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kfs01\s0107\10_データ連携推進Ｇ\42_オープンデータ運用\02_オープンデータサイト\05_市町村共同公開データ更新\2025年度\03_公開\03_公開\"/>
    </mc:Choice>
  </mc:AlternateContent>
  <bookViews>
    <workbookView xWindow="0" yWindow="0" windowWidth="23040" windowHeight="10488"/>
  </bookViews>
  <sheets>
    <sheet name="公園一覧" sheetId="1" r:id="rId1"/>
    <sheet name="記載例・入力方法" sheetId="7" r:id="rId2"/>
    <sheet name="リスト" sheetId="6" state="hidden" r:id="rId3"/>
  </sheets>
  <externalReferences>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s>
  <definedNames>
    <definedName name="_xlnm._FilterDatabase" localSheetId="1" hidden="1">記載例・入力方法!$A$4:$BA$4</definedName>
    <definedName name="_xlnm._FilterDatabase" localSheetId="0" hidden="1">公園一覧!$1:$8096</definedName>
    <definedName name="_xlnm.Print_Area" localSheetId="1">記載例・入力方法!$A$1:$AZ$12</definedName>
    <definedName name="_xlnm.Print_Area" localSheetId="0">公園一覧!$B$1:$BB$809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9581" uniqueCount="24676">
  <si>
    <t>運動公園</t>
  </si>
  <si>
    <t>街区公園</t>
  </si>
  <si>
    <t>緩衝緑地</t>
  </si>
  <si>
    <t>近隣公園</t>
  </si>
  <si>
    <t>広域公園</t>
  </si>
  <si>
    <t>広場公園</t>
  </si>
  <si>
    <t>総合公園</t>
  </si>
  <si>
    <t>地区公園（カントリーパーク）</t>
  </si>
  <si>
    <t>都市緑地</t>
  </si>
  <si>
    <t>都市林</t>
  </si>
  <si>
    <t>特殊公園（風致公園、動植物公園、歴史公園、墓園）</t>
  </si>
  <si>
    <t>緑道</t>
  </si>
  <si>
    <t>その他</t>
  </si>
  <si>
    <t>その他</t>
    <rPh sb="2" eb="3">
      <t>タ</t>
    </rPh>
    <phoneticPr fontId="7"/>
  </si>
  <si>
    <t>提供開始年</t>
  </si>
  <si>
    <t>スプリング遊具・スイング遊具</t>
    <rPh sb="5" eb="7">
      <t>ユウグ</t>
    </rPh>
    <rPh sb="12" eb="14">
      <t>ユウグ</t>
    </rPh>
    <phoneticPr fontId="7"/>
  </si>
  <si>
    <t>砂場</t>
    <rPh sb="0" eb="2">
      <t>スナバ</t>
    </rPh>
    <phoneticPr fontId="7"/>
  </si>
  <si>
    <t>複合遊具</t>
    <rPh sb="0" eb="2">
      <t>フクゴウ</t>
    </rPh>
    <rPh sb="2" eb="4">
      <t>ユウグ</t>
    </rPh>
    <phoneticPr fontId="7"/>
  </si>
  <si>
    <t>健康器具</t>
    <rPh sb="0" eb="2">
      <t>ケンコウ</t>
    </rPh>
    <rPh sb="2" eb="4">
      <t>キグ</t>
    </rPh>
    <phoneticPr fontId="7"/>
  </si>
  <si>
    <t>ブランコ</t>
    <phoneticPr fontId="7"/>
  </si>
  <si>
    <t>すべり台</t>
    <rPh sb="3" eb="4">
      <t>ダイ</t>
    </rPh>
    <phoneticPr fontId="7"/>
  </si>
  <si>
    <t>ジャングルジム</t>
    <phoneticPr fontId="7"/>
  </si>
  <si>
    <t>鉄棒</t>
    <rPh sb="0" eb="2">
      <t>テツボウ</t>
    </rPh>
    <phoneticPr fontId="7"/>
  </si>
  <si>
    <t>シーソー</t>
    <phoneticPr fontId="7"/>
  </si>
  <si>
    <t>ターザンロープ</t>
    <phoneticPr fontId="7"/>
  </si>
  <si>
    <t>ローラースライダー</t>
    <phoneticPr fontId="7"/>
  </si>
  <si>
    <t>ふわふわドーム</t>
    <phoneticPr fontId="7"/>
  </si>
  <si>
    <t>芝生広場</t>
  </si>
  <si>
    <t>水遊び</t>
    <phoneticPr fontId="7"/>
  </si>
  <si>
    <t>ランニングコース</t>
    <phoneticPr fontId="7"/>
  </si>
  <si>
    <t>テニスコート</t>
    <phoneticPr fontId="7"/>
  </si>
  <si>
    <t>バスケットゴール</t>
    <phoneticPr fontId="7"/>
  </si>
  <si>
    <t>野球場</t>
    <phoneticPr fontId="7"/>
  </si>
  <si>
    <t>フットサル場</t>
    <phoneticPr fontId="7"/>
  </si>
  <si>
    <t>サッカー場</t>
    <phoneticPr fontId="7"/>
  </si>
  <si>
    <t>スケートパーク</t>
    <phoneticPr fontId="7"/>
  </si>
  <si>
    <t>プール</t>
    <phoneticPr fontId="7"/>
  </si>
  <si>
    <t>体育館</t>
    <phoneticPr fontId="7"/>
  </si>
  <si>
    <t>陸上競技場</t>
    <phoneticPr fontId="7"/>
  </si>
  <si>
    <t>ウサギ・モルモット</t>
    <phoneticPr fontId="7"/>
  </si>
  <si>
    <t>ハムスター</t>
    <phoneticPr fontId="7"/>
  </si>
  <si>
    <t>ひよこ</t>
    <phoneticPr fontId="7"/>
  </si>
  <si>
    <t>馬・ポニー</t>
    <rPh sb="0" eb="1">
      <t>ウマ</t>
    </rPh>
    <phoneticPr fontId="7"/>
  </si>
  <si>
    <t>カフェ・飲食施設</t>
    <phoneticPr fontId="7"/>
  </si>
  <si>
    <t>売店</t>
    <phoneticPr fontId="7"/>
  </si>
  <si>
    <t>自動販売機</t>
    <phoneticPr fontId="7"/>
  </si>
  <si>
    <t>バーベキュー場</t>
    <phoneticPr fontId="7"/>
  </si>
  <si>
    <t>ドッグラン</t>
    <phoneticPr fontId="7"/>
  </si>
  <si>
    <t>喫煙所</t>
    <phoneticPr fontId="7"/>
  </si>
  <si>
    <t>イベント広場</t>
    <phoneticPr fontId="7"/>
  </si>
  <si>
    <t>無料駐車場</t>
  </si>
  <si>
    <t>有料駐車場</t>
  </si>
  <si>
    <t>駐輪場</t>
  </si>
  <si>
    <t>開園時間</t>
  </si>
  <si>
    <t>休園日</t>
  </si>
  <si>
    <t>関連リンク</t>
  </si>
  <si>
    <t>備考</t>
  </si>
  <si>
    <t>002654</t>
  </si>
  <si>
    <t>神奈川県</t>
  </si>
  <si>
    <t>神奈川県横浜市泉区下飯田町5-5</t>
  </si>
  <si>
    <t>http://kanagawa-park.or.jp/sakaigawa/</t>
  </si>
  <si>
    <t>002664</t>
  </si>
  <si>
    <t>三ツ池公園</t>
  </si>
  <si>
    <t>神奈川県横浜市鶴見区三ツ池公園1-1</t>
  </si>
  <si>
    <t>http://www.kanagawaparks.com/mitsuike/</t>
  </si>
  <si>
    <t>002666</t>
  </si>
  <si>
    <t>保土ケ谷公園</t>
  </si>
  <si>
    <t>神奈川県横浜市保土ケ谷区花見台4-2</t>
  </si>
  <si>
    <t>http://www.kanagawa-park.or.jp/hodogaya/index.html</t>
  </si>
  <si>
    <t>神奈川県内で初めて造られた運動公園です。</t>
  </si>
  <si>
    <t>002668</t>
  </si>
  <si>
    <t>四季の森公園</t>
  </si>
  <si>
    <t>神奈川県横浜市緑区寺山町291</t>
  </si>
  <si>
    <t>管理事務所：午前8時30分～午後5時30分</t>
  </si>
  <si>
    <t>http://www.kanagawaparks.com/shikinomori/</t>
  </si>
  <si>
    <t>横浜市の市街地にありながら、豊かな里山の自然をそのままに残した公園です。</t>
  </si>
  <si>
    <t>003947</t>
  </si>
  <si>
    <t>東高根森林公園</t>
  </si>
  <si>
    <t>神奈川県川崎市宮前区神木本町2-10-1</t>
  </si>
  <si>
    <t>http://www.kanagawaparks.com/higasitakane/</t>
  </si>
  <si>
    <t>多摩丘陵の懐かしくも美しい自然を今に伝える公園です。</t>
  </si>
  <si>
    <t>004530</t>
  </si>
  <si>
    <t>相模湖公園</t>
  </si>
  <si>
    <t>神奈川県相模原市緑区与瀬317-1</t>
  </si>
  <si>
    <t>http://www.sagamiko.info/category/%e7%a5%9e%e5%a5%88%e5%b7%9d%e7%9c%8c%e7%ab%8b%e7%9b%b8%e6%a8%a1%e6%b9%96%e5%85%ac%e5%9c%92/</t>
  </si>
  <si>
    <t>004549</t>
  </si>
  <si>
    <t>相模原公園</t>
  </si>
  <si>
    <t>神奈川県相模原市南区下溝3277</t>
  </si>
  <si>
    <t>http://www.sagamihara.kanagawa-park.or.jp/index.html</t>
  </si>
  <si>
    <t>広々とした芝生広場やメタセコイアの並木に囲まれたフランス風庭園などで構成される公園です。</t>
  </si>
  <si>
    <t>004550</t>
  </si>
  <si>
    <t>津久井湖城山公園</t>
  </si>
  <si>
    <t>神奈川県相模原市緑区根小屋162</t>
  </si>
  <si>
    <t>http://www.kanagawa-park.or.jp/tsukuikoshiroyama/index.html</t>
  </si>
  <si>
    <t>城山ダムの両岸と、戦国時代の山城、津久井城跡を利用した公園です。</t>
  </si>
  <si>
    <t>004899</t>
  </si>
  <si>
    <t>塚山公園</t>
  </si>
  <si>
    <t>神奈川県横須賀市西逸見町3-55-1</t>
  </si>
  <si>
    <t>管理事務所：午前８時30分～午後17時</t>
  </si>
  <si>
    <t>http://www.kanagawa-park.or.jp/tsukayama/</t>
  </si>
  <si>
    <t>004913</t>
  </si>
  <si>
    <t>神奈川県横須賀市鴨居4-1262</t>
  </si>
  <si>
    <t>http://www.kanagawaparks.com/kannon/</t>
  </si>
  <si>
    <t>005783</t>
  </si>
  <si>
    <t>湘南海岸公園</t>
  </si>
  <si>
    <t>神奈川県藤沢市鵠沼海岸1-17-3</t>
  </si>
  <si>
    <t>http://www.s-n-p.jp/shonankaigan_park/</t>
  </si>
  <si>
    <t>都心からも程近く、恵まれた眺望は、湘南を代表する人気スポットです。</t>
  </si>
  <si>
    <t>005784</t>
  </si>
  <si>
    <t>辻堂海浜公園</t>
  </si>
  <si>
    <t>神奈川県藤沢市辻堂西海岸3-2</t>
  </si>
  <si>
    <t>http://www.kanagawa-park.or.jp/tujidou/</t>
  </si>
  <si>
    <t>「湘南」という地名から、多くの方が思い浮かべるイメージを凝縮した公園です</t>
  </si>
  <si>
    <t>005943</t>
  </si>
  <si>
    <t>おだわら諏訪の原公園</t>
  </si>
  <si>
    <t>神奈川県小田原市久野3821-1</t>
  </si>
  <si>
    <t>http://www.seibu-la.co.jp/suwanohara/</t>
  </si>
  <si>
    <t>006126</t>
  </si>
  <si>
    <t>神奈川県茅ヶ崎市汐見台3-15</t>
  </si>
  <si>
    <t>無休</t>
    <rPh sb="0" eb="2">
      <t>ムキュウ</t>
    </rPh>
    <phoneticPr fontId="7"/>
  </si>
  <si>
    <t>http://www.kanagawa-park.or.jp/shounanshiomidai/index.html</t>
  </si>
  <si>
    <t>少年野球場や運動広場、遊具広場のある公園です</t>
  </si>
  <si>
    <t>006132</t>
  </si>
  <si>
    <t>茅ケ崎里山公園</t>
  </si>
  <si>
    <t>神奈川県茅ヶ崎市芹沢1030</t>
  </si>
  <si>
    <t>http://www.kanagawa-park.or.jp/satoyama/index.html</t>
  </si>
  <si>
    <t>006283</t>
  </si>
  <si>
    <t>城ケ島公園</t>
  </si>
  <si>
    <t>神奈川県三浦市三崎町城ヶ島</t>
  </si>
  <si>
    <t>http://www.miura-info.ne.jp/kouen.html</t>
  </si>
  <si>
    <t>006490</t>
  </si>
  <si>
    <t>秦野戸川公園</t>
  </si>
  <si>
    <t>神奈川県秦野市掘山下1513</t>
  </si>
  <si>
    <t>http://www.kanagawa-park.or.jp/hadanotokawa/index.html</t>
  </si>
  <si>
    <t>006727</t>
  </si>
  <si>
    <t>七沢森林公園</t>
  </si>
  <si>
    <t>神奈川県厚木市七沢901-1</t>
  </si>
  <si>
    <t>http://www.kanagawa-park.or.jp/nanasawa/</t>
  </si>
  <si>
    <t>007158</t>
  </si>
  <si>
    <t>神奈川県伊勢原市三ノ宮1804-1</t>
  </si>
  <si>
    <t>http://www.kanagawa-park.or.jp/isehara/</t>
  </si>
  <si>
    <t>園内では、タチツボスミレ、ホタルブクロなど、四季の草花を観ることができます。また、山頂からは大山、展望広場からは伊勢原のまちなみなどの眺望を楽しむことができます。</t>
  </si>
  <si>
    <t>007334</t>
  </si>
  <si>
    <t>相模三川公園</t>
  </si>
  <si>
    <t>神奈川県海老名市上郷2-1-1</t>
  </si>
  <si>
    <t>http://www.sagamisansen-kanagawa.jp/</t>
  </si>
  <si>
    <t>007395</t>
  </si>
  <si>
    <t>座間谷戸山公園</t>
  </si>
  <si>
    <t>http://www.zamayatoyama.kanagawa-park.or.jp/index.html</t>
  </si>
  <si>
    <t>007618</t>
  </si>
  <si>
    <t>葉山公園</t>
  </si>
  <si>
    <t>神奈川県三浦郡葉山町下山口1443-4</t>
  </si>
  <si>
    <t>http://www.hayama-park.com/about/index.html</t>
  </si>
  <si>
    <t>007621</t>
  </si>
  <si>
    <t>はやま三ヶ岡山緑地</t>
  </si>
  <si>
    <t>神奈川県三浦郡葉山町一色･堀内</t>
  </si>
  <si>
    <t>http://www.hayama-park.com/about/index02.html</t>
  </si>
  <si>
    <t>007713</t>
  </si>
  <si>
    <t>大磯城山公園</t>
  </si>
  <si>
    <t>神奈川県中郡大磯町国府本郷551-1</t>
  </si>
  <si>
    <t>http://www.kanagawa-park.or.jp/ooisojoyama/index.html</t>
  </si>
  <si>
    <t>旧三井財閥別荘跡地と旧吉田茂邸跡地を整備した公園で、豊かな自然の中に、日本情緒あふれる茶室や郷土資料館などが点在し、また道を隔て、モダニズムを加えた和風庭園の先駆けである旧吉田茂邸の庭園もあります。</t>
  </si>
  <si>
    <t>007914</t>
  </si>
  <si>
    <t>恩賜箱根公園</t>
  </si>
  <si>
    <t>神奈川県足柄下郡箱根町元箱根171</t>
  </si>
  <si>
    <t>http://www.kanagawa-park.or.jp/onsisite/index.html</t>
  </si>
  <si>
    <t>007972</t>
  </si>
  <si>
    <t>あいかわ公園</t>
  </si>
  <si>
    <t>神奈川県愛甲郡愛川町半原5423</t>
  </si>
  <si>
    <t>http://www.aikawa-park.jp/</t>
  </si>
  <si>
    <t>春には色とりどりのツツジが一面に咲き誇る「花の斜面」や、眺望抜群の「風の丘」などがあり、四季折々感動的な景色が皆様をお待ちしています。</t>
  </si>
  <si>
    <t>神奈川県足柄上郡山北町川西､都夫良野</t>
  </si>
  <si>
    <t>010001</t>
  </si>
  <si>
    <t>鶴ケ峰まちかど広場</t>
  </si>
  <si>
    <t>-</t>
    <phoneticPr fontId="7"/>
  </si>
  <si>
    <t>010002</t>
  </si>
  <si>
    <t>上大岡第三公園</t>
  </si>
  <si>
    <t>010003</t>
  </si>
  <si>
    <t>本牧和田公園</t>
  </si>
  <si>
    <t>神奈川県横浜市中区本牧和田31-13</t>
  </si>
  <si>
    <t>010004</t>
  </si>
  <si>
    <t>東寺尾中台公園</t>
  </si>
  <si>
    <t>神奈川県横浜市鶴見区東寺尾中台34</t>
  </si>
  <si>
    <t>010005</t>
  </si>
  <si>
    <t>山下町風の広場公園</t>
  </si>
  <si>
    <t>神奈川県横浜市中区山下町168-3</t>
  </si>
  <si>
    <t>010006</t>
  </si>
  <si>
    <t>市場西中町一里塚公園</t>
  </si>
  <si>
    <t>神奈川県横浜市鶴見区市場西中町1480-1</t>
  </si>
  <si>
    <t>010007</t>
  </si>
  <si>
    <t>影取公園</t>
  </si>
  <si>
    <t>神奈川県横浜市戸塚区影取町47-21</t>
  </si>
  <si>
    <t>010008</t>
  </si>
  <si>
    <t>藤が丘第五公園</t>
  </si>
  <si>
    <t>010009</t>
  </si>
  <si>
    <t>和泉土橋公園</t>
  </si>
  <si>
    <t>010010</t>
  </si>
  <si>
    <t>浅間町三丁目公園</t>
  </si>
  <si>
    <t>010011</t>
  </si>
  <si>
    <t>名瀬下第五公園</t>
  </si>
  <si>
    <t>神奈川県横浜市戸塚区名瀬町764-18</t>
  </si>
  <si>
    <t>010012</t>
  </si>
  <si>
    <t>境木第四公園</t>
  </si>
  <si>
    <t>010013</t>
  </si>
  <si>
    <t>永田北一丁目第一公園</t>
  </si>
  <si>
    <t>010014</t>
  </si>
  <si>
    <t>名瀬下第六公園</t>
  </si>
  <si>
    <t>010015</t>
  </si>
  <si>
    <t>相沢南公園</t>
  </si>
  <si>
    <t>010016</t>
  </si>
  <si>
    <t>本町通三丁目公園</t>
  </si>
  <si>
    <t>010017</t>
  </si>
  <si>
    <t>三ッ境第七公園</t>
  </si>
  <si>
    <t>010018</t>
  </si>
  <si>
    <t>猪子山第三公園</t>
  </si>
  <si>
    <t>神奈川県横浜市旭区川島町2921-40</t>
  </si>
  <si>
    <t>010019</t>
  </si>
  <si>
    <t>岸根大堀公園</t>
  </si>
  <si>
    <t>神奈川県横浜市港北区岸根町700-24</t>
  </si>
  <si>
    <t>010020</t>
  </si>
  <si>
    <t>桂台二丁目第二公園</t>
  </si>
  <si>
    <t>010021</t>
  </si>
  <si>
    <t>上の宮第一公園</t>
  </si>
  <si>
    <t>010022</t>
  </si>
  <si>
    <t>二俣川一丁目第二公園</t>
  </si>
  <si>
    <t>010023</t>
  </si>
  <si>
    <t>すみれが丘第四公園</t>
  </si>
  <si>
    <t>神奈川県横浜市都筑区すみれが丘10-13</t>
  </si>
  <si>
    <t>010024</t>
  </si>
  <si>
    <t>都筑が丘第五公園</t>
  </si>
  <si>
    <t>神奈川県横浜市都筑区川和町2595-17</t>
  </si>
  <si>
    <t>010025</t>
  </si>
  <si>
    <t>長谷第二公園</t>
  </si>
  <si>
    <t>010026</t>
  </si>
  <si>
    <t>東野第四公園</t>
  </si>
  <si>
    <t>神奈川県横浜市瀬谷区東野95-14</t>
  </si>
  <si>
    <t>010027</t>
  </si>
  <si>
    <t>北大豆戸第二公園</t>
  </si>
  <si>
    <t>神奈川県横浜市港北区大豆戸町985-2</t>
  </si>
  <si>
    <t>010028</t>
  </si>
  <si>
    <t>笹下七丁目公園</t>
  </si>
  <si>
    <t>010029</t>
  </si>
  <si>
    <t>美しが丘第九公園</t>
  </si>
  <si>
    <t>010030</t>
  </si>
  <si>
    <t>今宿南第一公園</t>
  </si>
  <si>
    <t>神奈川県横浜市旭区今宿町2679-29</t>
  </si>
  <si>
    <t>010031</t>
  </si>
  <si>
    <t>給田町公園</t>
  </si>
  <si>
    <t>010032</t>
  </si>
  <si>
    <t>東本郷第六公園</t>
  </si>
  <si>
    <t>010033</t>
  </si>
  <si>
    <t>岩崎町第二公園</t>
  </si>
  <si>
    <t>010034</t>
  </si>
  <si>
    <t>栗木町公園</t>
  </si>
  <si>
    <t>010035</t>
  </si>
  <si>
    <t>高島台公園</t>
  </si>
  <si>
    <t>神奈川県横浜市神奈川区高島台24-5</t>
  </si>
  <si>
    <t>010036</t>
  </si>
  <si>
    <t>奈良町駒狩公園</t>
  </si>
  <si>
    <t>神奈川県横浜市青葉区奈良町1566-381</t>
  </si>
  <si>
    <t>010037</t>
  </si>
  <si>
    <t>中田町第六公園</t>
  </si>
  <si>
    <t>010038</t>
  </si>
  <si>
    <t>さつきが丘第二公園</t>
  </si>
  <si>
    <t>神奈川県横浜市青葉区さつきが丘11-8</t>
  </si>
  <si>
    <t>010039</t>
  </si>
  <si>
    <t>新吉田町原公園</t>
  </si>
  <si>
    <t>神奈川県横浜市港北区新吉田町5587-4</t>
  </si>
  <si>
    <t>010040</t>
  </si>
  <si>
    <t>峰岡橋公園</t>
  </si>
  <si>
    <t>010041</t>
  </si>
  <si>
    <t>笹堀第四公園</t>
  </si>
  <si>
    <t>010042</t>
  </si>
  <si>
    <t>奈良町第十公園</t>
  </si>
  <si>
    <t>神奈川県横浜市青葉区奈良町1566-505</t>
  </si>
  <si>
    <t>010043</t>
  </si>
  <si>
    <t>上山町谷公園</t>
  </si>
  <si>
    <t>010044</t>
  </si>
  <si>
    <t>岡津清治ケ谷公園</t>
  </si>
  <si>
    <t>神奈川県横浜市泉区岡津町2798-11</t>
  </si>
  <si>
    <t>010045</t>
  </si>
  <si>
    <t>南川こども公園</t>
  </si>
  <si>
    <t>010046</t>
  </si>
  <si>
    <t>すすき野一丁目かえで公園</t>
  </si>
  <si>
    <t>010047</t>
  </si>
  <si>
    <t>いぶき野第五公園</t>
  </si>
  <si>
    <t>神奈川県横浜市緑区いぶき野1-35</t>
  </si>
  <si>
    <t>010048</t>
  </si>
  <si>
    <t>西大口第一公園</t>
  </si>
  <si>
    <t>神奈川県横浜市神奈川区西大口130-49</t>
  </si>
  <si>
    <t>010049</t>
  </si>
  <si>
    <t>平戸新林第二公園</t>
  </si>
  <si>
    <t>神奈川県横浜市戸塚区平戸町829-4</t>
  </si>
  <si>
    <t>010050</t>
  </si>
  <si>
    <t>斎藤分町公園</t>
  </si>
  <si>
    <t>神奈川県横浜市神奈川区斎藤分町21</t>
  </si>
  <si>
    <t>010051</t>
  </si>
  <si>
    <t>阿久和沢谷公園</t>
  </si>
  <si>
    <t>010052</t>
  </si>
  <si>
    <t>すみれが丘第五公園</t>
  </si>
  <si>
    <t>神奈川県横浜市都筑区すみれが丘12-18</t>
  </si>
  <si>
    <t>010053</t>
  </si>
  <si>
    <t>都筑が丘第八公園</t>
  </si>
  <si>
    <t>神奈川県横浜市都筑区川和町1711-4</t>
  </si>
  <si>
    <t>010054</t>
  </si>
  <si>
    <t>ワシン坂公園</t>
  </si>
  <si>
    <t>神奈川県横浜市中区山手町166-4</t>
  </si>
  <si>
    <t>010055</t>
  </si>
  <si>
    <t>市ケ尾おさかな広場</t>
  </si>
  <si>
    <t>010056</t>
  </si>
  <si>
    <t>美しが丘第十公園</t>
  </si>
  <si>
    <t>010057</t>
  </si>
  <si>
    <t>金が谷第三公園</t>
  </si>
  <si>
    <t>010058</t>
  </si>
  <si>
    <t>さちが丘公園</t>
  </si>
  <si>
    <t>神奈川県横浜市旭区さちが丘190-13</t>
  </si>
  <si>
    <t>010059</t>
  </si>
  <si>
    <t>高田第八公園</t>
  </si>
  <si>
    <t>010060</t>
  </si>
  <si>
    <t>六ツ川二丁目第三公園</t>
  </si>
  <si>
    <t>010061</t>
  </si>
  <si>
    <t>田中町第三公園</t>
  </si>
  <si>
    <t>010062</t>
  </si>
  <si>
    <t>たちばな台第五公園</t>
  </si>
  <si>
    <t>010063</t>
  </si>
  <si>
    <t>中希望が丘第六公園</t>
  </si>
  <si>
    <t>神奈川県横浜市旭区中希望が丘155-15</t>
  </si>
  <si>
    <t>010064</t>
  </si>
  <si>
    <t>新吉田第二公園</t>
  </si>
  <si>
    <t>010065</t>
  </si>
  <si>
    <t>泉谷第三公園</t>
  </si>
  <si>
    <t>010066</t>
  </si>
  <si>
    <t>六浦しらゆり公園</t>
  </si>
  <si>
    <t>010067</t>
  </si>
  <si>
    <t>東永谷二丁目公園</t>
  </si>
  <si>
    <t>010068</t>
  </si>
  <si>
    <t>金が谷第二公園</t>
  </si>
  <si>
    <t>010069</t>
  </si>
  <si>
    <t>新吉田第三公園</t>
  </si>
  <si>
    <t>010070</t>
  </si>
  <si>
    <t>白根寺下第五公園</t>
  </si>
  <si>
    <t>010071</t>
  </si>
  <si>
    <t>東前第二公園</t>
  </si>
  <si>
    <t>010072</t>
  </si>
  <si>
    <t>高谷第二公園</t>
  </si>
  <si>
    <t>010073</t>
  </si>
  <si>
    <t>洋光台六丁目第二公園</t>
  </si>
  <si>
    <t>010074</t>
  </si>
  <si>
    <t>下田町第三公園</t>
  </si>
  <si>
    <t>010075</t>
  </si>
  <si>
    <t>領家ふれあい広場</t>
  </si>
  <si>
    <t>010076</t>
  </si>
  <si>
    <t>白根寺下第四公園</t>
  </si>
  <si>
    <t>010077</t>
  </si>
  <si>
    <t>阿久和東第二公園</t>
  </si>
  <si>
    <t>010078</t>
  </si>
  <si>
    <t>六ツ川二丁目南公園</t>
  </si>
  <si>
    <t>010079</t>
  </si>
  <si>
    <t>東俣野第一公園</t>
  </si>
  <si>
    <t>神奈川県横浜市戸塚区東俣野町1662-9</t>
  </si>
  <si>
    <t>010080</t>
  </si>
  <si>
    <t>すみれが丘第三公園</t>
  </si>
  <si>
    <t>神奈川県横浜市都筑区すみれが丘15-46</t>
  </si>
  <si>
    <t>010081</t>
  </si>
  <si>
    <t>稲荷前第四公園</t>
  </si>
  <si>
    <t>神奈川県横浜市青葉区大場町155-18</t>
  </si>
  <si>
    <t>010082</t>
  </si>
  <si>
    <t>鴨居第四公園</t>
  </si>
  <si>
    <t>神奈川県横浜市緑区鴨居町840-2</t>
  </si>
  <si>
    <t>010083</t>
  </si>
  <si>
    <t>前田町第二公園</t>
  </si>
  <si>
    <t>神奈川県横浜市戸塚区前田町424-14</t>
  </si>
  <si>
    <t>010084</t>
  </si>
  <si>
    <t>新井町第三公園</t>
  </si>
  <si>
    <t>010085</t>
  </si>
  <si>
    <t>大久保三丁目第二公園</t>
  </si>
  <si>
    <t>010086</t>
  </si>
  <si>
    <t>錦が丘公園</t>
  </si>
  <si>
    <t>神奈川県横浜市港北区錦が丘24</t>
  </si>
  <si>
    <t>010087</t>
  </si>
  <si>
    <t>磯子峰公園</t>
  </si>
  <si>
    <t>010088</t>
  </si>
  <si>
    <t>東寺尾一丁目公園</t>
  </si>
  <si>
    <t>010089</t>
  </si>
  <si>
    <t>榎が丘第四公園</t>
  </si>
  <si>
    <t>神奈川県横浜市青葉区榎が丘31-8</t>
  </si>
  <si>
    <t>010090</t>
  </si>
  <si>
    <t>菊名町第二公園</t>
  </si>
  <si>
    <t>010091</t>
  </si>
  <si>
    <t>片倉第二公園</t>
  </si>
  <si>
    <t>010092</t>
  </si>
  <si>
    <t>樽町札之下公園</t>
  </si>
  <si>
    <t>010093</t>
  </si>
  <si>
    <t>長浜第二公園</t>
  </si>
  <si>
    <t>010094</t>
  </si>
  <si>
    <t>都筑が丘第六公園</t>
  </si>
  <si>
    <t>神奈川県横浜市都筑区川和町2589-7</t>
  </si>
  <si>
    <t>010095</t>
  </si>
  <si>
    <t>西大口第二公園</t>
  </si>
  <si>
    <t>神奈川県横浜市神奈川区西大口130-52</t>
  </si>
  <si>
    <t>-</t>
  </si>
  <si>
    <t>010096</t>
  </si>
  <si>
    <t>深谷町西之脇公園</t>
  </si>
  <si>
    <t>010097</t>
  </si>
  <si>
    <t>鴨居西台第二公園</t>
  </si>
  <si>
    <t>010098</t>
  </si>
  <si>
    <t>不動丸第二公園</t>
  </si>
  <si>
    <t>010099</t>
  </si>
  <si>
    <t>上永谷第二公園</t>
  </si>
  <si>
    <t>010100</t>
  </si>
  <si>
    <t>日野藤ヶ沢第二公園</t>
  </si>
  <si>
    <t>010101</t>
  </si>
  <si>
    <t>東希望が丘第六公園</t>
  </si>
  <si>
    <t>神奈川県横浜市旭区東希望が丘204-26</t>
  </si>
  <si>
    <t>010102</t>
  </si>
  <si>
    <t>下田町杉並公園</t>
  </si>
  <si>
    <t>010103</t>
  </si>
  <si>
    <t>和泉銭亀公園</t>
  </si>
  <si>
    <t>010104</t>
  </si>
  <si>
    <t>宮沢町第三公園</t>
  </si>
  <si>
    <t>010105</t>
  </si>
  <si>
    <t>渡戸東第二公園</t>
  </si>
  <si>
    <t>010106</t>
  </si>
  <si>
    <t>上白根長坂第二公園</t>
  </si>
  <si>
    <t>010107</t>
  </si>
  <si>
    <t>北村第一公園</t>
  </si>
  <si>
    <t>神奈川県横浜市瀬谷区北新16-2</t>
  </si>
  <si>
    <t>010108</t>
  </si>
  <si>
    <t>上矢部セキバ公園</t>
  </si>
  <si>
    <t>神奈川県横浜市戸塚区上矢部町1542-3</t>
  </si>
  <si>
    <t>010109</t>
  </si>
  <si>
    <t>四ツ田公園</t>
  </si>
  <si>
    <t>神奈川県横浜市旭区東希望が丘2-51</t>
  </si>
  <si>
    <t>010110</t>
  </si>
  <si>
    <t>乙舳第二公園</t>
  </si>
  <si>
    <t>神奈川県横浜市金沢区乙舳町21-31</t>
  </si>
  <si>
    <t>010111</t>
  </si>
  <si>
    <t>獅子ヶ谷第二公園</t>
  </si>
  <si>
    <t>010112</t>
  </si>
  <si>
    <t>二俣川一丁目第三公園</t>
  </si>
  <si>
    <t>010113</t>
  </si>
  <si>
    <t>星川一丁目第二公園</t>
  </si>
  <si>
    <t>010114</t>
  </si>
  <si>
    <t>010115</t>
  </si>
  <si>
    <t>北寺尾第五公園</t>
  </si>
  <si>
    <t>010116</t>
  </si>
  <si>
    <t>都筑が丘第四公園</t>
  </si>
  <si>
    <t>神奈川県横浜市都筑区川和町2597-22</t>
  </si>
  <si>
    <t>010117</t>
  </si>
  <si>
    <t>十日市場ちびっこ公園</t>
  </si>
  <si>
    <t>神奈川県横浜市緑区十日市場町897-10</t>
  </si>
  <si>
    <t>010118</t>
  </si>
  <si>
    <t>日野下根公園</t>
  </si>
  <si>
    <t>010119</t>
  </si>
  <si>
    <t>日吉本町第三公園</t>
  </si>
  <si>
    <t>010120</t>
  </si>
  <si>
    <t>新吉田東三丁目公園</t>
  </si>
  <si>
    <t>010121</t>
  </si>
  <si>
    <t>三ッ境第八公園</t>
  </si>
  <si>
    <t>010122</t>
  </si>
  <si>
    <t>篠原東三丁目公園</t>
  </si>
  <si>
    <t>010123</t>
  </si>
  <si>
    <t>藤が丘第七公園</t>
  </si>
  <si>
    <t>010124</t>
  </si>
  <si>
    <t>山手町公園</t>
  </si>
  <si>
    <t>神奈川県横浜市中区山手町126-7</t>
  </si>
  <si>
    <t>010125</t>
  </si>
  <si>
    <t>不動丸公園</t>
  </si>
  <si>
    <t>010126</t>
  </si>
  <si>
    <t>篠原東一丁目公園</t>
  </si>
  <si>
    <t>010127</t>
  </si>
  <si>
    <t>赤坂公園</t>
  </si>
  <si>
    <t>神奈川県横浜市神奈川区菅田町236-3</t>
  </si>
  <si>
    <t>010128</t>
  </si>
  <si>
    <t>浅間台公園</t>
  </si>
  <si>
    <t>神奈川県横浜市西区浅間台127-5</t>
  </si>
  <si>
    <t>010129</t>
  </si>
  <si>
    <t>下田町第二公園</t>
  </si>
  <si>
    <t>010130</t>
  </si>
  <si>
    <t>下永谷松原公園</t>
  </si>
  <si>
    <t>010131</t>
  </si>
  <si>
    <t>金が谷第六公園</t>
  </si>
  <si>
    <t>010132</t>
  </si>
  <si>
    <t>永田三縄田公園</t>
  </si>
  <si>
    <t>010133</t>
  </si>
  <si>
    <t>東俣野南公園</t>
  </si>
  <si>
    <t>神奈川県横浜市戸塚区東俣野町179-6</t>
  </si>
  <si>
    <t>010134</t>
  </si>
  <si>
    <t>都筑が丘第七公園</t>
  </si>
  <si>
    <t>神奈川県横浜市都筑区川和町2581-17</t>
  </si>
  <si>
    <t>010135</t>
  </si>
  <si>
    <t>上星川八幡通公園</t>
  </si>
  <si>
    <t>010136</t>
  </si>
  <si>
    <t>本宿町第一公園</t>
  </si>
  <si>
    <t>神奈川県横浜市旭区本宿町55-9</t>
  </si>
  <si>
    <t>010137</t>
  </si>
  <si>
    <t>別所矢畑公園</t>
  </si>
  <si>
    <t>神奈川県横浜市南区別所中里台43</t>
  </si>
  <si>
    <t>010138</t>
  </si>
  <si>
    <t>富岡西ふれあいの辻公園</t>
  </si>
  <si>
    <t>010139</t>
  </si>
  <si>
    <t>佐江戸杉崎公園</t>
  </si>
  <si>
    <t>神奈川県横浜市都筑区佐江戸町379-2</t>
  </si>
  <si>
    <t>010140</t>
  </si>
  <si>
    <t>中里町第三公園</t>
  </si>
  <si>
    <t>010141</t>
  </si>
  <si>
    <t>鳥見ヶ丘公園</t>
  </si>
  <si>
    <t>010142</t>
  </si>
  <si>
    <t>丸山台四丁目第二公園</t>
  </si>
  <si>
    <t>010143</t>
  </si>
  <si>
    <t>小柴浜公園</t>
  </si>
  <si>
    <t>神奈川県横浜市金沢区柴町347-7</t>
  </si>
  <si>
    <t>010144</t>
  </si>
  <si>
    <t>立野第三公園</t>
  </si>
  <si>
    <t>010145</t>
  </si>
  <si>
    <t>三之谷南公園</t>
  </si>
  <si>
    <t>神奈川県横浜市中区本牧三之谷18-1</t>
  </si>
  <si>
    <t>010146</t>
  </si>
  <si>
    <t>富士塚一丁目公園</t>
  </si>
  <si>
    <t>010147</t>
  </si>
  <si>
    <t>東寺尾五丁目公園</t>
  </si>
  <si>
    <t>010148</t>
  </si>
  <si>
    <t>下永谷池田公園</t>
  </si>
  <si>
    <t>010149</t>
  </si>
  <si>
    <t>上飯田池ノ上公園</t>
  </si>
  <si>
    <t>神奈川県横浜市泉区上飯田町2057-3</t>
  </si>
  <si>
    <t>010150</t>
  </si>
  <si>
    <t>白根寺下第二公園</t>
  </si>
  <si>
    <t>010151</t>
  </si>
  <si>
    <t>上柏尾清水頭公園</t>
  </si>
  <si>
    <t>神奈川県横浜市戸塚区上柏尾町403-6</t>
  </si>
  <si>
    <t>010152</t>
  </si>
  <si>
    <t>二ツ橋谷公園</t>
  </si>
  <si>
    <t>010153</t>
  </si>
  <si>
    <t>ふじみが丘公園</t>
  </si>
  <si>
    <t>010154</t>
  </si>
  <si>
    <t>馬場町第二公園</t>
  </si>
  <si>
    <t>010155</t>
  </si>
  <si>
    <t>馬場町第三公園</t>
  </si>
  <si>
    <t>010156</t>
  </si>
  <si>
    <t>本牧元町南公園</t>
  </si>
  <si>
    <t>神奈川県横浜市中区本牧元町8</t>
  </si>
  <si>
    <t>010157</t>
  </si>
  <si>
    <t>豆口台第二公園</t>
  </si>
  <si>
    <t>神奈川県横浜市中区豆口台155-19</t>
  </si>
  <si>
    <t>010158</t>
  </si>
  <si>
    <t>神大寺第三公園</t>
  </si>
  <si>
    <t>010159</t>
  </si>
  <si>
    <t>霞台第二公園</t>
  </si>
  <si>
    <t>010160</t>
  </si>
  <si>
    <t>菅田第二公園</t>
  </si>
  <si>
    <t>神奈川県横浜市神奈川区菅田町2659-8</t>
  </si>
  <si>
    <t>010161</t>
  </si>
  <si>
    <t>大道一丁目緑地</t>
  </si>
  <si>
    <t>010162</t>
  </si>
  <si>
    <t>羽沢大道第二公園</t>
  </si>
  <si>
    <t>神奈川県横浜市神奈川区羽沢町984-9</t>
  </si>
  <si>
    <t>010163</t>
  </si>
  <si>
    <t>杉田六丁目第二公園</t>
  </si>
  <si>
    <t>010164</t>
  </si>
  <si>
    <t>上矢部坂本第三公園</t>
  </si>
  <si>
    <t>神奈川県横浜市戸塚区上矢部町2822-5</t>
  </si>
  <si>
    <t>010165</t>
  </si>
  <si>
    <t>十ノ区やまもも公園</t>
  </si>
  <si>
    <t>神奈川県横浜市戸塚区戸塚町1978-4</t>
  </si>
  <si>
    <t>010166</t>
  </si>
  <si>
    <t>神之木台公園</t>
  </si>
  <si>
    <t>神奈川県横浜市神奈川区神之木台39</t>
  </si>
  <si>
    <t>010167</t>
  </si>
  <si>
    <t>橋戸南第二公園</t>
  </si>
  <si>
    <t>010168</t>
  </si>
  <si>
    <t>上永谷中里第五公園</t>
  </si>
  <si>
    <t>010169</t>
  </si>
  <si>
    <t>二俣川大藪公園</t>
  </si>
  <si>
    <t>010170</t>
  </si>
  <si>
    <t>原宿八幡山第二公園</t>
  </si>
  <si>
    <t>010171</t>
  </si>
  <si>
    <t>日吉五丁目第二公園</t>
  </si>
  <si>
    <t>010172</t>
  </si>
  <si>
    <t>仏向倉沢第二公園</t>
  </si>
  <si>
    <t>010173</t>
  </si>
  <si>
    <t>西大口第三公園</t>
  </si>
  <si>
    <t>神奈川県横浜市神奈川区西大口454-3</t>
  </si>
  <si>
    <t>010174</t>
  </si>
  <si>
    <t>上山町中公園</t>
  </si>
  <si>
    <t>010175</t>
  </si>
  <si>
    <t>矢口台公園</t>
  </si>
  <si>
    <t>神奈川県横浜市中区矢口台91-5</t>
  </si>
  <si>
    <t>010176</t>
  </si>
  <si>
    <t>日野下根第三公園</t>
  </si>
  <si>
    <t>010177</t>
  </si>
  <si>
    <t>八幡第二公園</t>
  </si>
  <si>
    <t>神奈川県横浜市南区八幡町72-17</t>
  </si>
  <si>
    <t>010178</t>
  </si>
  <si>
    <t>師岡表谷戸公園</t>
  </si>
  <si>
    <t>神奈川県横浜市港北区師岡町1160-45</t>
  </si>
  <si>
    <t>010179</t>
  </si>
  <si>
    <t>庚台公園</t>
  </si>
  <si>
    <t>神奈川県横浜市南区庚台49-9</t>
  </si>
  <si>
    <t>010180</t>
  </si>
  <si>
    <t>西川島町たぶの木陰公園</t>
  </si>
  <si>
    <t>神奈川県横浜市旭区西川島町60-18</t>
  </si>
  <si>
    <t>010181</t>
  </si>
  <si>
    <t>阿久和南二丁目公園</t>
  </si>
  <si>
    <t>010182</t>
  </si>
  <si>
    <t>榎町公園</t>
  </si>
  <si>
    <t>010183</t>
  </si>
  <si>
    <t>中和田村役場跡地公園</t>
  </si>
  <si>
    <t>010184</t>
  </si>
  <si>
    <t>新吉田具々田公園</t>
  </si>
  <si>
    <t>010185</t>
  </si>
  <si>
    <t>六浦五丁目公園</t>
  </si>
  <si>
    <t>010186</t>
  </si>
  <si>
    <t>西柴第五公園</t>
  </si>
  <si>
    <t>010187</t>
  </si>
  <si>
    <t>篠原北一丁目公園</t>
  </si>
  <si>
    <t>010189</t>
  </si>
  <si>
    <t>北寺尾第三公園</t>
  </si>
  <si>
    <t>010190</t>
  </si>
  <si>
    <t>西八朔第一公園</t>
  </si>
  <si>
    <t>神奈川県横浜市緑区西八朔町75-6</t>
  </si>
  <si>
    <t>010191</t>
  </si>
  <si>
    <t>瀬戸公園</t>
  </si>
  <si>
    <t>神奈川県横浜市金沢区瀬戸10</t>
  </si>
  <si>
    <t>010192</t>
  </si>
  <si>
    <t>別所第五公園</t>
  </si>
  <si>
    <t>010193</t>
  </si>
  <si>
    <t>菅田日向根第二公園</t>
  </si>
  <si>
    <t>神奈川県横浜市神奈川区菅田町407-12</t>
  </si>
  <si>
    <t>010194</t>
  </si>
  <si>
    <t>戸塚町南第三公園</t>
  </si>
  <si>
    <t>神奈川県横浜市戸塚区戸塚町719-20</t>
  </si>
  <si>
    <t>010195</t>
  </si>
  <si>
    <t>立野第四公園</t>
  </si>
  <si>
    <t>010196</t>
  </si>
  <si>
    <t>箕輪諏訪下第三公園</t>
  </si>
  <si>
    <t>010197</t>
  </si>
  <si>
    <t>北寺尾三丁目公園</t>
  </si>
  <si>
    <t>010198</t>
  </si>
  <si>
    <t>下倉田第五公園</t>
  </si>
  <si>
    <t>神奈川県横浜市戸塚区下倉田町1037-4</t>
  </si>
  <si>
    <t>010199</t>
  </si>
  <si>
    <t>橋戸二丁目公園</t>
  </si>
  <si>
    <t>010200</t>
  </si>
  <si>
    <t>いぶき野第六公園</t>
  </si>
  <si>
    <t>神奈川県横浜市緑区いぶき野39-14</t>
  </si>
  <si>
    <t>010201</t>
  </si>
  <si>
    <t>すみよし台第五公園</t>
  </si>
  <si>
    <t>神奈川県横浜市青葉区すみよし台36-4</t>
  </si>
  <si>
    <t>010202</t>
  </si>
  <si>
    <t>瀬戸ケ谷紫陽花公園</t>
  </si>
  <si>
    <t>010203</t>
  </si>
  <si>
    <t>日吉本町東根公園</t>
  </si>
  <si>
    <t>010204</t>
  </si>
  <si>
    <t>杉田大谷第四公園</t>
  </si>
  <si>
    <t>010205</t>
  </si>
  <si>
    <t>東川島町第二公園</t>
  </si>
  <si>
    <t>010206</t>
  </si>
  <si>
    <t>猿ヶ谷公園</t>
  </si>
  <si>
    <t>神奈川県横浜市戸塚区矢部町1544-38</t>
  </si>
  <si>
    <t>010207</t>
  </si>
  <si>
    <t>中尾町第五公園</t>
  </si>
  <si>
    <t>010208</t>
  </si>
  <si>
    <t>磯子間坂公園</t>
  </si>
  <si>
    <t>010209</t>
  </si>
  <si>
    <t>鴨居町北公園</t>
  </si>
  <si>
    <t>010210</t>
  </si>
  <si>
    <t>睦町二丁目公園</t>
  </si>
  <si>
    <t>010211</t>
  </si>
  <si>
    <t>三ツ沢上町ひろば公園</t>
  </si>
  <si>
    <t>010212</t>
  </si>
  <si>
    <t>駒岡第三公園</t>
  </si>
  <si>
    <t>010213</t>
  </si>
  <si>
    <t>下永谷長町第二公園</t>
  </si>
  <si>
    <t>010214</t>
  </si>
  <si>
    <t>西八朔第二公園</t>
  </si>
  <si>
    <t>神奈川県横浜市緑区西八朔町1198-15</t>
  </si>
  <si>
    <t>010215</t>
  </si>
  <si>
    <t>白根寺下第一公園</t>
  </si>
  <si>
    <t>010216</t>
  </si>
  <si>
    <t>新井町第四公園</t>
  </si>
  <si>
    <t>010217</t>
  </si>
  <si>
    <t>荏田西二丁目公園</t>
  </si>
  <si>
    <t>010218</t>
  </si>
  <si>
    <t>日野町清水公園</t>
  </si>
  <si>
    <t>010219</t>
  </si>
  <si>
    <t>吉田町金子田公園</t>
  </si>
  <si>
    <t>神奈川県横浜市戸塚区吉田町104-3</t>
  </si>
  <si>
    <t>010220</t>
  </si>
  <si>
    <t>梶山上台公園</t>
  </si>
  <si>
    <t>010221</t>
  </si>
  <si>
    <t>港南一丁目第二公園</t>
  </si>
  <si>
    <t>010222</t>
  </si>
  <si>
    <t>井戸ノ久保北公園</t>
  </si>
  <si>
    <t>010224</t>
  </si>
  <si>
    <t>柏尾町第五公園</t>
  </si>
  <si>
    <t>神奈川県横浜市戸塚区柏尾町1224-2</t>
  </si>
  <si>
    <t>010225</t>
  </si>
  <si>
    <t>釜利谷南二丁目公園</t>
  </si>
  <si>
    <t>010226</t>
  </si>
  <si>
    <t>阿久和西一丁目公園</t>
  </si>
  <si>
    <t>010227</t>
  </si>
  <si>
    <t>山王森第二公園</t>
  </si>
  <si>
    <t>010228</t>
  </si>
  <si>
    <t>柏尾町孫之台公園</t>
  </si>
  <si>
    <t>神奈川県横浜市戸塚区柏尾町1118-8</t>
  </si>
  <si>
    <t>010229</t>
  </si>
  <si>
    <t>平戸第三公園</t>
  </si>
  <si>
    <t>010230</t>
  </si>
  <si>
    <t>深谷町中丸公園</t>
  </si>
  <si>
    <t>神奈川県横浜市戸塚区深谷町1041-3</t>
  </si>
  <si>
    <t>010231</t>
  </si>
  <si>
    <t>奈良町宮ノ谷公園</t>
  </si>
  <si>
    <t>神奈川県横浜市青葉区奈良町751-3</t>
  </si>
  <si>
    <t>010232</t>
  </si>
  <si>
    <t>猿ヶ谷第二公園</t>
  </si>
  <si>
    <t>神奈川県横浜市戸塚区矢部町1520-3</t>
  </si>
  <si>
    <t>010233</t>
  </si>
  <si>
    <t>阿久和雨池公園</t>
  </si>
  <si>
    <t>010234</t>
  </si>
  <si>
    <t>平戸桑の谷公園</t>
  </si>
  <si>
    <t>神奈川県横浜市戸塚区平戸町1117-5</t>
  </si>
  <si>
    <t>010235</t>
  </si>
  <si>
    <t>富岡桜ヶ丘公園</t>
  </si>
  <si>
    <t>010236</t>
  </si>
  <si>
    <t>金が谷第四公園</t>
  </si>
  <si>
    <t>010237</t>
  </si>
  <si>
    <t>川和影渕公園</t>
  </si>
  <si>
    <t>神奈川県横浜市都筑区川和町654-2</t>
  </si>
  <si>
    <t>010238</t>
  </si>
  <si>
    <t>今宿筑野公園</t>
  </si>
  <si>
    <t>神奈川県横浜市旭区今宿町2659-37</t>
  </si>
  <si>
    <t>010239</t>
  </si>
  <si>
    <t>東上町公園</t>
  </si>
  <si>
    <t>010240</t>
  </si>
  <si>
    <t>宮ヶ谷第二公園</t>
  </si>
  <si>
    <t>010241</t>
  </si>
  <si>
    <t>折本町公園</t>
  </si>
  <si>
    <t>神奈川県横浜市都筑区折本町187-3</t>
  </si>
  <si>
    <t>010242</t>
  </si>
  <si>
    <t>梶山二丁目公園</t>
  </si>
  <si>
    <t>010243</t>
  </si>
  <si>
    <t>日吉本町三丁目第二公園</t>
  </si>
  <si>
    <t>010244</t>
  </si>
  <si>
    <t>白根四丁目公園</t>
  </si>
  <si>
    <t>010245</t>
  </si>
  <si>
    <t>大岡五丁目第二公園</t>
  </si>
  <si>
    <t>010246</t>
  </si>
  <si>
    <t>篠原町第二公園</t>
  </si>
  <si>
    <t>神奈川県横浜市港北区篠原町1089-2</t>
  </si>
  <si>
    <t>010247</t>
  </si>
  <si>
    <t>片倉大丸公園</t>
  </si>
  <si>
    <t>010248</t>
  </si>
  <si>
    <t>上永谷中里第三公園</t>
  </si>
  <si>
    <t>010249</t>
  </si>
  <si>
    <t>東川島町第三公園</t>
  </si>
  <si>
    <t>010250</t>
  </si>
  <si>
    <t>新石川一丁目公園</t>
  </si>
  <si>
    <t>010251</t>
  </si>
  <si>
    <t>藤が丘二丁目第二公園</t>
  </si>
  <si>
    <t>010252</t>
  </si>
  <si>
    <t>子の前公園</t>
  </si>
  <si>
    <t>010253</t>
  </si>
  <si>
    <t>小菅ケ谷宮ノ下公園</t>
  </si>
  <si>
    <t>010254</t>
  </si>
  <si>
    <t>前田町第四公園</t>
  </si>
  <si>
    <t>神奈川県横浜市戸塚区前田町502-45</t>
  </si>
  <si>
    <t>010255</t>
  </si>
  <si>
    <t>片倉一丁目公園</t>
  </si>
  <si>
    <t>010257</t>
  </si>
  <si>
    <t>矢向二ヶ領公園</t>
  </si>
  <si>
    <t>010258</t>
  </si>
  <si>
    <t>六ツ川一丁目第四公園</t>
  </si>
  <si>
    <t>010259</t>
  </si>
  <si>
    <t>永田東一丁目公園</t>
  </si>
  <si>
    <t>010260</t>
  </si>
  <si>
    <t>本牧間門公園</t>
  </si>
  <si>
    <t>神奈川県横浜市中区本牧間門238-13</t>
  </si>
  <si>
    <t>010261</t>
  </si>
  <si>
    <t>笹下杉本第二公園</t>
  </si>
  <si>
    <t>010262</t>
  </si>
  <si>
    <t>市ケ尾駅前公園</t>
  </si>
  <si>
    <t>010263</t>
  </si>
  <si>
    <t>菊名七丁目公園</t>
  </si>
  <si>
    <t>010264</t>
  </si>
  <si>
    <t>橋戸一丁目公園</t>
  </si>
  <si>
    <t>010265</t>
  </si>
  <si>
    <t>中里町第二公園</t>
  </si>
  <si>
    <t>010266</t>
  </si>
  <si>
    <t>しらとり台第五公園</t>
  </si>
  <si>
    <t>神奈川県横浜市青葉区しらとり台11-32</t>
  </si>
  <si>
    <t>010267</t>
  </si>
  <si>
    <t>仲久保公園</t>
  </si>
  <si>
    <t>010268</t>
  </si>
  <si>
    <t>白根五丁歩第二公園</t>
  </si>
  <si>
    <t>010269</t>
  </si>
  <si>
    <t>今井町第三公園</t>
  </si>
  <si>
    <t>010270</t>
  </si>
  <si>
    <t>深谷町子崎公園</t>
  </si>
  <si>
    <t>神奈川県横浜市戸塚区深谷町115-6</t>
  </si>
  <si>
    <t>010271</t>
  </si>
  <si>
    <t>大郷山公園</t>
  </si>
  <si>
    <t>010272</t>
  </si>
  <si>
    <t>本郷台大地原公園</t>
  </si>
  <si>
    <t>010273</t>
  </si>
  <si>
    <t>法泉三丁目公園</t>
  </si>
  <si>
    <t>010274</t>
  </si>
  <si>
    <t>小菅ケ谷渡戸第二公園</t>
  </si>
  <si>
    <t>010275</t>
  </si>
  <si>
    <t>磯子山田公園</t>
  </si>
  <si>
    <t>010276</t>
  </si>
  <si>
    <t>善部町こなら公園</t>
  </si>
  <si>
    <t>神奈川県横浜市旭区善部町26-4</t>
  </si>
  <si>
    <t>010277</t>
  </si>
  <si>
    <t>日吉本町西原第二公園</t>
  </si>
  <si>
    <t>010278</t>
  </si>
  <si>
    <t>中里四丁目公園</t>
  </si>
  <si>
    <t>010279</t>
  </si>
  <si>
    <t>西原第三公園</t>
  </si>
  <si>
    <t>010280</t>
  </si>
  <si>
    <t>桜台第四公園</t>
  </si>
  <si>
    <t>神奈川県横浜市青葉区桜台43-18</t>
  </si>
  <si>
    <t>010281</t>
  </si>
  <si>
    <t>上矢部第四公園</t>
  </si>
  <si>
    <t>神奈川県横浜市戸塚区上矢部町1921-20</t>
  </si>
  <si>
    <t>010282</t>
  </si>
  <si>
    <t>平戸新林公園</t>
  </si>
  <si>
    <t>神奈川県横浜市戸塚区平戸町774-4</t>
  </si>
  <si>
    <t>010283</t>
  </si>
  <si>
    <t>和泉町公園</t>
  </si>
  <si>
    <t>010284</t>
  </si>
  <si>
    <t>尻手三丁目公園</t>
  </si>
  <si>
    <t>010285</t>
  </si>
  <si>
    <t>狩場町第四公園</t>
  </si>
  <si>
    <t>010286</t>
  </si>
  <si>
    <t>平戸第五公園</t>
  </si>
  <si>
    <t>010287</t>
  </si>
  <si>
    <t>今宿神成谷第二公園</t>
  </si>
  <si>
    <t>010288</t>
  </si>
  <si>
    <t>日野大多良第二公園</t>
  </si>
  <si>
    <t>010289</t>
  </si>
  <si>
    <t>森二丁目東谷公園</t>
  </si>
  <si>
    <t>010290</t>
  </si>
  <si>
    <t>新井町稲荷通公園</t>
  </si>
  <si>
    <t>010291</t>
  </si>
  <si>
    <t>中白根四丁目公園</t>
  </si>
  <si>
    <t>010292</t>
  </si>
  <si>
    <t>師岡仲谷戸第二公園</t>
  </si>
  <si>
    <t>神奈川県横浜市港北区師岡町493-10</t>
  </si>
  <si>
    <t>010293</t>
  </si>
  <si>
    <t>影取第二公園</t>
  </si>
  <si>
    <t>神奈川県横浜市戸塚区影取町69-26</t>
  </si>
  <si>
    <t>010294</t>
  </si>
  <si>
    <t>高田公園</t>
  </si>
  <si>
    <t>010295</t>
  </si>
  <si>
    <t>南高台公園</t>
  </si>
  <si>
    <t>010296</t>
  </si>
  <si>
    <t>中浜町公園</t>
  </si>
  <si>
    <t>神奈川県横浜市磯子区中浜町11</t>
  </si>
  <si>
    <t>010297</t>
  </si>
  <si>
    <t>あざみ野一丁目第二公園</t>
  </si>
  <si>
    <t>010298</t>
  </si>
  <si>
    <t>瀬戸ケ谷菫公園</t>
  </si>
  <si>
    <t>010299</t>
  </si>
  <si>
    <t>別所四丁目公園</t>
  </si>
  <si>
    <t>010300</t>
  </si>
  <si>
    <t>下倉田こぶし公園</t>
  </si>
  <si>
    <t>神奈川県横浜市戸塚区下倉田町字南谷772-39</t>
  </si>
  <si>
    <t>010301</t>
  </si>
  <si>
    <t>千草台第五公園</t>
  </si>
  <si>
    <t>神奈川県横浜市青葉区千草台47-39</t>
  </si>
  <si>
    <t>010302</t>
  </si>
  <si>
    <t>上飯田鶴島公園</t>
  </si>
  <si>
    <t>神奈川県横浜市泉区上飯田町1231-2</t>
  </si>
  <si>
    <t>010303</t>
  </si>
  <si>
    <t>柏尾町第一公園</t>
  </si>
  <si>
    <t>神奈川県横浜市戸塚区柏尾町1081</t>
  </si>
  <si>
    <t>010304</t>
  </si>
  <si>
    <t>竹の丸公園</t>
  </si>
  <si>
    <t>神奈川県横浜市中区竹之丸31-9</t>
  </si>
  <si>
    <t>010305</t>
  </si>
  <si>
    <t>南太田三丁目公園</t>
  </si>
  <si>
    <t>010306</t>
  </si>
  <si>
    <t>仏向外野公園</t>
  </si>
  <si>
    <t>010307</t>
  </si>
  <si>
    <t>富士塚一丁目第二公園</t>
  </si>
  <si>
    <t>010308</t>
  </si>
  <si>
    <t>川向町第二公園</t>
  </si>
  <si>
    <t>神奈川県横浜市都筑区川向町957-8</t>
  </si>
  <si>
    <t>010309</t>
  </si>
  <si>
    <t>栗田谷第二公園</t>
  </si>
  <si>
    <t>神奈川県横浜市神奈川区栗田谷71-3</t>
  </si>
  <si>
    <t>010310</t>
  </si>
  <si>
    <t>菅田町松葉公園</t>
  </si>
  <si>
    <t>神奈川県横浜市神奈川区菅田町2851-11</t>
  </si>
  <si>
    <t>010311</t>
  </si>
  <si>
    <t>鷺山公園</t>
  </si>
  <si>
    <t>神奈川県横浜市中区鷺山88-8</t>
  </si>
  <si>
    <t>010312</t>
  </si>
  <si>
    <t>岡津竹ノ鼻第二公園</t>
  </si>
  <si>
    <t>神奈川県横浜市泉区岡津町1387-17</t>
  </si>
  <si>
    <t>010313</t>
  </si>
  <si>
    <t>弥生台南第二公園</t>
  </si>
  <si>
    <t>神奈川県横浜市泉区弥生台45</t>
  </si>
  <si>
    <t>010314</t>
  </si>
  <si>
    <t>境之谷北公園</t>
  </si>
  <si>
    <t>010315</t>
  </si>
  <si>
    <t>別所三丁目公園</t>
  </si>
  <si>
    <t>010316</t>
  </si>
  <si>
    <t>森四丁目第三公園</t>
  </si>
  <si>
    <t>010317</t>
  </si>
  <si>
    <t>東希望が丘第八公園</t>
  </si>
  <si>
    <t>神奈川県横浜市旭区東希望が丘162-20</t>
  </si>
  <si>
    <t>010318</t>
  </si>
  <si>
    <t>川和町宿公園</t>
  </si>
  <si>
    <t>010319</t>
  </si>
  <si>
    <t>名瀬内久根第二公園</t>
  </si>
  <si>
    <t>神奈川県横浜市戸塚区名瀬町438-55</t>
  </si>
  <si>
    <t>010320</t>
  </si>
  <si>
    <t>上永谷六丁目公園</t>
  </si>
  <si>
    <t>010321</t>
  </si>
  <si>
    <t>今宿神成谷第四公園</t>
  </si>
  <si>
    <t>010322</t>
  </si>
  <si>
    <t>高田第七公園</t>
  </si>
  <si>
    <t>010323</t>
  </si>
  <si>
    <t>小菅ケ谷渡戸第三公園</t>
  </si>
  <si>
    <t>010324</t>
  </si>
  <si>
    <t>大豆戸堀上公園</t>
  </si>
  <si>
    <t>神奈川県横浜市港北区大豆戸町17-12</t>
  </si>
  <si>
    <t>010325</t>
  </si>
  <si>
    <t>豆口台第三公園</t>
  </si>
  <si>
    <t>神奈川県横浜市中区豆口台158-5</t>
  </si>
  <si>
    <t>010326</t>
  </si>
  <si>
    <t>丸山台四丁目公園</t>
  </si>
  <si>
    <t>010327</t>
  </si>
  <si>
    <t>しらとり台第六公園</t>
  </si>
  <si>
    <t>神奈川県横浜市青葉区しらとり台20-30</t>
  </si>
  <si>
    <t>010328</t>
  </si>
  <si>
    <t>中野町南河内公園</t>
  </si>
  <si>
    <t>神奈川県横浜市栄区中野町53-6</t>
  </si>
  <si>
    <t>010329</t>
  </si>
  <si>
    <t>美しが丘二丁目公園</t>
  </si>
  <si>
    <t>010330</t>
  </si>
  <si>
    <t>永田西ノ谷公園</t>
  </si>
  <si>
    <t>神奈川県横浜市南区永田台7</t>
  </si>
  <si>
    <t>010331</t>
  </si>
  <si>
    <t>柴町公園</t>
  </si>
  <si>
    <t>神奈川県横浜市金沢区柴町37-6</t>
  </si>
  <si>
    <t>010332</t>
  </si>
  <si>
    <t>仲手原一丁目公園</t>
  </si>
  <si>
    <t>010333</t>
  </si>
  <si>
    <t>南二ツ谷公園</t>
  </si>
  <si>
    <t>010334</t>
  </si>
  <si>
    <t>さちが丘第五公園</t>
  </si>
  <si>
    <t>神奈川県横浜市旭区さちが丘80-42</t>
  </si>
  <si>
    <t>010335</t>
  </si>
  <si>
    <t>今井町大久保第三公園</t>
  </si>
  <si>
    <t>010336</t>
  </si>
  <si>
    <t>下永谷第三公園</t>
  </si>
  <si>
    <t>010337</t>
  </si>
  <si>
    <t>鴨居第五公園</t>
  </si>
  <si>
    <t>010338</t>
  </si>
  <si>
    <t>三保天神前第二公園</t>
  </si>
  <si>
    <t>神奈川県横浜市緑区三保町1911-18</t>
  </si>
  <si>
    <t>010339</t>
  </si>
  <si>
    <t>市場西中町きらきら公園</t>
  </si>
  <si>
    <t>神奈川県横浜市鶴見区市場西中町1458-2</t>
  </si>
  <si>
    <t>010340</t>
  </si>
  <si>
    <t>後谷第二公園</t>
  </si>
  <si>
    <t>010341</t>
  </si>
  <si>
    <t>栗木花園緑地</t>
  </si>
  <si>
    <t>010342</t>
  </si>
  <si>
    <t>泉谷第二公園</t>
  </si>
  <si>
    <t>010343</t>
  </si>
  <si>
    <t>下永谷角田公園</t>
  </si>
  <si>
    <t>010344</t>
  </si>
  <si>
    <t>汲沢町第四公園</t>
  </si>
  <si>
    <t>010345</t>
  </si>
  <si>
    <t>日吉本町檜入公園</t>
  </si>
  <si>
    <t>010346</t>
  </si>
  <si>
    <t>東希望が丘第五公園</t>
  </si>
  <si>
    <t>神奈川県横浜市旭区東希望が丘98-50</t>
  </si>
  <si>
    <t>010347</t>
  </si>
  <si>
    <t>新橋小谷公園</t>
  </si>
  <si>
    <t>神奈川県横浜市泉区新橋町2110-6</t>
  </si>
  <si>
    <t>010348</t>
  </si>
  <si>
    <t>鶴見中央三丁目公園</t>
  </si>
  <si>
    <t>010349</t>
  </si>
  <si>
    <t>長尾台公園</t>
  </si>
  <si>
    <t>神奈川県横浜市栄区長尾台町58-4</t>
  </si>
  <si>
    <t>010350</t>
  </si>
  <si>
    <t>羽衣街庭</t>
  </si>
  <si>
    <t>010351</t>
  </si>
  <si>
    <t>北幸広場公園</t>
  </si>
  <si>
    <t>010352</t>
  </si>
  <si>
    <t>市沢第三公園</t>
  </si>
  <si>
    <t>神奈川県横浜市旭区市沢町918-10</t>
  </si>
  <si>
    <t>010353</t>
  </si>
  <si>
    <t>白根寺下第三公園</t>
  </si>
  <si>
    <t>010354</t>
  </si>
  <si>
    <t>上永谷中里第四公園</t>
  </si>
  <si>
    <t>010355</t>
  </si>
  <si>
    <t>笹下三丁目公園</t>
  </si>
  <si>
    <t>010356</t>
  </si>
  <si>
    <t>仏向栗ノ沢公園</t>
  </si>
  <si>
    <t>010357</t>
  </si>
  <si>
    <t>汲沢二丁目第二公園</t>
  </si>
  <si>
    <t>010358</t>
  </si>
  <si>
    <t>入江一丁目公園</t>
  </si>
  <si>
    <t>010359</t>
  </si>
  <si>
    <t>滝ノ上公園</t>
  </si>
  <si>
    <t>神奈川県横浜市中区滝之上6-7</t>
  </si>
  <si>
    <t>010360</t>
  </si>
  <si>
    <t>東本郷第五公園</t>
  </si>
  <si>
    <t>010361</t>
  </si>
  <si>
    <t>青葉台第三公園</t>
  </si>
  <si>
    <t>010362</t>
  </si>
  <si>
    <t>御前田公園</t>
  </si>
  <si>
    <t>010363</t>
  </si>
  <si>
    <t>新石川一丁目第二公園</t>
  </si>
  <si>
    <t>010364</t>
  </si>
  <si>
    <t>あざみ野南二丁目公園</t>
  </si>
  <si>
    <t>010365</t>
  </si>
  <si>
    <t>三ッ沢中町東公園</t>
  </si>
  <si>
    <t>010366</t>
  </si>
  <si>
    <t>新吉田吉住公園</t>
  </si>
  <si>
    <t>010367</t>
  </si>
  <si>
    <t>本郷台三丁目第二公園</t>
  </si>
  <si>
    <t>010368</t>
  </si>
  <si>
    <t>西寺尾駒形公園</t>
  </si>
  <si>
    <t>010369</t>
  </si>
  <si>
    <t>三枚町第二公園</t>
  </si>
  <si>
    <t>神奈川県横浜市神奈川区三枚町542-19</t>
  </si>
  <si>
    <t>010370</t>
  </si>
  <si>
    <t>市沢町東公園</t>
  </si>
  <si>
    <t>神奈川県横浜市旭区市沢町337-70</t>
  </si>
  <si>
    <t>010371</t>
  </si>
  <si>
    <t>池袋第二公園</t>
  </si>
  <si>
    <t>神奈川県横浜市中区池袋13-8</t>
  </si>
  <si>
    <t>010372</t>
  </si>
  <si>
    <t>竹山一丁目南通公園</t>
  </si>
  <si>
    <t>010373</t>
  </si>
  <si>
    <t>日吉本町第五公園</t>
  </si>
  <si>
    <t>010374</t>
  </si>
  <si>
    <t>吉田下打越公園</t>
  </si>
  <si>
    <t>010375</t>
  </si>
  <si>
    <t>仲手原一丁目第二公園</t>
  </si>
  <si>
    <t>010376</t>
  </si>
  <si>
    <t>日野御所ヶ谷第三公園</t>
  </si>
  <si>
    <t>010377</t>
  </si>
  <si>
    <t>小菅ケ谷渡戸第四公園</t>
  </si>
  <si>
    <t>010378</t>
  </si>
  <si>
    <t>宮田町三丁目公園</t>
  </si>
  <si>
    <t>010379</t>
  </si>
  <si>
    <t>柿の木台第三公園</t>
  </si>
  <si>
    <t>神奈川県横浜市青葉区柿の木台28-1</t>
  </si>
  <si>
    <t>010380</t>
  </si>
  <si>
    <t>野毛三丁目公園</t>
  </si>
  <si>
    <t>010381</t>
  </si>
  <si>
    <t>岡村三丁目公園</t>
  </si>
  <si>
    <t>010382</t>
  </si>
  <si>
    <t>野庭もくせい公園</t>
  </si>
  <si>
    <t>神奈川県横浜市港南区野庭町676-6</t>
  </si>
  <si>
    <t>010383</t>
  </si>
  <si>
    <t>矢向六丁目公園</t>
  </si>
  <si>
    <t>010384</t>
  </si>
  <si>
    <t>谷津坂第三公園</t>
  </si>
  <si>
    <t>神奈川県横浜市金沢区能見台通47</t>
  </si>
  <si>
    <t>010385</t>
  </si>
  <si>
    <t>筈井庄谷公園</t>
  </si>
  <si>
    <t>神奈川県横浜市戸塚区平戸町1154-11</t>
  </si>
  <si>
    <t>010386</t>
  </si>
  <si>
    <t>松見町二丁目公園</t>
  </si>
  <si>
    <t>010387</t>
  </si>
  <si>
    <t>小菅ケ谷渡戸公園</t>
  </si>
  <si>
    <t>010388</t>
  </si>
  <si>
    <t>二俣川二丁目第三公園</t>
  </si>
  <si>
    <t>010389</t>
  </si>
  <si>
    <t>菊名駅前公園</t>
  </si>
  <si>
    <t>神奈川県横浜市港北区大豆戸町200-7</t>
  </si>
  <si>
    <t>010390</t>
  </si>
  <si>
    <t>釜利谷西一丁目公園</t>
  </si>
  <si>
    <t>010391</t>
  </si>
  <si>
    <t>東大豆戸公園</t>
  </si>
  <si>
    <t>神奈川県横浜市港北区大豆戸町170-8</t>
  </si>
  <si>
    <t>010392</t>
  </si>
  <si>
    <t>今宿神成谷公園</t>
  </si>
  <si>
    <t>神奈川県横浜市旭区今宿町2540-14</t>
  </si>
  <si>
    <t>010393</t>
  </si>
  <si>
    <t>大豆戸堀上第二公園</t>
  </si>
  <si>
    <t>神奈川県横浜市港北区大豆戸町105-3</t>
  </si>
  <si>
    <t>010394</t>
  </si>
  <si>
    <t>弘明寺北ノ前公園</t>
  </si>
  <si>
    <t>神奈川県横浜市南区弘明寺町105-7</t>
  </si>
  <si>
    <t>010395</t>
  </si>
  <si>
    <t>大久保三丁目第四公園</t>
  </si>
  <si>
    <t>010396</t>
  </si>
  <si>
    <t>ししがはな公園</t>
  </si>
  <si>
    <t>神奈川県横浜市港北区新羽町2360-3</t>
  </si>
  <si>
    <t>010397</t>
  </si>
  <si>
    <t>荏田第五公園</t>
  </si>
  <si>
    <t>神奈川県横浜市青葉区荏田町353-6</t>
  </si>
  <si>
    <t>010398</t>
  </si>
  <si>
    <t>馬場一丁目公園</t>
  </si>
  <si>
    <t>010399</t>
  </si>
  <si>
    <t>羽沢松原公園</t>
  </si>
  <si>
    <t>神奈川県横浜市神奈川区羽沢町1190-3</t>
  </si>
  <si>
    <t>010400</t>
  </si>
  <si>
    <t>篠原町ねむのき公園</t>
  </si>
  <si>
    <t>神奈川県横浜市港北区篠原町2594-2</t>
  </si>
  <si>
    <t>010401</t>
  </si>
  <si>
    <t>尻手二丁目第二公園</t>
  </si>
  <si>
    <t>010402</t>
  </si>
  <si>
    <t>堀ノ内第二公園</t>
  </si>
  <si>
    <t>010403</t>
  </si>
  <si>
    <t>岩井町第四公園</t>
  </si>
  <si>
    <t>010404</t>
  </si>
  <si>
    <t>新井町第二公園</t>
  </si>
  <si>
    <t>010405</t>
  </si>
  <si>
    <t>戸塚町北公園</t>
  </si>
  <si>
    <t>神奈川県横浜市戸塚区戸塚町4536-13</t>
  </si>
  <si>
    <t>010406</t>
  </si>
  <si>
    <t>八ノ区公園</t>
  </si>
  <si>
    <t>神奈川県横浜市戸塚区戸塚町1297-2</t>
  </si>
  <si>
    <t>010407</t>
  </si>
  <si>
    <t>笹堀第二公園</t>
  </si>
  <si>
    <t>010408</t>
  </si>
  <si>
    <t>東希望が丘第三公園</t>
  </si>
  <si>
    <t>神奈川県横浜市旭区東希望が丘123-13</t>
  </si>
  <si>
    <t>010409</t>
  </si>
  <si>
    <t>上の宮一丁目公園</t>
  </si>
  <si>
    <t>010410</t>
  </si>
  <si>
    <t>元宮二丁目第三公園</t>
  </si>
  <si>
    <t>010411</t>
  </si>
  <si>
    <t>平戸第四公園</t>
  </si>
  <si>
    <t>010412</t>
  </si>
  <si>
    <t>平戸本林第二公園</t>
  </si>
  <si>
    <t>神奈川県横浜市戸塚区平戸町567-10</t>
  </si>
  <si>
    <t>010413</t>
  </si>
  <si>
    <t>白幡上町公園</t>
  </si>
  <si>
    <t>神奈川県横浜市神奈川区白幡上町33</t>
  </si>
  <si>
    <t>010414</t>
  </si>
  <si>
    <t>さちが丘第二公園</t>
  </si>
  <si>
    <t>神奈川県横浜市旭区さちが丘136-26</t>
  </si>
  <si>
    <t>010415</t>
  </si>
  <si>
    <t>岸谷三丁目公園</t>
  </si>
  <si>
    <t>010416</t>
  </si>
  <si>
    <t>本牧町二丁目公園</t>
  </si>
  <si>
    <t>010417</t>
  </si>
  <si>
    <t>海里橋公園</t>
  </si>
  <si>
    <t>010418</t>
  </si>
  <si>
    <t>別所四丁目第二公園</t>
  </si>
  <si>
    <t>010419</t>
  </si>
  <si>
    <t>笹下杉本公園</t>
  </si>
  <si>
    <t>010420</t>
  </si>
  <si>
    <t>尻手二丁目公園</t>
  </si>
  <si>
    <t>010421</t>
  </si>
  <si>
    <t>上矢部志ら坂公園</t>
  </si>
  <si>
    <t>神奈川県横浜市戸塚区上矢部町1763-10</t>
  </si>
  <si>
    <t>010422</t>
  </si>
  <si>
    <t>森四丁目第五公園</t>
  </si>
  <si>
    <t>010423</t>
  </si>
  <si>
    <t>馬場二丁目第二公園</t>
  </si>
  <si>
    <t>010424</t>
  </si>
  <si>
    <t>岡津竹ノ鼻第三公園</t>
  </si>
  <si>
    <t>010425</t>
  </si>
  <si>
    <t>北八朔第三公園</t>
  </si>
  <si>
    <t>神奈川県横浜市緑区北八朔町1889-31</t>
  </si>
  <si>
    <t>010426</t>
  </si>
  <si>
    <t>今宿筑野第二公園</t>
  </si>
  <si>
    <t>神奈川県横浜市旭区今宿町2684-7</t>
  </si>
  <si>
    <t>010427</t>
  </si>
  <si>
    <t>日野五丁目緑地</t>
  </si>
  <si>
    <t>010428</t>
  </si>
  <si>
    <t>善部町第五公園</t>
  </si>
  <si>
    <t>神奈川県横浜市旭区善部町23-24</t>
  </si>
  <si>
    <t>010429</t>
  </si>
  <si>
    <t>市ノ坪公園</t>
  </si>
  <si>
    <t>010430</t>
  </si>
  <si>
    <t>谷戸田第二公園</t>
  </si>
  <si>
    <t>神奈川県横浜市南区蒔田町字谷戸田上990-15</t>
  </si>
  <si>
    <t>010431</t>
  </si>
  <si>
    <t>上末吉一丁目公園</t>
  </si>
  <si>
    <t>010432</t>
  </si>
  <si>
    <t>師岡打越公園</t>
  </si>
  <si>
    <t>神奈川県横浜市港北区師岡町295-20</t>
  </si>
  <si>
    <t>010433</t>
  </si>
  <si>
    <t>大岡四丁目公園</t>
  </si>
  <si>
    <t>010434</t>
  </si>
  <si>
    <t>渡戸公園</t>
  </si>
  <si>
    <t>010435</t>
  </si>
  <si>
    <t>三ッ境第四公園</t>
  </si>
  <si>
    <t>010436</t>
  </si>
  <si>
    <t>鶴ヶ峰第二公園</t>
  </si>
  <si>
    <t>010437</t>
  </si>
  <si>
    <t>野庭はなみずき公園</t>
  </si>
  <si>
    <t>神奈川県横浜市港南区野庭町270-6</t>
  </si>
  <si>
    <t>010438</t>
  </si>
  <si>
    <t>下田町公園</t>
  </si>
  <si>
    <t>010439</t>
  </si>
  <si>
    <t>磯子山田第二公園</t>
  </si>
  <si>
    <t>010440</t>
  </si>
  <si>
    <t>井戸ノ久保公園</t>
  </si>
  <si>
    <t>010442</t>
  </si>
  <si>
    <t>赤井谷第二公園</t>
  </si>
  <si>
    <t>010443</t>
  </si>
  <si>
    <t>中希望が丘第二公園</t>
  </si>
  <si>
    <t>神奈川県横浜市旭区中希望が丘148-4</t>
  </si>
  <si>
    <t>010444</t>
  </si>
  <si>
    <t>笹下菱田公園</t>
  </si>
  <si>
    <t>010445</t>
  </si>
  <si>
    <t>初音ヶ丘第二公園</t>
  </si>
  <si>
    <t>010446</t>
  </si>
  <si>
    <t>大豆戸堀上第三公園</t>
  </si>
  <si>
    <t>神奈川県横浜市港北区大豆戸町68-13</t>
  </si>
  <si>
    <t>010447</t>
  </si>
  <si>
    <t>小野公園</t>
  </si>
  <si>
    <t>神奈川県横浜市鶴見区小野町14</t>
  </si>
  <si>
    <t>010448</t>
  </si>
  <si>
    <t>入江二丁目公園</t>
  </si>
  <si>
    <t>010449</t>
  </si>
  <si>
    <t>長浜第三公園</t>
  </si>
  <si>
    <t>神奈川県横浜市金沢区長浜6-28</t>
  </si>
  <si>
    <t>010450</t>
  </si>
  <si>
    <t>本牧原南公園</t>
  </si>
  <si>
    <t>神奈川県横浜市中区本牧原31</t>
  </si>
  <si>
    <t>010451</t>
  </si>
  <si>
    <t>戸塚宮ケ谷公園</t>
  </si>
  <si>
    <t>神奈川県横浜市戸塚区戸塚町3381-39</t>
  </si>
  <si>
    <t>010452</t>
  </si>
  <si>
    <t>永田山王台公園</t>
  </si>
  <si>
    <t>神奈川県横浜市南区永田山王台930-14</t>
  </si>
  <si>
    <t>010453</t>
  </si>
  <si>
    <t>石畠公園</t>
  </si>
  <si>
    <t>神奈川県横浜市南区東蒔田町15-8</t>
  </si>
  <si>
    <t>010454</t>
  </si>
  <si>
    <t>高田上耕地第二公園</t>
  </si>
  <si>
    <t>010455</t>
  </si>
  <si>
    <t>美しが丘西保野第二公園</t>
  </si>
  <si>
    <t>010456</t>
  </si>
  <si>
    <t>中村稲荷公園</t>
  </si>
  <si>
    <t>010457</t>
  </si>
  <si>
    <t>沢渡第二公園</t>
  </si>
  <si>
    <t>神奈川県横浜市神奈川区台町18-7</t>
  </si>
  <si>
    <t>010458</t>
  </si>
  <si>
    <t>恩田町西公園</t>
  </si>
  <si>
    <t>神奈川県横浜市青葉区恩田町1165-237</t>
  </si>
  <si>
    <t>010459</t>
  </si>
  <si>
    <t>東希望が丘第二公園</t>
  </si>
  <si>
    <t>神奈川県横浜市旭区東希望が丘71-30</t>
  </si>
  <si>
    <t>010460</t>
  </si>
  <si>
    <t>寺山町第三公園</t>
  </si>
  <si>
    <t>神奈川県横浜市緑区寺山町745-15</t>
  </si>
  <si>
    <t>010461</t>
  </si>
  <si>
    <t>北寺尾五丁目公園</t>
  </si>
  <si>
    <t>010462</t>
  </si>
  <si>
    <t>森四丁目第二公園</t>
  </si>
  <si>
    <t>010463</t>
  </si>
  <si>
    <t>六ツ川一丁目第五公園</t>
  </si>
  <si>
    <t>010464</t>
  </si>
  <si>
    <t>笹下松本公園</t>
  </si>
  <si>
    <t>神奈川県横浜市港南区港南中央通13</t>
  </si>
  <si>
    <t>010465</t>
  </si>
  <si>
    <t>十ノ区公園</t>
  </si>
  <si>
    <t>神奈川県横浜市戸塚区戸塚町1862-15</t>
  </si>
  <si>
    <t>010466</t>
  </si>
  <si>
    <t>常盤橋街庭</t>
  </si>
  <si>
    <t>010467</t>
  </si>
  <si>
    <t>北新公園</t>
  </si>
  <si>
    <t>神奈川県横浜市瀬谷区北新25-39</t>
  </si>
  <si>
    <t>010468</t>
  </si>
  <si>
    <t>日吉本町一丁目第二公園</t>
  </si>
  <si>
    <t>010469</t>
  </si>
  <si>
    <t>梶山二丁目第二公園</t>
  </si>
  <si>
    <t>010470</t>
  </si>
  <si>
    <t>野庭坂口公園</t>
  </si>
  <si>
    <t>神奈川県横浜市港南区野庭町401-5</t>
  </si>
  <si>
    <t>010471</t>
  </si>
  <si>
    <t>東芹が谷第三公園</t>
  </si>
  <si>
    <t>神奈川県横浜市港南区東芹が谷1326-22</t>
  </si>
  <si>
    <t>010472</t>
  </si>
  <si>
    <t>樽町一丁目公園</t>
  </si>
  <si>
    <t>010473</t>
  </si>
  <si>
    <t>万騎が原第六公園</t>
  </si>
  <si>
    <t>神奈川県横浜市旭区万騎が原148-3</t>
  </si>
  <si>
    <t>010474</t>
  </si>
  <si>
    <t>鴨居四丁目公園</t>
  </si>
  <si>
    <t>010475</t>
  </si>
  <si>
    <t>金港公園</t>
  </si>
  <si>
    <t>神奈川県横浜市神奈川区金港町4</t>
  </si>
  <si>
    <t>010476</t>
  </si>
  <si>
    <t>六浦第二公園</t>
  </si>
  <si>
    <t>010477</t>
  </si>
  <si>
    <t>富岡西三丁目公園</t>
  </si>
  <si>
    <t>010478</t>
  </si>
  <si>
    <t>浦島町浜公園</t>
  </si>
  <si>
    <t>神奈川県横浜市神奈川区浦島町365</t>
  </si>
  <si>
    <t>010479</t>
  </si>
  <si>
    <t>蒔田緑地</t>
  </si>
  <si>
    <t>神奈川県横浜市南区蒔田町1011-3</t>
  </si>
  <si>
    <t>010480</t>
  </si>
  <si>
    <t>日野南一丁目公園</t>
  </si>
  <si>
    <t>010481</t>
  </si>
  <si>
    <t>上星川公園</t>
  </si>
  <si>
    <t>010482</t>
  </si>
  <si>
    <t>港南二丁目第二公園</t>
  </si>
  <si>
    <t>010483</t>
  </si>
  <si>
    <t>仏向坂本台公園</t>
  </si>
  <si>
    <t>010484</t>
  </si>
  <si>
    <t>北軽井沢第三公園</t>
  </si>
  <si>
    <t>神奈川県横浜市西区北軽井沢19-69</t>
  </si>
  <si>
    <t>010485</t>
  </si>
  <si>
    <t>羽沢長谷公園</t>
  </si>
  <si>
    <t>010486</t>
  </si>
  <si>
    <t>汲沢畑田公園</t>
  </si>
  <si>
    <t>神奈川県横浜市戸塚区汲沢町510-29</t>
  </si>
  <si>
    <t>010487</t>
  </si>
  <si>
    <t>六ツ川一丁目第三公園</t>
  </si>
  <si>
    <t>010488</t>
  </si>
  <si>
    <t>中町公園</t>
  </si>
  <si>
    <t>010489</t>
  </si>
  <si>
    <t>長津田第四公園</t>
  </si>
  <si>
    <t>神奈川県横浜市緑区長津田町字杉山原2306-3</t>
  </si>
  <si>
    <t>010490</t>
  </si>
  <si>
    <t>田中二丁目公園</t>
  </si>
  <si>
    <t>010491</t>
  </si>
  <si>
    <t>万騎が原中公園</t>
  </si>
  <si>
    <t>神奈川県横浜市旭区万騎が原147-26</t>
  </si>
  <si>
    <t>010492</t>
  </si>
  <si>
    <t>馬場町第四公園</t>
  </si>
  <si>
    <t>010493</t>
  </si>
  <si>
    <t>笹野台第四公園</t>
  </si>
  <si>
    <t>010494</t>
  </si>
  <si>
    <t>舞岡第四公園</t>
  </si>
  <si>
    <t>010495</t>
  </si>
  <si>
    <t>境木けやき公園</t>
  </si>
  <si>
    <t>010496</t>
  </si>
  <si>
    <t>豆口台第四公園</t>
  </si>
  <si>
    <t>神奈川県横浜市中区豆口台82-3</t>
  </si>
  <si>
    <t>010497</t>
  </si>
  <si>
    <t>東朝比奈ふれあい公園</t>
  </si>
  <si>
    <t>010498</t>
  </si>
  <si>
    <t>三ッ境第六公園</t>
  </si>
  <si>
    <t>010499</t>
  </si>
  <si>
    <t>六浦第三公園</t>
  </si>
  <si>
    <t>010500</t>
  </si>
  <si>
    <t>中田西たまご公園</t>
  </si>
  <si>
    <t>010501</t>
  </si>
  <si>
    <t>岩井町第六公園</t>
  </si>
  <si>
    <t>010502</t>
  </si>
  <si>
    <t>白山道六郎ヶ谷公園</t>
  </si>
  <si>
    <t>010503</t>
  </si>
  <si>
    <t>鴨居中里公園</t>
  </si>
  <si>
    <t>010504</t>
  </si>
  <si>
    <t>今宿箒沢第二公園</t>
  </si>
  <si>
    <t>神奈川県横浜市旭区今宿町2566-53</t>
  </si>
  <si>
    <t>010505</t>
  </si>
  <si>
    <t>美しが丘五丁目公園</t>
  </si>
  <si>
    <t>010506</t>
  </si>
  <si>
    <t>高田第二公園</t>
  </si>
  <si>
    <t>010507</t>
  </si>
  <si>
    <t>二十一ノ区第二公園</t>
  </si>
  <si>
    <t>010508</t>
  </si>
  <si>
    <t>今井町大久保公園</t>
  </si>
  <si>
    <t>010509</t>
  </si>
  <si>
    <t>たちばな台第六公園</t>
  </si>
  <si>
    <t>010510</t>
  </si>
  <si>
    <t>奈良町大田平第三公園</t>
  </si>
  <si>
    <t>神奈川県横浜市青葉区奈良町2762-226</t>
  </si>
  <si>
    <t>010511</t>
  </si>
  <si>
    <t>三ッ境大原公園</t>
  </si>
  <si>
    <t>010512</t>
  </si>
  <si>
    <t>霧が丘二丁目公園</t>
  </si>
  <si>
    <t>010513</t>
  </si>
  <si>
    <t>東希望が丘第四公園</t>
  </si>
  <si>
    <t>神奈川県横浜市旭区東希望が丘106-27</t>
  </si>
  <si>
    <t>010514</t>
  </si>
  <si>
    <t>舞岡第三公園</t>
  </si>
  <si>
    <t>010515</t>
  </si>
  <si>
    <t>大場子ノ神公園</t>
  </si>
  <si>
    <t>神奈川県横浜市青葉区大場町584-15</t>
  </si>
  <si>
    <t>010516</t>
  </si>
  <si>
    <t>池袋公園</t>
  </si>
  <si>
    <t>神奈川県横浜市中区池袋11-3</t>
  </si>
  <si>
    <t>010517</t>
  </si>
  <si>
    <t>大口通公園</t>
  </si>
  <si>
    <t>神奈川県横浜市神奈川区大口通86-8</t>
  </si>
  <si>
    <t>010518</t>
  </si>
  <si>
    <t>日吉五丁目公園</t>
  </si>
  <si>
    <t>010519</t>
  </si>
  <si>
    <t>大久保三丁目第三公園</t>
  </si>
  <si>
    <t>010520</t>
  </si>
  <si>
    <t>永作公園</t>
  </si>
  <si>
    <t>010521</t>
  </si>
  <si>
    <t>上大岡東公園</t>
  </si>
  <si>
    <t>010522</t>
  </si>
  <si>
    <t>白山一丁目第二公園</t>
  </si>
  <si>
    <t>010523</t>
  </si>
  <si>
    <t>笹野橋公園</t>
  </si>
  <si>
    <t>010524</t>
  </si>
  <si>
    <t>永田東かつら公園</t>
  </si>
  <si>
    <t>010525</t>
  </si>
  <si>
    <t>菅田西長谷公園</t>
  </si>
  <si>
    <t>神奈川県横浜市神奈川区菅田町1018-15</t>
  </si>
  <si>
    <t>010526</t>
  </si>
  <si>
    <t>順礼坂公園</t>
  </si>
  <si>
    <t>神奈川県横浜市泉区新橋町1035-4</t>
  </si>
  <si>
    <t>010527</t>
  </si>
  <si>
    <t>大川公園</t>
  </si>
  <si>
    <t>010528</t>
  </si>
  <si>
    <t>加曽台公園</t>
  </si>
  <si>
    <t>神奈川県横浜市中区根岸加曽台24-8</t>
  </si>
  <si>
    <t>010529</t>
  </si>
  <si>
    <t>芹が谷第七公園</t>
  </si>
  <si>
    <t>010530</t>
  </si>
  <si>
    <t>矢沢公園</t>
  </si>
  <si>
    <t>神奈川県横浜市戸塚区戸塚町4796-3</t>
  </si>
  <si>
    <t>010531</t>
  </si>
  <si>
    <t>東本郷第四公園</t>
  </si>
  <si>
    <t>010532</t>
  </si>
  <si>
    <t>市場東中町公園</t>
  </si>
  <si>
    <t>神奈川県横浜市鶴見区市場東中町519-1</t>
  </si>
  <si>
    <t>010533</t>
  </si>
  <si>
    <t>川井宿公園</t>
  </si>
  <si>
    <t>神奈川県横浜市旭区川井宿町123-32</t>
  </si>
  <si>
    <t>010534</t>
  </si>
  <si>
    <t>上永谷第三公園</t>
  </si>
  <si>
    <t>010535</t>
  </si>
  <si>
    <t>菅田台町公園</t>
  </si>
  <si>
    <t>神奈川県横浜市神奈川区菅田町987-4</t>
  </si>
  <si>
    <t>010536</t>
  </si>
  <si>
    <t>寺山町公園</t>
  </si>
  <si>
    <t>神奈川県横浜市緑区寺山町362-17</t>
  </si>
  <si>
    <t>010537</t>
  </si>
  <si>
    <t>善部町第三公園</t>
  </si>
  <si>
    <t>神奈川県横浜市旭区善部町99-25</t>
  </si>
  <si>
    <t>010538</t>
  </si>
  <si>
    <t>片倉向原公園</t>
  </si>
  <si>
    <t>010539</t>
  </si>
  <si>
    <t>今宿箒沢公園</t>
  </si>
  <si>
    <t>010540</t>
  </si>
  <si>
    <t>日野宮下公園</t>
  </si>
  <si>
    <t>010541</t>
  </si>
  <si>
    <t>杉田五丁目公園</t>
  </si>
  <si>
    <t>010542</t>
  </si>
  <si>
    <t>根岸旭台公園</t>
  </si>
  <si>
    <t>神奈川県横浜市中区根岸旭台57-11</t>
  </si>
  <si>
    <t>010543</t>
  </si>
  <si>
    <t>簑沢公園</t>
  </si>
  <si>
    <t>神奈川県横浜市中区簑沢13-8</t>
  </si>
  <si>
    <t>010544</t>
  </si>
  <si>
    <t>西谷町公園</t>
  </si>
  <si>
    <t>010545</t>
  </si>
  <si>
    <t>羽沢長谷第二公園</t>
  </si>
  <si>
    <t>010546</t>
  </si>
  <si>
    <t>星川一里塚公園</t>
  </si>
  <si>
    <t>010547</t>
  </si>
  <si>
    <t>長津田第五公園</t>
  </si>
  <si>
    <t>010548</t>
  </si>
  <si>
    <t>綱島西六丁目第二公園</t>
  </si>
  <si>
    <t>010549</t>
  </si>
  <si>
    <t>日野二丁目公園</t>
  </si>
  <si>
    <t>010550</t>
  </si>
  <si>
    <t>山王下公園</t>
  </si>
  <si>
    <t>010551</t>
  </si>
  <si>
    <t>日吉本町三丁目公園</t>
  </si>
  <si>
    <t>010552</t>
  </si>
  <si>
    <t>石川町五丁目公園</t>
  </si>
  <si>
    <t>010553</t>
  </si>
  <si>
    <t>上大岡第二公園</t>
  </si>
  <si>
    <t>010554</t>
  </si>
  <si>
    <t>六浦谷戸田公園</t>
  </si>
  <si>
    <t>010555</t>
  </si>
  <si>
    <t>秋葉第四公園</t>
  </si>
  <si>
    <t>神奈川県横浜市戸塚区秋葉町57-8</t>
  </si>
  <si>
    <t>010556</t>
  </si>
  <si>
    <t>師岡南谷戸第三公園</t>
  </si>
  <si>
    <t>神奈川県横浜市港北区師岡町440-12</t>
  </si>
  <si>
    <t>010557</t>
  </si>
  <si>
    <t>下永谷第五公園</t>
  </si>
  <si>
    <t>010558</t>
  </si>
  <si>
    <t>上山町北公園</t>
  </si>
  <si>
    <t>010559</t>
  </si>
  <si>
    <t>今井町第二公園</t>
  </si>
  <si>
    <t>010560</t>
  </si>
  <si>
    <t>小菅ケ谷三丁目公園</t>
  </si>
  <si>
    <t>010561</t>
  </si>
  <si>
    <t>笹堀第五公園</t>
  </si>
  <si>
    <t>010562</t>
  </si>
  <si>
    <t>南山田ひなたぼっこ公園</t>
  </si>
  <si>
    <t>010563</t>
  </si>
  <si>
    <t>阿久和小金第三公園</t>
  </si>
  <si>
    <t>010564</t>
  </si>
  <si>
    <t>岡村八丁目公園</t>
  </si>
  <si>
    <t>010565</t>
  </si>
  <si>
    <t>中田町第三公園</t>
  </si>
  <si>
    <t>010566</t>
  </si>
  <si>
    <t>東希望が丘ふれあいひろば公園</t>
  </si>
  <si>
    <t>010567</t>
  </si>
  <si>
    <t>渡戸第二公園</t>
  </si>
  <si>
    <t>010568</t>
  </si>
  <si>
    <t>綱島上町公園</t>
  </si>
  <si>
    <t>神奈川県横浜市港北区綱島上町48-5</t>
  </si>
  <si>
    <t>010569</t>
  </si>
  <si>
    <t>永田東三丁目第二公園</t>
  </si>
  <si>
    <t>010570</t>
  </si>
  <si>
    <t>西寺尾第三公園</t>
  </si>
  <si>
    <t>010571</t>
  </si>
  <si>
    <t>下三公園</t>
  </si>
  <si>
    <t>010572</t>
  </si>
  <si>
    <t>双葉公園</t>
  </si>
  <si>
    <t>010573</t>
  </si>
  <si>
    <t>神明町公園</t>
  </si>
  <si>
    <t>010574</t>
  </si>
  <si>
    <t>谷戸田公園</t>
  </si>
  <si>
    <t>神奈川県横浜市南区蒔田町977-12</t>
  </si>
  <si>
    <t>010575</t>
  </si>
  <si>
    <t>新吉田具々田第二公園</t>
  </si>
  <si>
    <t>010576</t>
  </si>
  <si>
    <t>汲沢町第三公園</t>
  </si>
  <si>
    <t>010577</t>
  </si>
  <si>
    <t>菅田利倉公園</t>
  </si>
  <si>
    <t>神奈川県横浜市神奈川区菅田町1548-17</t>
  </si>
  <si>
    <t>010578</t>
  </si>
  <si>
    <t>港南二丁目公園</t>
  </si>
  <si>
    <t>010579</t>
  </si>
  <si>
    <t>白山道第二公園</t>
  </si>
  <si>
    <t>010580</t>
  </si>
  <si>
    <t>月見台公園</t>
  </si>
  <si>
    <t>010581</t>
  </si>
  <si>
    <t>芹が谷第三公園</t>
  </si>
  <si>
    <t>010582</t>
  </si>
  <si>
    <t>上白根長坂第四公園</t>
  </si>
  <si>
    <t>010583</t>
  </si>
  <si>
    <t>藤が丘第四公園</t>
  </si>
  <si>
    <t>010584</t>
  </si>
  <si>
    <t>小机町第四公園</t>
  </si>
  <si>
    <t>神奈川県横浜市港北区小机町322-5</t>
  </si>
  <si>
    <t>010585</t>
  </si>
  <si>
    <t>六ツ川一丁目はなみずき公園</t>
  </si>
  <si>
    <t>010586</t>
  </si>
  <si>
    <t>中田町第八公園</t>
  </si>
  <si>
    <t>010587</t>
  </si>
  <si>
    <t>鍛冶ヶ谷第二公園</t>
  </si>
  <si>
    <t>010588</t>
  </si>
  <si>
    <t>十ノ区第三公園</t>
  </si>
  <si>
    <t>神奈川県横浜市戸塚区戸塚町2094-6</t>
  </si>
  <si>
    <t>010589</t>
  </si>
  <si>
    <t>杉田一丁目ふれあい広場</t>
  </si>
  <si>
    <t>010590</t>
  </si>
  <si>
    <t>北軽井沢公園</t>
  </si>
  <si>
    <t>神奈川県横浜市西区北軽井沢4-99</t>
  </si>
  <si>
    <t>010591</t>
  </si>
  <si>
    <t>菅田第三公園</t>
  </si>
  <si>
    <t>神奈川県横浜市神奈川区菅田町944-5</t>
  </si>
  <si>
    <t>010592</t>
  </si>
  <si>
    <t>峰岡町一丁目公園</t>
  </si>
  <si>
    <t>010593</t>
  </si>
  <si>
    <t>六浦第六公園</t>
  </si>
  <si>
    <t>010594</t>
  </si>
  <si>
    <t>白幡南町公園</t>
  </si>
  <si>
    <t>神奈川県横浜市神奈川区白幡南町19</t>
  </si>
  <si>
    <t>010595</t>
  </si>
  <si>
    <t>北寺尾第一公園</t>
  </si>
  <si>
    <t>010596</t>
  </si>
  <si>
    <t>別所第二公園</t>
  </si>
  <si>
    <t>010597</t>
  </si>
  <si>
    <t>永田三繩田第二公園</t>
  </si>
  <si>
    <t>010598</t>
  </si>
  <si>
    <t>芹が谷第二公園</t>
  </si>
  <si>
    <t>010599</t>
  </si>
  <si>
    <t>飯島町第二公園</t>
  </si>
  <si>
    <t>神奈川県横浜市栄区飯島町1879-88</t>
  </si>
  <si>
    <t>010600</t>
  </si>
  <si>
    <t>飯島町久保公園</t>
  </si>
  <si>
    <t>神奈川県横浜市栄区飯島町739-14</t>
  </si>
  <si>
    <t>010601</t>
  </si>
  <si>
    <t>日吉二丁目公園</t>
  </si>
  <si>
    <t>010602</t>
  </si>
  <si>
    <t>北仲通北第三公園</t>
  </si>
  <si>
    <t>010603</t>
  </si>
  <si>
    <t>三之谷公園</t>
  </si>
  <si>
    <t>神奈川県横浜市中区本牧三之谷13</t>
  </si>
  <si>
    <t>010604</t>
  </si>
  <si>
    <t>鶴見中央三丁目第二公園</t>
  </si>
  <si>
    <t>010605</t>
  </si>
  <si>
    <t>永田東一丁目第二公園</t>
  </si>
  <si>
    <t>010606</t>
  </si>
  <si>
    <t>落合公園</t>
  </si>
  <si>
    <t>010607</t>
  </si>
  <si>
    <t>日野藤ヶ沢公園</t>
  </si>
  <si>
    <t>010608</t>
  </si>
  <si>
    <t>岡村三丁目第三公園</t>
  </si>
  <si>
    <t>010609</t>
  </si>
  <si>
    <t>秋葉第二公園</t>
  </si>
  <si>
    <t>神奈川県横浜市戸塚区秋葉町266-42</t>
  </si>
  <si>
    <t>010610</t>
  </si>
  <si>
    <t>別所桑原公園</t>
  </si>
  <si>
    <t>010611</t>
  </si>
  <si>
    <t>分田公園</t>
  </si>
  <si>
    <t>010612</t>
  </si>
  <si>
    <t>荏田釈迦堂第二公園</t>
  </si>
  <si>
    <t>神奈川県横浜市青葉区荏田町字釈迦堂280-12</t>
  </si>
  <si>
    <t>010613</t>
  </si>
  <si>
    <t>霞ケ丘公園</t>
  </si>
  <si>
    <t>010614</t>
  </si>
  <si>
    <t>小菅ケ谷瀧之前公園</t>
  </si>
  <si>
    <t>010615</t>
  </si>
  <si>
    <t>日吉本町第二公園</t>
  </si>
  <si>
    <t>010616</t>
  </si>
  <si>
    <t>中山飯綱下公園</t>
  </si>
  <si>
    <t>010617</t>
  </si>
  <si>
    <t>東本郷六丁目公園</t>
  </si>
  <si>
    <t>010618</t>
  </si>
  <si>
    <t>十ノ区第五公園</t>
  </si>
  <si>
    <t>神奈川県横浜市戸塚区戸塚町1975-26</t>
  </si>
  <si>
    <t>010619</t>
  </si>
  <si>
    <t>公田中谷第三公園</t>
  </si>
  <si>
    <t>神奈川県横浜市栄区公田町779-13</t>
  </si>
  <si>
    <t>010620</t>
  </si>
  <si>
    <t>森永橋ひろば公園</t>
  </si>
  <si>
    <t>010621</t>
  </si>
  <si>
    <t>本郷四丁目公園</t>
  </si>
  <si>
    <t>010622</t>
  </si>
  <si>
    <t>和泉町横根公園</t>
  </si>
  <si>
    <t>神奈川県横浜市泉区和泉町5978-10</t>
  </si>
  <si>
    <t>010623</t>
  </si>
  <si>
    <t>北仲通北第一公園</t>
  </si>
  <si>
    <t>010624</t>
  </si>
  <si>
    <t>舞岡西根公園</t>
  </si>
  <si>
    <t>神奈川県横浜市戸塚区舞岡町21-31</t>
  </si>
  <si>
    <t>010625</t>
  </si>
  <si>
    <t>左右手第二公園</t>
  </si>
  <si>
    <t>010626</t>
  </si>
  <si>
    <t>松風台第四公園</t>
  </si>
  <si>
    <t>神奈川県横浜市青葉区松風台36-5</t>
  </si>
  <si>
    <t>010627</t>
  </si>
  <si>
    <t>小野第三公園</t>
  </si>
  <si>
    <t>神奈川県横浜市鶴見区小野町14-175</t>
  </si>
  <si>
    <t>010628</t>
  </si>
  <si>
    <t>鶴ヶ峰本町第三公園</t>
  </si>
  <si>
    <t>010629</t>
  </si>
  <si>
    <t>笹下御下公園</t>
  </si>
  <si>
    <t>010630</t>
  </si>
  <si>
    <t>川上長作第二公園</t>
  </si>
  <si>
    <t>神奈川県横浜市戸塚区川上町391-20</t>
  </si>
  <si>
    <t>010631</t>
  </si>
  <si>
    <t>稲荷前第三公園</t>
  </si>
  <si>
    <t>神奈川県横浜市青葉区大場町156-51</t>
  </si>
  <si>
    <t>010632</t>
  </si>
  <si>
    <t>瀬戸ケ谷つつじ公園</t>
  </si>
  <si>
    <t>010633</t>
  </si>
  <si>
    <t>東前公園</t>
  </si>
  <si>
    <t>010634</t>
  </si>
  <si>
    <t>丸山中公園</t>
  </si>
  <si>
    <t>010635</t>
  </si>
  <si>
    <t>稲荷前第二公園</t>
  </si>
  <si>
    <t>神奈川県横浜市青葉区大場町174-127</t>
  </si>
  <si>
    <t>010636</t>
  </si>
  <si>
    <t>最戸二丁目第二公園</t>
  </si>
  <si>
    <t>010637</t>
  </si>
  <si>
    <t>師岡南谷戸公園</t>
  </si>
  <si>
    <t>神奈川県横浜市港北区師岡町419-4</t>
  </si>
  <si>
    <t>010638</t>
  </si>
  <si>
    <t>十ノ区第二公園</t>
  </si>
  <si>
    <t>神奈川県横浜市戸塚区戸塚町1994-7</t>
  </si>
  <si>
    <t>010639</t>
  </si>
  <si>
    <t>笹下奈良郷第二公園</t>
  </si>
  <si>
    <t>010640</t>
  </si>
  <si>
    <t>東本郷六丁目第三公園</t>
  </si>
  <si>
    <t>010641</t>
  </si>
  <si>
    <t>かえもん公園</t>
  </si>
  <si>
    <t>神奈川県横浜市神奈川区高島台7-2</t>
  </si>
  <si>
    <t>010642</t>
  </si>
  <si>
    <t>下倉田雪下公園</t>
  </si>
  <si>
    <t>神奈川県横浜市戸塚区下倉田町1736-1</t>
  </si>
  <si>
    <t>010643</t>
  </si>
  <si>
    <t>下永谷一丁目公園</t>
  </si>
  <si>
    <t>010644</t>
  </si>
  <si>
    <t>矢向一丁目第二公園</t>
  </si>
  <si>
    <t>010645</t>
  </si>
  <si>
    <t>品濃焼餅坂公園</t>
  </si>
  <si>
    <t>神奈川県横浜市戸塚区品濃町1835-5</t>
  </si>
  <si>
    <t>010646</t>
  </si>
  <si>
    <t>北寺尾第二公園</t>
  </si>
  <si>
    <t>010647</t>
  </si>
  <si>
    <t>杉の崎公園</t>
  </si>
  <si>
    <t>010648</t>
  </si>
  <si>
    <t>大道公園</t>
  </si>
  <si>
    <t>010649</t>
  </si>
  <si>
    <t>太尾町公園</t>
  </si>
  <si>
    <t>010650</t>
  </si>
  <si>
    <t>宮崎町公園</t>
  </si>
  <si>
    <t>010651</t>
  </si>
  <si>
    <t>小机町第二公園</t>
  </si>
  <si>
    <t>神奈川県横浜市港北区小机町1223-6</t>
  </si>
  <si>
    <t>010652</t>
  </si>
  <si>
    <t>菅田的場公園</t>
  </si>
  <si>
    <t>神奈川県横浜市神奈川区菅田町1655-25</t>
  </si>
  <si>
    <t>010653</t>
  </si>
  <si>
    <t>瀬戸ケ谷町第四公園</t>
  </si>
  <si>
    <t>010654</t>
  </si>
  <si>
    <t>矢向一丁目第三公園</t>
  </si>
  <si>
    <t>010655</t>
  </si>
  <si>
    <t>権太坂南公園</t>
  </si>
  <si>
    <t>010656</t>
  </si>
  <si>
    <t>鍛冶ヶ谷第三公園</t>
  </si>
  <si>
    <t>010657</t>
  </si>
  <si>
    <t>下倉田角前公園</t>
  </si>
  <si>
    <t>神奈川県横浜市戸塚区下倉田町1613-10</t>
  </si>
  <si>
    <t>010658</t>
  </si>
  <si>
    <t>東希望が丘第九公園</t>
  </si>
  <si>
    <t>神奈川県横浜市旭区東希望が丘70-10</t>
  </si>
  <si>
    <t>010659</t>
  </si>
  <si>
    <t>鶴屋町公園</t>
  </si>
  <si>
    <t>010660</t>
  </si>
  <si>
    <t>矢部配郷公園</t>
  </si>
  <si>
    <t>神奈川県横浜市戸塚区矢部町1283-28</t>
  </si>
  <si>
    <t>010661</t>
  </si>
  <si>
    <t>平戸台第二公園</t>
  </si>
  <si>
    <t>神奈川県横浜市戸塚区平戸町209-14</t>
  </si>
  <si>
    <t>010662</t>
  </si>
  <si>
    <t>高津第二公園</t>
  </si>
  <si>
    <t>010663</t>
  </si>
  <si>
    <t>飯島すずみどう公園</t>
  </si>
  <si>
    <t>神奈川県横浜市栄区飯島町174-3</t>
  </si>
  <si>
    <t>010664</t>
  </si>
  <si>
    <t>師岡打越第三公園</t>
  </si>
  <si>
    <t>神奈川県横浜市港北区師岡町293-2</t>
  </si>
  <si>
    <t>010665</t>
  </si>
  <si>
    <t>上菅田公園</t>
  </si>
  <si>
    <t>010666</t>
  </si>
  <si>
    <t>万騎が原池下公園</t>
  </si>
  <si>
    <t>神奈川県横浜市旭区万騎が原10-1</t>
  </si>
  <si>
    <t>010667</t>
  </si>
  <si>
    <t>公田中谷第二公園</t>
  </si>
  <si>
    <t>神奈川県横浜市栄区公田町836-227</t>
  </si>
  <si>
    <t>010668</t>
  </si>
  <si>
    <t>新子安二丁目公園</t>
  </si>
  <si>
    <t>010669</t>
  </si>
  <si>
    <t>岩崎町第四公園</t>
  </si>
  <si>
    <t>010670</t>
  </si>
  <si>
    <t>平川町北公園</t>
  </si>
  <si>
    <t>神奈川県横浜市神奈川区平川町21-1</t>
  </si>
  <si>
    <t>010671</t>
  </si>
  <si>
    <t>万騎が原第十公園</t>
  </si>
  <si>
    <t>神奈川県横浜市旭区万騎が原75-10</t>
  </si>
  <si>
    <t>010672</t>
  </si>
  <si>
    <t>西柴第二公園</t>
  </si>
  <si>
    <t>010673</t>
  </si>
  <si>
    <t>白根五丁歩公園</t>
  </si>
  <si>
    <t>010674</t>
  </si>
  <si>
    <t>柳町公園</t>
  </si>
  <si>
    <t>神奈川県横浜市金沢区柳町19-3</t>
  </si>
  <si>
    <t>010675</t>
  </si>
  <si>
    <t>十九ノ区公園</t>
  </si>
  <si>
    <t>神奈川県横浜市戸塚区戸塚町4424-63</t>
  </si>
  <si>
    <t>010676</t>
  </si>
  <si>
    <t>川島町第三公園</t>
  </si>
  <si>
    <t>010677</t>
  </si>
  <si>
    <t>阿久和大原公園</t>
  </si>
  <si>
    <t>010678</t>
  </si>
  <si>
    <t>下永谷八木第三公園</t>
  </si>
  <si>
    <t>010679</t>
  </si>
  <si>
    <t>大岡四丁目第三公園</t>
  </si>
  <si>
    <t>010680</t>
  </si>
  <si>
    <t>篠原東二丁目公園</t>
  </si>
  <si>
    <t>010681</t>
  </si>
  <si>
    <t>滝頭第三公園</t>
  </si>
  <si>
    <t>010682</t>
  </si>
  <si>
    <t>森四丁目公園</t>
  </si>
  <si>
    <t>010683</t>
  </si>
  <si>
    <t>杉田六丁目公園</t>
  </si>
  <si>
    <t>010684</t>
  </si>
  <si>
    <t>小菅ケ谷四丁目公園</t>
  </si>
  <si>
    <t>010685</t>
  </si>
  <si>
    <t>前田町第三公園</t>
  </si>
  <si>
    <t>神奈川県横浜市戸塚区前田町517-2</t>
  </si>
  <si>
    <t>010686</t>
  </si>
  <si>
    <t>夏山第二公園</t>
  </si>
  <si>
    <t>010687</t>
  </si>
  <si>
    <t>中田原公園</t>
  </si>
  <si>
    <t>神奈川県横浜市旭区西川島町22-15</t>
  </si>
  <si>
    <t>010688</t>
  </si>
  <si>
    <t>上川井市坂公園</t>
  </si>
  <si>
    <t>神奈川県横浜市旭区上川井町1974-3</t>
  </si>
  <si>
    <t>010689</t>
  </si>
  <si>
    <t>本牧大鳥公園</t>
  </si>
  <si>
    <t>010690</t>
  </si>
  <si>
    <t>下末吉旭台公園</t>
  </si>
  <si>
    <t>010691</t>
  </si>
  <si>
    <t>谷戸尻公園</t>
  </si>
  <si>
    <t>010692</t>
  </si>
  <si>
    <t>矢向北公園</t>
  </si>
  <si>
    <t>010693</t>
  </si>
  <si>
    <t>岡津南第二公園</t>
  </si>
  <si>
    <t>010694</t>
  </si>
  <si>
    <t>平戸第六公園</t>
  </si>
  <si>
    <t>010695</t>
  </si>
  <si>
    <t>坂本町入ノ上公園</t>
  </si>
  <si>
    <t>010696</t>
  </si>
  <si>
    <t>松見北公園</t>
  </si>
  <si>
    <t>010697</t>
  </si>
  <si>
    <t>富岡大谷第二公園</t>
  </si>
  <si>
    <t>010698</t>
  </si>
  <si>
    <t>上永谷半在家公園</t>
  </si>
  <si>
    <t>010699</t>
  </si>
  <si>
    <t>柴仲町公園</t>
  </si>
  <si>
    <t>神奈川県横浜市金沢区柴町278-1</t>
  </si>
  <si>
    <t>010700</t>
  </si>
  <si>
    <t>中山御嶽前公園</t>
  </si>
  <si>
    <t>010701</t>
  </si>
  <si>
    <t>公田中谷第四公園</t>
  </si>
  <si>
    <t>神奈川県横浜市栄区公田町754-7</t>
  </si>
  <si>
    <t>010702</t>
  </si>
  <si>
    <t>仏向猪ノ久保公園</t>
  </si>
  <si>
    <t>010703</t>
  </si>
  <si>
    <t>下永谷第四公園</t>
  </si>
  <si>
    <t>010704</t>
  </si>
  <si>
    <t>南仲町公園</t>
  </si>
  <si>
    <t>010705</t>
  </si>
  <si>
    <t>日野中央三丁目第二公園</t>
  </si>
  <si>
    <t>010706</t>
  </si>
  <si>
    <t>笹野台公園</t>
  </si>
  <si>
    <t>010707</t>
  </si>
  <si>
    <t>日限山一丁目公園</t>
  </si>
  <si>
    <t>010708</t>
  </si>
  <si>
    <t>下瀬谷二丁目公園</t>
  </si>
  <si>
    <t>010709</t>
  </si>
  <si>
    <t>上矢部第二公園</t>
  </si>
  <si>
    <t>神奈川県横浜市戸塚区上矢部町2189-1</t>
  </si>
  <si>
    <t>010710</t>
  </si>
  <si>
    <t>東芹が谷第二公園</t>
  </si>
  <si>
    <t>神奈川県横浜市港南区東芹が谷1340-23</t>
  </si>
  <si>
    <t>010711</t>
  </si>
  <si>
    <t>中尾町第三公園</t>
  </si>
  <si>
    <t>010712</t>
  </si>
  <si>
    <t>東俣野第二公園</t>
  </si>
  <si>
    <t>神奈川県横浜市戸塚区東俣野町1186-66</t>
  </si>
  <si>
    <t>010713</t>
  </si>
  <si>
    <t>杉田遠道山公園</t>
  </si>
  <si>
    <t>010714</t>
  </si>
  <si>
    <t>寺山町第四公園</t>
  </si>
  <si>
    <t>神奈川県横浜市緑区寺山町745-16</t>
  </si>
  <si>
    <t>010715</t>
  </si>
  <si>
    <t>松本公園</t>
  </si>
  <si>
    <t>010716</t>
  </si>
  <si>
    <t>蒔田谷戸田上公園</t>
  </si>
  <si>
    <t>神奈川県横浜市南区蒔田町977-17</t>
  </si>
  <si>
    <t>010717</t>
  </si>
  <si>
    <t>法泉一丁目公園</t>
  </si>
  <si>
    <t>010718</t>
  </si>
  <si>
    <t>藤が丘第六公園</t>
  </si>
  <si>
    <t>010719</t>
  </si>
  <si>
    <t>南川緑地</t>
  </si>
  <si>
    <t>010720</t>
  </si>
  <si>
    <t>阿久和東第三公園</t>
  </si>
  <si>
    <t>010721</t>
  </si>
  <si>
    <t>立野第二公園</t>
  </si>
  <si>
    <t>010722</t>
  </si>
  <si>
    <t>十八ノ区公園</t>
  </si>
  <si>
    <t>神奈川県横浜市戸塚区戸塚町3703-5</t>
  </si>
  <si>
    <t>010723</t>
  </si>
  <si>
    <t>弘明寺前田公園</t>
  </si>
  <si>
    <t>神奈川県横浜市南区弘明寺町190-8</t>
  </si>
  <si>
    <t>010724</t>
  </si>
  <si>
    <t>稲荷前第六公園</t>
  </si>
  <si>
    <t>神奈川県横浜市青葉区大場町155-31</t>
  </si>
  <si>
    <t>010725</t>
  </si>
  <si>
    <t>森六丁目公園</t>
  </si>
  <si>
    <t>010726</t>
  </si>
  <si>
    <t>金が谷第五公園</t>
  </si>
  <si>
    <t>010727</t>
  </si>
  <si>
    <t>西戸部三丁目公園</t>
  </si>
  <si>
    <t>010728</t>
  </si>
  <si>
    <t>本牧緑ケ丘公園</t>
  </si>
  <si>
    <t>010729</t>
  </si>
  <si>
    <t>阿久和運上野公園</t>
  </si>
  <si>
    <t>010730</t>
  </si>
  <si>
    <t>別所第四公園</t>
  </si>
  <si>
    <t>010731</t>
  </si>
  <si>
    <t>名瀬町第二公園</t>
  </si>
  <si>
    <t>神奈川県横浜市戸塚区名瀬町2695-4</t>
  </si>
  <si>
    <t>010732</t>
  </si>
  <si>
    <t>寺山町第二公園</t>
  </si>
  <si>
    <t>神奈川県横浜市緑区寺山町183-3</t>
  </si>
  <si>
    <t>010733</t>
  </si>
  <si>
    <t>川上大豆田第二公園</t>
  </si>
  <si>
    <t>神奈川県横浜市戸塚区川上町98-10</t>
  </si>
  <si>
    <t>010734</t>
  </si>
  <si>
    <t>梶山一丁目公園</t>
  </si>
  <si>
    <t>010735</t>
  </si>
  <si>
    <t>蒔田見晴らし公園</t>
  </si>
  <si>
    <t>神奈川県横浜市南区蒔田町1018-94</t>
  </si>
  <si>
    <t>010736</t>
  </si>
  <si>
    <t>中山町公園</t>
  </si>
  <si>
    <t>010737</t>
  </si>
  <si>
    <t>長倉公園</t>
  </si>
  <si>
    <t>神奈川県横浜市栄区長倉町2</t>
  </si>
  <si>
    <t>010738</t>
  </si>
  <si>
    <t>公田町西公園</t>
  </si>
  <si>
    <t>神奈川県横浜市栄区公田町287-11</t>
  </si>
  <si>
    <t>010739</t>
  </si>
  <si>
    <t>南台第二公園</t>
  </si>
  <si>
    <t>010740</t>
  </si>
  <si>
    <t>鳥見ヶ丘第二公園</t>
  </si>
  <si>
    <t>010741</t>
  </si>
  <si>
    <t>戸塚下郷公園</t>
  </si>
  <si>
    <t>神奈川県横浜市戸塚区戸塚町1073-2</t>
  </si>
  <si>
    <t>010742</t>
  </si>
  <si>
    <t>北寺尾渋沢公園</t>
  </si>
  <si>
    <t>010743</t>
  </si>
  <si>
    <t>都筑が丘第一公園</t>
  </si>
  <si>
    <t>神奈川県横浜市都筑区川和町2685-80</t>
  </si>
  <si>
    <t>010744</t>
  </si>
  <si>
    <t>片曽ふれあい公園</t>
  </si>
  <si>
    <t>神奈川県横浜市戸塚区上矢部町1213-10</t>
  </si>
  <si>
    <t>010745</t>
  </si>
  <si>
    <t>別所小最戸公園</t>
  </si>
  <si>
    <t>010746</t>
  </si>
  <si>
    <t>中野町稲荷公園</t>
  </si>
  <si>
    <t>010747</t>
  </si>
  <si>
    <t>笹堀第三公園</t>
  </si>
  <si>
    <t>010748</t>
  </si>
  <si>
    <t>今宿筑野第三公園</t>
  </si>
  <si>
    <t>神奈川県横浜市旭区今宿町2676-59</t>
  </si>
  <si>
    <t>010749</t>
  </si>
  <si>
    <t>青砥第四公園</t>
  </si>
  <si>
    <t>神奈川県横浜市緑区青砥町968-10</t>
  </si>
  <si>
    <t>010750</t>
  </si>
  <si>
    <t>森五丁目公園</t>
  </si>
  <si>
    <t>010751</t>
  </si>
  <si>
    <t>下田町西公園</t>
  </si>
  <si>
    <t>010752</t>
  </si>
  <si>
    <t>小殿谷橋公園</t>
  </si>
  <si>
    <t>神奈川県横浜市栄区飯島町1760-3</t>
  </si>
  <si>
    <t>010753</t>
  </si>
  <si>
    <t>中島町公園</t>
  </si>
  <si>
    <t>010754</t>
  </si>
  <si>
    <t>万騎が原第四公園</t>
  </si>
  <si>
    <t>神奈川県横浜市旭区万騎が原32-6</t>
  </si>
  <si>
    <t>010755</t>
  </si>
  <si>
    <t>公田中谷公園</t>
  </si>
  <si>
    <t>神奈川県横浜市栄区公田町873-4</t>
  </si>
  <si>
    <t>010756</t>
  </si>
  <si>
    <t>菊名篭久保公園</t>
  </si>
  <si>
    <t>010757</t>
  </si>
  <si>
    <t>花月園駅前公園</t>
  </si>
  <si>
    <t>010759</t>
  </si>
  <si>
    <t>たちばな台一丁目公園</t>
  </si>
  <si>
    <t>010760</t>
  </si>
  <si>
    <t>北寺尾第四公園</t>
  </si>
  <si>
    <t>010761</t>
  </si>
  <si>
    <t>中田町鯉久保公園</t>
  </si>
  <si>
    <t>010762</t>
  </si>
  <si>
    <t>青砥第三公園</t>
  </si>
  <si>
    <t>神奈川県横浜市緑区青砥町635-9</t>
  </si>
  <si>
    <t>010763</t>
  </si>
  <si>
    <t>天王町駅前公園</t>
  </si>
  <si>
    <t>010764</t>
  </si>
  <si>
    <t>新羽町南公園</t>
  </si>
  <si>
    <t>010765</t>
  </si>
  <si>
    <t>新井町西公園</t>
  </si>
  <si>
    <t>010766</t>
  </si>
  <si>
    <t>青砥第二公園</t>
  </si>
  <si>
    <t>神奈川県横浜市緑区青砥町635-21</t>
  </si>
  <si>
    <t>010767</t>
  </si>
  <si>
    <t>六ツ川二丁目第四公園</t>
  </si>
  <si>
    <t>010768</t>
  </si>
  <si>
    <t>東橋公園</t>
  </si>
  <si>
    <t>010769</t>
  </si>
  <si>
    <t>不動丸第三公園</t>
  </si>
  <si>
    <t>010770</t>
  </si>
  <si>
    <t>寺尾公園</t>
  </si>
  <si>
    <t>010771</t>
  </si>
  <si>
    <t>中田広町公園</t>
  </si>
  <si>
    <t>010772</t>
  </si>
  <si>
    <t>豆口台公園</t>
  </si>
  <si>
    <t>神奈川県横浜市中区豆口台118-36</t>
  </si>
  <si>
    <t>010773</t>
  </si>
  <si>
    <t>目黒町公園</t>
  </si>
  <si>
    <t>神奈川県横浜市瀬谷区目黒町34-8</t>
  </si>
  <si>
    <t>010774</t>
  </si>
  <si>
    <t>高田寺谷戸公園</t>
  </si>
  <si>
    <t>010775</t>
  </si>
  <si>
    <t>大上なかよし公園</t>
  </si>
  <si>
    <t>神奈川県横浜市戸塚区上矢部町1242-6</t>
  </si>
  <si>
    <t>010776</t>
  </si>
  <si>
    <t>万騎が原第八公園</t>
  </si>
  <si>
    <t>神奈川県横浜市旭区万騎が原97-4</t>
  </si>
  <si>
    <t>010777</t>
  </si>
  <si>
    <t>松ケ丘公園</t>
  </si>
  <si>
    <t>010778</t>
  </si>
  <si>
    <t>池袋第三公園</t>
  </si>
  <si>
    <t>神奈川県横浜市中区池袋16-9</t>
  </si>
  <si>
    <t>010779</t>
  </si>
  <si>
    <t>上瀬谷町東公園</t>
  </si>
  <si>
    <t>神奈川県横浜市瀬谷区上瀬谷町14-3</t>
  </si>
  <si>
    <t>010780</t>
  </si>
  <si>
    <t>綱島西一丁目公園</t>
  </si>
  <si>
    <t>010781</t>
  </si>
  <si>
    <t>高田ひまわり公園</t>
  </si>
  <si>
    <t>010782</t>
  </si>
  <si>
    <t>笹下奈良郷第三公園</t>
  </si>
  <si>
    <t>010783</t>
  </si>
  <si>
    <t>中尾町第二公園</t>
  </si>
  <si>
    <t>010784</t>
  </si>
  <si>
    <t>御所山第二公園</t>
  </si>
  <si>
    <t>神奈川県横浜市西区御所山町1-2</t>
  </si>
  <si>
    <t>010785</t>
  </si>
  <si>
    <t>大曽根第五公園</t>
  </si>
  <si>
    <t>010786</t>
  </si>
  <si>
    <t>三保杉澤公園</t>
  </si>
  <si>
    <t>神奈川県横浜市緑区三保町3027</t>
  </si>
  <si>
    <t>010787</t>
  </si>
  <si>
    <t>中希望が丘くすのき公園</t>
  </si>
  <si>
    <t>神奈川県横浜市旭区中希望が丘176-8</t>
  </si>
  <si>
    <t>010788</t>
  </si>
  <si>
    <t>西神奈川三丁目公園</t>
  </si>
  <si>
    <t>010789</t>
  </si>
  <si>
    <t>名瀬下第九公園</t>
  </si>
  <si>
    <t>神奈川県横浜市戸塚区名瀬町799-16</t>
  </si>
  <si>
    <t>010790</t>
  </si>
  <si>
    <t>三ッ境第三公園</t>
  </si>
  <si>
    <t>010791</t>
  </si>
  <si>
    <t>港南台九丁目公園</t>
  </si>
  <si>
    <t>010792</t>
  </si>
  <si>
    <t>北八朔榎谷戸公園</t>
  </si>
  <si>
    <t>神奈川県横浜市緑区北八朔町2109-4</t>
  </si>
  <si>
    <t>010793</t>
  </si>
  <si>
    <t>西寺尾蕪谷公園</t>
  </si>
  <si>
    <t>010794</t>
  </si>
  <si>
    <t>日野宮ノ前公園</t>
  </si>
  <si>
    <t>010795</t>
  </si>
  <si>
    <t>美しが丘大坪公園</t>
  </si>
  <si>
    <t>010796</t>
  </si>
  <si>
    <t>本牧たき公園</t>
  </si>
  <si>
    <t>神奈川県横浜市中区本牧原4-1</t>
  </si>
  <si>
    <t>010797</t>
  </si>
  <si>
    <t>川上大豆田公園</t>
  </si>
  <si>
    <t>神奈川県横浜市戸塚区川上町152-7</t>
  </si>
  <si>
    <t>010798</t>
  </si>
  <si>
    <t>若草台第三公園</t>
  </si>
  <si>
    <t>神奈川県横浜市青葉区若草台1-28</t>
  </si>
  <si>
    <t>010799</t>
  </si>
  <si>
    <t>永田堂ノ谷公園</t>
  </si>
  <si>
    <t>010800</t>
  </si>
  <si>
    <t>浦島丘第二公園</t>
  </si>
  <si>
    <t>神奈川県横浜市神奈川区浦島丘4-6</t>
  </si>
  <si>
    <t>010801</t>
  </si>
  <si>
    <t>北大豆戸公園</t>
  </si>
  <si>
    <t>神奈川県横浜市港北区大豆戸町925-4</t>
  </si>
  <si>
    <t>010802</t>
  </si>
  <si>
    <t>万騎が原第七公園</t>
  </si>
  <si>
    <t>神奈川県横浜市旭区万騎が原114-1</t>
  </si>
  <si>
    <t>010803</t>
  </si>
  <si>
    <t>六角橋六丁目公園</t>
  </si>
  <si>
    <t>010804</t>
  </si>
  <si>
    <t>片倉公園</t>
  </si>
  <si>
    <t>神奈川県横浜市神奈川区片倉町724-67</t>
  </si>
  <si>
    <t>010805</t>
  </si>
  <si>
    <t>都筑が丘第九公園</t>
  </si>
  <si>
    <t>神奈川県横浜市都筑区川和町1715-51</t>
  </si>
  <si>
    <t>010806</t>
  </si>
  <si>
    <t>下倉田第二公園</t>
  </si>
  <si>
    <t>神奈川県横浜市戸塚区下倉田町1479-95</t>
  </si>
  <si>
    <t>010807</t>
  </si>
  <si>
    <t>石崎川公園</t>
  </si>
  <si>
    <t>神奈川県横浜市西区戸部本町51</t>
  </si>
  <si>
    <t>010808</t>
  </si>
  <si>
    <t>野庭しいのき公園</t>
  </si>
  <si>
    <t>神奈川県横浜市港南区野庭町637-11</t>
  </si>
  <si>
    <t>010809</t>
  </si>
  <si>
    <t>白根八丁目第二公園</t>
  </si>
  <si>
    <t>010810</t>
  </si>
  <si>
    <t>元宮二丁目第二公園</t>
  </si>
  <si>
    <t>010811</t>
  </si>
  <si>
    <t>富士塚公園</t>
  </si>
  <si>
    <t>神奈川県横浜市泉区下飯田町1016-4</t>
  </si>
  <si>
    <t>010812</t>
  </si>
  <si>
    <t>南川公園</t>
  </si>
  <si>
    <t>010813</t>
  </si>
  <si>
    <t>西寺尾蕪谷第二公園</t>
  </si>
  <si>
    <t>010814</t>
  </si>
  <si>
    <t>日野町吉原公園</t>
  </si>
  <si>
    <t>010815</t>
  </si>
  <si>
    <t>中山谷第二公園</t>
  </si>
  <si>
    <t>神奈川県横浜市緑区十日市場町1865-176</t>
  </si>
  <si>
    <t>010816</t>
  </si>
  <si>
    <t>共進第一公園</t>
  </si>
  <si>
    <t>010817</t>
  </si>
  <si>
    <t>平戸中公園</t>
  </si>
  <si>
    <t>010818</t>
  </si>
  <si>
    <t>中田町第四公園</t>
  </si>
  <si>
    <t>010819</t>
  </si>
  <si>
    <t>羽沢稲荷公園</t>
  </si>
  <si>
    <t>神奈川県横浜市神奈川区羽沢町1200-70</t>
  </si>
  <si>
    <t>010820</t>
  </si>
  <si>
    <t>三ッ境第二公園</t>
  </si>
  <si>
    <t>010821</t>
  </si>
  <si>
    <t>万騎が原第三公園</t>
  </si>
  <si>
    <t>神奈川県横浜市旭区万騎が原26-1</t>
  </si>
  <si>
    <t>010822</t>
  </si>
  <si>
    <t>すすき野第三公園</t>
  </si>
  <si>
    <t>010823</t>
  </si>
  <si>
    <t>門前公園</t>
  </si>
  <si>
    <t>010824</t>
  </si>
  <si>
    <t>日野大多良公園</t>
  </si>
  <si>
    <t>010825</t>
  </si>
  <si>
    <t>白根八丁目公園</t>
  </si>
  <si>
    <t>010826</t>
  </si>
  <si>
    <t>西寺尾二丁目公園</t>
  </si>
  <si>
    <t>010827</t>
  </si>
  <si>
    <t>西柴第四公園</t>
  </si>
  <si>
    <t>010828</t>
  </si>
  <si>
    <t>西柴一丁目公園</t>
  </si>
  <si>
    <t>010829</t>
  </si>
  <si>
    <t>日吉本町一丁目公園</t>
  </si>
  <si>
    <t>010830</t>
  </si>
  <si>
    <t>篠原町会下谷第二公園</t>
  </si>
  <si>
    <t>神奈川県横浜市港北区篠原町1005-25</t>
  </si>
  <si>
    <t>010831</t>
  </si>
  <si>
    <t>大久保三丁目公園</t>
  </si>
  <si>
    <t>010832</t>
  </si>
  <si>
    <t>仏向倉沢公園</t>
  </si>
  <si>
    <t>010833</t>
  </si>
  <si>
    <t>多聞院前公園</t>
  </si>
  <si>
    <t>神奈川県横浜市中区本牧元町3</t>
  </si>
  <si>
    <t>010834</t>
  </si>
  <si>
    <t>六浦西第五公園</t>
  </si>
  <si>
    <t>010835</t>
  </si>
  <si>
    <t>一里塚公園</t>
  </si>
  <si>
    <t>010836</t>
  </si>
  <si>
    <t>獅子ケ谷第三公園</t>
  </si>
  <si>
    <t>010837</t>
  </si>
  <si>
    <t>永田北三丁目公園</t>
  </si>
  <si>
    <t>010838</t>
  </si>
  <si>
    <t>東向地公園</t>
  </si>
  <si>
    <t>神奈川県横浜市緑区長津田町2177-2</t>
  </si>
  <si>
    <t>010839</t>
  </si>
  <si>
    <t>片倉内山第二公園</t>
  </si>
  <si>
    <t>010840</t>
  </si>
  <si>
    <t>新羽公園</t>
  </si>
  <si>
    <t>神奈川県横浜市港北区新羽町1984-2</t>
  </si>
  <si>
    <t>010841</t>
  </si>
  <si>
    <t>美しが丘西三丁目公園</t>
  </si>
  <si>
    <t>010842</t>
  </si>
  <si>
    <t>六浦二丁目第二公園</t>
  </si>
  <si>
    <t>010843</t>
  </si>
  <si>
    <t>十日市場象ケ谷公園</t>
  </si>
  <si>
    <t>神奈川県横浜市緑区十日市場町916</t>
  </si>
  <si>
    <t>010844</t>
  </si>
  <si>
    <t>元町百段公園</t>
  </si>
  <si>
    <t>神奈川県横浜市中区山手町56-1</t>
  </si>
  <si>
    <t>010845</t>
  </si>
  <si>
    <t>西ノ谷公園</t>
  </si>
  <si>
    <t>010846</t>
  </si>
  <si>
    <t>上の宮第二公園</t>
  </si>
  <si>
    <t>010847</t>
  </si>
  <si>
    <t>追分公園</t>
  </si>
  <si>
    <t>010848</t>
  </si>
  <si>
    <t>川井本町五反田公園</t>
  </si>
  <si>
    <t>神奈川県横浜市旭区川井本町24-11</t>
  </si>
  <si>
    <t>010849</t>
  </si>
  <si>
    <t>妙蓮寺台公園</t>
  </si>
  <si>
    <t>010850</t>
  </si>
  <si>
    <t>笹堀第一公園</t>
  </si>
  <si>
    <t>010851</t>
  </si>
  <si>
    <t>寿公園</t>
  </si>
  <si>
    <t>010852</t>
  </si>
  <si>
    <t>稲荷前第五公園</t>
  </si>
  <si>
    <t>神奈川県横浜市青葉区大場町103-15</t>
  </si>
  <si>
    <t>010853</t>
  </si>
  <si>
    <t>白山町高倉公園</t>
  </si>
  <si>
    <t>010854</t>
  </si>
  <si>
    <t>中里町第四公園</t>
  </si>
  <si>
    <t>010855</t>
  </si>
  <si>
    <t>谷津公園</t>
  </si>
  <si>
    <t>神奈川県横浜市金沢区谷津町362</t>
  </si>
  <si>
    <t>010856</t>
  </si>
  <si>
    <t>長者ケ谷公園</t>
  </si>
  <si>
    <t>010857</t>
  </si>
  <si>
    <t>釜利谷第五公園</t>
  </si>
  <si>
    <t>010858</t>
  </si>
  <si>
    <t>長沼町第一公園</t>
  </si>
  <si>
    <t>神奈川県横浜市栄区長沼町294-3</t>
  </si>
  <si>
    <t>010859</t>
  </si>
  <si>
    <t>杉田内山公園</t>
  </si>
  <si>
    <t>010860</t>
  </si>
  <si>
    <t>岩崎町第一公園</t>
  </si>
  <si>
    <t>010861</t>
  </si>
  <si>
    <t>岸根山王山公園</t>
  </si>
  <si>
    <t>神奈川県横浜市港北区岸根町409-32</t>
  </si>
  <si>
    <t>010862</t>
  </si>
  <si>
    <t>新井町第五公園</t>
  </si>
  <si>
    <t>010863</t>
  </si>
  <si>
    <t>戸塚富塚公園</t>
  </si>
  <si>
    <t>010864</t>
  </si>
  <si>
    <t>本郷二丁目公園</t>
  </si>
  <si>
    <t>010865</t>
  </si>
  <si>
    <t>宮台第三公園</t>
  </si>
  <si>
    <t>010866</t>
  </si>
  <si>
    <t>三保中通公園</t>
  </si>
  <si>
    <t>神奈川県横浜市緑区三保町2333-17</t>
  </si>
  <si>
    <t>010867</t>
  </si>
  <si>
    <t>馬場三丁目公園</t>
  </si>
  <si>
    <t>010868</t>
  </si>
  <si>
    <t>東川島わくわく公園</t>
  </si>
  <si>
    <t>010869</t>
  </si>
  <si>
    <t>初音ヶ丘公園</t>
  </si>
  <si>
    <t>010870</t>
  </si>
  <si>
    <t>西谷町第三公園</t>
  </si>
  <si>
    <t>010871</t>
  </si>
  <si>
    <t>富岡東一丁目公園</t>
  </si>
  <si>
    <t>010872</t>
  </si>
  <si>
    <t>芹が谷第五公園</t>
  </si>
  <si>
    <t>神奈川県横浜市港南区東芹が谷17</t>
  </si>
  <si>
    <t>010873</t>
  </si>
  <si>
    <t>上矢部金堀塚公園</t>
  </si>
  <si>
    <t>神奈川県横浜市戸塚区上矢部町2420-10</t>
  </si>
  <si>
    <t>010874</t>
  </si>
  <si>
    <t>金沢八幡公園</t>
  </si>
  <si>
    <t>010875</t>
  </si>
  <si>
    <t>高田上耕地公園</t>
  </si>
  <si>
    <t>010876</t>
  </si>
  <si>
    <t>芹が谷第四公園</t>
  </si>
  <si>
    <t>010877</t>
  </si>
  <si>
    <t>美しが丘西よもぎひだまり公園</t>
  </si>
  <si>
    <t>010878</t>
  </si>
  <si>
    <t>東川島町第四公園</t>
  </si>
  <si>
    <t>010879</t>
  </si>
  <si>
    <t>二俣川一丁目公園</t>
  </si>
  <si>
    <t>010880</t>
  </si>
  <si>
    <t>中山谷公園</t>
  </si>
  <si>
    <t>神奈川県横浜市緑区十日市場町1865-89</t>
  </si>
  <si>
    <t>010881</t>
  </si>
  <si>
    <t>松見町一丁目第三公園</t>
  </si>
  <si>
    <t>010882</t>
  </si>
  <si>
    <t>森四丁目第四公園</t>
  </si>
  <si>
    <t>010883</t>
  </si>
  <si>
    <t>名瀬下第四公園</t>
  </si>
  <si>
    <t>神奈川県横浜市戸塚区名瀬町782-1</t>
  </si>
  <si>
    <t>010884</t>
  </si>
  <si>
    <t>釜利谷第四公園</t>
  </si>
  <si>
    <t>010885</t>
  </si>
  <si>
    <t>南原ふれあい公園</t>
  </si>
  <si>
    <t>010886</t>
  </si>
  <si>
    <t>二俣川二丁目公園</t>
  </si>
  <si>
    <t>010887</t>
  </si>
  <si>
    <t>新横浜第二公園</t>
  </si>
  <si>
    <t>010888</t>
  </si>
  <si>
    <t>大豆戸塚田公園</t>
  </si>
  <si>
    <t>神奈川県横浜市港北区大豆戸町492-5</t>
  </si>
  <si>
    <t>010889</t>
  </si>
  <si>
    <t>紅葉ケ丘公園</t>
  </si>
  <si>
    <t>010890</t>
  </si>
  <si>
    <t>日野町清水第二公園</t>
  </si>
  <si>
    <t>010891</t>
  </si>
  <si>
    <t>市沢第二公園</t>
  </si>
  <si>
    <t>神奈川県横浜市旭区市沢町919-37</t>
  </si>
  <si>
    <t>010892</t>
  </si>
  <si>
    <t>下ノ浜公園</t>
  </si>
  <si>
    <t>010893</t>
  </si>
  <si>
    <t>芹が谷第一公園</t>
  </si>
  <si>
    <t>010894</t>
  </si>
  <si>
    <t>中山駅北第二公園</t>
  </si>
  <si>
    <t>010895</t>
  </si>
  <si>
    <t>長沼町第二公園</t>
  </si>
  <si>
    <t>神奈川県横浜市栄区長沼町505-7</t>
  </si>
  <si>
    <t>010896</t>
  </si>
  <si>
    <t>杉田三丁目公園</t>
  </si>
  <si>
    <t>010897</t>
  </si>
  <si>
    <t>さちが丘蔵屋敷公園</t>
  </si>
  <si>
    <t>神奈川県横浜市旭区さちが丘25-81</t>
  </si>
  <si>
    <t>010898</t>
  </si>
  <si>
    <t>綱島台公園</t>
  </si>
  <si>
    <t>神奈川県横浜市港北区綱島台20</t>
  </si>
  <si>
    <t>010899</t>
  </si>
  <si>
    <t>平戸坂下公園</t>
  </si>
  <si>
    <t>神奈川県横浜市戸塚区平戸町484-3</t>
  </si>
  <si>
    <t>010900</t>
  </si>
  <si>
    <t>赤井谷公園</t>
  </si>
  <si>
    <t>010901</t>
  </si>
  <si>
    <t>田中町第二公園</t>
  </si>
  <si>
    <t>010902</t>
  </si>
  <si>
    <t>今宿東町第二公園</t>
  </si>
  <si>
    <t>010903</t>
  </si>
  <si>
    <t>つつじが丘第三公園</t>
  </si>
  <si>
    <t>神奈川県横浜市青葉区つつじが丘8</t>
  </si>
  <si>
    <t>010904</t>
  </si>
  <si>
    <t>池ノ谷公園</t>
  </si>
  <si>
    <t>010905</t>
  </si>
  <si>
    <t>原宿八幡山公園</t>
  </si>
  <si>
    <t>010906</t>
  </si>
  <si>
    <t>舞岡熊之堂公園</t>
  </si>
  <si>
    <t>神奈川県横浜市戸塚区舞岡町1093-8</t>
  </si>
  <si>
    <t>010907</t>
  </si>
  <si>
    <t>上菅田第二公園</t>
  </si>
  <si>
    <t>010908</t>
  </si>
  <si>
    <t>上白根第二公園</t>
  </si>
  <si>
    <t>010909</t>
  </si>
  <si>
    <t>北原公園</t>
  </si>
  <si>
    <t>010910</t>
  </si>
  <si>
    <t>上白根ふる里公園</t>
  </si>
  <si>
    <t>神奈川県横浜市旭区上白根町233-7</t>
  </si>
  <si>
    <t>010911</t>
  </si>
  <si>
    <t>別所さくら公園</t>
  </si>
  <si>
    <t>010912</t>
  </si>
  <si>
    <t>すすき野第二公園</t>
  </si>
  <si>
    <t>010913</t>
  </si>
  <si>
    <t>潮鶴橋公園</t>
  </si>
  <si>
    <t>010914</t>
  </si>
  <si>
    <t>朝比奈町公園</t>
  </si>
  <si>
    <t>010915</t>
  </si>
  <si>
    <t>釜利谷第三公園</t>
  </si>
  <si>
    <t>010916</t>
  </si>
  <si>
    <t>岡津宮ノ谷公園</t>
  </si>
  <si>
    <t>神奈川県横浜市泉区岡津町2535-2</t>
  </si>
  <si>
    <t>010917</t>
  </si>
  <si>
    <t>元大橋公園</t>
  </si>
  <si>
    <t>010918</t>
  </si>
  <si>
    <t>綱島西六丁目公園</t>
  </si>
  <si>
    <t>010919</t>
  </si>
  <si>
    <t>東川島町第一公園</t>
  </si>
  <si>
    <t>010920</t>
  </si>
  <si>
    <t>赤井谷第三公園</t>
  </si>
  <si>
    <t>010921</t>
  </si>
  <si>
    <t>神隠公園</t>
  </si>
  <si>
    <t>神奈川県横浜市港北区新吉田町6003-3</t>
  </si>
  <si>
    <t>010922</t>
  </si>
  <si>
    <t>北幸町公園</t>
  </si>
  <si>
    <t>010923</t>
  </si>
  <si>
    <t>大曽根第四公園</t>
  </si>
  <si>
    <t>010924</t>
  </si>
  <si>
    <t>岡村三丁目第四公園</t>
  </si>
  <si>
    <t>010925</t>
  </si>
  <si>
    <t>鳥井戸公園</t>
  </si>
  <si>
    <t>010926</t>
  </si>
  <si>
    <t>柏尾町第四公園</t>
  </si>
  <si>
    <t>神奈川県横浜市戸塚区柏尾町1130-80</t>
  </si>
  <si>
    <t>010927</t>
  </si>
  <si>
    <t>西寺尾第五公園</t>
  </si>
  <si>
    <t>010928</t>
  </si>
  <si>
    <t>新石川日向第二公園</t>
  </si>
  <si>
    <t>010929</t>
  </si>
  <si>
    <t>大岡三丁目第二公園</t>
  </si>
  <si>
    <t>010930</t>
  </si>
  <si>
    <t>池下橋公園</t>
  </si>
  <si>
    <t>010931</t>
  </si>
  <si>
    <t>菅田日向根公園</t>
  </si>
  <si>
    <t>神奈川県横浜市神奈川区菅田町363-4</t>
  </si>
  <si>
    <t>010932</t>
  </si>
  <si>
    <t>上白根長坂公園</t>
  </si>
  <si>
    <t>010933</t>
  </si>
  <si>
    <t>和田公園</t>
  </si>
  <si>
    <t>010934</t>
  </si>
  <si>
    <t>汲沢町第二公園</t>
  </si>
  <si>
    <t>神奈川県横浜市戸塚区汲沢町1407-24</t>
  </si>
  <si>
    <t>010935</t>
  </si>
  <si>
    <t>永田堂ノ谷第二公園</t>
  </si>
  <si>
    <t>010936</t>
  </si>
  <si>
    <t>笹野台南公園</t>
  </si>
  <si>
    <t>010937</t>
  </si>
  <si>
    <t>御前田第二公園</t>
  </si>
  <si>
    <t>010938</t>
  </si>
  <si>
    <t>富岡大谷公園</t>
  </si>
  <si>
    <t>010939</t>
  </si>
  <si>
    <t>六角橋五丁目公園</t>
  </si>
  <si>
    <t>010940</t>
  </si>
  <si>
    <t>東希望が丘第一公園</t>
  </si>
  <si>
    <t>神奈川県横浜市旭区東希望が丘133-5</t>
  </si>
  <si>
    <t>010941</t>
  </si>
  <si>
    <t>神大寺第二公園</t>
  </si>
  <si>
    <t>010942</t>
  </si>
  <si>
    <t>駒岡第二公園</t>
  </si>
  <si>
    <t>010943</t>
  </si>
  <si>
    <t>新橋神明谷第二公園</t>
  </si>
  <si>
    <t>神奈川県横浜市泉区新橋町1379-7</t>
  </si>
  <si>
    <t>010944</t>
  </si>
  <si>
    <t>戸塚町ぜんば公園</t>
  </si>
  <si>
    <t>神奈川県横浜市戸塚区戸塚町4637-1</t>
  </si>
  <si>
    <t>010945</t>
  </si>
  <si>
    <t>寺前町公園</t>
  </si>
  <si>
    <t>010946</t>
  </si>
  <si>
    <t>狩場町北公園</t>
  </si>
  <si>
    <t>010947</t>
  </si>
  <si>
    <t>東朝比奈地蔵前公園</t>
  </si>
  <si>
    <t>010948</t>
  </si>
  <si>
    <t>中村町五丁目公園</t>
  </si>
  <si>
    <t>010949</t>
  </si>
  <si>
    <t>桜台第三公園</t>
  </si>
  <si>
    <t>神奈川県横浜市青葉区桜台33-27</t>
  </si>
  <si>
    <t>上飯田北公園</t>
  </si>
  <si>
    <t>010951</t>
  </si>
  <si>
    <t>芹が谷第六公園</t>
  </si>
  <si>
    <t>神奈川県横浜市港南区東芹が谷7</t>
  </si>
  <si>
    <t>010952</t>
  </si>
  <si>
    <t>立野第一公園</t>
  </si>
  <si>
    <t>010953</t>
  </si>
  <si>
    <t>新桜ケ丘第六公園</t>
  </si>
  <si>
    <t>010954</t>
  </si>
  <si>
    <t>名瀬桐ケ谷公園</t>
  </si>
  <si>
    <t>神奈川県横浜市戸塚区名瀬町795-15</t>
  </si>
  <si>
    <t>010955</t>
  </si>
  <si>
    <t>千草台第四公園</t>
  </si>
  <si>
    <t>神奈川県横浜市青葉区千草台51-40</t>
  </si>
  <si>
    <t>010956</t>
  </si>
  <si>
    <t>天神の丘公園</t>
  </si>
  <si>
    <t>010957</t>
  </si>
  <si>
    <t>山ノ下公園</t>
  </si>
  <si>
    <t>010958</t>
  </si>
  <si>
    <t>三保公園</t>
  </si>
  <si>
    <t>神奈川県横浜市緑区三保町1729-17</t>
  </si>
  <si>
    <t>010959</t>
  </si>
  <si>
    <t>折本町西耕地公園</t>
  </si>
  <si>
    <t>神奈川県横浜市都筑区折本町154-3</t>
  </si>
  <si>
    <t>010960</t>
  </si>
  <si>
    <t>港南一丁目公園</t>
  </si>
  <si>
    <t>010961</t>
  </si>
  <si>
    <t>東朝比奈三丁目公園</t>
  </si>
  <si>
    <t>010962</t>
  </si>
  <si>
    <t>上飯田向ケ原公園</t>
  </si>
  <si>
    <t>神奈川県横浜市泉区上飯田町2131-11</t>
  </si>
  <si>
    <t>010964</t>
  </si>
  <si>
    <t>草笛公園</t>
  </si>
  <si>
    <t>010965</t>
  </si>
  <si>
    <t>竹山一丁目西公園</t>
  </si>
  <si>
    <t>010966</t>
  </si>
  <si>
    <t>神大寺第一公園</t>
  </si>
  <si>
    <t>010967</t>
  </si>
  <si>
    <t>三ッ境東原公園</t>
  </si>
  <si>
    <t>010968</t>
  </si>
  <si>
    <t>新子安さくら公園</t>
  </si>
  <si>
    <t>010969</t>
  </si>
  <si>
    <t>小菅ケ谷和田公園</t>
  </si>
  <si>
    <t>010970</t>
  </si>
  <si>
    <t>和泉池田公園</t>
  </si>
  <si>
    <t>010971</t>
  </si>
  <si>
    <t>駒岡三丁目公園</t>
  </si>
  <si>
    <t>010972</t>
  </si>
  <si>
    <t>深谷町前田公園</t>
  </si>
  <si>
    <t>神奈川県横浜市戸塚区深谷町314-1</t>
  </si>
  <si>
    <t>010973</t>
  </si>
  <si>
    <t>白幡南町第二公園</t>
  </si>
  <si>
    <t>神奈川県横浜市神奈川区白幡南町33</t>
  </si>
  <si>
    <t>010974</t>
  </si>
  <si>
    <t>谷津田原公園</t>
  </si>
  <si>
    <t>神奈川県横浜市緑区北八朔町1641-9</t>
  </si>
  <si>
    <t>010975</t>
  </si>
  <si>
    <t>日限山八木公園</t>
  </si>
  <si>
    <t>010976</t>
  </si>
  <si>
    <t>境木第三公園</t>
  </si>
  <si>
    <t>010977</t>
  </si>
  <si>
    <t>六浦第七公園</t>
  </si>
  <si>
    <t>010978</t>
  </si>
  <si>
    <t>中里町第一公園</t>
  </si>
  <si>
    <t>010979</t>
  </si>
  <si>
    <t>篠原町坊海道公園</t>
  </si>
  <si>
    <t>神奈川県横浜市港北区篠原町3113-18</t>
  </si>
  <si>
    <t>010980</t>
  </si>
  <si>
    <t>松見町三丁目公園</t>
  </si>
  <si>
    <t>010981</t>
  </si>
  <si>
    <t>永田台第一公園</t>
  </si>
  <si>
    <t>神奈川県横浜市南区永田台12</t>
  </si>
  <si>
    <t>010982</t>
  </si>
  <si>
    <t>藤が丘二丁目公園</t>
  </si>
  <si>
    <t>010983</t>
  </si>
  <si>
    <t>鴨居第二公園</t>
  </si>
  <si>
    <t>010984</t>
  </si>
  <si>
    <t>潮田第二公園</t>
  </si>
  <si>
    <t>010985</t>
  </si>
  <si>
    <t>洋光台六丁目第三公園</t>
  </si>
  <si>
    <t>010986</t>
  </si>
  <si>
    <t>六浦瀬ケ崎第二公園</t>
  </si>
  <si>
    <t>010987</t>
  </si>
  <si>
    <t>大岡五丁目公園</t>
  </si>
  <si>
    <t>010988</t>
  </si>
  <si>
    <t>西柴台公園</t>
  </si>
  <si>
    <t>010989</t>
  </si>
  <si>
    <t>柏尾町殿ケ谷公園</t>
  </si>
  <si>
    <t>神奈川県横浜市戸塚区柏尾町815-15</t>
  </si>
  <si>
    <t>010990</t>
  </si>
  <si>
    <t>瀬戸ケ谷弥生公園</t>
  </si>
  <si>
    <t>010991</t>
  </si>
  <si>
    <t>伊賀山公園</t>
  </si>
  <si>
    <t>010992</t>
  </si>
  <si>
    <t>三ツ境大原第三公園</t>
  </si>
  <si>
    <t>010993</t>
  </si>
  <si>
    <t>大門第一公園</t>
  </si>
  <si>
    <t>010994</t>
  </si>
  <si>
    <t>笹野台大野公園</t>
  </si>
  <si>
    <t>010995</t>
  </si>
  <si>
    <t>西戸部町三丁目さくら公園</t>
  </si>
  <si>
    <t>010996</t>
  </si>
  <si>
    <t>六浦南公園</t>
  </si>
  <si>
    <t>010997</t>
  </si>
  <si>
    <t>今宿筑野第五公園</t>
  </si>
  <si>
    <t>010998</t>
  </si>
  <si>
    <t>箕輪諏訪下第二公園</t>
  </si>
  <si>
    <t>010999</t>
  </si>
  <si>
    <t>新吉田さんかく公園</t>
  </si>
  <si>
    <t>011000</t>
  </si>
  <si>
    <t>中尾町公園</t>
  </si>
  <si>
    <t>011001</t>
  </si>
  <si>
    <t>松見町一丁目公園</t>
  </si>
  <si>
    <t>011002</t>
  </si>
  <si>
    <t>名瀬町第一公園</t>
  </si>
  <si>
    <t>神奈川県横浜市戸塚区名瀬町2850-24</t>
  </si>
  <si>
    <t>011003</t>
  </si>
  <si>
    <t>師岡打越第二公園</t>
  </si>
  <si>
    <t>神奈川県横浜市港北区師岡町245-31</t>
  </si>
  <si>
    <t>011004</t>
  </si>
  <si>
    <t>岸谷一丁目公園</t>
  </si>
  <si>
    <t>011005</t>
  </si>
  <si>
    <t>日野三丁目公園</t>
  </si>
  <si>
    <t>011006</t>
  </si>
  <si>
    <t>勝田第二公園</t>
  </si>
  <si>
    <t>神奈川県横浜市都筑区勝田町332-4</t>
  </si>
  <si>
    <t>011007</t>
  </si>
  <si>
    <t>田中町第一公園</t>
  </si>
  <si>
    <t>011008</t>
  </si>
  <si>
    <t>東希望が丘第七公園</t>
  </si>
  <si>
    <t>神奈川県横浜市旭区東希望が丘198-8</t>
  </si>
  <si>
    <t>011009</t>
  </si>
  <si>
    <t>三ッ境第五公園</t>
  </si>
  <si>
    <t>011010</t>
  </si>
  <si>
    <t>南本宿第二公園</t>
  </si>
  <si>
    <t>神奈川県横浜市旭区南本宿町144-56</t>
  </si>
  <si>
    <t>011011</t>
  </si>
  <si>
    <t>大岡三丁目公園</t>
  </si>
  <si>
    <t>011012</t>
  </si>
  <si>
    <t>本牧荒井公園</t>
  </si>
  <si>
    <t>神奈川県横浜市中区本牧荒井97</t>
  </si>
  <si>
    <t>011013</t>
  </si>
  <si>
    <t>新桜ケ丘第四公園</t>
  </si>
  <si>
    <t>011014</t>
  </si>
  <si>
    <t>杉田三丁目第二公園</t>
  </si>
  <si>
    <t>011015</t>
  </si>
  <si>
    <t>六浦西第四公園</t>
  </si>
  <si>
    <t>011016</t>
  </si>
  <si>
    <t>本郷台三丁目緑地</t>
  </si>
  <si>
    <t>011017</t>
  </si>
  <si>
    <t>荏田関耕地公園</t>
  </si>
  <si>
    <t>神奈川県横浜市青葉区荏田232-6</t>
  </si>
  <si>
    <t>011018</t>
  </si>
  <si>
    <t>山元町五丁目公園</t>
  </si>
  <si>
    <t>011019</t>
  </si>
  <si>
    <t>東希望が丘神明下公園</t>
  </si>
  <si>
    <t>神奈川県横浜市旭区東希望が丘175-9</t>
  </si>
  <si>
    <t>011020</t>
  </si>
  <si>
    <t>佐江戸山王前公園</t>
  </si>
  <si>
    <t>神奈川県横浜市都筑区佐江戸町2232-37</t>
  </si>
  <si>
    <t>011021</t>
  </si>
  <si>
    <t>中原第二公園</t>
  </si>
  <si>
    <t>011022</t>
  </si>
  <si>
    <t>西谷梅の木公園</t>
  </si>
  <si>
    <t>011023</t>
  </si>
  <si>
    <t>相沢六丁目第二公園</t>
  </si>
  <si>
    <t>011024</t>
  </si>
  <si>
    <t>善部町第一公園</t>
  </si>
  <si>
    <t>神奈川県横浜市旭区善部町31-49</t>
  </si>
  <si>
    <t>011025</t>
  </si>
  <si>
    <t>渡戸東公園</t>
  </si>
  <si>
    <t>011026</t>
  </si>
  <si>
    <t>羽沢大道公園</t>
  </si>
  <si>
    <t>神奈川県横浜市神奈川区羽沢町913-84</t>
  </si>
  <si>
    <t>011027</t>
  </si>
  <si>
    <t>都筑が丘第二公園</t>
  </si>
  <si>
    <t>神奈川県横浜市都筑区川和町2176-27</t>
  </si>
  <si>
    <t>011028</t>
  </si>
  <si>
    <t>栗田谷公園</t>
  </si>
  <si>
    <t>神奈川県横浜市神奈川区栗田谷43</t>
  </si>
  <si>
    <t>011029</t>
  </si>
  <si>
    <t>新子安一丁目公園</t>
  </si>
  <si>
    <t>011030</t>
  </si>
  <si>
    <t>宮ヶ谷緑地</t>
  </si>
  <si>
    <t>011031</t>
  </si>
  <si>
    <t>上白根公園</t>
  </si>
  <si>
    <t>神奈川県横浜市旭区上白根町138-9</t>
  </si>
  <si>
    <t>011032</t>
  </si>
  <si>
    <t>左右手公園</t>
  </si>
  <si>
    <t>011033</t>
  </si>
  <si>
    <t>上白根長坂第三公園</t>
  </si>
  <si>
    <t>011034</t>
  </si>
  <si>
    <t>富岡西七丁目公園</t>
  </si>
  <si>
    <t>011035</t>
  </si>
  <si>
    <t>浦島丘公園</t>
  </si>
  <si>
    <t>神奈川県横浜市神奈川区白幡東町25</t>
  </si>
  <si>
    <t>011036</t>
  </si>
  <si>
    <t>伊勢町もくせい公園</t>
  </si>
  <si>
    <t>011037</t>
  </si>
  <si>
    <t>二十一ノ区公園</t>
  </si>
  <si>
    <t>神奈川県横浜市戸塚区戸塚町4975-6</t>
  </si>
  <si>
    <t>011038</t>
  </si>
  <si>
    <t>真金町公園</t>
  </si>
  <si>
    <t>011039</t>
  </si>
  <si>
    <t>森戸原第二公園</t>
  </si>
  <si>
    <t>011040</t>
  </si>
  <si>
    <t>仏向横谷公園</t>
  </si>
  <si>
    <t>011041</t>
  </si>
  <si>
    <t>保土ケ谷駅前公園</t>
  </si>
  <si>
    <t>011042</t>
  </si>
  <si>
    <t>六浦ひなぎく公園</t>
  </si>
  <si>
    <t>011043</t>
  </si>
  <si>
    <t>大黒町第一公園</t>
  </si>
  <si>
    <t>011044</t>
  </si>
  <si>
    <t>箕輪町公園</t>
  </si>
  <si>
    <t>011045</t>
  </si>
  <si>
    <t>金沢町第二公園</t>
  </si>
  <si>
    <t>神奈川県横浜市金沢区金沢町184-132</t>
  </si>
  <si>
    <t>011046</t>
  </si>
  <si>
    <t>浅間下公園</t>
  </si>
  <si>
    <t>011047</t>
  </si>
  <si>
    <t>中田町第二公園</t>
  </si>
  <si>
    <t>011048</t>
  </si>
  <si>
    <t>仲木戸公園</t>
  </si>
  <si>
    <t>011049</t>
  </si>
  <si>
    <t>牛坂下公園</t>
  </si>
  <si>
    <t>011050</t>
  </si>
  <si>
    <t>北寺尾三丁目第二公園</t>
  </si>
  <si>
    <t>011051</t>
  </si>
  <si>
    <t>堀口第三公園</t>
  </si>
  <si>
    <t>神奈川県横浜市金沢区堀口19</t>
  </si>
  <si>
    <t>011052</t>
  </si>
  <si>
    <t>善部町第二公園</t>
  </si>
  <si>
    <t>神奈川県横浜市旭区善部町37-4</t>
  </si>
  <si>
    <t>011053</t>
  </si>
  <si>
    <t>上郷八号緑地</t>
  </si>
  <si>
    <t>神奈川県横浜市栄区上郷町1230-513</t>
  </si>
  <si>
    <t>011054</t>
  </si>
  <si>
    <t>芹が谷二丁目公園</t>
  </si>
  <si>
    <t>011055</t>
  </si>
  <si>
    <t>峰沢町北公園</t>
  </si>
  <si>
    <t>011056</t>
  </si>
  <si>
    <t>磯子下町公園</t>
  </si>
  <si>
    <t>神奈川県横浜市磯子区下町2</t>
  </si>
  <si>
    <t>011057</t>
  </si>
  <si>
    <t>向台公園</t>
  </si>
  <si>
    <t>011058</t>
  </si>
  <si>
    <t>矢部大久保公園</t>
  </si>
  <si>
    <t>神奈川県横浜市戸塚区矢部町1815-1</t>
  </si>
  <si>
    <t>011059</t>
  </si>
  <si>
    <t>東野第三公園</t>
  </si>
  <si>
    <t>神奈川県横浜市瀬谷区東野67-9</t>
  </si>
  <si>
    <t>011060</t>
  </si>
  <si>
    <t>名瀬下第八公園</t>
  </si>
  <si>
    <t>神奈川県横浜市戸塚区名瀬町791-12</t>
  </si>
  <si>
    <t>011061</t>
  </si>
  <si>
    <t>永田南二丁目公園</t>
  </si>
  <si>
    <t>011062</t>
  </si>
  <si>
    <t>阿久和向原公園</t>
  </si>
  <si>
    <t>011063</t>
  </si>
  <si>
    <t>小机町第一公園</t>
  </si>
  <si>
    <t>神奈川県横浜市港北区小机町1434-6</t>
  </si>
  <si>
    <t>011064</t>
  </si>
  <si>
    <t>落柿公園</t>
  </si>
  <si>
    <t>011065</t>
  </si>
  <si>
    <t>中希望が丘第一公園</t>
  </si>
  <si>
    <t>神奈川県横浜市旭区中希望が丘64-116</t>
  </si>
  <si>
    <t>011066</t>
  </si>
  <si>
    <t>片吹第二公園</t>
  </si>
  <si>
    <t>神奈川県横浜市金沢区片吹16</t>
  </si>
  <si>
    <t>011067</t>
  </si>
  <si>
    <t>片倉内山公園</t>
  </si>
  <si>
    <t>011068</t>
  </si>
  <si>
    <t>市沢町金子谷公園</t>
  </si>
  <si>
    <t>神奈川県横浜市旭区市沢町897-6</t>
  </si>
  <si>
    <t>011069</t>
  </si>
  <si>
    <t>沢渡公園</t>
  </si>
  <si>
    <t>神奈川県横浜市神奈川区沢渡1-3</t>
  </si>
  <si>
    <t>011070</t>
  </si>
  <si>
    <t>名瀬町南公園</t>
  </si>
  <si>
    <t>神奈川県横浜市戸塚区名瀬町279-18</t>
  </si>
  <si>
    <t>011071</t>
  </si>
  <si>
    <t>箕輪諏訪下公園</t>
  </si>
  <si>
    <t>011072</t>
  </si>
  <si>
    <t>杉田郷戸公園</t>
  </si>
  <si>
    <t>011073</t>
  </si>
  <si>
    <t>日野宮ノ脇公園</t>
  </si>
  <si>
    <t>011074</t>
  </si>
  <si>
    <t>西飯島第二公園</t>
  </si>
  <si>
    <t>神奈川県横浜市栄区飯島町547-3</t>
  </si>
  <si>
    <t>011075</t>
  </si>
  <si>
    <t>鶴見神社公園</t>
  </si>
  <si>
    <t>011076</t>
  </si>
  <si>
    <t>中希望が丘第三公園</t>
  </si>
  <si>
    <t>神奈川県横浜市旭区中希望が丘144-6</t>
  </si>
  <si>
    <t>011077</t>
  </si>
  <si>
    <t>釜利谷坂本第二公園</t>
  </si>
  <si>
    <t>011078</t>
  </si>
  <si>
    <t>岡村ひばりケ丘公園</t>
  </si>
  <si>
    <t>011079</t>
  </si>
  <si>
    <t>秋葉第三公園</t>
  </si>
  <si>
    <t>神奈川県横浜市戸塚区秋葉町520-104</t>
  </si>
  <si>
    <t>011080</t>
  </si>
  <si>
    <t>桂町平島公園</t>
  </si>
  <si>
    <t>神奈川県横浜市栄区桂町1-16</t>
  </si>
  <si>
    <t>011081</t>
  </si>
  <si>
    <t>富士塚二丁目公園</t>
  </si>
  <si>
    <t>011082</t>
  </si>
  <si>
    <t>舞岡第一公園</t>
  </si>
  <si>
    <t>011083</t>
  </si>
  <si>
    <t>品濃坂下公園</t>
  </si>
  <si>
    <t>神奈川県横浜市戸塚区品濃町527-4</t>
  </si>
  <si>
    <t>011084</t>
  </si>
  <si>
    <t>七曲公園</t>
  </si>
  <si>
    <t>011085</t>
  </si>
  <si>
    <t>三枚町第一公園</t>
  </si>
  <si>
    <t>神奈川県横浜市神奈川区三枚町563-21</t>
  </si>
  <si>
    <t>011086</t>
  </si>
  <si>
    <t>永田台第二公園</t>
  </si>
  <si>
    <t>神奈川県横浜市南区永田台36</t>
  </si>
  <si>
    <t>011087</t>
  </si>
  <si>
    <t>六ツ川二丁目第二公園</t>
  </si>
  <si>
    <t>011088</t>
  </si>
  <si>
    <t>岩井町第五公園</t>
  </si>
  <si>
    <t>011089</t>
  </si>
  <si>
    <t>菊名三丁目第二公園</t>
  </si>
  <si>
    <t>011090</t>
  </si>
  <si>
    <t>新井町稲荷通第二公園</t>
  </si>
  <si>
    <t>011091</t>
  </si>
  <si>
    <t>東口駅前通り公園</t>
  </si>
  <si>
    <t>011092</t>
  </si>
  <si>
    <t>矢部柳作公園</t>
  </si>
  <si>
    <t>神奈川県横浜市戸塚区矢部町657-5</t>
  </si>
  <si>
    <t>011093</t>
  </si>
  <si>
    <t>峯公園</t>
  </si>
  <si>
    <t>神奈川県横浜市磯子区峰町473-1</t>
  </si>
  <si>
    <t>011094</t>
  </si>
  <si>
    <t>六ツ川三丁目第二公園</t>
  </si>
  <si>
    <t>011095</t>
  </si>
  <si>
    <t>南本宿第一公園</t>
  </si>
  <si>
    <t>神奈川県横浜市旭区南本宿町89-29</t>
  </si>
  <si>
    <t>011096</t>
  </si>
  <si>
    <t>西柴第三公園</t>
  </si>
  <si>
    <t>011097</t>
  </si>
  <si>
    <t>地蔵坂公園</t>
  </si>
  <si>
    <t>神奈川県横浜市中区山手町225-5</t>
  </si>
  <si>
    <t>011098</t>
  </si>
  <si>
    <t>萩の台公園</t>
  </si>
  <si>
    <t>011099</t>
  </si>
  <si>
    <t>キリン園</t>
  </si>
  <si>
    <t>011100</t>
  </si>
  <si>
    <t>新子安もくれん公園</t>
  </si>
  <si>
    <t>011101</t>
  </si>
  <si>
    <t>みらいの見える丘公園</t>
  </si>
  <si>
    <t>011102</t>
  </si>
  <si>
    <t>笹野台二丁目公園</t>
  </si>
  <si>
    <t>011103</t>
  </si>
  <si>
    <t>ゆうもや公園</t>
  </si>
  <si>
    <t>011104</t>
  </si>
  <si>
    <t>清水ケ丘ふれあい公園</t>
  </si>
  <si>
    <t>011105</t>
  </si>
  <si>
    <t>中里二丁目公園</t>
  </si>
  <si>
    <t>011106</t>
  </si>
  <si>
    <t>権太坂第一公園</t>
  </si>
  <si>
    <t>011107</t>
  </si>
  <si>
    <t>大曽根北公園</t>
  </si>
  <si>
    <t>011108</t>
  </si>
  <si>
    <t>師岡沼上耕地公園</t>
  </si>
  <si>
    <t>神奈川県横浜市港北区師岡町857-2</t>
  </si>
  <si>
    <t>011109</t>
  </si>
  <si>
    <t>日野町東公園</t>
  </si>
  <si>
    <t>011110</t>
  </si>
  <si>
    <t>東寺尾四丁目公園</t>
  </si>
  <si>
    <t>011111</t>
  </si>
  <si>
    <t>上矢部第三公園</t>
  </si>
  <si>
    <t>神奈川県横浜市戸塚区上矢部町2116</t>
  </si>
  <si>
    <t>011112</t>
  </si>
  <si>
    <t>三ツ沢南町公園</t>
  </si>
  <si>
    <t>011113</t>
  </si>
  <si>
    <t>滝頭一丁目公園</t>
  </si>
  <si>
    <t>011114</t>
  </si>
  <si>
    <t>神大寺二丁目公園</t>
  </si>
  <si>
    <t>011115</t>
  </si>
  <si>
    <t>上山町北第二公園</t>
  </si>
  <si>
    <t>011116</t>
  </si>
  <si>
    <t>篠原町表谷公園</t>
  </si>
  <si>
    <t>神奈川県横浜市港北区篠原町2575-2</t>
  </si>
  <si>
    <t>011117</t>
  </si>
  <si>
    <t>深谷町東山公園</t>
  </si>
  <si>
    <t>神奈川県横浜市戸塚区深谷町885</t>
  </si>
  <si>
    <t>011118</t>
  </si>
  <si>
    <t>六浦白梅公園</t>
  </si>
  <si>
    <t>011119</t>
  </si>
  <si>
    <t>十八ノ区第二公園</t>
  </si>
  <si>
    <t>神奈川県横浜市戸塚区戸塚町4208-7</t>
  </si>
  <si>
    <t>011120</t>
  </si>
  <si>
    <t>岡津田向公園</t>
  </si>
  <si>
    <t>011121</t>
  </si>
  <si>
    <t>上大岡東一丁目公園</t>
  </si>
  <si>
    <t>011122</t>
  </si>
  <si>
    <t>後谷公園</t>
  </si>
  <si>
    <t>011123</t>
  </si>
  <si>
    <t>永田台第三公園</t>
  </si>
  <si>
    <t>神奈川県横浜市南区永田台30</t>
  </si>
  <si>
    <t>011124</t>
  </si>
  <si>
    <t>新山下公園</t>
  </si>
  <si>
    <t>011125</t>
  </si>
  <si>
    <t>鳥の舞公園</t>
  </si>
  <si>
    <t>011126</t>
  </si>
  <si>
    <t>万騎が原公園</t>
  </si>
  <si>
    <t>神奈川県横浜市旭区万騎が原147-24</t>
  </si>
  <si>
    <t>011127</t>
  </si>
  <si>
    <t>東野第五公園</t>
  </si>
  <si>
    <t>神奈川県横浜市瀬谷区東野88-2</t>
  </si>
  <si>
    <t>011128</t>
  </si>
  <si>
    <t>六浦二丁目第三公園</t>
  </si>
  <si>
    <t>011129</t>
  </si>
  <si>
    <t>中田西一丁目公園</t>
  </si>
  <si>
    <t>011130</t>
  </si>
  <si>
    <t>西戸部町二丁目公園</t>
  </si>
  <si>
    <t>011131</t>
  </si>
  <si>
    <t>永田台公園</t>
  </si>
  <si>
    <t>011132</t>
  </si>
  <si>
    <t>下倉田花立公園</t>
  </si>
  <si>
    <t>神奈川県横浜市戸塚区下倉田町1897-170</t>
  </si>
  <si>
    <t>011133</t>
  </si>
  <si>
    <t>南希望が丘第一公園</t>
  </si>
  <si>
    <t>神奈川県横浜市旭区南希望が丘133-4</t>
  </si>
  <si>
    <t>011134</t>
  </si>
  <si>
    <t>白山町第二公園</t>
  </si>
  <si>
    <t>011135</t>
  </si>
  <si>
    <t>市ノ坪第二公園</t>
  </si>
  <si>
    <t>011136</t>
  </si>
  <si>
    <t>本郷公園</t>
  </si>
  <si>
    <t>神奈川県横浜市栄区桂町303-24</t>
  </si>
  <si>
    <t>011137</t>
  </si>
  <si>
    <t>六浦三艘第二公園</t>
  </si>
  <si>
    <t>011138</t>
  </si>
  <si>
    <t>上矢部羽沢第二公園</t>
  </si>
  <si>
    <t>神奈川県横浜市戸塚区上矢部町972-8</t>
  </si>
  <si>
    <t>011139</t>
  </si>
  <si>
    <t>太尾町第三公園</t>
  </si>
  <si>
    <t>011140</t>
  </si>
  <si>
    <t>壱町ケ谷公園</t>
  </si>
  <si>
    <t>011141</t>
  </si>
  <si>
    <t>鴨居第三公園</t>
  </si>
  <si>
    <t>011142</t>
  </si>
  <si>
    <t>川和台うめのき公園</t>
  </si>
  <si>
    <t>神奈川県横浜市都筑区川和台4-6</t>
  </si>
  <si>
    <t>011143</t>
  </si>
  <si>
    <t>港南荻久保公園</t>
  </si>
  <si>
    <t>011144</t>
  </si>
  <si>
    <t>新橋第一公園</t>
  </si>
  <si>
    <t>011145</t>
  </si>
  <si>
    <t>野庭永作第二公園</t>
  </si>
  <si>
    <t>神奈川県横浜市港南区野庭町74-14</t>
  </si>
  <si>
    <t>011146</t>
  </si>
  <si>
    <t>上郷深田公園</t>
  </si>
  <si>
    <t>神奈川県横浜市栄区上郷町4491-17</t>
  </si>
  <si>
    <t>011147</t>
  </si>
  <si>
    <t>根岸坂下公園</t>
  </si>
  <si>
    <t>神奈川県横浜市磯子区坂下町7</t>
  </si>
  <si>
    <t>011148</t>
  </si>
  <si>
    <t>新桜ケ丘第一公園</t>
  </si>
  <si>
    <t>011149</t>
  </si>
  <si>
    <t>師岡沼上耕地第二公園</t>
  </si>
  <si>
    <t>神奈川県横浜市港北区師岡町700-19</t>
  </si>
  <si>
    <t>011150</t>
  </si>
  <si>
    <t>日野町原第二公園</t>
  </si>
  <si>
    <t>011151</t>
  </si>
  <si>
    <t>俣野町第一公園</t>
  </si>
  <si>
    <t>神奈川県横浜市戸塚区俣野町522-1</t>
  </si>
  <si>
    <t>011152</t>
  </si>
  <si>
    <t>三之谷北公園</t>
  </si>
  <si>
    <t>神奈川県横浜市中区本牧三之谷6</t>
  </si>
  <si>
    <t>011153</t>
  </si>
  <si>
    <t>広地町公園</t>
  </si>
  <si>
    <t>神奈川県横浜市磯子区広地町11</t>
  </si>
  <si>
    <t>011154</t>
  </si>
  <si>
    <t>鍛治久保公園</t>
  </si>
  <si>
    <t>011155</t>
  </si>
  <si>
    <t>高田第六公園</t>
  </si>
  <si>
    <t>011156</t>
  </si>
  <si>
    <t>星川一丁目公園</t>
  </si>
  <si>
    <t>011157</t>
  </si>
  <si>
    <t>台村大谷公園</t>
  </si>
  <si>
    <t>神奈川県横浜市緑区台村町641-20</t>
  </si>
  <si>
    <t>011158</t>
  </si>
  <si>
    <t>池辺町下薮根公園</t>
  </si>
  <si>
    <t>神奈川県横浜市都筑区池辺町2674</t>
  </si>
  <si>
    <t>011159</t>
  </si>
  <si>
    <t>獅子ヶ谷公園</t>
  </si>
  <si>
    <t>011160</t>
  </si>
  <si>
    <t>大曽根南公園</t>
  </si>
  <si>
    <t>011161</t>
  </si>
  <si>
    <t>藤棚町二丁目公園</t>
  </si>
  <si>
    <t>011162</t>
  </si>
  <si>
    <t>金草沢公園</t>
  </si>
  <si>
    <t>011163</t>
  </si>
  <si>
    <t>日野三丁目第二公園</t>
  </si>
  <si>
    <t>011164</t>
  </si>
  <si>
    <t>相沢六丁目公園</t>
  </si>
  <si>
    <t>011165</t>
  </si>
  <si>
    <t>万騎が原第九公園</t>
  </si>
  <si>
    <t>神奈川県横浜市旭区万騎が原122-21</t>
  </si>
  <si>
    <t>011166</t>
  </si>
  <si>
    <t>上菅田第三公園</t>
  </si>
  <si>
    <t>011167</t>
  </si>
  <si>
    <t>大北公園</t>
  </si>
  <si>
    <t>011168</t>
  </si>
  <si>
    <t>大口池下公園</t>
  </si>
  <si>
    <t>神奈川県横浜市神奈川区大口仲町194</t>
  </si>
  <si>
    <t>011169</t>
  </si>
  <si>
    <t>東蒔田公園</t>
  </si>
  <si>
    <t>神奈川県横浜市南区東蒔田町1-3</t>
  </si>
  <si>
    <t>011170</t>
  </si>
  <si>
    <t>宮の原第二公園</t>
  </si>
  <si>
    <t>神奈川県横浜市港北区新吉田町5524-42</t>
  </si>
  <si>
    <t>011171</t>
  </si>
  <si>
    <t>白幡西町公園</t>
  </si>
  <si>
    <t>神奈川県横浜市神奈川区白幡西町12</t>
  </si>
  <si>
    <t>011172</t>
  </si>
  <si>
    <t>矢向五丁目公園</t>
  </si>
  <si>
    <t>011173</t>
  </si>
  <si>
    <t>小菅ケ谷第五公園</t>
  </si>
  <si>
    <t>011174</t>
  </si>
  <si>
    <t>初音ケ丘第三公園</t>
  </si>
  <si>
    <t>011175</t>
  </si>
  <si>
    <t>東寺尾三丁目公園</t>
  </si>
  <si>
    <t>011176</t>
  </si>
  <si>
    <t>笹野台第二公園</t>
  </si>
  <si>
    <t>011177</t>
  </si>
  <si>
    <t>小机町宮原公園</t>
  </si>
  <si>
    <t>神奈川県横浜市港北区小机町103-3</t>
  </si>
  <si>
    <t>011178</t>
  </si>
  <si>
    <t>ワシン坂上公園</t>
  </si>
  <si>
    <t>神奈川県横浜市中区山手町149-3</t>
  </si>
  <si>
    <t>011179</t>
  </si>
  <si>
    <t>綱島上町中央公園</t>
  </si>
  <si>
    <t>011180</t>
  </si>
  <si>
    <t>本宿町第二公園</t>
  </si>
  <si>
    <t>神奈川県横浜市旭区本宿町27-10</t>
  </si>
  <si>
    <t>011181</t>
  </si>
  <si>
    <t>新子安公園</t>
  </si>
  <si>
    <t>011182</t>
  </si>
  <si>
    <t>十ノ区あじさい公園</t>
  </si>
  <si>
    <t>神奈川県横浜市戸塚区戸塚町字十ﾉ区2028-1</t>
  </si>
  <si>
    <t>011183</t>
  </si>
  <si>
    <t>十ノ区第四公園</t>
  </si>
  <si>
    <t>神奈川県横浜市戸塚区戸塚町2013-2</t>
  </si>
  <si>
    <t>011184</t>
  </si>
  <si>
    <t>平潟公園</t>
  </si>
  <si>
    <t>神奈川県横浜市金沢区平潟町16</t>
  </si>
  <si>
    <t>011185</t>
  </si>
  <si>
    <t>松見町四丁目公園</t>
  </si>
  <si>
    <t>011186</t>
  </si>
  <si>
    <t>十八ノ区第三公園</t>
  </si>
  <si>
    <t>神奈川県横浜市戸塚区戸塚町3630-21</t>
  </si>
  <si>
    <t>011187</t>
  </si>
  <si>
    <t>かたらい宿公園</t>
  </si>
  <si>
    <t>神奈川県横浜市青葉区荏田町494-8</t>
  </si>
  <si>
    <t>011188</t>
  </si>
  <si>
    <t>日野八丁目公園</t>
  </si>
  <si>
    <t>011189</t>
  </si>
  <si>
    <t>名瀬町南第二公園</t>
  </si>
  <si>
    <t>神奈川県横浜市戸塚区名瀬町70-19</t>
  </si>
  <si>
    <t>011190</t>
  </si>
  <si>
    <t>八幡公園</t>
  </si>
  <si>
    <t>神奈川県横浜市南区八幡町24-2</t>
  </si>
  <si>
    <t>011191</t>
  </si>
  <si>
    <t>和田二丁目公園</t>
  </si>
  <si>
    <t>011192</t>
  </si>
  <si>
    <t>森二丁目公園</t>
  </si>
  <si>
    <t>011193</t>
  </si>
  <si>
    <t>東蒔田第二公園</t>
  </si>
  <si>
    <t>神奈川県横浜市南区東蒔田町18-6</t>
  </si>
  <si>
    <t>011194</t>
  </si>
  <si>
    <t>中田町葛野公園</t>
  </si>
  <si>
    <t>011195</t>
  </si>
  <si>
    <t>井土ヶ谷中町公園</t>
  </si>
  <si>
    <t>011196</t>
  </si>
  <si>
    <t>下野谷町公園</t>
  </si>
  <si>
    <t>011197</t>
  </si>
  <si>
    <t>上倉田第四公園</t>
  </si>
  <si>
    <t>神奈川県横浜市戸塚区上倉田町865-14</t>
  </si>
  <si>
    <t>011198</t>
  </si>
  <si>
    <t>朝日町公園</t>
  </si>
  <si>
    <t>011199</t>
  </si>
  <si>
    <t>上の宮第三公園</t>
  </si>
  <si>
    <t>011200</t>
  </si>
  <si>
    <t>師岡南谷戸第二公園</t>
  </si>
  <si>
    <t>神奈川県横浜市港北区師岡町418-10</t>
  </si>
  <si>
    <t>011201</t>
  </si>
  <si>
    <t>楽老中公園</t>
  </si>
  <si>
    <t>011202</t>
  </si>
  <si>
    <t>鳥山町公園</t>
  </si>
  <si>
    <t>神奈川県横浜市港北区鳥山町616</t>
  </si>
  <si>
    <t>011203</t>
  </si>
  <si>
    <t>長坂ささのは公園</t>
  </si>
  <si>
    <t>神奈川県横浜市都筑区長坂6</t>
  </si>
  <si>
    <t>011204</t>
  </si>
  <si>
    <t>牛久保東さくらんぼ公園</t>
  </si>
  <si>
    <t>011205</t>
  </si>
  <si>
    <t>新栄町かぶとむし公園</t>
  </si>
  <si>
    <t>神奈川県横浜市都筑区新栄町6</t>
  </si>
  <si>
    <t>011206</t>
  </si>
  <si>
    <t>茅ケ崎南たんぽぽ公園</t>
  </si>
  <si>
    <t>011207</t>
  </si>
  <si>
    <t>茅ケ崎南つゆくさ公園</t>
  </si>
  <si>
    <t>011208</t>
  </si>
  <si>
    <t>鳶埼公園</t>
  </si>
  <si>
    <t>神奈川県横浜市金沢区柴町343-6</t>
  </si>
  <si>
    <t>011209</t>
  </si>
  <si>
    <t>東山田あさやけ公園</t>
  </si>
  <si>
    <t>011210</t>
  </si>
  <si>
    <t>荏田南とちのき公園</t>
  </si>
  <si>
    <t>011211</t>
  </si>
  <si>
    <t>平台くりのみ公園</t>
  </si>
  <si>
    <t>神奈川県横浜市都筑区平台6</t>
  </si>
  <si>
    <t>011212</t>
  </si>
  <si>
    <t>高山あかしあ公園</t>
  </si>
  <si>
    <t>神奈川県横浜市都筑区高山10</t>
  </si>
  <si>
    <t>011213</t>
  </si>
  <si>
    <t>荏田東すいせん公園</t>
  </si>
  <si>
    <t>011214</t>
  </si>
  <si>
    <t>白山一丁目公園</t>
  </si>
  <si>
    <t>011215</t>
  </si>
  <si>
    <t>荏田東たけのこ公園</t>
  </si>
  <si>
    <t>011216</t>
  </si>
  <si>
    <t>高山くすのき公園</t>
  </si>
  <si>
    <t>神奈川県横浜市都筑区高山2</t>
  </si>
  <si>
    <t>011217</t>
  </si>
  <si>
    <t>荏田南みのり公園</t>
  </si>
  <si>
    <t>011218</t>
  </si>
  <si>
    <t>北山田おにごっこ公園</t>
  </si>
  <si>
    <t>011219</t>
  </si>
  <si>
    <t>大丸からたち公園</t>
  </si>
  <si>
    <t>神奈川県横浜市都筑区大丸5</t>
  </si>
  <si>
    <t>011220</t>
  </si>
  <si>
    <t>北山田ながれぼし公園</t>
  </si>
  <si>
    <t>011221</t>
  </si>
  <si>
    <t>二の丸こぶし公園</t>
  </si>
  <si>
    <t>神奈川県横浜市都筑区二の丸8</t>
  </si>
  <si>
    <t>011222</t>
  </si>
  <si>
    <t>荏田南もも公園</t>
  </si>
  <si>
    <t>011223</t>
  </si>
  <si>
    <t>牛久保西すずらん公園</t>
  </si>
  <si>
    <t>011224</t>
  </si>
  <si>
    <t>早渕ひばり公園</t>
  </si>
  <si>
    <t>011225</t>
  </si>
  <si>
    <t>荏田東まつば公園</t>
  </si>
  <si>
    <t>011226</t>
  </si>
  <si>
    <t>荏田南やまぶき公園</t>
  </si>
  <si>
    <t>011227</t>
  </si>
  <si>
    <t>上之公園</t>
  </si>
  <si>
    <t>神奈川県横浜市栄区上之町38</t>
  </si>
  <si>
    <t>011228</t>
  </si>
  <si>
    <t>荏田東ねむのき公園</t>
  </si>
  <si>
    <t>011229</t>
  </si>
  <si>
    <t>神戸町公園</t>
  </si>
  <si>
    <t>011230</t>
  </si>
  <si>
    <t>仲尾台第二公園</t>
  </si>
  <si>
    <t>神奈川県横浜市中区仲尾台55-4</t>
  </si>
  <si>
    <t>011231</t>
  </si>
  <si>
    <t>いの山南公園</t>
  </si>
  <si>
    <t>神奈川県横浜市栄区犬山町45</t>
  </si>
  <si>
    <t>011232</t>
  </si>
  <si>
    <t>市場下町公園</t>
  </si>
  <si>
    <t>神奈川県横浜市鶴見区市場下町7</t>
  </si>
  <si>
    <t>011233</t>
  </si>
  <si>
    <t>常盤台南公園</t>
  </si>
  <si>
    <t>011234</t>
  </si>
  <si>
    <t>宿の前公園</t>
  </si>
  <si>
    <t>011235</t>
  </si>
  <si>
    <t>馬場七丁目公園</t>
  </si>
  <si>
    <t>011236</t>
  </si>
  <si>
    <t>杉田公園</t>
  </si>
  <si>
    <t>011237</t>
  </si>
  <si>
    <t>小菅ケ谷四丁目第二公園</t>
  </si>
  <si>
    <t>011238</t>
  </si>
  <si>
    <t>鷺山さくら公園</t>
  </si>
  <si>
    <t>神奈川県横浜市中区鷺山28-1</t>
  </si>
  <si>
    <t>011239</t>
  </si>
  <si>
    <t>富岡第二公園</t>
  </si>
  <si>
    <t>011240</t>
  </si>
  <si>
    <t>奈良町第七公園</t>
  </si>
  <si>
    <t>神奈川県横浜市青葉区奈良町2415-210</t>
  </si>
  <si>
    <t>011241</t>
  </si>
  <si>
    <t>名瀬町第三公園</t>
  </si>
  <si>
    <t>神奈川県横浜市戸塚区名瀬町3143-4</t>
  </si>
  <si>
    <t>011242</t>
  </si>
  <si>
    <t>狩場町東公園</t>
  </si>
  <si>
    <t>011243</t>
  </si>
  <si>
    <t>万騎が原第二公園</t>
  </si>
  <si>
    <t>神奈川県横浜市旭区万騎が原147-9</t>
  </si>
  <si>
    <t>011244</t>
  </si>
  <si>
    <t>仲町台ひぐらし公園</t>
  </si>
  <si>
    <t>011245</t>
  </si>
  <si>
    <t>鳥が丘第三公園</t>
  </si>
  <si>
    <t>神奈川県横浜市戸塚区鳥が丘68-1</t>
  </si>
  <si>
    <t>011246</t>
  </si>
  <si>
    <t>永田北一丁目第二公園</t>
  </si>
  <si>
    <t>011247</t>
  </si>
  <si>
    <t>仲町台うさぎ公園</t>
  </si>
  <si>
    <t>011248</t>
  </si>
  <si>
    <t>別所第三公園</t>
  </si>
  <si>
    <t>011249</t>
  </si>
  <si>
    <t>山谷公園</t>
  </si>
  <si>
    <t>011250</t>
  </si>
  <si>
    <t>中川なでしこ公園</t>
  </si>
  <si>
    <t>011251</t>
  </si>
  <si>
    <t>さちが丘第三公園</t>
  </si>
  <si>
    <t>神奈川県横浜市旭区さちが丘148-10</t>
  </si>
  <si>
    <t>011252</t>
  </si>
  <si>
    <t>マサキの鼻公園</t>
  </si>
  <si>
    <t>神奈川県横浜市金沢区柴町380</t>
  </si>
  <si>
    <t>011253</t>
  </si>
  <si>
    <t>白山町第三公園</t>
  </si>
  <si>
    <t>011254</t>
  </si>
  <si>
    <t>六浦西第一公園</t>
  </si>
  <si>
    <t>011255</t>
  </si>
  <si>
    <t>篠原町公園</t>
  </si>
  <si>
    <t>神奈川県横浜市港北区篠原町974-15</t>
  </si>
  <si>
    <t>011256</t>
  </si>
  <si>
    <t>あかね台第三公園</t>
  </si>
  <si>
    <t>011257</t>
  </si>
  <si>
    <t>菊名三丁目公園</t>
  </si>
  <si>
    <t>011258</t>
  </si>
  <si>
    <t>笹下室ノ木公園</t>
  </si>
  <si>
    <t>011259</t>
  </si>
  <si>
    <t>高舟台第一公園</t>
  </si>
  <si>
    <t>011260</t>
  </si>
  <si>
    <t>生麦神明公園</t>
  </si>
  <si>
    <t>011261</t>
  </si>
  <si>
    <t>北仲通北第二公園</t>
  </si>
  <si>
    <t>011262</t>
  </si>
  <si>
    <t>今宿しゃらの木公園</t>
  </si>
  <si>
    <t>011263</t>
  </si>
  <si>
    <t>新石川四丁目公園</t>
  </si>
  <si>
    <t>011264</t>
  </si>
  <si>
    <t>六ツ川二丁目ふれあい公園</t>
  </si>
  <si>
    <t>011265</t>
  </si>
  <si>
    <t>蒔田谷戸田上第二公園</t>
  </si>
  <si>
    <t>神奈川県横浜市南区蒔田町973-8</t>
  </si>
  <si>
    <t>011266</t>
  </si>
  <si>
    <t>小野第二公園</t>
  </si>
  <si>
    <t>神奈川県横浜市鶴見区小野町29</t>
  </si>
  <si>
    <t>011267</t>
  </si>
  <si>
    <t>大久保公園</t>
  </si>
  <si>
    <t>011268</t>
  </si>
  <si>
    <t>鴨居西河内第二公園</t>
  </si>
  <si>
    <t>011269</t>
  </si>
  <si>
    <t>本牧くすのき公園</t>
  </si>
  <si>
    <t>神奈川県横浜市中区本牧原7-7</t>
  </si>
  <si>
    <t>011270</t>
  </si>
  <si>
    <t>名瀬下第七公園</t>
  </si>
  <si>
    <t>神奈川県横浜市戸塚区名瀬町791-8</t>
  </si>
  <si>
    <t>011271</t>
  </si>
  <si>
    <t>新井町千貫丸公園</t>
  </si>
  <si>
    <t>011272</t>
  </si>
  <si>
    <t>東寺尾別所公園</t>
  </si>
  <si>
    <t>神奈川県横浜市鶴見区東寺尾北台19</t>
  </si>
  <si>
    <t>011273</t>
  </si>
  <si>
    <t>永田東三丁目公園</t>
  </si>
  <si>
    <t>011274</t>
  </si>
  <si>
    <t>吉田町公園</t>
  </si>
  <si>
    <t>神奈川県横浜市戸塚区吉田町823-2</t>
  </si>
  <si>
    <t>011275</t>
  </si>
  <si>
    <t>鶴巻橋公園</t>
  </si>
  <si>
    <t>011276</t>
  </si>
  <si>
    <t>東野第二公園</t>
  </si>
  <si>
    <t>神奈川県横浜市瀬谷区東野164</t>
  </si>
  <si>
    <t>011277</t>
  </si>
  <si>
    <t>川島緑地</t>
  </si>
  <si>
    <t>011278</t>
  </si>
  <si>
    <t>桜ケ丘二丁目公園</t>
  </si>
  <si>
    <t>011279</t>
  </si>
  <si>
    <t>あかね台第二公園</t>
  </si>
  <si>
    <t>011280</t>
  </si>
  <si>
    <t>中川ゆめみがおか公園</t>
  </si>
  <si>
    <t>011281</t>
  </si>
  <si>
    <t>新山下二丁目ベイサイド公園</t>
  </si>
  <si>
    <t>011282</t>
  </si>
  <si>
    <t>鳥が丘第四公園</t>
  </si>
  <si>
    <t>神奈川県横浜市戸塚区鳥が丘92-12</t>
  </si>
  <si>
    <t>011283</t>
  </si>
  <si>
    <t>釜利谷公園</t>
  </si>
  <si>
    <t>011284</t>
  </si>
  <si>
    <t>西町公園</t>
  </si>
  <si>
    <t>神奈川県横浜市磯子区西町10</t>
  </si>
  <si>
    <t>011285</t>
  </si>
  <si>
    <t>宮ケ谷台公園</t>
  </si>
  <si>
    <t>011286</t>
  </si>
  <si>
    <t>六浦二丁目第一公園</t>
  </si>
  <si>
    <t>011287</t>
  </si>
  <si>
    <t>中尾町第四公園</t>
  </si>
  <si>
    <t>011288</t>
  </si>
  <si>
    <t>市沢第一公園</t>
  </si>
  <si>
    <t>神奈川県横浜市旭区市沢町946-31</t>
  </si>
  <si>
    <t>011289</t>
  </si>
  <si>
    <t>本郷台滝ノ前公園</t>
  </si>
  <si>
    <t>011290</t>
  </si>
  <si>
    <t>桜並木ほおずき公園</t>
  </si>
  <si>
    <t>神奈川県横浜市都筑区桜並木7</t>
  </si>
  <si>
    <t>011291</t>
  </si>
  <si>
    <t>北山田じゃんけん公園</t>
  </si>
  <si>
    <t>011292</t>
  </si>
  <si>
    <t>東山田あけぼの公園</t>
  </si>
  <si>
    <t>011293</t>
  </si>
  <si>
    <t>011294</t>
  </si>
  <si>
    <t>北山田かげふみ公園</t>
  </si>
  <si>
    <t>011295</t>
  </si>
  <si>
    <t>和泉町第三公園</t>
  </si>
  <si>
    <t>011296</t>
  </si>
  <si>
    <t>茅ケ崎東れんげ公園</t>
  </si>
  <si>
    <t>011297</t>
  </si>
  <si>
    <t>今井町公園</t>
  </si>
  <si>
    <t>011298</t>
  </si>
  <si>
    <t>下永谷松原第二公園</t>
  </si>
  <si>
    <t>011299</t>
  </si>
  <si>
    <t>西寺尾三丁目公園</t>
  </si>
  <si>
    <t>011300</t>
  </si>
  <si>
    <t>日限山二丁目公園</t>
  </si>
  <si>
    <t>011301</t>
  </si>
  <si>
    <t>名瀬内久根公園</t>
  </si>
  <si>
    <t>神奈川県横浜市戸塚区名瀬町376-4</t>
  </si>
  <si>
    <t>011302</t>
  </si>
  <si>
    <t>東本郷下田公園</t>
  </si>
  <si>
    <t>011303</t>
  </si>
  <si>
    <t>上柏尾第一公園</t>
  </si>
  <si>
    <t>神奈川県横浜市戸塚区上柏尾町527-48</t>
  </si>
  <si>
    <t>011304</t>
  </si>
  <si>
    <t>六ツ川一丁目第二公園</t>
  </si>
  <si>
    <t>011305</t>
  </si>
  <si>
    <t>瀬戸ケ谷町第二公園</t>
  </si>
  <si>
    <t>011306</t>
  </si>
  <si>
    <t>沢木谷第四公園</t>
  </si>
  <si>
    <t>011307</t>
  </si>
  <si>
    <t>深谷町谷中公園</t>
  </si>
  <si>
    <t>神奈川県横浜市戸塚区深谷町1399-4</t>
  </si>
  <si>
    <t>011308</t>
  </si>
  <si>
    <t>市沢第四公園</t>
  </si>
  <si>
    <t>神奈川県横浜市旭区市沢町701-2</t>
  </si>
  <si>
    <t>011309</t>
  </si>
  <si>
    <t>小野第四公園</t>
  </si>
  <si>
    <t>神奈川県横浜市鶴見区小野町14-200</t>
  </si>
  <si>
    <t>011310</t>
  </si>
  <si>
    <t>大新田公園</t>
  </si>
  <si>
    <t>神奈川県横浜市西区南浅間町3</t>
  </si>
  <si>
    <t>011311</t>
  </si>
  <si>
    <t>上大岡公園</t>
  </si>
  <si>
    <t>011312</t>
  </si>
  <si>
    <t>泉が丘公園</t>
  </si>
  <si>
    <t>011313</t>
  </si>
  <si>
    <t>青砥公園</t>
  </si>
  <si>
    <t>神奈川県横浜市緑区北八朔町114-3</t>
  </si>
  <si>
    <t>011314</t>
  </si>
  <si>
    <t>山下町公園</t>
  </si>
  <si>
    <t>神奈川県横浜市中区山下町135-1</t>
  </si>
  <si>
    <t>011315</t>
  </si>
  <si>
    <t>大郷山第二公園</t>
  </si>
  <si>
    <t>011316</t>
  </si>
  <si>
    <t>中ノ原公園</t>
  </si>
  <si>
    <t>神奈川県横浜市旭区南希望が丘85-1</t>
  </si>
  <si>
    <t>011317</t>
  </si>
  <si>
    <t>日野南四丁目公園</t>
  </si>
  <si>
    <t>011318</t>
  </si>
  <si>
    <t>上矢部宮下公園</t>
  </si>
  <si>
    <t>神奈川県横浜市戸塚区上矢部町477-6</t>
  </si>
  <si>
    <t>011319</t>
  </si>
  <si>
    <t>釜利谷宿公園</t>
  </si>
  <si>
    <t>011320</t>
  </si>
  <si>
    <t>大正第二公園</t>
  </si>
  <si>
    <t>011321</t>
  </si>
  <si>
    <t>池辺町中里公園</t>
  </si>
  <si>
    <t>神奈川県横浜市都筑区池辺町3427</t>
  </si>
  <si>
    <t>011322</t>
  </si>
  <si>
    <t>南太田二丁目フレンド公園</t>
  </si>
  <si>
    <t>011323</t>
  </si>
  <si>
    <t>上矢部藤井公園</t>
  </si>
  <si>
    <t>神奈川県横浜市戸塚区上矢部町34-1</t>
  </si>
  <si>
    <t>011324</t>
  </si>
  <si>
    <t>関ヶ谷第二公園</t>
  </si>
  <si>
    <t>011325</t>
  </si>
  <si>
    <t>桐畑公園</t>
  </si>
  <si>
    <t>神奈川県横浜市神奈川区桐畑1-5</t>
  </si>
  <si>
    <t>011326</t>
  </si>
  <si>
    <t>谷津坂第二公園</t>
  </si>
  <si>
    <t>神奈川県横浜市金沢区能見台通36</t>
  </si>
  <si>
    <t>011327</t>
  </si>
  <si>
    <t>法泉二丁目公園</t>
  </si>
  <si>
    <t>011328</t>
  </si>
  <si>
    <t>荏田釈迦堂公園</t>
  </si>
  <si>
    <t>神奈川県横浜市青葉区荏田町246-24</t>
  </si>
  <si>
    <t>011329</t>
  </si>
  <si>
    <t>十日市場北公園</t>
  </si>
  <si>
    <t>神奈川県横浜市緑区十日市場町843-1</t>
  </si>
  <si>
    <t>011330</t>
  </si>
  <si>
    <t>小雀第二公園</t>
  </si>
  <si>
    <t>011331</t>
  </si>
  <si>
    <t>大坂下公園</t>
  </si>
  <si>
    <t>神奈川県横浜市戸塚区戸塚町2974-1</t>
  </si>
  <si>
    <t>011332</t>
  </si>
  <si>
    <t>西寺尾公園</t>
  </si>
  <si>
    <t>011333</t>
  </si>
  <si>
    <t>錦町第一公園</t>
  </si>
  <si>
    <t>神奈川県横浜市中区錦町5-12</t>
  </si>
  <si>
    <t>011334</t>
  </si>
  <si>
    <t>西寺尾第四公園</t>
  </si>
  <si>
    <t>011335</t>
  </si>
  <si>
    <t>仲尾台公園</t>
  </si>
  <si>
    <t>神奈川県横浜市中区仲尾台7-9</t>
  </si>
  <si>
    <t>011336</t>
  </si>
  <si>
    <t>高谷公園</t>
  </si>
  <si>
    <t>011337</t>
  </si>
  <si>
    <t>笠間町第二公園</t>
  </si>
  <si>
    <t>011338</t>
  </si>
  <si>
    <t>矢部神明台公園</t>
  </si>
  <si>
    <t>011339</t>
  </si>
  <si>
    <t>上倉田水神ヶ谷公園</t>
  </si>
  <si>
    <t>神奈川県横浜市戸塚区上倉田町1957-22</t>
  </si>
  <si>
    <t>011340</t>
  </si>
  <si>
    <t>菊名町公園</t>
  </si>
  <si>
    <t>011341</t>
  </si>
  <si>
    <t>高舟台第二公園</t>
  </si>
  <si>
    <t>011342</t>
  </si>
  <si>
    <t>鍛冶ヶ谷中居公園</t>
  </si>
  <si>
    <t>011343</t>
  </si>
  <si>
    <t>和泉町十三本公園</t>
  </si>
  <si>
    <t>011344</t>
  </si>
  <si>
    <t>橋戸三丁目公園</t>
  </si>
  <si>
    <t>011345</t>
  </si>
  <si>
    <t>原宿第三公園</t>
  </si>
  <si>
    <t>011346</t>
  </si>
  <si>
    <t>鳥山池公園</t>
  </si>
  <si>
    <t>神奈川県横浜市港北区鳥山町190-1</t>
  </si>
  <si>
    <t>011347</t>
  </si>
  <si>
    <t>新田間公園</t>
  </si>
  <si>
    <t>011348</t>
  </si>
  <si>
    <t>瀬戸ケ谷町第三公園</t>
  </si>
  <si>
    <t>011349</t>
  </si>
  <si>
    <t>夏山東公園</t>
  </si>
  <si>
    <t>011350</t>
  </si>
  <si>
    <t>あさもや公園</t>
  </si>
  <si>
    <t>011351</t>
  </si>
  <si>
    <t>竹山二丁目南公園</t>
  </si>
  <si>
    <t>011352</t>
  </si>
  <si>
    <t>平戸台公園</t>
  </si>
  <si>
    <t>神奈川県横浜市戸塚区平戸町1219-17</t>
  </si>
  <si>
    <t>011353</t>
  </si>
  <si>
    <t>野庭永作公園</t>
  </si>
  <si>
    <t>神奈川県横浜市港南区野庭町31-4</t>
  </si>
  <si>
    <t>011354</t>
  </si>
  <si>
    <t>新橋順礼坂公園</t>
  </si>
  <si>
    <t>011355</t>
  </si>
  <si>
    <t>浦島第二公園</t>
  </si>
  <si>
    <t>神奈川県横浜市神奈川区亀住町4-35</t>
  </si>
  <si>
    <t>011356</t>
  </si>
  <si>
    <t>仲町台くわがた公園</t>
  </si>
  <si>
    <t>011357</t>
  </si>
  <si>
    <t>かに山公園</t>
  </si>
  <si>
    <t>011358</t>
  </si>
  <si>
    <t>岡村三丁目第二公園</t>
  </si>
  <si>
    <t>011359</t>
  </si>
  <si>
    <t>笹野台第三公園</t>
  </si>
  <si>
    <t>011360</t>
  </si>
  <si>
    <t>矢部蔵坪公園</t>
  </si>
  <si>
    <t>神奈川県横浜市戸塚区矢部町字蔵坪610-4</t>
  </si>
  <si>
    <t>011361</t>
  </si>
  <si>
    <t>三保天神前公園</t>
  </si>
  <si>
    <t>神奈川県横浜市緑区三保町2036-1</t>
  </si>
  <si>
    <t>011362</t>
  </si>
  <si>
    <t>四季美台第二公園</t>
  </si>
  <si>
    <t>神奈川県横浜市旭区四季美台70-11</t>
  </si>
  <si>
    <t>011363</t>
  </si>
  <si>
    <t>日野御所ヶ谷第二公園</t>
  </si>
  <si>
    <t>011364</t>
  </si>
  <si>
    <t>上矢部南公園</t>
  </si>
  <si>
    <t>011365</t>
  </si>
  <si>
    <t>潮田仲通公園</t>
  </si>
  <si>
    <t>011366</t>
  </si>
  <si>
    <t>和田一丁目公園</t>
  </si>
  <si>
    <t>011367</t>
  </si>
  <si>
    <t>磯子間坂第二公園</t>
  </si>
  <si>
    <t>011368</t>
  </si>
  <si>
    <t>汲沢町公園</t>
  </si>
  <si>
    <t>神奈川県横浜市戸塚区汲沢町1301-39</t>
  </si>
  <si>
    <t>011369</t>
  </si>
  <si>
    <t>本牧元町公園</t>
  </si>
  <si>
    <t>神奈川県横浜市中区本牧元町13</t>
  </si>
  <si>
    <t>011370</t>
  </si>
  <si>
    <t>下倉田第四公園</t>
  </si>
  <si>
    <t>神奈川県横浜市戸塚区下倉田町828-197</t>
  </si>
  <si>
    <t>011371</t>
  </si>
  <si>
    <t>高田第五公園</t>
  </si>
  <si>
    <t>011372</t>
  </si>
  <si>
    <t>東永谷三丁目第二公園</t>
  </si>
  <si>
    <t>011373</t>
  </si>
  <si>
    <t>六浦公園</t>
  </si>
  <si>
    <t>011374</t>
  </si>
  <si>
    <t>笹下奈良郷公園</t>
  </si>
  <si>
    <t>011375</t>
  </si>
  <si>
    <t>中屋敷三丁目公園</t>
  </si>
  <si>
    <t>011376</t>
  </si>
  <si>
    <t>尻手公園</t>
  </si>
  <si>
    <t>011377</t>
  </si>
  <si>
    <t>今宿こぶし公園</t>
  </si>
  <si>
    <t>011378</t>
  </si>
  <si>
    <t>加賀原さるすべり公園</t>
  </si>
  <si>
    <t>011379</t>
  </si>
  <si>
    <t>沢木谷第三公園</t>
  </si>
  <si>
    <t>011380</t>
  </si>
  <si>
    <t>深田公園</t>
  </si>
  <si>
    <t>011381</t>
  </si>
  <si>
    <t>内林公園</t>
  </si>
  <si>
    <t>神奈川県横浜市泉区和泉町7418</t>
  </si>
  <si>
    <t>011382</t>
  </si>
  <si>
    <t>岸谷四丁目公園</t>
  </si>
  <si>
    <t>011383</t>
  </si>
  <si>
    <t>鳥が丘第二公園</t>
  </si>
  <si>
    <t>神奈川県横浜市戸塚区鳥が丘42-1</t>
  </si>
  <si>
    <t>011384</t>
  </si>
  <si>
    <t>六浦西第六公園</t>
  </si>
  <si>
    <t>011385</t>
  </si>
  <si>
    <t>仲手原広場公園</t>
  </si>
  <si>
    <t>011386</t>
  </si>
  <si>
    <t>六浦第五公園</t>
  </si>
  <si>
    <t>011387</t>
  </si>
  <si>
    <t>日野御所ヶ谷公園</t>
  </si>
  <si>
    <t>011388</t>
  </si>
  <si>
    <t>本郷台西公園</t>
  </si>
  <si>
    <t>011389</t>
  </si>
  <si>
    <t>寺前さざなみ公園</t>
  </si>
  <si>
    <t>011390</t>
  </si>
  <si>
    <t>岩間町公園</t>
  </si>
  <si>
    <t>011391</t>
  </si>
  <si>
    <t>杉田善一公園</t>
  </si>
  <si>
    <t>011392</t>
  </si>
  <si>
    <t>橋戸北第二公園</t>
  </si>
  <si>
    <t>011393</t>
  </si>
  <si>
    <t>勝田南あかとんぼ公園</t>
  </si>
  <si>
    <t>011394</t>
  </si>
  <si>
    <t>岩井町第二公園</t>
  </si>
  <si>
    <t>011395</t>
  </si>
  <si>
    <t>滝頭第二公園</t>
  </si>
  <si>
    <t>011396</t>
  </si>
  <si>
    <t>柏葉谷公園</t>
  </si>
  <si>
    <t>神奈川県横浜市旭区柏町37</t>
  </si>
  <si>
    <t>011397</t>
  </si>
  <si>
    <t>南軽井沢公園</t>
  </si>
  <si>
    <t>神奈川県横浜市西区南軽井沢18-2</t>
  </si>
  <si>
    <t>011398</t>
  </si>
  <si>
    <t>鳥が丘第五公園</t>
  </si>
  <si>
    <t>神奈川県横浜市戸塚区鳥が丘6-2</t>
  </si>
  <si>
    <t>011399</t>
  </si>
  <si>
    <t>あざみ野三丁目東公園</t>
  </si>
  <si>
    <t>011400</t>
  </si>
  <si>
    <t>神明下公園</t>
  </si>
  <si>
    <t>011401</t>
  </si>
  <si>
    <t>下瀬谷第一公園</t>
  </si>
  <si>
    <t>神奈川県横浜市瀬谷区北新35</t>
  </si>
  <si>
    <t>011402</t>
  </si>
  <si>
    <t>二俣川二丁目第二公園</t>
  </si>
  <si>
    <t>011403</t>
  </si>
  <si>
    <t>西が岡二丁目第二公園</t>
  </si>
  <si>
    <t>011404</t>
  </si>
  <si>
    <t>橋戸南第三公園</t>
  </si>
  <si>
    <t>011405</t>
  </si>
  <si>
    <t>権太坂第二公園</t>
  </si>
  <si>
    <t>011406</t>
  </si>
  <si>
    <t>平戸第一公園</t>
  </si>
  <si>
    <t>011407</t>
  </si>
  <si>
    <t>富家町公園</t>
  </si>
  <si>
    <t>神奈川県横浜市神奈川区富家町3</t>
  </si>
  <si>
    <t>011408</t>
  </si>
  <si>
    <t>中浜町第二公園</t>
  </si>
  <si>
    <t>神奈川県横浜市磯子区中浜町14</t>
  </si>
  <si>
    <t>011409</t>
  </si>
  <si>
    <t>上末吉三丁目公園</t>
  </si>
  <si>
    <t>011410</t>
  </si>
  <si>
    <t>上矢部羽沢公園</t>
  </si>
  <si>
    <t>011411</t>
  </si>
  <si>
    <t>東方第二公園</t>
  </si>
  <si>
    <t>神奈川県横浜市都筑区東方町190-4</t>
  </si>
  <si>
    <t>011412</t>
  </si>
  <si>
    <t>港南六丁目公園</t>
  </si>
  <si>
    <t>011413</t>
  </si>
  <si>
    <t>011414</t>
  </si>
  <si>
    <t>荏田第四公園</t>
  </si>
  <si>
    <t>神奈川県横浜市青葉区荏田町464-6</t>
  </si>
  <si>
    <t>011415</t>
  </si>
  <si>
    <t>蒔田三度台公園</t>
  </si>
  <si>
    <t>神奈川県横浜市南区蒔田町1018-82</t>
  </si>
  <si>
    <t>011416</t>
  </si>
  <si>
    <t>六ツ川四丁目公園</t>
  </si>
  <si>
    <t>011417</t>
  </si>
  <si>
    <t>領家二丁目公園</t>
  </si>
  <si>
    <t>011418</t>
  </si>
  <si>
    <t>磯子上町公園</t>
  </si>
  <si>
    <t>神奈川県横浜市磯子区上町2</t>
  </si>
  <si>
    <t>011419</t>
  </si>
  <si>
    <t>奈良町第三公園</t>
  </si>
  <si>
    <t>神奈川県横浜市青葉区奈良町2964-10</t>
  </si>
  <si>
    <t>011420</t>
  </si>
  <si>
    <t>中坪公園</t>
  </si>
  <si>
    <t>011421</t>
  </si>
  <si>
    <t>最戸二丁目公園</t>
  </si>
  <si>
    <t>011422</t>
  </si>
  <si>
    <t>中山駅北第三公園</t>
  </si>
  <si>
    <t>011423</t>
  </si>
  <si>
    <t>高田第四公園</t>
  </si>
  <si>
    <t>011424</t>
  </si>
  <si>
    <t>万騎が原第五公園</t>
  </si>
  <si>
    <t>神奈川県横浜市旭区万騎が原38-2</t>
  </si>
  <si>
    <t>011425</t>
  </si>
  <si>
    <t>日向山公園</t>
  </si>
  <si>
    <t>神奈川県横浜市泉区上飯田町4680</t>
  </si>
  <si>
    <t>011426</t>
  </si>
  <si>
    <t>東希望が丘こぶし公園</t>
  </si>
  <si>
    <t>神奈川県横浜市旭区東希望が丘155-4</t>
  </si>
  <si>
    <t>011427</t>
  </si>
  <si>
    <t>上矢部第五公園</t>
  </si>
  <si>
    <t>神奈川県横浜市戸塚区上矢部町1463-3</t>
  </si>
  <si>
    <t>011428</t>
  </si>
  <si>
    <t>楽老北公園</t>
  </si>
  <si>
    <t>011429</t>
  </si>
  <si>
    <t>吉田町大谷第二公園</t>
  </si>
  <si>
    <t>神奈川県横浜市戸塚区吉田町1724-20</t>
  </si>
  <si>
    <t>011430</t>
  </si>
  <si>
    <t>上倉田第一公園</t>
  </si>
  <si>
    <t>神奈川県横浜市戸塚区上倉田町2040-48</t>
  </si>
  <si>
    <t>011431</t>
  </si>
  <si>
    <t>本郷台二丁目公園</t>
  </si>
  <si>
    <t>011432</t>
  </si>
  <si>
    <t>尾月第二公園</t>
  </si>
  <si>
    <t>神奈川県横浜市栄区尾月4</t>
  </si>
  <si>
    <t>011433</t>
  </si>
  <si>
    <t>西寺尾三丁目第二公園</t>
  </si>
  <si>
    <t>011434</t>
  </si>
  <si>
    <t>大曽根公園</t>
  </si>
  <si>
    <t>神奈川県横浜市港北区大曽根台17</t>
  </si>
  <si>
    <t>011435</t>
  </si>
  <si>
    <t>別所中里台公園</t>
  </si>
  <si>
    <t>神奈川県横浜市南区別所中里台12</t>
  </si>
  <si>
    <t>011436</t>
  </si>
  <si>
    <t>神奈川通東公園</t>
  </si>
  <si>
    <t>神奈川県横浜市神奈川区新町16</t>
  </si>
  <si>
    <t>011437</t>
  </si>
  <si>
    <t>中沢町公園</t>
  </si>
  <si>
    <t>011438</t>
  </si>
  <si>
    <t>中村東公園</t>
  </si>
  <si>
    <t>011439</t>
  </si>
  <si>
    <t>飯島長谷公園</t>
  </si>
  <si>
    <t>011440</t>
  </si>
  <si>
    <t>東寺尾一丁目第三公園</t>
  </si>
  <si>
    <t>011441</t>
  </si>
  <si>
    <t>下瀬谷第三公園</t>
  </si>
  <si>
    <t>011442</t>
  </si>
  <si>
    <t>吉田町第三公園</t>
  </si>
  <si>
    <t>神奈川県横浜市戸塚区吉田町1379-11</t>
  </si>
  <si>
    <t>011443</t>
  </si>
  <si>
    <t>生麦公園</t>
  </si>
  <si>
    <t>011444</t>
  </si>
  <si>
    <t>東山田やまびこ公園</t>
  </si>
  <si>
    <t>011445</t>
  </si>
  <si>
    <t>勝田南てんとうむし公園</t>
  </si>
  <si>
    <t>011446</t>
  </si>
  <si>
    <t>霞台公園</t>
  </si>
  <si>
    <t>011447</t>
  </si>
  <si>
    <t>飯島下坂公園</t>
  </si>
  <si>
    <t>神奈川県横浜市栄区飯島町1690-1</t>
  </si>
  <si>
    <t>011448</t>
  </si>
  <si>
    <t>宮沢町公園</t>
  </si>
  <si>
    <t>011449</t>
  </si>
  <si>
    <t>釜利谷東八丁目公園</t>
  </si>
  <si>
    <t>011450</t>
  </si>
  <si>
    <t>中沢二丁目公園</t>
  </si>
  <si>
    <t>011451</t>
  </si>
  <si>
    <t>六浦西第二公園</t>
  </si>
  <si>
    <t>011452</t>
  </si>
  <si>
    <t>鼬川公園</t>
  </si>
  <si>
    <t>神奈川県横浜市栄区上郷町1151-126</t>
  </si>
  <si>
    <t>011453</t>
  </si>
  <si>
    <t>餅井坂公園</t>
  </si>
  <si>
    <t>011454</t>
  </si>
  <si>
    <t>大場衛門ケ谷公園</t>
  </si>
  <si>
    <t>神奈川県横浜市青葉区大場町904-1</t>
  </si>
  <si>
    <t>011455</t>
  </si>
  <si>
    <t>戸塚町南第二公園</t>
  </si>
  <si>
    <t>神奈川県横浜市戸塚区戸塚町2680-26</t>
  </si>
  <si>
    <t>011456</t>
  </si>
  <si>
    <t>市ケ尾第四公園</t>
  </si>
  <si>
    <t>011457</t>
  </si>
  <si>
    <t>箕輪舟下公園</t>
  </si>
  <si>
    <t>011458</t>
  </si>
  <si>
    <t>笹舟公園</t>
  </si>
  <si>
    <t>神奈川県横浜市栄区桂台東8</t>
  </si>
  <si>
    <t>011459</t>
  </si>
  <si>
    <t>下田町東公園</t>
  </si>
  <si>
    <t>011460</t>
  </si>
  <si>
    <t>下永谷第一公園</t>
  </si>
  <si>
    <t>011461</t>
  </si>
  <si>
    <t>西寺尾第二公園</t>
  </si>
  <si>
    <t>011462</t>
  </si>
  <si>
    <t>汲沢細田公園</t>
  </si>
  <si>
    <t>神奈川県横浜市戸塚区汲沢町1087-3</t>
  </si>
  <si>
    <t>011463</t>
  </si>
  <si>
    <t>奈良町第六公園</t>
  </si>
  <si>
    <t>神奈川県横浜市青葉区奈良町2423-197</t>
  </si>
  <si>
    <t>011464</t>
  </si>
  <si>
    <t>笹山東公園</t>
  </si>
  <si>
    <t>011465</t>
  </si>
  <si>
    <t>金井谷第二公園</t>
  </si>
  <si>
    <t>011466</t>
  </si>
  <si>
    <t>飯島町第一公園</t>
  </si>
  <si>
    <t>神奈川県横浜市栄区飯島町1879-3</t>
  </si>
  <si>
    <t>011467</t>
  </si>
  <si>
    <t>たいら台公園</t>
  </si>
  <si>
    <t>神奈川県横浜市栄区公田町424-50</t>
  </si>
  <si>
    <t>011468</t>
  </si>
  <si>
    <t>下野谷町第二公園</t>
  </si>
  <si>
    <t>011469</t>
  </si>
  <si>
    <t>庄戸第三北公園</t>
  </si>
  <si>
    <t>011470</t>
  </si>
  <si>
    <t>杉田大谷第二公園</t>
  </si>
  <si>
    <t>011471</t>
  </si>
  <si>
    <t>駒岡岩瀬公園</t>
  </si>
  <si>
    <t>011472</t>
  </si>
  <si>
    <t>上飯田南公園</t>
  </si>
  <si>
    <t>神奈川県横浜市泉区上飯田町979-1</t>
  </si>
  <si>
    <t>011473</t>
  </si>
  <si>
    <t>矢上川公園</t>
  </si>
  <si>
    <t>011474</t>
  </si>
  <si>
    <t>綱島東五丁目公園</t>
  </si>
  <si>
    <t>011475</t>
  </si>
  <si>
    <t>谷津染井公園</t>
  </si>
  <si>
    <t>神奈川県横浜市金沢区谷津町231-6</t>
  </si>
  <si>
    <t>011476</t>
  </si>
  <si>
    <t>長津田第三公園</t>
  </si>
  <si>
    <t>011477</t>
  </si>
  <si>
    <t>三ッ境大原第二公園</t>
  </si>
  <si>
    <t>011478</t>
  </si>
  <si>
    <t>三ッ境公園</t>
  </si>
  <si>
    <t>011479</t>
  </si>
  <si>
    <t>上菅田第四公園</t>
  </si>
  <si>
    <t>011480</t>
  </si>
  <si>
    <t>白楽公園</t>
  </si>
  <si>
    <t>神奈川県横浜市神奈川区白楽13</t>
  </si>
  <si>
    <t>011481</t>
  </si>
  <si>
    <t>菅田廻三戸公園</t>
  </si>
  <si>
    <t>011482</t>
  </si>
  <si>
    <t>岡村三殿台公園</t>
  </si>
  <si>
    <t>011483</t>
  </si>
  <si>
    <t>牛久保こすもす公園</t>
  </si>
  <si>
    <t>011484</t>
  </si>
  <si>
    <t>大曽根第二公園</t>
  </si>
  <si>
    <t>011485</t>
  </si>
  <si>
    <t>長津田第二公園</t>
  </si>
  <si>
    <t>011486</t>
  </si>
  <si>
    <t>東寺尾一丁目第二公園</t>
  </si>
  <si>
    <t>011487</t>
  </si>
  <si>
    <t>柏町北公園</t>
  </si>
  <si>
    <t>神奈川県横浜市旭区柏町125</t>
  </si>
  <si>
    <t>011488</t>
  </si>
  <si>
    <t>金井谷第三公園</t>
  </si>
  <si>
    <t>011489</t>
  </si>
  <si>
    <t>笹下明ヶ沢公園</t>
  </si>
  <si>
    <t>011490</t>
  </si>
  <si>
    <t>三保大上第二公園</t>
  </si>
  <si>
    <t>神奈川県横浜市緑区三保町2607-2</t>
  </si>
  <si>
    <t>011491</t>
  </si>
  <si>
    <t>下倉田第一公園</t>
  </si>
  <si>
    <t>神奈川県横浜市戸塚区下倉田町1453-18</t>
  </si>
  <si>
    <t>011492</t>
  </si>
  <si>
    <t>釜利谷柿の木公園</t>
  </si>
  <si>
    <t>011493</t>
  </si>
  <si>
    <t>芦穂崎公園</t>
  </si>
  <si>
    <t>011494</t>
  </si>
  <si>
    <t>聖坂公園</t>
  </si>
  <si>
    <t>神奈川県横浜市中区山手町143-7</t>
  </si>
  <si>
    <t>011495</t>
  </si>
  <si>
    <t>新沢池公園</t>
  </si>
  <si>
    <t>神奈川県横浜市戸塚区戸塚町3572-3</t>
  </si>
  <si>
    <t>011496</t>
  </si>
  <si>
    <t>西谷町第二公園</t>
  </si>
  <si>
    <t>011497</t>
  </si>
  <si>
    <t>上倉田第三公園</t>
  </si>
  <si>
    <t>神奈川県横浜市戸塚区上倉田町1657-1</t>
  </si>
  <si>
    <t>011498</t>
  </si>
  <si>
    <t>中居公園</t>
  </si>
  <si>
    <t>011499</t>
  </si>
  <si>
    <t>秋葉第一公園</t>
  </si>
  <si>
    <t>神奈川県横浜市戸塚区秋葉町242-62</t>
  </si>
  <si>
    <t>011500</t>
  </si>
  <si>
    <t>長津田町緑地</t>
  </si>
  <si>
    <t>011501</t>
  </si>
  <si>
    <t>大熊町公園</t>
  </si>
  <si>
    <t>神奈川県横浜市都筑区大熊町497</t>
  </si>
  <si>
    <t>011502</t>
  </si>
  <si>
    <t>大原北公園</t>
  </si>
  <si>
    <t>011503</t>
  </si>
  <si>
    <t>阿久和東公園</t>
  </si>
  <si>
    <t>011504</t>
  </si>
  <si>
    <t>錦町第二公園</t>
  </si>
  <si>
    <t>神奈川県横浜市中区錦町5-11</t>
  </si>
  <si>
    <t>011505</t>
  </si>
  <si>
    <t>六浦三艘第一公園</t>
  </si>
  <si>
    <t>011506</t>
  </si>
  <si>
    <t>瀬谷四丁目公園</t>
  </si>
  <si>
    <t>011507</t>
  </si>
  <si>
    <t>中田町第五公園</t>
  </si>
  <si>
    <t>011508</t>
  </si>
  <si>
    <t>別所五丁目公園</t>
  </si>
  <si>
    <t>011509</t>
  </si>
  <si>
    <t>西神奈川公園</t>
  </si>
  <si>
    <t>011510</t>
  </si>
  <si>
    <t>浅間車庫前公園</t>
  </si>
  <si>
    <t>011511</t>
  </si>
  <si>
    <t>矢向南公園</t>
  </si>
  <si>
    <t>011512</t>
  </si>
  <si>
    <t>桂台第三公園</t>
  </si>
  <si>
    <t>011513</t>
  </si>
  <si>
    <t>三ッ沢中町北公園</t>
  </si>
  <si>
    <t>011514</t>
  </si>
  <si>
    <t>須郷谷公園</t>
  </si>
  <si>
    <t>神奈川県横浜市旭区柏町57</t>
  </si>
  <si>
    <t>011515</t>
  </si>
  <si>
    <t>狩場町第三公園</t>
  </si>
  <si>
    <t>011516</t>
  </si>
  <si>
    <t>白山道公園</t>
  </si>
  <si>
    <t>011517</t>
  </si>
  <si>
    <t>五貫目町公園</t>
  </si>
  <si>
    <t>神奈川県横浜市瀬谷区五貫目町10-31</t>
  </si>
  <si>
    <t>011518</t>
  </si>
  <si>
    <t>鴨居公園</t>
  </si>
  <si>
    <t>011519</t>
  </si>
  <si>
    <t>磯子台紅取公園</t>
  </si>
  <si>
    <t>神奈川県横浜市磯子区磯子台25</t>
  </si>
  <si>
    <t>011520</t>
  </si>
  <si>
    <t>井土ヶ谷上町公園</t>
  </si>
  <si>
    <t>011521</t>
  </si>
  <si>
    <t>沢木谷第二公園</t>
  </si>
  <si>
    <t>011522</t>
  </si>
  <si>
    <t>上白根おもて公園</t>
  </si>
  <si>
    <t>011523</t>
  </si>
  <si>
    <t>竹村町公園</t>
  </si>
  <si>
    <t>神奈川県横浜市瀬谷区竹村町5-2</t>
  </si>
  <si>
    <t>011524</t>
  </si>
  <si>
    <t>睦町さくら公園</t>
  </si>
  <si>
    <t>011526</t>
  </si>
  <si>
    <t>四季美台第一公園</t>
  </si>
  <si>
    <t>神奈川県横浜市旭区四季美台84-216</t>
  </si>
  <si>
    <t>011527</t>
  </si>
  <si>
    <t>橋戸北公園</t>
  </si>
  <si>
    <t>011528</t>
  </si>
  <si>
    <t>二俣川宮沢公園</t>
  </si>
  <si>
    <t>011529</t>
  </si>
  <si>
    <t>三保大上第三公園</t>
  </si>
  <si>
    <t>神奈川県横浜市緑区三保町2650-2</t>
  </si>
  <si>
    <t>011530</t>
  </si>
  <si>
    <t>小菅ケ谷石神公園</t>
  </si>
  <si>
    <t>011531</t>
  </si>
  <si>
    <t>橋戸南公園</t>
  </si>
  <si>
    <t>011532</t>
  </si>
  <si>
    <t>品濃なかよし公園</t>
  </si>
  <si>
    <t>神奈川県横浜市戸塚区品濃町1789-6</t>
  </si>
  <si>
    <t>011533</t>
  </si>
  <si>
    <t>三ッ沢中公園</t>
  </si>
  <si>
    <t>011534</t>
  </si>
  <si>
    <t>出刈場公園</t>
  </si>
  <si>
    <t>神奈川県横浜市旭区東希望が丘235-1</t>
  </si>
  <si>
    <t>011535</t>
  </si>
  <si>
    <t>本郷台四丁目第一公園</t>
  </si>
  <si>
    <t>011536</t>
  </si>
  <si>
    <t>下倉田小松ケ丘公園</t>
  </si>
  <si>
    <t>神奈川県横浜市戸塚区下倉田町615-40</t>
  </si>
  <si>
    <t>011537</t>
  </si>
  <si>
    <t>弥生台駅前公園</t>
  </si>
  <si>
    <t>011538</t>
  </si>
  <si>
    <t>岩崎町第三公園</t>
  </si>
  <si>
    <t>011539</t>
  </si>
  <si>
    <t>駒岡第一公園</t>
  </si>
  <si>
    <t>011540</t>
  </si>
  <si>
    <t>瀬ケ崎台公園</t>
  </si>
  <si>
    <t>011541</t>
  </si>
  <si>
    <t>森みはらし公園</t>
  </si>
  <si>
    <t>011542</t>
  </si>
  <si>
    <t>戸塚町南第一公園</t>
  </si>
  <si>
    <t>神奈川県横浜市戸塚区戸塚町1491-71</t>
  </si>
  <si>
    <t>011543</t>
  </si>
  <si>
    <t>緑園稲荷谷公園</t>
  </si>
  <si>
    <t>011544</t>
  </si>
  <si>
    <t>走川公園</t>
  </si>
  <si>
    <t>011545</t>
  </si>
  <si>
    <t>新井町第一公園</t>
  </si>
  <si>
    <t>011546</t>
  </si>
  <si>
    <t>荏田第一公園</t>
  </si>
  <si>
    <t>神奈川県横浜市青葉区荏田町432-9</t>
  </si>
  <si>
    <t>011547</t>
  </si>
  <si>
    <t>北寺尾四丁目公園</t>
  </si>
  <si>
    <t>011548</t>
  </si>
  <si>
    <t>南太田公園</t>
  </si>
  <si>
    <t>011549</t>
  </si>
  <si>
    <t>上中里向坂公園</t>
  </si>
  <si>
    <t>神奈川県横浜市磯子区上中里町397-4</t>
  </si>
  <si>
    <t>011550</t>
  </si>
  <si>
    <t>本郷台二丁目緑地</t>
  </si>
  <si>
    <t>011551</t>
  </si>
  <si>
    <t>上飯田けやき公園</t>
  </si>
  <si>
    <t>神奈川県横浜市泉区上飯田町819</t>
  </si>
  <si>
    <t>011552</t>
  </si>
  <si>
    <t>新吉田町公園</t>
  </si>
  <si>
    <t>011553</t>
  </si>
  <si>
    <t>上郷六反町公園</t>
  </si>
  <si>
    <t>011554</t>
  </si>
  <si>
    <t>柏尾町第二公園</t>
  </si>
  <si>
    <t>神奈川県横浜市戸塚区柏尾町1411-36</t>
  </si>
  <si>
    <t>011555</t>
  </si>
  <si>
    <t>川上新井谷公園</t>
  </si>
  <si>
    <t>神奈川県横浜市戸塚区川上町669-8</t>
  </si>
  <si>
    <t>011556</t>
  </si>
  <si>
    <t>小菅ケ谷第三公園</t>
  </si>
  <si>
    <t>011557</t>
  </si>
  <si>
    <t>前田町向山公園</t>
  </si>
  <si>
    <t>神奈川県横浜市戸塚区前田町267-36</t>
  </si>
  <si>
    <t>011558</t>
  </si>
  <si>
    <t>日吉六丁目鏡ケ淵公園</t>
  </si>
  <si>
    <t>011559</t>
  </si>
  <si>
    <t>袖振公園</t>
  </si>
  <si>
    <t>011560</t>
  </si>
  <si>
    <t>本牧元町東公園</t>
  </si>
  <si>
    <t>神奈川県横浜市中区本牧元町49</t>
  </si>
  <si>
    <t>011561</t>
  </si>
  <si>
    <t>上永谷中里第二公園</t>
  </si>
  <si>
    <t>011562</t>
  </si>
  <si>
    <t>大岡四丁目第二公園</t>
  </si>
  <si>
    <t>011563</t>
  </si>
  <si>
    <t>宮の原第一公園</t>
  </si>
  <si>
    <t>神奈川県横浜市港北区新吉田町3381-12</t>
  </si>
  <si>
    <t>011564</t>
  </si>
  <si>
    <t>原宿第二公園</t>
  </si>
  <si>
    <t>011565</t>
  </si>
  <si>
    <t>神奈川台場公園</t>
  </si>
  <si>
    <t>011566</t>
  </si>
  <si>
    <t>滝頭公園</t>
  </si>
  <si>
    <t>011567</t>
  </si>
  <si>
    <t>上飯田クロ―バ―公園</t>
  </si>
  <si>
    <t>011568</t>
  </si>
  <si>
    <t>霜下公園</t>
  </si>
  <si>
    <t>011569</t>
  </si>
  <si>
    <t>兎ヶ谷公園</t>
  </si>
  <si>
    <t>011570</t>
  </si>
  <si>
    <t>日吉本町第四公園</t>
  </si>
  <si>
    <t>011571</t>
  </si>
  <si>
    <t>上谷本第二公園</t>
  </si>
  <si>
    <t>神奈川県横浜市青葉区もえぎ野21</t>
  </si>
  <si>
    <t>011572</t>
  </si>
  <si>
    <t>堀口公園</t>
  </si>
  <si>
    <t>神奈川県横浜市金沢区堀口18</t>
  </si>
  <si>
    <t>011573</t>
  </si>
  <si>
    <t>今宿神成谷第三公園</t>
  </si>
  <si>
    <t>011574</t>
  </si>
  <si>
    <t>善部町第四公園</t>
  </si>
  <si>
    <t>神奈川県横浜市旭区善部町109-7</t>
  </si>
  <si>
    <t>011575</t>
  </si>
  <si>
    <t>岡津南公園</t>
  </si>
  <si>
    <t>神奈川県横浜市泉区岡津町112</t>
  </si>
  <si>
    <t>011576</t>
  </si>
  <si>
    <t>獅子ヶ谷一丁目公園</t>
  </si>
  <si>
    <t>011577</t>
  </si>
  <si>
    <t>弥生台北公園</t>
  </si>
  <si>
    <t>神奈川県横浜市泉区弥生台21</t>
  </si>
  <si>
    <t>011578</t>
  </si>
  <si>
    <t>笠間岩井口第二公園</t>
  </si>
  <si>
    <t>011579</t>
  </si>
  <si>
    <t>阿久和小金第二公園</t>
  </si>
  <si>
    <t>011580</t>
  </si>
  <si>
    <t>向台第二公園</t>
  </si>
  <si>
    <t>011581</t>
  </si>
  <si>
    <t>馬場第一公園</t>
  </si>
  <si>
    <t>011582</t>
  </si>
  <si>
    <t>下永谷長町公園</t>
  </si>
  <si>
    <t>011583</t>
  </si>
  <si>
    <t>早渕やまどり公園</t>
  </si>
  <si>
    <t>011584</t>
  </si>
  <si>
    <t>橋戸東公園</t>
  </si>
  <si>
    <t>011585</t>
  </si>
  <si>
    <t>諏訪坂公園</t>
  </si>
  <si>
    <t>神奈川県横浜市鶴見区諏訪坂18</t>
  </si>
  <si>
    <t>011586</t>
  </si>
  <si>
    <t>上山町南第二公園</t>
  </si>
  <si>
    <t>011587</t>
  </si>
  <si>
    <t>馬場赤門公園</t>
  </si>
  <si>
    <t>011588</t>
  </si>
  <si>
    <t>仲町台かたつむり公園</t>
  </si>
  <si>
    <t>011589</t>
  </si>
  <si>
    <t>日向公園</t>
  </si>
  <si>
    <t>011590</t>
  </si>
  <si>
    <t>いぶき野第三公園</t>
  </si>
  <si>
    <t>神奈川県横浜市緑区いぶき野30-1</t>
  </si>
  <si>
    <t>011591</t>
  </si>
  <si>
    <t>上谷本第一公園</t>
  </si>
  <si>
    <t>神奈川県横浜市青葉区みたけ台4</t>
  </si>
  <si>
    <t>011592</t>
  </si>
  <si>
    <t>洲崎公園</t>
  </si>
  <si>
    <t>神奈川県横浜市金沢区洲崎町23</t>
  </si>
  <si>
    <t>011593</t>
  </si>
  <si>
    <t>八千代田公園</t>
  </si>
  <si>
    <t>011594</t>
  </si>
  <si>
    <t>新桜ケ丘第二公園</t>
  </si>
  <si>
    <t>011595</t>
  </si>
  <si>
    <t>長津田公園</t>
  </si>
  <si>
    <t>011596</t>
  </si>
  <si>
    <t>駒岡内町公園</t>
  </si>
  <si>
    <t>011597</t>
  </si>
  <si>
    <t>本村町第一公園</t>
  </si>
  <si>
    <t>神奈川県横浜市旭区本村町16-1</t>
  </si>
  <si>
    <t>011598</t>
  </si>
  <si>
    <t>神奈川通公園</t>
  </si>
  <si>
    <t>神奈川県横浜市神奈川区新町8-1</t>
  </si>
  <si>
    <t>011599</t>
  </si>
  <si>
    <t>峰岡第二公園</t>
  </si>
  <si>
    <t>011600</t>
  </si>
  <si>
    <t>中田町第一公園</t>
  </si>
  <si>
    <t>011601</t>
  </si>
  <si>
    <t>三枚町第三公園</t>
  </si>
  <si>
    <t>011602</t>
  </si>
  <si>
    <t>宮田町公園</t>
  </si>
  <si>
    <t>011603</t>
  </si>
  <si>
    <t>品濃はなみずき公園</t>
  </si>
  <si>
    <t>神奈川県横浜市戸塚区品濃町1778-6</t>
  </si>
  <si>
    <t>011604</t>
  </si>
  <si>
    <t>鶴ヶ峰本町第二公園</t>
  </si>
  <si>
    <t>011605</t>
  </si>
  <si>
    <t>和泉町小谷山公園</t>
  </si>
  <si>
    <t>011606</t>
  </si>
  <si>
    <t>能見台あきにれ公園</t>
  </si>
  <si>
    <t>011607</t>
  </si>
  <si>
    <t>常盤台第一公園</t>
  </si>
  <si>
    <t>011608</t>
  </si>
  <si>
    <t>向台第三公園</t>
  </si>
  <si>
    <t>011609</t>
  </si>
  <si>
    <t>瀬谷第一公園</t>
  </si>
  <si>
    <t>011610</t>
  </si>
  <si>
    <t>新吉田第一公園</t>
  </si>
  <si>
    <t>011611</t>
  </si>
  <si>
    <t>宮沢町第五公園</t>
  </si>
  <si>
    <t>011612</t>
  </si>
  <si>
    <t>上矢部塚迴公園</t>
  </si>
  <si>
    <t>神奈川県横浜市戸塚区上矢部町744-6</t>
  </si>
  <si>
    <t>011613</t>
  </si>
  <si>
    <t>子安台第二公園</t>
  </si>
  <si>
    <t>011614</t>
  </si>
  <si>
    <t>領家四丁目公園</t>
  </si>
  <si>
    <t>011615</t>
  </si>
  <si>
    <t>大安寺公園</t>
  </si>
  <si>
    <t>011616</t>
  </si>
  <si>
    <t>岡津第一公園</t>
  </si>
  <si>
    <t>神奈川県横浜市泉区岡津町2790-9</t>
  </si>
  <si>
    <t>011617</t>
  </si>
  <si>
    <t>泉公園</t>
  </si>
  <si>
    <t>011618</t>
  </si>
  <si>
    <t>西が岡一丁目公園</t>
  </si>
  <si>
    <t>011619</t>
  </si>
  <si>
    <t>本郷台駅前公園</t>
  </si>
  <si>
    <t>011620</t>
  </si>
  <si>
    <t>小菅ケ谷二丁目緑地</t>
  </si>
  <si>
    <t>011621</t>
  </si>
  <si>
    <t>あざみ野一丁目第三公園</t>
  </si>
  <si>
    <t>011622</t>
  </si>
  <si>
    <t>駒岡内町第二公園</t>
  </si>
  <si>
    <t>011623</t>
  </si>
  <si>
    <t>馬場四丁目公園</t>
  </si>
  <si>
    <t>011624</t>
  </si>
  <si>
    <t>八幡山公園</t>
  </si>
  <si>
    <t>神奈川県横浜市泉区和泉町6227</t>
  </si>
  <si>
    <t>011625</t>
  </si>
  <si>
    <t>大上第二公園</t>
  </si>
  <si>
    <t>神奈川県横浜市緑区三保町2710-75</t>
  </si>
  <si>
    <t>011626</t>
  </si>
  <si>
    <t>奈良町第五公園</t>
  </si>
  <si>
    <t>神奈川県横浜市青葉区奈良町1566-356</t>
  </si>
  <si>
    <t>011627</t>
  </si>
  <si>
    <t>美しが丘西保野公園</t>
  </si>
  <si>
    <t>011628</t>
  </si>
  <si>
    <t>中藻公園</t>
  </si>
  <si>
    <t>011629</t>
  </si>
  <si>
    <t>イガイ根公園</t>
  </si>
  <si>
    <t>011630</t>
  </si>
  <si>
    <t>宮ノ前公園</t>
  </si>
  <si>
    <t>011631</t>
  </si>
  <si>
    <t>栗木中村公園</t>
  </si>
  <si>
    <t>011632</t>
  </si>
  <si>
    <t>カゼ場公園</t>
  </si>
  <si>
    <t>011633</t>
  </si>
  <si>
    <t>あかね台宮の台公園</t>
  </si>
  <si>
    <t>011634</t>
  </si>
  <si>
    <t>干網公園</t>
  </si>
  <si>
    <t>011635</t>
  </si>
  <si>
    <t>美しが丘西滝の沢公園</t>
  </si>
  <si>
    <t>011636</t>
  </si>
  <si>
    <t>サルダの鼻公園</t>
  </si>
  <si>
    <t>011637</t>
  </si>
  <si>
    <t>のりべか公園</t>
  </si>
  <si>
    <t>011638</t>
  </si>
  <si>
    <t>東浜公園</t>
  </si>
  <si>
    <t>011639</t>
  </si>
  <si>
    <t>牡蠣根公園</t>
  </si>
  <si>
    <t>011640</t>
  </si>
  <si>
    <t>カメギ根公園</t>
  </si>
  <si>
    <t>神奈川県横浜市金沢区柴町364</t>
  </si>
  <si>
    <t>011641</t>
  </si>
  <si>
    <t>イド藻公園</t>
  </si>
  <si>
    <t>011642</t>
  </si>
  <si>
    <t>あかね台堀の内公園</t>
  </si>
  <si>
    <t>011643</t>
  </si>
  <si>
    <t>緑園北ノ入公園</t>
  </si>
  <si>
    <t>011644</t>
  </si>
  <si>
    <t>西が岡二丁目公園</t>
  </si>
  <si>
    <t>011645</t>
  </si>
  <si>
    <t>今宿筑野第四公園</t>
  </si>
  <si>
    <t>011646</t>
  </si>
  <si>
    <t>羽沢長谷第三公園</t>
  </si>
  <si>
    <t>011647</t>
  </si>
  <si>
    <t>小浜公園</t>
  </si>
  <si>
    <t>011648</t>
  </si>
  <si>
    <t>下瀬谷第四公園</t>
  </si>
  <si>
    <t>011649</t>
  </si>
  <si>
    <t>城山台公園</t>
  </si>
  <si>
    <t>神奈川県横浜市金沢区谷津町40-99</t>
  </si>
  <si>
    <t>011650</t>
  </si>
  <si>
    <t>富岡第六公園</t>
  </si>
  <si>
    <t>011651</t>
  </si>
  <si>
    <t>牛久保東なつみかん公園</t>
  </si>
  <si>
    <t>011652</t>
  </si>
  <si>
    <t>上の原公園</t>
  </si>
  <si>
    <t>011653</t>
  </si>
  <si>
    <t>十日市場石田公園</t>
  </si>
  <si>
    <t>神奈川県横浜市緑区十日市場町864</t>
  </si>
  <si>
    <t>011654</t>
  </si>
  <si>
    <t>洋光台五丁目公園</t>
  </si>
  <si>
    <t>011655</t>
  </si>
  <si>
    <t>水道みち向台公園</t>
  </si>
  <si>
    <t>011656</t>
  </si>
  <si>
    <t>方丈公園</t>
  </si>
  <si>
    <t>011657</t>
  </si>
  <si>
    <t>千草台第三公園</t>
  </si>
  <si>
    <t>神奈川県横浜市青葉区千草台44</t>
  </si>
  <si>
    <t>011658</t>
  </si>
  <si>
    <t>富岡第七公園</t>
  </si>
  <si>
    <t>011659</t>
  </si>
  <si>
    <t>大谷公園</t>
  </si>
  <si>
    <t>神奈川県横浜市西区久保町42</t>
  </si>
  <si>
    <t>011660</t>
  </si>
  <si>
    <t>上菅田山崎公園</t>
  </si>
  <si>
    <t>011661</t>
  </si>
  <si>
    <t>奈良町大田平第二公園</t>
  </si>
  <si>
    <t>神奈川県横浜市青葉区奈良町2821-4</t>
  </si>
  <si>
    <t>011662</t>
  </si>
  <si>
    <t>北谷公園</t>
  </si>
  <si>
    <t>011663</t>
  </si>
  <si>
    <t>しらとり台第二公園</t>
  </si>
  <si>
    <t>神奈川県横浜市青葉区しらとり台42</t>
  </si>
  <si>
    <t>011664</t>
  </si>
  <si>
    <t>吉田町大谷公園</t>
  </si>
  <si>
    <t>神奈川県横浜市戸塚区吉田町1724-14</t>
  </si>
  <si>
    <t>011665</t>
  </si>
  <si>
    <t>浦島公園</t>
  </si>
  <si>
    <t>神奈川県横浜市神奈川区亀住町18</t>
  </si>
  <si>
    <t>011666</t>
  </si>
  <si>
    <t>いぶき野第一公園</t>
  </si>
  <si>
    <t>神奈川県横浜市緑区いぶき野46-2</t>
  </si>
  <si>
    <t>011667</t>
  </si>
  <si>
    <t>新桜ケ丘第三公園</t>
  </si>
  <si>
    <t>011668</t>
  </si>
  <si>
    <t>神奈川県横浜市戸塚区品濃町555-1</t>
  </si>
  <si>
    <t>011669</t>
  </si>
  <si>
    <t>楠町公園</t>
  </si>
  <si>
    <t>神奈川県横浜市西区楠町1-8</t>
  </si>
  <si>
    <t>011670</t>
  </si>
  <si>
    <t>大原南公園</t>
  </si>
  <si>
    <t>011671</t>
  </si>
  <si>
    <t>美しが丘第三公園</t>
  </si>
  <si>
    <t>011672</t>
  </si>
  <si>
    <t>平楽公園</t>
  </si>
  <si>
    <t>神奈川県横浜市南区平楽147-3</t>
  </si>
  <si>
    <t>011673</t>
  </si>
  <si>
    <t>東上郷第三公園</t>
  </si>
  <si>
    <t>神奈川県横浜市栄区東上郷町58</t>
  </si>
  <si>
    <t>011674</t>
  </si>
  <si>
    <t>都筑が丘第三公園</t>
  </si>
  <si>
    <t>神奈川県横浜市都筑区川和町2187-12</t>
  </si>
  <si>
    <t>011675</t>
  </si>
  <si>
    <t>向根公園</t>
  </si>
  <si>
    <t>011676</t>
  </si>
  <si>
    <t>西が岡三丁目第二公園</t>
  </si>
  <si>
    <t>011677</t>
  </si>
  <si>
    <t>笠間扇子田公園</t>
  </si>
  <si>
    <t>011678</t>
  </si>
  <si>
    <t>丸山一丁目公園</t>
  </si>
  <si>
    <t>011679</t>
  </si>
  <si>
    <t>北八朔第四公園</t>
  </si>
  <si>
    <t>神奈川県横浜市緑区北八朔町946-1</t>
  </si>
  <si>
    <t>011680</t>
  </si>
  <si>
    <t>さつきが丘公園</t>
  </si>
  <si>
    <t>神奈川県横浜市青葉区さつきが丘19</t>
  </si>
  <si>
    <t>011681</t>
  </si>
  <si>
    <t>竹山一丁目東公園</t>
  </si>
  <si>
    <t>011682</t>
  </si>
  <si>
    <t>六反田公園</t>
  </si>
  <si>
    <t>011683</t>
  </si>
  <si>
    <t>三保天神前久保公園</t>
  </si>
  <si>
    <t>神奈川県横浜市緑区三保町1802-2</t>
  </si>
  <si>
    <t>011684</t>
  </si>
  <si>
    <t>東潮田公園</t>
  </si>
  <si>
    <t>011685</t>
  </si>
  <si>
    <t>佐江戸大峰公園</t>
  </si>
  <si>
    <t>神奈川県横浜市都筑区佐江戸町1722-2</t>
  </si>
  <si>
    <t>011686</t>
  </si>
  <si>
    <t>中山北緑道</t>
  </si>
  <si>
    <t>011687</t>
  </si>
  <si>
    <t>江ケ崎町公園</t>
  </si>
  <si>
    <t>011688</t>
  </si>
  <si>
    <t>長津田柳下公園</t>
  </si>
  <si>
    <t>神奈川県横浜市緑区長津田町2469-4</t>
  </si>
  <si>
    <t>011689</t>
  </si>
  <si>
    <t>白幡仲町公園</t>
  </si>
  <si>
    <t>神奈川県横浜市神奈川区白幡仲町17</t>
  </si>
  <si>
    <t>011690</t>
  </si>
  <si>
    <t>前田町堂屋敷公園</t>
  </si>
  <si>
    <t>神奈川県横浜市戸塚区前田町264-4</t>
  </si>
  <si>
    <t>011691</t>
  </si>
  <si>
    <t>上矢部第一公園</t>
  </si>
  <si>
    <t>神奈川県横浜市戸塚区上矢部町2501-50</t>
  </si>
  <si>
    <t>011692</t>
  </si>
  <si>
    <t>天王北公園</t>
  </si>
  <si>
    <t>011693</t>
  </si>
  <si>
    <t>美晴台公園</t>
  </si>
  <si>
    <t>011694</t>
  </si>
  <si>
    <t>日野中央三丁目第一公園</t>
  </si>
  <si>
    <t>011695</t>
  </si>
  <si>
    <t>南丸公園</t>
  </si>
  <si>
    <t>011696</t>
  </si>
  <si>
    <t>東久保町緑地</t>
  </si>
  <si>
    <t>011697</t>
  </si>
  <si>
    <t>泉新橋公園</t>
  </si>
  <si>
    <t>神奈川県横浜市泉区新橋町929</t>
  </si>
  <si>
    <t>011698</t>
  </si>
  <si>
    <t>大入公園</t>
  </si>
  <si>
    <t>011699</t>
  </si>
  <si>
    <t>三ツ沢下町公園</t>
  </si>
  <si>
    <t>011700</t>
  </si>
  <si>
    <t>野七里第二公園</t>
  </si>
  <si>
    <t>011701</t>
  </si>
  <si>
    <t>新田公園</t>
  </si>
  <si>
    <t>神奈川県横浜市港北区新吉田町3099-1</t>
  </si>
  <si>
    <t>011702</t>
  </si>
  <si>
    <t>霞が淵公園</t>
  </si>
  <si>
    <t>神奈川県横浜市栄区桂台北21</t>
  </si>
  <si>
    <t>011703</t>
  </si>
  <si>
    <t>六ツ川一丁目公園</t>
  </si>
  <si>
    <t>011704</t>
  </si>
  <si>
    <t>本郷町ガス山公園</t>
  </si>
  <si>
    <t>011705</t>
  </si>
  <si>
    <t>滝ノ川公園</t>
  </si>
  <si>
    <t>神奈川県横浜市神奈川区神奈川本町3-5</t>
  </si>
  <si>
    <t>011706</t>
  </si>
  <si>
    <t>上山町南公園</t>
  </si>
  <si>
    <t>011707</t>
  </si>
  <si>
    <t>長谷第一公園</t>
  </si>
  <si>
    <t>011708</t>
  </si>
  <si>
    <t>東本郷第二公園</t>
  </si>
  <si>
    <t>011709</t>
  </si>
  <si>
    <t>奈良三丁目市ノ久保公園</t>
  </si>
  <si>
    <t>011710</t>
  </si>
  <si>
    <t>奈良三丁目熊ヶ谷公園</t>
  </si>
  <si>
    <t>011711</t>
  </si>
  <si>
    <t>荏田南さくら公園</t>
  </si>
  <si>
    <t>011712</t>
  </si>
  <si>
    <t>根岸馬場町公園</t>
  </si>
  <si>
    <t>011713</t>
  </si>
  <si>
    <t>茅ケ崎南かきのき公園</t>
  </si>
  <si>
    <t>011714</t>
  </si>
  <si>
    <t>あかね台西が谷公園</t>
  </si>
  <si>
    <t>011715</t>
  </si>
  <si>
    <t>上台北公園</t>
  </si>
  <si>
    <t>011716</t>
  </si>
  <si>
    <t>本郷台三丁目公園</t>
  </si>
  <si>
    <t>011717</t>
  </si>
  <si>
    <t>飯島三ノ宮公園</t>
  </si>
  <si>
    <t>神奈川県横浜市栄区飯島町1838-9</t>
  </si>
  <si>
    <t>011718</t>
  </si>
  <si>
    <t>綱島東二丁目公園</t>
  </si>
  <si>
    <t>011719</t>
  </si>
  <si>
    <t>大口西公園</t>
  </si>
  <si>
    <t>神奈川県横浜市神奈川区大口仲町42</t>
  </si>
  <si>
    <t>011720</t>
  </si>
  <si>
    <t>磯子谷第二公園</t>
  </si>
  <si>
    <t>011721</t>
  </si>
  <si>
    <t>田奈第一公園</t>
  </si>
  <si>
    <t>神奈川県横浜市青葉区田奈町42</t>
  </si>
  <si>
    <t>011722</t>
  </si>
  <si>
    <t>舞岡西根第二公園</t>
  </si>
  <si>
    <t>神奈川県横浜市戸塚区舞岡町3596-4</t>
  </si>
  <si>
    <t>011723</t>
  </si>
  <si>
    <t>たんぽぽ公園</t>
  </si>
  <si>
    <t>011724</t>
  </si>
  <si>
    <t>十日市場神明下公園</t>
  </si>
  <si>
    <t>神奈川県横浜市緑区十日市場町909</t>
  </si>
  <si>
    <t>011725</t>
  </si>
  <si>
    <t>すみよし台第二公園</t>
  </si>
  <si>
    <t>神奈川県横浜市青葉区すみよし台24-4</t>
  </si>
  <si>
    <t>011726</t>
  </si>
  <si>
    <t>六ツ川二丁目第一公園</t>
  </si>
  <si>
    <t>011727</t>
  </si>
  <si>
    <t>市ケ尾第二公園</t>
  </si>
  <si>
    <t>011728</t>
  </si>
  <si>
    <t>永田台第四公園</t>
  </si>
  <si>
    <t>011729</t>
  </si>
  <si>
    <t>中川緑地</t>
  </si>
  <si>
    <t>011730</t>
  </si>
  <si>
    <t>洋光台三丁目西公園</t>
  </si>
  <si>
    <t>011731</t>
  </si>
  <si>
    <t>下倉田第三公園</t>
  </si>
  <si>
    <t>神奈川県横浜市戸塚区下倉田町828-55</t>
  </si>
  <si>
    <t>011732</t>
  </si>
  <si>
    <t>上郷四号緑地</t>
  </si>
  <si>
    <t>神奈川県横浜市栄区上郷町1534-2</t>
  </si>
  <si>
    <t>011733</t>
  </si>
  <si>
    <t>011734</t>
  </si>
  <si>
    <t>加賀原ぎんなん公園</t>
  </si>
  <si>
    <t>011735</t>
  </si>
  <si>
    <t>潮通り公園</t>
  </si>
  <si>
    <t>011736</t>
  </si>
  <si>
    <t>北八朔第一公園</t>
  </si>
  <si>
    <t>神奈川県横浜市緑区北八朔町1908-41</t>
  </si>
  <si>
    <t>011737</t>
  </si>
  <si>
    <t>東山田そよかぜ公園</t>
  </si>
  <si>
    <t>011738</t>
  </si>
  <si>
    <t>北八朔第二公園</t>
  </si>
  <si>
    <t>神奈川県横浜市緑区北八朔町1988-79</t>
  </si>
  <si>
    <t>011739</t>
  </si>
  <si>
    <t>つつじが丘第二公園</t>
  </si>
  <si>
    <t>神奈川県横浜市青葉区つつじが丘3-2</t>
  </si>
  <si>
    <t>011740</t>
  </si>
  <si>
    <t>小山台一丁目公園</t>
  </si>
  <si>
    <t>011741</t>
  </si>
  <si>
    <t>南希の森緑地</t>
  </si>
  <si>
    <t>神奈川県横浜市旭区南希望が丘13-1</t>
  </si>
  <si>
    <t>011742</t>
  </si>
  <si>
    <t>桂坂公園</t>
  </si>
  <si>
    <t>神奈川県横浜市泉区桂坂7-1</t>
  </si>
  <si>
    <t>011743</t>
  </si>
  <si>
    <t>中沢町第三公園</t>
  </si>
  <si>
    <t>011744</t>
  </si>
  <si>
    <t>笹山西公園</t>
  </si>
  <si>
    <t>011745</t>
  </si>
  <si>
    <t>大崎公園</t>
  </si>
  <si>
    <t>011746</t>
  </si>
  <si>
    <t>はなむしろ公園</t>
  </si>
  <si>
    <t>011747</t>
  </si>
  <si>
    <t>川和台もみじ公園</t>
  </si>
  <si>
    <t>神奈川県横浜市都筑区川和台23</t>
  </si>
  <si>
    <t>011748</t>
  </si>
  <si>
    <t>名瀬下第三公園</t>
  </si>
  <si>
    <t>神奈川県横浜市戸塚区名瀬町762</t>
  </si>
  <si>
    <t>011749</t>
  </si>
  <si>
    <t>山王森公園</t>
  </si>
  <si>
    <t>神奈川県横浜市神奈川区三枚町108-5</t>
  </si>
  <si>
    <t>011750</t>
  </si>
  <si>
    <t>市ケ尾第一公園</t>
  </si>
  <si>
    <t>011751</t>
  </si>
  <si>
    <t>千歳公園</t>
  </si>
  <si>
    <t>神奈川県横浜市中区山田町6-1</t>
  </si>
  <si>
    <t>011752</t>
  </si>
  <si>
    <t>白根えのき公園</t>
  </si>
  <si>
    <t>011753</t>
  </si>
  <si>
    <t>南川第二公園</t>
  </si>
  <si>
    <t>011754</t>
  </si>
  <si>
    <t>中沢町清水ケ丘公園</t>
  </si>
  <si>
    <t>011755</t>
  </si>
  <si>
    <t>丸山町公園</t>
  </si>
  <si>
    <t>011756</t>
  </si>
  <si>
    <t>大芝台公園</t>
  </si>
  <si>
    <t>神奈川県横浜市中区大芝台24</t>
  </si>
  <si>
    <t>011757</t>
  </si>
  <si>
    <t>高田第三公園</t>
  </si>
  <si>
    <t>011758</t>
  </si>
  <si>
    <t>あざみ野南三百久保公園</t>
  </si>
  <si>
    <t>011759</t>
  </si>
  <si>
    <t>杉山原公園</t>
  </si>
  <si>
    <t>011760</t>
  </si>
  <si>
    <t>本山前桜公園</t>
  </si>
  <si>
    <t>011761</t>
  </si>
  <si>
    <t>申田公園</t>
  </si>
  <si>
    <t>011762</t>
  </si>
  <si>
    <t>東永田公園</t>
  </si>
  <si>
    <t>011763</t>
  </si>
  <si>
    <t>杉田大谷第三公園</t>
  </si>
  <si>
    <t>011764</t>
  </si>
  <si>
    <t>ドリ－ムハイツ第二公園</t>
  </si>
  <si>
    <t>神奈川県横浜市戸塚区深谷町1304-2</t>
  </si>
  <si>
    <t>011765</t>
  </si>
  <si>
    <t>東神奈川公園</t>
  </si>
  <si>
    <t>神奈川県横浜市神奈川区神奈川本町7-11</t>
  </si>
  <si>
    <t>011766</t>
  </si>
  <si>
    <t>上永谷中里公園</t>
  </si>
  <si>
    <t>011767</t>
  </si>
  <si>
    <t>深谷町えのき公園</t>
  </si>
  <si>
    <t>011768</t>
  </si>
  <si>
    <t>岸谷二丁目公園</t>
  </si>
  <si>
    <t>011769</t>
  </si>
  <si>
    <t>鴨居西河内公園</t>
  </si>
  <si>
    <t>011770</t>
  </si>
  <si>
    <t>上飯田公園</t>
  </si>
  <si>
    <t>011771</t>
  </si>
  <si>
    <t>飯島わんわん池公園</t>
  </si>
  <si>
    <t>神奈川県横浜市栄区飯島町2908-2</t>
  </si>
  <si>
    <t>011772</t>
  </si>
  <si>
    <t>柏町丸山公園</t>
  </si>
  <si>
    <t>神奈川県横浜市旭区柏町94</t>
  </si>
  <si>
    <t>011773</t>
  </si>
  <si>
    <t>洋光台四丁目公園</t>
  </si>
  <si>
    <t>011774</t>
  </si>
  <si>
    <t>釜利谷一号緑地</t>
  </si>
  <si>
    <t>神奈川県横浜市金沢区釜利谷町2233-10</t>
  </si>
  <si>
    <t>011775</t>
  </si>
  <si>
    <t>美しが丘西山王坂公園</t>
  </si>
  <si>
    <t>011776</t>
  </si>
  <si>
    <t>杉田大谷第一公園</t>
  </si>
  <si>
    <t>011777</t>
  </si>
  <si>
    <t>磯子台公園</t>
  </si>
  <si>
    <t>神奈川県横浜市磯子区磯子台3</t>
  </si>
  <si>
    <t>011778</t>
  </si>
  <si>
    <t>磯子谷第一公園</t>
  </si>
  <si>
    <t>011779</t>
  </si>
  <si>
    <t>今宿東町第一公園</t>
  </si>
  <si>
    <t>神奈川県横浜市旭区今宿東町832-4</t>
  </si>
  <si>
    <t>011780</t>
  </si>
  <si>
    <t>下永谷三丁目公園</t>
  </si>
  <si>
    <t>011781</t>
  </si>
  <si>
    <t>狩場町第一公園</t>
  </si>
  <si>
    <t>011782</t>
  </si>
  <si>
    <t>長尾台けやき公園</t>
  </si>
  <si>
    <t>神奈川県横浜市栄区長尾台町16</t>
  </si>
  <si>
    <t>011783</t>
  </si>
  <si>
    <t>新橋神明谷公園</t>
  </si>
  <si>
    <t>神奈川県横浜市泉区新橋町1407-8</t>
  </si>
  <si>
    <t>011784</t>
  </si>
  <si>
    <t>宮ケ谷公園</t>
  </si>
  <si>
    <t>011785</t>
  </si>
  <si>
    <t>東上郷第一公園</t>
  </si>
  <si>
    <t>神奈川県横浜市栄区東上郷町27</t>
  </si>
  <si>
    <t>011786</t>
  </si>
  <si>
    <t>洋光台四丁目第二公園</t>
  </si>
  <si>
    <t>011787</t>
  </si>
  <si>
    <t>上倉田第二公園</t>
  </si>
  <si>
    <t>神奈川県横浜市戸塚区上倉田町1582-87</t>
  </si>
  <si>
    <t>011788</t>
  </si>
  <si>
    <t>氷取沢小学校跡地公園</t>
  </si>
  <si>
    <t>011789</t>
  </si>
  <si>
    <t>矢部東公園</t>
  </si>
  <si>
    <t>神奈川県横浜市戸塚区矢部町142-2</t>
  </si>
  <si>
    <t>011790</t>
  </si>
  <si>
    <t>十日市場中里公園</t>
  </si>
  <si>
    <t>神奈川県横浜市緑区十日市場町891</t>
  </si>
  <si>
    <t>011791</t>
  </si>
  <si>
    <t>汲沢二丁目公園</t>
  </si>
  <si>
    <t>011792</t>
  </si>
  <si>
    <t>池ノ上公園</t>
  </si>
  <si>
    <t>神奈川県横浜市西区東久保町12</t>
  </si>
  <si>
    <t>011793</t>
  </si>
  <si>
    <t>法泉一丁目第二公園</t>
  </si>
  <si>
    <t>011794</t>
  </si>
  <si>
    <t>井土ヶ谷公園</t>
  </si>
  <si>
    <t>011795</t>
  </si>
  <si>
    <t>十日市場日向山公園</t>
  </si>
  <si>
    <t>神奈川県横浜市緑区十日市場町829</t>
  </si>
  <si>
    <t>011796</t>
  </si>
  <si>
    <t>あたご公園</t>
  </si>
  <si>
    <t>011797</t>
  </si>
  <si>
    <t>浜松町公園</t>
  </si>
  <si>
    <t>神奈川県横浜市西区浜松町9</t>
  </si>
  <si>
    <t>011798</t>
  </si>
  <si>
    <t>奈良町第九公園</t>
  </si>
  <si>
    <t>神奈川県横浜市青葉区奈良町2423-189</t>
  </si>
  <si>
    <t>011799</t>
  </si>
  <si>
    <t>花籠公園</t>
  </si>
  <si>
    <t>011800</t>
  </si>
  <si>
    <t>軽井沢公園</t>
  </si>
  <si>
    <t>神奈川県横浜市西区南軽井沢6-1</t>
  </si>
  <si>
    <t>011801</t>
  </si>
  <si>
    <t>美しが丘西保島公園</t>
  </si>
  <si>
    <t>011802</t>
  </si>
  <si>
    <t>天王町公園</t>
  </si>
  <si>
    <t>011803</t>
  </si>
  <si>
    <t>すみれが丘第二公園</t>
  </si>
  <si>
    <t>神奈川県横浜市都筑区すみれが丘29</t>
  </si>
  <si>
    <t>011804</t>
  </si>
  <si>
    <t>仲手原緑道</t>
  </si>
  <si>
    <t>011805</t>
  </si>
  <si>
    <t>東永谷三丁目公園</t>
  </si>
  <si>
    <t>011806</t>
  </si>
  <si>
    <t>榎が丘第二公園</t>
  </si>
  <si>
    <t>神奈川県横浜市青葉区榎が丘16-1</t>
  </si>
  <si>
    <t>011807</t>
  </si>
  <si>
    <t>能見台平原公園</t>
  </si>
  <si>
    <t>011808</t>
  </si>
  <si>
    <t>洋光台二丁目公園</t>
  </si>
  <si>
    <t>011809</t>
  </si>
  <si>
    <t>別所第一公園</t>
  </si>
  <si>
    <t>神奈川県横浜市南区別所中里台31</t>
  </si>
  <si>
    <t>011810</t>
  </si>
  <si>
    <t>舞岡第二公園</t>
  </si>
  <si>
    <t>011811</t>
  </si>
  <si>
    <t>今宿箒沢第三公園</t>
  </si>
  <si>
    <t>011812</t>
  </si>
  <si>
    <t>上末吉二丁目第二公園</t>
  </si>
  <si>
    <t>011813</t>
  </si>
  <si>
    <t>阿久和小金第一公園</t>
  </si>
  <si>
    <t>011814</t>
  </si>
  <si>
    <t>七島町公園</t>
  </si>
  <si>
    <t>神奈川県横浜市神奈川区七島町34-12</t>
  </si>
  <si>
    <t>011815</t>
  </si>
  <si>
    <t>市ケ尾第三公園</t>
  </si>
  <si>
    <t>011816</t>
  </si>
  <si>
    <t>上柏尾第三公園</t>
  </si>
  <si>
    <t>神奈川県横浜市戸塚区上柏尾町311-1</t>
  </si>
  <si>
    <t>011817</t>
  </si>
  <si>
    <t>開港広場公園</t>
  </si>
  <si>
    <t>神奈川県横浜市中区山下町1</t>
  </si>
  <si>
    <t>011818</t>
  </si>
  <si>
    <t>金井谷第一公園</t>
  </si>
  <si>
    <t>011819</t>
  </si>
  <si>
    <t>洋光台三丁目公園</t>
  </si>
  <si>
    <t>011820</t>
  </si>
  <si>
    <t>荏田第三公園</t>
  </si>
  <si>
    <t>神奈川県横浜市青葉区荏田町449-10</t>
  </si>
  <si>
    <t>011821</t>
  </si>
  <si>
    <t>吉田町第二公園</t>
  </si>
  <si>
    <t>神奈川県横浜市戸塚区吉田町1216-2</t>
  </si>
  <si>
    <t>011822</t>
  </si>
  <si>
    <t>大口公園</t>
  </si>
  <si>
    <t>神奈川県横浜市神奈川区大口仲町28</t>
  </si>
  <si>
    <t>011823</t>
  </si>
  <si>
    <t>本郷三丁目公園</t>
  </si>
  <si>
    <t>011824</t>
  </si>
  <si>
    <t>富士見川公園</t>
  </si>
  <si>
    <t>011825</t>
  </si>
  <si>
    <t>西飯島第一公園</t>
  </si>
  <si>
    <t>神奈川県横浜市栄区飯島町710-5</t>
  </si>
  <si>
    <t>011826</t>
  </si>
  <si>
    <t>松見八幡公園</t>
  </si>
  <si>
    <t>011827</t>
  </si>
  <si>
    <t>牛久保東ひめりんご公園</t>
  </si>
  <si>
    <t>011828</t>
  </si>
  <si>
    <t>神戸町第二公園</t>
  </si>
  <si>
    <t>011829</t>
  </si>
  <si>
    <t>鴨志田第二公園</t>
  </si>
  <si>
    <t>神奈川県横浜市青葉区鴨志田町530</t>
  </si>
  <si>
    <t>011830</t>
  </si>
  <si>
    <t>茅ケ崎東なのはな公園</t>
  </si>
  <si>
    <t>011831</t>
  </si>
  <si>
    <t>北山田かくれんぼ公園</t>
  </si>
  <si>
    <t>011832</t>
  </si>
  <si>
    <t>鴨志田第三公園</t>
  </si>
  <si>
    <t>神奈川県横浜市青葉区鴨志田町506</t>
  </si>
  <si>
    <t>011833</t>
  </si>
  <si>
    <t>十日市場やまざくら公園</t>
  </si>
  <si>
    <t>011834</t>
  </si>
  <si>
    <t>長津田宮ノ前公園</t>
  </si>
  <si>
    <t>011835</t>
  </si>
  <si>
    <t>鴨志田第四公園</t>
  </si>
  <si>
    <t>神奈川県横浜市青葉区鴨志田町555</t>
  </si>
  <si>
    <t>011836</t>
  </si>
  <si>
    <t>美しが丘西薬師台公園</t>
  </si>
  <si>
    <t>011837</t>
  </si>
  <si>
    <t>洋光台一丁目公園</t>
  </si>
  <si>
    <t>011838</t>
  </si>
  <si>
    <t>牛久保のぞみがおか公園</t>
  </si>
  <si>
    <t>011839</t>
  </si>
  <si>
    <t>牛久保あやめ公園</t>
  </si>
  <si>
    <t>011840</t>
  </si>
  <si>
    <t>芹が谷台公園</t>
  </si>
  <si>
    <t>011841</t>
  </si>
  <si>
    <t>仏向けやき公園</t>
  </si>
  <si>
    <t>011842</t>
  </si>
  <si>
    <t>センター北広場</t>
  </si>
  <si>
    <t>011843</t>
  </si>
  <si>
    <t>御所山公園</t>
  </si>
  <si>
    <t>神奈川県横浜市西区御所山町56-2</t>
  </si>
  <si>
    <t>011844</t>
  </si>
  <si>
    <t>富岡第四公園</t>
  </si>
  <si>
    <t>011845</t>
  </si>
  <si>
    <t>能見台野地久保公園</t>
  </si>
  <si>
    <t>011846</t>
  </si>
  <si>
    <t>天王山公園</t>
  </si>
  <si>
    <t>神奈川県横浜市戸塚区品濃町507-4</t>
  </si>
  <si>
    <t>011847</t>
  </si>
  <si>
    <t>小菅ケ谷第四公園</t>
  </si>
  <si>
    <t>011848</t>
  </si>
  <si>
    <t>山王橋公園</t>
  </si>
  <si>
    <t>011849</t>
  </si>
  <si>
    <t>六角橋公園</t>
  </si>
  <si>
    <t>011850</t>
  </si>
  <si>
    <t>あざみ野三丁目公園</t>
  </si>
  <si>
    <t>011851</t>
  </si>
  <si>
    <t>下瀬谷第二公園</t>
  </si>
  <si>
    <t>011852</t>
  </si>
  <si>
    <t>柏尾町第三公園</t>
  </si>
  <si>
    <t>神奈川県横浜市戸塚区柏尾町1432-26</t>
  </si>
  <si>
    <t>011853</t>
  </si>
  <si>
    <t>中丸公園</t>
  </si>
  <si>
    <t>011854</t>
  </si>
  <si>
    <t>日影山公園</t>
  </si>
  <si>
    <t>011855</t>
  </si>
  <si>
    <t>仏向緑地</t>
  </si>
  <si>
    <t>011856</t>
  </si>
  <si>
    <t>稲荷前第一公園</t>
  </si>
  <si>
    <t>神奈川県横浜市青葉区大場町174-294</t>
  </si>
  <si>
    <t>011857</t>
  </si>
  <si>
    <t>大谷戸公園</t>
  </si>
  <si>
    <t>011858</t>
  </si>
  <si>
    <t>荒井沢中谷公園</t>
  </si>
  <si>
    <t>神奈川県横浜市栄区公田町931-201</t>
  </si>
  <si>
    <t>011859</t>
  </si>
  <si>
    <t>つくし公園</t>
  </si>
  <si>
    <t>011860</t>
  </si>
  <si>
    <t>中川ききょう公園</t>
  </si>
  <si>
    <t>011861</t>
  </si>
  <si>
    <t>下永谷八木第二公園</t>
  </si>
  <si>
    <t>011862</t>
  </si>
  <si>
    <t>久保町公園</t>
  </si>
  <si>
    <t>神奈川県横浜市西区久保町14</t>
  </si>
  <si>
    <t>011863</t>
  </si>
  <si>
    <t>笹山公園</t>
  </si>
  <si>
    <t>011864</t>
  </si>
  <si>
    <t>東山田あおぞら公園</t>
  </si>
  <si>
    <t>011865</t>
  </si>
  <si>
    <t>こざか第二公園</t>
  </si>
  <si>
    <t>011866</t>
  </si>
  <si>
    <t>禅当寺公園</t>
  </si>
  <si>
    <t>011867</t>
  </si>
  <si>
    <t>東寺尾一丁目ふれあい公園</t>
  </si>
  <si>
    <t>011868</t>
  </si>
  <si>
    <t>霧が池公園</t>
  </si>
  <si>
    <t>011869</t>
  </si>
  <si>
    <t>平沼さわやか公園</t>
  </si>
  <si>
    <t>神奈川県横浜市西区西平沼町5</t>
  </si>
  <si>
    <t>011870</t>
  </si>
  <si>
    <t>北山田しゃぼんだま公園</t>
  </si>
  <si>
    <t>011871</t>
  </si>
  <si>
    <t>野庭ゆりのき公園</t>
  </si>
  <si>
    <t>神奈川県横浜市港南区野庭町598-1</t>
  </si>
  <si>
    <t>011872</t>
  </si>
  <si>
    <t>牛久保西ひかりがおか公園</t>
  </si>
  <si>
    <t>011873</t>
  </si>
  <si>
    <t>奈良二丁目長谷公園</t>
  </si>
  <si>
    <t>011874</t>
  </si>
  <si>
    <t>境木第二公園</t>
  </si>
  <si>
    <t>011875</t>
  </si>
  <si>
    <t>能見台清水ヶ入公園</t>
  </si>
  <si>
    <t>011876</t>
  </si>
  <si>
    <t>平戸本林公園</t>
  </si>
  <si>
    <t>神奈川県横浜市戸塚区平戸町582-11</t>
  </si>
  <si>
    <t>011877</t>
  </si>
  <si>
    <t>青葉台第二公園</t>
  </si>
  <si>
    <t>011878</t>
  </si>
  <si>
    <t>下永谷第二公園</t>
  </si>
  <si>
    <t>011879</t>
  </si>
  <si>
    <t>松見町一丁目第二公園</t>
  </si>
  <si>
    <t>011880</t>
  </si>
  <si>
    <t>荏田南どんぐり公園</t>
  </si>
  <si>
    <t>011881</t>
  </si>
  <si>
    <t>茅ケ崎南みかん公園</t>
  </si>
  <si>
    <t>011882</t>
  </si>
  <si>
    <t>美しが丘第六公園</t>
  </si>
  <si>
    <t>011883</t>
  </si>
  <si>
    <t>荏子田夕日公園</t>
  </si>
  <si>
    <t>011884</t>
  </si>
  <si>
    <t>亀井公園</t>
  </si>
  <si>
    <t>神奈川県横浜市栄区亀井町22</t>
  </si>
  <si>
    <t>011885</t>
  </si>
  <si>
    <t>福富町西公園</t>
  </si>
  <si>
    <t>神奈川県横浜市中区福富町西通2</t>
  </si>
  <si>
    <t>011886</t>
  </si>
  <si>
    <t>岡津竹ノ鼻公園</t>
  </si>
  <si>
    <t>神奈川県横浜市泉区岡津町1500-3</t>
  </si>
  <si>
    <t>011887</t>
  </si>
  <si>
    <t>新横浜第一公園</t>
  </si>
  <si>
    <t>011888</t>
  </si>
  <si>
    <t>中田第九公園</t>
  </si>
  <si>
    <t>011889</t>
  </si>
  <si>
    <t>瀬谷第二公園</t>
  </si>
  <si>
    <t>011890</t>
  </si>
  <si>
    <t>能見台瀧公園</t>
  </si>
  <si>
    <t>011891</t>
  </si>
  <si>
    <t>滝の川せせらぎ緑道</t>
  </si>
  <si>
    <t>011892</t>
  </si>
  <si>
    <t>尾月第一公園</t>
  </si>
  <si>
    <t>神奈川県横浜市栄区尾月21</t>
  </si>
  <si>
    <t>011893</t>
  </si>
  <si>
    <t>貝塚公園</t>
  </si>
  <si>
    <t>011894</t>
  </si>
  <si>
    <t>東芹が谷公園</t>
  </si>
  <si>
    <t>神奈川県横浜市港南区東芹が谷13</t>
  </si>
  <si>
    <t>011895</t>
  </si>
  <si>
    <t>北之門公園</t>
  </si>
  <si>
    <t>011896</t>
  </si>
  <si>
    <t>原宿公園</t>
  </si>
  <si>
    <t>011897</t>
  </si>
  <si>
    <t>日東緑地</t>
  </si>
  <si>
    <t>011898</t>
  </si>
  <si>
    <t>桂台第二公園</t>
  </si>
  <si>
    <t>011899</t>
  </si>
  <si>
    <t>夫婦坂公園</t>
  </si>
  <si>
    <t>011900</t>
  </si>
  <si>
    <t>中沢町第二公園</t>
  </si>
  <si>
    <t>011901</t>
  </si>
  <si>
    <t>境木第一公園</t>
  </si>
  <si>
    <t>011902</t>
  </si>
  <si>
    <t>笠間台公園</t>
  </si>
  <si>
    <t>011903</t>
  </si>
  <si>
    <t>もみの木公園</t>
  </si>
  <si>
    <t>神奈川県横浜市青葉区もみの木台4-1</t>
  </si>
  <si>
    <t>011904</t>
  </si>
  <si>
    <t>竹山二丁目北公園</t>
  </si>
  <si>
    <t>011905</t>
  </si>
  <si>
    <t>岡津公園</t>
  </si>
  <si>
    <t>神奈川県横浜市泉区岡津町2706</t>
  </si>
  <si>
    <t>011906</t>
  </si>
  <si>
    <t>下倉田脇谷公園</t>
  </si>
  <si>
    <t>神奈川県横浜市戸塚区下倉田町1224-7</t>
  </si>
  <si>
    <t>011907</t>
  </si>
  <si>
    <t>たかのす公園</t>
  </si>
  <si>
    <t>011908</t>
  </si>
  <si>
    <t>港南台宮田公園</t>
  </si>
  <si>
    <t>011909</t>
  </si>
  <si>
    <t>杉田梅林ふれあい公園</t>
  </si>
  <si>
    <t>011910</t>
  </si>
  <si>
    <t>陣ケ下渓谷ひろば公園</t>
  </si>
  <si>
    <t>011911</t>
  </si>
  <si>
    <t>殿屋敷公園</t>
  </si>
  <si>
    <t>011912</t>
  </si>
  <si>
    <t>大正公園</t>
  </si>
  <si>
    <t>011913</t>
  </si>
  <si>
    <t>籠森公園</t>
  </si>
  <si>
    <t>011914</t>
  </si>
  <si>
    <t>山吹公園</t>
  </si>
  <si>
    <t>神奈川県横浜市中区山吹町2-1</t>
  </si>
  <si>
    <t>011915</t>
  </si>
  <si>
    <t>中和田公園</t>
  </si>
  <si>
    <t>011916</t>
  </si>
  <si>
    <t>桂台二丁目公園</t>
  </si>
  <si>
    <t>011917</t>
  </si>
  <si>
    <t>日野沢ケ谷公園</t>
  </si>
  <si>
    <t>011918</t>
  </si>
  <si>
    <t>こざか第一公園</t>
  </si>
  <si>
    <t>011919</t>
  </si>
  <si>
    <t>勝田公園</t>
  </si>
  <si>
    <t>神奈川県横浜市都筑区勝田町282-10</t>
  </si>
  <si>
    <t>011920</t>
  </si>
  <si>
    <t>瀬戸ケ谷町公園</t>
  </si>
  <si>
    <t>011921</t>
  </si>
  <si>
    <t>四反田公園</t>
  </si>
  <si>
    <t>011922</t>
  </si>
  <si>
    <t>あざみ野南宇多り公園</t>
  </si>
  <si>
    <t>011923</t>
  </si>
  <si>
    <t>相沢四丁目公園</t>
  </si>
  <si>
    <t>011924</t>
  </si>
  <si>
    <t>緑園子易谷公園</t>
  </si>
  <si>
    <t>011925</t>
  </si>
  <si>
    <t>あざみ野南大六天公園</t>
  </si>
  <si>
    <t>011926</t>
  </si>
  <si>
    <t>あざみ野南鍛冶谷公園</t>
  </si>
  <si>
    <t>011927</t>
  </si>
  <si>
    <t>前田町公園</t>
  </si>
  <si>
    <t>神奈川県横浜市戸塚区前田町514-3</t>
  </si>
  <si>
    <t>011928</t>
  </si>
  <si>
    <t>鍛冶ヶ谷北谷公園</t>
  </si>
  <si>
    <t>011929</t>
  </si>
  <si>
    <t>日野町原第一公園</t>
  </si>
  <si>
    <t>011930</t>
  </si>
  <si>
    <t>釜利谷四号緑地</t>
  </si>
  <si>
    <t>011931</t>
  </si>
  <si>
    <t>日吉本町西原公園</t>
  </si>
  <si>
    <t>011932</t>
  </si>
  <si>
    <t>弘法池公園</t>
  </si>
  <si>
    <t>011933</t>
  </si>
  <si>
    <t>上倉田第五公園</t>
  </si>
  <si>
    <t>神奈川県横浜市戸塚区上倉田町884-13</t>
  </si>
  <si>
    <t>011934</t>
  </si>
  <si>
    <t>今宿東町第三公園</t>
  </si>
  <si>
    <t>神奈川県横浜市旭区今宿東町803</t>
  </si>
  <si>
    <t>011935</t>
  </si>
  <si>
    <t>高島山公園</t>
  </si>
  <si>
    <t>神奈川県横浜市神奈川区高島台5-2</t>
  </si>
  <si>
    <t>011936</t>
  </si>
  <si>
    <t>作場公園</t>
  </si>
  <si>
    <t>011937</t>
  </si>
  <si>
    <t>鯉ヶ渕公園</t>
  </si>
  <si>
    <t>011938</t>
  </si>
  <si>
    <t>権太坂三丁目公園</t>
  </si>
  <si>
    <t>011939</t>
  </si>
  <si>
    <t>大豆戸桜田公園</t>
  </si>
  <si>
    <t>神奈川県横浜市港北区大豆戸町316-7</t>
  </si>
  <si>
    <t>011940</t>
  </si>
  <si>
    <t>中川ゆうひがおか公園</t>
  </si>
  <si>
    <t>011941</t>
  </si>
  <si>
    <t>美しが丘西早渕台公園</t>
  </si>
  <si>
    <t>011942</t>
  </si>
  <si>
    <t>松風台公園</t>
  </si>
  <si>
    <t>神奈川県横浜市青葉区松風台10</t>
  </si>
  <si>
    <t>011943</t>
  </si>
  <si>
    <t>臼杵公園</t>
  </si>
  <si>
    <t>011944</t>
  </si>
  <si>
    <t>草木公園</t>
  </si>
  <si>
    <t>011945</t>
  </si>
  <si>
    <t>洋光台六丁目公園</t>
  </si>
  <si>
    <t>011946</t>
  </si>
  <si>
    <t>奈良町第四公園</t>
  </si>
  <si>
    <t>神奈川県横浜市青葉区奈良町1566-369</t>
  </si>
  <si>
    <t>011947</t>
  </si>
  <si>
    <t>滝頭二丁目公園</t>
  </si>
  <si>
    <t>011948</t>
  </si>
  <si>
    <t>さちが丘第四公園</t>
  </si>
  <si>
    <t>神奈川県横浜市旭区さちが丘84-1</t>
  </si>
  <si>
    <t>011949</t>
  </si>
  <si>
    <t>市場公園</t>
  </si>
  <si>
    <t>神奈川県横浜市鶴見区市場富士見町7</t>
  </si>
  <si>
    <t>011950</t>
  </si>
  <si>
    <t>楓公園</t>
  </si>
  <si>
    <t>011951</t>
  </si>
  <si>
    <t>あかね台第一公園</t>
  </si>
  <si>
    <t>011952</t>
  </si>
  <si>
    <t>鴨志田第五公園</t>
  </si>
  <si>
    <t>神奈川県横浜市青葉区鴨志田町817-4</t>
  </si>
  <si>
    <t>011953</t>
  </si>
  <si>
    <t>仏向町第二こなら公園</t>
  </si>
  <si>
    <t>011954</t>
  </si>
  <si>
    <t>六浦第四公園</t>
  </si>
  <si>
    <t>011955</t>
  </si>
  <si>
    <t>美しが丘西関原公園</t>
  </si>
  <si>
    <t>011956</t>
  </si>
  <si>
    <t>中田町丸の内公園</t>
  </si>
  <si>
    <t>011957</t>
  </si>
  <si>
    <t>六浦あざみ公園</t>
  </si>
  <si>
    <t>011958</t>
  </si>
  <si>
    <t>今宿公園</t>
  </si>
  <si>
    <t>神奈川県横浜市旭区今宿町2706-5</t>
  </si>
  <si>
    <t>011959</t>
  </si>
  <si>
    <t>釜利谷第二公園</t>
  </si>
  <si>
    <t>011960</t>
  </si>
  <si>
    <t>桜台第二公園</t>
  </si>
  <si>
    <t>神奈川県横浜市青葉区桜台8-1</t>
  </si>
  <si>
    <t>011961</t>
  </si>
  <si>
    <t>釜利谷わんぱく公園</t>
  </si>
  <si>
    <t>011962</t>
  </si>
  <si>
    <t>東富岡公園</t>
  </si>
  <si>
    <t>011963</t>
  </si>
  <si>
    <t>和泉町桜川公園</t>
  </si>
  <si>
    <t>神奈川県横浜市泉区和泉町3063</t>
  </si>
  <si>
    <t>011964</t>
  </si>
  <si>
    <t>南山田ぼうけん公園</t>
  </si>
  <si>
    <t>011965</t>
  </si>
  <si>
    <t>中村冒険パ－ク</t>
  </si>
  <si>
    <t>神奈川県横浜市南区八幡町78-5</t>
  </si>
  <si>
    <t>011966</t>
  </si>
  <si>
    <t>日の峰第一公園</t>
  </si>
  <si>
    <t>011967</t>
  </si>
  <si>
    <t>白山西台公園</t>
  </si>
  <si>
    <t>011968</t>
  </si>
  <si>
    <t>桂台二丁目第三公園</t>
  </si>
  <si>
    <t>011969</t>
  </si>
  <si>
    <t>野庭すずかけ公園</t>
  </si>
  <si>
    <t>神奈川県横浜市港南区野庭町674</t>
  </si>
  <si>
    <t>011970</t>
  </si>
  <si>
    <t>相沢公園</t>
  </si>
  <si>
    <t>011971</t>
  </si>
  <si>
    <t>内林第二公園</t>
  </si>
  <si>
    <t>神奈川県横浜市泉区和泉町7411-2</t>
  </si>
  <si>
    <t>011972</t>
  </si>
  <si>
    <t>笠間町公園</t>
  </si>
  <si>
    <t>011973</t>
  </si>
  <si>
    <t>西柴第一公園</t>
  </si>
  <si>
    <t>011974</t>
  </si>
  <si>
    <t>大棚町自然の森</t>
  </si>
  <si>
    <t>神奈川県横浜市都筑区大棚町508</t>
  </si>
  <si>
    <t>011975</t>
  </si>
  <si>
    <t>岩井町第三公園</t>
  </si>
  <si>
    <t>011976</t>
  </si>
  <si>
    <t>大上第一公園</t>
  </si>
  <si>
    <t>神奈川県横浜市緑区三保町2640-99</t>
  </si>
  <si>
    <t>011977</t>
  </si>
  <si>
    <t>緑園須郷台公園</t>
  </si>
  <si>
    <t>011978</t>
  </si>
  <si>
    <t>名瀬下第二公園</t>
  </si>
  <si>
    <t>神奈川県横浜市戸塚区名瀬町785</t>
  </si>
  <si>
    <t>011979</t>
  </si>
  <si>
    <t>瀬谷駅北口公園</t>
  </si>
  <si>
    <t>神奈川県横浜市瀬谷区中央13-11</t>
  </si>
  <si>
    <t>011980</t>
  </si>
  <si>
    <t>011981</t>
  </si>
  <si>
    <t>荏子田朝日公園</t>
  </si>
  <si>
    <t>011982</t>
  </si>
  <si>
    <t>和泉町第二公園</t>
  </si>
  <si>
    <t>011983</t>
  </si>
  <si>
    <t>庄戸第五東公園</t>
  </si>
  <si>
    <t>011984</t>
  </si>
  <si>
    <t>緑園東田谷公園</t>
  </si>
  <si>
    <t>011985</t>
  </si>
  <si>
    <t>奈良五丁目駒狩公園</t>
  </si>
  <si>
    <t>011986</t>
  </si>
  <si>
    <t>港南台原公園</t>
  </si>
  <si>
    <t>011987</t>
  </si>
  <si>
    <t>本牧なかよし公園</t>
  </si>
  <si>
    <t>神奈川県横浜市中区本牧原16-1</t>
  </si>
  <si>
    <t>011988</t>
  </si>
  <si>
    <t>岩井町公園</t>
  </si>
  <si>
    <t>011989</t>
  </si>
  <si>
    <t>鴨志田第六公園</t>
  </si>
  <si>
    <t>神奈川県横浜市青葉区鴨志田町804</t>
  </si>
  <si>
    <t>011990</t>
  </si>
  <si>
    <t>下永谷東公園</t>
  </si>
  <si>
    <t>011991</t>
  </si>
  <si>
    <t>荏田第二公園</t>
  </si>
  <si>
    <t>神奈川県横浜市青葉区荏田町435-5</t>
  </si>
  <si>
    <t>011992</t>
  </si>
  <si>
    <t>品濃町公園</t>
  </si>
  <si>
    <t>神奈川県横浜市戸塚区品濃町880-1</t>
  </si>
  <si>
    <t>011993</t>
  </si>
  <si>
    <t>森の台信濃谷公園</t>
  </si>
  <si>
    <t>神奈川県横浜市緑区森の台8</t>
  </si>
  <si>
    <t>011994</t>
  </si>
  <si>
    <t>都岡町公園</t>
  </si>
  <si>
    <t>神奈川県横浜市旭区都岡町66-1</t>
  </si>
  <si>
    <t>011995</t>
  </si>
  <si>
    <t>三春台公園</t>
  </si>
  <si>
    <t>神奈川県横浜市南区三春台103-1</t>
  </si>
  <si>
    <t>011996</t>
  </si>
  <si>
    <t>大原西公園</t>
  </si>
  <si>
    <t>011997</t>
  </si>
  <si>
    <t>稲荷谷公園</t>
  </si>
  <si>
    <t>011998</t>
  </si>
  <si>
    <t>中希望が丘第五公園</t>
  </si>
  <si>
    <t>神奈川県横浜市旭区中希望が丘202-18</t>
  </si>
  <si>
    <t>011999</t>
  </si>
  <si>
    <t>桂台二丁目第四公園</t>
  </si>
  <si>
    <t>012000</t>
  </si>
  <si>
    <t>磯子峯第二公園</t>
  </si>
  <si>
    <t>012001</t>
  </si>
  <si>
    <t>たちばな台第三公園</t>
  </si>
  <si>
    <t>012002</t>
  </si>
  <si>
    <t>十日市場西田公園</t>
  </si>
  <si>
    <t>神奈川県横浜市緑区十日市場町857</t>
  </si>
  <si>
    <t>012003</t>
  </si>
  <si>
    <t>あたご第二公園</t>
  </si>
  <si>
    <t>012004</t>
  </si>
  <si>
    <t>仏向神木前公園</t>
  </si>
  <si>
    <t>012005</t>
  </si>
  <si>
    <t>藤塚第二公園</t>
  </si>
  <si>
    <t>012006</t>
  </si>
  <si>
    <t>綱島東三丁目公園</t>
  </si>
  <si>
    <t>012007</t>
  </si>
  <si>
    <t>美しが丘第二公園</t>
  </si>
  <si>
    <t>012008</t>
  </si>
  <si>
    <t>元宮二丁目公園</t>
  </si>
  <si>
    <t>012009</t>
  </si>
  <si>
    <t>吉浜町公園</t>
  </si>
  <si>
    <t>神奈川県横浜市中区吉浜町2-19</t>
  </si>
  <si>
    <t>012010</t>
  </si>
  <si>
    <t>新石川中村公園</t>
  </si>
  <si>
    <t>012011</t>
  </si>
  <si>
    <t>鉄谷公園</t>
  </si>
  <si>
    <t>012012</t>
  </si>
  <si>
    <t>弥生台西公園</t>
  </si>
  <si>
    <t>神奈川県横浜市泉区弥生台8</t>
  </si>
  <si>
    <t>012013</t>
  </si>
  <si>
    <t>上倉田八幡谷公園</t>
  </si>
  <si>
    <t>012015</t>
  </si>
  <si>
    <t>たちばな台第二公園</t>
  </si>
  <si>
    <t>012016</t>
  </si>
  <si>
    <t>仲手原二丁目公園</t>
  </si>
  <si>
    <t>012017</t>
  </si>
  <si>
    <t>港南台大久保公園</t>
  </si>
  <si>
    <t>012018</t>
  </si>
  <si>
    <t>南瀬谷一丁目公園</t>
  </si>
  <si>
    <t>012019</t>
  </si>
  <si>
    <t>美しが丘西追分公園</t>
  </si>
  <si>
    <t>012020</t>
  </si>
  <si>
    <t>扇町公園</t>
  </si>
  <si>
    <t>012021</t>
  </si>
  <si>
    <t>野庭三谷町公園</t>
  </si>
  <si>
    <t>012022</t>
  </si>
  <si>
    <t>阿久和東宮ノ腰公園</t>
  </si>
  <si>
    <t>012023</t>
  </si>
  <si>
    <t>弥生台南公園</t>
  </si>
  <si>
    <t>神奈川県横浜市泉区弥生台53</t>
  </si>
  <si>
    <t>012024</t>
  </si>
  <si>
    <t>見花山かりん公園</t>
  </si>
  <si>
    <t>神奈川県横浜市都筑区見花山20</t>
  </si>
  <si>
    <t>012025</t>
  </si>
  <si>
    <t>美しが丘西よもぎ公園</t>
  </si>
  <si>
    <t>012026</t>
  </si>
  <si>
    <t>桂台第五公園</t>
  </si>
  <si>
    <t>神奈川県横浜市栄区公田町774-7</t>
  </si>
  <si>
    <t>012027</t>
  </si>
  <si>
    <t>三春台第二公園</t>
  </si>
  <si>
    <t>神奈川県横浜市南区三春台36</t>
  </si>
  <si>
    <t>012028</t>
  </si>
  <si>
    <t>宮沢町第四公園</t>
  </si>
  <si>
    <t>012029</t>
  </si>
  <si>
    <t>長津田宮ノ前第二公園</t>
  </si>
  <si>
    <t>012030</t>
  </si>
  <si>
    <t>榎戸公園</t>
  </si>
  <si>
    <t>012031</t>
  </si>
  <si>
    <t>北軽井沢第二公園</t>
  </si>
  <si>
    <t>神奈川県横浜市西区北軽井沢7-2</t>
  </si>
  <si>
    <t>012032</t>
  </si>
  <si>
    <t>橋戸原公園</t>
  </si>
  <si>
    <t>012033</t>
  </si>
  <si>
    <t>大豆戸公園</t>
  </si>
  <si>
    <t>神奈川県横浜市港北区大豆戸町749-5</t>
  </si>
  <si>
    <t>012034</t>
  </si>
  <si>
    <t>日の峰第二公園</t>
  </si>
  <si>
    <t>012035</t>
  </si>
  <si>
    <t>入江川公園</t>
  </si>
  <si>
    <t>神奈川県横浜市神奈川区神之木町13-1</t>
  </si>
  <si>
    <t>012036</t>
  </si>
  <si>
    <t>中原公園</t>
  </si>
  <si>
    <t>012037</t>
  </si>
  <si>
    <t>狩場町第五公園</t>
  </si>
  <si>
    <t>012038</t>
  </si>
  <si>
    <t>しらとり台第三公園</t>
  </si>
  <si>
    <t>神奈川県横浜市青葉区しらとり台21-5</t>
  </si>
  <si>
    <t>012039</t>
  </si>
  <si>
    <t>折本町西原公園</t>
  </si>
  <si>
    <t>神奈川県横浜市都筑区折本町1473-1</t>
  </si>
  <si>
    <t>012040</t>
  </si>
  <si>
    <t>下の前公園</t>
  </si>
  <si>
    <t>012041</t>
  </si>
  <si>
    <t>美しが丘第四公園</t>
  </si>
  <si>
    <t>012042</t>
  </si>
  <si>
    <t>三ツ沢上町公園</t>
  </si>
  <si>
    <t>012043</t>
  </si>
  <si>
    <t>柿の木台第二公園</t>
  </si>
  <si>
    <t>神奈川県横浜市青葉区柿の木台22</t>
  </si>
  <si>
    <t>012044</t>
  </si>
  <si>
    <t>012045</t>
  </si>
  <si>
    <t>富岡ひかりが丘公園</t>
  </si>
  <si>
    <t>012046</t>
  </si>
  <si>
    <t>殿山公園</t>
  </si>
  <si>
    <t>012047</t>
  </si>
  <si>
    <t>すみよし台第一公園</t>
  </si>
  <si>
    <t>神奈川県横浜市青葉区すみよし台32-9</t>
  </si>
  <si>
    <t>012048</t>
  </si>
  <si>
    <t>森町公園</t>
  </si>
  <si>
    <t>012049</t>
  </si>
  <si>
    <t>和泉アカシア公園</t>
  </si>
  <si>
    <t>012050</t>
  </si>
  <si>
    <t>池尻公園</t>
  </si>
  <si>
    <t>神奈川県横浜市青葉区荏田町487-1</t>
  </si>
  <si>
    <t>012051</t>
  </si>
  <si>
    <t>ひかりが丘第二公園</t>
  </si>
  <si>
    <t>神奈川県横浜市旭区上白根町868-25</t>
  </si>
  <si>
    <t>012052</t>
  </si>
  <si>
    <t>奈良町大田平公園</t>
  </si>
  <si>
    <t>神奈川県横浜市青葉区奈良町2880-4</t>
  </si>
  <si>
    <t>012053</t>
  </si>
  <si>
    <t>瀬谷第三公園</t>
  </si>
  <si>
    <t>012054</t>
  </si>
  <si>
    <t>長浜みはらし公園</t>
  </si>
  <si>
    <t>神奈川県横浜市金沢区堀口15</t>
  </si>
  <si>
    <t>012055</t>
  </si>
  <si>
    <t>杉田梅林トンネル公園</t>
  </si>
  <si>
    <t>012056</t>
  </si>
  <si>
    <t>十日市場南公園</t>
  </si>
  <si>
    <t>神奈川県横浜市緑区十日市場町1258-58</t>
  </si>
  <si>
    <t>012057</t>
  </si>
  <si>
    <t>帷子公園</t>
  </si>
  <si>
    <t>012058</t>
  </si>
  <si>
    <t>鎧の渡し緑道</t>
  </si>
  <si>
    <t>012059</t>
  </si>
  <si>
    <t>境木第五公園</t>
  </si>
  <si>
    <t>012060</t>
  </si>
  <si>
    <t>六浦あさがお公園</t>
  </si>
  <si>
    <t>012061</t>
  </si>
  <si>
    <t>荏子田朝霧公園</t>
  </si>
  <si>
    <t>012062</t>
  </si>
  <si>
    <t>青葉台公園</t>
  </si>
  <si>
    <t>012063</t>
  </si>
  <si>
    <t>菅田公園</t>
  </si>
  <si>
    <t>神奈川県横浜市神奈川区菅田町1605-6</t>
  </si>
  <si>
    <t>012064</t>
  </si>
  <si>
    <t>姫の島公園</t>
  </si>
  <si>
    <t>012065</t>
  </si>
  <si>
    <t>蒔田伊勢山公園</t>
  </si>
  <si>
    <t>神奈川県横浜市南区蒔田町841-9</t>
  </si>
  <si>
    <t>012066</t>
  </si>
  <si>
    <t>上柏尾第二公園</t>
  </si>
  <si>
    <t>神奈川県横浜市戸塚区上柏尾町335-5</t>
  </si>
  <si>
    <t>012067</t>
  </si>
  <si>
    <t>高宗台公園</t>
  </si>
  <si>
    <t>012068</t>
  </si>
  <si>
    <t>釜利谷坂本公園</t>
  </si>
  <si>
    <t>012069</t>
  </si>
  <si>
    <t>吉田町大日谷公園</t>
  </si>
  <si>
    <t>神奈川県横浜市戸塚区吉田町1903-5</t>
  </si>
  <si>
    <t>012070</t>
  </si>
  <si>
    <t>東本郷五丁目公園</t>
  </si>
  <si>
    <t>012071</t>
  </si>
  <si>
    <t>領家三丁目公園</t>
  </si>
  <si>
    <t>012072</t>
  </si>
  <si>
    <t>小坪公園</t>
  </si>
  <si>
    <t>012073</t>
  </si>
  <si>
    <t>奈良町さくら公園</t>
  </si>
  <si>
    <t>012074</t>
  </si>
  <si>
    <t>しらとり台第四公園</t>
  </si>
  <si>
    <t>神奈川県横浜市青葉区しらとり台14-9</t>
  </si>
  <si>
    <t>012075</t>
  </si>
  <si>
    <t>森戸原第一公園</t>
  </si>
  <si>
    <t>012076</t>
  </si>
  <si>
    <t>泉谷公園</t>
  </si>
  <si>
    <t>012077</t>
  </si>
  <si>
    <t>市ケ尾遺跡公園</t>
  </si>
  <si>
    <t>012078</t>
  </si>
  <si>
    <t>不動下公園</t>
  </si>
  <si>
    <t>012079</t>
  </si>
  <si>
    <t>本牧ひろば公園</t>
  </si>
  <si>
    <t>神奈川県横浜市中区本牧元町45</t>
  </si>
  <si>
    <t>012080</t>
  </si>
  <si>
    <t>東伸ふれあい公園</t>
  </si>
  <si>
    <t>012081</t>
  </si>
  <si>
    <t>松風台第二公園</t>
  </si>
  <si>
    <t>神奈川県横浜市青葉区松風台42</t>
  </si>
  <si>
    <t>012082</t>
  </si>
  <si>
    <t>狩場町第二公園</t>
  </si>
  <si>
    <t>012083</t>
  </si>
  <si>
    <t>東永谷桜台公園</t>
  </si>
  <si>
    <t>012084</t>
  </si>
  <si>
    <t>奈良町第八公園</t>
  </si>
  <si>
    <t>神奈川県横浜市青葉区奈良町2423-236</t>
  </si>
  <si>
    <t>012085</t>
  </si>
  <si>
    <t>野七里第四公園</t>
  </si>
  <si>
    <t>012086</t>
  </si>
  <si>
    <t>川島町第二公園</t>
  </si>
  <si>
    <t>012087</t>
  </si>
  <si>
    <t>桂台第一公園</t>
  </si>
  <si>
    <t>012088</t>
  </si>
  <si>
    <t>東野第一公園</t>
  </si>
  <si>
    <t>神奈川県横浜市瀬谷区東野128</t>
  </si>
  <si>
    <t>012089</t>
  </si>
  <si>
    <t>六浦ひまわり公園</t>
  </si>
  <si>
    <t>012090</t>
  </si>
  <si>
    <t>渋沢金井公園</t>
  </si>
  <si>
    <t>012091</t>
  </si>
  <si>
    <t>芦名橋公園</t>
  </si>
  <si>
    <t>012092</t>
  </si>
  <si>
    <t>東本郷六丁目第二公園</t>
  </si>
  <si>
    <t>012093</t>
  </si>
  <si>
    <t>すみよし台第三公園</t>
  </si>
  <si>
    <t>神奈川県横浜市青葉区すみよし台8-1</t>
  </si>
  <si>
    <t>012094</t>
  </si>
  <si>
    <t>東上郷第二公園</t>
  </si>
  <si>
    <t>神奈川県横浜市栄区東上郷町35</t>
  </si>
  <si>
    <t>012095</t>
  </si>
  <si>
    <t>釜台公園</t>
  </si>
  <si>
    <t>012096</t>
  </si>
  <si>
    <t>大熊町つつじ公園</t>
  </si>
  <si>
    <t>神奈川県横浜市都筑区大熊町129</t>
  </si>
  <si>
    <t>012097</t>
  </si>
  <si>
    <t>小港一丁目公園</t>
  </si>
  <si>
    <t>012098</t>
  </si>
  <si>
    <t>谷津坂第一公園</t>
  </si>
  <si>
    <t>神奈川県横浜市金沢区能見台通15</t>
  </si>
  <si>
    <t>012099</t>
  </si>
  <si>
    <t>松風台第三公園</t>
  </si>
  <si>
    <t>神奈川県横浜市青葉区松風台29-2</t>
  </si>
  <si>
    <t>012100</t>
  </si>
  <si>
    <t>なのはな公園</t>
  </si>
  <si>
    <t>012101</t>
  </si>
  <si>
    <t>田奈第二公園</t>
  </si>
  <si>
    <t>神奈川県横浜市青葉区田奈町26</t>
  </si>
  <si>
    <t>012102</t>
  </si>
  <si>
    <t>馬場二丁目公園</t>
  </si>
  <si>
    <t>012103</t>
  </si>
  <si>
    <t>上台町公園</t>
  </si>
  <si>
    <t>神奈川県横浜市神奈川区高島台8-2</t>
  </si>
  <si>
    <t>012104</t>
  </si>
  <si>
    <t>富士見台公園</t>
  </si>
  <si>
    <t>012105</t>
  </si>
  <si>
    <t>勧永公園</t>
  </si>
  <si>
    <t>012106</t>
  </si>
  <si>
    <t>楽老南公園</t>
  </si>
  <si>
    <t>012107</t>
  </si>
  <si>
    <t>西神大寺公園</t>
  </si>
  <si>
    <t>012108</t>
  </si>
  <si>
    <t>日野中央二丁目公園</t>
  </si>
  <si>
    <t>012109</t>
  </si>
  <si>
    <t>小机町第三公園</t>
  </si>
  <si>
    <t>神奈川県横浜市港北区小机町330-2</t>
  </si>
  <si>
    <t>012110</t>
  </si>
  <si>
    <t>今宿西町公園</t>
  </si>
  <si>
    <t>神奈川県横浜市旭区今宿西町486-1</t>
  </si>
  <si>
    <t>012111</t>
  </si>
  <si>
    <t>荏田宿公園</t>
  </si>
  <si>
    <t>神奈川県横浜市青葉区荏田町319-8</t>
  </si>
  <si>
    <t>012112</t>
  </si>
  <si>
    <t>中山駅北第一公園</t>
  </si>
  <si>
    <t>012113</t>
  </si>
  <si>
    <t>猪子山第二公園</t>
  </si>
  <si>
    <t>神奈川県横浜市旭区川島町3016-2</t>
  </si>
  <si>
    <t>012114</t>
  </si>
  <si>
    <t>丸山一丁目第二公園</t>
  </si>
  <si>
    <t>012115</t>
  </si>
  <si>
    <t>東本郷台公園</t>
  </si>
  <si>
    <t>012116</t>
  </si>
  <si>
    <t>二本木第二公園</t>
  </si>
  <si>
    <t>012117</t>
  </si>
  <si>
    <t>南長津田公園</t>
  </si>
  <si>
    <t>神奈川県横浜市緑区長津田町2883-4</t>
  </si>
  <si>
    <t>012118</t>
  </si>
  <si>
    <t>峰岡公園</t>
  </si>
  <si>
    <t>012119</t>
  </si>
  <si>
    <t>黒須田坂下公園</t>
  </si>
  <si>
    <t>神奈川県横浜市青葉区黒須田10-1</t>
  </si>
  <si>
    <t>012120</t>
  </si>
  <si>
    <t>いぶき野第四公園</t>
  </si>
  <si>
    <t>神奈川県横浜市緑区いぶき野18-1</t>
  </si>
  <si>
    <t>012121</t>
  </si>
  <si>
    <t>貨物線の森緑道</t>
  </si>
  <si>
    <t>012122</t>
  </si>
  <si>
    <t>早渕かなりあ公園</t>
  </si>
  <si>
    <t>012123</t>
  </si>
  <si>
    <t>睦町公園</t>
  </si>
  <si>
    <t>012124</t>
  </si>
  <si>
    <t>上菅田みはらし公園</t>
  </si>
  <si>
    <t>012125</t>
  </si>
  <si>
    <t>藤が丘第二公園</t>
  </si>
  <si>
    <t>012126</t>
  </si>
  <si>
    <t>藤が丘第三公園</t>
  </si>
  <si>
    <t>012127</t>
  </si>
  <si>
    <t>北新横浜公園</t>
  </si>
  <si>
    <t>012128</t>
  </si>
  <si>
    <t>奈良町第二公園</t>
  </si>
  <si>
    <t>神奈川県横浜市青葉区奈良町1670-187</t>
  </si>
  <si>
    <t>012129</t>
  </si>
  <si>
    <t>磯子腰越公園</t>
  </si>
  <si>
    <t>012130</t>
  </si>
  <si>
    <t>樽町しょうぶ公園</t>
  </si>
  <si>
    <t>012131</t>
  </si>
  <si>
    <t>梅が丘公園</t>
  </si>
  <si>
    <t>神奈川県横浜市青葉区梅が丘4</t>
  </si>
  <si>
    <t>012132</t>
  </si>
  <si>
    <t>太尾町第二公園</t>
  </si>
  <si>
    <t>012133</t>
  </si>
  <si>
    <t>緑園神明谷公園</t>
  </si>
  <si>
    <t>012134</t>
  </si>
  <si>
    <t>杉田長作公園</t>
  </si>
  <si>
    <t>012135</t>
  </si>
  <si>
    <t>松ノ内公園</t>
  </si>
  <si>
    <t>012136</t>
  </si>
  <si>
    <t>宮沢町第二公園</t>
  </si>
  <si>
    <t>012137</t>
  </si>
  <si>
    <t>本郷台四丁目第二公園</t>
  </si>
  <si>
    <t>012138</t>
  </si>
  <si>
    <t>竹山烏森公園</t>
  </si>
  <si>
    <t>012139</t>
  </si>
  <si>
    <t>上大岡東二丁目公園</t>
  </si>
  <si>
    <t>012140</t>
  </si>
  <si>
    <t>四ッ切公園</t>
  </si>
  <si>
    <t>012141</t>
  </si>
  <si>
    <t>北寺尾七丁目緑地</t>
  </si>
  <si>
    <t>012142</t>
  </si>
  <si>
    <t>下田町四丁目公園</t>
  </si>
  <si>
    <t>012143</t>
  </si>
  <si>
    <t>中田町宮ノ前公園</t>
  </si>
  <si>
    <t>012144</t>
  </si>
  <si>
    <t>本郷四丁目第二公園</t>
  </si>
  <si>
    <t>012145</t>
  </si>
  <si>
    <t>田奈第三公園</t>
  </si>
  <si>
    <t>神奈川県横浜市青葉区田奈町11</t>
  </si>
  <si>
    <t>012146</t>
  </si>
  <si>
    <t>上末吉二丁目公園</t>
  </si>
  <si>
    <t>012147</t>
  </si>
  <si>
    <t>中屋敷中央公園</t>
  </si>
  <si>
    <t>012148</t>
  </si>
  <si>
    <t>池辺町不動原公園</t>
  </si>
  <si>
    <t>012149</t>
  </si>
  <si>
    <t>野七里第三公園</t>
  </si>
  <si>
    <t>012150</t>
  </si>
  <si>
    <t>いぶき野第二公園</t>
  </si>
  <si>
    <t>神奈川県横浜市緑区いぶき野63-2</t>
  </si>
  <si>
    <t>012151</t>
  </si>
  <si>
    <t>虻名公園</t>
  </si>
  <si>
    <t>神奈川県横浜市栄区上郷町262-5</t>
  </si>
  <si>
    <t>012152</t>
  </si>
  <si>
    <t>美しが丘第五公園</t>
  </si>
  <si>
    <t>012153</t>
  </si>
  <si>
    <t>若草台第二公園</t>
  </si>
  <si>
    <t>神奈川県横浜市青葉区若草台6-1</t>
  </si>
  <si>
    <t>012154</t>
  </si>
  <si>
    <t>釜利谷赤坂公園</t>
  </si>
  <si>
    <t>012155</t>
  </si>
  <si>
    <t>金沢町公園</t>
  </si>
  <si>
    <t>神奈川県横浜市金沢区金沢町121</t>
  </si>
  <si>
    <t>012156</t>
  </si>
  <si>
    <t>野庭表町公園</t>
  </si>
  <si>
    <t>012157</t>
  </si>
  <si>
    <t>星野町公園</t>
  </si>
  <si>
    <t>012158</t>
  </si>
  <si>
    <t>野庭なかよし公園</t>
  </si>
  <si>
    <t>神奈川県横浜市港南区野庭町625</t>
  </si>
  <si>
    <t>012159</t>
  </si>
  <si>
    <t>松見町一丁目中央公園</t>
  </si>
  <si>
    <t>012160</t>
  </si>
  <si>
    <t>白旗山公園</t>
  </si>
  <si>
    <t>神奈川県横浜市戸塚区品濃町518-2</t>
  </si>
  <si>
    <t>012161</t>
  </si>
  <si>
    <t>鳥浜公園</t>
  </si>
  <si>
    <t>神奈川県横浜市金沢区鳥浜町16-3</t>
  </si>
  <si>
    <t>012162</t>
  </si>
  <si>
    <t>たちばな台第四公園</t>
  </si>
  <si>
    <t>012163</t>
  </si>
  <si>
    <t>本郷台赤坂公園</t>
  </si>
  <si>
    <t>012164</t>
  </si>
  <si>
    <t>藤が丘駅前公園</t>
  </si>
  <si>
    <t>012165</t>
  </si>
  <si>
    <t>新治町公園</t>
  </si>
  <si>
    <t>神奈川県横浜市緑区新治町652</t>
  </si>
  <si>
    <t>012166</t>
  </si>
  <si>
    <t>012167</t>
  </si>
  <si>
    <t>南本宿第三公園</t>
  </si>
  <si>
    <t>神奈川県横浜市旭区南本宿町81-3</t>
  </si>
  <si>
    <t>012168</t>
  </si>
  <si>
    <t>東川島水道みち公園</t>
  </si>
  <si>
    <t>012169</t>
  </si>
  <si>
    <t>夏山第一公園</t>
  </si>
  <si>
    <t>012170</t>
  </si>
  <si>
    <t>白山町第一公園</t>
  </si>
  <si>
    <t>012171</t>
  </si>
  <si>
    <t>天神の杜公園</t>
  </si>
  <si>
    <t>神奈川県横浜市緑区三保町3017-1</t>
  </si>
  <si>
    <t>012172</t>
  </si>
  <si>
    <t>ひかりが丘第一公園</t>
  </si>
  <si>
    <t>神奈川県横浜市旭区上白根町842-8</t>
  </si>
  <si>
    <t>012173</t>
  </si>
  <si>
    <t>新橋宮古公園</t>
  </si>
  <si>
    <t>神奈川県横浜市泉区新橋町33-2</t>
  </si>
  <si>
    <t>012174</t>
  </si>
  <si>
    <t>神奈川県横浜市戸塚区舞岡町567‐1</t>
  </si>
  <si>
    <t>012175</t>
  </si>
  <si>
    <t>瀬谷土橋公園</t>
  </si>
  <si>
    <t>神奈川県横浜市瀬谷区卸本町9273-9</t>
  </si>
  <si>
    <t>012176</t>
  </si>
  <si>
    <t>新田間川緑地</t>
  </si>
  <si>
    <t>神奈川県横浜市西区楠町26</t>
  </si>
  <si>
    <t>012177</t>
  </si>
  <si>
    <t>三保長谷戸公園</t>
  </si>
  <si>
    <t>神奈川県横浜市緑区三保町1351-5</t>
  </si>
  <si>
    <t>012178</t>
  </si>
  <si>
    <t>若草台第一公園</t>
  </si>
  <si>
    <t>神奈川県横浜市青葉区若草台8-4</t>
  </si>
  <si>
    <t>012179</t>
  </si>
  <si>
    <t>並木十二天公園</t>
  </si>
  <si>
    <t>012180</t>
  </si>
  <si>
    <t>野庭わんぱく公園</t>
  </si>
  <si>
    <t>神奈川県横浜市港南区野庭町663</t>
  </si>
  <si>
    <t>012181</t>
  </si>
  <si>
    <t>東山田ゆうやけ公園</t>
  </si>
  <si>
    <t>012182</t>
  </si>
  <si>
    <t>上矢部坂本第二公園</t>
  </si>
  <si>
    <t>神奈川県横浜市戸塚区上矢部町2977-1</t>
  </si>
  <si>
    <t>012183</t>
  </si>
  <si>
    <t>平戸第二公園</t>
  </si>
  <si>
    <t>012184</t>
  </si>
  <si>
    <t>金が谷公園</t>
  </si>
  <si>
    <t>012185</t>
  </si>
  <si>
    <t>野庭チビッコ公園</t>
  </si>
  <si>
    <t>神奈川県横浜市港南区野庭町616</t>
  </si>
  <si>
    <t>012186</t>
  </si>
  <si>
    <t>白幡池公園</t>
  </si>
  <si>
    <t>神奈川県横浜市神奈川区白幡町4</t>
  </si>
  <si>
    <t>012187</t>
  </si>
  <si>
    <t>荒井沢公園</t>
  </si>
  <si>
    <t>神奈川県横浜市栄区公田町971-90</t>
  </si>
  <si>
    <t>012188</t>
  </si>
  <si>
    <t>庄戸第二公園</t>
  </si>
  <si>
    <t>012189</t>
  </si>
  <si>
    <t>菊名桜山公園</t>
  </si>
  <si>
    <t>012190</t>
  </si>
  <si>
    <t>荏子田太陽公園</t>
  </si>
  <si>
    <t>012191</t>
  </si>
  <si>
    <t>みなみが丘公園</t>
  </si>
  <si>
    <t>012192</t>
  </si>
  <si>
    <t>センター南広場</t>
  </si>
  <si>
    <t>012193</t>
  </si>
  <si>
    <t>美しが丘第八公園</t>
  </si>
  <si>
    <t>012194</t>
  </si>
  <si>
    <t>大曽根第三公園</t>
  </si>
  <si>
    <t>神奈川県横浜市港北区大曽根台6</t>
  </si>
  <si>
    <t>012195</t>
  </si>
  <si>
    <t>みすずが丘公園</t>
  </si>
  <si>
    <t>神奈川県横浜市青葉区みすずが丘11-8</t>
  </si>
  <si>
    <t>012196</t>
  </si>
  <si>
    <t>日ノ出川公園</t>
  </si>
  <si>
    <t>012197</t>
  </si>
  <si>
    <t>汲沢御所水公園</t>
  </si>
  <si>
    <t>神奈川県横浜市戸塚区汲沢町463-1</t>
  </si>
  <si>
    <t>012198</t>
  </si>
  <si>
    <t>三ツ沢みずき緑地</t>
  </si>
  <si>
    <t>012199</t>
  </si>
  <si>
    <t>新石川日向公園</t>
  </si>
  <si>
    <t>012200</t>
  </si>
  <si>
    <t>六浦瀬ケ崎公園</t>
  </si>
  <si>
    <t>012201</t>
  </si>
  <si>
    <t>織茂公園</t>
  </si>
  <si>
    <t>神奈川県横浜市神奈川区菅田町2594</t>
  </si>
  <si>
    <t>012202</t>
  </si>
  <si>
    <t>平川町公園</t>
  </si>
  <si>
    <t>神奈川県横浜市神奈川区平川町11-2</t>
  </si>
  <si>
    <t>012203</t>
  </si>
  <si>
    <t>桜美林公園</t>
  </si>
  <si>
    <t>012204</t>
  </si>
  <si>
    <t>今宿中沢公園</t>
  </si>
  <si>
    <t>012205</t>
  </si>
  <si>
    <t>富岡第五公園</t>
  </si>
  <si>
    <t>012206</t>
  </si>
  <si>
    <t>榎が丘公園</t>
  </si>
  <si>
    <t>神奈川県横浜市青葉区榎が丘42-1</t>
  </si>
  <si>
    <t>012207</t>
  </si>
  <si>
    <t>泥亀一丁目公園</t>
  </si>
  <si>
    <t>012208</t>
  </si>
  <si>
    <t>白山公園</t>
  </si>
  <si>
    <t>012209</t>
  </si>
  <si>
    <t>松見台公園</t>
  </si>
  <si>
    <t>012210</t>
  </si>
  <si>
    <t>美しが丘第七公園</t>
  </si>
  <si>
    <t>012211</t>
  </si>
  <si>
    <t>関ヶ谷の辻公園</t>
  </si>
  <si>
    <t>012212</t>
  </si>
  <si>
    <t>八景公園</t>
  </si>
  <si>
    <t>神奈川県横浜市金沢区柳町1-10</t>
  </si>
  <si>
    <t>012213</t>
  </si>
  <si>
    <t>あざみ野四丁目南公園</t>
  </si>
  <si>
    <t>012214</t>
  </si>
  <si>
    <t>庄戸第五西公園</t>
  </si>
  <si>
    <t>012215</t>
  </si>
  <si>
    <t>打越公園</t>
  </si>
  <si>
    <t>012216</t>
  </si>
  <si>
    <t>天王町南公園</t>
  </si>
  <si>
    <t>012217</t>
  </si>
  <si>
    <t>猪子山第一公園</t>
  </si>
  <si>
    <t>神奈川県横浜市旭区川島町3050-146</t>
  </si>
  <si>
    <t>012218</t>
  </si>
  <si>
    <t>すすき野二丁目南公園</t>
  </si>
  <si>
    <t>012219</t>
  </si>
  <si>
    <t>すすき野二丁目北公園</t>
  </si>
  <si>
    <t>012220</t>
  </si>
  <si>
    <t>下和泉ふれあい公園</t>
  </si>
  <si>
    <t>012221</t>
  </si>
  <si>
    <t>沢木谷公園</t>
  </si>
  <si>
    <t>012222</t>
  </si>
  <si>
    <t>下野庭公園</t>
  </si>
  <si>
    <t>神奈川県横浜市港南区野庭町181</t>
  </si>
  <si>
    <t>012223</t>
  </si>
  <si>
    <t>みその公園</t>
  </si>
  <si>
    <t>012224</t>
  </si>
  <si>
    <t>今宿あきにれ公園</t>
  </si>
  <si>
    <t>012225</t>
  </si>
  <si>
    <t>川上長作公園</t>
  </si>
  <si>
    <t>神奈川県横浜市戸塚区川上町415-1</t>
  </si>
  <si>
    <t>012226</t>
  </si>
  <si>
    <t>上郷二号緑地</t>
  </si>
  <si>
    <t>神奈川県横浜市栄区上郷町1575-17</t>
  </si>
  <si>
    <t>012227</t>
  </si>
  <si>
    <t>千秀公園</t>
  </si>
  <si>
    <t>神奈川県横浜市栄区田谷町1661-1</t>
  </si>
  <si>
    <t>012228</t>
  </si>
  <si>
    <t>やまゆり公園</t>
  </si>
  <si>
    <t>012229</t>
  </si>
  <si>
    <t>長者ケ久保一号緑地</t>
  </si>
  <si>
    <t>神奈川県横浜市栄区上郷町1563-56</t>
  </si>
  <si>
    <t>012230</t>
  </si>
  <si>
    <t>馬場町公園</t>
  </si>
  <si>
    <t>012231</t>
  </si>
  <si>
    <t>東本郷第一公園</t>
  </si>
  <si>
    <t>012232</t>
  </si>
  <si>
    <t>ドリ－ムハイツ第一公園</t>
  </si>
  <si>
    <t>神奈川県横浜市戸塚区俣野町1403-64</t>
  </si>
  <si>
    <t>012233</t>
  </si>
  <si>
    <t>寛政町公園</t>
  </si>
  <si>
    <t>神奈川県横浜市鶴見区寛政町28</t>
  </si>
  <si>
    <t>012234</t>
  </si>
  <si>
    <t>本牧せせらぎ公園</t>
  </si>
  <si>
    <t>神奈川県横浜市中区本牧宮原5-1</t>
  </si>
  <si>
    <t>012235</t>
  </si>
  <si>
    <t>大場富士塚公園</t>
  </si>
  <si>
    <t>神奈川県横浜市青葉区大場町389-1</t>
  </si>
  <si>
    <t>012236</t>
  </si>
  <si>
    <t>笠間三丁目公園</t>
  </si>
  <si>
    <t>012237</t>
  </si>
  <si>
    <t>鶴ヶ峰本町公園</t>
  </si>
  <si>
    <t>012238</t>
  </si>
  <si>
    <t>十日市場西公園</t>
  </si>
  <si>
    <t>神奈川県横浜市緑区十日市場町1501-68</t>
  </si>
  <si>
    <t>012239</t>
  </si>
  <si>
    <t>篠原町会下谷公園</t>
  </si>
  <si>
    <t>神奈川県横浜市港北区篠原町957-6</t>
  </si>
  <si>
    <t>012240</t>
  </si>
  <si>
    <t>えびね公園</t>
  </si>
  <si>
    <t>012241</t>
  </si>
  <si>
    <t>柿の木台第一公園</t>
  </si>
  <si>
    <t>神奈川県横浜市青葉区柿の木台42</t>
  </si>
  <si>
    <t>012242</t>
  </si>
  <si>
    <t>川井本町公園</t>
  </si>
  <si>
    <t>神奈川県横浜市旭区川井本町13-11</t>
  </si>
  <si>
    <t>012243</t>
  </si>
  <si>
    <t>鎌谷町公園</t>
  </si>
  <si>
    <t>012244</t>
  </si>
  <si>
    <t>アメリカ山公園</t>
  </si>
  <si>
    <t>012245</t>
  </si>
  <si>
    <t>長浜緑道</t>
  </si>
  <si>
    <t>012246</t>
  </si>
  <si>
    <t>あゆみが丘公園</t>
  </si>
  <si>
    <t>神奈川県横浜市都筑区あゆみが丘4</t>
  </si>
  <si>
    <t>012247</t>
  </si>
  <si>
    <t>下和泉公園</t>
  </si>
  <si>
    <t>012248</t>
  </si>
  <si>
    <t>阿久和蟹沢公園</t>
  </si>
  <si>
    <t>012249</t>
  </si>
  <si>
    <t>すみよし台第四公園</t>
  </si>
  <si>
    <t>神奈川県横浜市青葉区すみよし台13-2</t>
  </si>
  <si>
    <t>012250</t>
  </si>
  <si>
    <t>希望が丘ふれあいの森公園</t>
  </si>
  <si>
    <t>神奈川県横浜市旭区中希望が丘118-1</t>
  </si>
  <si>
    <t>012251</t>
  </si>
  <si>
    <t>日東浜公園</t>
  </si>
  <si>
    <t>012252</t>
  </si>
  <si>
    <t>富岡緑地</t>
  </si>
  <si>
    <t>012253</t>
  </si>
  <si>
    <t>明神台公園</t>
  </si>
  <si>
    <t>012254</t>
  </si>
  <si>
    <t>荒立公園</t>
  </si>
  <si>
    <t>012255</t>
  </si>
  <si>
    <t>桂台第四公園</t>
  </si>
  <si>
    <t>012256</t>
  </si>
  <si>
    <t>市ケ尾鶴蒔公園</t>
  </si>
  <si>
    <t>012257</t>
  </si>
  <si>
    <t>大黒町第二公園</t>
  </si>
  <si>
    <t>012258</t>
  </si>
  <si>
    <t>十一ノ区公園</t>
  </si>
  <si>
    <t>神奈川県横浜市戸塚区戸塚町2230-5</t>
  </si>
  <si>
    <t>012259</t>
  </si>
  <si>
    <t>川向しものや公園</t>
  </si>
  <si>
    <t>神奈川県横浜市都筑区川向町1266</t>
  </si>
  <si>
    <t>012260</t>
  </si>
  <si>
    <t>つつじが丘第四公園</t>
  </si>
  <si>
    <t>神奈川県横浜市青葉区つつじが丘33-1</t>
  </si>
  <si>
    <t>012261</t>
  </si>
  <si>
    <t>大口駅前公園</t>
  </si>
  <si>
    <t>神奈川県横浜市神奈川区大口通68-2</t>
  </si>
  <si>
    <t>012262</t>
  </si>
  <si>
    <t>市ヶ尾下根公園</t>
  </si>
  <si>
    <t>012263</t>
  </si>
  <si>
    <t>洋光台ひろば公園</t>
  </si>
  <si>
    <t>012264</t>
  </si>
  <si>
    <t>二ツ橋公園</t>
  </si>
  <si>
    <t>012265</t>
  </si>
  <si>
    <t>東本郷第三公園</t>
  </si>
  <si>
    <t>012266</t>
  </si>
  <si>
    <t>矢向一丁目公園</t>
  </si>
  <si>
    <t>012267</t>
  </si>
  <si>
    <t>立町みはらし公園</t>
  </si>
  <si>
    <t>神奈川県横浜市神奈川区立町20-8</t>
  </si>
  <si>
    <t>012268</t>
  </si>
  <si>
    <t>本郷台公園</t>
  </si>
  <si>
    <t>神奈川県横浜市栄区柏陽17</t>
  </si>
  <si>
    <t>012269</t>
  </si>
  <si>
    <t>根岸なつかし公園</t>
  </si>
  <si>
    <t>神奈川県横浜市磯子区下町10</t>
  </si>
  <si>
    <t>012270</t>
  </si>
  <si>
    <t>谷津坂南公園</t>
  </si>
  <si>
    <t>神奈川県横浜市金沢区堀口23</t>
  </si>
  <si>
    <t>012271</t>
  </si>
  <si>
    <t>磯子台紅取第二公園</t>
  </si>
  <si>
    <t>神奈川県横浜市磯子区磯子台63-11</t>
  </si>
  <si>
    <t>012272</t>
  </si>
  <si>
    <t>鶴ヶ峰公園</t>
  </si>
  <si>
    <t>012273</t>
  </si>
  <si>
    <t>弥生台東公園</t>
  </si>
  <si>
    <t>神奈川県横浜市泉区弥生台31</t>
  </si>
  <si>
    <t>012274</t>
  </si>
  <si>
    <t>社宮司公園</t>
  </si>
  <si>
    <t>神奈川県横浜市西区南浅間町25</t>
  </si>
  <si>
    <t>012275</t>
  </si>
  <si>
    <t>金が谷広町公園</t>
  </si>
  <si>
    <t>神奈川県横浜市旭区金が谷495-1</t>
  </si>
  <si>
    <t>012276</t>
  </si>
  <si>
    <t>岸谷公園</t>
  </si>
  <si>
    <t>012277</t>
  </si>
  <si>
    <t>松の川緑道</t>
  </si>
  <si>
    <t>012278</t>
  </si>
  <si>
    <t>善部町公園</t>
  </si>
  <si>
    <t>神奈川県横浜市旭区善部町14-1</t>
  </si>
  <si>
    <t>012279</t>
  </si>
  <si>
    <t>中村公園</t>
  </si>
  <si>
    <t>012280</t>
  </si>
  <si>
    <t>上飯田西公園</t>
  </si>
  <si>
    <t>神奈川県横浜市泉区上飯田町2751</t>
  </si>
  <si>
    <t>012281</t>
  </si>
  <si>
    <t>蒔田の森公園</t>
  </si>
  <si>
    <t>神奈川県横浜市南区蒔田町154-1</t>
  </si>
  <si>
    <t>012282</t>
  </si>
  <si>
    <t>庄戸第一公園</t>
  </si>
  <si>
    <t>012283</t>
  </si>
  <si>
    <t>千草台第二公園</t>
  </si>
  <si>
    <t>神奈川県横浜市青葉区千草台27</t>
  </si>
  <si>
    <t>012284</t>
  </si>
  <si>
    <t>榎が丘第三公園</t>
  </si>
  <si>
    <t>神奈川県横浜市青葉区榎が丘49-1</t>
  </si>
  <si>
    <t>012285</t>
  </si>
  <si>
    <t>奈良しぜん緑地</t>
  </si>
  <si>
    <t>012286</t>
  </si>
  <si>
    <t>法泉公園</t>
  </si>
  <si>
    <t>012287</t>
  </si>
  <si>
    <t>しらとり台公園</t>
  </si>
  <si>
    <t>神奈川県横浜市青葉区しらとり台5-1</t>
  </si>
  <si>
    <t>012288</t>
  </si>
  <si>
    <t>庄戸第三南公園</t>
  </si>
  <si>
    <t>012289</t>
  </si>
  <si>
    <t>称名寺東公園</t>
  </si>
  <si>
    <t>012290</t>
  </si>
  <si>
    <t>012291</t>
  </si>
  <si>
    <t>西川島町公園</t>
  </si>
  <si>
    <t>神奈川県横浜市旭区西川島町24-3</t>
  </si>
  <si>
    <t>012292</t>
  </si>
  <si>
    <t>富岡西一丁目公園</t>
  </si>
  <si>
    <t>012293</t>
  </si>
  <si>
    <t>片吹公園</t>
  </si>
  <si>
    <t>神奈川県横浜市金沢区片吹53</t>
  </si>
  <si>
    <t>012294</t>
  </si>
  <si>
    <t>六浦西第三公園</t>
  </si>
  <si>
    <t>012295</t>
  </si>
  <si>
    <t>旭台中央公園</t>
  </si>
  <si>
    <t>012296</t>
  </si>
  <si>
    <t>黒須田前田公園</t>
  </si>
  <si>
    <t>神奈川県横浜市青葉区黒須田34-3</t>
  </si>
  <si>
    <t>012297</t>
  </si>
  <si>
    <t>本牧十二天緑地</t>
  </si>
  <si>
    <t>012298</t>
  </si>
  <si>
    <t>梅が丘第二公園</t>
  </si>
  <si>
    <t>神奈川県横浜市青葉区梅が丘29-2</t>
  </si>
  <si>
    <t>012299</t>
  </si>
  <si>
    <t>六ツ川三丁目公園</t>
  </si>
  <si>
    <t>012300</t>
  </si>
  <si>
    <t>梅が丘第三公園</t>
  </si>
  <si>
    <t>神奈川県横浜市青葉区梅が丘40</t>
  </si>
  <si>
    <t>012301</t>
  </si>
  <si>
    <t>つつじが丘第一公園</t>
  </si>
  <si>
    <t>神奈川県横浜市青葉区つつじが丘22</t>
  </si>
  <si>
    <t>012302</t>
  </si>
  <si>
    <t>上川井堂谷公園</t>
  </si>
  <si>
    <t>神奈川県横浜市旭区上川井町2972</t>
  </si>
  <si>
    <t>012303</t>
  </si>
  <si>
    <t>小菅ケ谷北公園</t>
  </si>
  <si>
    <t>012304</t>
  </si>
  <si>
    <t>逆田橋公園</t>
  </si>
  <si>
    <t>012305</t>
  </si>
  <si>
    <t>富岡第三公園</t>
  </si>
  <si>
    <t>012306</t>
  </si>
  <si>
    <t>池辺町八所谷戸公園</t>
  </si>
  <si>
    <t>神奈川県横浜市都筑区池辺町2152-1</t>
  </si>
  <si>
    <t>012307</t>
  </si>
  <si>
    <t>六ッ川公園</t>
  </si>
  <si>
    <t>012308</t>
  </si>
  <si>
    <t>帷子川公園</t>
  </si>
  <si>
    <t>012309</t>
  </si>
  <si>
    <t>田原橋公園</t>
  </si>
  <si>
    <t>神奈川県横浜市旭区西川島町86-1地先</t>
  </si>
  <si>
    <t>012310</t>
  </si>
  <si>
    <t>汲沢子の神公園</t>
  </si>
  <si>
    <t>012311</t>
  </si>
  <si>
    <t>岡津鷹匠町公園</t>
  </si>
  <si>
    <t>神奈川県横浜市泉区岡津町2298-2</t>
  </si>
  <si>
    <t>012312</t>
  </si>
  <si>
    <t>峰岡町三丁目公園</t>
  </si>
  <si>
    <t>012313</t>
  </si>
  <si>
    <t>平戸みはらし公園</t>
  </si>
  <si>
    <t>神奈川県横浜市戸塚区平戸町993-1</t>
  </si>
  <si>
    <t>012314</t>
  </si>
  <si>
    <t>能見台千丈公園</t>
  </si>
  <si>
    <t>012315</t>
  </si>
  <si>
    <t>上郷六号緑地</t>
  </si>
  <si>
    <t>神奈川県横浜市栄区上郷町1356-125</t>
  </si>
  <si>
    <t>012316</t>
  </si>
  <si>
    <t>十日市場公園</t>
  </si>
  <si>
    <t>神奈川県横浜市緑区十日市場町878</t>
  </si>
  <si>
    <t>012317</t>
  </si>
  <si>
    <t>笹下中央公園</t>
  </si>
  <si>
    <t>012318</t>
  </si>
  <si>
    <t>佃野公園</t>
  </si>
  <si>
    <t>神奈川県横浜市鶴見区佃野町1260-4</t>
  </si>
  <si>
    <t>012319</t>
  </si>
  <si>
    <t>笹下天王谷公園</t>
  </si>
  <si>
    <t>012320</t>
  </si>
  <si>
    <t>鳥が丘第一公園</t>
  </si>
  <si>
    <t>神奈川県横浜市戸塚区鳥が丘21</t>
  </si>
  <si>
    <t>012321</t>
  </si>
  <si>
    <t>和泉町作右衛門公園</t>
  </si>
  <si>
    <t>012322</t>
  </si>
  <si>
    <t>西が岡三丁目公園</t>
  </si>
  <si>
    <t>012323</t>
  </si>
  <si>
    <t>庄戸第四公園</t>
  </si>
  <si>
    <t>012324</t>
  </si>
  <si>
    <t>日向山下原公園</t>
  </si>
  <si>
    <t>012325</t>
  </si>
  <si>
    <t>あざみ野一丁目公園</t>
  </si>
  <si>
    <t>012326</t>
  </si>
  <si>
    <t>南台公園</t>
  </si>
  <si>
    <t>012327</t>
  </si>
  <si>
    <t>長者ケ久保５号緑地</t>
  </si>
  <si>
    <t>神奈川県横浜市栄区上郷町字長倉1546-1</t>
  </si>
  <si>
    <t>十日市場東公園</t>
  </si>
  <si>
    <t>012329</t>
  </si>
  <si>
    <t>細谷戸公園</t>
  </si>
  <si>
    <t>神奈川県横浜市瀬谷区瀬谷町4125-11</t>
  </si>
  <si>
    <t>012330</t>
  </si>
  <si>
    <t>新桜ケ丘第五公園</t>
  </si>
  <si>
    <t>012331</t>
  </si>
  <si>
    <t>あかね台熊の谷公園</t>
  </si>
  <si>
    <t>012332</t>
  </si>
  <si>
    <t>竹山二丁目公園</t>
  </si>
  <si>
    <t>012333</t>
  </si>
  <si>
    <t>山手見晴らし公園</t>
  </si>
  <si>
    <t>012334</t>
  </si>
  <si>
    <t>高津公園</t>
  </si>
  <si>
    <t>012335</t>
  </si>
  <si>
    <t>神奈川県横浜市緑区新治町887</t>
  </si>
  <si>
    <t>012336</t>
  </si>
  <si>
    <t>本牧いずみ公園</t>
  </si>
  <si>
    <t>神奈川県横浜市中区本牧宮原4-1</t>
  </si>
  <si>
    <t>012337</t>
  </si>
  <si>
    <t>乙舳公園</t>
  </si>
  <si>
    <t>神奈川県横浜市金沢区海の公園11</t>
  </si>
  <si>
    <t>012338</t>
  </si>
  <si>
    <t>品濃谷宿公園</t>
  </si>
  <si>
    <t>神奈川県横浜市戸塚区品濃町565</t>
  </si>
  <si>
    <t>012339</t>
  </si>
  <si>
    <t>磯子・海の見える公園</t>
  </si>
  <si>
    <t>012340</t>
  </si>
  <si>
    <t>戸部公園</t>
  </si>
  <si>
    <t>012341</t>
  </si>
  <si>
    <t>氷取沢公園</t>
  </si>
  <si>
    <t>神奈川県横浜市磯子区氷取沢町158-1</t>
  </si>
  <si>
    <t>012342</t>
  </si>
  <si>
    <t>柏葉公園</t>
  </si>
  <si>
    <t>神奈川県横浜市中区柏葉89-1</t>
  </si>
  <si>
    <t>012343</t>
  </si>
  <si>
    <t>芹が谷一丁目公園</t>
  </si>
  <si>
    <t>012344</t>
  </si>
  <si>
    <t>篠原西町公園</t>
  </si>
  <si>
    <t>神奈川県横浜市港北区篠原西町31</t>
  </si>
  <si>
    <t>012345</t>
  </si>
  <si>
    <t>関ヶ谷公園</t>
  </si>
  <si>
    <t>012346</t>
  </si>
  <si>
    <t>012347</t>
  </si>
  <si>
    <t>阿久和向原第二公園</t>
  </si>
  <si>
    <t>012348</t>
  </si>
  <si>
    <t>浅間台みはらし公園</t>
  </si>
  <si>
    <t>神奈川県横浜市西区浅間台7-5</t>
  </si>
  <si>
    <t>012349</t>
  </si>
  <si>
    <t>あざみ野四丁目北公園</t>
  </si>
  <si>
    <t>012350</t>
  </si>
  <si>
    <t>奥座公園</t>
  </si>
  <si>
    <t>012351</t>
  </si>
  <si>
    <t>荏田猿田公園</t>
  </si>
  <si>
    <t>012352</t>
  </si>
  <si>
    <t>中野町左近公園</t>
  </si>
  <si>
    <t>神奈川県横浜市栄区中野町1068-1</t>
  </si>
  <si>
    <t>012353</t>
  </si>
  <si>
    <t>名瀬下第一公園</t>
  </si>
  <si>
    <t>神奈川県横浜市戸塚区名瀬町798-1</t>
  </si>
  <si>
    <t>012354</t>
  </si>
  <si>
    <t>西久保町公園</t>
  </si>
  <si>
    <t>012355</t>
  </si>
  <si>
    <t>太尾南公園</t>
  </si>
  <si>
    <t>012356</t>
  </si>
  <si>
    <t>八景西公園</t>
  </si>
  <si>
    <t>神奈川県横浜市金沢区大川7</t>
  </si>
  <si>
    <t>012357</t>
  </si>
  <si>
    <t>希望が丘水の森公園</t>
  </si>
  <si>
    <t>神奈川県横浜市旭区中希望が丘158-1</t>
  </si>
  <si>
    <t>012358</t>
  </si>
  <si>
    <t>駒岡堂ノ前公園</t>
  </si>
  <si>
    <t>012359</t>
  </si>
  <si>
    <t>すすき野公園</t>
  </si>
  <si>
    <t>012360</t>
  </si>
  <si>
    <t>白根東公園</t>
  </si>
  <si>
    <t>012361</t>
  </si>
  <si>
    <t>小港南公園</t>
  </si>
  <si>
    <t>神奈川県横浜市中区本牧十二天1-1</t>
  </si>
  <si>
    <t>012362</t>
  </si>
  <si>
    <t>吾妻山公園</t>
  </si>
  <si>
    <t>012363</t>
  </si>
  <si>
    <t>境之谷公園</t>
  </si>
  <si>
    <t>神奈川県横浜市西区境之谷105-1</t>
  </si>
  <si>
    <t>012364</t>
  </si>
  <si>
    <t>下末吉公園</t>
  </si>
  <si>
    <t>012365</t>
  </si>
  <si>
    <t>唐沢公園</t>
  </si>
  <si>
    <t>神奈川県横浜市南区唐沢40-1</t>
  </si>
  <si>
    <t>012366</t>
  </si>
  <si>
    <t>上瀬谷公園</t>
  </si>
  <si>
    <t>神奈川県横浜市瀬谷区上瀬谷町38-1</t>
  </si>
  <si>
    <t>012367</t>
  </si>
  <si>
    <t>仏向行坐谷公園</t>
  </si>
  <si>
    <t>012368</t>
  </si>
  <si>
    <t>奈良町第一公園</t>
  </si>
  <si>
    <t>神奈川県横浜市青葉区奈良町2762-125</t>
  </si>
  <si>
    <t>012369</t>
  </si>
  <si>
    <t>高田西公園</t>
  </si>
  <si>
    <t>012370</t>
  </si>
  <si>
    <t>上郷一号緑地</t>
  </si>
  <si>
    <t>神奈川県横浜市栄区上郷町1571-12</t>
  </si>
  <si>
    <t>012371</t>
  </si>
  <si>
    <t>港南ふれあい公園</t>
  </si>
  <si>
    <t>012372</t>
  </si>
  <si>
    <t>三保大上公園</t>
  </si>
  <si>
    <t>神奈川県横浜市緑区三保町2570-15</t>
  </si>
  <si>
    <t>012373</t>
  </si>
  <si>
    <t>鍛冶ケ谷西公園</t>
  </si>
  <si>
    <t>012374</t>
  </si>
  <si>
    <t>野七里第一公園</t>
  </si>
  <si>
    <t>012375</t>
  </si>
  <si>
    <t>秋葉台公園</t>
  </si>
  <si>
    <t>神奈川県横浜市戸塚区秋葉町209</t>
  </si>
  <si>
    <t>012376</t>
  </si>
  <si>
    <t>森の台中ノ谷公園</t>
  </si>
  <si>
    <t>神奈川県横浜市緑区森の台40</t>
  </si>
  <si>
    <t>012377</t>
  </si>
  <si>
    <t>潮鶴橋水際緑道</t>
  </si>
  <si>
    <t>012378</t>
  </si>
  <si>
    <t>笹野台北公園</t>
  </si>
  <si>
    <t>012379</t>
  </si>
  <si>
    <t>仏向倉沢北公園</t>
  </si>
  <si>
    <t>012382</t>
  </si>
  <si>
    <t>星川中央公園</t>
  </si>
  <si>
    <t>012383</t>
  </si>
  <si>
    <t>矢沢なかよし公園</t>
  </si>
  <si>
    <t>012385</t>
  </si>
  <si>
    <t>市場旧東海道公園</t>
  </si>
  <si>
    <t>神奈川県横浜市鶴見区市場下町11</t>
  </si>
  <si>
    <t>012386</t>
  </si>
  <si>
    <t>能見台堀口北公園</t>
  </si>
  <si>
    <t>神奈川県横浜市金沢区能見台東6</t>
  </si>
  <si>
    <t>012387</t>
  </si>
  <si>
    <t>宿之入公園</t>
  </si>
  <si>
    <t>012388</t>
  </si>
  <si>
    <t>緑園東公園</t>
  </si>
  <si>
    <t>012389</t>
  </si>
  <si>
    <t>師岡町梅の丘公園</t>
  </si>
  <si>
    <t>012390</t>
  </si>
  <si>
    <t>三王山公園</t>
  </si>
  <si>
    <t>012391</t>
  </si>
  <si>
    <t>上矢部坂本公園</t>
  </si>
  <si>
    <t>神奈川県横浜市戸塚区上矢部町3043-9</t>
  </si>
  <si>
    <t>012392</t>
  </si>
  <si>
    <t>飯島南公園</t>
  </si>
  <si>
    <t>神奈川県横浜市栄区飯島町1879-19</t>
  </si>
  <si>
    <t>012393</t>
  </si>
  <si>
    <t>本郷台中央公園</t>
  </si>
  <si>
    <t>012394</t>
  </si>
  <si>
    <t>上山町公園</t>
  </si>
  <si>
    <t>012395</t>
  </si>
  <si>
    <t>日野南公園</t>
  </si>
  <si>
    <t>012396</t>
  </si>
  <si>
    <t>六浦大道公園</t>
  </si>
  <si>
    <t>012397</t>
  </si>
  <si>
    <t>山内公園</t>
  </si>
  <si>
    <t>012398</t>
  </si>
  <si>
    <t>上中里公園</t>
  </si>
  <si>
    <t>神奈川県横浜市磯子区上中里町1031</t>
  </si>
  <si>
    <t>012399</t>
  </si>
  <si>
    <t>荏田富士塚公園</t>
  </si>
  <si>
    <t>012400</t>
  </si>
  <si>
    <t>上矢部あおぞら公園</t>
  </si>
  <si>
    <t>神奈川県横浜市戸塚区上矢部町1408</t>
  </si>
  <si>
    <t>012401</t>
  </si>
  <si>
    <t>踊場公園</t>
  </si>
  <si>
    <t>012402</t>
  </si>
  <si>
    <t>竹山中公園</t>
  </si>
  <si>
    <t>012403</t>
  </si>
  <si>
    <t>千草台公園</t>
  </si>
  <si>
    <t>神奈川県横浜市青葉区千草台17-1</t>
  </si>
  <si>
    <t>012404</t>
  </si>
  <si>
    <t>片倉北公園</t>
  </si>
  <si>
    <t>012405</t>
  </si>
  <si>
    <t>すすき野二丁目公園</t>
  </si>
  <si>
    <t>012406</t>
  </si>
  <si>
    <t>笠間中央公園</t>
  </si>
  <si>
    <t>012407</t>
  </si>
  <si>
    <t>日限山公園</t>
  </si>
  <si>
    <t>012408</t>
  </si>
  <si>
    <t>阪東橋公園</t>
  </si>
  <si>
    <t>012409</t>
  </si>
  <si>
    <t>影取北公園</t>
  </si>
  <si>
    <t>神奈川県横浜市戸塚区影取町251</t>
  </si>
  <si>
    <t>012410</t>
  </si>
  <si>
    <t>今井の丘公園</t>
  </si>
  <si>
    <t>012411</t>
  </si>
  <si>
    <t>下永谷八木中央公園</t>
  </si>
  <si>
    <t>012412</t>
  </si>
  <si>
    <t>市ケ尾町公園</t>
  </si>
  <si>
    <t>012413</t>
  </si>
  <si>
    <t>長浜野口記念公園</t>
  </si>
  <si>
    <t>神奈川県横浜市金沢区長浜94-1</t>
  </si>
  <si>
    <t>012414</t>
  </si>
  <si>
    <t>台町公園</t>
  </si>
  <si>
    <t>神奈川県横浜市神奈川区高島台29</t>
  </si>
  <si>
    <t>012415</t>
  </si>
  <si>
    <t>馬場花木園</t>
  </si>
  <si>
    <t>012416</t>
  </si>
  <si>
    <t>いの山東公園</t>
  </si>
  <si>
    <t>神奈川県横浜市栄区犬山町11</t>
  </si>
  <si>
    <t>012417</t>
  </si>
  <si>
    <t>すみれが丘公園</t>
  </si>
  <si>
    <t>神奈川県横浜市都筑区すみれが丘22-1</t>
  </si>
  <si>
    <t>012418</t>
  </si>
  <si>
    <t>釜利谷三号緑地</t>
  </si>
  <si>
    <t>012419</t>
  </si>
  <si>
    <t>上郷五号緑地</t>
  </si>
  <si>
    <t>神奈川県横浜市栄区上郷町1431-2</t>
  </si>
  <si>
    <t>012420</t>
  </si>
  <si>
    <t>上菅田東部公園</t>
  </si>
  <si>
    <t>012421</t>
  </si>
  <si>
    <t>永田みなみ台公園</t>
  </si>
  <si>
    <t>神奈川県横浜市南区永田みなみ台4</t>
  </si>
  <si>
    <t>012422</t>
  </si>
  <si>
    <t>川島町公園</t>
  </si>
  <si>
    <t>012423</t>
  </si>
  <si>
    <t>西が岡公園</t>
  </si>
  <si>
    <t>012424</t>
  </si>
  <si>
    <t>桂山公園</t>
  </si>
  <si>
    <t>神奈川県横浜市栄区桂台中16</t>
  </si>
  <si>
    <t>012425</t>
  </si>
  <si>
    <t>元宮さわやか公園</t>
  </si>
  <si>
    <t>012426</t>
  </si>
  <si>
    <t>十日市場だんご山公園</t>
  </si>
  <si>
    <t>神奈川県横浜市緑区十日市場町1589-17</t>
  </si>
  <si>
    <t>012427</t>
  </si>
  <si>
    <t>小黒公園</t>
  </si>
  <si>
    <t>012428</t>
  </si>
  <si>
    <t>佐江戸公園</t>
  </si>
  <si>
    <t>神奈川県横浜市都筑区佐江戸町276-1</t>
  </si>
  <si>
    <t>012429</t>
  </si>
  <si>
    <t>泉中央公園</t>
  </si>
  <si>
    <t>012430</t>
  </si>
  <si>
    <t>上永谷緑地</t>
  </si>
  <si>
    <t>012431</t>
  </si>
  <si>
    <t>松見みはらし公園</t>
  </si>
  <si>
    <t>012432</t>
  </si>
  <si>
    <t>釜利谷緑道</t>
  </si>
  <si>
    <t>神奈川県横浜市金沢区釜利谷町2228-4</t>
  </si>
  <si>
    <t>012433</t>
  </si>
  <si>
    <t>洋光台駅前公園</t>
  </si>
  <si>
    <t>012434</t>
  </si>
  <si>
    <t>白山道奥公園</t>
  </si>
  <si>
    <t>012435</t>
  </si>
  <si>
    <t>瀬谷中央公園</t>
  </si>
  <si>
    <t>012436</t>
  </si>
  <si>
    <t>栄町公園</t>
  </si>
  <si>
    <t>012438</t>
  </si>
  <si>
    <t>赤田西公園</t>
  </si>
  <si>
    <t>012439</t>
  </si>
  <si>
    <t>生麦貝ノ浜緑地</t>
  </si>
  <si>
    <t>012440</t>
  </si>
  <si>
    <t>四季美台ふれあい公園</t>
  </si>
  <si>
    <t>神奈川県横浜市旭区四季美台72-2</t>
  </si>
  <si>
    <t>012441</t>
  </si>
  <si>
    <t>草舞台公園</t>
  </si>
  <si>
    <t>012442</t>
  </si>
  <si>
    <t>桂台公園</t>
  </si>
  <si>
    <t>012443</t>
  </si>
  <si>
    <t>南山田たけとんぼ公園</t>
  </si>
  <si>
    <t>012444</t>
  </si>
  <si>
    <t>赤田東公園</t>
  </si>
  <si>
    <t>012445</t>
  </si>
  <si>
    <t>椚谷公園</t>
  </si>
  <si>
    <t>神奈川県横浜市旭区川島町字椚谷1726</t>
  </si>
  <si>
    <t>012446</t>
  </si>
  <si>
    <t>汐入公園</t>
  </si>
  <si>
    <t>012447</t>
  </si>
  <si>
    <t>泉田向公園</t>
  </si>
  <si>
    <t>012448</t>
  </si>
  <si>
    <t>高島水際線公園</t>
  </si>
  <si>
    <t>012449</t>
  </si>
  <si>
    <t>師岡町公園</t>
  </si>
  <si>
    <t>神奈川県横浜市港北区師岡町401-2</t>
  </si>
  <si>
    <t>012450</t>
  </si>
  <si>
    <t>入江町公園</t>
  </si>
  <si>
    <t>012451</t>
  </si>
  <si>
    <t>萱場公園</t>
  </si>
  <si>
    <t>012452</t>
  </si>
  <si>
    <t>日吉公園</t>
  </si>
  <si>
    <t>012453</t>
  </si>
  <si>
    <t>善部町南公園</t>
  </si>
  <si>
    <t>神奈川県横浜市旭区善部町114-8</t>
  </si>
  <si>
    <t>012454</t>
  </si>
  <si>
    <t>みたけ台公園</t>
  </si>
  <si>
    <t>神奈川県横浜市青葉区みたけ台42</t>
  </si>
  <si>
    <t>012455</t>
  </si>
  <si>
    <t>南太田四丁目公園</t>
  </si>
  <si>
    <t>012456</t>
  </si>
  <si>
    <t>山手イタリア山庭園</t>
  </si>
  <si>
    <t>神奈川県横浜市中区山手町16</t>
  </si>
  <si>
    <t>012457</t>
  </si>
  <si>
    <t>日吉本町鯛ヶ崎公園</t>
  </si>
  <si>
    <t>012458</t>
  </si>
  <si>
    <t>たちばな台公園</t>
  </si>
  <si>
    <t>012459</t>
  </si>
  <si>
    <t>あかね台鍛冶谷公園</t>
  </si>
  <si>
    <t>012460</t>
  </si>
  <si>
    <t>あざみ野東公園</t>
  </si>
  <si>
    <t>012461</t>
  </si>
  <si>
    <t>品濃中央公園</t>
  </si>
  <si>
    <t>神奈川県横浜市戸塚区品濃町552</t>
  </si>
  <si>
    <t>012462</t>
  </si>
  <si>
    <t>釜利谷五号緑地</t>
  </si>
  <si>
    <t>012463</t>
  </si>
  <si>
    <t>高島中央公園</t>
  </si>
  <si>
    <t>012464</t>
  </si>
  <si>
    <t>西寺尾の丘公園</t>
  </si>
  <si>
    <t>012465</t>
  </si>
  <si>
    <t>豊田中央公園</t>
  </si>
  <si>
    <t>神奈川県横浜市戸塚区下倉田町761-1</t>
  </si>
  <si>
    <t>012466</t>
  </si>
  <si>
    <t>川上公園</t>
  </si>
  <si>
    <t>012467</t>
  </si>
  <si>
    <t>神奈川公園</t>
  </si>
  <si>
    <t>神奈川県横浜市神奈川区栄町12-1</t>
  </si>
  <si>
    <t>012468</t>
  </si>
  <si>
    <t>堀口西公園</t>
  </si>
  <si>
    <t>神奈川県横浜市金沢区能見台東9</t>
  </si>
  <si>
    <t>012469</t>
  </si>
  <si>
    <t>三保念珠坂公園</t>
  </si>
  <si>
    <t>神奈川県横浜市緑区三保町930-8</t>
  </si>
  <si>
    <t>012470</t>
  </si>
  <si>
    <t>東横フラワー緑道</t>
  </si>
  <si>
    <t>012471</t>
  </si>
  <si>
    <t>新本牧公園</t>
  </si>
  <si>
    <t>神奈川県横浜市中区本牧和田20-1</t>
  </si>
  <si>
    <t>012472</t>
  </si>
  <si>
    <t>二ツ池公園</t>
  </si>
  <si>
    <t>012473</t>
  </si>
  <si>
    <t>竹山南公園</t>
  </si>
  <si>
    <t>012474</t>
  </si>
  <si>
    <t>新鶴見公園</t>
  </si>
  <si>
    <t>012475</t>
  </si>
  <si>
    <t>上白根大池公園</t>
  </si>
  <si>
    <t>神奈川県横浜市旭区上白根町910-3</t>
  </si>
  <si>
    <t>012476</t>
  </si>
  <si>
    <t>神大寺中央公園</t>
  </si>
  <si>
    <t>012477</t>
  </si>
  <si>
    <t>平安公園</t>
  </si>
  <si>
    <t>012478</t>
  </si>
  <si>
    <t>沢渡中央公園</t>
  </si>
  <si>
    <t>神奈川県横浜市神奈川区沢渡4-1</t>
  </si>
  <si>
    <t>012479</t>
  </si>
  <si>
    <t>長津田みなみ台緑道</t>
  </si>
  <si>
    <t>012480</t>
  </si>
  <si>
    <t>藤が丘公園</t>
  </si>
  <si>
    <t>012481</t>
  </si>
  <si>
    <t>帷子川親水緑道</t>
  </si>
  <si>
    <t>012482</t>
  </si>
  <si>
    <t>新橋天神の森公園</t>
  </si>
  <si>
    <t>神奈川県横浜市泉区新橋町1277-2</t>
  </si>
  <si>
    <t>012483</t>
  </si>
  <si>
    <t>釜利谷ひろば公園</t>
  </si>
  <si>
    <t>012484</t>
  </si>
  <si>
    <t>二ツ橋南公園</t>
  </si>
  <si>
    <t>012485</t>
  </si>
  <si>
    <t>大場かやのき公園</t>
  </si>
  <si>
    <t>神奈川県横浜市青葉区大場町380-2</t>
  </si>
  <si>
    <t>012486</t>
  </si>
  <si>
    <t>舞岡下谷公園</t>
  </si>
  <si>
    <t>神奈川県横浜市戸塚区舞岡町645-8</t>
  </si>
  <si>
    <t>012487</t>
  </si>
  <si>
    <t>あざみ野西公園</t>
  </si>
  <si>
    <t>012488</t>
  </si>
  <si>
    <t>新石川公園</t>
  </si>
  <si>
    <t>012489</t>
  </si>
  <si>
    <t>ポートサイド公園</t>
  </si>
  <si>
    <t>神奈川県横浜市神奈川区大野町1-4</t>
  </si>
  <si>
    <t>012490</t>
  </si>
  <si>
    <t>日向根公園</t>
  </si>
  <si>
    <t>012491</t>
  </si>
  <si>
    <t>泉天ヶ谷公園</t>
  </si>
  <si>
    <t>012492</t>
  </si>
  <si>
    <t>境木町公園</t>
  </si>
  <si>
    <t>012493</t>
  </si>
  <si>
    <t>羽沢町公園</t>
  </si>
  <si>
    <t>神奈川県横浜市神奈川区羽沢町526-8</t>
  </si>
  <si>
    <t>012494</t>
  </si>
  <si>
    <t>洋光台北公園</t>
  </si>
  <si>
    <t>012495</t>
  </si>
  <si>
    <t>洋光台西公園</t>
  </si>
  <si>
    <t>012496</t>
  </si>
  <si>
    <t>牛ケ谷公園</t>
  </si>
  <si>
    <t>012497</t>
  </si>
  <si>
    <t>上星川あおぞら公園</t>
  </si>
  <si>
    <t>012498</t>
  </si>
  <si>
    <t>釜利谷七号緑地</t>
  </si>
  <si>
    <t>012499</t>
  </si>
  <si>
    <t>領家公園</t>
  </si>
  <si>
    <t>012500</t>
  </si>
  <si>
    <t>阿王ケ台公園</t>
  </si>
  <si>
    <t>012501</t>
  </si>
  <si>
    <t>鶴見川樽町公園</t>
  </si>
  <si>
    <t>012502</t>
  </si>
  <si>
    <t>012503</t>
  </si>
  <si>
    <t>神無公園</t>
  </si>
  <si>
    <t>012504</t>
  </si>
  <si>
    <t>いずみ台公園</t>
  </si>
  <si>
    <t>神奈川県横浜市泉区和泉町6209-1</t>
  </si>
  <si>
    <t>012505</t>
  </si>
  <si>
    <t>佐江戸おちあい公園</t>
  </si>
  <si>
    <t>神奈川県横浜市都筑区佐江戸町25</t>
  </si>
  <si>
    <t>012506</t>
  </si>
  <si>
    <t>白幡公園</t>
  </si>
  <si>
    <t>012507</t>
  </si>
  <si>
    <t>神田公園</t>
  </si>
  <si>
    <t>神奈川県横浜市旭区市沢町1-1</t>
  </si>
  <si>
    <t>012508</t>
  </si>
  <si>
    <t>氷取沢緑地</t>
  </si>
  <si>
    <t>神奈川県横浜市磯子区氷取沢町640-1</t>
  </si>
  <si>
    <t>012509</t>
  </si>
  <si>
    <t>菅田いでど公園</t>
  </si>
  <si>
    <t>神奈川県横浜市神奈川区菅田町34</t>
  </si>
  <si>
    <t>012510</t>
  </si>
  <si>
    <t>富岡公園</t>
  </si>
  <si>
    <t>012511</t>
  </si>
  <si>
    <t>もえぎ野公園</t>
  </si>
  <si>
    <t>神奈川県横浜市青葉区もえぎ野7-1</t>
  </si>
  <si>
    <t>012512</t>
  </si>
  <si>
    <t>阿久和大久保原公園</t>
  </si>
  <si>
    <t>012513</t>
  </si>
  <si>
    <t>烏山公園</t>
  </si>
  <si>
    <t>012514</t>
  </si>
  <si>
    <t>滝ケ谷公園</t>
  </si>
  <si>
    <t>012515</t>
  </si>
  <si>
    <t>大岡公園</t>
  </si>
  <si>
    <t>012516</t>
  </si>
  <si>
    <t>新井町公園</t>
  </si>
  <si>
    <t>012517</t>
  </si>
  <si>
    <t>ふるさと尾根道緑道</t>
  </si>
  <si>
    <t>神奈川県横浜市旭区今宿東町816-4</t>
  </si>
  <si>
    <t>012518</t>
  </si>
  <si>
    <t>新田緑道</t>
  </si>
  <si>
    <t>012519</t>
  </si>
  <si>
    <t>まつかぜ公園</t>
  </si>
  <si>
    <t>012520</t>
  </si>
  <si>
    <t>日吉の丘公園</t>
  </si>
  <si>
    <t>012521</t>
  </si>
  <si>
    <t>鍛冶ヶ谷南公園</t>
  </si>
  <si>
    <t>012522</t>
  </si>
  <si>
    <t>牛久保西公園</t>
  </si>
  <si>
    <t>012523</t>
  </si>
  <si>
    <t>長津田みなみ台公園</t>
  </si>
  <si>
    <t>012524</t>
  </si>
  <si>
    <t>野庭中央公園</t>
  </si>
  <si>
    <t>神奈川県横浜市港南区野庭町613</t>
  </si>
  <si>
    <t>012525</t>
  </si>
  <si>
    <t>岡野公園</t>
  </si>
  <si>
    <t>012526</t>
  </si>
  <si>
    <t>折田不動公園</t>
  </si>
  <si>
    <t>012527</t>
  </si>
  <si>
    <t>嶮山公園</t>
  </si>
  <si>
    <t>012528</t>
  </si>
  <si>
    <t>港南台南公園</t>
  </si>
  <si>
    <t>012529</t>
  </si>
  <si>
    <t>谷本公園</t>
  </si>
  <si>
    <t>神奈川県横浜市青葉区下谷本町31-10</t>
  </si>
  <si>
    <t>012530</t>
  </si>
  <si>
    <t>港南台北公園</t>
  </si>
  <si>
    <t>012531</t>
  </si>
  <si>
    <t>美しが丘公園</t>
  </si>
  <si>
    <t>012532</t>
  </si>
  <si>
    <t>宮谷西公園</t>
  </si>
  <si>
    <t>神奈川県横浜市戸塚区戸塚町3240</t>
  </si>
  <si>
    <t>012533</t>
  </si>
  <si>
    <t>川和富士公園</t>
  </si>
  <si>
    <t>神奈川県横浜市都筑区富士見が丘20</t>
  </si>
  <si>
    <t>012534</t>
  </si>
  <si>
    <t>谷矢部池公園</t>
  </si>
  <si>
    <t>神奈川県横浜市戸塚区矢部町1996</t>
  </si>
  <si>
    <t>012535</t>
  </si>
  <si>
    <t>上品濃公園</t>
  </si>
  <si>
    <t>神奈川県横浜市戸塚区上品濃6</t>
  </si>
  <si>
    <t>012536</t>
  </si>
  <si>
    <t>グランモール公園</t>
  </si>
  <si>
    <t>012537</t>
  </si>
  <si>
    <t>荏子田公園</t>
  </si>
  <si>
    <t>012538</t>
  </si>
  <si>
    <t>太尾公園</t>
  </si>
  <si>
    <t>012539</t>
  </si>
  <si>
    <t>蒔田公園</t>
  </si>
  <si>
    <t>012540</t>
  </si>
  <si>
    <t>洋光台緑地</t>
  </si>
  <si>
    <t>012541</t>
  </si>
  <si>
    <t>元町公園</t>
  </si>
  <si>
    <t>012542</t>
  </si>
  <si>
    <t>東本郷公園</t>
  </si>
  <si>
    <t>012543</t>
  </si>
  <si>
    <t>丸山台公園</t>
  </si>
  <si>
    <t>012544</t>
  </si>
  <si>
    <t>六ツ川中央公園</t>
  </si>
  <si>
    <t>012545</t>
  </si>
  <si>
    <t>菅田みどりの丘公園</t>
  </si>
  <si>
    <t>神奈川県横浜市神奈川区菅田町712-13</t>
  </si>
  <si>
    <t>012546</t>
  </si>
  <si>
    <t>新羽丘陵公園</t>
  </si>
  <si>
    <t>神奈川県横浜市港北区新羽町1491-1</t>
  </si>
  <si>
    <t>012547</t>
  </si>
  <si>
    <t>反町公園</t>
  </si>
  <si>
    <t>012548</t>
  </si>
  <si>
    <t>大原みねみち公園</t>
  </si>
  <si>
    <t>012549</t>
  </si>
  <si>
    <t>能見台北公園</t>
  </si>
  <si>
    <t>012550</t>
  </si>
  <si>
    <t>太尾堤緑道</t>
  </si>
  <si>
    <t>012551</t>
  </si>
  <si>
    <t>保木公園</t>
  </si>
  <si>
    <t>012552</t>
  </si>
  <si>
    <t>白根公園</t>
  </si>
  <si>
    <t>012553</t>
  </si>
  <si>
    <t>釜利谷南公園</t>
  </si>
  <si>
    <t>012554</t>
  </si>
  <si>
    <t>掃部山公園</t>
  </si>
  <si>
    <t>012555</t>
  </si>
  <si>
    <t>茅ヶ崎城址公園</t>
  </si>
  <si>
    <t>012556</t>
  </si>
  <si>
    <t>仏向矢シ塚公園</t>
  </si>
  <si>
    <t>012557</t>
  </si>
  <si>
    <t>月出松公園</t>
  </si>
  <si>
    <t>012558</t>
  </si>
  <si>
    <t>横浜市こども植物園</t>
  </si>
  <si>
    <t>012559</t>
  </si>
  <si>
    <t>港南台西公園</t>
  </si>
  <si>
    <t>012560</t>
  </si>
  <si>
    <t>子安台公園</t>
  </si>
  <si>
    <t>012561</t>
  </si>
  <si>
    <t>桧山公園</t>
  </si>
  <si>
    <t>012562</t>
  </si>
  <si>
    <t>釜利谷二号緑地</t>
  </si>
  <si>
    <t>神奈川県横浜市金沢区釜利谷町2253-2</t>
  </si>
  <si>
    <t>012563</t>
  </si>
  <si>
    <t>山手公園</t>
  </si>
  <si>
    <t>神奈川県横浜市中区山手町230</t>
  </si>
  <si>
    <t>012564</t>
  </si>
  <si>
    <t>南本宿公園</t>
  </si>
  <si>
    <t>神奈川県横浜市旭区南本宿町37-4</t>
  </si>
  <si>
    <t>012565</t>
  </si>
  <si>
    <t>陣ケ下渓谷公園</t>
  </si>
  <si>
    <t>012566</t>
  </si>
  <si>
    <t>菊名池公園</t>
  </si>
  <si>
    <t>012567</t>
  </si>
  <si>
    <t>綱島公園</t>
  </si>
  <si>
    <t>神奈川県横浜市港北区綱島台1</t>
  </si>
  <si>
    <t>012568</t>
  </si>
  <si>
    <t>能見台中央公園</t>
  </si>
  <si>
    <t>012569</t>
  </si>
  <si>
    <t>中田中央公園</t>
  </si>
  <si>
    <t>神奈川県横浜市泉区中田町2989</t>
  </si>
  <si>
    <t>012570</t>
  </si>
  <si>
    <t>しらゆり公園</t>
  </si>
  <si>
    <t>012571</t>
  </si>
  <si>
    <t>洋光台南公園</t>
  </si>
  <si>
    <t>012572</t>
  </si>
  <si>
    <t>神奈川県横浜市磯子区杉田坪呑8</t>
  </si>
  <si>
    <t>012573</t>
  </si>
  <si>
    <t>戸塚公園</t>
  </si>
  <si>
    <t>神奈川県横浜市戸塚区戸塚町2420-2</t>
  </si>
  <si>
    <t>012574</t>
  </si>
  <si>
    <t>南台こどものもり公園</t>
  </si>
  <si>
    <t>012575</t>
  </si>
  <si>
    <t>ゆうばえのみち</t>
  </si>
  <si>
    <t>012576</t>
  </si>
  <si>
    <t>今宿東公園</t>
  </si>
  <si>
    <t>神奈川県横浜市旭区今宿東町942-1</t>
  </si>
  <si>
    <t>012577</t>
  </si>
  <si>
    <t>潮田公園</t>
  </si>
  <si>
    <t>012578</t>
  </si>
  <si>
    <t>東山田公園</t>
  </si>
  <si>
    <t>012579</t>
  </si>
  <si>
    <t>大貫谷公園</t>
  </si>
  <si>
    <t>012580</t>
  </si>
  <si>
    <t>新杉田公園</t>
  </si>
  <si>
    <t>012581</t>
  </si>
  <si>
    <t>中川八幡山公園</t>
  </si>
  <si>
    <t>012582</t>
  </si>
  <si>
    <t>長浜緑地</t>
  </si>
  <si>
    <t>012583</t>
  </si>
  <si>
    <t>天王森泉公園</t>
  </si>
  <si>
    <t>神奈川県横浜市泉区和泉町308-1</t>
  </si>
  <si>
    <t>012584</t>
  </si>
  <si>
    <t>せきれいのみち</t>
  </si>
  <si>
    <t>012585</t>
  </si>
  <si>
    <t>富岡西公園</t>
  </si>
  <si>
    <t>012586</t>
  </si>
  <si>
    <t>港南台さえずりの丘公園</t>
  </si>
  <si>
    <t>012587</t>
  </si>
  <si>
    <t>片倉うさぎ山公園</t>
  </si>
  <si>
    <t>012588</t>
  </si>
  <si>
    <t>長屋門公園</t>
  </si>
  <si>
    <t>012589</t>
  </si>
  <si>
    <t>大通り公園</t>
  </si>
  <si>
    <t>012590</t>
  </si>
  <si>
    <t>桜台公園</t>
  </si>
  <si>
    <t>神奈川県横浜市青葉区桜台42</t>
  </si>
  <si>
    <t>012591</t>
  </si>
  <si>
    <t>瀬谷本郷公園</t>
  </si>
  <si>
    <t>012592</t>
  </si>
  <si>
    <t>早渕公園</t>
  </si>
  <si>
    <t>012593</t>
  </si>
  <si>
    <t>戸塚西公園</t>
  </si>
  <si>
    <t>神奈川県横浜市戸塚区深谷町984-6</t>
  </si>
  <si>
    <t>012594</t>
  </si>
  <si>
    <t>鴨志田公園</t>
  </si>
  <si>
    <t>神奈川県横浜市青葉区鴨志田町538-1</t>
  </si>
  <si>
    <t>012595</t>
  </si>
  <si>
    <t>都田公園</t>
  </si>
  <si>
    <t>神奈川県横浜市都筑区二の丸14</t>
  </si>
  <si>
    <t>012596</t>
  </si>
  <si>
    <t>山田富士公園</t>
  </si>
  <si>
    <t>012597</t>
  </si>
  <si>
    <t>能見台東公園</t>
  </si>
  <si>
    <t>012598</t>
  </si>
  <si>
    <t>奈良山公園</t>
  </si>
  <si>
    <t>012599</t>
  </si>
  <si>
    <t>東方公園</t>
  </si>
  <si>
    <t>神奈川県横浜市都筑区東方町2444-1</t>
  </si>
  <si>
    <t>012600</t>
  </si>
  <si>
    <t>霧が丘公園</t>
  </si>
  <si>
    <t>012601</t>
  </si>
  <si>
    <t>徳生公園</t>
  </si>
  <si>
    <t>012602</t>
  </si>
  <si>
    <t>俣野別邸庭園</t>
  </si>
  <si>
    <t>神奈川県横浜市戸塚区東俣野町94-4</t>
  </si>
  <si>
    <t>012603</t>
  </si>
  <si>
    <t>本牧臨海公園</t>
  </si>
  <si>
    <t>神奈川県横浜市中区本牧元町386-1</t>
  </si>
  <si>
    <t>012604</t>
  </si>
  <si>
    <t>港南台中央公園</t>
  </si>
  <si>
    <t>012605</t>
  </si>
  <si>
    <t>神の木公園</t>
  </si>
  <si>
    <t>012606</t>
  </si>
  <si>
    <t>富岡八幡公園</t>
  </si>
  <si>
    <t>012607</t>
  </si>
  <si>
    <t>富岡並木ふなだまり公園</t>
  </si>
  <si>
    <t>012608</t>
  </si>
  <si>
    <t>葛ケ谷公園</t>
  </si>
  <si>
    <t>神奈川県横浜市都筑区長坂15</t>
  </si>
  <si>
    <t>012609</t>
  </si>
  <si>
    <t>012610</t>
  </si>
  <si>
    <t>瀬谷貉窪公園</t>
  </si>
  <si>
    <t>012611</t>
  </si>
  <si>
    <t>弘明寺公園</t>
  </si>
  <si>
    <t>神奈川県横浜市南区弘明寺町244-5</t>
  </si>
  <si>
    <t>012612</t>
  </si>
  <si>
    <t>牛久保公園</t>
  </si>
  <si>
    <t>012613</t>
  </si>
  <si>
    <t>若葉台公園</t>
  </si>
  <si>
    <t>012614</t>
  </si>
  <si>
    <t>太尾見晴らしの丘公園</t>
  </si>
  <si>
    <t>012615</t>
  </si>
  <si>
    <t>金井公園</t>
  </si>
  <si>
    <t>神奈川県横浜市栄区金井町315-2</t>
  </si>
  <si>
    <t>012616</t>
  </si>
  <si>
    <t>常盤公園</t>
  </si>
  <si>
    <t>012617</t>
  </si>
  <si>
    <t>上郷七号緑地</t>
  </si>
  <si>
    <t>神奈川県横浜市栄区上郷町1216-332</t>
  </si>
  <si>
    <t>012618</t>
  </si>
  <si>
    <t>釜利谷六号緑地</t>
  </si>
  <si>
    <t>012619</t>
  </si>
  <si>
    <t>東俣野中央公園</t>
  </si>
  <si>
    <t>神奈川県横浜市戸塚区東俣野町864</t>
  </si>
  <si>
    <t>012620</t>
  </si>
  <si>
    <t>小柴埼緑道</t>
  </si>
  <si>
    <t>012621</t>
  </si>
  <si>
    <t>たちばなの丘公園</t>
  </si>
  <si>
    <t>神奈川県横浜市旭区市沢町396</t>
  </si>
  <si>
    <t>012622</t>
  </si>
  <si>
    <t>入船公園</t>
  </si>
  <si>
    <t>神奈川県横浜市鶴見区弁天町3</t>
  </si>
  <si>
    <t>012623</t>
  </si>
  <si>
    <t>日野中央公園</t>
  </si>
  <si>
    <t>012624</t>
  </si>
  <si>
    <t>大塚・歳勝土遺跡公園</t>
  </si>
  <si>
    <t>神奈川県横浜市都筑区大棚西1</t>
  </si>
  <si>
    <t>012625</t>
  </si>
  <si>
    <t>せせらぎ公園</t>
  </si>
  <si>
    <t>012626</t>
  </si>
  <si>
    <t>港の見える丘公園</t>
  </si>
  <si>
    <t>神奈川県横浜市中区山手町114</t>
  </si>
  <si>
    <t>012627</t>
  </si>
  <si>
    <t>012628</t>
  </si>
  <si>
    <t>くさぶえのみち</t>
  </si>
  <si>
    <t>012629</t>
  </si>
  <si>
    <t>ささぶねのみち</t>
  </si>
  <si>
    <t>012630</t>
  </si>
  <si>
    <t>上郷九号緑地</t>
  </si>
  <si>
    <t>神奈川県横浜市栄区上郷町1230-510</t>
  </si>
  <si>
    <t>012631</t>
  </si>
  <si>
    <t>横浜公園</t>
  </si>
  <si>
    <t>神奈川県横浜市中区横浜公園</t>
  </si>
  <si>
    <t>012633</t>
  </si>
  <si>
    <t>山崎公園</t>
  </si>
  <si>
    <t>012634</t>
  </si>
  <si>
    <t>岡村公園</t>
  </si>
  <si>
    <t>012635</t>
  </si>
  <si>
    <t>神奈川県横浜市緑区北八朔町2071</t>
  </si>
  <si>
    <t>012636</t>
  </si>
  <si>
    <t>大倉山公園</t>
  </si>
  <si>
    <t>012637</t>
  </si>
  <si>
    <t>新横浜駅前公園</t>
  </si>
  <si>
    <t>012638</t>
  </si>
  <si>
    <t>小雀公園</t>
  </si>
  <si>
    <t>神奈川県横浜市戸塚区小雀町2470</t>
  </si>
  <si>
    <t>012639</t>
  </si>
  <si>
    <t>山下公園</t>
  </si>
  <si>
    <t>神奈川県横浜市中区山下町279</t>
  </si>
  <si>
    <t>012641</t>
  </si>
  <si>
    <t>今川公園</t>
  </si>
  <si>
    <t>神奈川県横浜市旭区今川町96-2</t>
  </si>
  <si>
    <t>012642</t>
  </si>
  <si>
    <t>鴨池公園</t>
  </si>
  <si>
    <t>012643</t>
  </si>
  <si>
    <t>本郷ふじやま公園</t>
  </si>
  <si>
    <t>神奈川県横浜市栄区中野町56-1</t>
  </si>
  <si>
    <t>012644</t>
  </si>
  <si>
    <t>茅ケ崎公園</t>
  </si>
  <si>
    <t>012645</t>
  </si>
  <si>
    <t>清水ケ丘公園</t>
  </si>
  <si>
    <t>012646</t>
  </si>
  <si>
    <t>野毛山公園</t>
  </si>
  <si>
    <t>神奈川県横浜市西区老松町63-10</t>
  </si>
  <si>
    <t>012647</t>
  </si>
  <si>
    <t>本牧市民公園</t>
  </si>
  <si>
    <t>神奈川県横浜市中区本牧三之谷59</t>
  </si>
  <si>
    <t>012648</t>
  </si>
  <si>
    <t>長坂谷公園</t>
  </si>
  <si>
    <t>神奈川県横浜市緑区寺山町745-1</t>
  </si>
  <si>
    <t>012649</t>
  </si>
  <si>
    <t>俣野公園</t>
  </si>
  <si>
    <t>神奈川県横浜市戸塚区俣野町1367-1</t>
  </si>
  <si>
    <t>012650</t>
  </si>
  <si>
    <t>岸根公園</t>
  </si>
  <si>
    <t>神奈川県横浜市港北区岸根町725</t>
  </si>
  <si>
    <t>012651</t>
  </si>
  <si>
    <t>横浜市児童遊園地</t>
  </si>
  <si>
    <t>012652</t>
  </si>
  <si>
    <t>金沢緑地</t>
  </si>
  <si>
    <t>012653</t>
  </si>
  <si>
    <t>長浜公園</t>
  </si>
  <si>
    <t>神奈川県横浜市金沢区長浜106-6</t>
  </si>
  <si>
    <t>012655</t>
  </si>
  <si>
    <t>神奈川県横浜市中区和田山1-5</t>
  </si>
  <si>
    <t>012656</t>
  </si>
  <si>
    <t>野島公園</t>
  </si>
  <si>
    <t>神奈川県横浜市金沢区野島町24</t>
  </si>
  <si>
    <t>012657</t>
  </si>
  <si>
    <t>根岸森林公園</t>
  </si>
  <si>
    <t>神奈川県横浜市中区根岸台</t>
  </si>
  <si>
    <t>012658</t>
  </si>
  <si>
    <t>都筑中央公園</t>
  </si>
  <si>
    <t>012659</t>
  </si>
  <si>
    <t>富岡総合公園</t>
  </si>
  <si>
    <t>012661</t>
  </si>
  <si>
    <t>久良岐公園</t>
  </si>
  <si>
    <t>012662</t>
  </si>
  <si>
    <t>能見堂緑地</t>
  </si>
  <si>
    <t>神奈川県横浜市金沢区能見台森185-4</t>
  </si>
  <si>
    <t>012663</t>
  </si>
  <si>
    <t>舞岡公園</t>
  </si>
  <si>
    <t>神奈川県横浜市戸塚区舞岡町1703</t>
  </si>
  <si>
    <t>012665</t>
  </si>
  <si>
    <t>三ツ沢公園</t>
  </si>
  <si>
    <t>012667</t>
  </si>
  <si>
    <t>新横浜公園</t>
  </si>
  <si>
    <t>神奈川県横浜市港北区小机町3300</t>
  </si>
  <si>
    <t>012669</t>
  </si>
  <si>
    <t>こども自然公園</t>
  </si>
  <si>
    <t>神奈川県横浜市旭区大池町65</t>
  </si>
  <si>
    <t>012670</t>
  </si>
  <si>
    <t>海の公園</t>
  </si>
  <si>
    <t>神奈川県横浜市金沢区海の公園10</t>
  </si>
  <si>
    <t>012671</t>
  </si>
  <si>
    <t>横浜動物の森公園</t>
  </si>
  <si>
    <t>012672</t>
  </si>
  <si>
    <t>金沢自然公園</t>
  </si>
  <si>
    <t>022673</t>
  </si>
  <si>
    <t>川崎市</t>
    <phoneticPr fontId="7"/>
  </si>
  <si>
    <t>浅田第２公園</t>
  </si>
  <si>
    <t>022674</t>
  </si>
  <si>
    <t>上麻生北第４公園</t>
  </si>
  <si>
    <t>022675</t>
  </si>
  <si>
    <t>藤崎第５公園</t>
  </si>
  <si>
    <t>022676</t>
  </si>
  <si>
    <t>岡上公園</t>
  </si>
  <si>
    <t>022677</t>
  </si>
  <si>
    <t>野川西公園</t>
  </si>
  <si>
    <t>022678</t>
  </si>
  <si>
    <t>上平間緑地</t>
  </si>
  <si>
    <t>022679</t>
  </si>
  <si>
    <t>池田西公園</t>
  </si>
  <si>
    <t>022680</t>
  </si>
  <si>
    <t>馬絹公園</t>
  </si>
  <si>
    <t>022681</t>
  </si>
  <si>
    <t>東長沢公園</t>
  </si>
  <si>
    <t>022682</t>
  </si>
  <si>
    <t>王禅寺見晴し公園</t>
  </si>
  <si>
    <t>022683</t>
  </si>
  <si>
    <t>飯室公園</t>
  </si>
  <si>
    <t>022684</t>
  </si>
  <si>
    <t>生田雁俣公園</t>
  </si>
  <si>
    <t>022685</t>
  </si>
  <si>
    <t>餅坂第２公園</t>
  </si>
  <si>
    <t>022686</t>
  </si>
  <si>
    <t>百合丘第７公園</t>
  </si>
  <si>
    <t>022687</t>
  </si>
  <si>
    <t>餅坂第６公園</t>
  </si>
  <si>
    <t>022688</t>
  </si>
  <si>
    <t>野川第７公園</t>
  </si>
  <si>
    <t>022689</t>
  </si>
  <si>
    <t>下麻生日枝公園</t>
  </si>
  <si>
    <t>022690</t>
  </si>
  <si>
    <t>塔ノ越西公園</t>
  </si>
  <si>
    <t>022691</t>
  </si>
  <si>
    <t>長沢４丁目公園</t>
  </si>
  <si>
    <t>022692</t>
  </si>
  <si>
    <t>烏沢公園</t>
  </si>
  <si>
    <t>022693</t>
  </si>
  <si>
    <t>細山北谷公園</t>
  </si>
  <si>
    <t>022694</t>
  </si>
  <si>
    <t>三田第５公園</t>
  </si>
  <si>
    <t>022695</t>
  </si>
  <si>
    <t>有馬東第２公園</t>
  </si>
  <si>
    <t>022696</t>
  </si>
  <si>
    <t>千年上原宿公園</t>
  </si>
  <si>
    <t>022697</t>
  </si>
  <si>
    <t>細山中島第１公園</t>
  </si>
  <si>
    <t>022698</t>
  </si>
  <si>
    <t>小倉北公園</t>
  </si>
  <si>
    <t>022699</t>
  </si>
  <si>
    <t>022700</t>
  </si>
  <si>
    <t>宮内南公園</t>
  </si>
  <si>
    <t>022701</t>
  </si>
  <si>
    <t>菅生第２公園</t>
  </si>
  <si>
    <t>022702</t>
  </si>
  <si>
    <t>上麻生北第１公園</t>
  </si>
  <si>
    <t>022703</t>
  </si>
  <si>
    <t>菅生公園</t>
  </si>
  <si>
    <t>022704</t>
  </si>
  <si>
    <t>細山七代第２公園</t>
  </si>
  <si>
    <t>022705</t>
  </si>
  <si>
    <t>本町つつじ公園</t>
  </si>
  <si>
    <t>022706</t>
  </si>
  <si>
    <t>栗木台けやき公園</t>
  </si>
  <si>
    <t>022707</t>
  </si>
  <si>
    <t>神木三本松公園</t>
  </si>
  <si>
    <t>022708</t>
  </si>
  <si>
    <t>大師本町公園</t>
  </si>
  <si>
    <t>神奈川県川崎市川崎区大師本町4</t>
  </si>
  <si>
    <t>022709</t>
  </si>
  <si>
    <t>宮崎こども公園</t>
  </si>
  <si>
    <t>022710</t>
  </si>
  <si>
    <t>寺尾台こぶし公園</t>
  </si>
  <si>
    <t>022711</t>
  </si>
  <si>
    <t>王禅寺大谷公園</t>
  </si>
  <si>
    <t>022712</t>
  </si>
  <si>
    <t>宮崎６丁目公園</t>
  </si>
  <si>
    <t>022713</t>
  </si>
  <si>
    <t>白鳥吾妻公園</t>
  </si>
  <si>
    <t>022714</t>
  </si>
  <si>
    <t>有馬やまもも公園</t>
  </si>
  <si>
    <t>022715</t>
  </si>
  <si>
    <t>栗平こぶし公園</t>
  </si>
  <si>
    <t>022716</t>
  </si>
  <si>
    <t>鷺沼ときわ木公園</t>
  </si>
  <si>
    <t>022717</t>
  </si>
  <si>
    <t>上麻生３丁目公園</t>
  </si>
  <si>
    <t>022718</t>
  </si>
  <si>
    <t>王禅寺通公園</t>
  </si>
  <si>
    <t>022719</t>
  </si>
  <si>
    <t>藤崎第１公園</t>
  </si>
  <si>
    <t>022720</t>
  </si>
  <si>
    <t>有馬公園</t>
  </si>
  <si>
    <t>022721</t>
  </si>
  <si>
    <t>宮崎台公園</t>
  </si>
  <si>
    <t>022722</t>
  </si>
  <si>
    <t>今井南町公園</t>
  </si>
  <si>
    <t>022723</t>
  </si>
  <si>
    <t>寺尾台こども公園</t>
  </si>
  <si>
    <t>022724</t>
  </si>
  <si>
    <t>菅仙谷こども公園</t>
  </si>
  <si>
    <t>022725</t>
  </si>
  <si>
    <t>土橋３丁目公園</t>
  </si>
  <si>
    <t>022727</t>
  </si>
  <si>
    <t>岡上栗畑公園</t>
  </si>
  <si>
    <t>022728</t>
  </si>
  <si>
    <t>高石西第２公園</t>
  </si>
  <si>
    <t>022729</t>
  </si>
  <si>
    <t>二子二ヶ領公園</t>
  </si>
  <si>
    <t>022730</t>
  </si>
  <si>
    <t>子母口新田町公園</t>
  </si>
  <si>
    <t>022731</t>
  </si>
  <si>
    <t>細山七代第１公園</t>
  </si>
  <si>
    <t>022732</t>
  </si>
  <si>
    <t>寺尾台第４公園</t>
  </si>
  <si>
    <t>022733</t>
  </si>
  <si>
    <t>梶ケ谷こぶし公園</t>
  </si>
  <si>
    <t>022734</t>
  </si>
  <si>
    <t>蟹ヶ谷第３公園</t>
  </si>
  <si>
    <t>022735</t>
  </si>
  <si>
    <t>菅生こども公園</t>
  </si>
  <si>
    <t>022736</t>
  </si>
  <si>
    <t>新作第２公園</t>
  </si>
  <si>
    <t>022737</t>
  </si>
  <si>
    <t>細山緑地</t>
  </si>
  <si>
    <t>022738</t>
  </si>
  <si>
    <t>小田操緑地</t>
  </si>
  <si>
    <t>022739</t>
  </si>
  <si>
    <t>向原こども公園</t>
  </si>
  <si>
    <t>022740</t>
  </si>
  <si>
    <t>上小田中第５公園</t>
  </si>
  <si>
    <t>022741</t>
  </si>
  <si>
    <t>土橋１丁目こども公園</t>
  </si>
  <si>
    <t>022742</t>
  </si>
  <si>
    <t>平３丁目公園</t>
  </si>
  <si>
    <t>022743</t>
  </si>
  <si>
    <t>022744</t>
  </si>
  <si>
    <t>生田南大作公園</t>
  </si>
  <si>
    <t>022745</t>
  </si>
  <si>
    <t>小倉こども公園</t>
  </si>
  <si>
    <t>022746</t>
  </si>
  <si>
    <t>宮崎富士見ヶ岡公園</t>
  </si>
  <si>
    <t>022747</t>
  </si>
  <si>
    <t>片平中町第２公園</t>
  </si>
  <si>
    <t>022748</t>
  </si>
  <si>
    <t>東有馬１丁目公園</t>
  </si>
  <si>
    <t>022749</t>
  </si>
  <si>
    <t>美山台東公園</t>
  </si>
  <si>
    <t>022750</t>
  </si>
  <si>
    <t>細山５丁目公園</t>
  </si>
  <si>
    <t>022751</t>
  </si>
  <si>
    <t>小田３丁目公園</t>
  </si>
  <si>
    <t>022752</t>
  </si>
  <si>
    <t>塩浜町北公園</t>
  </si>
  <si>
    <t>022753</t>
  </si>
  <si>
    <t>長尾こども公園</t>
  </si>
  <si>
    <t>022754</t>
  </si>
  <si>
    <t>細山内野公園</t>
  </si>
  <si>
    <t>022755</t>
  </si>
  <si>
    <t>小杉町２丁目公園</t>
  </si>
  <si>
    <t>022756</t>
  </si>
  <si>
    <t>有馬北耕地公園</t>
  </si>
  <si>
    <t>022757</t>
  </si>
  <si>
    <t>南菅生公園</t>
  </si>
  <si>
    <t>022758</t>
  </si>
  <si>
    <t>浜町なかよし公園</t>
  </si>
  <si>
    <t>022759</t>
  </si>
  <si>
    <t>本町公園</t>
  </si>
  <si>
    <t>022760</t>
  </si>
  <si>
    <t>有馬１丁目こども公園</t>
  </si>
  <si>
    <t>022761</t>
  </si>
  <si>
    <t>塚越第３公園</t>
  </si>
  <si>
    <t>022762</t>
  </si>
  <si>
    <t>子母口公園</t>
  </si>
  <si>
    <t>022763</t>
  </si>
  <si>
    <t>細山６丁目公園</t>
  </si>
  <si>
    <t>022764</t>
  </si>
  <si>
    <t>原台まちかど公園</t>
  </si>
  <si>
    <t>022765</t>
  </si>
  <si>
    <t>透茂台南公園</t>
  </si>
  <si>
    <t>022766</t>
  </si>
  <si>
    <t>東古市場第２公園</t>
  </si>
  <si>
    <t>神奈川県川崎市幸区東古市場95</t>
  </si>
  <si>
    <t>022767</t>
  </si>
  <si>
    <t>有馬北公園</t>
  </si>
  <si>
    <t>022768</t>
  </si>
  <si>
    <t>小台北公園</t>
  </si>
  <si>
    <t>022769</t>
  </si>
  <si>
    <t>小田５丁目公園</t>
  </si>
  <si>
    <t>022770</t>
  </si>
  <si>
    <t>古市場まちかど公園</t>
  </si>
  <si>
    <t>022771</t>
  </si>
  <si>
    <t>宮内春日公園</t>
  </si>
  <si>
    <t>022772</t>
  </si>
  <si>
    <t>塩浜はなの木公園</t>
  </si>
  <si>
    <t>022773</t>
  </si>
  <si>
    <t>野川東耕地公園</t>
  </si>
  <si>
    <t>022774</t>
  </si>
  <si>
    <t>上麻生北第３公園</t>
  </si>
  <si>
    <t>022775</t>
  </si>
  <si>
    <t>022776</t>
  </si>
  <si>
    <t>久末篭場谷公園</t>
  </si>
  <si>
    <t>022777</t>
  </si>
  <si>
    <t>生田おし沼公園</t>
  </si>
  <si>
    <t>022778</t>
  </si>
  <si>
    <t>久末こども公園</t>
  </si>
  <si>
    <t>022779</t>
  </si>
  <si>
    <t>下野毛１丁目公園</t>
  </si>
  <si>
    <t>022780</t>
  </si>
  <si>
    <t>住吉子の神前公園</t>
  </si>
  <si>
    <t>022781</t>
  </si>
  <si>
    <t>東百合丘２丁目こども公園</t>
  </si>
  <si>
    <t>022782</t>
  </si>
  <si>
    <t>片平中町第１公園</t>
  </si>
  <si>
    <t>022783</t>
  </si>
  <si>
    <t>宿河原けやき公園</t>
  </si>
  <si>
    <t>022784</t>
  </si>
  <si>
    <t>細山５丁目花の香公園</t>
  </si>
  <si>
    <t>022785</t>
  </si>
  <si>
    <t>野川さんかく公園</t>
  </si>
  <si>
    <t>022786</t>
  </si>
  <si>
    <t>京王菅東公園</t>
  </si>
  <si>
    <t>022787</t>
  </si>
  <si>
    <t>022788</t>
  </si>
  <si>
    <t>二子居村公園</t>
  </si>
  <si>
    <t>022789</t>
  </si>
  <si>
    <t>片平１丁目公園</t>
  </si>
  <si>
    <t>022790</t>
  </si>
  <si>
    <t>有馬台公園</t>
  </si>
  <si>
    <t>022791</t>
  </si>
  <si>
    <t>高石西第１公園</t>
  </si>
  <si>
    <t>022792</t>
  </si>
  <si>
    <t>片平わんぱく公園</t>
  </si>
  <si>
    <t>022793</t>
  </si>
  <si>
    <t>王禅寺下耕地公園</t>
  </si>
  <si>
    <t>022794</t>
  </si>
  <si>
    <t>白鳥２丁目公園</t>
  </si>
  <si>
    <t>022795</t>
  </si>
  <si>
    <t>南生田２丁目風の谷公園</t>
  </si>
  <si>
    <t>022796</t>
  </si>
  <si>
    <t>たいらなか公園</t>
  </si>
  <si>
    <t>022797</t>
  </si>
  <si>
    <t>池上新町２丁目公園</t>
  </si>
  <si>
    <t>022798</t>
  </si>
  <si>
    <t>透茂台北公園</t>
  </si>
  <si>
    <t>022799</t>
  </si>
  <si>
    <t>022800</t>
  </si>
  <si>
    <t>神奈川県川崎市幸区小向仲野町地内</t>
  </si>
  <si>
    <t>022801</t>
  </si>
  <si>
    <t>栗谷上の山公園</t>
  </si>
  <si>
    <t>022802</t>
  </si>
  <si>
    <t>生田明王公園</t>
  </si>
  <si>
    <t>022803</t>
  </si>
  <si>
    <t>初山１丁目公園</t>
  </si>
  <si>
    <t>022804</t>
  </si>
  <si>
    <t>東百合丘１丁目公園</t>
  </si>
  <si>
    <t>022805</t>
  </si>
  <si>
    <t>京町１丁目公園</t>
  </si>
  <si>
    <t>022806</t>
  </si>
  <si>
    <t>木月寺前公園</t>
  </si>
  <si>
    <t>022807</t>
  </si>
  <si>
    <t>市ノ坪西公園</t>
  </si>
  <si>
    <t>022808</t>
  </si>
  <si>
    <t>古市場第６公園</t>
  </si>
  <si>
    <t>022809</t>
  </si>
  <si>
    <t>柿生中村通り公園</t>
  </si>
  <si>
    <t>022810</t>
  </si>
  <si>
    <t>東百合丘３丁目公園</t>
  </si>
  <si>
    <t>022811</t>
  </si>
  <si>
    <t>王禅寺なかよし公園</t>
  </si>
  <si>
    <t>022812</t>
  </si>
  <si>
    <t>宮ノ谷公園</t>
  </si>
  <si>
    <t>022813</t>
  </si>
  <si>
    <t>菅仙谷なかよし公園</t>
  </si>
  <si>
    <t>022814</t>
  </si>
  <si>
    <t>有馬もみの木公園</t>
  </si>
  <si>
    <t>022815</t>
  </si>
  <si>
    <t>菅生１丁目公園</t>
  </si>
  <si>
    <t>022816</t>
  </si>
  <si>
    <t>高石５丁目南公園</t>
  </si>
  <si>
    <t>022817</t>
  </si>
  <si>
    <t>上平間第２公園</t>
  </si>
  <si>
    <t>022818</t>
  </si>
  <si>
    <t>小田７丁目南公園</t>
  </si>
  <si>
    <t>022819</t>
  </si>
  <si>
    <t>細山こども公園</t>
  </si>
  <si>
    <t>022820</t>
  </si>
  <si>
    <t>野川くすのき公園</t>
  </si>
  <si>
    <t>022821</t>
  </si>
  <si>
    <t>高石見晴し緑地</t>
  </si>
  <si>
    <t>022822</t>
  </si>
  <si>
    <t>宮内蔵前公園</t>
  </si>
  <si>
    <t>022823</t>
  </si>
  <si>
    <t>西長沢第２公園</t>
  </si>
  <si>
    <t>022824</t>
  </si>
  <si>
    <t>鷲ヶ峰こども公園</t>
  </si>
  <si>
    <t>022825</t>
  </si>
  <si>
    <t>登戸東公園</t>
  </si>
  <si>
    <t>022826</t>
  </si>
  <si>
    <t>王禅寺大田谷公園</t>
  </si>
  <si>
    <t>022827</t>
  </si>
  <si>
    <t>有馬６丁目公園</t>
  </si>
  <si>
    <t>022828</t>
  </si>
  <si>
    <t>下作延西公園</t>
  </si>
  <si>
    <t>022829</t>
  </si>
  <si>
    <t>南百合丘公園</t>
  </si>
  <si>
    <t>022830</t>
  </si>
  <si>
    <t>宮崎こもれびの丘公園</t>
  </si>
  <si>
    <t>022831</t>
  </si>
  <si>
    <t>高石寺前公園</t>
  </si>
  <si>
    <t>022832</t>
  </si>
  <si>
    <t>片平中町第３公園</t>
  </si>
  <si>
    <t>022833</t>
  </si>
  <si>
    <t>上布田公園</t>
  </si>
  <si>
    <t>022834</t>
  </si>
  <si>
    <t>野川南耕地公園</t>
  </si>
  <si>
    <t>022835</t>
  </si>
  <si>
    <t>新作南公園</t>
  </si>
  <si>
    <t>022836</t>
  </si>
  <si>
    <t>宿河原あおぞら公園</t>
  </si>
  <si>
    <t>022837</t>
  </si>
  <si>
    <t>戸手本町りんごの木公園</t>
  </si>
  <si>
    <t>022838</t>
  </si>
  <si>
    <t>南生田なかよし公園</t>
  </si>
  <si>
    <t>022839</t>
  </si>
  <si>
    <t>戸手東公園</t>
  </si>
  <si>
    <t>022840</t>
  </si>
  <si>
    <t>王禅寺日吉谷公園</t>
  </si>
  <si>
    <t>022841</t>
  </si>
  <si>
    <t>生田６丁目公園</t>
  </si>
  <si>
    <t>022842</t>
  </si>
  <si>
    <t>中野島ふれあい緑地</t>
  </si>
  <si>
    <t>022843</t>
  </si>
  <si>
    <t>さつき台公園</t>
  </si>
  <si>
    <t>022844</t>
  </si>
  <si>
    <t>長沢なかよし公園</t>
  </si>
  <si>
    <t>022845</t>
  </si>
  <si>
    <t>下作延中耕地公園</t>
  </si>
  <si>
    <t>022846</t>
  </si>
  <si>
    <t>栗谷千句邑公園</t>
  </si>
  <si>
    <t>022847</t>
  </si>
  <si>
    <t>下作延南谷公園</t>
  </si>
  <si>
    <t>022848</t>
  </si>
  <si>
    <t>上麻生亀井公園</t>
  </si>
  <si>
    <t>022849</t>
  </si>
  <si>
    <t>宿河原ほしぞら公園</t>
  </si>
  <si>
    <t>022850</t>
  </si>
  <si>
    <t>浜町第２公園</t>
  </si>
  <si>
    <t>022851</t>
  </si>
  <si>
    <t>戸手本町はなの木公園</t>
  </si>
  <si>
    <t>022852</t>
  </si>
  <si>
    <t>王禅寺けやき公園</t>
  </si>
  <si>
    <t>022853</t>
  </si>
  <si>
    <t>細山７丁目公園</t>
  </si>
  <si>
    <t>022854</t>
  </si>
  <si>
    <t>下麻生おどりば公園</t>
  </si>
  <si>
    <t>022855</t>
  </si>
  <si>
    <t>宿河原東公園</t>
  </si>
  <si>
    <t>022856</t>
  </si>
  <si>
    <t>宮崎三ツ叉公園</t>
  </si>
  <si>
    <t>022857</t>
  </si>
  <si>
    <t>北谷町公園</t>
  </si>
  <si>
    <t>022858</t>
  </si>
  <si>
    <t>生田アゼリア公園</t>
  </si>
  <si>
    <t>022859</t>
  </si>
  <si>
    <t>東長沢しいの木公園</t>
  </si>
  <si>
    <t>022860</t>
  </si>
  <si>
    <t>下野毛３丁目公園</t>
  </si>
  <si>
    <t>022861</t>
  </si>
  <si>
    <t>井田平台公園</t>
  </si>
  <si>
    <t>022862</t>
  </si>
  <si>
    <t>生田栗谷公園</t>
  </si>
  <si>
    <t>022863</t>
  </si>
  <si>
    <t>平風久保公園</t>
  </si>
  <si>
    <t>022864</t>
  </si>
  <si>
    <t>今井南町四季の広場公園</t>
  </si>
  <si>
    <t>022865</t>
  </si>
  <si>
    <t>菅稲田堤２丁目公園</t>
  </si>
  <si>
    <t>022866</t>
  </si>
  <si>
    <t>王禅寺入口公園</t>
  </si>
  <si>
    <t>022867</t>
  </si>
  <si>
    <t>笹の原公園</t>
  </si>
  <si>
    <t>022868</t>
  </si>
  <si>
    <t>柿生の丘公園</t>
  </si>
  <si>
    <t>022869</t>
  </si>
  <si>
    <t>若草第２公園</t>
  </si>
  <si>
    <t>022870</t>
  </si>
  <si>
    <t>小台１丁目こども公園</t>
  </si>
  <si>
    <t>022871</t>
  </si>
  <si>
    <t>細山５丁目緑地</t>
  </si>
  <si>
    <t>022872</t>
  </si>
  <si>
    <t>南生田２丁目丘の上公園</t>
  </si>
  <si>
    <t>022873</t>
  </si>
  <si>
    <t>中野島第３公園</t>
  </si>
  <si>
    <t>022874</t>
  </si>
  <si>
    <t>東有馬きりの木公園</t>
  </si>
  <si>
    <t>022875</t>
  </si>
  <si>
    <t>細山６丁目見晴し公園</t>
  </si>
  <si>
    <t>022876</t>
  </si>
  <si>
    <t>022877</t>
  </si>
  <si>
    <t>南平台こども公園</t>
  </si>
  <si>
    <t>022878</t>
  </si>
  <si>
    <t>上平間五瀬淵公園</t>
  </si>
  <si>
    <t>022879</t>
  </si>
  <si>
    <t>宿河原１丁目公園</t>
  </si>
  <si>
    <t>022880</t>
  </si>
  <si>
    <t>有馬しいの木公園</t>
  </si>
  <si>
    <t>022881</t>
  </si>
  <si>
    <t>千代ヶ丘山辺公園</t>
  </si>
  <si>
    <t>022882</t>
  </si>
  <si>
    <t>下作延南こども公園</t>
  </si>
  <si>
    <t>022883</t>
  </si>
  <si>
    <t>塚越第４公園</t>
  </si>
  <si>
    <t>022884</t>
  </si>
  <si>
    <t>生田中谷第３公園</t>
  </si>
  <si>
    <t>022885</t>
  </si>
  <si>
    <t>高石森下公園</t>
  </si>
  <si>
    <t>022886</t>
  </si>
  <si>
    <t>明石穂公園</t>
  </si>
  <si>
    <t>022887</t>
  </si>
  <si>
    <t>有馬１丁目公園</t>
  </si>
  <si>
    <t>022888</t>
  </si>
  <si>
    <t>中丸子第２公園</t>
  </si>
  <si>
    <t>022889</t>
  </si>
  <si>
    <t>塔の越里公園</t>
  </si>
  <si>
    <t>022890</t>
  </si>
  <si>
    <t>京町第５公園</t>
  </si>
  <si>
    <t>022891</t>
  </si>
  <si>
    <t>高石第３公園</t>
  </si>
  <si>
    <t>022892</t>
  </si>
  <si>
    <t>千年前田公園</t>
  </si>
  <si>
    <t>神奈川県川崎市高津区千年92</t>
  </si>
  <si>
    <t>雲梯</t>
  </si>
  <si>
    <t>022893</t>
  </si>
  <si>
    <t>末長向台公園</t>
  </si>
  <si>
    <t>022894</t>
  </si>
  <si>
    <t>木月大町公園</t>
  </si>
  <si>
    <t>022895</t>
  </si>
  <si>
    <t>末長久保台公園</t>
  </si>
  <si>
    <t>022896</t>
  </si>
  <si>
    <t>王禅寺源内谷東公園</t>
  </si>
  <si>
    <t>022897</t>
  </si>
  <si>
    <t>坂戸新田公園</t>
  </si>
  <si>
    <t>022898</t>
  </si>
  <si>
    <t>菅仙谷１丁目公園</t>
  </si>
  <si>
    <t>022899</t>
  </si>
  <si>
    <t>高石弥生公園</t>
  </si>
  <si>
    <t>022900</t>
  </si>
  <si>
    <t>下小田中上東公園</t>
  </si>
  <si>
    <t>022901</t>
  </si>
  <si>
    <t>片平２丁目北公園</t>
  </si>
  <si>
    <t>022902</t>
  </si>
  <si>
    <t>片平４丁目お山公園</t>
  </si>
  <si>
    <t>022903</t>
  </si>
  <si>
    <t>宿河原公園</t>
  </si>
  <si>
    <t>022904</t>
  </si>
  <si>
    <t>有馬けやき公園</t>
  </si>
  <si>
    <t>022905</t>
  </si>
  <si>
    <t>久末なかよし公園</t>
  </si>
  <si>
    <t>022906</t>
  </si>
  <si>
    <t>中野島二ヶ領公園</t>
  </si>
  <si>
    <t>022907</t>
  </si>
  <si>
    <t>東古市場第１公園</t>
  </si>
  <si>
    <t>神奈川県川崎市幸区東古市場83</t>
  </si>
  <si>
    <t>022908</t>
  </si>
  <si>
    <t>古市場南公園</t>
  </si>
  <si>
    <t>022909</t>
  </si>
  <si>
    <t>生田根岸第２公園</t>
  </si>
  <si>
    <t>022910</t>
  </si>
  <si>
    <t>多摩美台公園</t>
  </si>
  <si>
    <t>022911</t>
  </si>
  <si>
    <t>京町第４公園</t>
  </si>
  <si>
    <t>022912</t>
  </si>
  <si>
    <t>小向第２公園</t>
  </si>
  <si>
    <t>022913</t>
  </si>
  <si>
    <t>木月伊勢町公園</t>
  </si>
  <si>
    <t>022914</t>
  </si>
  <si>
    <t>餅坂第４公園</t>
  </si>
  <si>
    <t>022915</t>
  </si>
  <si>
    <t>高石６丁目南公園</t>
  </si>
  <si>
    <t>022916</t>
  </si>
  <si>
    <t>022917</t>
  </si>
  <si>
    <t>新作第４公園</t>
  </si>
  <si>
    <t>022918</t>
  </si>
  <si>
    <t>高石石神公園</t>
  </si>
  <si>
    <t>022919</t>
  </si>
  <si>
    <t>西長沢第３公園</t>
  </si>
  <si>
    <t>022920</t>
  </si>
  <si>
    <t>久本桃之園公園</t>
  </si>
  <si>
    <t>022921</t>
  </si>
  <si>
    <t>五所塚第２公園</t>
  </si>
  <si>
    <t>022922</t>
  </si>
  <si>
    <t>大陸天公園</t>
  </si>
  <si>
    <t>022923</t>
  </si>
  <si>
    <t>片平５丁目公園</t>
  </si>
  <si>
    <t>022924</t>
  </si>
  <si>
    <t>長沢こども公園</t>
  </si>
  <si>
    <t>022925</t>
  </si>
  <si>
    <t>022926</t>
  </si>
  <si>
    <t>百合丘第６公園</t>
  </si>
  <si>
    <t>022927</t>
  </si>
  <si>
    <t>神奈川県川崎市高津区千年新町21</t>
  </si>
  <si>
    <t>022928</t>
  </si>
  <si>
    <t>野川西蔵寺丸緑地</t>
  </si>
  <si>
    <t>022929</t>
  </si>
  <si>
    <t>菅第４公園</t>
  </si>
  <si>
    <t>022930</t>
  </si>
  <si>
    <t>野川北耕地公園</t>
  </si>
  <si>
    <t>022931</t>
  </si>
  <si>
    <t>岡上川井田公園</t>
  </si>
  <si>
    <t>022932</t>
  </si>
  <si>
    <t>南野川公園</t>
  </si>
  <si>
    <t>022933</t>
  </si>
  <si>
    <t>塚越あさひ公園</t>
  </si>
  <si>
    <t>022934</t>
  </si>
  <si>
    <t>野川南耕地なかよし公園</t>
  </si>
  <si>
    <t>022935</t>
  </si>
  <si>
    <t>王禅寺西第１公園</t>
  </si>
  <si>
    <t>022936</t>
  </si>
  <si>
    <t>多摩美こぶし公園</t>
  </si>
  <si>
    <t>022937</t>
  </si>
  <si>
    <t>井田なかよし公園</t>
  </si>
  <si>
    <t>022938</t>
  </si>
  <si>
    <t>下平間第２公園</t>
  </si>
  <si>
    <t>022939</t>
  </si>
  <si>
    <t>菅みずき公園</t>
  </si>
  <si>
    <t>022940</t>
  </si>
  <si>
    <t>022941</t>
  </si>
  <si>
    <t>塔ノ越公園</t>
  </si>
  <si>
    <t>022942</t>
  </si>
  <si>
    <t>野川西耕地公園</t>
  </si>
  <si>
    <t>022943</t>
  </si>
  <si>
    <t>下小田中つばき公園</t>
  </si>
  <si>
    <t>022944</t>
  </si>
  <si>
    <t>細山２丁目公園</t>
  </si>
  <si>
    <t>022945</t>
  </si>
  <si>
    <t>丸子通公園</t>
  </si>
  <si>
    <t>022946</t>
  </si>
  <si>
    <t>中丸子第１公園</t>
  </si>
  <si>
    <t>神奈川県川崎市中原区中丸子258</t>
  </si>
  <si>
    <t>022947</t>
  </si>
  <si>
    <t>有馬なかよし公園</t>
  </si>
  <si>
    <t>022948</t>
  </si>
  <si>
    <t>鷺沼第２公園</t>
  </si>
  <si>
    <t>022949</t>
  </si>
  <si>
    <t>宮崎桜の丘公園</t>
  </si>
  <si>
    <t>022950</t>
  </si>
  <si>
    <t>新作下耕地公園</t>
  </si>
  <si>
    <t>022951</t>
  </si>
  <si>
    <t>有馬東耕地公園</t>
  </si>
  <si>
    <t>022952</t>
  </si>
  <si>
    <t>王禅寺北第２公園</t>
  </si>
  <si>
    <t>022953</t>
  </si>
  <si>
    <t>菅生第３公園</t>
  </si>
  <si>
    <t>022954</t>
  </si>
  <si>
    <t>細山代官山公園</t>
  </si>
  <si>
    <t>022955</t>
  </si>
  <si>
    <t>宮前平こども公園</t>
  </si>
  <si>
    <t>022956</t>
  </si>
  <si>
    <t>戸手多摩川公園</t>
  </si>
  <si>
    <t>022957</t>
  </si>
  <si>
    <t>犬蔵２丁目公園</t>
  </si>
  <si>
    <t>022958</t>
  </si>
  <si>
    <t>上麻生南公園</t>
  </si>
  <si>
    <t>022959</t>
  </si>
  <si>
    <t>022960</t>
  </si>
  <si>
    <t>新作高ノ免公園</t>
  </si>
  <si>
    <t>022961</t>
  </si>
  <si>
    <t>久末ユーカリ公園</t>
  </si>
  <si>
    <t>022962</t>
  </si>
  <si>
    <t>新城第２公園</t>
  </si>
  <si>
    <t>022963</t>
  </si>
  <si>
    <t>上麻生公園</t>
  </si>
  <si>
    <t>022964</t>
  </si>
  <si>
    <t>蟹ヶ谷なかよし公園</t>
  </si>
  <si>
    <t>022965</t>
  </si>
  <si>
    <t>平緑地</t>
  </si>
  <si>
    <t>022966</t>
  </si>
  <si>
    <t>野川花ぞの公園</t>
  </si>
  <si>
    <t>022967</t>
  </si>
  <si>
    <t>平寺山公園</t>
  </si>
  <si>
    <t>022968</t>
  </si>
  <si>
    <t>下作延身代り公園</t>
  </si>
  <si>
    <t>022969</t>
  </si>
  <si>
    <t>若草第１公園</t>
  </si>
  <si>
    <t>022970</t>
  </si>
  <si>
    <t>王禅寺こども公園</t>
  </si>
  <si>
    <t>022971</t>
  </si>
  <si>
    <t>細山公園</t>
  </si>
  <si>
    <t>022972</t>
  </si>
  <si>
    <t>下平間公園</t>
  </si>
  <si>
    <t>022973</t>
  </si>
  <si>
    <t>菅なかよし公園</t>
  </si>
  <si>
    <t>022974</t>
  </si>
  <si>
    <t>平八幡公園</t>
  </si>
  <si>
    <t>022975</t>
  </si>
  <si>
    <t>塚越第２公園</t>
  </si>
  <si>
    <t>022976</t>
  </si>
  <si>
    <t>京町第３公園</t>
  </si>
  <si>
    <t>022977</t>
  </si>
  <si>
    <t>野川北公園</t>
  </si>
  <si>
    <t>022978</t>
  </si>
  <si>
    <t>京王菅公園</t>
  </si>
  <si>
    <t>022979</t>
  </si>
  <si>
    <t>王禅寺西第２公園</t>
  </si>
  <si>
    <t>022980</t>
  </si>
  <si>
    <t>日進町公園</t>
  </si>
  <si>
    <t>022981</t>
  </si>
  <si>
    <t>千年なかよし公園</t>
  </si>
  <si>
    <t>022982</t>
  </si>
  <si>
    <t>高石あかね公園</t>
  </si>
  <si>
    <t>022983</t>
  </si>
  <si>
    <t>向の岡公園</t>
  </si>
  <si>
    <t>022984</t>
  </si>
  <si>
    <t>末長公園</t>
  </si>
  <si>
    <t>022985</t>
  </si>
  <si>
    <t>井田中ノ町南公園</t>
  </si>
  <si>
    <t>022987</t>
  </si>
  <si>
    <t>土橋こども公園</t>
  </si>
  <si>
    <t>022988</t>
  </si>
  <si>
    <t>細山なかよし公園</t>
  </si>
  <si>
    <t>022989</t>
  </si>
  <si>
    <t>千代ヶ丘４丁目公園</t>
  </si>
  <si>
    <t>022990</t>
  </si>
  <si>
    <t>千代ヶ丘５丁目公園</t>
  </si>
  <si>
    <t>022991</t>
  </si>
  <si>
    <t>宿河原本村公園</t>
  </si>
  <si>
    <t>022992</t>
  </si>
  <si>
    <t>古川町さくら公園</t>
  </si>
  <si>
    <t>022993</t>
  </si>
  <si>
    <t>東有馬３丁目公園</t>
  </si>
  <si>
    <t>022994</t>
  </si>
  <si>
    <t>片平２丁目公園</t>
  </si>
  <si>
    <t>022995</t>
  </si>
  <si>
    <t>北加瀬原町公園</t>
  </si>
  <si>
    <t>022996</t>
  </si>
  <si>
    <t>生田山手公園</t>
  </si>
  <si>
    <t>022997</t>
  </si>
  <si>
    <t>宮崎四季の丘公園</t>
  </si>
  <si>
    <t>022998</t>
  </si>
  <si>
    <t>長沢公園</t>
  </si>
  <si>
    <t>022999</t>
  </si>
  <si>
    <t>023000</t>
  </si>
  <si>
    <t>昭和北公園</t>
  </si>
  <si>
    <t>023001</t>
  </si>
  <si>
    <t>小田川公園</t>
  </si>
  <si>
    <t>023002</t>
  </si>
  <si>
    <t>岡上第２公園</t>
  </si>
  <si>
    <t>023003</t>
  </si>
  <si>
    <t>土橋てんで山公園</t>
  </si>
  <si>
    <t>023004</t>
  </si>
  <si>
    <t>神木本町４丁目公園</t>
  </si>
  <si>
    <t>023005</t>
  </si>
  <si>
    <t>北加瀬北ノ根公園</t>
  </si>
  <si>
    <t>023006</t>
  </si>
  <si>
    <t>023007</t>
  </si>
  <si>
    <t>上作延第３公園</t>
  </si>
  <si>
    <t>023008</t>
  </si>
  <si>
    <t>馬絹寺台公園</t>
  </si>
  <si>
    <t>023009</t>
  </si>
  <si>
    <t>有馬不動公園</t>
  </si>
  <si>
    <t>023010</t>
  </si>
  <si>
    <t>土橋太田公園</t>
  </si>
  <si>
    <t>023011</t>
  </si>
  <si>
    <t>旭町１丁目公園</t>
  </si>
  <si>
    <t>023012</t>
  </si>
  <si>
    <t>有馬らいらっく公園</t>
  </si>
  <si>
    <t>023013</t>
  </si>
  <si>
    <t>菅生２丁目公園</t>
  </si>
  <si>
    <t>023014</t>
  </si>
  <si>
    <t>王禅寺大谷緑地</t>
  </si>
  <si>
    <t>023015</t>
  </si>
  <si>
    <t>長尾宮前公園</t>
  </si>
  <si>
    <t>023016</t>
  </si>
  <si>
    <t>南菅生こども公園</t>
  </si>
  <si>
    <t>023017</t>
  </si>
  <si>
    <t>南生田陽光公園</t>
  </si>
  <si>
    <t>023018</t>
  </si>
  <si>
    <t>堰堤公園</t>
  </si>
  <si>
    <t>023019</t>
  </si>
  <si>
    <t>菅公園</t>
  </si>
  <si>
    <t>023020</t>
  </si>
  <si>
    <t>塔ノ越南公園</t>
  </si>
  <si>
    <t>023021</t>
  </si>
  <si>
    <t>下作延南けやき公園</t>
  </si>
  <si>
    <t>023022</t>
  </si>
  <si>
    <t>久地不動緑道</t>
  </si>
  <si>
    <t>023023</t>
  </si>
  <si>
    <t>生田寒谷公園</t>
  </si>
  <si>
    <t>023024</t>
  </si>
  <si>
    <t>木月住吉北公園</t>
  </si>
  <si>
    <t>023025</t>
  </si>
  <si>
    <t>千代ヶ丘６丁目公園</t>
  </si>
  <si>
    <t>023026</t>
  </si>
  <si>
    <t>遠藤町公園</t>
  </si>
  <si>
    <t>023027</t>
  </si>
  <si>
    <t>初山第２公園</t>
  </si>
  <si>
    <t>023028</t>
  </si>
  <si>
    <t>久末後谷公園</t>
  </si>
  <si>
    <t>023029</t>
  </si>
  <si>
    <t>南生田７丁目緑地</t>
  </si>
  <si>
    <t>023030</t>
  </si>
  <si>
    <t>長尾元泉公園</t>
  </si>
  <si>
    <t>023031</t>
  </si>
  <si>
    <t>井田伊勢台公園</t>
  </si>
  <si>
    <t>023032</t>
  </si>
  <si>
    <t>京町南公園</t>
  </si>
  <si>
    <t>023033</t>
  </si>
  <si>
    <t>野川こぶし坂公園</t>
  </si>
  <si>
    <t>023034</t>
  </si>
  <si>
    <t>中瀬第２公園</t>
  </si>
  <si>
    <t>023035</t>
  </si>
  <si>
    <t>上平間公園</t>
  </si>
  <si>
    <t>023036</t>
  </si>
  <si>
    <t>夢見ふれあい公園</t>
  </si>
  <si>
    <t>023037</t>
  </si>
  <si>
    <t>小田栄公園</t>
  </si>
  <si>
    <t>023038</t>
  </si>
  <si>
    <t>宮内公園</t>
  </si>
  <si>
    <t>023039</t>
  </si>
  <si>
    <t>渡田山王町第２公園</t>
  </si>
  <si>
    <t>023040</t>
  </si>
  <si>
    <t>小田第２公園</t>
  </si>
  <si>
    <t>023041</t>
  </si>
  <si>
    <t>宮崎こうしん坂公園</t>
  </si>
  <si>
    <t>023042</t>
  </si>
  <si>
    <t>田島こども公園</t>
  </si>
  <si>
    <t>023043</t>
  </si>
  <si>
    <t>岡上開戸公園</t>
  </si>
  <si>
    <t>023044</t>
  </si>
  <si>
    <t>中瀬２丁目公園</t>
  </si>
  <si>
    <t>023045</t>
  </si>
  <si>
    <t>梶ヶ谷金山公園</t>
  </si>
  <si>
    <t>023046</t>
  </si>
  <si>
    <t>小向第６公園</t>
  </si>
  <si>
    <t>023047</t>
  </si>
  <si>
    <t>王禅寺北第７公園</t>
  </si>
  <si>
    <t>023048</t>
  </si>
  <si>
    <t>木月諏訪公園</t>
  </si>
  <si>
    <t>023049</t>
  </si>
  <si>
    <t>上作延公園</t>
  </si>
  <si>
    <t>023050</t>
  </si>
  <si>
    <t>井田中ノ町北公園</t>
  </si>
  <si>
    <t>023051</t>
  </si>
  <si>
    <t>末長姿見台公園</t>
  </si>
  <si>
    <t>023052</t>
  </si>
  <si>
    <t>菅第３公園</t>
  </si>
  <si>
    <t>023053</t>
  </si>
  <si>
    <t>生田大谷第１公園</t>
  </si>
  <si>
    <t>023054</t>
  </si>
  <si>
    <t>野川第１公園</t>
  </si>
  <si>
    <t>023055</t>
  </si>
  <si>
    <t>生田根岸第１公園</t>
  </si>
  <si>
    <t>023056</t>
  </si>
  <si>
    <t>南加瀬江川公園</t>
  </si>
  <si>
    <t>023057</t>
  </si>
  <si>
    <t>藤崎ゆりのき公園</t>
  </si>
  <si>
    <t>023058</t>
  </si>
  <si>
    <t>藤崎けやき公園</t>
  </si>
  <si>
    <t>023059</t>
  </si>
  <si>
    <t>南加瀬第１公園</t>
  </si>
  <si>
    <t>023060</t>
  </si>
  <si>
    <t>浅田なかよし公園</t>
  </si>
  <si>
    <t>023061</t>
  </si>
  <si>
    <t>古市場第７公園</t>
  </si>
  <si>
    <t>023062</t>
  </si>
  <si>
    <t>塚越ゆうひ公園</t>
  </si>
  <si>
    <t>023063</t>
  </si>
  <si>
    <t>長沢諏訪公園</t>
  </si>
  <si>
    <t>023064</t>
  </si>
  <si>
    <t>南生田４丁目公園</t>
  </si>
  <si>
    <t>023065</t>
  </si>
  <si>
    <t>生田土渕公園</t>
  </si>
  <si>
    <t>023066</t>
  </si>
  <si>
    <t>塚越４丁目公園</t>
  </si>
  <si>
    <t>023067</t>
  </si>
  <si>
    <t>木月八幡公園</t>
  </si>
  <si>
    <t>023068</t>
  </si>
  <si>
    <t>小杉陣屋町中公園</t>
  </si>
  <si>
    <t>023069</t>
  </si>
  <si>
    <t>宿河原わんぱく公園</t>
  </si>
  <si>
    <t>023070</t>
  </si>
  <si>
    <t>小倉かつら公園</t>
  </si>
  <si>
    <t>023071</t>
  </si>
  <si>
    <t>登戸台和公園</t>
  </si>
  <si>
    <t>神奈川県川崎市多摩区登戸616</t>
  </si>
  <si>
    <t>023072</t>
  </si>
  <si>
    <t>下布田公園</t>
  </si>
  <si>
    <t>023073</t>
  </si>
  <si>
    <t>観音町第２公園</t>
  </si>
  <si>
    <t>023074</t>
  </si>
  <si>
    <t>神木本町緑地</t>
  </si>
  <si>
    <t>023075</t>
  </si>
  <si>
    <t>小田第１公園</t>
  </si>
  <si>
    <t>023076</t>
  </si>
  <si>
    <t>高石公園</t>
  </si>
  <si>
    <t>023077</t>
  </si>
  <si>
    <t>蔵敷第３公園</t>
  </si>
  <si>
    <t>023078</t>
  </si>
  <si>
    <t>京町第２公園</t>
  </si>
  <si>
    <t>023079</t>
  </si>
  <si>
    <t>小杉陣屋町公園</t>
  </si>
  <si>
    <t>023080</t>
  </si>
  <si>
    <t>町田堀ふれあい公園</t>
  </si>
  <si>
    <t>023081</t>
  </si>
  <si>
    <t>馬絹第２公園</t>
  </si>
  <si>
    <t>023082</t>
  </si>
  <si>
    <t>中野島第４公園</t>
  </si>
  <si>
    <t>023083</t>
  </si>
  <si>
    <t>野川第５公園</t>
  </si>
  <si>
    <t>023084</t>
  </si>
  <si>
    <t>日ノ出公園</t>
  </si>
  <si>
    <t>023085</t>
  </si>
  <si>
    <t>下並木公園</t>
  </si>
  <si>
    <t>023086</t>
  </si>
  <si>
    <t>上作延第２公園</t>
  </si>
  <si>
    <t>神奈川県川崎市高津区上作延462</t>
  </si>
  <si>
    <t>023087</t>
  </si>
  <si>
    <t>菅天宿公園</t>
  </si>
  <si>
    <t>023088</t>
  </si>
  <si>
    <t>初山公園</t>
  </si>
  <si>
    <t>023089</t>
  </si>
  <si>
    <t>井田杉山町北公園</t>
  </si>
  <si>
    <t>023090</t>
  </si>
  <si>
    <t>三田第６公園</t>
  </si>
  <si>
    <t>023091</t>
  </si>
  <si>
    <t>新作公園</t>
  </si>
  <si>
    <t>023092</t>
  </si>
  <si>
    <t>小島新田緑道</t>
  </si>
  <si>
    <t>023093</t>
  </si>
  <si>
    <t>久末大谷公園</t>
  </si>
  <si>
    <t>023094</t>
  </si>
  <si>
    <t>津田山第２公園</t>
  </si>
  <si>
    <t>023095</t>
  </si>
  <si>
    <t>王禅寺北第６公園</t>
  </si>
  <si>
    <t>023096</t>
  </si>
  <si>
    <t>野川南台第1公園</t>
  </si>
  <si>
    <t>023097</t>
  </si>
  <si>
    <t>もみじが丘公園</t>
  </si>
  <si>
    <t>023098</t>
  </si>
  <si>
    <t>王禅寺北第４公園</t>
  </si>
  <si>
    <t>023099</t>
  </si>
  <si>
    <t>溝口公園</t>
  </si>
  <si>
    <t>023100</t>
  </si>
  <si>
    <t>美山台中公園</t>
  </si>
  <si>
    <t>023101</t>
  </si>
  <si>
    <t>浅田町公園</t>
  </si>
  <si>
    <t>023102</t>
  </si>
  <si>
    <t>下新城３丁目公園</t>
  </si>
  <si>
    <t>023103</t>
  </si>
  <si>
    <t>小向第４公園</t>
  </si>
  <si>
    <t>023104</t>
  </si>
  <si>
    <t>京町緑道</t>
  </si>
  <si>
    <t>023105</t>
  </si>
  <si>
    <t>下作延かつら公園</t>
  </si>
  <si>
    <t>023106</t>
  </si>
  <si>
    <t>王禅寺中第３公園</t>
  </si>
  <si>
    <t>023107</t>
  </si>
  <si>
    <t>今井公園</t>
  </si>
  <si>
    <t>023108</t>
  </si>
  <si>
    <t>金程西平公園</t>
  </si>
  <si>
    <t>023109</t>
  </si>
  <si>
    <t>千代ヶ丘中ノ間公園</t>
  </si>
  <si>
    <t>023110</t>
  </si>
  <si>
    <t>千代ヶ丘中ノ間東公園</t>
  </si>
  <si>
    <t>023111</t>
  </si>
  <si>
    <t>向原公園</t>
  </si>
  <si>
    <t>023112</t>
  </si>
  <si>
    <t>023113</t>
  </si>
  <si>
    <t>生田２丁目公園</t>
  </si>
  <si>
    <t>023114</t>
  </si>
  <si>
    <t>池の端公園</t>
  </si>
  <si>
    <t>023115</t>
  </si>
  <si>
    <t>有馬かえで公園</t>
  </si>
  <si>
    <t>023116</t>
  </si>
  <si>
    <t>023117</t>
  </si>
  <si>
    <t>王禅寺中第４公園</t>
  </si>
  <si>
    <t>023118</t>
  </si>
  <si>
    <t>金程夕木公園</t>
  </si>
  <si>
    <t>023119</t>
  </si>
  <si>
    <t>王禅寺北第１公園</t>
  </si>
  <si>
    <t>023120</t>
  </si>
  <si>
    <t>天飛公園</t>
  </si>
  <si>
    <t>023121</t>
  </si>
  <si>
    <t>東町公園</t>
  </si>
  <si>
    <t>023122</t>
  </si>
  <si>
    <t>023123</t>
  </si>
  <si>
    <t>王禅寺さくら公園</t>
  </si>
  <si>
    <t>023124</t>
  </si>
  <si>
    <t>上小田中第４公園</t>
  </si>
  <si>
    <t>023125</t>
  </si>
  <si>
    <t>藤崎第６公園</t>
  </si>
  <si>
    <t>023126</t>
  </si>
  <si>
    <t>王禅寺中第２公園</t>
  </si>
  <si>
    <t>023127</t>
  </si>
  <si>
    <t>王禅寺中第１公園</t>
  </si>
  <si>
    <t>023128</t>
  </si>
  <si>
    <t>神木高根公園</t>
  </si>
  <si>
    <t>023129</t>
  </si>
  <si>
    <t>下麻生けやき公園</t>
  </si>
  <si>
    <t>023130</t>
  </si>
  <si>
    <t>細山東公園</t>
  </si>
  <si>
    <t>023131</t>
  </si>
  <si>
    <t>塚越沼ノ上公園</t>
  </si>
  <si>
    <t>023132</t>
  </si>
  <si>
    <t>有馬２丁目公園</t>
  </si>
  <si>
    <t>023133</t>
  </si>
  <si>
    <t>東小倉公園</t>
  </si>
  <si>
    <t>023134</t>
  </si>
  <si>
    <t>南加瀬けやき公園</t>
  </si>
  <si>
    <t>023135</t>
  </si>
  <si>
    <t>久末第３公園</t>
  </si>
  <si>
    <t>023136</t>
  </si>
  <si>
    <t>久末丸山緑地</t>
  </si>
  <si>
    <t>023137</t>
  </si>
  <si>
    <t>堀川町公園</t>
  </si>
  <si>
    <t>023138</t>
  </si>
  <si>
    <t>023139</t>
  </si>
  <si>
    <t>高石６丁目公園</t>
  </si>
  <si>
    <t>023140</t>
  </si>
  <si>
    <t>宮崎おちば公園</t>
  </si>
  <si>
    <t>023141</t>
  </si>
  <si>
    <t>餅坂第３公園</t>
  </si>
  <si>
    <t>023142</t>
  </si>
  <si>
    <t>新城公園</t>
  </si>
  <si>
    <t>023143</t>
  </si>
  <si>
    <t>金程前田公園</t>
  </si>
  <si>
    <t>023144</t>
  </si>
  <si>
    <t>蔵敷第２公園</t>
  </si>
  <si>
    <t>023145</t>
  </si>
  <si>
    <t>王禅寺西公園</t>
  </si>
  <si>
    <t>023146</t>
  </si>
  <si>
    <t>高山さくら公園</t>
  </si>
  <si>
    <t>023147</t>
  </si>
  <si>
    <t>王禅寺源内谷公園</t>
  </si>
  <si>
    <t>023148</t>
  </si>
  <si>
    <t>023149</t>
  </si>
  <si>
    <t>京町ももたろう公園</t>
  </si>
  <si>
    <t>023150</t>
  </si>
  <si>
    <t>久末公園</t>
  </si>
  <si>
    <t>神奈川県川崎市高津区久末311</t>
  </si>
  <si>
    <t>023151</t>
  </si>
  <si>
    <t>久末道下公園</t>
  </si>
  <si>
    <t>023152</t>
  </si>
  <si>
    <t>向原弥生公園</t>
  </si>
  <si>
    <t>023153</t>
  </si>
  <si>
    <t>明石穂緑地</t>
  </si>
  <si>
    <t>023154</t>
  </si>
  <si>
    <t>野川南台公園</t>
  </si>
  <si>
    <t>023155</t>
  </si>
  <si>
    <t>木月公園</t>
  </si>
  <si>
    <t>023156</t>
  </si>
  <si>
    <t>久本公園</t>
  </si>
  <si>
    <t>023157</t>
  </si>
  <si>
    <t>上小田中南公園</t>
  </si>
  <si>
    <t>023158</t>
  </si>
  <si>
    <t>王禅寺北第５公園</t>
  </si>
  <si>
    <t>023159</t>
  </si>
  <si>
    <t>今井さくら公園</t>
  </si>
  <si>
    <t>023160</t>
  </si>
  <si>
    <t>鷲ヶ峰公園</t>
  </si>
  <si>
    <t>023161</t>
  </si>
  <si>
    <t>上麻生北第２公園</t>
  </si>
  <si>
    <t>023162</t>
  </si>
  <si>
    <t>百合丘１丁目公園</t>
  </si>
  <si>
    <t>023163</t>
  </si>
  <si>
    <t>南平台公園</t>
  </si>
  <si>
    <t>023164</t>
  </si>
  <si>
    <t>上小田中第２公園</t>
  </si>
  <si>
    <t>023165</t>
  </si>
  <si>
    <t>浜川崎公園</t>
  </si>
  <si>
    <t>023166</t>
  </si>
  <si>
    <t>向ヶ丘東公園</t>
  </si>
  <si>
    <t>023167</t>
  </si>
  <si>
    <t>長尾第３公園</t>
  </si>
  <si>
    <t>023168</t>
  </si>
  <si>
    <t>木月下町公園</t>
  </si>
  <si>
    <t>023169</t>
  </si>
  <si>
    <t>新作第３公園</t>
  </si>
  <si>
    <t>023170</t>
  </si>
  <si>
    <t>生田北大作公園</t>
  </si>
  <si>
    <t>023171</t>
  </si>
  <si>
    <t>古市場第４公園</t>
  </si>
  <si>
    <t>023172</t>
  </si>
  <si>
    <t>戸手町公園</t>
  </si>
  <si>
    <t>023173</t>
  </si>
  <si>
    <t>京町公園</t>
  </si>
  <si>
    <t>023174</t>
  </si>
  <si>
    <t>井田杉山町公園</t>
  </si>
  <si>
    <t>023175</t>
  </si>
  <si>
    <t>餅坂第５公園</t>
  </si>
  <si>
    <t>023176</t>
  </si>
  <si>
    <t>馬絹古墳公園</t>
  </si>
  <si>
    <t>023177</t>
  </si>
  <si>
    <t>四谷上町けやき公園</t>
  </si>
  <si>
    <t>023178</t>
  </si>
  <si>
    <t>下小田中公園</t>
  </si>
  <si>
    <t>023179</t>
  </si>
  <si>
    <t>久末表耕地公園</t>
  </si>
  <si>
    <t>023180</t>
  </si>
  <si>
    <t>菅生清水公園</t>
  </si>
  <si>
    <t>023181</t>
  </si>
  <si>
    <t>塚越公園</t>
  </si>
  <si>
    <t>023182</t>
  </si>
  <si>
    <t>久本薬医門公園</t>
  </si>
  <si>
    <t>023183</t>
  </si>
  <si>
    <t>久末ひなた山緑地</t>
  </si>
  <si>
    <t>023184</t>
  </si>
  <si>
    <t>南黒川緑地</t>
  </si>
  <si>
    <t>023185</t>
  </si>
  <si>
    <t>細山中島第２公園</t>
  </si>
  <si>
    <t>023186</t>
  </si>
  <si>
    <t>生田根岸跨線橋下公園</t>
  </si>
  <si>
    <t>023187</t>
  </si>
  <si>
    <t>宮前平第４公園</t>
  </si>
  <si>
    <t>023188</t>
  </si>
  <si>
    <t>023189</t>
  </si>
  <si>
    <t>023190</t>
  </si>
  <si>
    <t>南生田２丁目公園</t>
  </si>
  <si>
    <t>023191</t>
  </si>
  <si>
    <t>野川南公園</t>
  </si>
  <si>
    <t>023192</t>
  </si>
  <si>
    <t>王禅寺源左ェ門谷公園</t>
  </si>
  <si>
    <t>023193</t>
  </si>
  <si>
    <t>023194</t>
  </si>
  <si>
    <t>南平台なかよし公園</t>
  </si>
  <si>
    <t>023195</t>
  </si>
  <si>
    <t>白鳥小台公園</t>
  </si>
  <si>
    <t>023196</t>
  </si>
  <si>
    <t>大師西町公園</t>
  </si>
  <si>
    <t>023197</t>
  </si>
  <si>
    <t>下麻生ねむの木公園</t>
  </si>
  <si>
    <t>023198</t>
  </si>
  <si>
    <t>下小田中３丁目公園</t>
  </si>
  <si>
    <t>023199</t>
  </si>
  <si>
    <t>蟹ヶ谷のぞみの丘公園</t>
  </si>
  <si>
    <t>023200</t>
  </si>
  <si>
    <t>生田雁俣谷公園</t>
  </si>
  <si>
    <t>023201</t>
  </si>
  <si>
    <t>小向第５公園</t>
  </si>
  <si>
    <t>023202</t>
  </si>
  <si>
    <t>池田町公園</t>
  </si>
  <si>
    <t>023203</t>
  </si>
  <si>
    <t>小向第７公園</t>
  </si>
  <si>
    <t>023204</t>
  </si>
  <si>
    <t>市ノ坪中村通公園</t>
  </si>
  <si>
    <t>023205</t>
  </si>
  <si>
    <t>栗木台山家公園</t>
  </si>
  <si>
    <t>023206</t>
  </si>
  <si>
    <t>野川第２公園</t>
  </si>
  <si>
    <t>023207</t>
  </si>
  <si>
    <t>中瀬緑地</t>
  </si>
  <si>
    <t>023208</t>
  </si>
  <si>
    <t>鷲ヶ峰ゆりの木公園</t>
  </si>
  <si>
    <t>023209</t>
  </si>
  <si>
    <t>戸手第１公園</t>
  </si>
  <si>
    <t>023210</t>
  </si>
  <si>
    <t>鋼管通５丁目緑地</t>
  </si>
  <si>
    <t>023211</t>
  </si>
  <si>
    <t>岡上けやき公園</t>
  </si>
  <si>
    <t>023212</t>
  </si>
  <si>
    <t>菅小谷公園</t>
  </si>
  <si>
    <t>023213</t>
  </si>
  <si>
    <t>小台東公園</t>
  </si>
  <si>
    <t>023214</t>
  </si>
  <si>
    <t>古市場第１公園</t>
  </si>
  <si>
    <t>023215</t>
  </si>
  <si>
    <t>百合丘第４公園</t>
  </si>
  <si>
    <t>023216</t>
  </si>
  <si>
    <t>登戸第１公園</t>
  </si>
  <si>
    <t>023217</t>
  </si>
  <si>
    <t>南生田３丁目公園</t>
  </si>
  <si>
    <t>023218</t>
  </si>
  <si>
    <t>百合丘第５公園</t>
  </si>
  <si>
    <t>023219</t>
  </si>
  <si>
    <t>塩浜橋公園</t>
  </si>
  <si>
    <t>023220</t>
  </si>
  <si>
    <t>鷺沼第３公園</t>
  </si>
  <si>
    <t>023221</t>
  </si>
  <si>
    <t>生田中谷第１公園</t>
  </si>
  <si>
    <t>023222</t>
  </si>
  <si>
    <t>高石富士見台緑地</t>
  </si>
  <si>
    <t>023223</t>
  </si>
  <si>
    <t>五力田大台公園</t>
  </si>
  <si>
    <t>023224</t>
  </si>
  <si>
    <t>中島公園</t>
  </si>
  <si>
    <t>023225</t>
  </si>
  <si>
    <t>高石４丁目公園</t>
  </si>
  <si>
    <t>023226</t>
  </si>
  <si>
    <t>大島第２公園</t>
  </si>
  <si>
    <t>023227</t>
  </si>
  <si>
    <t>上小田中北公園</t>
  </si>
  <si>
    <t>023228</t>
  </si>
  <si>
    <t>菅芝間こども公園</t>
  </si>
  <si>
    <t>023229</t>
  </si>
  <si>
    <t>井田こもれび公園</t>
  </si>
  <si>
    <t>023230</t>
  </si>
  <si>
    <t>向町公園</t>
  </si>
  <si>
    <t>023231</t>
  </si>
  <si>
    <t>真福寺公園</t>
  </si>
  <si>
    <t>023232</t>
  </si>
  <si>
    <t>下沼部公園</t>
  </si>
  <si>
    <t>023233</t>
  </si>
  <si>
    <t>末長けやき公園</t>
  </si>
  <si>
    <t>023234</t>
  </si>
  <si>
    <t>久地ふれあい公園</t>
  </si>
  <si>
    <t>023235</t>
  </si>
  <si>
    <t>南小田公園</t>
  </si>
  <si>
    <t>023236</t>
  </si>
  <si>
    <t>南生田桜陰公園</t>
  </si>
  <si>
    <t>023237</t>
  </si>
  <si>
    <t>藤崎つつじ公園</t>
  </si>
  <si>
    <t>023238</t>
  </si>
  <si>
    <t>栗木おおしばら公園</t>
  </si>
  <si>
    <t>023239</t>
  </si>
  <si>
    <t>五力田中村通公園</t>
  </si>
  <si>
    <t>023240</t>
  </si>
  <si>
    <t>山口台公園</t>
  </si>
  <si>
    <t>023241</t>
  </si>
  <si>
    <t>末長西公園</t>
  </si>
  <si>
    <t>023242</t>
  </si>
  <si>
    <t>扇町緑地</t>
  </si>
  <si>
    <t>023243</t>
  </si>
  <si>
    <t>出来野第１公園</t>
  </si>
  <si>
    <t>023244</t>
  </si>
  <si>
    <t>北加瀬熊野台公園</t>
  </si>
  <si>
    <t>023245</t>
  </si>
  <si>
    <t>上作延農住公園</t>
  </si>
  <si>
    <t>神奈川県川崎市高津区上作延937</t>
  </si>
  <si>
    <t>023246</t>
  </si>
  <si>
    <t>下野毛２丁目公園</t>
  </si>
  <si>
    <t>023247</t>
  </si>
  <si>
    <t>上作延第４公園</t>
  </si>
  <si>
    <t>023248</t>
  </si>
  <si>
    <t>末長中町公園</t>
  </si>
  <si>
    <t>023249</t>
  </si>
  <si>
    <t>023250</t>
  </si>
  <si>
    <t>野川公園</t>
  </si>
  <si>
    <t>023251</t>
  </si>
  <si>
    <t>白鳥諏訪公園</t>
  </si>
  <si>
    <t>023252</t>
  </si>
  <si>
    <t>渡田山王町公園</t>
  </si>
  <si>
    <t>023253</t>
  </si>
  <si>
    <t>神奈川県川崎市幸区小倉5､南加瀬5地内</t>
  </si>
  <si>
    <t>023254</t>
  </si>
  <si>
    <t>高石５丁目公園</t>
  </si>
  <si>
    <t>023255</t>
  </si>
  <si>
    <t>北加瀬第１公園</t>
  </si>
  <si>
    <t>023256</t>
  </si>
  <si>
    <t>栗平東公園</t>
  </si>
  <si>
    <t>023257</t>
  </si>
  <si>
    <t>小倉下町公園</t>
  </si>
  <si>
    <t>023258</t>
  </si>
  <si>
    <t>五所塚第１公園</t>
  </si>
  <si>
    <t>023259</t>
  </si>
  <si>
    <t>東名堰公園</t>
  </si>
  <si>
    <t>023260</t>
  </si>
  <si>
    <t>溝口南公園</t>
  </si>
  <si>
    <t>023261</t>
  </si>
  <si>
    <t>古市場第３公園</t>
  </si>
  <si>
    <t>023262</t>
  </si>
  <si>
    <t>中野島石河原公園</t>
  </si>
  <si>
    <t>023263</t>
  </si>
  <si>
    <t>幸町公園</t>
  </si>
  <si>
    <t>023264</t>
  </si>
  <si>
    <t>野川中耕地公園</t>
  </si>
  <si>
    <t>023265</t>
  </si>
  <si>
    <t>023266</t>
  </si>
  <si>
    <t>宮崎第２公園</t>
  </si>
  <si>
    <t>023267</t>
  </si>
  <si>
    <t>木月住吉南公園</t>
  </si>
  <si>
    <t>023268</t>
  </si>
  <si>
    <t>殿町第１公園</t>
  </si>
  <si>
    <t>023269</t>
  </si>
  <si>
    <t>諏訪公園</t>
  </si>
  <si>
    <t>023270</t>
  </si>
  <si>
    <t>023271</t>
  </si>
  <si>
    <t>下平間稲荷公園</t>
  </si>
  <si>
    <t>023272</t>
  </si>
  <si>
    <t>中瀬公園</t>
  </si>
  <si>
    <t>023273</t>
  </si>
  <si>
    <t>旭町公園</t>
  </si>
  <si>
    <t>023274</t>
  </si>
  <si>
    <t>久地の里公園</t>
  </si>
  <si>
    <t>023275</t>
  </si>
  <si>
    <t>白鳥東公園</t>
  </si>
  <si>
    <t>023276</t>
  </si>
  <si>
    <t>023277</t>
  </si>
  <si>
    <t>023278</t>
  </si>
  <si>
    <t>渡田第２公園</t>
  </si>
  <si>
    <t>023279</t>
  </si>
  <si>
    <t>久末つつじ公園</t>
  </si>
  <si>
    <t>023280</t>
  </si>
  <si>
    <t>王禅寺北第３公園</t>
  </si>
  <si>
    <t>023281</t>
  </si>
  <si>
    <t>栗木台すげ沢公園</t>
  </si>
  <si>
    <t>023282</t>
  </si>
  <si>
    <t>二子坂戸緑道</t>
  </si>
  <si>
    <t>023283</t>
  </si>
  <si>
    <t>下作延北ノ谷公園</t>
  </si>
  <si>
    <t>023284</t>
  </si>
  <si>
    <t>千年中央公園</t>
  </si>
  <si>
    <t>神奈川県川崎市高津区千年797</t>
  </si>
  <si>
    <t>023285</t>
  </si>
  <si>
    <t>古市場第５公園</t>
  </si>
  <si>
    <t>023286</t>
  </si>
  <si>
    <t>浜町公園</t>
  </si>
  <si>
    <t>023287</t>
  </si>
  <si>
    <t>犬蔵くすのき公園</t>
  </si>
  <si>
    <t>023288</t>
  </si>
  <si>
    <t>北谷町緑道</t>
  </si>
  <si>
    <t>023289</t>
  </si>
  <si>
    <t>観音町公園</t>
  </si>
  <si>
    <t>023290</t>
  </si>
  <si>
    <t>下麻生花島公園</t>
  </si>
  <si>
    <t>023291</t>
  </si>
  <si>
    <t>坂戸公園</t>
  </si>
  <si>
    <t>023292</t>
  </si>
  <si>
    <t>浅野町緑地</t>
  </si>
  <si>
    <t>023293</t>
  </si>
  <si>
    <t>大島第６公園</t>
  </si>
  <si>
    <t>023294</t>
  </si>
  <si>
    <t>南加瀬五反公園</t>
  </si>
  <si>
    <t>023295</t>
  </si>
  <si>
    <t>下作延第２公園</t>
  </si>
  <si>
    <t>023296</t>
  </si>
  <si>
    <t>神奈川県川崎市幸区柳町42</t>
  </si>
  <si>
    <t>023297</t>
  </si>
  <si>
    <t>王禅寺すぎのき緑地</t>
  </si>
  <si>
    <t>023298</t>
  </si>
  <si>
    <t>向原南緑地</t>
  </si>
  <si>
    <t>023299</t>
  </si>
  <si>
    <t>東門前公園</t>
  </si>
  <si>
    <t>023300</t>
  </si>
  <si>
    <t>末長東公園</t>
  </si>
  <si>
    <t>023301</t>
  </si>
  <si>
    <t>新町公園</t>
  </si>
  <si>
    <t>023302</t>
  </si>
  <si>
    <t>田町ふれあい公園</t>
  </si>
  <si>
    <t>023303</t>
  </si>
  <si>
    <t>023304</t>
  </si>
  <si>
    <t>小杉御殿町公園</t>
  </si>
  <si>
    <t>023305</t>
  </si>
  <si>
    <t>東名宿河原公園</t>
  </si>
  <si>
    <t>023306</t>
  </si>
  <si>
    <t>千代ヶ丘公園</t>
  </si>
  <si>
    <t>023307</t>
  </si>
  <si>
    <t>四谷上町公園</t>
  </si>
  <si>
    <t>023308</t>
  </si>
  <si>
    <t>高石さくら公園</t>
  </si>
  <si>
    <t>023309</t>
  </si>
  <si>
    <t>千年新町公園</t>
  </si>
  <si>
    <t>神奈川県川崎市高津区千年新町53</t>
  </si>
  <si>
    <t>023310</t>
  </si>
  <si>
    <t>023311</t>
  </si>
  <si>
    <t>菅生第４公園</t>
  </si>
  <si>
    <t>023312</t>
  </si>
  <si>
    <t>大島第３公園</t>
  </si>
  <si>
    <t>023313</t>
  </si>
  <si>
    <t>日進町中央公園</t>
  </si>
  <si>
    <t>023314</t>
  </si>
  <si>
    <t>023315</t>
  </si>
  <si>
    <t>小杉御殿町２丁目公園</t>
  </si>
  <si>
    <t>023316</t>
  </si>
  <si>
    <t>古市場東公園</t>
  </si>
  <si>
    <t>023317</t>
  </si>
  <si>
    <t>溝口緑地</t>
  </si>
  <si>
    <t>023318</t>
  </si>
  <si>
    <t>小田緑地</t>
  </si>
  <si>
    <t>023319</t>
  </si>
  <si>
    <t>向原弁天公園</t>
  </si>
  <si>
    <t>023320</t>
  </si>
  <si>
    <t>東渡田第２公園</t>
  </si>
  <si>
    <t>023321</t>
  </si>
  <si>
    <t>王禅寺源内谷南公園</t>
  </si>
  <si>
    <t>023322</t>
  </si>
  <si>
    <t>末長高之面公園</t>
  </si>
  <si>
    <t>023323</t>
  </si>
  <si>
    <t>東名宿河原６丁目公園</t>
  </si>
  <si>
    <t>023324</t>
  </si>
  <si>
    <t>小田栄２丁目公園</t>
  </si>
  <si>
    <t>023325</t>
  </si>
  <si>
    <t>菅芝間公園</t>
  </si>
  <si>
    <t>023326</t>
  </si>
  <si>
    <t>南加瀬辻公園</t>
  </si>
  <si>
    <t>023327</t>
  </si>
  <si>
    <t>登戸第２公園</t>
  </si>
  <si>
    <t>023328</t>
  </si>
  <si>
    <t>細山８丁目公園</t>
  </si>
  <si>
    <t>023329</t>
  </si>
  <si>
    <t>稲毛公園</t>
  </si>
  <si>
    <t>023330</t>
  </si>
  <si>
    <t>新ゆりアートパークス</t>
  </si>
  <si>
    <t>023331</t>
  </si>
  <si>
    <t>桜本公園</t>
  </si>
  <si>
    <t>023332</t>
  </si>
  <si>
    <t>023333</t>
  </si>
  <si>
    <t>白幡台第１公園</t>
  </si>
  <si>
    <t>023334</t>
  </si>
  <si>
    <t>023335</t>
  </si>
  <si>
    <t>伊勢町第２公園</t>
  </si>
  <si>
    <t>023336</t>
  </si>
  <si>
    <t>古市場第２公園</t>
  </si>
  <si>
    <t>023337</t>
  </si>
  <si>
    <t>片平中町遺跡公園</t>
  </si>
  <si>
    <t>023338</t>
  </si>
  <si>
    <t>鋼管通第１公園</t>
  </si>
  <si>
    <t>023339</t>
  </si>
  <si>
    <t>大島第４公園</t>
  </si>
  <si>
    <t>023340</t>
  </si>
  <si>
    <t>南黒川第２公園</t>
  </si>
  <si>
    <t>023341</t>
  </si>
  <si>
    <t>野川東公園</t>
  </si>
  <si>
    <t>023342</t>
  </si>
  <si>
    <t>川中島公園</t>
  </si>
  <si>
    <t>023343</t>
  </si>
  <si>
    <t>三田第３公園</t>
  </si>
  <si>
    <t>023344</t>
  </si>
  <si>
    <t>池上新町緑道</t>
  </si>
  <si>
    <t>023345</t>
  </si>
  <si>
    <t>古市場公園</t>
  </si>
  <si>
    <t>神奈川県川崎市幸区東古市場116</t>
  </si>
  <si>
    <t>023346</t>
  </si>
  <si>
    <t>丸山こもれび公園</t>
  </si>
  <si>
    <t>023347</t>
  </si>
  <si>
    <t>東名長尾７丁目公園</t>
  </si>
  <si>
    <t>023348</t>
  </si>
  <si>
    <t>野川第３公園</t>
  </si>
  <si>
    <t>023349</t>
  </si>
  <si>
    <t>王禅寺中公園</t>
  </si>
  <si>
    <t>023350</t>
  </si>
  <si>
    <t>中丸子南緑道</t>
  </si>
  <si>
    <t>神奈川県川崎市中原区中丸子地内</t>
  </si>
  <si>
    <t>023351</t>
  </si>
  <si>
    <t>藤崎第２公園</t>
  </si>
  <si>
    <t>023352</t>
  </si>
  <si>
    <t>大島第１公園</t>
  </si>
  <si>
    <t>023353</t>
  </si>
  <si>
    <t>藤崎第４公園</t>
  </si>
  <si>
    <t>023354</t>
  </si>
  <si>
    <t>中野島中央公園</t>
  </si>
  <si>
    <t>023355</t>
  </si>
  <si>
    <t>023356</t>
  </si>
  <si>
    <t>海道ひだまり公園</t>
  </si>
  <si>
    <t>023357</t>
  </si>
  <si>
    <t>023358</t>
  </si>
  <si>
    <t>王禅寺どんぐり山緑地</t>
  </si>
  <si>
    <t>023359</t>
  </si>
  <si>
    <t>平間緑道</t>
  </si>
  <si>
    <t>神奈川県川崎市中原区上平間地内</t>
  </si>
  <si>
    <t>023360</t>
  </si>
  <si>
    <t>鷲ヶ峰子供の里公園</t>
  </si>
  <si>
    <t>023361</t>
  </si>
  <si>
    <t>大師河原１丁目公園</t>
  </si>
  <si>
    <t>023362</t>
  </si>
  <si>
    <t>金程後谷緑地</t>
  </si>
  <si>
    <t>023363</t>
  </si>
  <si>
    <t>東小田公園</t>
  </si>
  <si>
    <t>023364</t>
  </si>
  <si>
    <t>中野島中河原公園</t>
  </si>
  <si>
    <t>023365</t>
  </si>
  <si>
    <t>みなみだいら公園</t>
  </si>
  <si>
    <t>023366</t>
  </si>
  <si>
    <t>万福寺もりの丘公園</t>
  </si>
  <si>
    <t>023367</t>
  </si>
  <si>
    <t>有馬梅林公園</t>
  </si>
  <si>
    <t>023368</t>
  </si>
  <si>
    <t>023369</t>
  </si>
  <si>
    <t>鷺沼第１公園</t>
  </si>
  <si>
    <t>023370</t>
  </si>
  <si>
    <t>023371</t>
  </si>
  <si>
    <t>平４丁目公園</t>
  </si>
  <si>
    <t>023372</t>
  </si>
  <si>
    <t>柳町いろどり公園</t>
  </si>
  <si>
    <t>023373</t>
  </si>
  <si>
    <t>小台西公園</t>
  </si>
  <si>
    <t>023374</t>
  </si>
  <si>
    <t>中丸子まるっこ公園</t>
  </si>
  <si>
    <t>023375</t>
  </si>
  <si>
    <t>小島町緑地</t>
  </si>
  <si>
    <t>023376</t>
  </si>
  <si>
    <t>023377</t>
  </si>
  <si>
    <t>上小田中西公園</t>
  </si>
  <si>
    <t>023378</t>
  </si>
  <si>
    <t>津田山第３公園</t>
  </si>
  <si>
    <t>023379</t>
  </si>
  <si>
    <t>久末城法谷公園</t>
  </si>
  <si>
    <t>023380</t>
  </si>
  <si>
    <t>中丸子公園</t>
  </si>
  <si>
    <t>023381</t>
  </si>
  <si>
    <t>向原の丘公園</t>
  </si>
  <si>
    <t>023382</t>
  </si>
  <si>
    <t>野川中公園</t>
  </si>
  <si>
    <t>023383</t>
  </si>
  <si>
    <t>冥加公園</t>
  </si>
  <si>
    <t>023384</t>
  </si>
  <si>
    <t>寺尾台第２公園</t>
  </si>
  <si>
    <t>023385</t>
  </si>
  <si>
    <t>大島第５公園</t>
  </si>
  <si>
    <t>023386</t>
  </si>
  <si>
    <t>023387</t>
  </si>
  <si>
    <t>東名神木公園</t>
  </si>
  <si>
    <t>023388</t>
  </si>
  <si>
    <t>梶ケ谷第３公園</t>
  </si>
  <si>
    <t>023389</t>
  </si>
  <si>
    <t>南生田１丁目公園</t>
  </si>
  <si>
    <t>023390</t>
  </si>
  <si>
    <t>東田公園</t>
  </si>
  <si>
    <t>023391</t>
  </si>
  <si>
    <t>五力田高尾根公園</t>
  </si>
  <si>
    <t>023392</t>
  </si>
  <si>
    <t>栗木台まみ沢公園</t>
  </si>
  <si>
    <t>023393</t>
  </si>
  <si>
    <t>下河原公園</t>
  </si>
  <si>
    <t>023394</t>
  </si>
  <si>
    <t>百合丘第１緑地</t>
  </si>
  <si>
    <t>023395</t>
  </si>
  <si>
    <t>馬絹陸橋下公園</t>
  </si>
  <si>
    <t>023396</t>
  </si>
  <si>
    <t>向ヶ丘公園</t>
  </si>
  <si>
    <t>神奈川県川崎市宮前区けやき平1</t>
  </si>
  <si>
    <t>023397</t>
  </si>
  <si>
    <t>殿町第２公園</t>
  </si>
  <si>
    <t>023398</t>
  </si>
  <si>
    <t>長尾公園</t>
  </si>
  <si>
    <t>023399</t>
  </si>
  <si>
    <t>小島新田公園</t>
  </si>
  <si>
    <t>023400</t>
  </si>
  <si>
    <t>023401</t>
  </si>
  <si>
    <t>高石西第３公園</t>
  </si>
  <si>
    <t>023402</t>
  </si>
  <si>
    <t>平公園</t>
  </si>
  <si>
    <t>023403</t>
  </si>
  <si>
    <t>有馬つつじ公園</t>
  </si>
  <si>
    <t>023404</t>
  </si>
  <si>
    <t>港町公園</t>
  </si>
  <si>
    <t>023405</t>
  </si>
  <si>
    <t>伊勢町第１公園</t>
  </si>
  <si>
    <t>023406</t>
  </si>
  <si>
    <t>渡田第１公園</t>
  </si>
  <si>
    <t>023407</t>
  </si>
  <si>
    <t>上並木公園</t>
  </si>
  <si>
    <t>023408</t>
  </si>
  <si>
    <t>田島公園</t>
  </si>
  <si>
    <t>023409</t>
  </si>
  <si>
    <t>023410</t>
  </si>
  <si>
    <t>鷲ヶ峰けやき公園</t>
  </si>
  <si>
    <t>023411</t>
  </si>
  <si>
    <t>南菅生けやき公園</t>
  </si>
  <si>
    <t>023412</t>
  </si>
  <si>
    <t>小田１丁目中央公園</t>
  </si>
  <si>
    <t>023413</t>
  </si>
  <si>
    <t>野川第４公園</t>
  </si>
  <si>
    <t>023414</t>
  </si>
  <si>
    <t>南黒川第１公園</t>
  </si>
  <si>
    <t>023415</t>
  </si>
  <si>
    <t>久地梅林公園</t>
  </si>
  <si>
    <t>023416</t>
  </si>
  <si>
    <t>高石桜ヶ丘公園</t>
  </si>
  <si>
    <t>023417</t>
  </si>
  <si>
    <t>小向第３公園</t>
  </si>
  <si>
    <t>023418</t>
  </si>
  <si>
    <t>023419</t>
  </si>
  <si>
    <t>出来野公園</t>
  </si>
  <si>
    <t>023420</t>
  </si>
  <si>
    <t>栗木公園</t>
  </si>
  <si>
    <t>023421</t>
  </si>
  <si>
    <t>下平間春風公園</t>
  </si>
  <si>
    <t>023422</t>
  </si>
  <si>
    <t>菅小谷緑地</t>
  </si>
  <si>
    <t>023423</t>
  </si>
  <si>
    <t>百合丘第２公園</t>
  </si>
  <si>
    <t>023424</t>
  </si>
  <si>
    <t>向原緑地</t>
  </si>
  <si>
    <t>023425</t>
  </si>
  <si>
    <t>茶臼山緑地</t>
  </si>
  <si>
    <t>023426</t>
  </si>
  <si>
    <t>北ノ崎公園</t>
  </si>
  <si>
    <t>023427</t>
  </si>
  <si>
    <t>小田７丁目公園</t>
  </si>
  <si>
    <t>023428</t>
  </si>
  <si>
    <t>生田大谷第２公園</t>
  </si>
  <si>
    <t>023429</t>
  </si>
  <si>
    <t>鷹取公園</t>
  </si>
  <si>
    <t>023430</t>
  </si>
  <si>
    <t>中留公園</t>
  </si>
  <si>
    <t>023431</t>
  </si>
  <si>
    <t>有馬かしの木公園</t>
  </si>
  <si>
    <t>023432</t>
  </si>
  <si>
    <t>023433</t>
  </si>
  <si>
    <t>有馬こども公園</t>
  </si>
  <si>
    <t>023435</t>
  </si>
  <si>
    <t>023436</t>
  </si>
  <si>
    <t>寺尾台第１公園</t>
  </si>
  <si>
    <t>023437</t>
  </si>
  <si>
    <t>犬蔵さくらの丘公園</t>
  </si>
  <si>
    <t>023438</t>
  </si>
  <si>
    <t>宮前平公園</t>
  </si>
  <si>
    <t>023439</t>
  </si>
  <si>
    <t>小倉西公園</t>
  </si>
  <si>
    <t>023440</t>
  </si>
  <si>
    <t>小向第１公園</t>
  </si>
  <si>
    <t>023441</t>
  </si>
  <si>
    <t>宮添みのり公園</t>
  </si>
  <si>
    <t>023442</t>
  </si>
  <si>
    <t>寺尾台緑地</t>
  </si>
  <si>
    <t>023443</t>
  </si>
  <si>
    <t>菅仙谷公園</t>
  </si>
  <si>
    <t>023444</t>
  </si>
  <si>
    <t>三田第４公園</t>
  </si>
  <si>
    <t>023445</t>
  </si>
  <si>
    <t>023446</t>
  </si>
  <si>
    <t>塩浜町公園</t>
  </si>
  <si>
    <t>023447</t>
  </si>
  <si>
    <t>神木公園</t>
  </si>
  <si>
    <t>023448</t>
  </si>
  <si>
    <t>千代ヶ丘西久保緑地</t>
  </si>
  <si>
    <t>023449</t>
  </si>
  <si>
    <t>島田生長の森緑地</t>
  </si>
  <si>
    <t>023450</t>
  </si>
  <si>
    <t>東名堰第２公園</t>
  </si>
  <si>
    <t>023451</t>
  </si>
  <si>
    <t>菅馬場公園</t>
  </si>
  <si>
    <t>023452</t>
  </si>
  <si>
    <t>023453</t>
  </si>
  <si>
    <t>菅さくら公園</t>
  </si>
  <si>
    <t>023454</t>
  </si>
  <si>
    <t>藤崎第３公園</t>
  </si>
  <si>
    <t>023455</t>
  </si>
  <si>
    <t>細山金井久保中央公園</t>
  </si>
  <si>
    <t>023456</t>
  </si>
  <si>
    <t>不動ヶ丘公園</t>
  </si>
  <si>
    <t>023457</t>
  </si>
  <si>
    <t>023458</t>
  </si>
  <si>
    <t>023459</t>
  </si>
  <si>
    <t>井田さくらが丘公園</t>
  </si>
  <si>
    <t>023460</t>
  </si>
  <si>
    <t>向ヶ丘緑地</t>
  </si>
  <si>
    <t>023461</t>
  </si>
  <si>
    <t>東百合丘４丁目緑地</t>
  </si>
  <si>
    <t>023462</t>
  </si>
  <si>
    <t>下作延中央公園</t>
  </si>
  <si>
    <t>023463</t>
  </si>
  <si>
    <t>上麻生隠れ谷公園</t>
  </si>
  <si>
    <t>023464</t>
  </si>
  <si>
    <t>023465</t>
  </si>
  <si>
    <t>菅生みどり公園</t>
  </si>
  <si>
    <t>023466</t>
  </si>
  <si>
    <t>こやのさ緑道</t>
  </si>
  <si>
    <t>023467</t>
  </si>
  <si>
    <t>白山東緑地</t>
  </si>
  <si>
    <t>023468</t>
  </si>
  <si>
    <t>美山台公園</t>
  </si>
  <si>
    <t>023469</t>
  </si>
  <si>
    <t>有馬さくら公園</t>
  </si>
  <si>
    <t>023470</t>
  </si>
  <si>
    <t>向原北緑地</t>
  </si>
  <si>
    <t>023471</t>
  </si>
  <si>
    <t>井田公園</t>
  </si>
  <si>
    <t>023472</t>
  </si>
  <si>
    <t>入江崎公園</t>
  </si>
  <si>
    <t>023473</t>
  </si>
  <si>
    <t>小台公園</t>
  </si>
  <si>
    <t>023474</t>
  </si>
  <si>
    <t>新町緑地</t>
  </si>
  <si>
    <t>神奈川県川崎市川崎区小田栄1､渡田4､渡田新町3</t>
  </si>
  <si>
    <t>023475</t>
  </si>
  <si>
    <t>梶ケ谷第２公園</t>
  </si>
  <si>
    <t>023476</t>
  </si>
  <si>
    <t>井田長瀬緑地</t>
  </si>
  <si>
    <t>023477</t>
  </si>
  <si>
    <t>中丸子緑道</t>
  </si>
  <si>
    <t>023478</t>
  </si>
  <si>
    <t>023479</t>
  </si>
  <si>
    <t>池上新町中緑道</t>
  </si>
  <si>
    <t>023480</t>
  </si>
  <si>
    <t>殿町第３公園</t>
  </si>
  <si>
    <t>023481</t>
  </si>
  <si>
    <t>白鳥公園</t>
  </si>
  <si>
    <t>023482</t>
  </si>
  <si>
    <t>黒川池谷戸緑地</t>
  </si>
  <si>
    <t>023483</t>
  </si>
  <si>
    <t>五力田見晴し公園</t>
  </si>
  <si>
    <t>023484</t>
  </si>
  <si>
    <t>023485</t>
  </si>
  <si>
    <t>有馬中央公園</t>
  </si>
  <si>
    <t>023486</t>
  </si>
  <si>
    <t>浅野町緑道</t>
  </si>
  <si>
    <t>神奈川県川崎市川崎区浅野町､南渡田町､池上町地内</t>
  </si>
  <si>
    <t>023488</t>
  </si>
  <si>
    <t>三田第２公園</t>
  </si>
  <si>
    <t>023489</t>
  </si>
  <si>
    <t>籠口ノ池公園</t>
  </si>
  <si>
    <t>023490</t>
  </si>
  <si>
    <t>今井西町けやき公園</t>
  </si>
  <si>
    <t>023491</t>
  </si>
  <si>
    <t>丸子通さくら公園</t>
  </si>
  <si>
    <t>023492</t>
  </si>
  <si>
    <t>上小田中１丁目公園</t>
  </si>
  <si>
    <t>023494</t>
  </si>
  <si>
    <t>中丸子まちかど公園</t>
  </si>
  <si>
    <t>023495</t>
  </si>
  <si>
    <t>上平間くすのき公園</t>
  </si>
  <si>
    <t>023496</t>
  </si>
  <si>
    <t>上新城ふれあい公園</t>
  </si>
  <si>
    <t>023497</t>
  </si>
  <si>
    <t>市ノ坪広町公園</t>
  </si>
  <si>
    <t>023498</t>
  </si>
  <si>
    <t>木月中山通公園</t>
  </si>
  <si>
    <t>023499</t>
  </si>
  <si>
    <t>下小田中西ノ辺公園</t>
  </si>
  <si>
    <t>023500</t>
  </si>
  <si>
    <t>こすぎコアパーク</t>
  </si>
  <si>
    <t>023501</t>
  </si>
  <si>
    <t>下新城まちかど公園</t>
  </si>
  <si>
    <t>023503</t>
  </si>
  <si>
    <t>蟹ヶ谷西ノ森公園</t>
  </si>
  <si>
    <t>023504</t>
  </si>
  <si>
    <t>たちばな植之台公園</t>
  </si>
  <si>
    <t>023505</t>
  </si>
  <si>
    <t>久本鴨居町公園</t>
  </si>
  <si>
    <t>023506</t>
  </si>
  <si>
    <t>蟹ケ谷往古滝公園</t>
  </si>
  <si>
    <t>023508</t>
  </si>
  <si>
    <t>梶ケ谷こども公園</t>
  </si>
  <si>
    <t>023509</t>
  </si>
  <si>
    <t>下作延西谷公園</t>
  </si>
  <si>
    <t>023510</t>
  </si>
  <si>
    <t>二子２丁目公園</t>
  </si>
  <si>
    <t>023511</t>
  </si>
  <si>
    <t>末長こども公園</t>
  </si>
  <si>
    <t>023512</t>
  </si>
  <si>
    <t>子母口旭田公園</t>
  </si>
  <si>
    <t>023513</t>
  </si>
  <si>
    <t>上作延南原公園</t>
  </si>
  <si>
    <t>023514</t>
  </si>
  <si>
    <t>坂戸なかよし公園</t>
  </si>
  <si>
    <t>023515</t>
  </si>
  <si>
    <t>諏訪河原公園</t>
  </si>
  <si>
    <t>023516</t>
  </si>
  <si>
    <t>東高津公園</t>
  </si>
  <si>
    <t>023517</t>
  </si>
  <si>
    <t>久本３丁目公園</t>
  </si>
  <si>
    <t>023518</t>
  </si>
  <si>
    <t>久本おしどり公園</t>
  </si>
  <si>
    <t>023519</t>
  </si>
  <si>
    <t>久地伊屋ノ免公園</t>
  </si>
  <si>
    <t>023520</t>
  </si>
  <si>
    <t>久地伊勢宮河原公園</t>
  </si>
  <si>
    <t>023521</t>
  </si>
  <si>
    <t>北見方２丁目公園</t>
  </si>
  <si>
    <t>023522</t>
  </si>
  <si>
    <t>梶ヶ谷さくら公園</t>
  </si>
  <si>
    <t>023523</t>
  </si>
  <si>
    <t>久末宮の谷ふれあい公園</t>
  </si>
  <si>
    <t>023524</t>
  </si>
  <si>
    <t>末長宗田公園</t>
  </si>
  <si>
    <t>023525</t>
  </si>
  <si>
    <t>久末宮の谷公園</t>
  </si>
  <si>
    <t>023526</t>
  </si>
  <si>
    <t>末長ターザンの木こども公園</t>
  </si>
  <si>
    <t>023527</t>
  </si>
  <si>
    <t>上作延北原公園</t>
  </si>
  <si>
    <t>023528</t>
  </si>
  <si>
    <t>宇奈根まちかど公園</t>
  </si>
  <si>
    <t>023529</t>
  </si>
  <si>
    <t>久地北上川原公園</t>
  </si>
  <si>
    <t>023530</t>
  </si>
  <si>
    <t>末長姿見台東公園</t>
  </si>
  <si>
    <t>023531</t>
  </si>
  <si>
    <t>蟹ヶ谷槍ヶ崎公園</t>
  </si>
  <si>
    <t>023532</t>
  </si>
  <si>
    <t>末長なかよし公園</t>
  </si>
  <si>
    <t>023533</t>
  </si>
  <si>
    <t>千年三荷座前公園</t>
  </si>
  <si>
    <t>023534</t>
  </si>
  <si>
    <t>下作延公園</t>
  </si>
  <si>
    <t>023538</t>
  </si>
  <si>
    <t>有馬やまぼうし公園</t>
  </si>
  <si>
    <t>023539</t>
  </si>
  <si>
    <t>犬蔵２丁目丘の上公園</t>
  </si>
  <si>
    <t>023540</t>
  </si>
  <si>
    <t>犬蔵２丁目こども公園</t>
  </si>
  <si>
    <t>023541</t>
  </si>
  <si>
    <t>宮崎カツラ公園</t>
  </si>
  <si>
    <t>023543</t>
  </si>
  <si>
    <t>土橋宮上公園</t>
  </si>
  <si>
    <t>023544</t>
  </si>
  <si>
    <t>東有馬花の香公園</t>
  </si>
  <si>
    <t>023546</t>
  </si>
  <si>
    <t>野川ふれあい公園</t>
  </si>
  <si>
    <t>023548</t>
  </si>
  <si>
    <t>鷺沼つつじ公園</t>
  </si>
  <si>
    <t>023549</t>
  </si>
  <si>
    <t>東有馬植木の里公園</t>
  </si>
  <si>
    <t>023551</t>
  </si>
  <si>
    <t>潮見台わくわく公園</t>
  </si>
  <si>
    <t>023552</t>
  </si>
  <si>
    <t>野川こども公園</t>
  </si>
  <si>
    <t>023553</t>
  </si>
  <si>
    <t>菅生ふれあい公園</t>
  </si>
  <si>
    <t>023554</t>
  </si>
  <si>
    <t>潮見台なかよし公園</t>
  </si>
  <si>
    <t>023555</t>
  </si>
  <si>
    <t>たいらの池公園</t>
  </si>
  <si>
    <t>023556</t>
  </si>
  <si>
    <t>土橋ふれあいポケットパーク</t>
  </si>
  <si>
    <t>023557</t>
  </si>
  <si>
    <t>野川南耕地ふれあい公園</t>
  </si>
  <si>
    <t>023559</t>
  </si>
  <si>
    <t>土橋５丁目ポケットパーク</t>
  </si>
  <si>
    <t>023560</t>
  </si>
  <si>
    <t>菅生５丁目公園</t>
  </si>
  <si>
    <t>023561</t>
  </si>
  <si>
    <t>犬蔵万吉山公園</t>
  </si>
  <si>
    <t>023562</t>
  </si>
  <si>
    <t>犬蔵２丁目ぽかぽか公園</t>
  </si>
  <si>
    <t>023563</t>
  </si>
  <si>
    <t>平池の谷公園</t>
  </si>
  <si>
    <t>023564</t>
  </si>
  <si>
    <t>東有馬２丁目公園</t>
  </si>
  <si>
    <t>023566</t>
  </si>
  <si>
    <t>平３丁目高山公園</t>
  </si>
  <si>
    <t>023567</t>
  </si>
  <si>
    <t>野川泉公園</t>
  </si>
  <si>
    <t>023568</t>
  </si>
  <si>
    <t>馬絹東公園</t>
  </si>
  <si>
    <t>023570</t>
  </si>
  <si>
    <t>神木本町なかっぱら公園</t>
  </si>
  <si>
    <t>023572</t>
  </si>
  <si>
    <t>野川里ざくら公園</t>
  </si>
  <si>
    <t>023573</t>
  </si>
  <si>
    <t>梶ヶ谷平台公園</t>
  </si>
  <si>
    <t>023574</t>
  </si>
  <si>
    <t>野川子の神公園</t>
  </si>
  <si>
    <t>023576</t>
  </si>
  <si>
    <t>野川南耕地こども公園</t>
  </si>
  <si>
    <t>023578</t>
  </si>
  <si>
    <t>犬蔵３丁目公園</t>
  </si>
  <si>
    <t>023579</t>
  </si>
  <si>
    <t>宮崎３丁目公園</t>
  </si>
  <si>
    <t>023581</t>
  </si>
  <si>
    <t>神木本町つつじ公園</t>
  </si>
  <si>
    <t>023582</t>
  </si>
  <si>
    <t>鷺沼くすのき公園</t>
  </si>
  <si>
    <t>023583</t>
  </si>
  <si>
    <t>菅生ヶ丘公園</t>
  </si>
  <si>
    <t>023584</t>
  </si>
  <si>
    <t>土橋ひだまりポケットパーク</t>
  </si>
  <si>
    <t>023589</t>
  </si>
  <si>
    <t>宿河原第２公園</t>
  </si>
  <si>
    <t>023591</t>
  </si>
  <si>
    <t>023592</t>
  </si>
  <si>
    <t>京王菅西公園</t>
  </si>
  <si>
    <t>023593</t>
  </si>
  <si>
    <t>東名宿河原第２公園</t>
  </si>
  <si>
    <t>023597</t>
  </si>
  <si>
    <t>枡形６丁目こども公園</t>
  </si>
  <si>
    <t>023598</t>
  </si>
  <si>
    <t>南生田ひだまり公園</t>
  </si>
  <si>
    <t>023599</t>
  </si>
  <si>
    <t>生田やまぼうし公園</t>
  </si>
  <si>
    <t>023600</t>
  </si>
  <si>
    <t>長沢そよかぜ公園</t>
  </si>
  <si>
    <t>023601</t>
  </si>
  <si>
    <t>四谷下町公園</t>
  </si>
  <si>
    <t>023602</t>
  </si>
  <si>
    <t>三田さくら公園</t>
  </si>
  <si>
    <t>023604</t>
  </si>
  <si>
    <t>菅仙谷さくら公園</t>
  </si>
  <si>
    <t>023605</t>
  </si>
  <si>
    <t>南町公園</t>
  </si>
  <si>
    <t>023606</t>
  </si>
  <si>
    <t>登戸いろは公園</t>
  </si>
  <si>
    <t>023607</t>
  </si>
  <si>
    <t>江川こども公園</t>
  </si>
  <si>
    <t>023608</t>
  </si>
  <si>
    <t>生田８丁目五段田公園</t>
  </si>
  <si>
    <t>023609</t>
  </si>
  <si>
    <t>江川はなみずき公園</t>
  </si>
  <si>
    <t>023611</t>
  </si>
  <si>
    <t>中瀬つつじ公園</t>
  </si>
  <si>
    <t>023612</t>
  </si>
  <si>
    <t>三田第７公園</t>
  </si>
  <si>
    <t>023613</t>
  </si>
  <si>
    <t>大島とんぼ公園</t>
  </si>
  <si>
    <t>023614</t>
  </si>
  <si>
    <t>枡形６丁目稲ノ目公園</t>
  </si>
  <si>
    <t>023615</t>
  </si>
  <si>
    <t>富士見１丁目公園</t>
  </si>
  <si>
    <t>023618</t>
  </si>
  <si>
    <t>長沢わかば公園</t>
  </si>
  <si>
    <t>023620</t>
  </si>
  <si>
    <t>殿町１丁目公園</t>
  </si>
  <si>
    <t>023621</t>
  </si>
  <si>
    <t>大師河原公園</t>
  </si>
  <si>
    <t>023623</t>
  </si>
  <si>
    <t>戸手第２公園</t>
  </si>
  <si>
    <t>023626</t>
  </si>
  <si>
    <t>恩廻公園</t>
  </si>
  <si>
    <t>023628</t>
  </si>
  <si>
    <t>金程公園</t>
  </si>
  <si>
    <t>023630</t>
  </si>
  <si>
    <t>高石弦巻公園</t>
  </si>
  <si>
    <t>023632</t>
  </si>
  <si>
    <t>高石なかよし公園</t>
  </si>
  <si>
    <t>023634</t>
  </si>
  <si>
    <t>東百合丘３丁目こども公園</t>
  </si>
  <si>
    <t>023636</t>
  </si>
  <si>
    <t>下麻生なかよし公園</t>
  </si>
  <si>
    <t>023637</t>
  </si>
  <si>
    <t>北加瀬２丁目公園</t>
  </si>
  <si>
    <t>023638</t>
  </si>
  <si>
    <t>白鳥１丁目公園</t>
  </si>
  <si>
    <t>023639</t>
  </si>
  <si>
    <t>塚越ふれあい公園</t>
  </si>
  <si>
    <t>023640</t>
  </si>
  <si>
    <t>高石１丁目公園</t>
  </si>
  <si>
    <t>023641</t>
  </si>
  <si>
    <t>紺屋町ニコニコ公園</t>
  </si>
  <si>
    <t>神奈川県川崎市幸区紺屋町14</t>
  </si>
  <si>
    <t>023643</t>
  </si>
  <si>
    <t>中幸町３丁目さくら公園</t>
  </si>
  <si>
    <t>023644</t>
  </si>
  <si>
    <t>上麻生仲村公園</t>
  </si>
  <si>
    <t>023646</t>
  </si>
  <si>
    <t>百合丘２丁目公園</t>
  </si>
  <si>
    <t>023647</t>
  </si>
  <si>
    <t>塚越３丁目さくらの公園</t>
  </si>
  <si>
    <t>023648</t>
  </si>
  <si>
    <t>細山金井久保北公園</t>
  </si>
  <si>
    <t>023649</t>
  </si>
  <si>
    <t>塚越こかげ公園</t>
  </si>
  <si>
    <t>023650</t>
  </si>
  <si>
    <t>王禅寺源内谷中公園</t>
  </si>
  <si>
    <t>023651</t>
  </si>
  <si>
    <t>小向仲野町さんかく公園</t>
  </si>
  <si>
    <t>023652</t>
  </si>
  <si>
    <t>細山５丁目ふれあい公園</t>
  </si>
  <si>
    <t>023653</t>
  </si>
  <si>
    <t>戸手本町こぶし公園</t>
  </si>
  <si>
    <t>023654</t>
  </si>
  <si>
    <t>栗木台ふれあいポケットパーク</t>
  </si>
  <si>
    <t>023655</t>
  </si>
  <si>
    <t>東古市場中央公園</t>
  </si>
  <si>
    <t>023656</t>
  </si>
  <si>
    <t>白鳥１丁目あおぞら公園</t>
  </si>
  <si>
    <t>023657</t>
  </si>
  <si>
    <t>戸手４丁目公園</t>
  </si>
  <si>
    <t>023658</t>
  </si>
  <si>
    <t>栗木台しなのきポケットパーク</t>
  </si>
  <si>
    <t>023659</t>
  </si>
  <si>
    <t>小倉なかよし公園</t>
  </si>
  <si>
    <t>023660</t>
  </si>
  <si>
    <t>栗木台けやきポケットパーク</t>
  </si>
  <si>
    <t>023661</t>
  </si>
  <si>
    <t>古市場ほほえみ公園</t>
  </si>
  <si>
    <t>023662</t>
  </si>
  <si>
    <t>栗平ふれあいポケットパーク</t>
  </si>
  <si>
    <t>023663</t>
  </si>
  <si>
    <t>新川崎ふれあい公園</t>
  </si>
  <si>
    <t>023664</t>
  </si>
  <si>
    <t>栗木台すくすくポケットパーク</t>
  </si>
  <si>
    <t>023665</t>
  </si>
  <si>
    <t>北加瀬ゆりのき公園</t>
  </si>
  <si>
    <t>023666</t>
  </si>
  <si>
    <t>黒川のぞみ公園</t>
  </si>
  <si>
    <t>023668</t>
  </si>
  <si>
    <t>王禅寺瓦谷公園</t>
  </si>
  <si>
    <t>023669</t>
  </si>
  <si>
    <t>東小倉こども公園</t>
  </si>
  <si>
    <t>023670</t>
  </si>
  <si>
    <t>片平さつき公園</t>
  </si>
  <si>
    <t>023672</t>
  </si>
  <si>
    <t>栗平２丁目北公園</t>
  </si>
  <si>
    <t>023674</t>
  </si>
  <si>
    <t>上麻生山口公園</t>
  </si>
  <si>
    <t>023675</t>
  </si>
  <si>
    <t>高石３丁目こども公園</t>
  </si>
  <si>
    <t>023676</t>
  </si>
  <si>
    <t>はるひ野ポケットパーク</t>
  </si>
  <si>
    <t>023677</t>
  </si>
  <si>
    <t>百合丘３丁目けやき公園</t>
  </si>
  <si>
    <t>023678</t>
  </si>
  <si>
    <t>百合丘３丁目公園</t>
  </si>
  <si>
    <t>023679</t>
  </si>
  <si>
    <t>栗平まちかどポケットパーク</t>
  </si>
  <si>
    <t>023680</t>
  </si>
  <si>
    <t>東百合ヶ丘１丁目こども公園</t>
  </si>
  <si>
    <t>023681</t>
  </si>
  <si>
    <t>023682</t>
  </si>
  <si>
    <t>片平吾妻公園</t>
  </si>
  <si>
    <t>023683</t>
  </si>
  <si>
    <t>片平金井原公園</t>
  </si>
  <si>
    <t>023684</t>
  </si>
  <si>
    <t>片平中村通公園</t>
  </si>
  <si>
    <t>023685</t>
  </si>
  <si>
    <t>片平５丁目もみじ公園</t>
  </si>
  <si>
    <t>023686</t>
  </si>
  <si>
    <t>王禅寺志村谷ポケットパーク</t>
  </si>
  <si>
    <t>023687</t>
  </si>
  <si>
    <t>黒川宮添公園</t>
  </si>
  <si>
    <t>023688</t>
  </si>
  <si>
    <t>白鳥けやきポケットパーク</t>
  </si>
  <si>
    <t>023689</t>
  </si>
  <si>
    <t>上麻生７丁目さくら公園</t>
  </si>
  <si>
    <t>023690</t>
  </si>
  <si>
    <t>王禅寺西７丁目公園</t>
  </si>
  <si>
    <t>023691</t>
  </si>
  <si>
    <t>百合丘３丁目ふれあい公園</t>
  </si>
  <si>
    <t>023692</t>
  </si>
  <si>
    <t>王禅寺日光公園</t>
  </si>
  <si>
    <t>023694</t>
  </si>
  <si>
    <t>栗平かえでポケットパーク</t>
  </si>
  <si>
    <t>023696</t>
  </si>
  <si>
    <t>王禅寺しいのきポケットパーク</t>
  </si>
  <si>
    <t>023698</t>
  </si>
  <si>
    <t>片平４丁目仲町台公園</t>
  </si>
  <si>
    <t>023700</t>
  </si>
  <si>
    <t>はるひ野ことり公園</t>
  </si>
  <si>
    <t>023702</t>
  </si>
  <si>
    <t>王禅寺西５丁目公園</t>
  </si>
  <si>
    <t>023704</t>
  </si>
  <si>
    <t>はるひ野１丁目ポケットパーク</t>
  </si>
  <si>
    <t>023706</t>
  </si>
  <si>
    <t>細山４丁目公園</t>
  </si>
  <si>
    <t>023708</t>
  </si>
  <si>
    <t>千代ヶ丘坂東公園</t>
  </si>
  <si>
    <t>023710</t>
  </si>
  <si>
    <t>片平６丁目ポケットパーク</t>
  </si>
  <si>
    <t>023712</t>
  </si>
  <si>
    <t>片平日向公園</t>
  </si>
  <si>
    <t>023714</t>
  </si>
  <si>
    <t>上麻生５丁目公園</t>
  </si>
  <si>
    <t>023715</t>
  </si>
  <si>
    <t>新苅宿公園</t>
  </si>
  <si>
    <t>023716</t>
  </si>
  <si>
    <t>片平仲町ふれあい公園</t>
  </si>
  <si>
    <t>023718</t>
  </si>
  <si>
    <t>はるひ野５丁目公園</t>
  </si>
  <si>
    <t>023722</t>
  </si>
  <si>
    <t>新丸子公園</t>
  </si>
  <si>
    <t>023725</t>
  </si>
  <si>
    <t>中丸子西町公園</t>
  </si>
  <si>
    <t>023726</t>
  </si>
  <si>
    <t>市ノ坪田向公園</t>
  </si>
  <si>
    <t>023727</t>
  </si>
  <si>
    <t>下沼部さくら公園</t>
  </si>
  <si>
    <t>023728</t>
  </si>
  <si>
    <t>市ノ坪さくら公園</t>
  </si>
  <si>
    <t>023729</t>
  </si>
  <si>
    <t>宮内３丁目公園</t>
  </si>
  <si>
    <t>023732</t>
  </si>
  <si>
    <t>さいわいふるさと公園</t>
  </si>
  <si>
    <t>神奈川県川崎市幸区新川崎7</t>
  </si>
  <si>
    <t>023733</t>
  </si>
  <si>
    <t>023734</t>
  </si>
  <si>
    <t>多摩川緑地久地地区</t>
  </si>
  <si>
    <t>023735</t>
  </si>
  <si>
    <t>多摩川緑地宇奈根地区</t>
  </si>
  <si>
    <t>神奈川県川崎市高津区宇奈根､久地2地内</t>
  </si>
  <si>
    <t>023736</t>
  </si>
  <si>
    <t>多摩川緑地瀬田地区</t>
  </si>
  <si>
    <t>神奈川県川崎市高津区瀬田地内</t>
  </si>
  <si>
    <t>023737</t>
  </si>
  <si>
    <t>多摩川緑地二子・久地地区</t>
  </si>
  <si>
    <t>神奈川県川崎市高津区久地2地内</t>
  </si>
  <si>
    <t>023738</t>
  </si>
  <si>
    <t>多摩川緑地二子地区</t>
  </si>
  <si>
    <t>神奈川県川崎市高津区二子1地内</t>
  </si>
  <si>
    <t>023739</t>
  </si>
  <si>
    <t>多摩川緑地北見方地区</t>
  </si>
  <si>
    <t>神奈川県川崎市高津区北見方2地内</t>
  </si>
  <si>
    <t>023740</t>
  </si>
  <si>
    <t>多摩川緑地下野毛地区</t>
  </si>
  <si>
    <t>神奈川県川崎市高津区下野毛1地内</t>
  </si>
  <si>
    <t>023741</t>
  </si>
  <si>
    <t>多摩川緑地諏訪地区</t>
  </si>
  <si>
    <t>神奈川県川崎市高津区諏訪2､瀬田地内</t>
  </si>
  <si>
    <t>023742</t>
  </si>
  <si>
    <t>多摩川緑地菅地区</t>
  </si>
  <si>
    <t>神奈川県川崎市多摩区菅野戸呂地内</t>
  </si>
  <si>
    <t>023743</t>
  </si>
  <si>
    <t>多摩川緑地中野島地区</t>
  </si>
  <si>
    <t>神奈川県川崎市多摩区中野島5地内</t>
  </si>
  <si>
    <t>023746</t>
  </si>
  <si>
    <t>多摩川緑地中瀬地区</t>
  </si>
  <si>
    <t>神奈川県川崎市川崎区中瀬1地内</t>
  </si>
  <si>
    <t>023747</t>
  </si>
  <si>
    <t>多摩川緑地大師河原地区</t>
  </si>
  <si>
    <t>神奈川県川崎市川崎区大師河原地内</t>
  </si>
  <si>
    <t>023748</t>
  </si>
  <si>
    <t>多摩川緑地殿町地区</t>
  </si>
  <si>
    <t>神奈川県川崎市川崎区殿町1地内</t>
  </si>
  <si>
    <t>023749</t>
  </si>
  <si>
    <t>多摩川緑地鈴木町地区</t>
  </si>
  <si>
    <t>神奈川県川崎市川崎区鈴木町地内</t>
  </si>
  <si>
    <t>023750</t>
  </si>
  <si>
    <t>多摩川緑地古市場地区</t>
  </si>
  <si>
    <t>神奈川県川崎市幸区古市場地内</t>
  </si>
  <si>
    <t>023751</t>
  </si>
  <si>
    <t>多摩川緑地小向仲野町地区</t>
  </si>
  <si>
    <t>神奈川県川崎市幸区小向地内</t>
  </si>
  <si>
    <t>023752</t>
  </si>
  <si>
    <t>多摩川緑地多摩川大橋地区</t>
  </si>
  <si>
    <t>023753</t>
  </si>
  <si>
    <t>多摩川緑地小向町地区</t>
  </si>
  <si>
    <t>023754</t>
  </si>
  <si>
    <t>多摩川緑地等々力地区</t>
  </si>
  <si>
    <t>神奈川県川崎市中原区等々力地内</t>
  </si>
  <si>
    <t>023755</t>
  </si>
  <si>
    <t>多摩川緑地丸子橋地区</t>
  </si>
  <si>
    <t>神奈川県川崎市中原区上丸子八幡町地内</t>
  </si>
  <si>
    <t>023756</t>
  </si>
  <si>
    <t>多摩川緑地上丸子天神町地区</t>
  </si>
  <si>
    <t>神奈川県川崎市中原区等々力､上丸子天神町地内</t>
  </si>
  <si>
    <t>023757</t>
  </si>
  <si>
    <t>多摩川緑地上平間地区</t>
  </si>
  <si>
    <t>023758</t>
  </si>
  <si>
    <t>多摩川緑地宮内地区</t>
  </si>
  <si>
    <t>神奈川県川崎市中原区等々力､宮内地内</t>
  </si>
  <si>
    <t>023759</t>
  </si>
  <si>
    <t>多摩川緑地上丸子山王町地区</t>
  </si>
  <si>
    <t>神奈川県川崎市中原区上丸子山王町1地内</t>
  </si>
  <si>
    <t>023760</t>
  </si>
  <si>
    <t>多摩川緑地中丸子地区</t>
  </si>
  <si>
    <t>神奈川県川崎市中原区中丸子､上平間地内</t>
  </si>
  <si>
    <t>023761</t>
  </si>
  <si>
    <t>多摩川緑地下沼部地区</t>
  </si>
  <si>
    <t>神奈川県川崎市中原区下沼部地内</t>
  </si>
  <si>
    <t>023762</t>
  </si>
  <si>
    <t>金程４丁目緑地</t>
  </si>
  <si>
    <t>023766</t>
  </si>
  <si>
    <t>王禅寺源内谷緑地</t>
  </si>
  <si>
    <t>023769</t>
  </si>
  <si>
    <t>黒川大谷戸緑地</t>
  </si>
  <si>
    <t>023770</t>
  </si>
  <si>
    <t>黒川学舎緑地</t>
  </si>
  <si>
    <t>023771</t>
  </si>
  <si>
    <t>高石あかね緑地</t>
  </si>
  <si>
    <t>023772</t>
  </si>
  <si>
    <t>多摩美緑地</t>
  </si>
  <si>
    <t>023774</t>
  </si>
  <si>
    <t>栗木台見晴し緑地</t>
  </si>
  <si>
    <t>023777</t>
  </si>
  <si>
    <t>王禅寺くぬぎ緑地</t>
  </si>
  <si>
    <t>023779</t>
  </si>
  <si>
    <t>上麻生4丁目見晴し緑地</t>
  </si>
  <si>
    <t>023780</t>
  </si>
  <si>
    <t>古沢都古緑地</t>
  </si>
  <si>
    <t>023781</t>
  </si>
  <si>
    <t>片平２丁目緑地</t>
  </si>
  <si>
    <t>023783</t>
  </si>
  <si>
    <t>末長向台緑地</t>
  </si>
  <si>
    <t>023784</t>
  </si>
  <si>
    <t>蟹ヶ谷緑下緑地</t>
  </si>
  <si>
    <t>023785</t>
  </si>
  <si>
    <t>蟹ヶ谷生長の森緑地</t>
  </si>
  <si>
    <t>023786</t>
  </si>
  <si>
    <t>久地さくら緑地</t>
  </si>
  <si>
    <t>023787</t>
  </si>
  <si>
    <t>末長熊野森緑地</t>
  </si>
  <si>
    <t>023788</t>
  </si>
  <si>
    <t>久末大谷緑地</t>
  </si>
  <si>
    <t>023789</t>
  </si>
  <si>
    <t>下作延辰ノ谷緑地</t>
  </si>
  <si>
    <t>023790</t>
  </si>
  <si>
    <t>023791</t>
  </si>
  <si>
    <t>蟹ヶ谷四方之嶺緑地</t>
  </si>
  <si>
    <t>023792</t>
  </si>
  <si>
    <t>久本山ターザンの木緑地</t>
  </si>
  <si>
    <t>023793</t>
  </si>
  <si>
    <t>蟹ヶ谷山桜緑地</t>
  </si>
  <si>
    <t>023794</t>
  </si>
  <si>
    <t>野川中耕地緑地</t>
  </si>
  <si>
    <t>023795</t>
  </si>
  <si>
    <t>宮崎つつじ緑地</t>
  </si>
  <si>
    <t>023796</t>
  </si>
  <si>
    <t>菅生4丁目わきみず広場緑地</t>
  </si>
  <si>
    <t>023797</t>
  </si>
  <si>
    <t>旭町緑地</t>
  </si>
  <si>
    <t>神奈川県川崎市川崎区旭町2､伊勢町地内</t>
  </si>
  <si>
    <t>023798</t>
  </si>
  <si>
    <t>塩浜緑地</t>
  </si>
  <si>
    <t>023801</t>
  </si>
  <si>
    <t>三田第２緑地</t>
  </si>
  <si>
    <t>023802</t>
  </si>
  <si>
    <t>塩浜小緑地</t>
  </si>
  <si>
    <t>023805</t>
  </si>
  <si>
    <t>023807</t>
  </si>
  <si>
    <t>五ヶ村堀緑地</t>
  </si>
  <si>
    <t>神奈川県川崎市多摩区登戸3854</t>
  </si>
  <si>
    <t>023809</t>
  </si>
  <si>
    <t>西生田緑地</t>
  </si>
  <si>
    <t>023811</t>
  </si>
  <si>
    <t>生田８丁目東緑地</t>
  </si>
  <si>
    <t>023812</t>
  </si>
  <si>
    <t>西生田ふれあい緑地</t>
  </si>
  <si>
    <t>023819</t>
  </si>
  <si>
    <t>町田堀緑地</t>
  </si>
  <si>
    <t>023820</t>
  </si>
  <si>
    <t>小倉緑地</t>
  </si>
  <si>
    <t>神奈川県川崎市幸区小倉2､南加瀬3</t>
  </si>
  <si>
    <t>023824</t>
  </si>
  <si>
    <t>市ノ坪緑道</t>
  </si>
  <si>
    <t>神奈川県川崎市中原区市ノ坪､中丸子地内</t>
  </si>
  <si>
    <t>023825</t>
  </si>
  <si>
    <t>今井上町緑道</t>
  </si>
  <si>
    <t>神奈川県川崎市中原区今井上町地内</t>
  </si>
  <si>
    <t>023827</t>
  </si>
  <si>
    <t>池上新町南緑道</t>
  </si>
  <si>
    <t>023828</t>
  </si>
  <si>
    <t>神奈川県川崎市幸区戸手1地内</t>
  </si>
  <si>
    <t>023831</t>
  </si>
  <si>
    <t>黒川よこみね緑地</t>
  </si>
  <si>
    <t>023835</t>
  </si>
  <si>
    <t>023836</t>
  </si>
  <si>
    <t>王禅寺日吉谷緑地</t>
  </si>
  <si>
    <t>023839</t>
  </si>
  <si>
    <t>岡上杉山下緑地</t>
  </si>
  <si>
    <t>023840</t>
  </si>
  <si>
    <t>柿生の里特別緑地</t>
  </si>
  <si>
    <t>023841</t>
  </si>
  <si>
    <t>023843</t>
  </si>
  <si>
    <t>井田伊勢台緑地</t>
  </si>
  <si>
    <t>023846</t>
  </si>
  <si>
    <t>多摩美特別緑地</t>
  </si>
  <si>
    <t>023852</t>
  </si>
  <si>
    <t>王禅寺西緑地</t>
  </si>
  <si>
    <t>023853</t>
  </si>
  <si>
    <t>王禅寺日吉の辻緑地</t>
  </si>
  <si>
    <t>023854</t>
  </si>
  <si>
    <t>岡上丸山緑地</t>
  </si>
  <si>
    <t>023855</t>
  </si>
  <si>
    <t>黒川沢谷戸緑地</t>
  </si>
  <si>
    <t>神奈川県川崎市麻生区黒川字広町1901ほか</t>
  </si>
  <si>
    <t>023857</t>
  </si>
  <si>
    <t>王禅寺四ッ田緑地</t>
  </si>
  <si>
    <t>023858</t>
  </si>
  <si>
    <t>久末緑地</t>
  </si>
  <si>
    <t>神奈川県川崎市高津区久末306</t>
  </si>
  <si>
    <t>023860</t>
  </si>
  <si>
    <t>023861</t>
  </si>
  <si>
    <t>久末イノ木緑地</t>
  </si>
  <si>
    <t>023862</t>
  </si>
  <si>
    <t>久地緑地</t>
  </si>
  <si>
    <t>023863</t>
  </si>
  <si>
    <t>神庭緑地</t>
  </si>
  <si>
    <t>023868</t>
  </si>
  <si>
    <t>久末篭場谷緑地</t>
  </si>
  <si>
    <t>023876</t>
  </si>
  <si>
    <t>023884</t>
  </si>
  <si>
    <t>023885</t>
  </si>
  <si>
    <t>月読緑地</t>
  </si>
  <si>
    <t>023887</t>
  </si>
  <si>
    <t>向原の里緑地</t>
  </si>
  <si>
    <t>023889</t>
  </si>
  <si>
    <t>岡上梨子ノ木緑地</t>
  </si>
  <si>
    <t>023893</t>
  </si>
  <si>
    <t>向河原駅前広場公園</t>
  </si>
  <si>
    <t>023894</t>
  </si>
  <si>
    <t>渡田新町公園</t>
  </si>
  <si>
    <t>023895</t>
  </si>
  <si>
    <t>南生田公園</t>
  </si>
  <si>
    <t>023896</t>
  </si>
  <si>
    <t>古沢こもれびの杜緑地</t>
  </si>
  <si>
    <t>023897</t>
  </si>
  <si>
    <t>栗木緑地</t>
  </si>
  <si>
    <t>023898</t>
  </si>
  <si>
    <t>菅仙谷緑地</t>
  </si>
  <si>
    <t>023899</t>
  </si>
  <si>
    <t>桜堀緑地</t>
  </si>
  <si>
    <t>023900</t>
  </si>
  <si>
    <t>下麻生まつのき緑地</t>
  </si>
  <si>
    <t>023901</t>
  </si>
  <si>
    <t>万福寺檜山公園</t>
  </si>
  <si>
    <t>023902</t>
  </si>
  <si>
    <t>宮前美しの森公園</t>
  </si>
  <si>
    <t>023903</t>
  </si>
  <si>
    <t>有馬ふるさと公園</t>
  </si>
  <si>
    <t>023904</t>
  </si>
  <si>
    <t>片平公園</t>
  </si>
  <si>
    <t>023905</t>
  </si>
  <si>
    <t>万福寺おやしろ公園</t>
  </si>
  <si>
    <t>023906</t>
  </si>
  <si>
    <t>緑化センター</t>
  </si>
  <si>
    <t>023907</t>
  </si>
  <si>
    <t>三田第１公園</t>
  </si>
  <si>
    <t>023908</t>
  </si>
  <si>
    <t>梶ケ谷第１公園</t>
  </si>
  <si>
    <t>023909</t>
  </si>
  <si>
    <t>鶴亀松公園</t>
  </si>
  <si>
    <t>023910</t>
  </si>
  <si>
    <t>百合丘第３公園</t>
  </si>
  <si>
    <t>023911</t>
  </si>
  <si>
    <t>化粧面谷公園</t>
  </si>
  <si>
    <t>023912</t>
  </si>
  <si>
    <t>023913</t>
  </si>
  <si>
    <t>鷺沼公園</t>
  </si>
  <si>
    <t>023914</t>
  </si>
  <si>
    <t>平間公園</t>
  </si>
  <si>
    <t>神奈川県川崎市中原区上平間1298</t>
  </si>
  <si>
    <t>023915</t>
  </si>
  <si>
    <t>山口白山公園</t>
  </si>
  <si>
    <t>023916</t>
  </si>
  <si>
    <t>向原の森公園</t>
  </si>
  <si>
    <t>023917</t>
  </si>
  <si>
    <t>神奈川県川崎市高津区子母口565</t>
  </si>
  <si>
    <t>023918</t>
  </si>
  <si>
    <t>白山西緑地</t>
  </si>
  <si>
    <t>023919</t>
  </si>
  <si>
    <t>王禅寺公園</t>
  </si>
  <si>
    <t>023920</t>
  </si>
  <si>
    <t>とんびいけ公園</t>
  </si>
  <si>
    <t>023921</t>
  </si>
  <si>
    <t>虹ヶ丘公園</t>
  </si>
  <si>
    <t>023922</t>
  </si>
  <si>
    <t>池上新田公園</t>
  </si>
  <si>
    <t>023923</t>
  </si>
  <si>
    <t>西菅公園</t>
  </si>
  <si>
    <t>023924</t>
  </si>
  <si>
    <t>葉積緑地</t>
  </si>
  <si>
    <t>023925</t>
  </si>
  <si>
    <t>宮崎第４公園</t>
  </si>
  <si>
    <t>023926</t>
  </si>
  <si>
    <t>南河原公園</t>
  </si>
  <si>
    <t>023927</t>
  </si>
  <si>
    <t>白山北緑地</t>
  </si>
  <si>
    <t>023928</t>
  </si>
  <si>
    <t>神奈川県川崎市幸区河原町､神明町1,2地内</t>
  </si>
  <si>
    <t>023929</t>
  </si>
  <si>
    <t>稲田公園</t>
  </si>
  <si>
    <t>023930</t>
  </si>
  <si>
    <t>023932</t>
  </si>
  <si>
    <t>小田公園</t>
  </si>
  <si>
    <t>023933</t>
  </si>
  <si>
    <t>桜川公園</t>
  </si>
  <si>
    <t>023934</t>
  </si>
  <si>
    <t>白山南緑地</t>
  </si>
  <si>
    <t>023935</t>
  </si>
  <si>
    <t>早野聖地公園</t>
  </si>
  <si>
    <t>神奈川県川崎市麻生区早野732</t>
  </si>
  <si>
    <t>023936</t>
  </si>
  <si>
    <t>万福寺さとやま公園</t>
  </si>
  <si>
    <t>023937</t>
  </si>
  <si>
    <t>御幸公園</t>
  </si>
  <si>
    <t>神奈川県川崎市幸区東古市場1</t>
  </si>
  <si>
    <t>023938</t>
  </si>
  <si>
    <t>黒川谷ツ公園</t>
  </si>
  <si>
    <t>023939</t>
  </si>
  <si>
    <t>むじなが池公園</t>
  </si>
  <si>
    <t>023940</t>
  </si>
  <si>
    <t>川崎市中原平和公園</t>
  </si>
  <si>
    <t>023941</t>
  </si>
  <si>
    <t>神奈川県川崎市多摩区枡形4地内</t>
  </si>
  <si>
    <t>023942</t>
  </si>
  <si>
    <t>菅北浦緑地</t>
  </si>
  <si>
    <t>023944</t>
  </si>
  <si>
    <t>023945</t>
  </si>
  <si>
    <t>大師公園</t>
  </si>
  <si>
    <t>神奈川県川崎市川崎区大師公園1</t>
  </si>
  <si>
    <t>023946</t>
  </si>
  <si>
    <t>023948</t>
  </si>
  <si>
    <t>富士見公園</t>
  </si>
  <si>
    <t>神奈川県川崎市川崎区富士見1､2</t>
  </si>
  <si>
    <t>023949</t>
  </si>
  <si>
    <t>緑ヶ丘霊園</t>
  </si>
  <si>
    <t>神奈川県川崎市高津区上作延､下作延､久地4地内</t>
  </si>
  <si>
    <t>023951</t>
  </si>
  <si>
    <t>等々力緑地</t>
  </si>
  <si>
    <t>023953</t>
  </si>
  <si>
    <t>生田緑地</t>
  </si>
  <si>
    <t>神奈川県川崎市宮前区初山1地内</t>
  </si>
  <si>
    <t>033954</t>
  </si>
  <si>
    <t>相模原市</t>
    <phoneticPr fontId="7"/>
  </si>
  <si>
    <t>神奈川県相模原市中央区上溝6-16</t>
  </si>
  <si>
    <t>033955</t>
  </si>
  <si>
    <t>すすきのこばと公園</t>
  </si>
  <si>
    <t>神奈川県相模原市中央区すすきの町41</t>
  </si>
  <si>
    <t>033956</t>
  </si>
  <si>
    <t>上鶴間本町山野西公園</t>
  </si>
  <si>
    <t>神奈川県相模原市南区上鶴間本町1-27</t>
  </si>
  <si>
    <t>033957</t>
  </si>
  <si>
    <t>上鶴間本町山野なかよし公園</t>
  </si>
  <si>
    <t>神奈川県相模原市南区上鶴間本町1-31</t>
  </si>
  <si>
    <t>033958</t>
  </si>
  <si>
    <t>相模原１丁目ほほえみ公園</t>
  </si>
  <si>
    <t>神奈川県相模原市中央区相模原1-1</t>
  </si>
  <si>
    <t>033959</t>
  </si>
  <si>
    <t>陽光台１丁目公園</t>
  </si>
  <si>
    <t>神奈川県相模原市中央区陽光台1-21</t>
  </si>
  <si>
    <t>033960</t>
  </si>
  <si>
    <t>千代田２丁目なかよし公園</t>
  </si>
  <si>
    <t>神奈川県相模原市中央区千代田2-8</t>
  </si>
  <si>
    <t>033961</t>
  </si>
  <si>
    <t>富士見六丁目公園</t>
  </si>
  <si>
    <t>神奈川県相模原市中央区富士見6-3</t>
  </si>
  <si>
    <t>033962</t>
  </si>
  <si>
    <t>横山６丁目若草公園</t>
  </si>
  <si>
    <t>神奈川県相模原市中央区横山6-5</t>
  </si>
  <si>
    <t>033963</t>
  </si>
  <si>
    <t>清新６丁目公園</t>
  </si>
  <si>
    <t>神奈川県相模原市中央区清新6-4</t>
  </si>
  <si>
    <t>033964</t>
  </si>
  <si>
    <t>相模原４丁目ちびっこ公園</t>
  </si>
  <si>
    <t>神奈川県相模原市中央区相模原4-7</t>
  </si>
  <si>
    <t>033965</t>
  </si>
  <si>
    <t>相模原４丁目エルザ公園</t>
  </si>
  <si>
    <t>神奈川県相模原市中央区相模原4-4</t>
  </si>
  <si>
    <t>033966</t>
  </si>
  <si>
    <t>道正山公園</t>
  </si>
  <si>
    <t>神奈川県相模原市南区上鶴間本町9-50</t>
  </si>
  <si>
    <t>033967</t>
  </si>
  <si>
    <t>相模原５丁目公園</t>
  </si>
  <si>
    <t>神奈川県相模原市中央区相模原5-5</t>
  </si>
  <si>
    <t>033968</t>
  </si>
  <si>
    <t>宮下本町３丁目公園</t>
  </si>
  <si>
    <t>神奈川県相模原市中央区宮下本町3-4</t>
  </si>
  <si>
    <t>033969</t>
  </si>
  <si>
    <t>清新５丁目ふれあい公園</t>
  </si>
  <si>
    <t>神奈川県相模原市中央区清新5-12</t>
  </si>
  <si>
    <t>033970</t>
  </si>
  <si>
    <t>田名新宿あおぞら公園</t>
  </si>
  <si>
    <t>神奈川県相模原市中央区田名7370-5</t>
  </si>
  <si>
    <t>033971</t>
  </si>
  <si>
    <t>上矢部はなみずき公園</t>
  </si>
  <si>
    <t>神奈川県相模原市中央区上矢部5-3</t>
  </si>
  <si>
    <t>033972</t>
  </si>
  <si>
    <t>道保川はなみずき公園</t>
  </si>
  <si>
    <t>神奈川県相模原市中央区上溝1468-18</t>
  </si>
  <si>
    <t>033973</t>
  </si>
  <si>
    <t>相原つばき公園</t>
  </si>
  <si>
    <t>神奈川県相模原市緑区相原2-2</t>
  </si>
  <si>
    <t>033974</t>
  </si>
  <si>
    <t>橋本風の子公園</t>
  </si>
  <si>
    <t>神奈川県相模原市緑区橋本8-11</t>
  </si>
  <si>
    <t>033975</t>
  </si>
  <si>
    <t>下九沢あすなろ公園</t>
  </si>
  <si>
    <t>神奈川県相模原市中央区下九沢1164-4</t>
  </si>
  <si>
    <t>033976</t>
  </si>
  <si>
    <t>西橋本しらとり公園</t>
  </si>
  <si>
    <t>神奈川県相模原市緑区西橋本3-2</t>
  </si>
  <si>
    <t>033977</t>
  </si>
  <si>
    <t>水場公園</t>
  </si>
  <si>
    <t>神奈川県相模原市緑区大島2183-7</t>
  </si>
  <si>
    <t>033978</t>
  </si>
  <si>
    <t>長竹白山小橋公園</t>
  </si>
  <si>
    <t>神奈川県相模原市緑区長竹1326-25</t>
  </si>
  <si>
    <t>033979</t>
  </si>
  <si>
    <t>横山台日金沢丘公園</t>
  </si>
  <si>
    <t>神奈川県相模原市中央区横山台2-5</t>
  </si>
  <si>
    <t>033980</t>
  </si>
  <si>
    <t>下九沢石宮公園</t>
  </si>
  <si>
    <t>神奈川県相模原市緑区下九沢2130-4</t>
  </si>
  <si>
    <t>033981</t>
  </si>
  <si>
    <t>富士見３丁目公園</t>
  </si>
  <si>
    <t>神奈川県相模原市中央区富士見3-10</t>
  </si>
  <si>
    <t>033982</t>
  </si>
  <si>
    <t>末広こども公園</t>
  </si>
  <si>
    <t>神奈川県相模原市緑区橋本7-13</t>
  </si>
  <si>
    <t>033983</t>
  </si>
  <si>
    <t>田名せせらぎ公園</t>
  </si>
  <si>
    <t>神奈川県相模原市中央区田名5352-30</t>
  </si>
  <si>
    <t>033984</t>
  </si>
  <si>
    <t>西橋本すみれ公園</t>
  </si>
  <si>
    <t>033985</t>
  </si>
  <si>
    <t>橋本２丁目なかよし公園</t>
  </si>
  <si>
    <t>神奈川県相模原市緑区橋本2-18</t>
  </si>
  <si>
    <t>033986</t>
  </si>
  <si>
    <t>上九沢しらとり公園</t>
  </si>
  <si>
    <t>神奈川県相模原市緑区上九沢255-18</t>
  </si>
  <si>
    <t>033987</t>
  </si>
  <si>
    <t>古清水公園</t>
  </si>
  <si>
    <t>神奈川県相模原市緑区大島2383-28</t>
  </si>
  <si>
    <t>033988</t>
  </si>
  <si>
    <t>相原ひまわり公園</t>
  </si>
  <si>
    <t>神奈川県相模原市緑区二本松1-5</t>
  </si>
  <si>
    <t>033989</t>
  </si>
  <si>
    <t>西橋本キンモクセイ公園</t>
  </si>
  <si>
    <t>神奈川県相模原市緑区西橋本1-27</t>
  </si>
  <si>
    <t>033990</t>
  </si>
  <si>
    <t>中横山こども公園</t>
  </si>
  <si>
    <t>神奈川県相模原市中央区下九沢767-111</t>
  </si>
  <si>
    <t>033991</t>
  </si>
  <si>
    <t>西橋本みどり公園</t>
  </si>
  <si>
    <t>神奈川県相模原市緑区西橋本4-11</t>
  </si>
  <si>
    <t>033992</t>
  </si>
  <si>
    <t>嶽之内れんげ公園</t>
  </si>
  <si>
    <t>神奈川県相模原市中央区淵野辺本町5-38</t>
  </si>
  <si>
    <t>033993</t>
  </si>
  <si>
    <t>田名つゆ草公園</t>
  </si>
  <si>
    <t>神奈川県相模原市中央区田名8564-7</t>
  </si>
  <si>
    <t>033994</t>
  </si>
  <si>
    <t>上矢部あさひ公園</t>
  </si>
  <si>
    <t>神奈川県相模原市中央区上矢部4-10</t>
  </si>
  <si>
    <t>033995</t>
  </si>
  <si>
    <t>柳原公園</t>
  </si>
  <si>
    <t>神奈川県相模原市緑区若柳569-27</t>
  </si>
  <si>
    <t>033996</t>
  </si>
  <si>
    <t>神奈川県相模原市緑区若柳1523-33</t>
  </si>
  <si>
    <t>033997</t>
  </si>
  <si>
    <t>与瀬中丸公園</t>
  </si>
  <si>
    <t>神奈川県相模原市緑区与瀬149-34</t>
  </si>
  <si>
    <t>033998</t>
  </si>
  <si>
    <t>神明平公園</t>
  </si>
  <si>
    <t>神奈川県相模原市緑区田名2634-25</t>
  </si>
  <si>
    <t>033999</t>
  </si>
  <si>
    <t>杉北公園</t>
  </si>
  <si>
    <t>神奈川県相模原市緑区日連381-9</t>
  </si>
  <si>
    <t>034000</t>
  </si>
  <si>
    <t>徳良沢公園</t>
  </si>
  <si>
    <t>神奈川県相模原市緑区日連844-4</t>
  </si>
  <si>
    <t>034001</t>
  </si>
  <si>
    <t>稲生公園</t>
  </si>
  <si>
    <t>神奈川県相模原市緑区長竹486-7</t>
  </si>
  <si>
    <t>034002</t>
  </si>
  <si>
    <t>相原みどり野公園</t>
  </si>
  <si>
    <t>神奈川県相模原市緑区相原5-10</t>
  </si>
  <si>
    <t>034003</t>
  </si>
  <si>
    <t>東開戸公園</t>
  </si>
  <si>
    <t>神奈川県相模原市緑区青野原2364-4</t>
  </si>
  <si>
    <t>ラダー</t>
  </si>
  <si>
    <t>034004</t>
  </si>
  <si>
    <t>相原つくし野公園</t>
  </si>
  <si>
    <t>034005</t>
  </si>
  <si>
    <t>つつじヶ丘第１公園</t>
  </si>
  <si>
    <t>034006</t>
  </si>
  <si>
    <t>又野道上公園</t>
  </si>
  <si>
    <t>神奈川県相模原市緑区又野156</t>
  </si>
  <si>
    <t>034007</t>
  </si>
  <si>
    <t>御園第２若葉公園</t>
  </si>
  <si>
    <t>神奈川県相模原市南区御園1-19</t>
  </si>
  <si>
    <t>034008</t>
  </si>
  <si>
    <t>陽光台４丁目公園</t>
  </si>
  <si>
    <t>神奈川県相模原市中央区陽光台4-16</t>
  </si>
  <si>
    <t>034009</t>
  </si>
  <si>
    <t>鵜野森なかよし公園</t>
  </si>
  <si>
    <t>神奈川県相模原市南区鵜野森1-33</t>
  </si>
  <si>
    <t>034010</t>
  </si>
  <si>
    <t>御園なかよし公園</t>
  </si>
  <si>
    <t>神奈川県相模原市南区御園1-18</t>
  </si>
  <si>
    <t>034011</t>
  </si>
  <si>
    <t>上鶴間すぎな公園</t>
  </si>
  <si>
    <t>神奈川県相模原市南区相模大野7-37</t>
  </si>
  <si>
    <t>034012</t>
  </si>
  <si>
    <t>やまびこ公園</t>
  </si>
  <si>
    <t>神奈川県相模原市南区若松6-1</t>
  </si>
  <si>
    <t>034013</t>
  </si>
  <si>
    <t>下九沢パイン公園</t>
  </si>
  <si>
    <t>神奈川県相模原市緑区下九沢2132-16</t>
  </si>
  <si>
    <t>034014</t>
  </si>
  <si>
    <t>上溝７丁目公園</t>
  </si>
  <si>
    <t>神奈川県相模原市中央区上溝7-24</t>
  </si>
  <si>
    <t>034015</t>
  </si>
  <si>
    <t>黄金山公園</t>
  </si>
  <si>
    <t>神奈川県相模原市中央区田名4162-5</t>
  </si>
  <si>
    <t>034016</t>
  </si>
  <si>
    <t>若松れんげ公園</t>
  </si>
  <si>
    <t>神奈川県相模原市南区若松2-1</t>
  </si>
  <si>
    <t>034017</t>
  </si>
  <si>
    <t>嶽之内第２公園</t>
  </si>
  <si>
    <t>神奈川県相模原市中央区淵野辺本町3-4</t>
  </si>
  <si>
    <t>034018</t>
  </si>
  <si>
    <t>豊町さつき公園</t>
  </si>
  <si>
    <t>神奈川県相模原市南区豊町2</t>
  </si>
  <si>
    <t>034019</t>
  </si>
  <si>
    <t>大野台かえで公園</t>
  </si>
  <si>
    <t>神奈川県相模原市南区大野台3-25</t>
  </si>
  <si>
    <t>034020</t>
  </si>
  <si>
    <t>すこやか公園</t>
  </si>
  <si>
    <t>神奈川県相模原市中央区相模原6-3</t>
  </si>
  <si>
    <t>034021</t>
  </si>
  <si>
    <t>伊勢山公園</t>
  </si>
  <si>
    <t>神奈川県相模原市南区上鶴間本町7-28</t>
  </si>
  <si>
    <t>034022</t>
  </si>
  <si>
    <t>南橋本さつき公園</t>
  </si>
  <si>
    <t>神奈川県相模原市中央区南橋本3-4</t>
  </si>
  <si>
    <t>034023</t>
  </si>
  <si>
    <t>橋本元木公園</t>
  </si>
  <si>
    <t>神奈川県相模原市緑区橋本8-21</t>
  </si>
  <si>
    <t>動物のオブジェ</t>
    <rPh sb="0" eb="2">
      <t>ドウブツノオブジェ</t>
    </rPh>
    <phoneticPr fontId="7"/>
  </si>
  <si>
    <t>034024</t>
  </si>
  <si>
    <t>上鶴間第２下河内公園</t>
  </si>
  <si>
    <t>神奈川県相模原市南区上鶴間本町9-35</t>
  </si>
  <si>
    <t>034025</t>
  </si>
  <si>
    <t>相原さんや公園</t>
  </si>
  <si>
    <t>神奈川県相模原市緑区相原2-7</t>
  </si>
  <si>
    <t>034026</t>
  </si>
  <si>
    <t>みゆき台わらべ公園</t>
  </si>
  <si>
    <t>神奈川県相模原市南区御園3-41</t>
  </si>
  <si>
    <t>034027</t>
  </si>
  <si>
    <t>神奈川県相模原市南区上鶴間本町7-25</t>
  </si>
  <si>
    <t>034028</t>
  </si>
  <si>
    <t>鹿島中公園</t>
  </si>
  <si>
    <t>神奈川県相模原市南区上鶴間本町3-12</t>
  </si>
  <si>
    <t>034029</t>
  </si>
  <si>
    <t>相模原なかよし公園</t>
  </si>
  <si>
    <t>神奈川県相模原市中央区相模原2-4</t>
  </si>
  <si>
    <t>034030</t>
  </si>
  <si>
    <t>丸山まきば公園</t>
  </si>
  <si>
    <t>神奈川県相模原市南区上鶴間本町2-28</t>
  </si>
  <si>
    <t>034031</t>
  </si>
  <si>
    <t>上溝みどり公園</t>
  </si>
  <si>
    <t>神奈川県相模原市中央区上溝1-11</t>
  </si>
  <si>
    <t>034032</t>
  </si>
  <si>
    <t>淵野辺本町りす公園</t>
  </si>
  <si>
    <t>神奈川県相模原市中央区淵野辺本町2-39</t>
  </si>
  <si>
    <t>034033</t>
  </si>
  <si>
    <t>上鶴間山野公園</t>
  </si>
  <si>
    <t>神奈川県相模原市南区相模大野2-12</t>
  </si>
  <si>
    <t>034034</t>
  </si>
  <si>
    <t>田名葭田公園</t>
  </si>
  <si>
    <t>神奈川県相模原市中央区田名6295-19</t>
  </si>
  <si>
    <t>034035</t>
  </si>
  <si>
    <t>鳩川れんげ公園</t>
  </si>
  <si>
    <t>神奈川県相模原市中央区上溝6-11</t>
  </si>
  <si>
    <t>034036</t>
  </si>
  <si>
    <t>相模原４丁目公園</t>
  </si>
  <si>
    <t>034037</t>
  </si>
  <si>
    <t>相模原８丁目あじさい公園</t>
  </si>
  <si>
    <t>神奈川県相模原市中央区相模原8-3</t>
  </si>
  <si>
    <t>034038</t>
  </si>
  <si>
    <t>御園２丁目東公園</t>
  </si>
  <si>
    <t>神奈川県相模原市南区御園2-6</t>
  </si>
  <si>
    <t>034039</t>
  </si>
  <si>
    <t>淵野辺２丁目第２公園</t>
  </si>
  <si>
    <t>神奈川県相模原市中央区淵野辺2-11</t>
  </si>
  <si>
    <t>034040</t>
  </si>
  <si>
    <t>小山２丁目さざんか公園</t>
  </si>
  <si>
    <t>神奈川県相模原市中央区小山2-11</t>
  </si>
  <si>
    <t>034041</t>
  </si>
  <si>
    <t>すすきのはとぽっぽ公園</t>
  </si>
  <si>
    <t>神奈川県相模原市中央区すすきの町19</t>
  </si>
  <si>
    <t>034042</t>
  </si>
  <si>
    <t>中淵西山公園</t>
  </si>
  <si>
    <t>神奈川県相模原市中央区淵野辺本町3-17</t>
  </si>
  <si>
    <t>034043</t>
  </si>
  <si>
    <t>小山２丁目くすのき公園</t>
  </si>
  <si>
    <t>神奈川県相模原市中央区小山2-2</t>
  </si>
  <si>
    <t>034044</t>
  </si>
  <si>
    <t>上鶴間本町５丁目せせらぎ公園</t>
  </si>
  <si>
    <t>神奈川県相模原市南区上鶴間本町5-3</t>
  </si>
  <si>
    <t>034045</t>
  </si>
  <si>
    <t>上鶴間本町５丁目竹ノ内公園</t>
  </si>
  <si>
    <t>神奈川県相模原市南区上鶴間本町5-30</t>
  </si>
  <si>
    <t>034046</t>
  </si>
  <si>
    <t>宝来公園</t>
  </si>
  <si>
    <t>神奈川県相模原市中央区淵野辺3-3</t>
  </si>
  <si>
    <t>034047</t>
  </si>
  <si>
    <t>向陽あじさい公園</t>
  </si>
  <si>
    <t>神奈川県相模原市中央区向陽町2</t>
  </si>
  <si>
    <t>034048</t>
  </si>
  <si>
    <t>上鶴間本町５丁目まつのき公園</t>
  </si>
  <si>
    <t>神奈川県相模原市南区上鶴間本町5-16</t>
  </si>
  <si>
    <t>034049</t>
  </si>
  <si>
    <t>共和芝生の庭公園</t>
  </si>
  <si>
    <t>神奈川県相模原市中央区共和3-3</t>
  </si>
  <si>
    <t>034050</t>
  </si>
  <si>
    <t>上溝田中公園</t>
  </si>
  <si>
    <t>神奈川県相模原市中央区上溝7-36</t>
  </si>
  <si>
    <t>034051</t>
  </si>
  <si>
    <t>小町はなもも公園</t>
  </si>
  <si>
    <t>神奈川県相模原市中央区小町通2-2</t>
  </si>
  <si>
    <t>034052</t>
  </si>
  <si>
    <t>下九沢桑の実公園</t>
  </si>
  <si>
    <t>神奈川県相模原市緑区下九沢1668-51</t>
  </si>
  <si>
    <t>034053</t>
  </si>
  <si>
    <t>星が丘４丁目にこにこ公園</t>
  </si>
  <si>
    <t>神奈川県相模原市中央区星が丘4-4</t>
  </si>
  <si>
    <t>034054</t>
  </si>
  <si>
    <t>西橋本下原公園</t>
  </si>
  <si>
    <t>神奈川県相模原市緑区西橋本4-4</t>
  </si>
  <si>
    <t>034055</t>
  </si>
  <si>
    <t>田名柳久保公園</t>
  </si>
  <si>
    <t>神奈川県相模原市中央区田名1711-39</t>
  </si>
  <si>
    <t>034056</t>
  </si>
  <si>
    <t>清新そよかぜ公園</t>
  </si>
  <si>
    <t>神奈川県相模原市中央区清新7-6</t>
  </si>
  <si>
    <t>034057</t>
  </si>
  <si>
    <t>南橋本あじさい公園</t>
  </si>
  <si>
    <t>神奈川県相模原市中央区南橋本1-1</t>
  </si>
  <si>
    <t>034058</t>
  </si>
  <si>
    <t>星が丘４丁目すこやか公園</t>
  </si>
  <si>
    <t>神奈川県相模原市中央区星が丘4-5</t>
  </si>
  <si>
    <t>034059</t>
  </si>
  <si>
    <t>淵野辺あかぬま公園</t>
  </si>
  <si>
    <t>神奈川県相模原市中央区淵野辺2-25</t>
  </si>
  <si>
    <t>034060</t>
  </si>
  <si>
    <t>こもれび小町公園</t>
  </si>
  <si>
    <t>神奈川県相模原市中央区小町通1-5</t>
  </si>
  <si>
    <t>034061</t>
  </si>
  <si>
    <t>上溝田中南公園</t>
  </si>
  <si>
    <t>034062</t>
  </si>
  <si>
    <t>西橋本ひかり公園</t>
  </si>
  <si>
    <t>神奈川県相模原市緑区西橋本4-8</t>
  </si>
  <si>
    <t>034063</t>
  </si>
  <si>
    <t>南橋本みどり公園</t>
  </si>
  <si>
    <t>神奈川県相模原市中央区南橋本1-16</t>
  </si>
  <si>
    <t>034064</t>
  </si>
  <si>
    <t>光が丘しらかば公園</t>
  </si>
  <si>
    <t>神奈川県相模原市中央区光が丘2-29</t>
  </si>
  <si>
    <t>034065</t>
  </si>
  <si>
    <t>東橋本ポケットパーク</t>
  </si>
  <si>
    <t>神奈川県相模原市緑区東橋本4-13</t>
  </si>
  <si>
    <t>034066</t>
  </si>
  <si>
    <t>相模原矢部公園</t>
  </si>
  <si>
    <t>神奈川県相模原市中央区矢部3-3</t>
  </si>
  <si>
    <t>山型雲梯</t>
  </si>
  <si>
    <t>034067</t>
  </si>
  <si>
    <t>陽光台３丁目公園</t>
  </si>
  <si>
    <t>神奈川県相模原市中央区陽光台3-15</t>
  </si>
  <si>
    <t>034068</t>
  </si>
  <si>
    <t>鳩川すみれ公園</t>
  </si>
  <si>
    <t>神奈川県相模原市中央区上溝520-9</t>
  </si>
  <si>
    <t>034069</t>
  </si>
  <si>
    <t>上溝竹の子公園</t>
  </si>
  <si>
    <t>神奈川県相模原市中央区上溝7-13</t>
  </si>
  <si>
    <t>034070</t>
  </si>
  <si>
    <t>田名とよはら公園</t>
  </si>
  <si>
    <t>神奈川県相模原市中央区田名4048-23</t>
  </si>
  <si>
    <t>034071</t>
  </si>
  <si>
    <t>大野台５丁目公園</t>
  </si>
  <si>
    <t>神奈川県相模原市南区大野台5-26</t>
  </si>
  <si>
    <t>034072</t>
  </si>
  <si>
    <t>上矢部いちょう公園</t>
  </si>
  <si>
    <t>神奈川県相模原市中央区上矢部1-15</t>
  </si>
  <si>
    <t>034073</t>
  </si>
  <si>
    <t>相原界第２公園</t>
  </si>
  <si>
    <t>神奈川県相模原市緑区原宿1-2</t>
  </si>
  <si>
    <t>034074</t>
  </si>
  <si>
    <t>温泉坂公園</t>
  </si>
  <si>
    <t>神奈川県相模原市緑区久保沢2-7</t>
  </si>
  <si>
    <t>034075</t>
  </si>
  <si>
    <t>相模大野２丁目公園</t>
  </si>
  <si>
    <t>神奈川県相模原市南区相模大野2-15</t>
  </si>
  <si>
    <t>034076</t>
  </si>
  <si>
    <t>日連台公園</t>
  </si>
  <si>
    <t>神奈川県相模原市緑区日連1543-2</t>
  </si>
  <si>
    <t>034077</t>
  </si>
  <si>
    <t>西橋本１丁目公園</t>
  </si>
  <si>
    <t>神奈川県相模原市緑区西橋本1-24</t>
  </si>
  <si>
    <t>034078</t>
  </si>
  <si>
    <t>ひなたぼっこの庭公園</t>
  </si>
  <si>
    <t>神奈川県相模原市緑区太井336-153</t>
  </si>
  <si>
    <t>034079</t>
  </si>
  <si>
    <t>太井第１公園</t>
  </si>
  <si>
    <t>神奈川県相模原市緑区太井208-32</t>
  </si>
  <si>
    <t>034080</t>
  </si>
  <si>
    <t>上鶴間笹山公園</t>
  </si>
  <si>
    <t>神奈川県相模原市南区上鶴間本町9-16</t>
  </si>
  <si>
    <t>034081</t>
  </si>
  <si>
    <t>新町やすらぎ公園</t>
  </si>
  <si>
    <t>神奈川県相模原市緑区橋本3-1</t>
  </si>
  <si>
    <t>034082</t>
  </si>
  <si>
    <t>文京２丁目公園</t>
  </si>
  <si>
    <t>神奈川県相模原市南区文京2-10</t>
  </si>
  <si>
    <t>034083</t>
  </si>
  <si>
    <t>鵜野森鹿島公園</t>
  </si>
  <si>
    <t>神奈川県相模原市南区鵜野森3-31</t>
  </si>
  <si>
    <t>034084</t>
  </si>
  <si>
    <t>川坂公園</t>
  </si>
  <si>
    <t>神奈川県相模原市緑区中野1665-12</t>
  </si>
  <si>
    <t>034085</t>
  </si>
  <si>
    <t>二本木さんかく公園</t>
  </si>
  <si>
    <t>神奈川県相模原市緑区三ケ木660-1</t>
  </si>
  <si>
    <t>034086</t>
  </si>
  <si>
    <t>横山台２丁目公園</t>
  </si>
  <si>
    <t>神奈川県相模原市中央区横山台2-21</t>
  </si>
  <si>
    <t>034087</t>
  </si>
  <si>
    <t>若葉公園</t>
  </si>
  <si>
    <t>神奈川県相模原市中央区青葉2-2</t>
  </si>
  <si>
    <t>034088</t>
  </si>
  <si>
    <t>陽光台ひまわり公園</t>
  </si>
  <si>
    <t>神奈川県相模原市中央区陽光台6-10</t>
  </si>
  <si>
    <t>034089</t>
  </si>
  <si>
    <t>御園２丁目公園</t>
  </si>
  <si>
    <t>034090</t>
  </si>
  <si>
    <t>上鶴間下河内公園</t>
  </si>
  <si>
    <t>034091</t>
  </si>
  <si>
    <t>中村さつき公園</t>
  </si>
  <si>
    <t>神奈川県相模原市南区上鶴間本町4-47</t>
  </si>
  <si>
    <t>034092</t>
  </si>
  <si>
    <t>西橋本３丁目公園</t>
  </si>
  <si>
    <t>034093</t>
  </si>
  <si>
    <t>淵野辺１丁目公園</t>
  </si>
  <si>
    <t>神奈川県相模原市中央区淵野辺1-2</t>
  </si>
  <si>
    <t>034094</t>
  </si>
  <si>
    <t>中道上公園</t>
  </si>
  <si>
    <t>神奈川県相模原市南区上鶴間本町5-8</t>
  </si>
  <si>
    <t>034095</t>
  </si>
  <si>
    <t>子育公園</t>
  </si>
  <si>
    <t>神奈川県相模原市中央区上溝4492-9</t>
  </si>
  <si>
    <t>034096</t>
  </si>
  <si>
    <t>文京さつき公園</t>
  </si>
  <si>
    <t>神奈川県相模原市南区文京1-6</t>
  </si>
  <si>
    <t>034097</t>
  </si>
  <si>
    <t>淵野辺きぼう公園</t>
  </si>
  <si>
    <t>神奈川県相模原市中央区淵野辺2-32</t>
  </si>
  <si>
    <t>034098</t>
  </si>
  <si>
    <t>本郷第１公園</t>
  </si>
  <si>
    <t>神奈川県相模原市緑区町屋1-22</t>
  </si>
  <si>
    <t>034099</t>
  </si>
  <si>
    <t>鳩川むつみ公園</t>
  </si>
  <si>
    <t>神奈川県相模原市中央区上溝546-4</t>
  </si>
  <si>
    <t>034100</t>
  </si>
  <si>
    <t>大野台１丁目公園</t>
  </si>
  <si>
    <t>神奈川県相模原市南区大野台1-8</t>
  </si>
  <si>
    <t>034101</t>
  </si>
  <si>
    <t>小山矢掛公園</t>
  </si>
  <si>
    <t>神奈川県相模原市中央区宮下本町3-55</t>
  </si>
  <si>
    <t>034102</t>
  </si>
  <si>
    <t>桜木台公園</t>
  </si>
  <si>
    <t>神奈川県相模原市緑区下九沢479-47</t>
  </si>
  <si>
    <t>034103</t>
  </si>
  <si>
    <t>新宿さわやか公園</t>
  </si>
  <si>
    <t>神奈川県相模原市中央区田名7401-4</t>
  </si>
  <si>
    <t>034104</t>
  </si>
  <si>
    <t>旭みどり公園</t>
  </si>
  <si>
    <t>神奈川県相模原市南区旭町15</t>
  </si>
  <si>
    <t>034105</t>
  </si>
  <si>
    <t>日金沢あおぞら公園</t>
  </si>
  <si>
    <t>神奈川県相模原市中央区横山台2-2</t>
  </si>
  <si>
    <t>034106</t>
  </si>
  <si>
    <t>さくら小町公園</t>
  </si>
  <si>
    <t>神奈川県相模原市中央区小町通1-6</t>
  </si>
  <si>
    <t>034107</t>
  </si>
  <si>
    <t>御園４丁目みなみ公園</t>
  </si>
  <si>
    <t>神奈川県相模原市南区御園4-8</t>
  </si>
  <si>
    <t>034108</t>
  </si>
  <si>
    <t>共和桜の木公園</t>
  </si>
  <si>
    <t>神奈川県相模原市中央区共和3-2</t>
  </si>
  <si>
    <t>034109</t>
  </si>
  <si>
    <t>相模原６丁目こまどり公園</t>
  </si>
  <si>
    <t>神奈川県相模原市中央区相模原6-16</t>
  </si>
  <si>
    <t>034110</t>
  </si>
  <si>
    <t>青葉２丁目星のポケットパーク</t>
  </si>
  <si>
    <t>神奈川県相模原市中央区青葉2-6</t>
  </si>
  <si>
    <t>034111</t>
  </si>
  <si>
    <t>星が丘４丁目いきいき公園</t>
  </si>
  <si>
    <t>神奈川県相模原市中央区星が丘4-6</t>
  </si>
  <si>
    <t>034112</t>
  </si>
  <si>
    <t>元橋本けやき公園</t>
  </si>
  <si>
    <t>神奈川県相模原市緑区元橋本町15</t>
  </si>
  <si>
    <t>034113</t>
  </si>
  <si>
    <t>東橋本南公園</t>
  </si>
  <si>
    <t>神奈川県相模原市緑区東橋本1-17</t>
  </si>
  <si>
    <t>034114</t>
  </si>
  <si>
    <t>中の郷公園</t>
  </si>
  <si>
    <t>神奈川県相模原市緑区大島3329-4</t>
  </si>
  <si>
    <t>034115</t>
  </si>
  <si>
    <t>相模原４丁目ふれあい公園</t>
  </si>
  <si>
    <t>神奈川県相模原市中央区相模原4-3</t>
  </si>
  <si>
    <t>034116</t>
  </si>
  <si>
    <t>清水原なかよし公園</t>
  </si>
  <si>
    <t>神奈川県相模原市緑区田名2207-3</t>
  </si>
  <si>
    <t>034117</t>
  </si>
  <si>
    <t>東淵野辺４丁目南公園</t>
  </si>
  <si>
    <t>神奈川県相模原市中央区東淵野辺4-9</t>
  </si>
  <si>
    <t>034118</t>
  </si>
  <si>
    <t>しおだこぶし橋公園</t>
  </si>
  <si>
    <t>神奈川県相模原市中央区田名塩田4-1</t>
  </si>
  <si>
    <t>034119</t>
  </si>
  <si>
    <t>二本松原山公園</t>
  </si>
  <si>
    <t>神奈川県相模原市緑区二本松1-3</t>
  </si>
  <si>
    <t>034120</t>
  </si>
  <si>
    <t>峡の原ひばり公園</t>
  </si>
  <si>
    <t>神奈川県相模原市緑区西橋本3-19</t>
  </si>
  <si>
    <t>034121</t>
  </si>
  <si>
    <t>水郷田名２丁目公園</t>
  </si>
  <si>
    <t>のぼり棒</t>
  </si>
  <si>
    <t>034122</t>
  </si>
  <si>
    <t>大島上久保公園</t>
  </si>
  <si>
    <t>神奈川県相模原市緑区大島1536-5</t>
  </si>
  <si>
    <t>034123</t>
  </si>
  <si>
    <t>西橋本みのり公園</t>
  </si>
  <si>
    <t>神奈川県相模原市緑区西橋本3-3</t>
  </si>
  <si>
    <t>034124</t>
  </si>
  <si>
    <t>淵野辺一丁目南公園</t>
  </si>
  <si>
    <t>神奈川県相模原市中央区淵野辺1-6</t>
  </si>
  <si>
    <t>034125</t>
  </si>
  <si>
    <t>隠し沢公園</t>
  </si>
  <si>
    <t>神奈川県相模原市緑区長竹432</t>
  </si>
  <si>
    <t>034126</t>
  </si>
  <si>
    <t>葛輪ふれあい公園</t>
  </si>
  <si>
    <t>神奈川県相模原市中央区田名2644-11</t>
  </si>
  <si>
    <t>034127</t>
  </si>
  <si>
    <t>杉南公園</t>
  </si>
  <si>
    <t>神奈川県相模原市緑区日連238-3</t>
  </si>
  <si>
    <t>034128</t>
  </si>
  <si>
    <t>太井第２公園</t>
  </si>
  <si>
    <t>神奈川県相模原市緑区太井311-5</t>
  </si>
  <si>
    <t>034129</t>
  </si>
  <si>
    <t>神奈川県相模原市中央区上溝1496-5</t>
  </si>
  <si>
    <t>034130</t>
  </si>
  <si>
    <t>上溝こまどり公園</t>
  </si>
  <si>
    <t>神奈川県相模原市中央区上溝5-10</t>
  </si>
  <si>
    <t>034131</t>
  </si>
  <si>
    <t>長竹第１公園</t>
  </si>
  <si>
    <t>神奈川県相模原市緑区長竹1048</t>
  </si>
  <si>
    <t>034132</t>
  </si>
  <si>
    <t>深堀第２公園</t>
  </si>
  <si>
    <t>神奈川県相模原市南区上鶴間3-28</t>
  </si>
  <si>
    <t>034133</t>
  </si>
  <si>
    <t>下九沢さくら公園</t>
  </si>
  <si>
    <t>神奈川県相模原市緑区下九沢1559-6</t>
  </si>
  <si>
    <t>034134</t>
  </si>
  <si>
    <t>新淵公園</t>
  </si>
  <si>
    <t>神奈川県相模原市南区古淵3-33</t>
  </si>
  <si>
    <t>034135</t>
  </si>
  <si>
    <t>谷口ともだち公園</t>
  </si>
  <si>
    <t>神奈川県相模原市南区上鶴間本町6-3</t>
  </si>
  <si>
    <t>034136</t>
  </si>
  <si>
    <t>鶴の原上鶴間公園</t>
  </si>
  <si>
    <t>神奈川県相模原市南区相模大野5-10</t>
  </si>
  <si>
    <t>034137</t>
  </si>
  <si>
    <t>田名みどり野公園</t>
  </si>
  <si>
    <t>神奈川県相模原市中央区田名3355-28</t>
  </si>
  <si>
    <t>034138</t>
  </si>
  <si>
    <t>西橋本４丁目公園</t>
  </si>
  <si>
    <t>神奈川県相模原市緑区西橋本4-9</t>
  </si>
  <si>
    <t>034139</t>
  </si>
  <si>
    <t>矢部あじさい公園</t>
  </si>
  <si>
    <t>神奈川県相模原市中央区矢部1-3</t>
  </si>
  <si>
    <t>034140</t>
  </si>
  <si>
    <t>星が丘ひよこ公園</t>
  </si>
  <si>
    <t>神奈川県相模原市中央区星が丘3-2</t>
  </si>
  <si>
    <t>034141</t>
  </si>
  <si>
    <t>上鶴間わかば公園</t>
  </si>
  <si>
    <t>神奈川県相模原市南区上鶴間2-9</t>
  </si>
  <si>
    <t>034142</t>
  </si>
  <si>
    <t>旭さくら公園</t>
  </si>
  <si>
    <t>034143</t>
  </si>
  <si>
    <t>向陽公園</t>
  </si>
  <si>
    <t>神奈川県相模原市中央区向陽町3</t>
  </si>
  <si>
    <t>034144</t>
  </si>
  <si>
    <t>御園若葉公園</t>
  </si>
  <si>
    <t>ロープ遊具</t>
    <rPh sb="3" eb="5">
      <t>ユウグ</t>
    </rPh>
    <phoneticPr fontId="7"/>
  </si>
  <si>
    <t>034145</t>
  </si>
  <si>
    <t>虹吹公園</t>
  </si>
  <si>
    <t>神奈川県相模原市中央区上溝622-12</t>
  </si>
  <si>
    <t>034146</t>
  </si>
  <si>
    <t>水郷田名みなみ公園</t>
  </si>
  <si>
    <t>神奈川県相模原市中央区水郷田名4-3</t>
  </si>
  <si>
    <t>034147</t>
  </si>
  <si>
    <t>上鶴間本町９丁目公園</t>
  </si>
  <si>
    <t>神奈川県相模原市南区上鶴間本町9-10</t>
  </si>
  <si>
    <t>034148</t>
  </si>
  <si>
    <t>上溝つつじ公園</t>
  </si>
  <si>
    <t>神奈川県相模原市中央区上溝3948-3</t>
  </si>
  <si>
    <t>034149</t>
  </si>
  <si>
    <t>小山２丁目みどり公園</t>
  </si>
  <si>
    <t>神奈川県相模原市中央区小山2-4</t>
  </si>
  <si>
    <t>034150</t>
  </si>
  <si>
    <t>水郷田名きた公園</t>
  </si>
  <si>
    <t>神奈川県相模原市中央区水郷田名3-3</t>
  </si>
  <si>
    <t>034151</t>
  </si>
  <si>
    <t>東淵野辺正栄公園</t>
  </si>
  <si>
    <t>神奈川県相模原市中央区東淵野辺5-10</t>
  </si>
  <si>
    <t>034152</t>
  </si>
  <si>
    <t>田名ひだまり公園</t>
  </si>
  <si>
    <t>神奈川県相模原市中央区田名3062-17</t>
  </si>
  <si>
    <t>034153</t>
  </si>
  <si>
    <t>上鶴間本町二丁目桜ノ絆公園</t>
  </si>
  <si>
    <t>神奈川県相模原市南区上鶴間本町2-26</t>
  </si>
  <si>
    <t>034154</t>
  </si>
  <si>
    <t>田名望地公園</t>
  </si>
  <si>
    <t>神奈川県相模原市中央区田名8058-30</t>
  </si>
  <si>
    <t>034155</t>
  </si>
  <si>
    <t>中の郷ふれあい公園</t>
  </si>
  <si>
    <t>神奈川県相模原市緑区大島1598-30</t>
  </si>
  <si>
    <t>034156</t>
  </si>
  <si>
    <t>田名塩田団地やすらぎ公園</t>
  </si>
  <si>
    <t>神奈川県相模原市中央区田名塩田3-3</t>
  </si>
  <si>
    <t>平均台</t>
  </si>
  <si>
    <t>034157</t>
  </si>
  <si>
    <t>神奈川県相模原市緑区橋本台1-13</t>
  </si>
  <si>
    <t>034158</t>
  </si>
  <si>
    <t>上溝四ツ谷すこやか公園</t>
  </si>
  <si>
    <t>神奈川県相模原市中央区上溝4410-9</t>
  </si>
  <si>
    <t>034159</t>
  </si>
  <si>
    <t>松の内公園</t>
  </si>
  <si>
    <t>神奈川県相模原市緑区二本松4-7</t>
  </si>
  <si>
    <t>034160</t>
  </si>
  <si>
    <t>丸崎公園</t>
  </si>
  <si>
    <t>神奈川県相模原市中央区上溝1585-14</t>
  </si>
  <si>
    <t>034161</t>
  </si>
  <si>
    <t>当麻田どうどう公園</t>
  </si>
  <si>
    <t>神奈川県相模原市緑区相原5-7</t>
  </si>
  <si>
    <t>034162</t>
  </si>
  <si>
    <t>相原４丁目桑の実公園</t>
  </si>
  <si>
    <t>神奈川県相模原市緑区相原4-24</t>
  </si>
  <si>
    <t>034163</t>
  </si>
  <si>
    <t>文京上原公園</t>
  </si>
  <si>
    <t>神奈川県相模原市南区文京2-8</t>
  </si>
  <si>
    <t>034164</t>
  </si>
  <si>
    <t>大沼松音公園</t>
  </si>
  <si>
    <t>神奈川県相模原市南区大野台3-30</t>
  </si>
  <si>
    <t>034165</t>
  </si>
  <si>
    <t>上町西公園</t>
  </si>
  <si>
    <t>神奈川県相模原市緑区橋本8-7</t>
  </si>
  <si>
    <t>034166</t>
  </si>
  <si>
    <t>丸屋公園</t>
  </si>
  <si>
    <t>神奈川県相模原市南区相模大野1-3</t>
  </si>
  <si>
    <t>034167</t>
  </si>
  <si>
    <t>鳩川あじさい公園</t>
  </si>
  <si>
    <t>神奈川県相模原市中央区上溝2-9</t>
  </si>
  <si>
    <t>034168</t>
  </si>
  <si>
    <t>中央５丁目公園</t>
  </si>
  <si>
    <t>神奈川県相模原市中央区中央5-13</t>
  </si>
  <si>
    <t>034169</t>
  </si>
  <si>
    <t>下九沢ひまわり公園</t>
  </si>
  <si>
    <t>神奈川県相模原市緑区下九沢2032-4</t>
  </si>
  <si>
    <t>034170</t>
  </si>
  <si>
    <t>西橋本３丁目トライ公園</t>
  </si>
  <si>
    <t>神奈川県相模原市緑区西橋本3-1</t>
  </si>
  <si>
    <t>034171</t>
  </si>
  <si>
    <t>淵野辺風の公園</t>
  </si>
  <si>
    <t>神奈川県相模原市中央区淵野辺2-7</t>
  </si>
  <si>
    <t>034172</t>
  </si>
  <si>
    <t>御園すみれ公園</t>
  </si>
  <si>
    <t>神奈川県相模原市南区御園2-11</t>
  </si>
  <si>
    <t>034173</t>
  </si>
  <si>
    <t>きづき公園</t>
  </si>
  <si>
    <t>神奈川県相模原市南区上鶴間1-19</t>
  </si>
  <si>
    <t>034174</t>
  </si>
  <si>
    <t>又野メスレーの里公園</t>
  </si>
  <si>
    <t>神奈川県相模原市緑区又野870-39</t>
  </si>
  <si>
    <t>034175</t>
  </si>
  <si>
    <t>丸山公園</t>
  </si>
  <si>
    <t>神奈川県相模原市南区上鶴間本町2-29</t>
  </si>
  <si>
    <t>034176</t>
  </si>
  <si>
    <t>元橋本ふよう公園</t>
  </si>
  <si>
    <t>神奈川県相模原市緑区元橋本町11</t>
  </si>
  <si>
    <t>034177</t>
  </si>
  <si>
    <t>二本松１丁目公園</t>
  </si>
  <si>
    <t>神奈川県相模原市緑区二本松1-18</t>
  </si>
  <si>
    <t>034178</t>
  </si>
  <si>
    <t>大野台なかよし公園</t>
  </si>
  <si>
    <t>神奈川県相模原市南区大野台2-18</t>
  </si>
  <si>
    <t>034179</t>
  </si>
  <si>
    <t>本郷第２公園</t>
  </si>
  <si>
    <t>神奈川県相模原市緑区町屋1-2</t>
  </si>
  <si>
    <t>034180</t>
  </si>
  <si>
    <t>田名新宿公園</t>
  </si>
  <si>
    <t>神奈川県相模原市中央区田名7198-6</t>
  </si>
  <si>
    <t>034181</t>
  </si>
  <si>
    <t>橋本台ふれあい公園</t>
  </si>
  <si>
    <t>神奈川県相模原市緑区橋本台1-33</t>
  </si>
  <si>
    <t>034182</t>
  </si>
  <si>
    <t>袋沢公園</t>
  </si>
  <si>
    <t>神奈川県相模原市南区下溝2568-3</t>
  </si>
  <si>
    <t>034183</t>
  </si>
  <si>
    <t>大野台みどり公園</t>
  </si>
  <si>
    <t>神奈川県相模原市南区大野台6-4</t>
  </si>
  <si>
    <t>034184</t>
  </si>
  <si>
    <t>並木２丁目公園</t>
  </si>
  <si>
    <t>神奈川県相模原市中央区並木2-2</t>
  </si>
  <si>
    <t>034185</t>
  </si>
  <si>
    <t>塚場公園</t>
  </si>
  <si>
    <t>神奈川県相模原市緑区下九沢1590-3</t>
  </si>
  <si>
    <t>034186</t>
  </si>
  <si>
    <t>神奈川県相模原市中央区田名塩田3-2</t>
  </si>
  <si>
    <t>034187</t>
  </si>
  <si>
    <t>星が丘３丁目三角公園</t>
  </si>
  <si>
    <t>神奈川県相模原市中央区星が丘3-1</t>
  </si>
  <si>
    <t>034188</t>
  </si>
  <si>
    <t>淵野辺一丁目きずな公園</t>
  </si>
  <si>
    <t>034189</t>
  </si>
  <si>
    <t>横山３丁目公園</t>
  </si>
  <si>
    <t>神奈川県相模原市中央区横山3-23</t>
  </si>
  <si>
    <t>034190</t>
  </si>
  <si>
    <t>平和公園</t>
  </si>
  <si>
    <t>神奈川県相模原市緑区西橋本2-19</t>
  </si>
  <si>
    <t>034191</t>
  </si>
  <si>
    <t>虹が丘公園</t>
  </si>
  <si>
    <t>神奈川県相模原市中央区陽光台6-7</t>
  </si>
  <si>
    <t>034192</t>
  </si>
  <si>
    <t>上溝坂上公園</t>
  </si>
  <si>
    <t>神奈川県相模原市中央区陽光台1-1</t>
  </si>
  <si>
    <t>034193</t>
  </si>
  <si>
    <t>田名比羅野公園</t>
  </si>
  <si>
    <t>神奈川県相模原市中央区田名2940-4</t>
  </si>
  <si>
    <t>034194</t>
  </si>
  <si>
    <t>鹿島森公園</t>
  </si>
  <si>
    <t>神奈川県相模原市南区鵜野森2-27</t>
  </si>
  <si>
    <t>034195</t>
  </si>
  <si>
    <t>横山５丁目公園</t>
  </si>
  <si>
    <t>神奈川県相模原市中央区横山5-4</t>
  </si>
  <si>
    <t>034196</t>
  </si>
  <si>
    <t>文京青空公園</t>
  </si>
  <si>
    <t>神奈川県相模原市南区文京1-1</t>
  </si>
  <si>
    <t>034197</t>
  </si>
  <si>
    <t>相模台４丁目公園</t>
  </si>
  <si>
    <t>神奈川県相模原市南区相模台4-14</t>
  </si>
  <si>
    <t>034199</t>
  </si>
  <si>
    <t>柏木第２公園</t>
  </si>
  <si>
    <t>神奈川県相模原市南区鵜野森1-30</t>
  </si>
  <si>
    <t>034200</t>
  </si>
  <si>
    <t>上鶴間道正山公園</t>
  </si>
  <si>
    <t>神奈川県相模原市南区上鶴間本町9-51</t>
  </si>
  <si>
    <t>034201</t>
  </si>
  <si>
    <t>南橋本やまぶき公園</t>
  </si>
  <si>
    <t>神奈川県相模原市中央区南橋本1-20</t>
  </si>
  <si>
    <t>034202</t>
  </si>
  <si>
    <t>共和北公園</t>
  </si>
  <si>
    <t>神奈川県相模原市中央区共和1-3</t>
  </si>
  <si>
    <t>034203</t>
  </si>
  <si>
    <t>淵野辺２丁目公園</t>
  </si>
  <si>
    <t>神奈川県相模原市中央区淵野辺2-6</t>
  </si>
  <si>
    <t>034204</t>
  </si>
  <si>
    <t>並木２丁目ひばり公園</t>
  </si>
  <si>
    <t>神奈川県相模原市中央区並木2-1</t>
  </si>
  <si>
    <t>034205</t>
  </si>
  <si>
    <t>大野台２丁目公園</t>
  </si>
  <si>
    <t>神奈川県相模原市南区大野台2-12</t>
  </si>
  <si>
    <t>034206</t>
  </si>
  <si>
    <t>神奈川県相模原市緑区根小屋2915-123</t>
  </si>
  <si>
    <t>034207</t>
  </si>
  <si>
    <t>下村公園</t>
  </si>
  <si>
    <t>神奈川県相模原市南区上鶴間本町5-4</t>
  </si>
  <si>
    <t>034208</t>
  </si>
  <si>
    <t>南橋本くすのき公園</t>
  </si>
  <si>
    <t>神奈川県相模原市中央区南橋本2-1</t>
  </si>
  <si>
    <t>034209</t>
  </si>
  <si>
    <t>富士見２丁目公園</t>
  </si>
  <si>
    <t>神奈川県相模原市中央区富士見2-1</t>
  </si>
  <si>
    <t>034210</t>
  </si>
  <si>
    <t>南台松風公園</t>
  </si>
  <si>
    <t>神奈川県相模原市南区南台1-4</t>
  </si>
  <si>
    <t>プレイウォール</t>
  </si>
  <si>
    <t>034211</t>
  </si>
  <si>
    <t>西内出公園</t>
  </si>
  <si>
    <t>神奈川県相模原市緑区下九沢1475-8</t>
  </si>
  <si>
    <t>034212</t>
  </si>
  <si>
    <t>神奈川県相模原市南区下溝502</t>
  </si>
  <si>
    <t>034213</t>
  </si>
  <si>
    <t>上溝そよ風公園</t>
  </si>
  <si>
    <t>神奈川県相模原市中央区上溝1936-25</t>
  </si>
  <si>
    <t>小遊具</t>
  </si>
  <si>
    <t>034214</t>
  </si>
  <si>
    <t>藤野台西公園</t>
  </si>
  <si>
    <t>神奈川県相模原市緑区小渕22-80</t>
  </si>
  <si>
    <t>034215</t>
  </si>
  <si>
    <t>豊原公園</t>
  </si>
  <si>
    <t>神奈川県相模原市中央区田名3998-1</t>
  </si>
  <si>
    <t>034216</t>
  </si>
  <si>
    <t>プラザ三角公園</t>
  </si>
  <si>
    <t>神奈川県相模原市南区相模大野6-22</t>
  </si>
  <si>
    <t>034217</t>
  </si>
  <si>
    <t>文京公園</t>
  </si>
  <si>
    <t>神奈川県相模原市南区文京2-15</t>
  </si>
  <si>
    <t>034219</t>
  </si>
  <si>
    <t>下中丸第２公園</t>
  </si>
  <si>
    <t>神奈川県相模原市南区下溝759</t>
  </si>
  <si>
    <t>034220</t>
  </si>
  <si>
    <t>光が丘陽だまり公園</t>
  </si>
  <si>
    <t>神奈川県相模原市中央区光が丘2-18</t>
  </si>
  <si>
    <t>034221</t>
  </si>
  <si>
    <t>藤野台東公園</t>
  </si>
  <si>
    <t>神奈川県相模原市緑区小渕123-41</t>
  </si>
  <si>
    <t>034222</t>
  </si>
  <si>
    <t>下九沢たんぽぽ公園</t>
  </si>
  <si>
    <t>神奈川県相模原市緑区下九沢2038-15</t>
  </si>
  <si>
    <t>ハンモック遊具</t>
  </si>
  <si>
    <t>034223</t>
  </si>
  <si>
    <t>堀之内ワンパク公園</t>
  </si>
  <si>
    <t>神奈川県相模原市中央区田名1916-4</t>
  </si>
  <si>
    <t>034224</t>
  </si>
  <si>
    <t>長久保第３公園</t>
  </si>
  <si>
    <t>神奈川県相模原市中央区横山4-16</t>
  </si>
  <si>
    <t>034225</t>
  </si>
  <si>
    <t>嶽之内公園</t>
  </si>
  <si>
    <t>神奈川県相模原市中央区淵野辺本町5-26</t>
  </si>
  <si>
    <t>034226</t>
  </si>
  <si>
    <t>村富公園</t>
  </si>
  <si>
    <t>神奈川県相模原市中央区矢部2-7</t>
  </si>
  <si>
    <t>034227</t>
  </si>
  <si>
    <t>由野台第２公園</t>
  </si>
  <si>
    <t>神奈川県相模原市中央区由野台2-12</t>
  </si>
  <si>
    <t>034228</t>
  </si>
  <si>
    <t>みゆき台公園</t>
  </si>
  <si>
    <t>034229</t>
  </si>
  <si>
    <t>大野台６丁目第２公園</t>
  </si>
  <si>
    <t>神奈川県相模原市南区大野台6-5</t>
  </si>
  <si>
    <t>034230</t>
  </si>
  <si>
    <t>相模台ライラック公園</t>
  </si>
  <si>
    <t>神奈川県相模原市南区相模台3-5</t>
  </si>
  <si>
    <t>034231</t>
  </si>
  <si>
    <t>柏木第１公園</t>
  </si>
  <si>
    <t>034232</t>
  </si>
  <si>
    <t>由野台第３公園</t>
  </si>
  <si>
    <t>神奈川県相模原市中央区由野台1-6</t>
  </si>
  <si>
    <t>034233</t>
  </si>
  <si>
    <t>大野台てるてる公園</t>
  </si>
  <si>
    <t>034234</t>
  </si>
  <si>
    <t>山野中央公園</t>
  </si>
  <si>
    <t>神奈川県相模原市南区上鶴間本町1-33</t>
  </si>
  <si>
    <t>034235</t>
  </si>
  <si>
    <t>上溝四ツ谷ふれあい公園</t>
  </si>
  <si>
    <t>神奈川県相模原市中央区上溝4115-1</t>
  </si>
  <si>
    <t>034236</t>
  </si>
  <si>
    <t>向原中央公園</t>
  </si>
  <si>
    <t>神奈川県相模原市緑区向原3-6</t>
  </si>
  <si>
    <t>034237</t>
  </si>
  <si>
    <t>谷口中村公園</t>
  </si>
  <si>
    <t>神奈川県相模原市南区上鶴間本町4-6</t>
  </si>
  <si>
    <t>034238</t>
  </si>
  <si>
    <t>南新町公園</t>
  </si>
  <si>
    <t>034239</t>
  </si>
  <si>
    <t>向原南公園</t>
  </si>
  <si>
    <t>神奈川県相模原市緑区向原3-17</t>
  </si>
  <si>
    <t>034241</t>
  </si>
  <si>
    <t>若草公園</t>
  </si>
  <si>
    <t>神奈川県相模原市南区相模台6-20</t>
  </si>
  <si>
    <t>034242</t>
  </si>
  <si>
    <t>西橋本はなみずき公園</t>
  </si>
  <si>
    <t>神奈川県相模原市緑区西橋本1-16</t>
  </si>
  <si>
    <t>034243</t>
  </si>
  <si>
    <t>横山台公園</t>
  </si>
  <si>
    <t>神奈川県相模原市中央区横山台2-23</t>
  </si>
  <si>
    <t>034244</t>
  </si>
  <si>
    <t>淵野辺本町どんぐり公園</t>
  </si>
  <si>
    <t>神奈川県相模原市中央区淵野辺本町1-22</t>
  </si>
  <si>
    <t>034245</t>
  </si>
  <si>
    <t>窪ノ淵公園</t>
  </si>
  <si>
    <t>神奈川県相模原市緑区二本松1-28</t>
  </si>
  <si>
    <t>034246</t>
  </si>
  <si>
    <t>二本松さくら公園</t>
  </si>
  <si>
    <t>神奈川県相模原市緑区二本松3-17</t>
  </si>
  <si>
    <t>034247</t>
  </si>
  <si>
    <t>相模原駅前公園</t>
  </si>
  <si>
    <t>034248</t>
  </si>
  <si>
    <t>山王公園</t>
  </si>
  <si>
    <t>神奈川県相模原市中央区淵野辺本町2-28</t>
  </si>
  <si>
    <t>034249</t>
  </si>
  <si>
    <t>相模大野７丁目アルファベット公園</t>
  </si>
  <si>
    <t>神奈川県相模原市南区相模大野7-35</t>
  </si>
  <si>
    <t>丸太ステップ、ステッププレート</t>
  </si>
  <si>
    <t>034250</t>
  </si>
  <si>
    <t>峡の原あじさい公園</t>
  </si>
  <si>
    <t>神奈川県相模原市緑区西橋本3-21</t>
  </si>
  <si>
    <t>034251</t>
  </si>
  <si>
    <t>上松並公園</t>
  </si>
  <si>
    <t>神奈川県相模原市緑区二本松2-31</t>
  </si>
  <si>
    <t>034252</t>
  </si>
  <si>
    <t>旭公園</t>
  </si>
  <si>
    <t>神奈川県相模原市南区旭町24</t>
  </si>
  <si>
    <t>034253</t>
  </si>
  <si>
    <t>橋本寿町公園</t>
  </si>
  <si>
    <t>神奈川県相模原市緑区橋本5-10</t>
  </si>
  <si>
    <t>034254</t>
  </si>
  <si>
    <t>くぼういん公園</t>
  </si>
  <si>
    <t>神奈川県相模原市南区当麻879</t>
  </si>
  <si>
    <t>034255</t>
  </si>
  <si>
    <t>鶴ヶ丘団地第１公園</t>
  </si>
  <si>
    <t>神奈川県相模原市南区南台5-2</t>
  </si>
  <si>
    <t>034256</t>
  </si>
  <si>
    <t>薊ヶ谷公園</t>
  </si>
  <si>
    <t>神奈川県相模原市南区当麻1123-1</t>
  </si>
  <si>
    <t>034257</t>
  </si>
  <si>
    <t>林間第４公園</t>
  </si>
  <si>
    <t>神奈川県相模原市南区東林間4-41</t>
  </si>
  <si>
    <t>034258</t>
  </si>
  <si>
    <t>光が丘第２公園</t>
  </si>
  <si>
    <t>神奈川県相模原市中央区光が丘2-25</t>
  </si>
  <si>
    <t>034259</t>
  </si>
  <si>
    <t>間の原公園</t>
  </si>
  <si>
    <t>神奈川県相模原市緑区原宿5-14</t>
  </si>
  <si>
    <t>034260</t>
  </si>
  <si>
    <t>ひまわり公園</t>
  </si>
  <si>
    <t>神奈川県相模原市中央区陽光台2-19</t>
  </si>
  <si>
    <t>034261</t>
  </si>
  <si>
    <t>大野台４丁目公園</t>
  </si>
  <si>
    <t>神奈川県相模原市南区大野台4-22</t>
  </si>
  <si>
    <t>034262</t>
  </si>
  <si>
    <t>さがみ南公園</t>
  </si>
  <si>
    <t>神奈川県相模原市南区相南1-24</t>
  </si>
  <si>
    <t>034263</t>
  </si>
  <si>
    <t>林間第３公園</t>
  </si>
  <si>
    <t>神奈川県相模原市南区東林間3-13</t>
  </si>
  <si>
    <t>034264</t>
  </si>
  <si>
    <t>麻溝台公園</t>
  </si>
  <si>
    <t>神奈川県相模原市南区麻溝台8-20</t>
  </si>
  <si>
    <t>034265</t>
  </si>
  <si>
    <t>石住若草公園</t>
  </si>
  <si>
    <t>神奈川県相模原市中央区上溝3876-14</t>
  </si>
  <si>
    <t>034266</t>
  </si>
  <si>
    <t>根岸台公園</t>
  </si>
  <si>
    <t>034267</t>
  </si>
  <si>
    <t>宮上公園</t>
  </si>
  <si>
    <t>神奈川県相模原市緑区東橋本2-34</t>
  </si>
  <si>
    <t>034268</t>
  </si>
  <si>
    <t>田尻第２公園</t>
  </si>
  <si>
    <t>神奈川県相模原市中央区上溝2027</t>
  </si>
  <si>
    <t>034269</t>
    <phoneticPr fontId="10"/>
  </si>
  <si>
    <t>東林間１丁目ふれあいの森</t>
  </si>
  <si>
    <t>神奈川県相模原市南区東林間1-9</t>
  </si>
  <si>
    <t>034270</t>
  </si>
  <si>
    <t>新磯野南公園</t>
  </si>
  <si>
    <t>神奈川県相模原市南区新磯野5-11</t>
  </si>
  <si>
    <t>034271</t>
  </si>
  <si>
    <t>谷口南台公園</t>
  </si>
  <si>
    <t>神奈川県相模原市南区上鶴間本町5-19</t>
  </si>
  <si>
    <t>034272</t>
  </si>
  <si>
    <t>東嶽之内公園</t>
  </si>
  <si>
    <t>神奈川県相模原市中央区東淵野辺2-26</t>
  </si>
  <si>
    <t>034273</t>
  </si>
  <si>
    <t>田名やすらぎ公園</t>
  </si>
  <si>
    <t>神奈川県相模原市中央区田名3062-8</t>
  </si>
  <si>
    <t>034274</t>
  </si>
  <si>
    <t>砂公園</t>
  </si>
  <si>
    <t>神奈川県相模原市緑区町屋3-13</t>
  </si>
  <si>
    <t>034275</t>
  </si>
  <si>
    <t>由野台第１公園</t>
  </si>
  <si>
    <t>神奈川県相模原市中央区由野台2-17</t>
  </si>
  <si>
    <t>034276</t>
  </si>
  <si>
    <t>西大沼中央公園</t>
  </si>
  <si>
    <t>神奈川県相模原市南区西大沼3-5</t>
  </si>
  <si>
    <t>034277</t>
  </si>
  <si>
    <t>東淵野辺公園</t>
  </si>
  <si>
    <t>神奈川県相模原市中央区東淵野辺3-7</t>
  </si>
  <si>
    <t>034278</t>
  </si>
  <si>
    <t>東淵野辺１丁目公園</t>
  </si>
  <si>
    <t>神奈川県相模原市中央区東淵野辺1-17</t>
  </si>
  <si>
    <t>034279</t>
  </si>
  <si>
    <t>大山町ゆうひ公園</t>
  </si>
  <si>
    <t>神奈川県相模原市緑区大山町1</t>
  </si>
  <si>
    <t>034280</t>
  </si>
  <si>
    <t>御園公園</t>
  </si>
  <si>
    <t>神奈川県相模原市南区御園3-19</t>
  </si>
  <si>
    <t>034281</t>
  </si>
  <si>
    <t>谷ヶ原公園</t>
  </si>
  <si>
    <t>神奈川県相模原市緑区谷ヶ原1-18</t>
  </si>
  <si>
    <t>034282</t>
  </si>
  <si>
    <t>長久保第２公園</t>
  </si>
  <si>
    <t>神奈川県相模原市中央区横山3-11</t>
  </si>
  <si>
    <t>034283</t>
  </si>
  <si>
    <t>甘草塚公園</t>
  </si>
  <si>
    <t>神奈川県相模原市緑区久保沢1-6</t>
  </si>
  <si>
    <t>034284</t>
  </si>
  <si>
    <t>南橋本公園</t>
  </si>
  <si>
    <t>034285</t>
  </si>
  <si>
    <t>田名葛輪公園</t>
  </si>
  <si>
    <t>神奈川県相模原市中央区田名2826-2</t>
  </si>
  <si>
    <t>034286</t>
  </si>
  <si>
    <t>しももりせせらぎ公園</t>
  </si>
  <si>
    <t>神奈川県相模原市南区上鶴間本町2-12</t>
  </si>
  <si>
    <t>034287</t>
  </si>
  <si>
    <t>三ノ原公園</t>
  </si>
  <si>
    <t>神奈川県相模原市南区北里1-8</t>
  </si>
  <si>
    <t>034288</t>
  </si>
  <si>
    <t>相原界公園</t>
  </si>
  <si>
    <t>神奈川県相模原市緑区原宿1-12</t>
  </si>
  <si>
    <t>034289</t>
  </si>
  <si>
    <t>千代田７丁目公園</t>
  </si>
  <si>
    <t>神奈川県相模原市中央区千代田7-7</t>
  </si>
  <si>
    <t>034290</t>
  </si>
  <si>
    <t>矢部公園</t>
  </si>
  <si>
    <t>神奈川県相模原市中央区矢部4-20</t>
  </si>
  <si>
    <t>034291</t>
  </si>
  <si>
    <t>原宿南第１公園</t>
  </si>
  <si>
    <t>神奈川県相模原市緑区原宿南1-4</t>
  </si>
  <si>
    <t>034292</t>
  </si>
  <si>
    <t>原宿堀公園</t>
  </si>
  <si>
    <t>神奈川県相模原市緑区原宿4-1</t>
  </si>
  <si>
    <t>034293</t>
  </si>
  <si>
    <t>氷川町公園</t>
  </si>
  <si>
    <t>神奈川県相模原市中央区氷川町7</t>
  </si>
  <si>
    <t>034294</t>
  </si>
  <si>
    <t>向原北公園</t>
  </si>
  <si>
    <t>神奈川県相模原市緑区向原3-1</t>
  </si>
  <si>
    <t>034295</t>
  </si>
  <si>
    <t>相模大野北口公園</t>
  </si>
  <si>
    <t>神奈川県相模原市南区相模大野3-23</t>
  </si>
  <si>
    <t>034296</t>
  </si>
  <si>
    <t>しおだむかいはら公園</t>
  </si>
  <si>
    <t>神奈川県相模原市中央区田名塩田3-14</t>
  </si>
  <si>
    <t>034297</t>
  </si>
  <si>
    <t>東橋本ブレーメン公園</t>
  </si>
  <si>
    <t>神奈川県相模原市緑区東橋本2-7</t>
  </si>
  <si>
    <t>034298</t>
  </si>
  <si>
    <t>町屋第２公園</t>
  </si>
  <si>
    <t>神奈川県相模原市緑区町屋4-27</t>
  </si>
  <si>
    <t>034299</t>
  </si>
  <si>
    <t>鶴の台公園</t>
  </si>
  <si>
    <t>神奈川県相模原市南区南台2-8</t>
  </si>
  <si>
    <t>034300</t>
  </si>
  <si>
    <t>水源公園</t>
  </si>
  <si>
    <t>神奈川県相模原市緑区城山1-15</t>
  </si>
  <si>
    <t>034301</t>
  </si>
  <si>
    <t>林間第２公園</t>
  </si>
  <si>
    <t>神奈川県相模原市南区東林間2-11</t>
  </si>
  <si>
    <t>034302</t>
  </si>
  <si>
    <t>深堀公園</t>
  </si>
  <si>
    <t>神奈川県相模原市南区上鶴間3-17</t>
  </si>
  <si>
    <t>034303</t>
    <phoneticPr fontId="10"/>
  </si>
  <si>
    <t>二本松ふれあいの森</t>
  </si>
  <si>
    <t>神奈川県相模原市緑区二本松1-20</t>
  </si>
  <si>
    <t>034304</t>
  </si>
  <si>
    <t>光が丘第１公園</t>
  </si>
  <si>
    <t>神奈川県相模原市中央区光が丘2-9</t>
  </si>
  <si>
    <t>034305</t>
  </si>
  <si>
    <t>上溝四ツ谷花公園</t>
  </si>
  <si>
    <t>神奈川県相模原市中央区上溝4405-8</t>
  </si>
  <si>
    <t>034306</t>
  </si>
  <si>
    <t>神奈川県相模原市緑区向原1-10</t>
  </si>
  <si>
    <t>034307</t>
  </si>
  <si>
    <t>すすきの公園</t>
  </si>
  <si>
    <t>神奈川県相模原市中央区すすきの町18</t>
  </si>
  <si>
    <t>034308</t>
  </si>
  <si>
    <t>東橋本公園</t>
  </si>
  <si>
    <t>神奈川県相模原市緑区東橋本1-11</t>
  </si>
  <si>
    <t>034309</t>
  </si>
  <si>
    <t>田名大杉公園</t>
  </si>
  <si>
    <t>神奈川県相模原市中央区田名4978-1</t>
  </si>
  <si>
    <t>上鶴間１丁目緑地</t>
  </si>
  <si>
    <t>神奈川県相模原市南区上鶴間1-44</t>
  </si>
  <si>
    <t>034311</t>
  </si>
  <si>
    <t>相武台団地第３公園</t>
  </si>
  <si>
    <t>神奈川県相模原市南区相武台団地1-7</t>
  </si>
  <si>
    <t>034312</t>
  </si>
  <si>
    <t>宮川公園</t>
  </si>
  <si>
    <t>神奈川県相模原市緑区三ケ木544-2</t>
  </si>
  <si>
    <t>034313</t>
  </si>
  <si>
    <t>橋本本町公園</t>
  </si>
  <si>
    <t>神奈川県相模原市緑区橋本5-22</t>
  </si>
  <si>
    <t>034314</t>
  </si>
  <si>
    <t>鹿島台公園</t>
  </si>
  <si>
    <t>神奈川県相模原市南区上鶴間本町2-19</t>
  </si>
  <si>
    <t>034315</t>
  </si>
  <si>
    <t>南台６丁目公園</t>
  </si>
  <si>
    <t>神奈川県相模原市南区南台6-3</t>
  </si>
  <si>
    <t>034316</t>
  </si>
  <si>
    <t>共和１丁目公園</t>
  </si>
  <si>
    <t>神奈川県相模原市中央区共和1-13</t>
  </si>
  <si>
    <t>その他遊具</t>
  </si>
  <si>
    <t>034317</t>
  </si>
  <si>
    <t>田尻第１公園</t>
  </si>
  <si>
    <t>神奈川県相模原市中央区上溝2040-2</t>
  </si>
  <si>
    <t>034318</t>
  </si>
  <si>
    <t>栄公園</t>
  </si>
  <si>
    <t>神奈川県相模原市中央区弥栄2-2</t>
  </si>
  <si>
    <t>034319</t>
  </si>
  <si>
    <t>田通公園</t>
  </si>
  <si>
    <t>神奈川県相模原市緑区相原3-13</t>
  </si>
  <si>
    <t>034320</t>
  </si>
  <si>
    <t>西橋本くすのき公園</t>
  </si>
  <si>
    <t>神奈川県相模原市緑区西橋本1-18</t>
  </si>
  <si>
    <t>034321</t>
  </si>
  <si>
    <t>月見公園</t>
  </si>
  <si>
    <t>神奈川県相模原市中央区千代田3-10</t>
  </si>
  <si>
    <t>034322</t>
  </si>
  <si>
    <t>翠ヶ丘公園</t>
  </si>
  <si>
    <t>神奈川県相模原市南区相南2-11</t>
  </si>
  <si>
    <t>034323</t>
  </si>
  <si>
    <t>清新４丁目公園</t>
  </si>
  <si>
    <t>神奈川県相模原市中央区清新4-11</t>
  </si>
  <si>
    <t>034324</t>
  </si>
  <si>
    <t>相武台団地第２公園</t>
  </si>
  <si>
    <t>神奈川県相模原市南区相武台団地1-5</t>
  </si>
  <si>
    <t>034325</t>
  </si>
  <si>
    <t>大野台中央公園</t>
  </si>
  <si>
    <t>神奈川県相模原市南区大野台4-1</t>
  </si>
  <si>
    <t>034326</t>
  </si>
  <si>
    <t>相模大野南口公園</t>
  </si>
  <si>
    <t>神奈川県相模原市南区相模大野7-10</t>
  </si>
  <si>
    <t>034327</t>
  </si>
  <si>
    <t>水郷田名ひがし公園</t>
  </si>
  <si>
    <t>神奈川県相模原市中央区水郷田名3-17</t>
  </si>
  <si>
    <t>034328</t>
  </si>
  <si>
    <t>久保沢公園</t>
  </si>
  <si>
    <t>神奈川県相模原市緑区久保沢2-10</t>
  </si>
  <si>
    <t>034329</t>
  </si>
  <si>
    <t>宮下さくら公園</t>
  </si>
  <si>
    <t>神奈川県相模原市中央区宮下本町1-18</t>
  </si>
  <si>
    <t>034330</t>
  </si>
  <si>
    <t>上長久保南公園</t>
  </si>
  <si>
    <t>神奈川県相模原市南区古淵3-14</t>
  </si>
  <si>
    <t>034331</t>
  </si>
  <si>
    <t>古淵北公園</t>
  </si>
  <si>
    <t>神奈川県相模原市南区古淵1-3</t>
  </si>
  <si>
    <t>034332</t>
  </si>
  <si>
    <t>淵野辺本町第２公園</t>
  </si>
  <si>
    <t>神奈川県相模原市中央区淵野辺本町2-11</t>
  </si>
  <si>
    <t>034333</t>
  </si>
  <si>
    <t>深堀さくら公園</t>
  </si>
  <si>
    <t>神奈川県相模原市南区上鶴間1-38</t>
  </si>
  <si>
    <t>034334</t>
  </si>
  <si>
    <t>町屋第３公園</t>
  </si>
  <si>
    <t>神奈川県相模原市緑区町屋4-22</t>
  </si>
  <si>
    <t>034335</t>
  </si>
  <si>
    <t>町屋公園</t>
  </si>
  <si>
    <t>神奈川県相模原市緑区町屋4-17</t>
  </si>
  <si>
    <t>034336</t>
  </si>
  <si>
    <t>淵野辺本町公園</t>
  </si>
  <si>
    <t>神奈川県相模原市中央区淵野辺本町4-10</t>
  </si>
  <si>
    <t>034337</t>
  </si>
  <si>
    <t>東林みなみ公園</t>
  </si>
  <si>
    <t>神奈川県相模原市南区東林間8-13</t>
  </si>
  <si>
    <t>034338</t>
  </si>
  <si>
    <t>上ノ原公園</t>
  </si>
  <si>
    <t>神奈川県相模原市緑区二本松1-33</t>
  </si>
  <si>
    <t>034339</t>
  </si>
  <si>
    <t>中和田天神上公園</t>
  </si>
  <si>
    <t>神奈川県相模原市南区上鶴間本町8-2</t>
  </si>
  <si>
    <t>034340</t>
  </si>
  <si>
    <t>相武台団地南公園</t>
  </si>
  <si>
    <t>神奈川県相模原市南区相武台団地2-3</t>
  </si>
  <si>
    <t>034341</t>
  </si>
  <si>
    <t>長竹白山公園</t>
  </si>
  <si>
    <t>神奈川県相模原市緑区長竹3087-2</t>
  </si>
  <si>
    <t>034342</t>
  </si>
  <si>
    <t>原宿南第３公園</t>
  </si>
  <si>
    <t>神奈川県相模原市緑区原宿南3-13</t>
  </si>
  <si>
    <t>034343</t>
  </si>
  <si>
    <t>日枝前公園</t>
  </si>
  <si>
    <t>神奈川県相模原市緑区二本松3-3</t>
  </si>
  <si>
    <t>034344</t>
  </si>
  <si>
    <t>文京みどりの公園</t>
  </si>
  <si>
    <t>神奈川県相模原市南区文京1-17</t>
  </si>
  <si>
    <t>034345</t>
  </si>
  <si>
    <t>大野台６丁目公園</t>
  </si>
  <si>
    <t>ラダー</t>
    <phoneticPr fontId="7"/>
  </si>
  <si>
    <t>034346</t>
  </si>
  <si>
    <t>銀河北公園</t>
  </si>
  <si>
    <t>神奈川県相模原市中央区高根1-10</t>
  </si>
  <si>
    <t>034347</t>
  </si>
  <si>
    <t>上原公園</t>
  </si>
  <si>
    <t>神奈川県相模原市中央区淵野辺2-1</t>
  </si>
  <si>
    <t>034348</t>
  </si>
  <si>
    <t>若葉台グリーン公園</t>
  </si>
  <si>
    <t>神奈川県相模原市緑区若葉台1-10</t>
  </si>
  <si>
    <t>034349</t>
  </si>
  <si>
    <t>古淵南公園</t>
  </si>
  <si>
    <t>神奈川県相模原市南区古淵3-4</t>
  </si>
  <si>
    <t>034350</t>
  </si>
  <si>
    <t>相武台１丁目公園</t>
  </si>
  <si>
    <t>神奈川県相模原市南区相武台1-2</t>
  </si>
  <si>
    <t>034351</t>
  </si>
  <si>
    <t>当麻東原公園</t>
  </si>
  <si>
    <t>神奈川県相模原市南区当麻840</t>
  </si>
  <si>
    <t>034352</t>
  </si>
  <si>
    <t>比丘口公園</t>
  </si>
  <si>
    <t>神奈川県相模原市中央区中央1-7</t>
  </si>
  <si>
    <t>山型雲梯、ネットクライム遊具</t>
    <rPh sb="12" eb="14">
      <t>ユウグ</t>
    </rPh>
    <phoneticPr fontId="7"/>
  </si>
  <si>
    <t>034353</t>
  </si>
  <si>
    <t>プラザシティ相模大野公園</t>
  </si>
  <si>
    <t>神奈川県相模原市南区相模大野6-21</t>
  </si>
  <si>
    <t>034354</t>
  </si>
  <si>
    <t>相模原７丁目公園</t>
  </si>
  <si>
    <t>神奈川県相模原市中央区相模原7-4</t>
  </si>
  <si>
    <t>子供ハウス</t>
  </si>
  <si>
    <t>034355</t>
  </si>
  <si>
    <t>西橋本ほほえみ公園</t>
  </si>
  <si>
    <t>神奈川県相模原市緑区西橋本5-4</t>
  </si>
  <si>
    <t>034356</t>
  </si>
  <si>
    <t>旭森公園</t>
  </si>
  <si>
    <t>神奈川県相模原市南区旭町14</t>
  </si>
  <si>
    <t>ツリーハウス</t>
  </si>
  <si>
    <t>034357</t>
  </si>
  <si>
    <t>西橋本２丁目公園</t>
  </si>
  <si>
    <t>神奈川県相模原市緑区西橋本2-5</t>
  </si>
  <si>
    <t>034358</t>
  </si>
  <si>
    <t>大山町あさひ公園</t>
  </si>
  <si>
    <t>034359</t>
  </si>
  <si>
    <t>新磯野公園</t>
  </si>
  <si>
    <t>神奈川県相模原市南区新磯野4-8</t>
  </si>
  <si>
    <t>034360</t>
  </si>
  <si>
    <t>古淵西公園</t>
  </si>
  <si>
    <t>神奈川県相模原市南区古淵2-11</t>
  </si>
  <si>
    <t>034362</t>
  </si>
  <si>
    <t>新磯野西公園</t>
  </si>
  <si>
    <t>神奈川県相模原市南区新磯野4-2</t>
  </si>
  <si>
    <t>034363</t>
  </si>
  <si>
    <t>矢懸公園</t>
  </si>
  <si>
    <t>神奈川県相模原市中央区清新3-9</t>
  </si>
  <si>
    <t>034364</t>
  </si>
  <si>
    <t>向原西公園</t>
  </si>
  <si>
    <t>神奈川県相模原市緑区向原2-8</t>
  </si>
  <si>
    <t>034365</t>
  </si>
  <si>
    <t>上溝中央公園</t>
  </si>
  <si>
    <t>神奈川県相模原市中央区上溝6-4</t>
  </si>
  <si>
    <t>034366</t>
  </si>
  <si>
    <t>氷川公園</t>
  </si>
  <si>
    <t>神奈川県相模原市中央区清新5-18</t>
  </si>
  <si>
    <t>034367</t>
  </si>
  <si>
    <t>上矢部公園</t>
  </si>
  <si>
    <t>神奈川県相模原市中央区矢部新町3</t>
  </si>
  <si>
    <t>034368</t>
  </si>
  <si>
    <t>しおだせせらぎ公園</t>
  </si>
  <si>
    <t>神奈川県相模原市中央区田名塩田2-15,16</t>
  </si>
  <si>
    <t>034369</t>
  </si>
  <si>
    <t>上溝さくら公園</t>
  </si>
  <si>
    <t>神奈川県相模原市中央区上溝1880-7</t>
  </si>
  <si>
    <t>034370</t>
  </si>
  <si>
    <t>相生東公園</t>
  </si>
  <si>
    <t>神奈川県相模原市中央区相生2-7</t>
  </si>
  <si>
    <t>034371</t>
  </si>
  <si>
    <t>中野コミュニティ公園</t>
  </si>
  <si>
    <t>神奈川県相模原市緑区中野1046-1</t>
  </si>
  <si>
    <t>034372</t>
  </si>
  <si>
    <t>山見公園</t>
  </si>
  <si>
    <t>神奈川県相模原市中央区光が丘1-11</t>
  </si>
  <si>
    <t>034373</t>
  </si>
  <si>
    <t>長久保第１公園</t>
  </si>
  <si>
    <t>神奈川県相模原市中央区横山4-9</t>
  </si>
  <si>
    <t>プレイウォール、ラダー</t>
  </si>
  <si>
    <t>034374</t>
  </si>
  <si>
    <t>田名団地公園</t>
  </si>
  <si>
    <t>神奈川県相模原市中央区田名6229-110</t>
  </si>
  <si>
    <t>飛び石</t>
  </si>
  <si>
    <t>034375</t>
  </si>
  <si>
    <t>原宿南第２公園</t>
  </si>
  <si>
    <t>神奈川県相模原市緑区原宿南2-28</t>
  </si>
  <si>
    <t>034376</t>
  </si>
  <si>
    <t>若葉台谷津公園</t>
  </si>
  <si>
    <t>神奈川県相模原市緑区若葉台5-4</t>
  </si>
  <si>
    <t>034377</t>
  </si>
  <si>
    <t>東林間公園</t>
  </si>
  <si>
    <t>神奈川県相模原市南区上鶴間5-6</t>
  </si>
  <si>
    <t>034378</t>
  </si>
  <si>
    <t>相模大野７丁目なかよし公園</t>
  </si>
  <si>
    <t>神奈川県相模原市南区相模大野7-30</t>
  </si>
  <si>
    <t>034379</t>
  </si>
  <si>
    <t>小町はなみずき公園</t>
  </si>
  <si>
    <t>神奈川県相模原市中央区小町通2-3</t>
  </si>
  <si>
    <t>034380</t>
  </si>
  <si>
    <t>相生公園</t>
  </si>
  <si>
    <t>神奈川県相模原市中央区富士見3-13</t>
  </si>
  <si>
    <t>迷路遊具</t>
  </si>
  <si>
    <t>034381</t>
  </si>
  <si>
    <t>豊町あかつき公園</t>
  </si>
  <si>
    <t>神奈川県相模原市南区豊町10</t>
  </si>
  <si>
    <t>034383</t>
  </si>
  <si>
    <t>若葉台榛名公園</t>
  </si>
  <si>
    <t>神奈川県相模原市緑区若葉台4-1</t>
  </si>
  <si>
    <t>034384</t>
  </si>
  <si>
    <t>宮山公園</t>
  </si>
  <si>
    <t>神奈川県相模原市中央区下九沢757-1</t>
  </si>
  <si>
    <t>034385</t>
  </si>
  <si>
    <t>淵野辺１丁目第１公園</t>
  </si>
  <si>
    <t>神奈川県相模原市中央区淵野辺1-16</t>
  </si>
  <si>
    <t>034386</t>
  </si>
  <si>
    <t>相模大野７丁目公園</t>
  </si>
  <si>
    <t>神奈川県相模原市南区相模大野7-36</t>
  </si>
  <si>
    <t>034388</t>
  </si>
  <si>
    <t>大島団地公園</t>
  </si>
  <si>
    <t>神奈川県相模原市緑区大島11-142</t>
  </si>
  <si>
    <t>034389</t>
  </si>
  <si>
    <t>松蔭公園</t>
  </si>
  <si>
    <t>神奈川県相模原市南区東林間1-5</t>
  </si>
  <si>
    <t>034390</t>
  </si>
  <si>
    <t>久保沢南公園</t>
  </si>
  <si>
    <t>神奈川県相模原市緑区久保沢3-13</t>
  </si>
  <si>
    <t>034391</t>
  </si>
  <si>
    <t>中央公園</t>
  </si>
  <si>
    <t>神奈川県相模原市中央区富士見2-3</t>
  </si>
  <si>
    <t>034392</t>
  </si>
  <si>
    <t>相武台団地中央公園</t>
  </si>
  <si>
    <t>神奈川県相模原市南区相武台団地2-1</t>
  </si>
  <si>
    <t>コンクリート遊具、ラダー</t>
  </si>
  <si>
    <t>034393</t>
  </si>
  <si>
    <t>若葉台小栗公園</t>
  </si>
  <si>
    <t>神奈川県相模原市緑区若葉台6-5</t>
  </si>
  <si>
    <t>034394</t>
  </si>
  <si>
    <t>えのき公園</t>
  </si>
  <si>
    <t>神奈川県相模原市中央区横山台2-17</t>
  </si>
  <si>
    <t>034395</t>
  </si>
  <si>
    <t>里見公園</t>
  </si>
  <si>
    <t>神奈川県相模原市中央区光が丘3-8</t>
  </si>
  <si>
    <t>034397</t>
  </si>
  <si>
    <t>若葉台砥石山公園</t>
  </si>
  <si>
    <t>神奈川県相模原市緑区若葉台2-7</t>
  </si>
  <si>
    <t>034398</t>
  </si>
  <si>
    <t>松が枝公園</t>
  </si>
  <si>
    <t>神奈川県相模原市南区松が枝町11</t>
  </si>
  <si>
    <t>034399</t>
  </si>
  <si>
    <t>二本松公園</t>
  </si>
  <si>
    <t>神奈川県相模原市緑区二本松4-16</t>
  </si>
  <si>
    <t>034400</t>
  </si>
  <si>
    <t>てるて公園</t>
  </si>
  <si>
    <t>神奈川県相模原市中央区横山台1-3</t>
  </si>
  <si>
    <t>034401</t>
  </si>
  <si>
    <t>上溝川辺公園</t>
  </si>
  <si>
    <t>神奈川県相模原市中央区上溝2-3</t>
  </si>
  <si>
    <t>034403</t>
  </si>
  <si>
    <t>若葉台カタクリ公園</t>
  </si>
  <si>
    <t>神奈川県相模原市緑区若葉台3-9</t>
  </si>
  <si>
    <t>その他遊具</t>
    <rPh sb="2" eb="3">
      <t>タ</t>
    </rPh>
    <rPh sb="3" eb="5">
      <t>ユウグ</t>
    </rPh>
    <phoneticPr fontId="7"/>
  </si>
  <si>
    <t>034404</t>
  </si>
  <si>
    <t>神奈川県相模原市南区南台4-11</t>
  </si>
  <si>
    <t>034405</t>
  </si>
  <si>
    <t>新戸公園</t>
  </si>
  <si>
    <t>神奈川県相模原市南区新戸2975</t>
  </si>
  <si>
    <t>平均台、アスレチック</t>
  </si>
  <si>
    <t>034406</t>
  </si>
  <si>
    <t>上村公園</t>
  </si>
  <si>
    <t>神奈川県相模原市南区上鶴間本町4-15</t>
  </si>
  <si>
    <t>034407</t>
  </si>
  <si>
    <t>宮山坂公園</t>
  </si>
  <si>
    <t>神奈川県相模原市中央区下九沢727-3</t>
  </si>
  <si>
    <t>034409</t>
  </si>
  <si>
    <t>ふれあいの杜公園</t>
  </si>
  <si>
    <t>神奈川県相模原市南区御園3-37</t>
  </si>
  <si>
    <t>034410</t>
  </si>
  <si>
    <t>神奈川県相模原市中央区富士見4-1</t>
  </si>
  <si>
    <t>034411</t>
  </si>
  <si>
    <t>林間公園</t>
  </si>
  <si>
    <t>神奈川県相模原市南区東林間1-22</t>
  </si>
  <si>
    <t>034412</t>
  </si>
  <si>
    <t>小原公園</t>
  </si>
  <si>
    <t>神奈川県相模原市中央区小山4-3</t>
  </si>
  <si>
    <t>回転遊具</t>
  </si>
  <si>
    <t>034413</t>
  </si>
  <si>
    <t>内出公園</t>
  </si>
  <si>
    <t>神奈川県相模原市緑区下九沢2833-1</t>
  </si>
  <si>
    <t>034414</t>
  </si>
  <si>
    <t>史跡田名向原遺跡公園</t>
  </si>
  <si>
    <t>034415</t>
  </si>
  <si>
    <t>しおだテクノパイル公園</t>
  </si>
  <si>
    <t>神奈川県相模原市中央区田名塩田1-4</t>
  </si>
  <si>
    <t>034416</t>
  </si>
  <si>
    <t>緑が丘２丁目公園</t>
  </si>
  <si>
    <t>神奈川県相模原市中央区緑が丘2-31</t>
  </si>
  <si>
    <t>034417</t>
  </si>
  <si>
    <t>当麻山公園</t>
  </si>
  <si>
    <t>神奈川県相模原市南区当麻652</t>
  </si>
  <si>
    <t>034418</t>
  </si>
  <si>
    <t>八瀬川緑道</t>
  </si>
  <si>
    <t>034419</t>
  </si>
  <si>
    <t>若松東通り公園</t>
  </si>
  <si>
    <t>神奈川県相模原市南区若松6-5</t>
  </si>
  <si>
    <t>034420</t>
  </si>
  <si>
    <t>相南さくら公園</t>
  </si>
  <si>
    <t>神奈川県相模原市南区相南1-15</t>
  </si>
  <si>
    <t>034421</t>
  </si>
  <si>
    <t>新磯野３丁目ポケットパーク</t>
  </si>
  <si>
    <t>神奈川県相模原市南区新磯野3-24</t>
  </si>
  <si>
    <t>034422</t>
  </si>
  <si>
    <t>大野台１丁目ハナミズキ公園</t>
  </si>
  <si>
    <t>神奈川県相模原市南区大野台1-9</t>
  </si>
  <si>
    <t>034423</t>
  </si>
  <si>
    <t>大野台１丁目つつじ公園</t>
  </si>
  <si>
    <t>034424</t>
  </si>
  <si>
    <t>大野台３丁目げんき公園</t>
  </si>
  <si>
    <t>神奈川県相模原市南区大野台3-14</t>
  </si>
  <si>
    <t>034425</t>
  </si>
  <si>
    <t>大野台１丁目きらきら公園</t>
  </si>
  <si>
    <t>神奈川県相模原市南区大野台1-6</t>
  </si>
  <si>
    <t>034426</t>
  </si>
  <si>
    <t>上溝甲６号公園</t>
  </si>
  <si>
    <t>神奈川県相模原市中央区上溝1775</t>
  </si>
  <si>
    <t>034427</t>
  </si>
  <si>
    <t>相南あじさい公園</t>
  </si>
  <si>
    <t>神奈川県相模原市南区相南1-2</t>
  </si>
  <si>
    <t>034428</t>
  </si>
  <si>
    <t>下溝上谷公園</t>
  </si>
  <si>
    <t>神奈川県相模原市南区下溝3403-6</t>
  </si>
  <si>
    <t>034429</t>
  </si>
  <si>
    <t>みどりのみち</t>
  </si>
  <si>
    <t>034430</t>
  </si>
  <si>
    <t>下溝みたけ公園</t>
  </si>
  <si>
    <t>神奈川県相模原市南区下溝3415-2</t>
  </si>
  <si>
    <t>034431</t>
  </si>
  <si>
    <t>文京ひかり公園</t>
  </si>
  <si>
    <t>神奈川県相模原市南区文京1-5</t>
  </si>
  <si>
    <t>034432</t>
  </si>
  <si>
    <t>東林間さくら公園</t>
  </si>
  <si>
    <t>神奈川県相模原市南区上鶴間7-3</t>
  </si>
  <si>
    <t>034433</t>
  </si>
  <si>
    <t>神奈川県相模原市南区桜台13</t>
  </si>
  <si>
    <t>034434</t>
  </si>
  <si>
    <t>鵜野森１丁目つつじ第１公園</t>
  </si>
  <si>
    <t>神奈川県相模原市南区鵜野森1-47</t>
  </si>
  <si>
    <t>034435</t>
  </si>
  <si>
    <t>鵜野森１丁目つつじ第２公園</t>
  </si>
  <si>
    <t>034436</t>
  </si>
  <si>
    <t>相南３丁目なかよし公園</t>
  </si>
  <si>
    <t>神奈川県相模原市南区相南3-2</t>
  </si>
  <si>
    <t>034437</t>
  </si>
  <si>
    <t>古山いちのせき公園</t>
  </si>
  <si>
    <t>神奈川県相模原市南区下溝2572</t>
  </si>
  <si>
    <t>034438</t>
  </si>
  <si>
    <t>下九沢光の丘公園</t>
  </si>
  <si>
    <t>神奈川県相模原市中央区下九沢987-5</t>
  </si>
  <si>
    <t>034439</t>
  </si>
  <si>
    <t>麻溝台２丁目公園</t>
  </si>
  <si>
    <t>神奈川県相模原市南区麻溝台2-9</t>
  </si>
  <si>
    <t>034440</t>
  </si>
  <si>
    <t>おださが北口公園</t>
  </si>
  <si>
    <t>神奈川県相模原市南区南台3-18</t>
  </si>
  <si>
    <t>034441</t>
  </si>
  <si>
    <t>下溝十三ノ原公園</t>
  </si>
  <si>
    <t>神奈川県相模原市南区下溝4307-3</t>
  </si>
  <si>
    <t>034442</t>
  </si>
  <si>
    <t>下庭第１公園</t>
  </si>
  <si>
    <t>神奈川県相模原市南区下溝786</t>
  </si>
  <si>
    <t>034443</t>
  </si>
  <si>
    <t>下庭第２公園</t>
  </si>
  <si>
    <t>神奈川県相模原市南区下溝889-2</t>
  </si>
  <si>
    <t>034444</t>
  </si>
  <si>
    <t>鵜野森さくら公園</t>
  </si>
  <si>
    <t>神奈川県相模原市南区鵜野森1-14</t>
  </si>
  <si>
    <t>034445</t>
  </si>
  <si>
    <t>相生四つ葉公園</t>
  </si>
  <si>
    <t>神奈川県相模原市中央区相生4-15</t>
  </si>
  <si>
    <t>034446</t>
  </si>
  <si>
    <t>麻溝台５丁目公園</t>
  </si>
  <si>
    <t>神奈川県相模原市南区麻溝台5-14</t>
  </si>
  <si>
    <t>034447</t>
  </si>
  <si>
    <t>相武台１丁目やまぼうし公園</t>
  </si>
  <si>
    <t>神奈川県相模原市南区相武台1-10</t>
  </si>
  <si>
    <t>034448</t>
  </si>
  <si>
    <t>南台５丁目旭ヶ丘東公園</t>
  </si>
  <si>
    <t>神奈川県相模原市南区南台5-8</t>
  </si>
  <si>
    <t>トンネル</t>
  </si>
  <si>
    <t>034449</t>
  </si>
  <si>
    <t>南台５丁目旭ヶ丘西公園</t>
  </si>
  <si>
    <t>神奈川県相模原市南区南台5-13</t>
  </si>
  <si>
    <t>034450</t>
  </si>
  <si>
    <t>西大沼どんぐり公園</t>
  </si>
  <si>
    <t>神奈川県相模原市南区西大沼1-29</t>
  </si>
  <si>
    <t>034451</t>
  </si>
  <si>
    <t>はの原第二公園</t>
  </si>
  <si>
    <t>神奈川県相模原市南区麻溝台4-7</t>
  </si>
  <si>
    <t>034452</t>
  </si>
  <si>
    <t>相武台駅前公園</t>
  </si>
  <si>
    <t>神奈川県相模原市南区相武台1-18</t>
  </si>
  <si>
    <t>034453</t>
  </si>
  <si>
    <t>谷口志女竹公園</t>
  </si>
  <si>
    <t>神奈川県相模原市南区上鶴間本町1-48</t>
  </si>
  <si>
    <t>034455</t>
  </si>
  <si>
    <t>若松６丁目公園</t>
  </si>
  <si>
    <t>神奈川県相模原市南区若松6-21</t>
  </si>
  <si>
    <t>034456</t>
  </si>
  <si>
    <t>豊中公園</t>
  </si>
  <si>
    <t>神奈川県相模原市南区東大沼2-10</t>
  </si>
  <si>
    <t>034457</t>
  </si>
  <si>
    <t>小沼西公園</t>
  </si>
  <si>
    <t>神奈川県相模原市南区若松2-12</t>
  </si>
  <si>
    <t>034458</t>
  </si>
  <si>
    <t>小沼東公園</t>
  </si>
  <si>
    <t>神奈川県相模原市南区若松2-17</t>
  </si>
  <si>
    <t>034459</t>
  </si>
  <si>
    <t>下九沢つくし公園</t>
  </si>
  <si>
    <t>神奈川県相模原市中央区下九沢63-4</t>
  </si>
  <si>
    <t>くぐり輪</t>
  </si>
  <si>
    <t>034460</t>
  </si>
  <si>
    <t>並木４丁目公園</t>
  </si>
  <si>
    <t>神奈川県相模原市中央区並木4-22</t>
  </si>
  <si>
    <t>034461</t>
  </si>
  <si>
    <t>相模原２丁目すみれ公園</t>
  </si>
  <si>
    <t>神奈川県相模原市中央区相模原2-16</t>
  </si>
  <si>
    <t>小動物</t>
  </si>
  <si>
    <t>034462</t>
  </si>
  <si>
    <t>相模台５丁目公園</t>
  </si>
  <si>
    <t>神奈川県相模原市南区相模台5-12</t>
  </si>
  <si>
    <t>034463</t>
  </si>
  <si>
    <t>東林間７丁目公園</t>
  </si>
  <si>
    <t>神奈川県相模原市南区東林間7-9</t>
  </si>
  <si>
    <t>034464</t>
  </si>
  <si>
    <t>上矢部けやき公園</t>
  </si>
  <si>
    <t>神奈川県相模原市中央区上矢部5-23</t>
  </si>
  <si>
    <t>小動物、プレイウォール</t>
  </si>
  <si>
    <t>034465</t>
  </si>
  <si>
    <t>若草こばと公園</t>
  </si>
  <si>
    <t>神奈川県相模原市南区相模台6-29</t>
  </si>
  <si>
    <t>034466</t>
  </si>
  <si>
    <t>中渕大坂公園</t>
  </si>
  <si>
    <t>神奈川県相模原市中央区淵野辺本町5-14</t>
  </si>
  <si>
    <t>034467</t>
  </si>
  <si>
    <t>下九沢中の原風の丘公園</t>
  </si>
  <si>
    <t>神奈川県相模原市中央区下九沢1183-207</t>
  </si>
  <si>
    <t>034468</t>
  </si>
  <si>
    <t>磯部若草公園</t>
  </si>
  <si>
    <t>神奈川県相模原市南区磯部1493-2</t>
  </si>
  <si>
    <t>034469</t>
  </si>
  <si>
    <t>はの原公園</t>
  </si>
  <si>
    <t>神奈川県相模原市南区麻溝台4-6</t>
  </si>
  <si>
    <t>034470</t>
  </si>
  <si>
    <t>若草ひばり公園</t>
  </si>
  <si>
    <t>神奈川県相模原市南区相模台7-28</t>
  </si>
  <si>
    <t>034471</t>
  </si>
  <si>
    <t>南台１丁目公園</t>
  </si>
  <si>
    <t>神奈川県相模原市南区南台1-9</t>
  </si>
  <si>
    <t>034472</t>
  </si>
  <si>
    <t>南台５丁目公園</t>
  </si>
  <si>
    <t>神奈川県相模原市南区南台5-1</t>
  </si>
  <si>
    <t>034473</t>
  </si>
  <si>
    <t>大野台７丁目公園</t>
  </si>
  <si>
    <t>神奈川県相模原市南区大野台7-29</t>
  </si>
  <si>
    <t>034474</t>
  </si>
  <si>
    <t>高根２丁目公園</t>
  </si>
  <si>
    <t>神奈川県相模原市中央区高根2-10</t>
  </si>
  <si>
    <t>034475</t>
  </si>
  <si>
    <t>釣瓶下公園</t>
  </si>
  <si>
    <t>神奈川県相模原市南区新戸1882-32</t>
  </si>
  <si>
    <t>034476</t>
  </si>
  <si>
    <t>相模台５丁目第２公園</t>
  </si>
  <si>
    <t>034477</t>
  </si>
  <si>
    <t>相武台かつら公園</t>
  </si>
  <si>
    <t>神奈川県相模原市南区相武台3-3</t>
  </si>
  <si>
    <t>034478</t>
  </si>
  <si>
    <t>清新５丁目公園</t>
  </si>
  <si>
    <t>神奈川県相模原市中央区清新5-20</t>
  </si>
  <si>
    <t>034479</t>
  </si>
  <si>
    <t>新磯野２丁目公園</t>
  </si>
  <si>
    <t>神奈川県相模原市南区新磯野2-11</t>
  </si>
  <si>
    <t>034480</t>
  </si>
  <si>
    <t>西大沼なかよし公園</t>
  </si>
  <si>
    <t>神奈川県相模原市南区西大沼1-33</t>
  </si>
  <si>
    <t>034481</t>
  </si>
  <si>
    <t>磯部すずかけ台公園</t>
  </si>
  <si>
    <t>神奈川県相模原市南区磯部1310-36</t>
  </si>
  <si>
    <t>034482</t>
  </si>
  <si>
    <t>磯部なかよし公園</t>
  </si>
  <si>
    <t>神奈川県相模原市南区磯部1201-23</t>
  </si>
  <si>
    <t>034483</t>
  </si>
  <si>
    <t>五味ヶ谷公園</t>
  </si>
  <si>
    <t>神奈川県相模原市南区新戸2532-26</t>
  </si>
  <si>
    <t>034484</t>
  </si>
  <si>
    <t>鹿沼台２丁目公園</t>
  </si>
  <si>
    <t>神奈川県相模原市中央区鹿沼台2-14</t>
  </si>
  <si>
    <t>034485</t>
  </si>
  <si>
    <t>上鶴間４丁目公園</t>
  </si>
  <si>
    <t>神奈川県相模原市南区上鶴間4-22</t>
  </si>
  <si>
    <t>034486</t>
  </si>
  <si>
    <t>東林間駅前公園</t>
  </si>
  <si>
    <t>神奈川県相模原市南区上鶴間7-8</t>
  </si>
  <si>
    <t>034487</t>
  </si>
  <si>
    <t>下中丸第１公園</t>
  </si>
  <si>
    <t>神奈川県相模原市南区下溝602-14</t>
  </si>
  <si>
    <t>034488</t>
  </si>
  <si>
    <t>下磯部みはらし台公園</t>
  </si>
  <si>
    <t>神奈川県相模原市南区磯部1246-7</t>
  </si>
  <si>
    <t>034489</t>
  </si>
  <si>
    <t>下磯部宮際公園</t>
  </si>
  <si>
    <t>神奈川県相模原市南区磯部1222-7</t>
  </si>
  <si>
    <t>034490</t>
  </si>
  <si>
    <t>上中丸公園</t>
  </si>
  <si>
    <t>神奈川県相模原市南区下溝320-2</t>
  </si>
  <si>
    <t>034491</t>
  </si>
  <si>
    <t>相南いこいの公園</t>
  </si>
  <si>
    <t>神奈川県相模原市南区相南3-27</t>
  </si>
  <si>
    <t>034492</t>
  </si>
  <si>
    <t>下深堀かしわ公園</t>
  </si>
  <si>
    <t>神奈川県相模原市南区上鶴間4-16</t>
  </si>
  <si>
    <t>034493</t>
  </si>
  <si>
    <t>大野台４丁目ふれあい公園</t>
  </si>
  <si>
    <t>神奈川県相模原市南区大野台4-13</t>
  </si>
  <si>
    <t>034494</t>
  </si>
  <si>
    <t>山野東公園</t>
  </si>
  <si>
    <t>神奈川県相模原市南区上鶴間本町1-37</t>
  </si>
  <si>
    <t>034495</t>
  </si>
  <si>
    <t>日金沢公園</t>
  </si>
  <si>
    <t>神奈川県相模原市中央区上溝4-18</t>
  </si>
  <si>
    <t>034496</t>
  </si>
  <si>
    <t>林間第５公園</t>
  </si>
  <si>
    <t>神奈川県相模原市南区東林間3-17</t>
  </si>
  <si>
    <t>034497</t>
  </si>
  <si>
    <t>南台とんがり公園</t>
  </si>
  <si>
    <t>神奈川県相模原市南区南台2-1</t>
  </si>
  <si>
    <t>034498</t>
  </si>
  <si>
    <t>若松１丁目公園</t>
  </si>
  <si>
    <t>神奈川県相模原市南区若松1-12</t>
  </si>
  <si>
    <t>034499</t>
  </si>
  <si>
    <t>相武台みどり公園</t>
  </si>
  <si>
    <t>神奈川県相模原市南区新磯野3-7</t>
  </si>
  <si>
    <t>034500</t>
  </si>
  <si>
    <t>東橋本２丁目あじさい公園</t>
  </si>
  <si>
    <t>神奈川県相模原市緑区東橋本2-16</t>
  </si>
  <si>
    <t>034501</t>
  </si>
  <si>
    <t>上鶴間さつき公園</t>
  </si>
  <si>
    <t>神奈川県相模原市南区上鶴間4-12</t>
  </si>
  <si>
    <t>034502</t>
  </si>
  <si>
    <t>鵜野森やすらぎ公園</t>
  </si>
  <si>
    <t>神奈川県相模原市南区鵜野森2-28</t>
  </si>
  <si>
    <t>034503</t>
  </si>
  <si>
    <t>新戸つつじ公園</t>
  </si>
  <si>
    <t>神奈川県相模原市南区新戸5283-6</t>
  </si>
  <si>
    <t>034504</t>
  </si>
  <si>
    <t>相原森の上公園</t>
  </si>
  <si>
    <t>神奈川県相模原市緑区相原5-8</t>
  </si>
  <si>
    <t>034505</t>
  </si>
  <si>
    <t>下溝西堀公園</t>
  </si>
  <si>
    <t>神奈川県相模原市南区下溝957-15</t>
  </si>
  <si>
    <t>034506</t>
  </si>
  <si>
    <t>若松こずえ公園</t>
  </si>
  <si>
    <t>034507</t>
  </si>
  <si>
    <t>相模台南公園</t>
  </si>
  <si>
    <t>神奈川県相模原市南区相模台3-8</t>
  </si>
  <si>
    <t>034508</t>
  </si>
  <si>
    <t>上鶴間六丁目公園</t>
  </si>
  <si>
    <t>神奈川県相模原市南区上鶴間6-1</t>
  </si>
  <si>
    <t>034509</t>
  </si>
  <si>
    <t>麻溝台８丁目公園</t>
  </si>
  <si>
    <t>神奈川県相模原市南区麻溝台8-25</t>
  </si>
  <si>
    <t>034510</t>
  </si>
  <si>
    <t>鹿島下公園</t>
  </si>
  <si>
    <t>神奈川県相模原市南区上鶴間本町3-13</t>
  </si>
  <si>
    <t>034511</t>
  </si>
  <si>
    <t>林間白笹公園</t>
  </si>
  <si>
    <t>神奈川県相模原市南区上鶴間7-9</t>
  </si>
  <si>
    <t>034512</t>
  </si>
  <si>
    <t>鵜野森ひよこ公園</t>
  </si>
  <si>
    <t>神奈川県相模原市南区鵜野森1-2</t>
  </si>
  <si>
    <t>034513</t>
  </si>
  <si>
    <t>バラ山公園</t>
  </si>
  <si>
    <t>神奈川県相模原市南区上鶴間本町5-15</t>
  </si>
  <si>
    <t>034514</t>
  </si>
  <si>
    <t>松が枝第２公園</t>
  </si>
  <si>
    <t>神奈川県相模原市南区松が枝町16</t>
  </si>
  <si>
    <t>034515</t>
  </si>
  <si>
    <t>鵜野森きぼう公園</t>
  </si>
  <si>
    <t>神奈川県相模原市南区鵜野森2-17</t>
  </si>
  <si>
    <t>034516</t>
  </si>
  <si>
    <t>清新くるみ公園</t>
  </si>
  <si>
    <t>神奈川県相模原市中央区清新7-1</t>
  </si>
  <si>
    <t>034517</t>
  </si>
  <si>
    <t>下森ハナミズキ公園</t>
  </si>
  <si>
    <t>神奈川県相模原市南区上鶴間本町2-17</t>
  </si>
  <si>
    <t>034518</t>
  </si>
  <si>
    <t>古淵ひのき台公園</t>
  </si>
  <si>
    <t>神奈川県相模原市南区古淵4-24</t>
  </si>
  <si>
    <t>034519</t>
  </si>
  <si>
    <t>相模大野ひだまりポケットパーク</t>
  </si>
  <si>
    <t>神奈川県相模原市南区相模大野7-25</t>
  </si>
  <si>
    <t>034520</t>
  </si>
  <si>
    <t>古淵西第二公園</t>
  </si>
  <si>
    <t>神奈川県相模原市南区古淵2-12</t>
  </si>
  <si>
    <t>034521</t>
  </si>
  <si>
    <t>古淵西第三公園</t>
  </si>
  <si>
    <t>神奈川県相模原市南区古淵2-13</t>
  </si>
  <si>
    <t>034522</t>
  </si>
  <si>
    <t>大野台３丁目あおぞら公園</t>
  </si>
  <si>
    <t>034523</t>
  </si>
  <si>
    <t>橋本公園</t>
  </si>
  <si>
    <t>034524</t>
  </si>
  <si>
    <t>千代田緑道</t>
  </si>
  <si>
    <t>平均台、山型雲梯</t>
  </si>
  <si>
    <t>034525</t>
  </si>
  <si>
    <t>相模台公園</t>
  </si>
  <si>
    <t>ラダー、プレイウォール</t>
  </si>
  <si>
    <t>034526</t>
  </si>
  <si>
    <t>神奈川県相模原市緑区原宿南1-17</t>
  </si>
  <si>
    <t>034527</t>
  </si>
  <si>
    <t>深堀中央公園</t>
  </si>
  <si>
    <t>神奈川県相模原市南区上鶴間3-21</t>
  </si>
  <si>
    <t>034528</t>
  </si>
  <si>
    <t>史跡勝坂遺跡公園</t>
  </si>
  <si>
    <t>神奈川県相模原市南区磯部1780</t>
  </si>
  <si>
    <t>034529</t>
  </si>
  <si>
    <t>下溝古山公園</t>
  </si>
  <si>
    <t>神奈川県相模原市南区下溝2350-3</t>
  </si>
  <si>
    <t>034531</t>
  </si>
  <si>
    <t>相模大野中央公園</t>
  </si>
  <si>
    <t>034532</t>
  </si>
  <si>
    <t>さがみの仲よし小道</t>
  </si>
  <si>
    <t>034533</t>
  </si>
  <si>
    <t>小山公園</t>
  </si>
  <si>
    <t>神奈川県相模原市中央区小山4-1</t>
  </si>
  <si>
    <t>034535</t>
  </si>
  <si>
    <t>津久井又野公園</t>
  </si>
  <si>
    <t>神奈川県相模原市緑区又野829</t>
  </si>
  <si>
    <t>相模原市</t>
  </si>
  <si>
    <t>向原４丁目公園</t>
  </si>
  <si>
    <t>神奈川県相模原市緑区向原4-100-4</t>
  </si>
  <si>
    <t>034536</t>
  </si>
  <si>
    <t>神奈川県相模原市南区磯部4573-2</t>
  </si>
  <si>
    <t>034537</t>
  </si>
  <si>
    <t>相模川自然の村公園</t>
  </si>
  <si>
    <t>神奈川県相模原市緑区大島3853-8</t>
  </si>
  <si>
    <t>034538</t>
  </si>
  <si>
    <t>古淵鵜野森公園</t>
  </si>
  <si>
    <t>034539</t>
  </si>
  <si>
    <t>鹿沼公園</t>
  </si>
  <si>
    <t>動物のオブジェ</t>
  </si>
  <si>
    <t>034540</t>
  </si>
  <si>
    <t>相模緑道緑地</t>
  </si>
  <si>
    <t>相模原中央緑地</t>
  </si>
  <si>
    <t>神奈川県相模原市中央区大野台8-5</t>
  </si>
  <si>
    <t>034542</t>
  </si>
  <si>
    <t>勝坂歴史公園</t>
  </si>
  <si>
    <t>神奈川県相模原市南区磯部4863</t>
  </si>
  <si>
    <t>034543</t>
  </si>
  <si>
    <t>道保川公園</t>
  </si>
  <si>
    <t>神奈川県相模原市中央区上溝1359</t>
  </si>
  <si>
    <t>034544</t>
  </si>
  <si>
    <t>相模湖林間公園</t>
  </si>
  <si>
    <t>神奈川県相模原市緑区若柳1432-2</t>
  </si>
  <si>
    <t>034545</t>
  </si>
  <si>
    <t>相模原北公園</t>
  </si>
  <si>
    <t>神奈川県相模原市緑区下九沢2368-1</t>
  </si>
  <si>
    <t>034546</t>
  </si>
  <si>
    <t>横山公園</t>
  </si>
  <si>
    <t>034547</t>
  </si>
  <si>
    <t>淵野辺公園</t>
  </si>
  <si>
    <t>神奈川県相模原市中央区弥栄3-1-6</t>
  </si>
  <si>
    <t>034548</t>
  </si>
  <si>
    <t>相模原麻溝公園</t>
  </si>
  <si>
    <t>神奈川県相模原市南区麻溝台2317-1</t>
  </si>
  <si>
    <t>間の原第２公園</t>
  </si>
  <si>
    <t>神奈川県相模原市緑区原宿5-2</t>
  </si>
  <si>
    <t>城山水源のこみち</t>
  </si>
  <si>
    <t>神奈川県相模原市緑区城山1-9ほか</t>
  </si>
  <si>
    <t>新屋敷ふれあい公園</t>
  </si>
  <si>
    <t>神奈川県相模原市南区下溝1964-6</t>
  </si>
  <si>
    <t>淵野辺さくら公園</t>
  </si>
  <si>
    <t>神奈川県相模原市中央区淵野辺2-5</t>
  </si>
  <si>
    <t>淵野辺しょうぶ公園</t>
  </si>
  <si>
    <t>神奈川県相模原市中央区淵野辺5-1</t>
  </si>
  <si>
    <t>北里２丁目地球人公園</t>
  </si>
  <si>
    <t>神奈川県相模原市南区北里2-20</t>
  </si>
  <si>
    <t>044551</t>
  </si>
  <si>
    <t>横須賀市</t>
    <rPh sb="0" eb="4">
      <t>ヨコスカシ</t>
    </rPh>
    <phoneticPr fontId="7"/>
  </si>
  <si>
    <t>衣笠町公園</t>
  </si>
  <si>
    <t>神奈川県横須賀市衣笠町28</t>
  </si>
  <si>
    <t>044552</t>
  </si>
  <si>
    <t>小原台第５公園</t>
  </si>
  <si>
    <t>神奈川県横須賀市小原台1674</t>
  </si>
  <si>
    <t>044553</t>
  </si>
  <si>
    <t>武１丁目第３公園</t>
  </si>
  <si>
    <t>神奈川県横須賀市武1-1317</t>
  </si>
  <si>
    <t>044554</t>
  </si>
  <si>
    <t>安浦第２公園</t>
  </si>
  <si>
    <t>神奈川県横須賀市安浦町3-27</t>
  </si>
  <si>
    <t>044555</t>
  </si>
  <si>
    <t>武１丁目第４公園</t>
  </si>
  <si>
    <t>神奈川県横須賀市武1-2044</t>
  </si>
  <si>
    <t>044556</t>
  </si>
  <si>
    <t>走水２丁目公園</t>
  </si>
  <si>
    <t>神奈川県横須賀市走水2-775-5</t>
  </si>
  <si>
    <t>044557</t>
  </si>
  <si>
    <t>粟田２丁目公園</t>
  </si>
  <si>
    <t>神奈川県横須賀市粟田2-1148</t>
  </si>
  <si>
    <t>044558</t>
  </si>
  <si>
    <t>池田第２公園</t>
  </si>
  <si>
    <t>神奈川県横須賀市池田町6-49</t>
  </si>
  <si>
    <t>044559</t>
  </si>
  <si>
    <t>久比里公園</t>
  </si>
  <si>
    <t>神奈川県横須賀市久比里2-392</t>
  </si>
  <si>
    <t>044560</t>
  </si>
  <si>
    <t>西逸見公園</t>
  </si>
  <si>
    <t>神奈川県横須賀市西逸見町2-9-5</t>
  </si>
  <si>
    <t>044561</t>
  </si>
  <si>
    <t>大矢部３丁目第３公園</t>
  </si>
  <si>
    <t>神奈川県横須賀市大矢部3-677-84</t>
  </si>
  <si>
    <t>044562</t>
  </si>
  <si>
    <t>粟田２丁目第２公園</t>
  </si>
  <si>
    <t>神奈川県横須賀市粟田2-1198</t>
  </si>
  <si>
    <t>044564</t>
  </si>
  <si>
    <t>武１丁目第５公園</t>
  </si>
  <si>
    <t>神奈川県横須賀市武1-1281</t>
  </si>
  <si>
    <t>044565</t>
  </si>
  <si>
    <t>衣笠栄町第２公園</t>
  </si>
  <si>
    <t>神奈川県横須賀市衣笠栄町3-67</t>
  </si>
  <si>
    <t>044566</t>
  </si>
  <si>
    <t>長沢１丁目公園</t>
  </si>
  <si>
    <t>神奈川県横須賀市長沢1-70</t>
  </si>
  <si>
    <t>044567</t>
  </si>
  <si>
    <t>鶴が丘２丁目公園</t>
  </si>
  <si>
    <t>神奈川県横須賀市鶴が丘2-13-4</t>
  </si>
  <si>
    <t>044568</t>
  </si>
  <si>
    <t>二葉２丁目公園</t>
  </si>
  <si>
    <t>神奈川県横須賀市二葉2-2977</t>
  </si>
  <si>
    <t>044569</t>
  </si>
  <si>
    <t>武４丁目公園</t>
  </si>
  <si>
    <t>神奈川県横須賀市武4-1011</t>
  </si>
  <si>
    <t>044570</t>
  </si>
  <si>
    <t>鴨居１丁目第２公園</t>
  </si>
  <si>
    <t>神奈川県横須賀市鴨居1-2825</t>
  </si>
  <si>
    <t>044571</t>
  </si>
  <si>
    <t>久里浜２丁目公園</t>
  </si>
  <si>
    <t>神奈川県横須賀市久里浜2-18</t>
  </si>
  <si>
    <t>044572</t>
  </si>
  <si>
    <t>大津５丁目公園</t>
  </si>
  <si>
    <t>神奈川県横須賀市大津町5-47</t>
  </si>
  <si>
    <t>044573</t>
  </si>
  <si>
    <t>汐見台３丁目公園</t>
  </si>
  <si>
    <t>神奈川県横須賀市汐見台3-24-58</t>
  </si>
  <si>
    <t>044574</t>
  </si>
  <si>
    <t>長瀬第２公園</t>
  </si>
  <si>
    <t>神奈川県横須賀市長瀬1-13</t>
  </si>
  <si>
    <t>044575</t>
  </si>
  <si>
    <t>久里浜５丁目公園</t>
  </si>
  <si>
    <t>神奈川県横須賀市久里浜5-621</t>
  </si>
  <si>
    <t>044576</t>
  </si>
  <si>
    <t>湘南鷹取１丁目第２公園</t>
  </si>
  <si>
    <t>神奈川県横須賀市湘南鷹取1-69-250</t>
  </si>
  <si>
    <t>044577</t>
  </si>
  <si>
    <t>二葉２丁目第２公園</t>
  </si>
  <si>
    <t>神奈川県横須賀市二葉2-2984</t>
  </si>
  <si>
    <t>044578</t>
  </si>
  <si>
    <t>鴨居２丁目公園</t>
  </si>
  <si>
    <t>神奈川県横須賀市鴨居2-296</t>
  </si>
  <si>
    <t>044579</t>
  </si>
  <si>
    <t>粟田１丁目第３公園</t>
  </si>
  <si>
    <t>神奈川県横須賀市粟田1-1312</t>
  </si>
  <si>
    <t>044580</t>
  </si>
  <si>
    <t>湘南鷹取４丁目公園</t>
  </si>
  <si>
    <t>神奈川県横須賀市湘南鷹取4-4-237</t>
  </si>
  <si>
    <t>044581</t>
  </si>
  <si>
    <t>公郷第６公園</t>
  </si>
  <si>
    <t>神奈川県横須賀市公郷町5-46-36</t>
  </si>
  <si>
    <t>044582</t>
  </si>
  <si>
    <t>大矢部４丁目公園</t>
  </si>
  <si>
    <t>神奈川県横須賀市大矢部4-553-120</t>
  </si>
  <si>
    <t>044583</t>
  </si>
  <si>
    <t>野比志も公園</t>
  </si>
  <si>
    <t>神奈川県横須賀市野比2-88-31</t>
  </si>
  <si>
    <t>044584</t>
  </si>
  <si>
    <t>武１丁目第２公園</t>
  </si>
  <si>
    <t>神奈川県横須賀市武1-1843</t>
  </si>
  <si>
    <t>044585</t>
  </si>
  <si>
    <t>大津おりょうさん公園（旧大津３丁目）</t>
  </si>
  <si>
    <t>神奈川県横須賀市大津町3-51-2</t>
  </si>
  <si>
    <t>044586</t>
  </si>
  <si>
    <t>東逸見２丁目公園</t>
  </si>
  <si>
    <t>神奈川県横須賀市東逸見町2-6-3</t>
  </si>
  <si>
    <t>044587</t>
  </si>
  <si>
    <t>田浦１丁目公園</t>
  </si>
  <si>
    <t>神奈川県横須賀市田浦町1-49-1</t>
  </si>
  <si>
    <t>044588</t>
  </si>
  <si>
    <t>長浦３丁目公園</t>
  </si>
  <si>
    <t>神奈川県横須賀市長浦町3-60-3</t>
  </si>
  <si>
    <t>044589</t>
  </si>
  <si>
    <t>森崎３丁目公園</t>
  </si>
  <si>
    <t>神奈川県横須賀市森崎3-405</t>
  </si>
  <si>
    <t>044590</t>
  </si>
  <si>
    <t>東逸見３丁目公園</t>
  </si>
  <si>
    <t>神奈川県横須賀市東逸見町3-14-32</t>
  </si>
  <si>
    <t>044591</t>
  </si>
  <si>
    <t>小矢部３丁目公園</t>
  </si>
  <si>
    <t>神奈川県横須賀市小矢部3-1249</t>
  </si>
  <si>
    <t>044592</t>
  </si>
  <si>
    <t>池田諏の宮前公園</t>
  </si>
  <si>
    <t>神奈川県横須賀市池田町2-46</t>
  </si>
  <si>
    <t>044593</t>
  </si>
  <si>
    <t>神奈川県横須賀市長沢4-1519</t>
  </si>
  <si>
    <t>044594</t>
  </si>
  <si>
    <t>林３丁目公園</t>
  </si>
  <si>
    <t>神奈川県横須賀市林3-434</t>
  </si>
  <si>
    <t>044595</t>
  </si>
  <si>
    <t>追浜東町１丁目第４公園</t>
  </si>
  <si>
    <t>神奈川県横須賀市追浜東町1-28-64</t>
  </si>
  <si>
    <t>044596</t>
  </si>
  <si>
    <t>野比しま田公園</t>
  </si>
  <si>
    <t>神奈川県横須賀市野比1-1002-7</t>
  </si>
  <si>
    <t>044597</t>
  </si>
  <si>
    <t>佐原３丁目第２公園</t>
  </si>
  <si>
    <t>神奈川県横須賀市佐原3-1172</t>
  </si>
  <si>
    <t>044598</t>
  </si>
  <si>
    <t>大滝町公園</t>
  </si>
  <si>
    <t>神奈川県横須賀市大滝町1-31-10</t>
  </si>
  <si>
    <t>044599</t>
  </si>
  <si>
    <t>津久井公園</t>
  </si>
  <si>
    <t>神奈川県横須賀市津久井5-2902</t>
  </si>
  <si>
    <t>044600</t>
  </si>
  <si>
    <t>小原台第３公園</t>
  </si>
  <si>
    <t>神奈川県横須賀市小原台2097</t>
  </si>
  <si>
    <t>044601</t>
  </si>
  <si>
    <t>長浦３丁目第２公園</t>
  </si>
  <si>
    <t>神奈川県横須賀市長浦町3-106-1</t>
  </si>
  <si>
    <t>044602</t>
  </si>
  <si>
    <t>平坂公園</t>
  </si>
  <si>
    <t>神奈川県横須賀市若松町3-20</t>
  </si>
  <si>
    <t>044603</t>
  </si>
  <si>
    <t>東逸見４丁目公園</t>
  </si>
  <si>
    <t>神奈川県横須賀市東逸見町4-16-76</t>
  </si>
  <si>
    <t>044604</t>
  </si>
  <si>
    <t>上町３丁目公園</t>
  </si>
  <si>
    <t>神奈川県横須賀市上町3-33-2</t>
  </si>
  <si>
    <t>044605</t>
  </si>
  <si>
    <t>野比はなわ公園</t>
  </si>
  <si>
    <t>神奈川県横須賀市野比3-2005-9</t>
  </si>
  <si>
    <t>044606</t>
  </si>
  <si>
    <t>金谷公園</t>
  </si>
  <si>
    <t>神奈川県横須賀市金谷1-487-2</t>
  </si>
  <si>
    <t>044607</t>
  </si>
  <si>
    <t>追浜町１丁目公園</t>
  </si>
  <si>
    <t>神奈川県横須賀市追浜町1-40-15</t>
  </si>
  <si>
    <t>044608</t>
  </si>
  <si>
    <t>鴨居２丁目第２公園</t>
  </si>
  <si>
    <t>神奈川県横須賀市鴨居2-286</t>
  </si>
  <si>
    <t>044610</t>
  </si>
  <si>
    <t>粟田１丁目第２公園</t>
  </si>
  <si>
    <t>神奈川県横須賀市粟田1-1257-46</t>
  </si>
  <si>
    <t>044611</t>
  </si>
  <si>
    <t>長瀬第４公園</t>
  </si>
  <si>
    <t>神奈川県横須賀市長瀬1-3</t>
  </si>
  <si>
    <t>044612</t>
  </si>
  <si>
    <t>神奈川県横須賀市汐入町2-10-11</t>
  </si>
  <si>
    <t>044613</t>
  </si>
  <si>
    <t>野比中村公園</t>
  </si>
  <si>
    <t>神奈川県横須賀市野比2-325-22</t>
  </si>
  <si>
    <t>044614</t>
  </si>
  <si>
    <t>南浦賀第２公園</t>
  </si>
  <si>
    <t>神奈川県横須賀市南浦賀15</t>
  </si>
  <si>
    <t>044615</t>
  </si>
  <si>
    <t>長井屋形公園</t>
  </si>
  <si>
    <t>神奈川県横須賀市長井5-2880-27</t>
  </si>
  <si>
    <t>044616</t>
  </si>
  <si>
    <t>みかん台第２公園</t>
  </si>
  <si>
    <t>神奈川県横須賀市鴨居1-2578</t>
  </si>
  <si>
    <t>044617</t>
  </si>
  <si>
    <t>船越３丁目第２公園</t>
  </si>
  <si>
    <t>神奈川県横須賀市船越町3-33-3</t>
  </si>
  <si>
    <t>044618</t>
  </si>
  <si>
    <t>秋谷公園</t>
  </si>
  <si>
    <t>神奈川県横須賀市秋谷4540</t>
  </si>
  <si>
    <t>044619</t>
  </si>
  <si>
    <t>佐原太郎崎公園</t>
  </si>
  <si>
    <t>神奈川県横須賀市佐原5-285</t>
  </si>
  <si>
    <t>044620</t>
  </si>
  <si>
    <t>鴨居第２公園</t>
  </si>
  <si>
    <t>神奈川県横須賀市鴨居2-142</t>
  </si>
  <si>
    <t>044621</t>
  </si>
  <si>
    <t>久比里１丁目公園</t>
  </si>
  <si>
    <t>神奈川県横須賀市久比里1-433</t>
  </si>
  <si>
    <t>044622</t>
  </si>
  <si>
    <t>鴨居３丁目第２公園</t>
  </si>
  <si>
    <t>神奈川県横須賀市鴨居3-777</t>
  </si>
  <si>
    <t>044623</t>
  </si>
  <si>
    <t>森崎６丁目公園</t>
  </si>
  <si>
    <t>神奈川県横須賀市森崎6-1287</t>
  </si>
  <si>
    <t>044624</t>
  </si>
  <si>
    <t>野比松葉第３公園</t>
  </si>
  <si>
    <t>神奈川県横須賀市野比3-2076-4</t>
  </si>
  <si>
    <t>044625</t>
  </si>
  <si>
    <t>船越６丁目公園</t>
  </si>
  <si>
    <t>神奈川県横須賀市船越町6-17-40</t>
  </si>
  <si>
    <t>044626</t>
  </si>
  <si>
    <t>鴨居３丁目第３公園</t>
  </si>
  <si>
    <t>神奈川県横須賀市鴨居3-1359</t>
  </si>
  <si>
    <t>044627</t>
  </si>
  <si>
    <t>池田公園</t>
  </si>
  <si>
    <t>神奈川県横須賀市池田町2-11</t>
  </si>
  <si>
    <t>044628</t>
  </si>
  <si>
    <t>佐原４丁目公園</t>
  </si>
  <si>
    <t>神奈川県横須賀市佐原4-2</t>
  </si>
  <si>
    <t>044629</t>
  </si>
  <si>
    <t>浦賀丘１丁目第２公園</t>
  </si>
  <si>
    <t>神奈川県横須賀市浦賀丘1-31</t>
  </si>
  <si>
    <t>044630</t>
  </si>
  <si>
    <t>岩戸３丁目第２公園</t>
  </si>
  <si>
    <t>神奈川県横須賀市岩戸3-364</t>
  </si>
  <si>
    <t>044631</t>
  </si>
  <si>
    <t>公郷公園</t>
  </si>
  <si>
    <t>神奈川県横須賀市公郷町2-14</t>
  </si>
  <si>
    <t>044632</t>
  </si>
  <si>
    <t>南浦賀公園</t>
  </si>
  <si>
    <t>神奈川県横須賀市南浦賀4</t>
  </si>
  <si>
    <t>044633</t>
  </si>
  <si>
    <t>岩戸４丁目第２公園</t>
  </si>
  <si>
    <t>神奈川県横須賀市岩戸4-73</t>
  </si>
  <si>
    <t>044634</t>
  </si>
  <si>
    <t>神奈川県横須賀市追浜町2-41-8</t>
  </si>
  <si>
    <t>044635</t>
  </si>
  <si>
    <t>ハイランド３丁目第２公園</t>
  </si>
  <si>
    <t>神奈川県横須賀市ハイランド3-1336</t>
  </si>
  <si>
    <t>044636</t>
  </si>
  <si>
    <t>神奈川県横須賀市浦郷町1-67</t>
  </si>
  <si>
    <t>044637</t>
  </si>
  <si>
    <t>林３丁目第３公園</t>
  </si>
  <si>
    <t>神奈川県横須賀市林3-881</t>
  </si>
  <si>
    <t>044638</t>
  </si>
  <si>
    <t>大矢部中尾公園</t>
  </si>
  <si>
    <t>神奈川県横須賀市大矢部5-25-13</t>
  </si>
  <si>
    <t>044639</t>
  </si>
  <si>
    <t>武１丁目公園</t>
  </si>
  <si>
    <t>神奈川県横須賀市武1-1520</t>
  </si>
  <si>
    <t>044640</t>
  </si>
  <si>
    <t>小原台第２公園</t>
  </si>
  <si>
    <t>044641</t>
  </si>
  <si>
    <t>武４丁目第２公園</t>
  </si>
  <si>
    <t>神奈川県横須賀市武4-971</t>
  </si>
  <si>
    <t>044642</t>
  </si>
  <si>
    <t>野比海岸公園</t>
  </si>
  <si>
    <t>神奈川県横須賀市野比2-194-13</t>
  </si>
  <si>
    <t>044643</t>
  </si>
  <si>
    <t>吉井３丁目公園</t>
  </si>
  <si>
    <t>神奈川県横須賀市吉井3-16</t>
  </si>
  <si>
    <t>044644</t>
  </si>
  <si>
    <t>ハイランド２丁目公園</t>
  </si>
  <si>
    <t>神奈川県横須賀市ハイランド2-816</t>
  </si>
  <si>
    <t>044645</t>
  </si>
  <si>
    <t>池上３丁目公園</t>
  </si>
  <si>
    <t>神奈川県横須賀市池上3-3629-2</t>
  </si>
  <si>
    <t>044646</t>
  </si>
  <si>
    <t>追浜本町第２公園</t>
  </si>
  <si>
    <t>神奈川県横須賀市追浜本町2-1-106</t>
  </si>
  <si>
    <t>044647</t>
  </si>
  <si>
    <t>田浦公園</t>
  </si>
  <si>
    <t>神奈川県横須賀市田浦町4-7-1</t>
  </si>
  <si>
    <t>044648</t>
  </si>
  <si>
    <t>桜が丘２丁目第２公園</t>
  </si>
  <si>
    <t>神奈川県横須賀市桜が丘2-92</t>
  </si>
  <si>
    <t>044649</t>
  </si>
  <si>
    <t>船越７丁目公園</t>
  </si>
  <si>
    <t>神奈川県横須賀市船越町7-12-31</t>
  </si>
  <si>
    <t>044650</t>
  </si>
  <si>
    <t>追浜東町１丁目第２公園</t>
  </si>
  <si>
    <t>神奈川県横須賀市追浜東町1-51-2</t>
  </si>
  <si>
    <t>044651</t>
  </si>
  <si>
    <t>金谷２丁目第３公園</t>
  </si>
  <si>
    <t>神奈川県横須賀市金谷2-409-48</t>
  </si>
  <si>
    <t>044652</t>
  </si>
  <si>
    <t>公郷４丁目公園</t>
  </si>
  <si>
    <t>神奈川県横須賀市公郷町4-65</t>
  </si>
  <si>
    <t>044653</t>
  </si>
  <si>
    <t>神奈川県横須賀市久里浜4-74</t>
  </si>
  <si>
    <t>044654</t>
  </si>
  <si>
    <t>若宮台公園（旧舟倉）</t>
  </si>
  <si>
    <t>神奈川県横須賀市若宮台90</t>
  </si>
  <si>
    <t>044655</t>
  </si>
  <si>
    <t>粟田２丁目第５公園</t>
  </si>
  <si>
    <t>神奈川県横須賀市粟田2-1247</t>
  </si>
  <si>
    <t>044656</t>
  </si>
  <si>
    <t>衣笠栄町２丁目公園</t>
  </si>
  <si>
    <t>神奈川県横須賀市衣笠栄町2-56</t>
  </si>
  <si>
    <t>044657</t>
  </si>
  <si>
    <t>ハイランド３丁目公園</t>
  </si>
  <si>
    <t>神奈川県横須賀市ハイランド3-1427</t>
  </si>
  <si>
    <t>044658</t>
  </si>
  <si>
    <t>林３丁目第２公園</t>
  </si>
  <si>
    <t>神奈川県横須賀市林3-887</t>
  </si>
  <si>
    <t>044659</t>
  </si>
  <si>
    <t>金谷２丁目第２公園</t>
  </si>
  <si>
    <t>神奈川県横須賀市金谷2-409-47</t>
  </si>
  <si>
    <t>044660</t>
  </si>
  <si>
    <t>鴨居第４公園</t>
  </si>
  <si>
    <t>神奈川県横須賀市鴨居2-157</t>
  </si>
  <si>
    <t>044661</t>
  </si>
  <si>
    <t>三春５丁目公園</t>
  </si>
  <si>
    <t>神奈川県横須賀市三春町5-72-1</t>
  </si>
  <si>
    <t>044662</t>
  </si>
  <si>
    <t>公郷第５公園</t>
  </si>
  <si>
    <t>神奈川県横須賀市公郷町5-111-3</t>
  </si>
  <si>
    <t>044663</t>
  </si>
  <si>
    <t>馬堀３丁目公園</t>
  </si>
  <si>
    <t>神奈川県横須賀市馬堀町3-78-88</t>
  </si>
  <si>
    <t>044664</t>
  </si>
  <si>
    <t>光風台公園（旧西浦賀）</t>
  </si>
  <si>
    <t>神奈川県横須賀市光風台20</t>
  </si>
  <si>
    <t>044665</t>
  </si>
  <si>
    <t>林２丁目公園</t>
  </si>
  <si>
    <t>神奈川県横須賀市林2-1151</t>
  </si>
  <si>
    <t>044666</t>
  </si>
  <si>
    <t>公郷第３公園</t>
  </si>
  <si>
    <t>神奈川県横須賀市公郷町3-121-4</t>
  </si>
  <si>
    <t>044667</t>
  </si>
  <si>
    <t>船越８丁目第３公園</t>
  </si>
  <si>
    <t>神奈川県横須賀市船越町8-32-73</t>
  </si>
  <si>
    <t>044668</t>
  </si>
  <si>
    <t>根岸第５公園</t>
  </si>
  <si>
    <t>神奈川県横須賀市根岸町5-76</t>
  </si>
  <si>
    <t>044669</t>
  </si>
  <si>
    <t>久里浜６丁目公園</t>
  </si>
  <si>
    <t>神奈川県横須賀市久里浜6-1720</t>
  </si>
  <si>
    <t>044670</t>
  </si>
  <si>
    <t>武４丁目第３公園</t>
  </si>
  <si>
    <t>044671</t>
  </si>
  <si>
    <t>吉井２丁目第３公園</t>
  </si>
  <si>
    <t>神奈川県横須賀市吉井2-14</t>
  </si>
  <si>
    <t>044672</t>
  </si>
  <si>
    <t>馬堀海岸２丁目公園</t>
  </si>
  <si>
    <t>神奈川県横須賀市馬堀海岸2-24</t>
  </si>
  <si>
    <t>044673</t>
  </si>
  <si>
    <t>池上公園</t>
  </si>
  <si>
    <t>神奈川県横須賀市池上5-3950-9</t>
  </si>
  <si>
    <t>044674</t>
  </si>
  <si>
    <t>大津１丁目公園</t>
  </si>
  <si>
    <t>神奈川県横須賀市大津町1-1</t>
  </si>
  <si>
    <t>044675</t>
  </si>
  <si>
    <t>大矢部３丁目第２公園</t>
  </si>
  <si>
    <t>神奈川県横須賀市大矢部3-22-1</t>
  </si>
  <si>
    <t>044676</t>
  </si>
  <si>
    <t>浦賀１丁目公園</t>
  </si>
  <si>
    <t>神奈川県横須賀市浦賀1-2</t>
  </si>
  <si>
    <t>044677</t>
  </si>
  <si>
    <t>佐原４丁目第２公園</t>
  </si>
  <si>
    <t>神奈川県横須賀市佐原4-7</t>
  </si>
  <si>
    <t>044678</t>
  </si>
  <si>
    <t>森崎４丁目公園</t>
  </si>
  <si>
    <t>神奈川県横須賀市森崎4-1731</t>
  </si>
  <si>
    <t>044679</t>
  </si>
  <si>
    <t>津久井大畑公園</t>
  </si>
  <si>
    <t>神奈川県横須賀市グリーンハイツ1972</t>
  </si>
  <si>
    <t>044680</t>
  </si>
  <si>
    <t>腹切松公園</t>
  </si>
  <si>
    <t>神奈川県横須賀市大矢部5-855</t>
  </si>
  <si>
    <t>044681</t>
  </si>
  <si>
    <t>林２丁目第２公園</t>
  </si>
  <si>
    <t>神奈川県横須賀市林2-1303</t>
  </si>
  <si>
    <t>044682</t>
  </si>
  <si>
    <t>金谷第２公園</t>
  </si>
  <si>
    <t>神奈川県横須賀市金谷1-630-1</t>
  </si>
  <si>
    <t>044683</t>
  </si>
  <si>
    <t>長沢婦がらみ公園</t>
  </si>
  <si>
    <t>神奈川県横須賀市長沢2-1811</t>
  </si>
  <si>
    <t>044684</t>
  </si>
  <si>
    <t>東浦賀公園</t>
  </si>
  <si>
    <t>神奈川県横須賀市東浦賀2-70-4</t>
  </si>
  <si>
    <t>044685</t>
  </si>
  <si>
    <t>矢の津公園</t>
  </si>
  <si>
    <t>神奈川県横須賀市馬堀町2-35</t>
  </si>
  <si>
    <t>044686</t>
  </si>
  <si>
    <t>長沢七軒町公園</t>
  </si>
  <si>
    <t>神奈川県横須賀市長沢1-363</t>
  </si>
  <si>
    <t>044687</t>
  </si>
  <si>
    <t>粟田２丁目第３公園</t>
  </si>
  <si>
    <t>神奈川県横須賀市粟田2-1209</t>
  </si>
  <si>
    <t>044688</t>
  </si>
  <si>
    <t>汐入５丁目公園</t>
  </si>
  <si>
    <t>神奈川県横須賀市汐入町5-23-11</t>
  </si>
  <si>
    <t>044689</t>
  </si>
  <si>
    <t>久里浜台２丁目公園</t>
  </si>
  <si>
    <t>神奈川県横須賀市久里浜台2-25</t>
  </si>
  <si>
    <t>044690</t>
  </si>
  <si>
    <t>池田第３公園</t>
  </si>
  <si>
    <t>神奈川県横須賀市池田町6-80</t>
  </si>
  <si>
    <t>044691</t>
  </si>
  <si>
    <t>浦賀５丁目第３公園</t>
  </si>
  <si>
    <t>神奈川県横須賀市浦賀5-50</t>
  </si>
  <si>
    <t>044692</t>
  </si>
  <si>
    <t>森崎公園</t>
  </si>
  <si>
    <t>神奈川県横須賀市森崎1-7-12</t>
  </si>
  <si>
    <t>044693</t>
  </si>
  <si>
    <t>長瀬第３公園</t>
  </si>
  <si>
    <t>神奈川県横須賀市長瀬1-9</t>
  </si>
  <si>
    <t>044694</t>
  </si>
  <si>
    <t>汐見台公園</t>
  </si>
  <si>
    <t>神奈川県横須賀市汐見台3-1-13</t>
  </si>
  <si>
    <t>044695</t>
  </si>
  <si>
    <t>武５丁目公園</t>
  </si>
  <si>
    <t>神奈川県横須賀市武5-1033</t>
  </si>
  <si>
    <t>044696</t>
  </si>
  <si>
    <t>久留和公園</t>
  </si>
  <si>
    <t>神奈川県横須賀市秋谷4424</t>
  </si>
  <si>
    <t>044697</t>
  </si>
  <si>
    <t>早稲田公園</t>
  </si>
  <si>
    <t>神奈川県横須賀市二葉2-2277</t>
  </si>
  <si>
    <t>044698</t>
  </si>
  <si>
    <t>太田和１丁目第３公園</t>
  </si>
  <si>
    <t>神奈川県横須賀市太田和1-1465</t>
  </si>
  <si>
    <t>044699</t>
  </si>
  <si>
    <t>衣笠栄町１丁目公園</t>
  </si>
  <si>
    <t>神奈川県横須賀市衣笠栄町1-45</t>
  </si>
  <si>
    <t>044700</t>
  </si>
  <si>
    <t>森崎２丁目公園</t>
  </si>
  <si>
    <t>神奈川県横須賀市森崎2-399</t>
  </si>
  <si>
    <t>044701</t>
  </si>
  <si>
    <t>安浦公園</t>
  </si>
  <si>
    <t>神奈川県横須賀市安浦町2-1</t>
  </si>
  <si>
    <t>044702</t>
  </si>
  <si>
    <t>逸見小学校前公園</t>
  </si>
  <si>
    <t>神奈川県横須賀市西逸見町1-32</t>
  </si>
  <si>
    <t>044703</t>
  </si>
  <si>
    <t>三春６丁目公園</t>
  </si>
  <si>
    <t>神奈川県横須賀市三春町6-95-18</t>
  </si>
  <si>
    <t>044704</t>
  </si>
  <si>
    <t>光風台第２公園(旧西浦賀第２)</t>
  </si>
  <si>
    <t>044705</t>
  </si>
  <si>
    <t>平作第２公園</t>
  </si>
  <si>
    <t>神奈川県横須賀市平作8-3461</t>
  </si>
  <si>
    <t>044706</t>
  </si>
  <si>
    <t>栄地谷公園</t>
  </si>
  <si>
    <t>神奈川県横須賀市平作5-1544-65</t>
  </si>
  <si>
    <t>044707</t>
  </si>
  <si>
    <t>船越８丁目第２公園</t>
  </si>
  <si>
    <t>神奈川県横須賀市船越町8-32-22</t>
  </si>
  <si>
    <t>044708</t>
  </si>
  <si>
    <t>浦賀３丁目公園</t>
  </si>
  <si>
    <t>神奈川県横須賀市浦賀3-4</t>
  </si>
  <si>
    <t>044709</t>
  </si>
  <si>
    <t>公郷第２公園</t>
  </si>
  <si>
    <t>神奈川県横須賀市公郷町3-92</t>
  </si>
  <si>
    <t>044710</t>
  </si>
  <si>
    <t>久里浜８丁目公園</t>
  </si>
  <si>
    <t>神奈川県横須賀市久里浜8-11</t>
  </si>
  <si>
    <t>044711</t>
  </si>
  <si>
    <t>浦賀丘３丁目公園</t>
  </si>
  <si>
    <t>神奈川県横須賀市浦賀丘3-31</t>
  </si>
  <si>
    <t>044712</t>
  </si>
  <si>
    <t>粟田２丁目第６公園</t>
  </si>
  <si>
    <t>神奈川県横須賀市粟田2-1274</t>
  </si>
  <si>
    <t>044713</t>
  </si>
  <si>
    <t>浦賀５丁目第４公園</t>
  </si>
  <si>
    <t>神奈川県横須賀市浦賀5-60</t>
  </si>
  <si>
    <t>044714</t>
  </si>
  <si>
    <t>公郷第４公園</t>
  </si>
  <si>
    <t>神奈川県横須賀市公郷町1-51-1</t>
  </si>
  <si>
    <t>044715</t>
  </si>
  <si>
    <t>荻野公園</t>
  </si>
  <si>
    <t>神奈川県横須賀市荻野230</t>
  </si>
  <si>
    <t>044716</t>
  </si>
  <si>
    <t>汐入５丁目第２公園</t>
  </si>
  <si>
    <t>神奈川県横須賀市汐入町5-45-12</t>
  </si>
  <si>
    <t>044717</t>
  </si>
  <si>
    <t>湘南鷹取３丁目公園</t>
  </si>
  <si>
    <t>神奈川県横須賀市湘南鷹取3-16-315</t>
  </si>
  <si>
    <t>044718</t>
  </si>
  <si>
    <t>小矢部１丁目第３公園</t>
  </si>
  <si>
    <t>神奈川県横須賀市小矢部1-1369</t>
  </si>
  <si>
    <t>044719</t>
  </si>
  <si>
    <t>武３丁目公園</t>
  </si>
  <si>
    <t>神奈川県横須賀市武3-138</t>
  </si>
  <si>
    <t>044720</t>
  </si>
  <si>
    <t>池田５丁目公園</t>
  </si>
  <si>
    <t>神奈川県横須賀市池田町5-29</t>
  </si>
  <si>
    <t>044721</t>
  </si>
  <si>
    <t>小原台第４公園</t>
  </si>
  <si>
    <t>神奈川県横須賀市小原台1583</t>
  </si>
  <si>
    <t>044722</t>
  </si>
  <si>
    <t>野比はなわ第３公園</t>
  </si>
  <si>
    <t>神奈川県横須賀市野比3-1851-51</t>
  </si>
  <si>
    <t>044723</t>
  </si>
  <si>
    <t>太田和１丁目公園</t>
  </si>
  <si>
    <t>神奈川県横須賀市太田和1-1071</t>
  </si>
  <si>
    <t>044724</t>
  </si>
  <si>
    <t>豊の坪公園</t>
  </si>
  <si>
    <t>神奈川県横須賀市上町4-74-4</t>
  </si>
  <si>
    <t>044725</t>
  </si>
  <si>
    <t>浦賀公園</t>
  </si>
  <si>
    <t>神奈川県横須賀市浦上台2-27</t>
  </si>
  <si>
    <t>044726</t>
  </si>
  <si>
    <t>武５丁目第２公園</t>
  </si>
  <si>
    <t>神奈川県横須賀市武5-1108</t>
  </si>
  <si>
    <t>044727</t>
  </si>
  <si>
    <t>貞昌寺公園</t>
  </si>
  <si>
    <t>神奈川県横須賀市馬堀町1-93</t>
  </si>
  <si>
    <t>044728</t>
  </si>
  <si>
    <t>東浦賀２丁目公園</t>
  </si>
  <si>
    <t>神奈川県横須賀市東浦賀2-70-10</t>
  </si>
  <si>
    <t>044729</t>
  </si>
  <si>
    <t>小原台公園</t>
  </si>
  <si>
    <t>神奈川県横須賀市小原台25</t>
  </si>
  <si>
    <t>044730</t>
  </si>
  <si>
    <t>西浦賀海岸公園</t>
  </si>
  <si>
    <t>神奈川県横須賀市西浦賀4-8</t>
  </si>
  <si>
    <t>044731</t>
  </si>
  <si>
    <t>太田和１丁目第４公園</t>
  </si>
  <si>
    <t>044732</t>
  </si>
  <si>
    <t>佐原公園</t>
  </si>
  <si>
    <t>神奈川県横須賀市佐原1-12</t>
  </si>
  <si>
    <t>044733</t>
  </si>
  <si>
    <t>久里浜台１丁目公園</t>
  </si>
  <si>
    <t>神奈川県横須賀市久里浜台1-18</t>
  </si>
  <si>
    <t>044734</t>
  </si>
  <si>
    <t>逸見が丘第３公園</t>
  </si>
  <si>
    <t>神奈川県横須賀市逸見が丘6-23</t>
  </si>
  <si>
    <t>044735</t>
  </si>
  <si>
    <t>不入斗３丁目公園</t>
  </si>
  <si>
    <t>神奈川県横須賀市不入斗町3-18-14</t>
  </si>
  <si>
    <t>044736</t>
  </si>
  <si>
    <t>神奈川県横須賀市公郷町4-9</t>
  </si>
  <si>
    <t>044737</t>
  </si>
  <si>
    <t>神奈川県横須賀市富士見町1-60-3</t>
  </si>
  <si>
    <t>044738</t>
  </si>
  <si>
    <t>佐原４丁目第３公園</t>
  </si>
  <si>
    <t>神奈川県横須賀市佐原4-235</t>
  </si>
  <si>
    <t>044739</t>
  </si>
  <si>
    <t>馬堀海岸２丁目第２公園</t>
  </si>
  <si>
    <t>神奈川県横須賀市馬堀海岸2-28</t>
  </si>
  <si>
    <t>044740</t>
  </si>
  <si>
    <t>長沢台公園</t>
  </si>
  <si>
    <t>神奈川県横須賀市長沢3-2025</t>
  </si>
  <si>
    <t>044741</t>
  </si>
  <si>
    <t>神奈川県横須賀市船越町6-47-42</t>
  </si>
  <si>
    <t>044742</t>
  </si>
  <si>
    <t>ハイランド５丁目公園</t>
  </si>
  <si>
    <t>神奈川県横須賀市ハイランド5-1618</t>
  </si>
  <si>
    <t>044743</t>
  </si>
  <si>
    <t>森崎６丁目第２公園</t>
  </si>
  <si>
    <t>044744</t>
  </si>
  <si>
    <t>神奈川県横須賀市鴨居3-691</t>
  </si>
  <si>
    <t>044745</t>
  </si>
  <si>
    <t>馬堀海岸４丁目公園</t>
  </si>
  <si>
    <t>神奈川県横須賀市馬堀海岸4-88</t>
  </si>
  <si>
    <t>044746</t>
  </si>
  <si>
    <t>浦賀３丁目第２公園</t>
  </si>
  <si>
    <t>神奈川県横須賀市浦賀3-30</t>
  </si>
  <si>
    <t>044747</t>
  </si>
  <si>
    <t>みかん台公園</t>
  </si>
  <si>
    <t>神奈川県横須賀市鴨居1-2547</t>
  </si>
  <si>
    <t>044748</t>
  </si>
  <si>
    <t>野比松葉第２公園</t>
  </si>
  <si>
    <t>神奈川県横須賀市野比3-2094-4</t>
  </si>
  <si>
    <t>044749</t>
  </si>
  <si>
    <t>大矢部第２公園</t>
  </si>
  <si>
    <t>神奈川県横須賀市大矢部3-12-1</t>
  </si>
  <si>
    <t>044750</t>
  </si>
  <si>
    <t>長坂第２公園</t>
  </si>
  <si>
    <t>神奈川県横須賀市長坂3-790</t>
  </si>
  <si>
    <t>044751</t>
  </si>
  <si>
    <t>坂本１丁目第２公園</t>
  </si>
  <si>
    <t>神奈川県横須賀市坂本町1-6-8</t>
  </si>
  <si>
    <t>044752</t>
  </si>
  <si>
    <t>すみれ公園</t>
  </si>
  <si>
    <t>神奈川県横須賀市平作8-3535</t>
  </si>
  <si>
    <t>044753</t>
  </si>
  <si>
    <t>宇東川公園</t>
  </si>
  <si>
    <t>神奈川県横須賀市佐野町1-34-1</t>
  </si>
  <si>
    <t>044754</t>
  </si>
  <si>
    <t>池田第５公園</t>
  </si>
  <si>
    <t>神奈川県横須賀市池田町6-90</t>
  </si>
  <si>
    <t>044755</t>
  </si>
  <si>
    <t>長坂第３公園</t>
  </si>
  <si>
    <t>044756</t>
  </si>
  <si>
    <t>森崎第２公園</t>
  </si>
  <si>
    <t>神奈川県横須賀市森崎3-296</t>
  </si>
  <si>
    <t>044757</t>
  </si>
  <si>
    <t>追浜東町１丁目公園</t>
  </si>
  <si>
    <t>神奈川県横須賀市追浜東町1-28-26</t>
  </si>
  <si>
    <t>044758</t>
  </si>
  <si>
    <t>望洋台公園</t>
  </si>
  <si>
    <t>神奈川県横須賀市望洋台36-357</t>
  </si>
  <si>
    <t>044759</t>
  </si>
  <si>
    <t>三春５丁目第２公園</t>
  </si>
  <si>
    <t>神奈川県横須賀市三春町5-9</t>
  </si>
  <si>
    <t>044760</t>
  </si>
  <si>
    <t>吉井４丁目公園</t>
  </si>
  <si>
    <t>神奈川県横須賀市吉井4-8</t>
  </si>
  <si>
    <t>044761</t>
  </si>
  <si>
    <t>安浦２丁目公園</t>
  </si>
  <si>
    <t>神奈川県横須賀市安浦町2-33-7</t>
  </si>
  <si>
    <t>044762</t>
  </si>
  <si>
    <t>佐原３丁目公園</t>
  </si>
  <si>
    <t>神奈川県横須賀市佐原3-4</t>
  </si>
  <si>
    <t>044763</t>
  </si>
  <si>
    <t>粟田２丁目第４公園</t>
  </si>
  <si>
    <t>神奈川県横須賀市粟田2-1243</t>
  </si>
  <si>
    <t>044764</t>
  </si>
  <si>
    <t>桜が丘１丁目第３公園</t>
  </si>
  <si>
    <t>神奈川県横須賀市桜が丘1-91</t>
  </si>
  <si>
    <t>044765</t>
  </si>
  <si>
    <t>神奈川県横須賀市金谷2-409-44</t>
  </si>
  <si>
    <t>044766</t>
  </si>
  <si>
    <t>太田和２丁目公園</t>
  </si>
  <si>
    <t>神奈川県横須賀市太田和2-1962</t>
  </si>
  <si>
    <t>044767</t>
  </si>
  <si>
    <t>ハイランド２丁目第２公園</t>
  </si>
  <si>
    <t>神奈川県横須賀市ハイランド2-1131</t>
  </si>
  <si>
    <t>044768</t>
  </si>
  <si>
    <t>光風台第３公園（旧西浦賀第３）</t>
  </si>
  <si>
    <t>044769</t>
  </si>
  <si>
    <t>船越８丁目公園</t>
  </si>
  <si>
    <t>神奈川県横須賀市船越町8-1-50</t>
  </si>
  <si>
    <t>044770</t>
  </si>
  <si>
    <t>八幡第２公園</t>
  </si>
  <si>
    <t>神奈川県横須賀市久里浜3-93</t>
  </si>
  <si>
    <t>044771</t>
  </si>
  <si>
    <t>船越６丁目第３公園</t>
  </si>
  <si>
    <t>神奈川県横須賀市船越町6-16-31</t>
  </si>
  <si>
    <t>044772</t>
  </si>
  <si>
    <t>粟田１丁目公園</t>
  </si>
  <si>
    <t>神奈川県横須賀市粟田1-1228</t>
  </si>
  <si>
    <t>044773</t>
  </si>
  <si>
    <t>池上緑地</t>
  </si>
  <si>
    <t>神奈川県横須賀市池上3-3567</t>
  </si>
  <si>
    <t>044774</t>
  </si>
  <si>
    <t>衣笠住吉公園</t>
  </si>
  <si>
    <t>神奈川県横須賀市衣笠町74</t>
  </si>
  <si>
    <t>044775</t>
  </si>
  <si>
    <t>根岸第３公園</t>
  </si>
  <si>
    <t>神奈川県横須賀市根岸町3-18</t>
  </si>
  <si>
    <t>044776</t>
  </si>
  <si>
    <t>北郷公園</t>
  </si>
  <si>
    <t>神奈川県横須賀市追浜町1-60-1</t>
  </si>
  <si>
    <t>044777</t>
  </si>
  <si>
    <t>鴨居第３公園</t>
  </si>
  <si>
    <t>神奈川県横須賀市鴨居2-40</t>
  </si>
  <si>
    <t>044778</t>
  </si>
  <si>
    <t>鴨居１丁目公園</t>
  </si>
  <si>
    <t>神奈川県横須賀市鴨居1-21</t>
  </si>
  <si>
    <t>044779</t>
  </si>
  <si>
    <t>坂本３丁目公園</t>
  </si>
  <si>
    <t>神奈川県横須賀市坂本町3-10-27</t>
  </si>
  <si>
    <t>044780</t>
  </si>
  <si>
    <t>浦賀５丁目公園</t>
  </si>
  <si>
    <t>神奈川県横須賀市浦賀5-33</t>
  </si>
  <si>
    <t>044781</t>
  </si>
  <si>
    <t>浦賀丘２丁目公園</t>
  </si>
  <si>
    <t>神奈川県横須賀市浦賀丘2-3</t>
  </si>
  <si>
    <t>044782</t>
  </si>
  <si>
    <t>根岸第４公園</t>
  </si>
  <si>
    <t>神奈川県横須賀市根岸町1-55</t>
  </si>
  <si>
    <t>044783</t>
  </si>
  <si>
    <t>ウェルシティ公園</t>
  </si>
  <si>
    <t>神奈川県横須賀市西逸見町1-38-26</t>
  </si>
  <si>
    <t>044784</t>
  </si>
  <si>
    <t>根岸第２公園</t>
  </si>
  <si>
    <t>神奈川県横須賀市根岸町4-15</t>
  </si>
  <si>
    <t>044785</t>
  </si>
  <si>
    <t>追浜本町公園</t>
  </si>
  <si>
    <t>神奈川県横須賀市追浜本町2-29-10</t>
  </si>
  <si>
    <t>044786</t>
  </si>
  <si>
    <t>公郷３丁目公園</t>
  </si>
  <si>
    <t>神奈川県横須賀市公郷町3-60-61</t>
  </si>
  <si>
    <t>044787</t>
  </si>
  <si>
    <t>武山公園</t>
  </si>
  <si>
    <t>神奈川県横須賀市林1-2209</t>
  </si>
  <si>
    <t>044788</t>
  </si>
  <si>
    <t>野比はなわ第２公園</t>
  </si>
  <si>
    <t>神奈川県横須賀市野比3-1851-50</t>
  </si>
  <si>
    <t>044789</t>
  </si>
  <si>
    <t>梅田公園</t>
  </si>
  <si>
    <t>神奈川県横須賀市船越町7-58-22</t>
  </si>
  <si>
    <t>044790</t>
  </si>
  <si>
    <t>板取公園</t>
  </si>
  <si>
    <t>神奈川県横須賀市船越町2-31-9</t>
  </si>
  <si>
    <t>044791</t>
  </si>
  <si>
    <t>吉井１丁目公園</t>
  </si>
  <si>
    <t>神奈川県横須賀市吉井1-161</t>
  </si>
  <si>
    <t>044792</t>
  </si>
  <si>
    <t>公郷６丁目公園</t>
  </si>
  <si>
    <t>神奈川県横須賀市公郷町6-20</t>
  </si>
  <si>
    <t>044793</t>
  </si>
  <si>
    <t>池田６丁目公園(旧池田２丁目）</t>
  </si>
  <si>
    <t>神奈川県横須賀市池田町6-55-1</t>
  </si>
  <si>
    <t>044794</t>
  </si>
  <si>
    <t>長沢平田公園</t>
  </si>
  <si>
    <t>神奈川県横須賀市長沢4-1533</t>
  </si>
  <si>
    <t>044795</t>
  </si>
  <si>
    <t>ハイランド１丁目公園</t>
  </si>
  <si>
    <t>神奈川県横須賀市ハイランド1-1686</t>
  </si>
  <si>
    <t>044796</t>
  </si>
  <si>
    <t>田の浦公園</t>
  </si>
  <si>
    <t>神奈川県横須賀市長浦町1-20-1</t>
  </si>
  <si>
    <t>044797</t>
  </si>
  <si>
    <t>走水公園</t>
  </si>
  <si>
    <t>神奈川県横須賀市走水2-950-30</t>
  </si>
  <si>
    <t>044798</t>
  </si>
  <si>
    <t>立野公園</t>
  </si>
  <si>
    <t>神奈川県横須賀市二葉1-2196</t>
  </si>
  <si>
    <t>044799</t>
  </si>
  <si>
    <t>桜が丘２丁目公園</t>
  </si>
  <si>
    <t>神奈川県横須賀市桜が丘2-5</t>
  </si>
  <si>
    <t>044800</t>
  </si>
  <si>
    <t>長瀬公園</t>
  </si>
  <si>
    <t>神奈川県横須賀市長瀬2-162</t>
  </si>
  <si>
    <t>044801</t>
  </si>
  <si>
    <t>湘南鷹取６丁目公園</t>
  </si>
  <si>
    <t>神奈川県横須賀市湘南鷹取6-88-2</t>
  </si>
  <si>
    <t>044802</t>
  </si>
  <si>
    <t>森崎５丁目公園</t>
  </si>
  <si>
    <t>神奈川県横須賀市森崎5-121</t>
  </si>
  <si>
    <t>044803</t>
  </si>
  <si>
    <t>池田１丁目第３公園</t>
  </si>
  <si>
    <t>神奈川県横須賀市池田町1-6</t>
  </si>
  <si>
    <t>044804</t>
  </si>
  <si>
    <t>吉倉公園</t>
  </si>
  <si>
    <t>神奈川県横須賀市吉倉町1-104</t>
  </si>
  <si>
    <t>044805</t>
  </si>
  <si>
    <t>太田和１丁目第２公園</t>
  </si>
  <si>
    <t>044806</t>
  </si>
  <si>
    <t>池田１丁目第２公園</t>
  </si>
  <si>
    <t>神奈川県横須賀市池田町1-44</t>
  </si>
  <si>
    <t>044807</t>
  </si>
  <si>
    <t>大矢部公園</t>
  </si>
  <si>
    <t>神奈川県横須賀市大矢部2-14</t>
  </si>
  <si>
    <t>044808</t>
  </si>
  <si>
    <t>逸見が丘公園</t>
  </si>
  <si>
    <t>神奈川県横須賀市逸見が丘50-29</t>
  </si>
  <si>
    <t>044809</t>
  </si>
  <si>
    <t>池田１丁目公園</t>
  </si>
  <si>
    <t>神奈川県横須賀市池田町1-65</t>
  </si>
  <si>
    <t>044810</t>
  </si>
  <si>
    <t>長沢殿前公園</t>
  </si>
  <si>
    <t>神奈川県横須賀市グリーンハイツ550</t>
  </si>
  <si>
    <t>044811</t>
  </si>
  <si>
    <t>湘南鷹取２丁目第４公園</t>
  </si>
  <si>
    <t>神奈川県横須賀市湘南鷹取2-1-53</t>
  </si>
  <si>
    <t>044812</t>
  </si>
  <si>
    <t>久里浜台２丁目第２公園</t>
  </si>
  <si>
    <t>神奈川県横須賀市久里浜台2-33</t>
  </si>
  <si>
    <t>044813</t>
  </si>
  <si>
    <t>若風公園（旧舟倉第２）</t>
  </si>
  <si>
    <t>神奈川県横須賀市光風台1</t>
  </si>
  <si>
    <t>044814</t>
  </si>
  <si>
    <t>池上７丁目公園</t>
  </si>
  <si>
    <t>神奈川県横須賀市池上7-31</t>
  </si>
  <si>
    <t>044815</t>
  </si>
  <si>
    <t>大矢部３丁目公園</t>
  </si>
  <si>
    <t>神奈川県横須賀市大矢部3-582-13</t>
  </si>
  <si>
    <t>044816</t>
  </si>
  <si>
    <t>衣笠栄町公園</t>
  </si>
  <si>
    <t>神奈川県横須賀市衣笠栄町3-1-1</t>
  </si>
  <si>
    <t>044817</t>
  </si>
  <si>
    <t>湘南鷹取２丁目第３公園</t>
  </si>
  <si>
    <t>神奈川県横須賀市湘南鷹取2-16-214</t>
  </si>
  <si>
    <t>044818</t>
  </si>
  <si>
    <t>長沢台第２公園</t>
  </si>
  <si>
    <t>神奈川県横須賀市長沢3-1842</t>
  </si>
  <si>
    <t>044819</t>
  </si>
  <si>
    <t>平作公園</t>
  </si>
  <si>
    <t>神奈川県横須賀市平作7-3120-1</t>
  </si>
  <si>
    <t>044820</t>
  </si>
  <si>
    <t>ハイランド１丁目第２公園</t>
  </si>
  <si>
    <t>神奈川県横須賀市ハイランド1-1526</t>
  </si>
  <si>
    <t>044821</t>
  </si>
  <si>
    <t>浦賀７丁目公園</t>
  </si>
  <si>
    <t>神奈川県横須賀市浦賀7-1-1</t>
  </si>
  <si>
    <t>044822</t>
  </si>
  <si>
    <t>浦賀５丁目第５公園</t>
  </si>
  <si>
    <t>神奈川県横須賀市浦賀5-87</t>
  </si>
  <si>
    <t>044823</t>
  </si>
  <si>
    <t>市役所前公園</t>
  </si>
  <si>
    <t>神奈川県横須賀市小川町9-1</t>
  </si>
  <si>
    <t>044824</t>
  </si>
  <si>
    <t>湘南鷹取１丁目公園</t>
  </si>
  <si>
    <t>神奈川県横須賀市湘南鷹取1-3-38</t>
  </si>
  <si>
    <t>044825</t>
  </si>
  <si>
    <t>岩戸５丁目公園</t>
  </si>
  <si>
    <t>神奈川県横須賀市岩戸5-10</t>
  </si>
  <si>
    <t>044826</t>
  </si>
  <si>
    <t>久里浜３丁目公園</t>
  </si>
  <si>
    <t>神奈川県横須賀市久里浜3-182</t>
  </si>
  <si>
    <t>044827</t>
  </si>
  <si>
    <t>南郷公園</t>
  </si>
  <si>
    <t>神奈川県横須賀市船越町4-6</t>
  </si>
  <si>
    <t>044828</t>
  </si>
  <si>
    <t>長坂公園</t>
  </si>
  <si>
    <t>神奈川県横須賀市長坂3-2035</t>
  </si>
  <si>
    <t>044829</t>
  </si>
  <si>
    <t>桜が丘公園</t>
  </si>
  <si>
    <t>神奈川県横須賀市坂本町5-7-74</t>
  </si>
  <si>
    <t>044830</t>
  </si>
  <si>
    <t>桜が丘１丁目第２公園</t>
  </si>
  <si>
    <t>神奈川県横須賀市桜が丘1-41</t>
  </si>
  <si>
    <t>044831</t>
  </si>
  <si>
    <t>馬堀海岸３丁目公園</t>
  </si>
  <si>
    <t>神奈川県横須賀市馬堀海岸3-28</t>
  </si>
  <si>
    <t>044832</t>
  </si>
  <si>
    <t>桜が丘１丁目公園</t>
  </si>
  <si>
    <t>神奈川県横須賀市桜が丘1-35</t>
  </si>
  <si>
    <t>044833</t>
  </si>
  <si>
    <t>逸見が丘第２公園</t>
  </si>
  <si>
    <t>神奈川県横須賀市逸見が丘11-2</t>
  </si>
  <si>
    <t>044834</t>
  </si>
  <si>
    <t>浦賀丘１丁目公園</t>
  </si>
  <si>
    <t>神奈川県横須賀市浦賀丘1-29</t>
  </si>
  <si>
    <t>044835</t>
  </si>
  <si>
    <t>立石公園</t>
  </si>
  <si>
    <t>神奈川県横須賀市秋谷3-1584</t>
  </si>
  <si>
    <t>044836</t>
  </si>
  <si>
    <t>池田第４公園</t>
  </si>
  <si>
    <t>神奈川県横須賀市池田町6-61</t>
  </si>
  <si>
    <t>044837</t>
  </si>
  <si>
    <t>武５丁目第３公園</t>
  </si>
  <si>
    <t>神奈川県横須賀市武5-1142</t>
  </si>
  <si>
    <t>044838</t>
  </si>
  <si>
    <t>湘南鷹取５丁目公園</t>
  </si>
  <si>
    <t>神奈川県横須賀市湘南鷹取5-52-62</t>
  </si>
  <si>
    <t>044839</t>
  </si>
  <si>
    <t>馬堀海岸１丁目公園</t>
  </si>
  <si>
    <t>神奈川県横須賀市馬堀海岸1-30-1</t>
  </si>
  <si>
    <t>044840</t>
  </si>
  <si>
    <t>緒明山公園</t>
  </si>
  <si>
    <t>神奈川県横須賀市上町1-59-1</t>
  </si>
  <si>
    <t>044841</t>
  </si>
  <si>
    <t>港が丘公園</t>
  </si>
  <si>
    <t>神奈川県横須賀市港が丘1-1-91</t>
  </si>
  <si>
    <t>044842</t>
  </si>
  <si>
    <t>湘南鷹取５丁目第２公園</t>
  </si>
  <si>
    <t>神奈川県横須賀市湘南鷹取5-40-71</t>
  </si>
  <si>
    <t>044843</t>
  </si>
  <si>
    <t>小矢部１丁目第２公園</t>
  </si>
  <si>
    <t>神奈川県横須賀市小矢部1-1366</t>
  </si>
  <si>
    <t>044844</t>
  </si>
  <si>
    <t>坂本台公園</t>
  </si>
  <si>
    <t>神奈川県横須賀市鶴が丘2-31-152</t>
  </si>
  <si>
    <t>044845</t>
  </si>
  <si>
    <t>坂本公園</t>
  </si>
  <si>
    <t>神奈川県横須賀市坂本町1-19</t>
  </si>
  <si>
    <t>044846</t>
  </si>
  <si>
    <t>久里浜公園</t>
  </si>
  <si>
    <t>神奈川県横須賀市久里浜6-642-6</t>
  </si>
  <si>
    <t>044847</t>
  </si>
  <si>
    <t>愛宕山公園</t>
  </si>
  <si>
    <t>神奈川県横須賀市西浦賀1-23</t>
  </si>
  <si>
    <t>044848</t>
  </si>
  <si>
    <t>安針台公園</t>
  </si>
  <si>
    <t>神奈川県横須賀市安針台31-35</t>
  </si>
  <si>
    <t>044849</t>
  </si>
  <si>
    <t>野比松葉公園</t>
  </si>
  <si>
    <t>神奈川県横須賀市野比3-2093-6</t>
  </si>
  <si>
    <t>044850</t>
  </si>
  <si>
    <t>岩戸４丁目公園</t>
  </si>
  <si>
    <t>神奈川県横須賀市岩戸4-58</t>
  </si>
  <si>
    <t>044851</t>
  </si>
  <si>
    <t>浦賀５丁目第２公園</t>
  </si>
  <si>
    <t>神奈川県横須賀市浦賀5-42</t>
  </si>
  <si>
    <t>044852</t>
  </si>
  <si>
    <t>船越１丁目公園</t>
  </si>
  <si>
    <t>神奈川県横須賀市船越町1-5-8</t>
  </si>
  <si>
    <t>044853</t>
  </si>
  <si>
    <t>浦郷公園</t>
  </si>
  <si>
    <t>神奈川県横須賀市浦郷町2-71</t>
  </si>
  <si>
    <t>044854</t>
  </si>
  <si>
    <t>鴨居３丁目公園</t>
  </si>
  <si>
    <t>神奈川県横須賀市鴨居3-961</t>
  </si>
  <si>
    <t>044855</t>
  </si>
  <si>
    <t>湘南鷹取２丁目第５公園</t>
  </si>
  <si>
    <t>神奈川県横須賀市湘南鷹取2-6-3</t>
  </si>
  <si>
    <t>044856</t>
  </si>
  <si>
    <t>池田３丁目第２公園</t>
  </si>
  <si>
    <t>神奈川県横須賀市池田町3-2</t>
  </si>
  <si>
    <t>044857</t>
  </si>
  <si>
    <t>森崎第３公園</t>
  </si>
  <si>
    <t>神奈川県横須賀市森崎4-1748</t>
  </si>
  <si>
    <t>044858</t>
  </si>
  <si>
    <t>ペリー公園</t>
  </si>
  <si>
    <t>神奈川県横須賀市久里浜7-14</t>
  </si>
  <si>
    <t>044859</t>
  </si>
  <si>
    <t>吉井２丁目第２公園</t>
  </si>
  <si>
    <t>神奈川県横須賀市吉井2-7</t>
  </si>
  <si>
    <t>044860</t>
  </si>
  <si>
    <t>神明第２公園</t>
  </si>
  <si>
    <t>神奈川県横須賀市神明町1821</t>
  </si>
  <si>
    <t>044862</t>
  </si>
  <si>
    <t>ハイランド４丁目公園</t>
  </si>
  <si>
    <t>神奈川県横須賀市ハイランド4-1492</t>
  </si>
  <si>
    <t>044863</t>
  </si>
  <si>
    <t>湘南国際村１丁目公園</t>
  </si>
  <si>
    <t>神奈川県横須賀市湘南国際村1-3209</t>
  </si>
  <si>
    <t>044864</t>
  </si>
  <si>
    <t>湘南鷹取３丁目第２公園</t>
  </si>
  <si>
    <t>神奈川県横須賀市湘南鷹取3-3-477</t>
  </si>
  <si>
    <t>044865</t>
  </si>
  <si>
    <t>吉井４丁目第２公園</t>
  </si>
  <si>
    <t>神奈川県横須賀市吉井4-18</t>
  </si>
  <si>
    <t>044866</t>
  </si>
  <si>
    <t>湘南国際村緑地</t>
  </si>
  <si>
    <t>神奈川県横須賀市湘南国際村2-3242</t>
  </si>
  <si>
    <t>044867</t>
  </si>
  <si>
    <t>野比東ノ入公園</t>
  </si>
  <si>
    <t>神奈川県横須賀市野比4-2500-6</t>
  </si>
  <si>
    <t>044868</t>
  </si>
  <si>
    <t>湘南鷹取４丁目第２公園</t>
  </si>
  <si>
    <t>神奈川県横須賀市湘南鷹取4-50-2</t>
  </si>
  <si>
    <t>044870</t>
  </si>
  <si>
    <t>山手中央公園</t>
  </si>
  <si>
    <t>神奈川県横須賀市吉井2-5</t>
  </si>
  <si>
    <t>佐島の丘第４公園</t>
  </si>
  <si>
    <t>神奈川県横須賀市佐島の丘1-1-3</t>
  </si>
  <si>
    <t>044872</t>
  </si>
  <si>
    <t>光の丘第２公園</t>
  </si>
  <si>
    <t>神奈川県横須賀市光の丘4164</t>
  </si>
  <si>
    <t>044873</t>
  </si>
  <si>
    <t>神奈川県横須賀市緑が丘33</t>
  </si>
  <si>
    <t>044874</t>
  </si>
  <si>
    <t>小原台緑地</t>
  </si>
  <si>
    <t>神奈川県横須賀市小原台2077</t>
  </si>
  <si>
    <t>044875</t>
  </si>
  <si>
    <t>衣笠公園</t>
  </si>
  <si>
    <t>神奈川県横須賀市平作1-2712-1</t>
  </si>
  <si>
    <t>044876</t>
  </si>
  <si>
    <t>池田３丁目第３公園</t>
  </si>
  <si>
    <t>神奈川県横須賀市池田町3-1</t>
  </si>
  <si>
    <t>044877</t>
  </si>
  <si>
    <t>長沢村岡公園</t>
  </si>
  <si>
    <t>神奈川県横須賀市長沢1-1011-1</t>
  </si>
  <si>
    <t>044878</t>
  </si>
  <si>
    <t>池田３丁目公園</t>
  </si>
  <si>
    <t>神奈川県横須賀市池田町3-9</t>
  </si>
  <si>
    <t>044879</t>
  </si>
  <si>
    <t>神奈川県横須賀市鷹取1-4-4</t>
  </si>
  <si>
    <t>044880</t>
  </si>
  <si>
    <t>岩戸３丁目公園</t>
  </si>
  <si>
    <t>044881</t>
  </si>
  <si>
    <t>吉井２丁目公園</t>
  </si>
  <si>
    <t>神奈川県横須賀市吉井2-6</t>
  </si>
  <si>
    <t>044882</t>
  </si>
  <si>
    <t>三春公園</t>
  </si>
  <si>
    <t>神奈川県横須賀市三春町2-1-8</t>
  </si>
  <si>
    <t>044883</t>
  </si>
  <si>
    <t>根岸公園</t>
  </si>
  <si>
    <t>神奈川県横須賀市根岸町3-17</t>
  </si>
  <si>
    <t>044884</t>
  </si>
  <si>
    <t>044885</t>
  </si>
  <si>
    <t>池の谷戸公園</t>
  </si>
  <si>
    <t>神奈川県横須賀市田浦町6-1-28</t>
  </si>
  <si>
    <t>044886</t>
  </si>
  <si>
    <t>馬堀海岸公園</t>
  </si>
  <si>
    <t>神奈川県横須賀市馬堀海岸2-27</t>
  </si>
  <si>
    <t>044887</t>
  </si>
  <si>
    <t>湘南国際村西公園</t>
  </si>
  <si>
    <t>神奈川県横須賀市湘南国際村1-3509-5</t>
  </si>
  <si>
    <t>044888</t>
  </si>
  <si>
    <t>富浦公園</t>
  </si>
  <si>
    <t>神奈川県横須賀市長井1-1-2</t>
  </si>
  <si>
    <t>044889</t>
  </si>
  <si>
    <t>山科台公園</t>
  </si>
  <si>
    <t>神奈川県横須賀市山科台23-14</t>
  </si>
  <si>
    <t>044890</t>
  </si>
  <si>
    <t>はまゆう公園</t>
  </si>
  <si>
    <t>神奈川県横須賀市不入斗町4-25</t>
  </si>
  <si>
    <t>044891</t>
  </si>
  <si>
    <t>神明公園</t>
  </si>
  <si>
    <t>神奈川県横須賀市神明町1-8</t>
  </si>
  <si>
    <t>044892</t>
  </si>
  <si>
    <t>ヴェルニー公園</t>
  </si>
  <si>
    <t>神奈川県横須賀市汐入町1-1-1</t>
  </si>
  <si>
    <t>044893</t>
  </si>
  <si>
    <t>光の丘公園</t>
  </si>
  <si>
    <t>神奈川県横須賀市光の丘3752-2</t>
  </si>
  <si>
    <t>044894</t>
  </si>
  <si>
    <t>太田和つつじの丘</t>
  </si>
  <si>
    <t>神奈川県横須賀市太田和5-2638</t>
  </si>
  <si>
    <t>044895</t>
  </si>
  <si>
    <t>三笠公園</t>
  </si>
  <si>
    <t>神奈川県横須賀市稲岡町82-14</t>
  </si>
  <si>
    <t>044896</t>
  </si>
  <si>
    <t>しょうぶ園</t>
  </si>
  <si>
    <t>神奈川県横須賀市阿部倉549</t>
  </si>
  <si>
    <t>044897</t>
  </si>
  <si>
    <t>神奈川県横須賀市深田台19-1</t>
  </si>
  <si>
    <t>044898</t>
  </si>
  <si>
    <t>貝山緑地</t>
  </si>
  <si>
    <t>神奈川県横須賀市浦郷町5-2931-63</t>
  </si>
  <si>
    <t>044900</t>
  </si>
  <si>
    <t>神奈川県横須賀市武3-458-1</t>
  </si>
  <si>
    <t>044901</t>
  </si>
  <si>
    <t>大津公園</t>
  </si>
  <si>
    <t>神奈川県横須賀市大津町5-11-2</t>
  </si>
  <si>
    <t>044903</t>
  </si>
  <si>
    <t>荒崎公園</t>
  </si>
  <si>
    <t>神奈川県横須賀市長井6-5320-3</t>
  </si>
  <si>
    <t>044904</t>
  </si>
  <si>
    <t>猿島公園</t>
  </si>
  <si>
    <t>神奈川県横須賀市猿島1</t>
  </si>
  <si>
    <t>044905</t>
  </si>
  <si>
    <t>衣笠山公園</t>
  </si>
  <si>
    <t>神奈川県横須賀市小矢部4-922</t>
  </si>
  <si>
    <t>044906</t>
  </si>
  <si>
    <t>鷹取山公園</t>
  </si>
  <si>
    <t>神奈川県横須賀市湘南鷹取3-3-520</t>
  </si>
  <si>
    <t>044907</t>
  </si>
  <si>
    <t>追浜公園</t>
  </si>
  <si>
    <t>神奈川県横須賀市夏島町2-2</t>
  </si>
  <si>
    <t>044908</t>
  </si>
  <si>
    <t>不入斗公園</t>
  </si>
  <si>
    <t>神奈川県横須賀市不入斗町1-2-1</t>
  </si>
  <si>
    <t>044909</t>
  </si>
  <si>
    <t>光の丘水辺公園</t>
  </si>
  <si>
    <t>神奈川県横須賀市光の丘1177-2</t>
  </si>
  <si>
    <t>044910</t>
  </si>
  <si>
    <t>長井海の手公園</t>
  </si>
  <si>
    <t>神奈川県横須賀市長井4-3491-3</t>
  </si>
  <si>
    <t>044911</t>
  </si>
  <si>
    <t>田浦梅の里</t>
  </si>
  <si>
    <t>神奈川県横須賀市田浦泉町92</t>
  </si>
  <si>
    <t>044912</t>
  </si>
  <si>
    <t>くりはま花の国</t>
  </si>
  <si>
    <t>神奈川県横須賀市神明町1-1</t>
  </si>
  <si>
    <t>神奈川県横須賀市久里浜1-381-4</t>
  </si>
  <si>
    <t>044914</t>
  </si>
  <si>
    <t>阿部倉公園</t>
  </si>
  <si>
    <t>神奈川県横須賀市阿部倉1506-1</t>
  </si>
  <si>
    <t>044915</t>
  </si>
  <si>
    <t>芦名１丁目公園</t>
  </si>
  <si>
    <t>神奈川県横須賀市芦名1-375</t>
  </si>
  <si>
    <t>044916</t>
  </si>
  <si>
    <t>安針台第２公園</t>
  </si>
  <si>
    <t>神奈川県横須賀市安針台17-16</t>
  </si>
  <si>
    <t>044917</t>
  </si>
  <si>
    <t>安針台都市緑地</t>
  </si>
  <si>
    <t>神奈川県横須賀市安針台4-9</t>
  </si>
  <si>
    <t>044918</t>
  </si>
  <si>
    <t>衣笠栄町４丁目公園</t>
  </si>
  <si>
    <t>神奈川県横須賀市衣笠栄町4-4</t>
  </si>
  <si>
    <t>044919</t>
  </si>
  <si>
    <t>衣笠栄町４丁目第２公園</t>
  </si>
  <si>
    <t>神奈川県横須賀市衣笠栄町4-5</t>
  </si>
  <si>
    <t>044920</t>
  </si>
  <si>
    <t>浦賀ひまわり公園(旧西浦賀３丁目）</t>
  </si>
  <si>
    <t>神奈川県横須賀市浦賀丘1-104-27</t>
  </si>
  <si>
    <t>044921</t>
  </si>
  <si>
    <t>浦郷３丁目公園</t>
  </si>
  <si>
    <t>神奈川県横須賀市浦郷町3-25-23</t>
  </si>
  <si>
    <t>044922</t>
  </si>
  <si>
    <t>浦上台トンネルの上公園</t>
  </si>
  <si>
    <t>神奈川県横須賀市浦上台3-52</t>
  </si>
  <si>
    <t>044923</t>
  </si>
  <si>
    <t>夏島公園</t>
  </si>
  <si>
    <t>神奈川県横須賀市夏島町2-13</t>
  </si>
  <si>
    <t>044924</t>
  </si>
  <si>
    <t>夏島都市緑地</t>
  </si>
  <si>
    <t>神奈川県横須賀市夏島町2-26</t>
  </si>
  <si>
    <t>044925</t>
  </si>
  <si>
    <t>旗山崎公園</t>
  </si>
  <si>
    <t>神奈川県横須賀市走水2-698</t>
  </si>
  <si>
    <t>044926</t>
  </si>
  <si>
    <t>久里浜２丁目第２公園</t>
  </si>
  <si>
    <t>神奈川県横須賀市久里浜2-2</t>
  </si>
  <si>
    <t>044927</t>
  </si>
  <si>
    <t>久里浜５丁目第２公園</t>
  </si>
  <si>
    <t>神奈川県横須賀市久里浜5-1790</t>
  </si>
  <si>
    <t>044928</t>
  </si>
  <si>
    <t>公郷５丁目公園</t>
  </si>
  <si>
    <t>神奈川県横須賀市公郷町5-62-6</t>
  </si>
  <si>
    <t>044929</t>
  </si>
  <si>
    <t>公郷５丁目第２公園</t>
  </si>
  <si>
    <t>神奈川県横須賀市公郷町5-62-38</t>
  </si>
  <si>
    <t>044930</t>
  </si>
  <si>
    <t>根岸２丁目緑地</t>
  </si>
  <si>
    <t>神奈川県横須賀市根岸町2-58</t>
  </si>
  <si>
    <t>044931</t>
  </si>
  <si>
    <t>根岸緑地</t>
  </si>
  <si>
    <t>神奈川県横須賀市根岸町5-42</t>
  </si>
  <si>
    <t>044932</t>
  </si>
  <si>
    <t>佐原２丁目公園</t>
  </si>
  <si>
    <t>神奈川県横須賀市佐原2-36-4</t>
  </si>
  <si>
    <t>044933</t>
  </si>
  <si>
    <t>佐原３丁目第３公園</t>
  </si>
  <si>
    <t>神奈川県横須賀市佐原3-1328</t>
  </si>
  <si>
    <t>044934</t>
  </si>
  <si>
    <t>佐原緩衝緑地</t>
  </si>
  <si>
    <t>神奈川県横須賀市佐原4-355</t>
  </si>
  <si>
    <t>044935</t>
  </si>
  <si>
    <t>佐島の丘第２公園</t>
  </si>
  <si>
    <t>神奈川県横須賀市佐島の丘1-249</t>
  </si>
  <si>
    <t>044936</t>
  </si>
  <si>
    <t>佐島の丘第３公園</t>
  </si>
  <si>
    <t>神奈川県横須賀市佐島の丘2-757</t>
  </si>
  <si>
    <t>044937</t>
  </si>
  <si>
    <t>佐島の丘緑道緑地</t>
  </si>
  <si>
    <t>神奈川県横須賀市佐島の丘2-1089</t>
  </si>
  <si>
    <t>044938</t>
  </si>
  <si>
    <t>坂本１丁目公園</t>
  </si>
  <si>
    <t>神奈川県横須賀市坂本町1-44-14</t>
  </si>
  <si>
    <t>044939</t>
  </si>
  <si>
    <t>桜が丘２丁目第３公園</t>
  </si>
  <si>
    <t>神奈川県横須賀市桜が丘2-13-1</t>
  </si>
  <si>
    <t>044940</t>
  </si>
  <si>
    <t>桜が丘２丁目緑地</t>
  </si>
  <si>
    <t>神奈川県横須賀市桜が丘2-107</t>
  </si>
  <si>
    <t>044941</t>
  </si>
  <si>
    <t>桜が丘緑地</t>
  </si>
  <si>
    <t>神奈川県横須賀市桜が丘1-60</t>
  </si>
  <si>
    <t>044942</t>
  </si>
  <si>
    <t>三春５丁目第３公園</t>
  </si>
  <si>
    <t>神奈川県横須賀市三春町5-29-28</t>
  </si>
  <si>
    <t>044943</t>
  </si>
  <si>
    <t>三春緑地</t>
  </si>
  <si>
    <t>神奈川県横須賀市三春町2-21-1</t>
  </si>
  <si>
    <t>044944</t>
  </si>
  <si>
    <t>神奈川県横須賀市汐入町2-38-5</t>
  </si>
  <si>
    <t>044945</t>
  </si>
  <si>
    <t>若宮台第２公園（旧舟倉第３）</t>
  </si>
  <si>
    <t>神奈川県横須賀市若宮台2017</t>
  </si>
  <si>
    <t>044946</t>
  </si>
  <si>
    <t>若松公園</t>
  </si>
  <si>
    <t>神奈川県横須賀市若松町3-32-11</t>
  </si>
  <si>
    <t>044947</t>
  </si>
  <si>
    <t>秋谷１丁目公園</t>
  </si>
  <si>
    <t>神奈川県横須賀市秋谷1-724</t>
  </si>
  <si>
    <t>044948</t>
  </si>
  <si>
    <t>秋谷２丁目公園</t>
  </si>
  <si>
    <t>神奈川県横須賀市秋谷2-280</t>
  </si>
  <si>
    <t>044949</t>
  </si>
  <si>
    <t>秋谷第２公園</t>
  </si>
  <si>
    <t>神奈川県横須賀市秋谷5260</t>
  </si>
  <si>
    <t>044950</t>
  </si>
  <si>
    <t>秋谷緑地</t>
  </si>
  <si>
    <t>神奈川県横須賀市秋谷1818</t>
  </si>
  <si>
    <t>044951</t>
  </si>
  <si>
    <t>舟倉２丁目公園</t>
  </si>
  <si>
    <t>神奈川県横須賀市舟倉2-330</t>
  </si>
  <si>
    <t>044952</t>
  </si>
  <si>
    <t>十三峠公園</t>
  </si>
  <si>
    <t>神奈川県横須賀市山中町133-1</t>
  </si>
  <si>
    <t>044953</t>
  </si>
  <si>
    <t>小矢部１丁目第４公園</t>
  </si>
  <si>
    <t>神奈川県横須賀市小矢部1-456-7</t>
  </si>
  <si>
    <t>044954</t>
  </si>
  <si>
    <t>湘南鷹取１丁目第２都市林</t>
  </si>
  <si>
    <t>神奈川県横須賀市湘南鷹取1-69</t>
  </si>
  <si>
    <t>044955</t>
  </si>
  <si>
    <t>湘南鷹取１丁目第３都市林</t>
  </si>
  <si>
    <t>神奈川県横須賀市湘南鷹取1-3</t>
  </si>
  <si>
    <t>044956</t>
  </si>
  <si>
    <t>湘南鷹取１丁目第４都市林</t>
  </si>
  <si>
    <t>神奈川県横須賀市湘南鷹取1-30</t>
  </si>
  <si>
    <t>044957</t>
  </si>
  <si>
    <t>湘南鷹取１丁目第５都市林</t>
  </si>
  <si>
    <t>044958</t>
  </si>
  <si>
    <t>湘南鷹取１丁目第６都市林</t>
  </si>
  <si>
    <t>044959</t>
  </si>
  <si>
    <t>湘南鷹取１丁目都市林</t>
  </si>
  <si>
    <t>神奈川県横須賀市湘南鷹取1-32-1</t>
  </si>
  <si>
    <t>044960</t>
  </si>
  <si>
    <t>湘南鷹取２丁目公園</t>
  </si>
  <si>
    <t>神奈川県横須賀市湘南鷹取2-1-34</t>
  </si>
  <si>
    <t>044961</t>
  </si>
  <si>
    <t>湘南鷹取２丁目第２公園</t>
  </si>
  <si>
    <t>神奈川県横須賀市湘南鷹取2-3-331</t>
  </si>
  <si>
    <t>044962</t>
  </si>
  <si>
    <t>湘南鷹取２丁目第２都市林</t>
  </si>
  <si>
    <t>神奈川県横須賀市湘南鷹取2-1</t>
  </si>
  <si>
    <t>044963</t>
  </si>
  <si>
    <t>湘南鷹取２丁目第３都市林</t>
  </si>
  <si>
    <t>神奈川県横須賀市湘南鷹取2-10</t>
  </si>
  <si>
    <t>044964</t>
  </si>
  <si>
    <t>湘南鷹取２丁目第４都市林</t>
  </si>
  <si>
    <t>神奈川県横須賀市湘南鷹取2-3</t>
  </si>
  <si>
    <t>044965</t>
  </si>
  <si>
    <t>湘南鷹取２丁目都市林</t>
  </si>
  <si>
    <t>神奈川県横須賀市湘南鷹取2-9</t>
  </si>
  <si>
    <t>044966</t>
  </si>
  <si>
    <t>湘南鷹取３丁目都市林</t>
  </si>
  <si>
    <t>神奈川県横須賀市湘南鷹取3-3</t>
  </si>
  <si>
    <t>044967</t>
  </si>
  <si>
    <t>湘南鷹取４丁目都市林</t>
  </si>
  <si>
    <t>神奈川県横須賀市湘南鷹取4-50</t>
  </si>
  <si>
    <t>044968</t>
  </si>
  <si>
    <t>湘南鷹取５丁目都市林</t>
  </si>
  <si>
    <t>神奈川県横須賀市湘南鷹取5-52</t>
  </si>
  <si>
    <t>044969</t>
  </si>
  <si>
    <t>湘南鷹取６丁目第２都市林</t>
  </si>
  <si>
    <t>神奈川県横須賀市湘南鷹取6-77</t>
  </si>
  <si>
    <t>044970</t>
  </si>
  <si>
    <t>湘南鷹取６丁目都市林</t>
  </si>
  <si>
    <t>神奈川県横須賀市湘南鷹取6-64</t>
  </si>
  <si>
    <t>044971</t>
  </si>
  <si>
    <t>湘南鷹取都市緑地</t>
  </si>
  <si>
    <t>神奈川県横須賀市湘南鷹取6-77-176</t>
  </si>
  <si>
    <t>044972</t>
  </si>
  <si>
    <t>森崎３丁目第２公園</t>
  </si>
  <si>
    <t>神奈川県横須賀市森崎3-307-108</t>
  </si>
  <si>
    <t>044973</t>
  </si>
  <si>
    <t>森崎３丁目第３公園</t>
  </si>
  <si>
    <t>神奈川県横須賀市森崎3-335-4</t>
  </si>
  <si>
    <t>044974</t>
  </si>
  <si>
    <t>森崎３丁目緑道緑地</t>
  </si>
  <si>
    <t>神奈川県横須賀市森崎3-307-356</t>
  </si>
  <si>
    <t>044975</t>
  </si>
  <si>
    <t>西浦賀緑地</t>
  </si>
  <si>
    <t>神奈川県横須賀市西浦賀5-60-1</t>
  </si>
  <si>
    <t>044976</t>
  </si>
  <si>
    <t>船越８丁目第４公園</t>
  </si>
  <si>
    <t>神奈川県横須賀市船越町8-10-73</t>
  </si>
  <si>
    <t>044977</t>
  </si>
  <si>
    <t>大津３丁目緑地</t>
  </si>
  <si>
    <t>神奈川県横須賀市大津町3-51-7</t>
  </si>
  <si>
    <t>044978</t>
  </si>
  <si>
    <t>鷹取１丁目都市林</t>
  </si>
  <si>
    <t>神奈川県横須賀市鷹取1-31</t>
  </si>
  <si>
    <t>044979</t>
  </si>
  <si>
    <t>鷹取２丁目都市林</t>
  </si>
  <si>
    <t>神奈川県横須賀市鷹取2-116</t>
  </si>
  <si>
    <t>044980</t>
  </si>
  <si>
    <t>池上１丁目公園</t>
  </si>
  <si>
    <t>神奈川県横須賀市池上1-3988</t>
  </si>
  <si>
    <t>044981</t>
  </si>
  <si>
    <t>池上７丁目第２公園</t>
  </si>
  <si>
    <t>神奈川県横須賀市池上7地内</t>
  </si>
  <si>
    <t>044982</t>
  </si>
  <si>
    <t>池上７丁目第３公園</t>
  </si>
  <si>
    <t>044983</t>
  </si>
  <si>
    <t>池田１丁目第４公園</t>
  </si>
  <si>
    <t>044984</t>
  </si>
  <si>
    <t>池田１丁目緑地</t>
  </si>
  <si>
    <t>神奈川県横須賀市池田町1-51</t>
  </si>
  <si>
    <t>044985</t>
  </si>
  <si>
    <t>池田５丁目第２公園</t>
  </si>
  <si>
    <t>神奈川県横須賀市池田町5-58-50</t>
  </si>
  <si>
    <t>044986</t>
  </si>
  <si>
    <t>池田緑地</t>
  </si>
  <si>
    <t>神奈川県横須賀市池田町1-23</t>
  </si>
  <si>
    <t>044987</t>
  </si>
  <si>
    <t>長井岡崎公園</t>
  </si>
  <si>
    <t>神奈川県横須賀市長井3-9-180</t>
  </si>
  <si>
    <t>044988</t>
  </si>
  <si>
    <t>長井岡崎第２公園</t>
  </si>
  <si>
    <t>神奈川県横須賀市長井3-9-46</t>
  </si>
  <si>
    <t>044989</t>
  </si>
  <si>
    <t>長浦２丁目公園</t>
  </si>
  <si>
    <t>神奈川県横須賀市長浦町2-45-9</t>
  </si>
  <si>
    <t>044990</t>
  </si>
  <si>
    <t>長沢３丁目公園</t>
  </si>
  <si>
    <t>神奈川県横須賀市長沢3-1857-27</t>
  </si>
  <si>
    <t>044991</t>
  </si>
  <si>
    <t>追浜東町１丁目第３公園</t>
  </si>
  <si>
    <t>神奈川県横須賀市追浜東町1-28-54</t>
  </si>
  <si>
    <t>044992</t>
  </si>
  <si>
    <t>追浜東町１丁目第５公園</t>
  </si>
  <si>
    <t>神奈川県横須賀市追浜東町1-28-85</t>
  </si>
  <si>
    <t>044993</t>
  </si>
  <si>
    <t>追浜東町２丁目公園</t>
  </si>
  <si>
    <t>神奈川県横須賀市追浜東町2-3-24</t>
  </si>
  <si>
    <t>044994</t>
  </si>
  <si>
    <t>追浜東町自然の広場</t>
  </si>
  <si>
    <t>神奈川県横須賀市追浜東町1-19-2</t>
  </si>
  <si>
    <t>044995</t>
  </si>
  <si>
    <t>追浜南町２丁目第２都市林</t>
  </si>
  <si>
    <t>神奈川県横須賀市追浜南町2-26</t>
  </si>
  <si>
    <t>044996</t>
  </si>
  <si>
    <t>追浜南町２丁目第３都市林</t>
  </si>
  <si>
    <t>神奈川県横須賀市追浜南町2-32</t>
  </si>
  <si>
    <t>044997</t>
  </si>
  <si>
    <t>追浜南町２丁目都市林</t>
  </si>
  <si>
    <t>神奈川県横須賀市追浜南町2-10</t>
  </si>
  <si>
    <t>044998</t>
  </si>
  <si>
    <t>追浜南町３丁目都市林</t>
  </si>
  <si>
    <t>神奈川県横須賀市追浜南町3-16</t>
  </si>
  <si>
    <t>044999</t>
  </si>
  <si>
    <t>追浜本町１丁目公園</t>
  </si>
  <si>
    <t>神奈川県横須賀市追浜本町1-90-39</t>
  </si>
  <si>
    <t>045000</t>
  </si>
  <si>
    <t>追浜本町１丁目第２公園</t>
  </si>
  <si>
    <t>神奈川県横須賀市追浜本町1-90-63</t>
  </si>
  <si>
    <t>045001</t>
  </si>
  <si>
    <t>東浦賀１丁目公園</t>
  </si>
  <si>
    <t>神奈川県横須賀市東浦賀1-49-10</t>
  </si>
  <si>
    <t>045002</t>
  </si>
  <si>
    <t>東浦賀２丁目第２公園</t>
  </si>
  <si>
    <t>神奈川県横須賀市東浦賀2-67-27</t>
  </si>
  <si>
    <t>045003</t>
  </si>
  <si>
    <t>二葉１丁目公園</t>
  </si>
  <si>
    <t>045004</t>
  </si>
  <si>
    <t>破崎緑地</t>
  </si>
  <si>
    <t>神奈川県横須賀市走水2-2-ｲ</t>
  </si>
  <si>
    <t>045005</t>
  </si>
  <si>
    <t>馬堀３丁目第２公園</t>
  </si>
  <si>
    <t>神奈川県横須賀市馬堀町3-30-47</t>
  </si>
  <si>
    <t>045006</t>
  </si>
  <si>
    <t>馬堀４丁目公園</t>
  </si>
  <si>
    <t>神奈川県横須賀市馬堀町4-5</t>
  </si>
  <si>
    <t>045007</t>
  </si>
  <si>
    <t>馬堀４丁目第２公園</t>
  </si>
  <si>
    <t>神奈川県横須賀市馬堀町4-5-134</t>
  </si>
  <si>
    <t>045008</t>
  </si>
  <si>
    <t>馬堀４丁目第３公園</t>
  </si>
  <si>
    <t>045009</t>
  </si>
  <si>
    <t>馬堀海岸４丁目さんかく公園</t>
  </si>
  <si>
    <t>神奈川県横須賀市馬堀海岸4-1-8</t>
  </si>
  <si>
    <t>045010</t>
  </si>
  <si>
    <t>平作１丁目たぶのき公園</t>
  </si>
  <si>
    <t>神奈川県横須賀市平作1-2953</t>
  </si>
  <si>
    <t>045011</t>
  </si>
  <si>
    <t>平成緑道緑地</t>
  </si>
  <si>
    <t>神奈川県横須賀市平成町1-1-4</t>
  </si>
  <si>
    <t>045012</t>
  </si>
  <si>
    <t>林１丁目公園</t>
  </si>
  <si>
    <t>神奈川県横須賀市林1-2455</t>
  </si>
  <si>
    <t>045013</t>
  </si>
  <si>
    <t>林４丁目公園</t>
  </si>
  <si>
    <t>神奈川県横須賀市林4-781-1</t>
  </si>
  <si>
    <t>045014</t>
  </si>
  <si>
    <t>林５丁目公園</t>
  </si>
  <si>
    <t>神奈川県横須賀市林5-1262-8</t>
  </si>
  <si>
    <t>浦賀２丁目都市林</t>
  </si>
  <si>
    <t>神奈川県横須賀市浦賀2-89</t>
  </si>
  <si>
    <t>045016</t>
  </si>
  <si>
    <t>浦賀３丁目都市林</t>
  </si>
  <si>
    <t>神奈川県横須賀市浦賀3-29</t>
  </si>
  <si>
    <t>045017</t>
  </si>
  <si>
    <t>浦賀５丁目都市林</t>
  </si>
  <si>
    <t>神奈川県横須賀市浦賀5-25</t>
  </si>
  <si>
    <t>045018</t>
  </si>
  <si>
    <t>浦上台３丁目都市林</t>
  </si>
  <si>
    <t>神奈川県横須賀市浦上台3-55</t>
  </si>
  <si>
    <t>045019</t>
    <phoneticPr fontId="7"/>
  </si>
  <si>
    <t>吉井１丁目第２都市林</t>
  </si>
  <si>
    <t>神奈川県横須賀市吉井1-334</t>
  </si>
  <si>
    <t>045020</t>
  </si>
  <si>
    <t>吉井１丁目第３都市林</t>
  </si>
  <si>
    <t>神奈川県横須賀市吉井1-338</t>
  </si>
  <si>
    <t>045021</t>
  </si>
  <si>
    <t>吉井１丁目第４都市林</t>
  </si>
  <si>
    <t>神奈川県横須賀市吉井1-342</t>
  </si>
  <si>
    <t>045022</t>
  </si>
  <si>
    <t>吉井１丁目都市林</t>
  </si>
  <si>
    <t>神奈川県横須賀市吉井1-332</t>
  </si>
  <si>
    <t>045023</t>
  </si>
  <si>
    <t>吉井２丁目都市林</t>
  </si>
  <si>
    <t>神奈川県横須賀市吉井2-15</t>
  </si>
  <si>
    <t>045024</t>
  </si>
  <si>
    <t>吉井３丁目都市林</t>
  </si>
  <si>
    <t>神奈川県横須賀市吉井3-11</t>
  </si>
  <si>
    <t>045025</t>
  </si>
  <si>
    <t>公郷５丁目都市林</t>
  </si>
  <si>
    <t>神奈川県横須賀市公郷町5-62-39</t>
  </si>
  <si>
    <t>045026</t>
    <phoneticPr fontId="7"/>
  </si>
  <si>
    <t>根岸２丁目都市林</t>
  </si>
  <si>
    <t>神奈川県横須賀市根岸町2-113-1</t>
  </si>
  <si>
    <t>045027</t>
  </si>
  <si>
    <t>佐島の丘１丁目第２都市林</t>
  </si>
  <si>
    <t>神奈川県横須賀市佐島の丘1-681</t>
  </si>
  <si>
    <t>045028</t>
  </si>
  <si>
    <t>佐島の丘１丁目都市林</t>
  </si>
  <si>
    <t>神奈川県横須賀市佐島の丘1-1-1</t>
  </si>
  <si>
    <t>045029</t>
  </si>
  <si>
    <t>佐島の丘２丁目都市林</t>
  </si>
  <si>
    <t>神奈川県横須賀市佐島の丘2-757-1</t>
  </si>
  <si>
    <t>045030</t>
  </si>
  <si>
    <t>佐島の丘公園</t>
  </si>
  <si>
    <t>神奈川県横須賀市佐島の丘2-856</t>
  </si>
  <si>
    <t>045031</t>
  </si>
  <si>
    <t>三春６丁目都市林</t>
  </si>
  <si>
    <t>神奈川県横須賀市三春町6-29</t>
  </si>
  <si>
    <t>045032</t>
  </si>
  <si>
    <t>山科台第２都市林</t>
  </si>
  <si>
    <t>神奈川県横須賀市山科台5-14</t>
  </si>
  <si>
    <t>045033</t>
  </si>
  <si>
    <t>山科台第３都市林</t>
  </si>
  <si>
    <t>神奈川県横須賀市山科台52-23</t>
  </si>
  <si>
    <t>045034</t>
  </si>
  <si>
    <t>山科台第４都市林</t>
  </si>
  <si>
    <t>神奈川県横須賀市山科台52-20</t>
  </si>
  <si>
    <t>045035</t>
  </si>
  <si>
    <t>山科台第５都市林</t>
  </si>
  <si>
    <t>神奈川県横須賀市山科台9-15</t>
  </si>
  <si>
    <t>045036</t>
  </si>
  <si>
    <t>山科台都市林</t>
  </si>
  <si>
    <t>神奈川県横須賀市山科台7-10</t>
  </si>
  <si>
    <t>045037</t>
  </si>
  <si>
    <t>小矢部４丁目都市林</t>
  </si>
  <si>
    <t>神奈川県横須賀市小矢部4-1203-2</t>
  </si>
  <si>
    <t>045038</t>
  </si>
  <si>
    <t>湘南鷹取１丁目第７都市林</t>
  </si>
  <si>
    <t>神奈川県横須賀市湘南鷹取1-33</t>
  </si>
  <si>
    <t>045039</t>
    <phoneticPr fontId="7"/>
  </si>
  <si>
    <t>須軽谷第２都市林</t>
  </si>
  <si>
    <t>神奈川県横須賀市須軽谷1341</t>
  </si>
  <si>
    <t>045040</t>
  </si>
  <si>
    <t>須軽谷第３都市林</t>
  </si>
  <si>
    <t>神奈川県横須賀市須軽谷字大谷1344</t>
  </si>
  <si>
    <t>045041</t>
  </si>
  <si>
    <t>須軽谷都市林</t>
  </si>
  <si>
    <t>045042</t>
  </si>
  <si>
    <t>西逸見３丁目都市林</t>
  </si>
  <si>
    <t>神奈川県横須賀市西逸見町3-38</t>
  </si>
  <si>
    <t>045043</t>
  </si>
  <si>
    <t>船越１丁目第２都市林</t>
  </si>
  <si>
    <t>神奈川県横須賀市船越町1-30-2</t>
  </si>
  <si>
    <t>045044</t>
  </si>
  <si>
    <t>船越１丁目都市林</t>
  </si>
  <si>
    <t>神奈川県横須賀市船越町1-22</t>
  </si>
  <si>
    <t>045045</t>
  </si>
  <si>
    <t>船越２丁目第２都市林</t>
  </si>
  <si>
    <t>神奈川県横須賀市船越町2-5-1</t>
  </si>
  <si>
    <t>045046</t>
  </si>
  <si>
    <t>船越２丁目都市林</t>
  </si>
  <si>
    <t>神奈川県横須賀市船越町2-29-18</t>
  </si>
  <si>
    <t>045047</t>
  </si>
  <si>
    <t>走水２丁目都市林</t>
  </si>
  <si>
    <t>神奈川県横須賀市走水2-721-1</t>
  </si>
  <si>
    <t>045048</t>
  </si>
  <si>
    <t>太田和１丁目都市林</t>
  </si>
  <si>
    <t>045049</t>
  </si>
  <si>
    <t>大津２丁目都市林</t>
  </si>
  <si>
    <t>神奈川県横須賀市大津町2-64</t>
  </si>
  <si>
    <t>045050</t>
  </si>
  <si>
    <t>池田１丁目都市林</t>
  </si>
  <si>
    <t>神奈川県横須賀市池田町1-7</t>
  </si>
  <si>
    <t>045051</t>
  </si>
  <si>
    <t>長浦１丁目都市林</t>
  </si>
  <si>
    <t>神奈川県横須賀市長浦町1-38</t>
  </si>
  <si>
    <t>045052</t>
  </si>
  <si>
    <t>長沢１丁目第２都市林</t>
  </si>
  <si>
    <t>045053</t>
  </si>
  <si>
    <t>長沢１丁目都市林</t>
  </si>
  <si>
    <t>神奈川県横須賀市長沢1-1064</t>
  </si>
  <si>
    <t>045054</t>
  </si>
  <si>
    <t>長沢５丁目第２都市林</t>
  </si>
  <si>
    <t>神奈川県横須賀市長沢5-3314</t>
  </si>
  <si>
    <t>045055</t>
  </si>
  <si>
    <t>長沢５丁目第３都市林</t>
  </si>
  <si>
    <t>神奈川県横須賀市長沢5-4714-10</t>
  </si>
  <si>
    <t>045056</t>
  </si>
  <si>
    <t>長沢５丁目第４都市林</t>
  </si>
  <si>
    <t>神奈川県横須賀市長沢5-4820</t>
  </si>
  <si>
    <t>045057</t>
  </si>
  <si>
    <t>長沢５丁目都市林</t>
  </si>
  <si>
    <t>神奈川県横須賀市長沢5-3163-3</t>
  </si>
  <si>
    <t>045058</t>
  </si>
  <si>
    <t>津久井５丁目第２都市林</t>
  </si>
  <si>
    <t>神奈川県横須賀市津久井5-3722-ロ</t>
  </si>
  <si>
    <t>045059</t>
  </si>
  <si>
    <t>津久井５丁目第３都市林</t>
  </si>
  <si>
    <t>神奈川県横須賀市津久井5-3562-2</t>
  </si>
  <si>
    <t>045060</t>
  </si>
  <si>
    <t>津久井５丁目第４都市林</t>
  </si>
  <si>
    <t>神奈川県横須賀市津久井5-3084-1</t>
  </si>
  <si>
    <t>045061</t>
  </si>
  <si>
    <t>津久井５丁目第５都市林</t>
  </si>
  <si>
    <t>神奈川県横須賀市津久井5-3664-5</t>
  </si>
  <si>
    <t>045062</t>
  </si>
  <si>
    <t>津久井５丁目都市林</t>
  </si>
  <si>
    <t>神奈川県横須賀市津久井5-3533</t>
  </si>
  <si>
    <t>045063</t>
  </si>
  <si>
    <t>追浜南町３丁目第２都市林</t>
  </si>
  <si>
    <t>神奈川県横須賀市追浜南町3-34</t>
  </si>
  <si>
    <t>045064</t>
  </si>
  <si>
    <t>田浦６丁目第２都市林</t>
  </si>
  <si>
    <t>神奈川県横須賀市田浦町6-30</t>
  </si>
  <si>
    <t>045065</t>
  </si>
  <si>
    <t>田浦６丁目都市林</t>
  </si>
  <si>
    <t>神奈川県横須賀市田浦町6-37</t>
  </si>
  <si>
    <t>045066</t>
  </si>
  <si>
    <t>田浦町５丁目第２都市林</t>
  </si>
  <si>
    <t>神奈川県横須賀市田浦町5-56</t>
  </si>
  <si>
    <t>045067</t>
  </si>
  <si>
    <t>田浦町５丁目都市林</t>
  </si>
  <si>
    <t>神奈川県横須賀市田浦町5-21</t>
  </si>
  <si>
    <t>045068</t>
  </si>
  <si>
    <t>東浦賀２丁目都市林</t>
  </si>
  <si>
    <t>神奈川県横須賀市東浦賀2-70-1</t>
  </si>
  <si>
    <t>045069</t>
  </si>
  <si>
    <t>不入斗２丁目都市林</t>
  </si>
  <si>
    <t>神奈川県横須賀市不入斗2-1</t>
  </si>
  <si>
    <t>045070</t>
  </si>
  <si>
    <t>武１丁目第２都市林</t>
  </si>
  <si>
    <t>神奈川県横須賀市武1-3043-1</t>
  </si>
  <si>
    <t>045071</t>
  </si>
  <si>
    <t>武１丁目第３都市林</t>
  </si>
  <si>
    <t>神奈川県横須賀市武1-3277-2</t>
  </si>
  <si>
    <t>045072</t>
  </si>
  <si>
    <t>武１丁目都市林</t>
  </si>
  <si>
    <t>神奈川県横須賀市武1-2933-1</t>
  </si>
  <si>
    <t>045073</t>
  </si>
  <si>
    <t>武２丁目都市林</t>
  </si>
  <si>
    <t>神奈川県横須賀市武2-1940</t>
  </si>
  <si>
    <t>045074</t>
  </si>
  <si>
    <t>武３丁目第２都市林</t>
  </si>
  <si>
    <t>神奈川県横須賀市武3-3369</t>
  </si>
  <si>
    <t>045075</t>
  </si>
  <si>
    <t>武３丁目都市林</t>
  </si>
  <si>
    <t>054914</t>
  </si>
  <si>
    <t>平塚市</t>
    <phoneticPr fontId="7"/>
  </si>
  <si>
    <t>青柳公園</t>
    <rPh sb="0" eb="2">
      <t>アオヤギ</t>
    </rPh>
    <rPh sb="2" eb="4">
      <t>コウエン</t>
    </rPh>
    <phoneticPr fontId="9"/>
  </si>
  <si>
    <t>神奈川県平塚市代官町18-1</t>
  </si>
  <si>
    <t>054915</t>
  </si>
  <si>
    <t>明石町公園</t>
    <rPh sb="0" eb="3">
      <t>アカシチョウ</t>
    </rPh>
    <rPh sb="3" eb="5">
      <t>コウエン</t>
    </rPh>
    <phoneticPr fontId="9"/>
  </si>
  <si>
    <t>神奈川県平塚市明石町21-1</t>
  </si>
  <si>
    <t>054916</t>
  </si>
  <si>
    <t>茜公園</t>
    <rPh sb="0" eb="1">
      <t>アカネ</t>
    </rPh>
    <rPh sb="1" eb="3">
      <t>コウエン</t>
    </rPh>
    <phoneticPr fontId="9"/>
  </si>
  <si>
    <t>神奈川県平塚市夕陽ヶ丘9</t>
  </si>
  <si>
    <t>054917</t>
  </si>
  <si>
    <t>朝霧公園</t>
    <rPh sb="0" eb="2">
      <t>アサギリ</t>
    </rPh>
    <rPh sb="2" eb="4">
      <t>コウエン</t>
    </rPh>
    <phoneticPr fontId="9"/>
  </si>
  <si>
    <t>神奈川県平塚市千石河岸61-6</t>
  </si>
  <si>
    <t>054918</t>
  </si>
  <si>
    <t>旭第１公園</t>
    <rPh sb="0" eb="1">
      <t>アサヒ</t>
    </rPh>
    <rPh sb="1" eb="2">
      <t>ダイ</t>
    </rPh>
    <rPh sb="3" eb="5">
      <t>コウエン</t>
    </rPh>
    <phoneticPr fontId="9"/>
  </si>
  <si>
    <t>神奈川県平塚市徳延32</t>
  </si>
  <si>
    <t>054919</t>
  </si>
  <si>
    <t>天沼公園</t>
    <rPh sb="0" eb="2">
      <t>アマヌマ</t>
    </rPh>
    <rPh sb="2" eb="4">
      <t>コウエン</t>
    </rPh>
    <phoneticPr fontId="9"/>
  </si>
  <si>
    <t>神奈川県平塚市天沼309-29</t>
  </si>
  <si>
    <t>054920</t>
  </si>
  <si>
    <t>天沼北公園</t>
    <rPh sb="0" eb="2">
      <t>アマヌマ</t>
    </rPh>
    <rPh sb="2" eb="3">
      <t>キタ</t>
    </rPh>
    <rPh sb="3" eb="5">
      <t>コウエン</t>
    </rPh>
    <phoneticPr fontId="9"/>
  </si>
  <si>
    <t>神奈川県平塚市天沼502-5</t>
  </si>
  <si>
    <t>054921</t>
  </si>
  <si>
    <t>有明公園</t>
    <rPh sb="0" eb="2">
      <t>アリアケ</t>
    </rPh>
    <rPh sb="2" eb="4">
      <t>コウエン</t>
    </rPh>
    <phoneticPr fontId="9"/>
  </si>
  <si>
    <t>神奈川県平塚市札場町10-8</t>
  </si>
  <si>
    <t>054922</t>
  </si>
  <si>
    <t>伊勢山公園</t>
    <rPh sb="0" eb="2">
      <t>イセ</t>
    </rPh>
    <rPh sb="2" eb="3">
      <t>ヤマ</t>
    </rPh>
    <rPh sb="3" eb="5">
      <t>コウエン</t>
    </rPh>
    <phoneticPr fontId="9"/>
  </si>
  <si>
    <t>神奈川県平塚市中原3-724-1</t>
  </si>
  <si>
    <t>054923</t>
  </si>
  <si>
    <t>一ノ坪公園</t>
    <rPh sb="0" eb="1">
      <t>イチ</t>
    </rPh>
    <rPh sb="2" eb="3">
      <t>ツボ</t>
    </rPh>
    <rPh sb="3" eb="5">
      <t>コウエン</t>
    </rPh>
    <phoneticPr fontId="9"/>
  </si>
  <si>
    <t>054924</t>
  </si>
  <si>
    <t>一里塚公園</t>
    <rPh sb="0" eb="3">
      <t>イチリヅカ</t>
    </rPh>
    <rPh sb="3" eb="5">
      <t>コウエン</t>
    </rPh>
    <phoneticPr fontId="9"/>
  </si>
  <si>
    <t>神奈川県平塚市中原2-592-3</t>
  </si>
  <si>
    <t>054925</t>
  </si>
  <si>
    <t>出縄尾崎公園</t>
    <rPh sb="0" eb="2">
      <t>イデナワ</t>
    </rPh>
    <rPh sb="2" eb="4">
      <t>オザキ</t>
    </rPh>
    <rPh sb="4" eb="6">
      <t>コウエン</t>
    </rPh>
    <phoneticPr fontId="9"/>
  </si>
  <si>
    <t>神奈川県平塚市出縄249-10</t>
  </si>
  <si>
    <t>054926</t>
  </si>
  <si>
    <t>出縄高通し公園</t>
    <rPh sb="0" eb="2">
      <t>イデナワ</t>
    </rPh>
    <rPh sb="2" eb="3">
      <t>タカ</t>
    </rPh>
    <rPh sb="3" eb="4">
      <t>トオ</t>
    </rPh>
    <rPh sb="5" eb="7">
      <t>コウエン</t>
    </rPh>
    <phoneticPr fontId="9"/>
  </si>
  <si>
    <t>神奈川県平塚市出縄489-20</t>
  </si>
  <si>
    <t>054927</t>
  </si>
  <si>
    <t>入野さくら公園</t>
    <rPh sb="0" eb="1">
      <t>イ</t>
    </rPh>
    <rPh sb="1" eb="2">
      <t>ノ</t>
    </rPh>
    <rPh sb="5" eb="7">
      <t>コウエン</t>
    </rPh>
    <phoneticPr fontId="9"/>
  </si>
  <si>
    <t>神奈川県平塚市入野15</t>
  </si>
  <si>
    <t>054928</t>
  </si>
  <si>
    <t>老松町公園</t>
    <rPh sb="0" eb="3">
      <t>オイマツチョウ</t>
    </rPh>
    <rPh sb="3" eb="5">
      <t>コウエン</t>
    </rPh>
    <phoneticPr fontId="9"/>
  </si>
  <si>
    <t>神奈川県平塚市老松町12</t>
  </si>
  <si>
    <t>054929</t>
  </si>
  <si>
    <t>大神公園</t>
    <rPh sb="0" eb="2">
      <t>ダイジン</t>
    </rPh>
    <rPh sb="2" eb="4">
      <t>コウエン</t>
    </rPh>
    <phoneticPr fontId="9"/>
  </si>
  <si>
    <t>054930</t>
  </si>
  <si>
    <t>大神北公園</t>
    <rPh sb="0" eb="2">
      <t>オオカミ</t>
    </rPh>
    <rPh sb="2" eb="3">
      <t>キタ</t>
    </rPh>
    <rPh sb="3" eb="5">
      <t>コウエン</t>
    </rPh>
    <phoneticPr fontId="9"/>
  </si>
  <si>
    <t>054931</t>
  </si>
  <si>
    <t>大久保公園</t>
    <rPh sb="0" eb="3">
      <t>オオクボ</t>
    </rPh>
    <rPh sb="3" eb="5">
      <t>コウエン</t>
    </rPh>
    <phoneticPr fontId="9"/>
  </si>
  <si>
    <t>神奈川県平塚市諏訪町1449-1</t>
  </si>
  <si>
    <t>054932</t>
  </si>
  <si>
    <t>おおくぼ公園</t>
  </si>
  <si>
    <t>神奈川県平塚市北金目3-25-15</t>
  </si>
  <si>
    <t>054933</t>
  </si>
  <si>
    <t>大真土東公園</t>
    <rPh sb="0" eb="1">
      <t>オオ</t>
    </rPh>
    <rPh sb="1" eb="3">
      <t>シンド</t>
    </rPh>
    <rPh sb="3" eb="4">
      <t>ヒガシ</t>
    </rPh>
    <rPh sb="4" eb="6">
      <t>コウエン</t>
    </rPh>
    <phoneticPr fontId="9"/>
  </si>
  <si>
    <t>神奈川県平塚市東真土2-293-3</t>
  </si>
  <si>
    <t>054934</t>
  </si>
  <si>
    <t>大鳥公園</t>
    <rPh sb="0" eb="2">
      <t>オオトリ</t>
    </rPh>
    <rPh sb="2" eb="4">
      <t>コウエン</t>
    </rPh>
    <phoneticPr fontId="9"/>
  </si>
  <si>
    <t>神奈川県平塚市平塚2-20-1</t>
  </si>
  <si>
    <t>054935</t>
  </si>
  <si>
    <t>大縄橋公園</t>
    <rPh sb="0" eb="1">
      <t>オオ</t>
    </rPh>
    <rPh sb="1" eb="2">
      <t>ナワ</t>
    </rPh>
    <rPh sb="2" eb="3">
      <t>バシ</t>
    </rPh>
    <rPh sb="3" eb="5">
      <t>コウエン</t>
    </rPh>
    <phoneticPr fontId="9"/>
  </si>
  <si>
    <t>神奈川県平塚市御殿3-951-3</t>
  </si>
  <si>
    <t>054936</t>
  </si>
  <si>
    <t>大原公園</t>
    <rPh sb="0" eb="2">
      <t>オオハラ</t>
    </rPh>
    <rPh sb="2" eb="4">
      <t>コウエン</t>
    </rPh>
    <phoneticPr fontId="9"/>
  </si>
  <si>
    <t>神奈川県平塚市大原73-6</t>
  </si>
  <si>
    <t>054937</t>
  </si>
  <si>
    <t>王御住公園</t>
    <rPh sb="0" eb="1">
      <t>オウ</t>
    </rPh>
    <rPh sb="1" eb="2">
      <t>オ</t>
    </rPh>
    <rPh sb="2" eb="3">
      <t>ス</t>
    </rPh>
    <rPh sb="3" eb="5">
      <t>コウエン</t>
    </rPh>
    <phoneticPr fontId="9"/>
  </si>
  <si>
    <t>神奈川県平塚市岡崎3269-64</t>
  </si>
  <si>
    <t>054938</t>
  </si>
  <si>
    <t>岡崎上ノ入公園</t>
    <rPh sb="0" eb="2">
      <t>オカザキ</t>
    </rPh>
    <rPh sb="2" eb="3">
      <t>ウエ</t>
    </rPh>
    <rPh sb="4" eb="5">
      <t>イ</t>
    </rPh>
    <rPh sb="5" eb="7">
      <t>コウエン</t>
    </rPh>
    <phoneticPr fontId="9"/>
  </si>
  <si>
    <t>神奈川県平塚市岡崎3386</t>
  </si>
  <si>
    <t>054939</t>
  </si>
  <si>
    <t>岡崎宮東公園</t>
    <rPh sb="0" eb="2">
      <t>オカザキ</t>
    </rPh>
    <rPh sb="2" eb="3">
      <t>ミヤ</t>
    </rPh>
    <rPh sb="3" eb="4">
      <t>ヒガシ</t>
    </rPh>
    <rPh sb="4" eb="6">
      <t>コウエン</t>
    </rPh>
    <phoneticPr fontId="9"/>
  </si>
  <si>
    <t>神奈川県平塚市岡崎3927-14</t>
  </si>
  <si>
    <t>054940</t>
  </si>
  <si>
    <t>長姫公園</t>
    <rPh sb="0" eb="1">
      <t>ナガ</t>
    </rPh>
    <rPh sb="1" eb="2">
      <t>ヒメ</t>
    </rPh>
    <rPh sb="2" eb="4">
      <t>コウエン</t>
    </rPh>
    <phoneticPr fontId="9"/>
  </si>
  <si>
    <t>神奈川県平塚市代官町32-6</t>
  </si>
  <si>
    <t>054941</t>
  </si>
  <si>
    <t>片岡稲荷山公園</t>
    <rPh sb="0" eb="2">
      <t>カタオカ</t>
    </rPh>
    <rPh sb="2" eb="5">
      <t>イナリヤマ</t>
    </rPh>
    <rPh sb="5" eb="7">
      <t>コウエン</t>
    </rPh>
    <phoneticPr fontId="9"/>
  </si>
  <si>
    <t>神奈川県平塚市片岡1168-22</t>
  </si>
  <si>
    <t>054942</t>
  </si>
  <si>
    <t>片岡矢畑公園</t>
    <rPh sb="0" eb="2">
      <t>カタオカ</t>
    </rPh>
    <rPh sb="2" eb="4">
      <t>ヤバタ</t>
    </rPh>
    <rPh sb="4" eb="6">
      <t>コウエン</t>
    </rPh>
    <phoneticPr fontId="9"/>
  </si>
  <si>
    <t>神奈川県平塚市片岡1063-25</t>
  </si>
  <si>
    <t>054943</t>
  </si>
  <si>
    <t>叶谷公園</t>
    <rPh sb="0" eb="1">
      <t>カノウ</t>
    </rPh>
    <rPh sb="1" eb="2">
      <t>タニ</t>
    </rPh>
    <rPh sb="2" eb="4">
      <t>コウエン</t>
    </rPh>
    <phoneticPr fontId="9"/>
  </si>
  <si>
    <t>神奈川県平塚市日向岡1-16-9</t>
  </si>
  <si>
    <t>054944</t>
  </si>
  <si>
    <t>上ノ入東公園</t>
    <rPh sb="0" eb="1">
      <t>ウエ</t>
    </rPh>
    <rPh sb="2" eb="3">
      <t>イ</t>
    </rPh>
    <rPh sb="3" eb="4">
      <t>ヒガシ</t>
    </rPh>
    <rPh sb="4" eb="6">
      <t>コウエン</t>
    </rPh>
    <phoneticPr fontId="9"/>
  </si>
  <si>
    <t>神奈川県平塚市岡崎3327-5</t>
  </si>
  <si>
    <t>054945</t>
  </si>
  <si>
    <t>上平塚公園</t>
    <rPh sb="0" eb="3">
      <t>カミヒラツカ</t>
    </rPh>
    <rPh sb="3" eb="5">
      <t>コウエン</t>
    </rPh>
    <phoneticPr fontId="9"/>
  </si>
  <si>
    <t>神奈川県平塚市上平塚223-3</t>
  </si>
  <si>
    <t>054946</t>
  </si>
  <si>
    <t>川井公園</t>
    <rPh sb="0" eb="2">
      <t>カワイ</t>
    </rPh>
    <rPh sb="2" eb="4">
      <t>コウエン</t>
    </rPh>
    <phoneticPr fontId="9"/>
  </si>
  <si>
    <t>神奈川県平塚市纒683-1</t>
  </si>
  <si>
    <t>054947</t>
  </si>
  <si>
    <t>北久保公園</t>
  </si>
  <si>
    <t>神奈川県平塚市北金目2-5-7</t>
  </si>
  <si>
    <t>054948</t>
  </si>
  <si>
    <t>北久保第２公園</t>
    <rPh sb="3" eb="4">
      <t>ダイ</t>
    </rPh>
    <phoneticPr fontId="9"/>
  </si>
  <si>
    <t>神奈川県平塚市北金目1-1-41</t>
  </si>
  <si>
    <t>054949</t>
  </si>
  <si>
    <t>公所公園</t>
    <rPh sb="0" eb="2">
      <t>グゾ</t>
    </rPh>
    <rPh sb="2" eb="4">
      <t>コウエン</t>
    </rPh>
    <phoneticPr fontId="9"/>
  </si>
  <si>
    <t>神奈川県平塚市公所4</t>
  </si>
  <si>
    <t>054950</t>
  </si>
  <si>
    <t>蔵邸公園</t>
    <rPh sb="0" eb="1">
      <t>クラ</t>
    </rPh>
    <rPh sb="1" eb="2">
      <t>テイ</t>
    </rPh>
    <rPh sb="2" eb="4">
      <t>コウエン</t>
    </rPh>
    <phoneticPr fontId="9"/>
  </si>
  <si>
    <t>神奈川県平塚市馬入本町11</t>
  </si>
  <si>
    <t>054951</t>
  </si>
  <si>
    <t>黒部丘第一公園</t>
    <rPh sb="0" eb="3">
      <t>クロベオカ</t>
    </rPh>
    <rPh sb="3" eb="5">
      <t>ダイイチ</t>
    </rPh>
    <rPh sb="5" eb="7">
      <t>コウエン</t>
    </rPh>
    <phoneticPr fontId="9"/>
  </si>
  <si>
    <t>神奈川県平塚市黒部丘319-5</t>
  </si>
  <si>
    <t>054952</t>
  </si>
  <si>
    <t>黒部丘第二公園</t>
    <rPh sb="0" eb="3">
      <t>クロベオカ</t>
    </rPh>
    <rPh sb="3" eb="5">
      <t>ダイニ</t>
    </rPh>
    <rPh sb="5" eb="7">
      <t>コウエン</t>
    </rPh>
    <phoneticPr fontId="9"/>
  </si>
  <si>
    <t>神奈川県平塚市黒部丘319-6</t>
  </si>
  <si>
    <t>054953</t>
  </si>
  <si>
    <t>小松原公園</t>
    <rPh sb="0" eb="3">
      <t>コマツバラ</t>
    </rPh>
    <rPh sb="3" eb="5">
      <t>コウエン</t>
    </rPh>
    <phoneticPr fontId="9"/>
  </si>
  <si>
    <t>神奈川県平塚市田村5-5386-3</t>
  </si>
  <si>
    <t>054954</t>
  </si>
  <si>
    <t>御所ヶ谷公園</t>
    <rPh sb="0" eb="2">
      <t>ゴショ</t>
    </rPh>
    <rPh sb="3" eb="4">
      <t>ヤ</t>
    </rPh>
    <rPh sb="4" eb="6">
      <t>コウエン</t>
    </rPh>
    <phoneticPr fontId="9"/>
  </si>
  <si>
    <t>神奈川県平塚市岡崎3139-1</t>
  </si>
  <si>
    <t>054955</t>
  </si>
  <si>
    <t>御殿公園</t>
    <rPh sb="0" eb="2">
      <t>ゴテン</t>
    </rPh>
    <rPh sb="2" eb="4">
      <t>コウエン</t>
    </rPh>
    <phoneticPr fontId="9"/>
  </si>
  <si>
    <t>神奈川県平塚市御殿2-1047-1</t>
  </si>
  <si>
    <t>054956</t>
  </si>
  <si>
    <t>御殿北公園</t>
    <rPh sb="0" eb="2">
      <t>ゴテン</t>
    </rPh>
    <rPh sb="2" eb="3">
      <t>キタ</t>
    </rPh>
    <rPh sb="3" eb="5">
      <t>コウエン</t>
    </rPh>
    <phoneticPr fontId="9"/>
  </si>
  <si>
    <t>神奈川県平塚市御殿3-1504-2</t>
  </si>
  <si>
    <t>054957</t>
  </si>
  <si>
    <t>小鍋島橋下公園</t>
    <rPh sb="0" eb="1">
      <t>コ</t>
    </rPh>
    <rPh sb="1" eb="2">
      <t>ナベ</t>
    </rPh>
    <rPh sb="2" eb="3">
      <t>シマ</t>
    </rPh>
    <rPh sb="3" eb="4">
      <t>ハシ</t>
    </rPh>
    <rPh sb="4" eb="5">
      <t>シタ</t>
    </rPh>
    <rPh sb="5" eb="7">
      <t>コウエン</t>
    </rPh>
    <phoneticPr fontId="9"/>
  </si>
  <si>
    <t>神奈川県平塚市小鍋島669-6</t>
  </si>
  <si>
    <t>054958</t>
  </si>
  <si>
    <t>五領ヶ台公園</t>
    <rPh sb="0" eb="1">
      <t>ゴ</t>
    </rPh>
    <rPh sb="1" eb="2">
      <t>リョウ</t>
    </rPh>
    <rPh sb="3" eb="4">
      <t>ダイ</t>
    </rPh>
    <rPh sb="4" eb="6">
      <t>コウエン</t>
    </rPh>
    <phoneticPr fontId="9"/>
  </si>
  <si>
    <t>神奈川県平塚市広川736-1</t>
  </si>
  <si>
    <t>054959</t>
  </si>
  <si>
    <t>幸町公園</t>
    <rPh sb="0" eb="2">
      <t>サイワイチョウ</t>
    </rPh>
    <rPh sb="2" eb="4">
      <t>コウエン</t>
    </rPh>
    <phoneticPr fontId="9"/>
  </si>
  <si>
    <t>神奈川県平塚市幸町7-2</t>
  </si>
  <si>
    <t>054960</t>
  </si>
  <si>
    <t>桜ヶ丘南公園</t>
    <rPh sb="0" eb="3">
      <t>サクラガオカ</t>
    </rPh>
    <rPh sb="3" eb="4">
      <t>ミナミ</t>
    </rPh>
    <rPh sb="4" eb="6">
      <t>コウエン</t>
    </rPh>
    <phoneticPr fontId="9"/>
  </si>
  <si>
    <t>神奈川県平塚市桜ヶ丘166-2</t>
  </si>
  <si>
    <t>054961</t>
  </si>
  <si>
    <t>桜河岸公園</t>
    <rPh sb="0" eb="1">
      <t>サクラ</t>
    </rPh>
    <rPh sb="1" eb="3">
      <t>カワギシ</t>
    </rPh>
    <rPh sb="3" eb="5">
      <t>コウエン</t>
    </rPh>
    <phoneticPr fontId="9"/>
  </si>
  <si>
    <t>神奈川県平塚市千石河岸13-7</t>
  </si>
  <si>
    <t>054962</t>
  </si>
  <si>
    <t>真田久保公園</t>
  </si>
  <si>
    <t>神奈川県平塚市真田2-3-2</t>
  </si>
  <si>
    <t>054963</t>
  </si>
  <si>
    <t>真田公園</t>
    <rPh sb="0" eb="2">
      <t>サナダ</t>
    </rPh>
    <rPh sb="2" eb="4">
      <t>コウエン</t>
    </rPh>
    <phoneticPr fontId="9"/>
  </si>
  <si>
    <t>神奈川県平塚市真田4-386-6</t>
  </si>
  <si>
    <t>054964</t>
  </si>
  <si>
    <t>真田西公園</t>
    <rPh sb="0" eb="2">
      <t>サナダ</t>
    </rPh>
    <rPh sb="2" eb="3">
      <t>ニシ</t>
    </rPh>
    <rPh sb="3" eb="5">
      <t>コウエン</t>
    </rPh>
    <phoneticPr fontId="9"/>
  </si>
  <si>
    <t>神奈川県平塚市真田4-490-27</t>
  </si>
  <si>
    <t>054965</t>
  </si>
  <si>
    <t>真田谷津公園</t>
  </si>
  <si>
    <t>神奈川県平塚市真田2-23-2</t>
  </si>
  <si>
    <t>054966</t>
  </si>
  <si>
    <t>真田与一公園</t>
  </si>
  <si>
    <t>神奈川県平塚市真田1-14-26</t>
  </si>
  <si>
    <t>054967</t>
  </si>
  <si>
    <t>鮫川公園</t>
    <rPh sb="0" eb="2">
      <t>サメカワ</t>
    </rPh>
    <rPh sb="2" eb="4">
      <t>コウエン</t>
    </rPh>
    <phoneticPr fontId="9"/>
  </si>
  <si>
    <t>神奈川県平塚市東八幡3-704-8</t>
  </si>
  <si>
    <t>054968</t>
  </si>
  <si>
    <t>鮫川東公園</t>
    <rPh sb="0" eb="2">
      <t>サメカワ</t>
    </rPh>
    <rPh sb="2" eb="3">
      <t>ヒガシ</t>
    </rPh>
    <rPh sb="3" eb="5">
      <t>コウエン</t>
    </rPh>
    <phoneticPr fontId="9"/>
  </si>
  <si>
    <t>神奈川県平塚市東八幡3-716-3</t>
  </si>
  <si>
    <t>054969</t>
  </si>
  <si>
    <t>山王山公園</t>
    <rPh sb="0" eb="2">
      <t>サンノウ</t>
    </rPh>
    <rPh sb="2" eb="3">
      <t>ヤマ</t>
    </rPh>
    <rPh sb="3" eb="5">
      <t>コウエン</t>
    </rPh>
    <phoneticPr fontId="9"/>
  </si>
  <si>
    <t>神奈川県平塚市日向岡2-1-3</t>
  </si>
  <si>
    <t>054970</t>
  </si>
  <si>
    <t>汐崎公園</t>
    <rPh sb="0" eb="2">
      <t>シオザキ</t>
    </rPh>
    <rPh sb="2" eb="4">
      <t>コウエン</t>
    </rPh>
    <phoneticPr fontId="9"/>
  </si>
  <si>
    <t>神奈川県平塚市千石河岸38</t>
  </si>
  <si>
    <t>054971</t>
  </si>
  <si>
    <t>東雲公園</t>
    <rPh sb="0" eb="2">
      <t>トウウン</t>
    </rPh>
    <rPh sb="2" eb="4">
      <t>コウエン</t>
    </rPh>
    <phoneticPr fontId="9"/>
  </si>
  <si>
    <t>神奈川県平塚市宮の前7-20</t>
  </si>
  <si>
    <t>054972</t>
  </si>
  <si>
    <t>四之宮公園</t>
    <rPh sb="0" eb="3">
      <t>シノミヤ</t>
    </rPh>
    <rPh sb="3" eb="5">
      <t>コウエン</t>
    </rPh>
    <phoneticPr fontId="9"/>
  </si>
  <si>
    <t>神奈川県平塚市四之宮5-811-2</t>
  </si>
  <si>
    <t>054973</t>
  </si>
  <si>
    <t>四之宮山王公園</t>
    <rPh sb="0" eb="3">
      <t>シノミヤ</t>
    </rPh>
    <rPh sb="3" eb="5">
      <t>サンノウ</t>
    </rPh>
    <rPh sb="5" eb="7">
      <t>コウエン</t>
    </rPh>
    <phoneticPr fontId="9"/>
  </si>
  <si>
    <t>神奈川県平塚市四之宮1-31-3</t>
  </si>
  <si>
    <t>054974</t>
  </si>
  <si>
    <t>四之宮山王北公園</t>
    <rPh sb="0" eb="3">
      <t>シノミヤ</t>
    </rPh>
    <rPh sb="3" eb="5">
      <t>サンノウ</t>
    </rPh>
    <rPh sb="5" eb="6">
      <t>キタ</t>
    </rPh>
    <rPh sb="6" eb="8">
      <t>コウエン</t>
    </rPh>
    <phoneticPr fontId="9"/>
  </si>
  <si>
    <t>神奈川県平塚市四之宮2-52-4</t>
  </si>
  <si>
    <t>054975</t>
  </si>
  <si>
    <t>四之宮天神前公園</t>
    <rPh sb="0" eb="3">
      <t>シノミヤ</t>
    </rPh>
    <rPh sb="3" eb="5">
      <t>テンジン</t>
    </rPh>
    <rPh sb="5" eb="6">
      <t>マエ</t>
    </rPh>
    <rPh sb="6" eb="8">
      <t>コウエン</t>
    </rPh>
    <phoneticPr fontId="9"/>
  </si>
  <si>
    <t>神奈川県平塚市四之宮2-148-2</t>
  </si>
  <si>
    <t>054976</t>
  </si>
  <si>
    <t>四之宮通町公園</t>
    <rPh sb="0" eb="3">
      <t>シノミヤ</t>
    </rPh>
    <rPh sb="3" eb="4">
      <t>トオ</t>
    </rPh>
    <rPh sb="4" eb="5">
      <t>マチ</t>
    </rPh>
    <rPh sb="5" eb="7">
      <t>コウエン</t>
    </rPh>
    <phoneticPr fontId="9"/>
  </si>
  <si>
    <t>神奈川県平塚市四之宮5-961-3</t>
  </si>
  <si>
    <t>054977</t>
  </si>
  <si>
    <t>四之宮林第１公園</t>
    <rPh sb="0" eb="3">
      <t>シノミヤ</t>
    </rPh>
    <rPh sb="3" eb="4">
      <t>ハヤシ</t>
    </rPh>
    <rPh sb="4" eb="5">
      <t>ダイ</t>
    </rPh>
    <rPh sb="6" eb="8">
      <t>コウエン</t>
    </rPh>
    <phoneticPr fontId="9"/>
  </si>
  <si>
    <t>神奈川県平塚市四之宮6-1007-2</t>
  </si>
  <si>
    <t>054978</t>
  </si>
  <si>
    <t>四之宮林第２公園</t>
    <rPh sb="0" eb="3">
      <t>シノミヤ</t>
    </rPh>
    <rPh sb="3" eb="4">
      <t>ハヤシ</t>
    </rPh>
    <rPh sb="4" eb="5">
      <t>ダイ</t>
    </rPh>
    <rPh sb="6" eb="8">
      <t>コウエン</t>
    </rPh>
    <phoneticPr fontId="9"/>
  </si>
  <si>
    <t>神奈川県平塚市四之宮6-1006-4</t>
  </si>
  <si>
    <t>054979</t>
  </si>
  <si>
    <t>下島西公園</t>
    <rPh sb="0" eb="2">
      <t>シモジマ</t>
    </rPh>
    <rPh sb="2" eb="3">
      <t>ニシ</t>
    </rPh>
    <rPh sb="3" eb="5">
      <t>コウエン</t>
    </rPh>
    <phoneticPr fontId="9"/>
  </si>
  <si>
    <t>神奈川県平塚市下島999-5</t>
  </si>
  <si>
    <t>054980</t>
  </si>
  <si>
    <t>下島東公園</t>
    <rPh sb="0" eb="2">
      <t>シモジマ</t>
    </rPh>
    <rPh sb="2" eb="3">
      <t>ヒガシ</t>
    </rPh>
    <rPh sb="3" eb="5">
      <t>コウエン</t>
    </rPh>
    <phoneticPr fontId="9"/>
  </si>
  <si>
    <t>神奈川県平塚市下島1059-11</t>
  </si>
  <si>
    <t>054981</t>
  </si>
  <si>
    <t>下花水公園</t>
    <rPh sb="0" eb="1">
      <t>シタ</t>
    </rPh>
    <rPh sb="1" eb="3">
      <t>ハナミズ</t>
    </rPh>
    <rPh sb="3" eb="5">
      <t>コウエン</t>
    </rPh>
    <phoneticPr fontId="9"/>
  </si>
  <si>
    <t>神奈川県平塚市唐ケ原108-6</t>
  </si>
  <si>
    <t>054982</t>
  </si>
  <si>
    <t>シロミ塚公園</t>
    <rPh sb="3" eb="4">
      <t>ツカ</t>
    </rPh>
    <rPh sb="4" eb="6">
      <t>コウエン</t>
    </rPh>
    <phoneticPr fontId="9"/>
  </si>
  <si>
    <t>神奈川県平塚市御殿3-1486-2</t>
  </si>
  <si>
    <t>054983</t>
  </si>
  <si>
    <t>新川端公園</t>
    <rPh sb="0" eb="1">
      <t>シン</t>
    </rPh>
    <rPh sb="1" eb="3">
      <t>カワバタ</t>
    </rPh>
    <rPh sb="3" eb="5">
      <t>コウエン</t>
    </rPh>
    <phoneticPr fontId="9"/>
  </si>
  <si>
    <t>神奈川県平塚市御殿4-1341-3</t>
  </si>
  <si>
    <t>054984</t>
  </si>
  <si>
    <t>新川端北公園</t>
    <rPh sb="0" eb="1">
      <t>シン</t>
    </rPh>
    <rPh sb="1" eb="3">
      <t>カワバタ</t>
    </rPh>
    <rPh sb="3" eb="4">
      <t>キタ</t>
    </rPh>
    <rPh sb="4" eb="6">
      <t>コウエン</t>
    </rPh>
    <phoneticPr fontId="9"/>
  </si>
  <si>
    <t>神奈川県平塚市御殿4-1277-2</t>
  </si>
  <si>
    <t>054985</t>
  </si>
  <si>
    <t>新川端西公園</t>
    <rPh sb="0" eb="1">
      <t>シン</t>
    </rPh>
    <rPh sb="1" eb="3">
      <t>カワバタ</t>
    </rPh>
    <rPh sb="3" eb="4">
      <t>ニシ</t>
    </rPh>
    <rPh sb="4" eb="6">
      <t>コウエン</t>
    </rPh>
    <phoneticPr fontId="9"/>
  </si>
  <si>
    <t>神奈川県平塚市御殿4-1368-13</t>
  </si>
  <si>
    <t>054986</t>
  </si>
  <si>
    <t>新川端東公園</t>
    <rPh sb="0" eb="1">
      <t>シン</t>
    </rPh>
    <rPh sb="1" eb="3">
      <t>カワバタ</t>
    </rPh>
    <rPh sb="3" eb="4">
      <t>ヒガシ</t>
    </rPh>
    <rPh sb="4" eb="6">
      <t>コウエン</t>
    </rPh>
    <phoneticPr fontId="9"/>
  </si>
  <si>
    <t>神奈川県平塚市御殿4-1344-2</t>
  </si>
  <si>
    <t>054987</t>
  </si>
  <si>
    <t>新宿公園</t>
    <rPh sb="0" eb="2">
      <t>シンジュク</t>
    </rPh>
    <rPh sb="2" eb="4">
      <t>コウエン</t>
    </rPh>
    <phoneticPr fontId="9"/>
  </si>
  <si>
    <t>神奈川県平塚市明石町8-1</t>
  </si>
  <si>
    <t>054988</t>
  </si>
  <si>
    <t>真土一ノ域公園</t>
    <rPh sb="0" eb="2">
      <t>シンド</t>
    </rPh>
    <rPh sb="2" eb="3">
      <t>イチ</t>
    </rPh>
    <rPh sb="4" eb="5">
      <t>イキ</t>
    </rPh>
    <rPh sb="5" eb="7">
      <t>コウエン</t>
    </rPh>
    <phoneticPr fontId="9"/>
  </si>
  <si>
    <t>神奈川県平塚市東真土4-10-1</t>
  </si>
  <si>
    <t>054989</t>
  </si>
  <si>
    <t>真土三谷東公園</t>
    <rPh sb="0" eb="2">
      <t>シンド</t>
    </rPh>
    <rPh sb="2" eb="4">
      <t>ミタニ</t>
    </rPh>
    <rPh sb="4" eb="5">
      <t>ヒガシ</t>
    </rPh>
    <rPh sb="5" eb="7">
      <t>コウエン</t>
    </rPh>
    <phoneticPr fontId="9"/>
  </si>
  <si>
    <t>神奈川県平塚市東真土1-351-2</t>
  </si>
  <si>
    <t>054990</t>
  </si>
  <si>
    <t>真土東公園</t>
    <rPh sb="0" eb="2">
      <t>シンド</t>
    </rPh>
    <rPh sb="2" eb="3">
      <t>ヒガシ</t>
    </rPh>
    <rPh sb="3" eb="5">
      <t>コウエン</t>
    </rPh>
    <phoneticPr fontId="9"/>
  </si>
  <si>
    <t>神奈川県平塚市東真土1-322-14</t>
  </si>
  <si>
    <t>054991</t>
  </si>
  <si>
    <t>真土南公園</t>
    <rPh sb="0" eb="2">
      <t>シンド</t>
    </rPh>
    <rPh sb="2" eb="3">
      <t>ミナミ</t>
    </rPh>
    <rPh sb="3" eb="5">
      <t>コウエン</t>
    </rPh>
    <phoneticPr fontId="9"/>
  </si>
  <si>
    <t>神奈川県平塚市西真土1-1522-2</t>
  </si>
  <si>
    <t>054992</t>
  </si>
  <si>
    <t>神明久保公園</t>
    <rPh sb="0" eb="2">
      <t>シンメイ</t>
    </rPh>
    <rPh sb="2" eb="4">
      <t>クボ</t>
    </rPh>
    <rPh sb="4" eb="6">
      <t>コウエン</t>
    </rPh>
    <phoneticPr fontId="9"/>
  </si>
  <si>
    <t>神奈川県平塚市四之宮1-897-4</t>
  </si>
  <si>
    <t>054993</t>
  </si>
  <si>
    <t>神明公園</t>
    <rPh sb="0" eb="2">
      <t>シンメイ</t>
    </rPh>
    <rPh sb="2" eb="4">
      <t>コウエン</t>
    </rPh>
    <phoneticPr fontId="9"/>
  </si>
  <si>
    <t>神奈川県平塚市四之宮1-881-2</t>
  </si>
  <si>
    <t>054994</t>
  </si>
  <si>
    <t>神明第２公園</t>
    <rPh sb="0" eb="2">
      <t>シンメイ</t>
    </rPh>
    <rPh sb="2" eb="3">
      <t>ダイ</t>
    </rPh>
    <rPh sb="4" eb="6">
      <t>コウエン</t>
    </rPh>
    <phoneticPr fontId="9"/>
  </si>
  <si>
    <t>神奈川県平塚市四之宮1-861-2</t>
  </si>
  <si>
    <t>054995</t>
  </si>
  <si>
    <t>神明第３公園</t>
    <rPh sb="0" eb="2">
      <t>シンメイ</t>
    </rPh>
    <rPh sb="2" eb="3">
      <t>ダイ</t>
    </rPh>
    <rPh sb="4" eb="6">
      <t>コウエン</t>
    </rPh>
    <phoneticPr fontId="9"/>
  </si>
  <si>
    <t>神奈川県平塚市四之宮1-878-2</t>
  </si>
  <si>
    <t>054996</t>
  </si>
  <si>
    <t>須賀夕映え公園</t>
    <rPh sb="0" eb="2">
      <t>スカ</t>
    </rPh>
    <rPh sb="2" eb="4">
      <t>ユウバ</t>
    </rPh>
    <rPh sb="5" eb="7">
      <t>コウエン</t>
    </rPh>
    <phoneticPr fontId="9"/>
  </si>
  <si>
    <t>神奈川県平塚市須賀2647-1</t>
  </si>
  <si>
    <t>054997</t>
  </si>
  <si>
    <t>鈴川東公園</t>
    <rPh sb="0" eb="2">
      <t>スズカワ</t>
    </rPh>
    <rPh sb="2" eb="3">
      <t>ヒガシ</t>
    </rPh>
    <rPh sb="3" eb="5">
      <t>コウエン</t>
    </rPh>
    <phoneticPr fontId="9"/>
  </si>
  <si>
    <t>神奈川県平塚市御殿4-1001-4</t>
  </si>
  <si>
    <t>054998</t>
  </si>
  <si>
    <t>菫平公園</t>
    <rPh sb="0" eb="2">
      <t>スミレダイラ</t>
    </rPh>
    <rPh sb="2" eb="4">
      <t>コウエン</t>
    </rPh>
    <phoneticPr fontId="9"/>
  </si>
  <si>
    <t>神奈川県平塚市菫平104</t>
  </si>
  <si>
    <t>054999</t>
  </si>
  <si>
    <t>菫平北公園</t>
    <rPh sb="0" eb="2">
      <t>スミレダイラ</t>
    </rPh>
    <rPh sb="2" eb="3">
      <t>キタ</t>
    </rPh>
    <rPh sb="3" eb="5">
      <t>コウエン</t>
    </rPh>
    <phoneticPr fontId="9"/>
  </si>
  <si>
    <t>神奈川県平塚市菫平273-3</t>
  </si>
  <si>
    <t>055000</t>
  </si>
  <si>
    <t>菫平西公園</t>
    <rPh sb="0" eb="2">
      <t>スミレダイラ</t>
    </rPh>
    <rPh sb="2" eb="3">
      <t>ニシ</t>
    </rPh>
    <rPh sb="3" eb="5">
      <t>コウエン</t>
    </rPh>
    <phoneticPr fontId="9"/>
  </si>
  <si>
    <t>神奈川県平塚市菫平263-4</t>
  </si>
  <si>
    <t>055001</t>
  </si>
  <si>
    <t>菫平南公園</t>
    <rPh sb="0" eb="2">
      <t>スミレダイラ</t>
    </rPh>
    <rPh sb="2" eb="3">
      <t>ミナミ</t>
    </rPh>
    <rPh sb="3" eb="5">
      <t>コウエン</t>
    </rPh>
    <phoneticPr fontId="9"/>
  </si>
  <si>
    <t>神奈川県平塚市菫平273-5</t>
  </si>
  <si>
    <t>055002</t>
  </si>
  <si>
    <t>諏訪町公園</t>
    <rPh sb="0" eb="3">
      <t>スワチョウ</t>
    </rPh>
    <rPh sb="3" eb="5">
      <t>コウエン</t>
    </rPh>
    <phoneticPr fontId="9"/>
  </si>
  <si>
    <t>神奈川県平塚市諏訪町1515-6</t>
  </si>
  <si>
    <t>055003</t>
  </si>
  <si>
    <t>諏訪町第２公園</t>
    <rPh sb="0" eb="3">
      <t>スワチョウ</t>
    </rPh>
    <rPh sb="3" eb="4">
      <t>ダイ</t>
    </rPh>
    <rPh sb="5" eb="7">
      <t>コウエン</t>
    </rPh>
    <phoneticPr fontId="9"/>
  </si>
  <si>
    <t>神奈川県平塚市諏訪町778-24</t>
  </si>
  <si>
    <t>055004</t>
  </si>
  <si>
    <t>千石河岸公園</t>
    <rPh sb="0" eb="2">
      <t>センゴク</t>
    </rPh>
    <rPh sb="2" eb="4">
      <t>カワギシ</t>
    </rPh>
    <rPh sb="4" eb="6">
      <t>コウエン</t>
    </rPh>
    <phoneticPr fontId="9"/>
  </si>
  <si>
    <t>神奈川県平塚市千石河岸30-31</t>
  </si>
  <si>
    <t>055005</t>
  </si>
  <si>
    <t>袖ヶ浜太洋公園</t>
    <rPh sb="0" eb="1">
      <t>ソデ</t>
    </rPh>
    <rPh sb="2" eb="3">
      <t>ハマ</t>
    </rPh>
    <rPh sb="3" eb="5">
      <t>タイヨウ</t>
    </rPh>
    <rPh sb="5" eb="7">
      <t>コウエン</t>
    </rPh>
    <phoneticPr fontId="9"/>
  </si>
  <si>
    <t>神奈川県平塚市袖ヶ浜14-9</t>
  </si>
  <si>
    <t>055006</t>
  </si>
  <si>
    <t>袖ヶ浜南公園</t>
    <rPh sb="0" eb="1">
      <t>ソデ</t>
    </rPh>
    <rPh sb="2" eb="3">
      <t>ハマ</t>
    </rPh>
    <rPh sb="3" eb="6">
      <t>ミナミコウエン</t>
    </rPh>
    <phoneticPr fontId="9"/>
  </si>
  <si>
    <t>神奈川県平塚市袖ヶ浜1997-28</t>
  </si>
  <si>
    <t>055007</t>
  </si>
  <si>
    <t>太陽公園</t>
    <rPh sb="0" eb="2">
      <t>タイヨウ</t>
    </rPh>
    <rPh sb="2" eb="4">
      <t>コウエン</t>
    </rPh>
    <phoneticPr fontId="9"/>
  </si>
  <si>
    <t>神奈川県平塚市田村2-5464-5</t>
  </si>
  <si>
    <t>055008</t>
  </si>
  <si>
    <t>高根笹本公園</t>
    <rPh sb="0" eb="2">
      <t>タカネ</t>
    </rPh>
    <rPh sb="2" eb="4">
      <t>ササモト</t>
    </rPh>
    <rPh sb="4" eb="6">
      <t>コウエン</t>
    </rPh>
    <phoneticPr fontId="9"/>
  </si>
  <si>
    <t>055009</t>
  </si>
  <si>
    <t>高根笹本第二公園</t>
    <rPh sb="0" eb="2">
      <t>タカネ</t>
    </rPh>
    <rPh sb="2" eb="4">
      <t>ササモト</t>
    </rPh>
    <rPh sb="4" eb="6">
      <t>ダイニ</t>
    </rPh>
    <rPh sb="6" eb="8">
      <t>コウエン</t>
    </rPh>
    <phoneticPr fontId="9"/>
  </si>
  <si>
    <t>055010</t>
  </si>
  <si>
    <t>高浜公園</t>
    <rPh sb="0" eb="2">
      <t>タカハマ</t>
    </rPh>
    <rPh sb="2" eb="4">
      <t>コウエン</t>
    </rPh>
    <phoneticPr fontId="9"/>
  </si>
  <si>
    <t>神奈川県平塚市高浜台1-17</t>
  </si>
  <si>
    <t>055011</t>
  </si>
  <si>
    <t>高浜台公園</t>
    <rPh sb="0" eb="3">
      <t>タカハマダイ</t>
    </rPh>
    <rPh sb="3" eb="5">
      <t>コウエン</t>
    </rPh>
    <phoneticPr fontId="9"/>
  </si>
  <si>
    <t>神奈川県平塚市高浜台19-5</t>
  </si>
  <si>
    <t>055012</t>
  </si>
  <si>
    <t>高浜台第２公園</t>
    <rPh sb="0" eb="3">
      <t>タカハマダイ</t>
    </rPh>
    <rPh sb="3" eb="4">
      <t>ダイ</t>
    </rPh>
    <rPh sb="5" eb="7">
      <t>コウエン</t>
    </rPh>
    <phoneticPr fontId="9"/>
  </si>
  <si>
    <t>神奈川県平塚市高浜台9-11</t>
  </si>
  <si>
    <t>055013</t>
  </si>
  <si>
    <t>高浜台第３公園</t>
    <rPh sb="0" eb="3">
      <t>タカハマダイ</t>
    </rPh>
    <rPh sb="3" eb="4">
      <t>ダイ</t>
    </rPh>
    <rPh sb="5" eb="7">
      <t>コウエン</t>
    </rPh>
    <phoneticPr fontId="9"/>
  </si>
  <si>
    <t>神奈川県平塚市高浜台29-9</t>
  </si>
  <si>
    <t>055014</t>
  </si>
  <si>
    <t>高浜台第４公園</t>
    <rPh sb="0" eb="3">
      <t>タカハマダイ</t>
    </rPh>
    <rPh sb="3" eb="4">
      <t>ダイ</t>
    </rPh>
    <rPh sb="5" eb="7">
      <t>コウエン</t>
    </rPh>
    <phoneticPr fontId="9"/>
  </si>
  <si>
    <t>神奈川県平塚市高浜台29-10</t>
  </si>
  <si>
    <t>055015</t>
  </si>
  <si>
    <t>宝町公園</t>
    <rPh sb="0" eb="2">
      <t>タカラチョウ</t>
    </rPh>
    <rPh sb="2" eb="4">
      <t>コウエン</t>
    </rPh>
    <phoneticPr fontId="9"/>
  </si>
  <si>
    <t>神奈川県平塚市宝町10-3</t>
  </si>
  <si>
    <t>055016</t>
  </si>
  <si>
    <t>宝町西公園</t>
    <rPh sb="0" eb="2">
      <t>タカラチョウ</t>
    </rPh>
    <rPh sb="2" eb="3">
      <t>ニシ</t>
    </rPh>
    <rPh sb="3" eb="5">
      <t>コウエン</t>
    </rPh>
    <phoneticPr fontId="9"/>
  </si>
  <si>
    <t>神奈川県平塚市宝町9-17</t>
  </si>
  <si>
    <t>055017</t>
  </si>
  <si>
    <t>立野町公園</t>
    <rPh sb="0" eb="3">
      <t>タツノチョウ</t>
    </rPh>
    <rPh sb="3" eb="5">
      <t>コウエン</t>
    </rPh>
    <phoneticPr fontId="9"/>
  </si>
  <si>
    <t>神奈川県平塚市立野町432</t>
  </si>
  <si>
    <t>055018</t>
  </si>
  <si>
    <t>立野町北公園</t>
    <rPh sb="0" eb="3">
      <t>タツノチョウ</t>
    </rPh>
    <rPh sb="3" eb="4">
      <t>キタ</t>
    </rPh>
    <rPh sb="4" eb="6">
      <t>コウエン</t>
    </rPh>
    <phoneticPr fontId="9"/>
  </si>
  <si>
    <t>神奈川県平塚市立野町1677-3</t>
  </si>
  <si>
    <t>055019</t>
  </si>
  <si>
    <t>田村植竹公園</t>
    <rPh sb="0" eb="2">
      <t>タムラ</t>
    </rPh>
    <rPh sb="2" eb="4">
      <t>ウエタケ</t>
    </rPh>
    <rPh sb="4" eb="6">
      <t>コウエン</t>
    </rPh>
    <phoneticPr fontId="9"/>
  </si>
  <si>
    <t>神奈川県平塚市田村6-16-12</t>
  </si>
  <si>
    <t>055020</t>
  </si>
  <si>
    <t>田村けやき公園</t>
    <rPh sb="0" eb="2">
      <t>タムラ</t>
    </rPh>
    <rPh sb="5" eb="7">
      <t>コウエン</t>
    </rPh>
    <phoneticPr fontId="9"/>
  </si>
  <si>
    <t>神奈川県平塚市田村4-184-1</t>
  </si>
  <si>
    <t>055021</t>
  </si>
  <si>
    <t>田村第１公園</t>
    <rPh sb="0" eb="2">
      <t>タムラ</t>
    </rPh>
    <rPh sb="2" eb="3">
      <t>ダイ</t>
    </rPh>
    <rPh sb="4" eb="6">
      <t>コウエン</t>
    </rPh>
    <phoneticPr fontId="9"/>
  </si>
  <si>
    <t>神奈川県平塚市田村3-5252-4</t>
  </si>
  <si>
    <t>055022</t>
  </si>
  <si>
    <t>田村第２公園</t>
    <rPh sb="0" eb="2">
      <t>タムラ</t>
    </rPh>
    <rPh sb="2" eb="3">
      <t>ダイ</t>
    </rPh>
    <rPh sb="4" eb="6">
      <t>コウエン</t>
    </rPh>
    <phoneticPr fontId="9"/>
  </si>
  <si>
    <t>神奈川県平塚市田村2-5234-4</t>
  </si>
  <si>
    <t>055023</t>
  </si>
  <si>
    <t>田村長者公園</t>
    <rPh sb="0" eb="2">
      <t>タムラ</t>
    </rPh>
    <rPh sb="2" eb="4">
      <t>チョウジャ</t>
    </rPh>
    <rPh sb="4" eb="6">
      <t>コウエン</t>
    </rPh>
    <phoneticPr fontId="9"/>
  </si>
  <si>
    <t>神奈川県平塚市田村1-4551-1</t>
  </si>
  <si>
    <t>055024</t>
  </si>
  <si>
    <t>田村天神前公園</t>
    <rPh sb="0" eb="2">
      <t>タムラ</t>
    </rPh>
    <rPh sb="2" eb="4">
      <t>テンジン</t>
    </rPh>
    <rPh sb="4" eb="5">
      <t>マエ</t>
    </rPh>
    <rPh sb="5" eb="7">
      <t>コウエン</t>
    </rPh>
    <phoneticPr fontId="9"/>
  </si>
  <si>
    <t>神奈川県平塚市田村8-6316-15</t>
  </si>
  <si>
    <t>055025</t>
  </si>
  <si>
    <t>田村道半公園</t>
    <rPh sb="0" eb="2">
      <t>タムラ</t>
    </rPh>
    <rPh sb="2" eb="3">
      <t>ミチ</t>
    </rPh>
    <rPh sb="3" eb="4">
      <t>ハン</t>
    </rPh>
    <rPh sb="4" eb="6">
      <t>コウエン</t>
    </rPh>
    <phoneticPr fontId="9"/>
  </si>
  <si>
    <t>神奈川県平塚市田村1-5580</t>
  </si>
  <si>
    <t>055026</t>
  </si>
  <si>
    <t>田村馬場公園</t>
    <rPh sb="0" eb="2">
      <t>タムラ</t>
    </rPh>
    <rPh sb="2" eb="4">
      <t>ババ</t>
    </rPh>
    <rPh sb="4" eb="6">
      <t>コウエン</t>
    </rPh>
    <phoneticPr fontId="9"/>
  </si>
  <si>
    <t>神奈川県平塚市田村7-5775-7</t>
  </si>
  <si>
    <t>055027</t>
  </si>
  <si>
    <t>田村宮の前公園</t>
    <rPh sb="0" eb="2">
      <t>タムラ</t>
    </rPh>
    <rPh sb="2" eb="3">
      <t>ミヤ</t>
    </rPh>
    <rPh sb="4" eb="5">
      <t>マエ</t>
    </rPh>
    <rPh sb="5" eb="7">
      <t>コウエン</t>
    </rPh>
    <phoneticPr fontId="9"/>
  </si>
  <si>
    <t>神奈川県平塚市田村7-6157</t>
  </si>
  <si>
    <t>055028</t>
  </si>
  <si>
    <t>達上ヶ丘北公園</t>
    <rPh sb="0" eb="4">
      <t>タンジョウガオカ</t>
    </rPh>
    <rPh sb="4" eb="5">
      <t>キタ</t>
    </rPh>
    <rPh sb="5" eb="7">
      <t>コウエン</t>
    </rPh>
    <phoneticPr fontId="9"/>
  </si>
  <si>
    <t>神奈川県平塚市達上ヶ丘1450-167</t>
  </si>
  <si>
    <t>055029</t>
  </si>
  <si>
    <t>達上ヶ丘東公園</t>
    <rPh sb="0" eb="4">
      <t>タンジョウガオカ</t>
    </rPh>
    <rPh sb="4" eb="5">
      <t>ヒガシ</t>
    </rPh>
    <rPh sb="5" eb="7">
      <t>コウエン</t>
    </rPh>
    <phoneticPr fontId="9"/>
  </si>
  <si>
    <t>神奈川県平塚市達上ヶ丘1450-143</t>
  </si>
  <si>
    <t>055030</t>
  </si>
  <si>
    <t>月見公園</t>
    <rPh sb="0" eb="2">
      <t>ツキミ</t>
    </rPh>
    <rPh sb="2" eb="4">
      <t>コウエン</t>
    </rPh>
    <phoneticPr fontId="9"/>
  </si>
  <si>
    <t>神奈川県平塚市幸町18</t>
  </si>
  <si>
    <t>055031</t>
  </si>
  <si>
    <t>土屋石橋公園</t>
    <rPh sb="0" eb="2">
      <t>ツチヤ</t>
    </rPh>
    <rPh sb="2" eb="4">
      <t>イシバシ</t>
    </rPh>
    <rPh sb="4" eb="6">
      <t>コウエン</t>
    </rPh>
    <phoneticPr fontId="9"/>
  </si>
  <si>
    <t>神奈川県平塚市土屋2259-1</t>
  </si>
  <si>
    <t>055032</t>
  </si>
  <si>
    <t>寺田縄えのしろ公園</t>
    <rPh sb="0" eb="3">
      <t>テラダナワ</t>
    </rPh>
    <rPh sb="7" eb="9">
      <t>コウエン</t>
    </rPh>
    <phoneticPr fontId="9"/>
  </si>
  <si>
    <t>神奈川県平塚市寺田縄1069-1</t>
  </si>
  <si>
    <t>055033</t>
  </si>
  <si>
    <t>寺田縄公園</t>
    <rPh sb="0" eb="3">
      <t>テラダナワ</t>
    </rPh>
    <rPh sb="3" eb="5">
      <t>コウエン</t>
    </rPh>
    <phoneticPr fontId="9"/>
  </si>
  <si>
    <t>神奈川県平塚市寺田縄121-3</t>
  </si>
  <si>
    <t>055034</t>
  </si>
  <si>
    <t>天神森公園</t>
    <rPh sb="0" eb="2">
      <t>テンジン</t>
    </rPh>
    <rPh sb="2" eb="3">
      <t>モリ</t>
    </rPh>
    <rPh sb="3" eb="5">
      <t>コウエン</t>
    </rPh>
    <phoneticPr fontId="9"/>
  </si>
  <si>
    <t>神奈川県平塚市田村8-6274-2</t>
  </si>
  <si>
    <t>055035</t>
  </si>
  <si>
    <t>天神森北公園</t>
    <rPh sb="0" eb="2">
      <t>テンジン</t>
    </rPh>
    <rPh sb="2" eb="3">
      <t>モリ</t>
    </rPh>
    <rPh sb="3" eb="4">
      <t>キタ</t>
    </rPh>
    <rPh sb="4" eb="6">
      <t>コウエン</t>
    </rPh>
    <phoneticPr fontId="9"/>
  </si>
  <si>
    <t>神奈川県平塚市田村9-6719-6</t>
  </si>
  <si>
    <t>055036</t>
  </si>
  <si>
    <t>天摩公園</t>
    <rPh sb="0" eb="1">
      <t>テン</t>
    </rPh>
    <rPh sb="1" eb="2">
      <t>マ</t>
    </rPh>
    <rPh sb="2" eb="4">
      <t>コウエン</t>
    </rPh>
    <phoneticPr fontId="9"/>
  </si>
  <si>
    <t>神奈川県平塚市西八幡3-811-2</t>
  </si>
  <si>
    <t>055037</t>
  </si>
  <si>
    <t>唐ヶ原公園</t>
    <rPh sb="0" eb="1">
      <t>トウ</t>
    </rPh>
    <rPh sb="2" eb="3">
      <t>ハラ</t>
    </rPh>
    <rPh sb="3" eb="5">
      <t>コウエン</t>
    </rPh>
    <phoneticPr fontId="9"/>
  </si>
  <si>
    <t>神奈川県平塚市唐ヶ原123-6</t>
  </si>
  <si>
    <t>055038</t>
  </si>
  <si>
    <t>徳延公園</t>
    <rPh sb="0" eb="2">
      <t>トクノブ</t>
    </rPh>
    <rPh sb="2" eb="4">
      <t>コウエン</t>
    </rPh>
    <phoneticPr fontId="9"/>
  </si>
  <si>
    <t>神奈川県平塚市徳延541-4</t>
  </si>
  <si>
    <t>055039</t>
  </si>
  <si>
    <t>徳延古屋敷公園</t>
    <rPh sb="0" eb="2">
      <t>トクノブ</t>
    </rPh>
    <rPh sb="2" eb="3">
      <t>フル</t>
    </rPh>
    <rPh sb="3" eb="5">
      <t>ヤシキ</t>
    </rPh>
    <rPh sb="5" eb="7">
      <t>コウエン</t>
    </rPh>
    <phoneticPr fontId="9"/>
  </si>
  <si>
    <t>神奈川県平塚市徳延534-7</t>
  </si>
  <si>
    <t>055040</t>
  </si>
  <si>
    <t>徳延向畑公園</t>
    <rPh sb="0" eb="2">
      <t>トクノブ</t>
    </rPh>
    <rPh sb="2" eb="3">
      <t>ムコ</t>
    </rPh>
    <rPh sb="3" eb="4">
      <t>ハタケ</t>
    </rPh>
    <rPh sb="4" eb="6">
      <t>コウエン</t>
    </rPh>
    <phoneticPr fontId="9"/>
  </si>
  <si>
    <t>神奈川県平塚市徳延490-10</t>
  </si>
  <si>
    <t>055041</t>
  </si>
  <si>
    <t>豊田小嶺公園</t>
    <rPh sb="0" eb="2">
      <t>トヨダ</t>
    </rPh>
    <rPh sb="2" eb="3">
      <t>コ</t>
    </rPh>
    <rPh sb="3" eb="4">
      <t>ミネ</t>
    </rPh>
    <rPh sb="4" eb="6">
      <t>コウエン</t>
    </rPh>
    <phoneticPr fontId="9"/>
  </si>
  <si>
    <t>神奈川県平塚市豊田小嶺390-1</t>
  </si>
  <si>
    <t>055042</t>
  </si>
  <si>
    <t>中久保公園</t>
  </si>
  <si>
    <t>神奈川県平塚市北金目3-17-20</t>
  </si>
  <si>
    <t>055043</t>
  </si>
  <si>
    <t>中原公園</t>
    <rPh sb="0" eb="2">
      <t>ナカハラ</t>
    </rPh>
    <rPh sb="2" eb="4">
      <t>コウエン</t>
    </rPh>
    <phoneticPr fontId="9"/>
  </si>
  <si>
    <t>神奈川県平塚市中原2-1243-3</t>
  </si>
  <si>
    <t>055044</t>
  </si>
  <si>
    <t>中原北公園</t>
    <rPh sb="0" eb="2">
      <t>ナカハラ</t>
    </rPh>
    <rPh sb="2" eb="3">
      <t>キタ</t>
    </rPh>
    <rPh sb="3" eb="5">
      <t>コウエン</t>
    </rPh>
    <phoneticPr fontId="9"/>
  </si>
  <si>
    <t>神奈川県平塚市中原2-447-31</t>
  </si>
  <si>
    <t>055045</t>
  </si>
  <si>
    <t>錦町公園</t>
    <rPh sb="0" eb="2">
      <t>ニシキチョウ</t>
    </rPh>
    <rPh sb="2" eb="4">
      <t>コウエン</t>
    </rPh>
    <phoneticPr fontId="9"/>
  </si>
  <si>
    <t>神奈川県平塚市錦町8</t>
  </si>
  <si>
    <t>055046</t>
  </si>
  <si>
    <t>西仲町公園</t>
    <rPh sb="0" eb="3">
      <t>ニシナカマチ</t>
    </rPh>
    <rPh sb="3" eb="5">
      <t>コウエン</t>
    </rPh>
    <phoneticPr fontId="9"/>
  </si>
  <si>
    <t>神奈川県平塚市平塚4-19</t>
  </si>
  <si>
    <t>055047</t>
  </si>
  <si>
    <t>虹ヶ浜公園</t>
    <rPh sb="0" eb="1">
      <t>ニジ</t>
    </rPh>
    <rPh sb="2" eb="3">
      <t>ハマ</t>
    </rPh>
    <rPh sb="3" eb="5">
      <t>コウエン</t>
    </rPh>
    <phoneticPr fontId="9"/>
  </si>
  <si>
    <t>神奈川県平塚市虹ヶ浜23-1</t>
  </si>
  <si>
    <t>055048</t>
  </si>
  <si>
    <t>虹ヶ浜東公園</t>
    <rPh sb="0" eb="1">
      <t>ニジ</t>
    </rPh>
    <rPh sb="2" eb="3">
      <t>ハマ</t>
    </rPh>
    <rPh sb="3" eb="4">
      <t>ヒガシ</t>
    </rPh>
    <rPh sb="4" eb="6">
      <t>コウエン</t>
    </rPh>
    <phoneticPr fontId="9"/>
  </si>
  <si>
    <t>神奈川県平塚市虹ヶ浜23-3</t>
  </si>
  <si>
    <t>055049</t>
  </si>
  <si>
    <t>虹ヶ浜西公園</t>
    <rPh sb="0" eb="1">
      <t>ニジ</t>
    </rPh>
    <rPh sb="2" eb="3">
      <t>ハマ</t>
    </rPh>
    <rPh sb="3" eb="4">
      <t>ニシ</t>
    </rPh>
    <rPh sb="4" eb="6">
      <t>コウエン</t>
    </rPh>
    <phoneticPr fontId="9"/>
  </si>
  <si>
    <t>神奈川県平塚市虹ヶ浜18</t>
  </si>
  <si>
    <t>055050</t>
  </si>
  <si>
    <t>虹ヶ浜南公園</t>
    <rPh sb="0" eb="3">
      <t>ニジガハマ</t>
    </rPh>
    <rPh sb="3" eb="4">
      <t>ミナミ</t>
    </rPh>
    <rPh sb="4" eb="6">
      <t>コウエン</t>
    </rPh>
    <phoneticPr fontId="9"/>
  </si>
  <si>
    <t>神奈川県平塚市虹ヶ浜293-2</t>
  </si>
  <si>
    <t>055051</t>
  </si>
  <si>
    <t>二十四軒町公園</t>
    <rPh sb="0" eb="4">
      <t>ニジュウヨンケン</t>
    </rPh>
    <rPh sb="4" eb="5">
      <t>マチ</t>
    </rPh>
    <rPh sb="5" eb="7">
      <t>コウエン</t>
    </rPh>
    <phoneticPr fontId="9"/>
  </si>
  <si>
    <t>神奈川県平塚市平塚1-15</t>
  </si>
  <si>
    <t>055052</t>
  </si>
  <si>
    <t>羽衣公園</t>
    <rPh sb="0" eb="2">
      <t>ハゴロモ</t>
    </rPh>
    <rPh sb="2" eb="4">
      <t>コウエン</t>
    </rPh>
    <phoneticPr fontId="9"/>
  </si>
  <si>
    <t>神奈川県平塚市桃浜町223</t>
  </si>
  <si>
    <t>055053</t>
  </si>
  <si>
    <t>八間通り公園</t>
    <rPh sb="0" eb="2">
      <t>ハチカン</t>
    </rPh>
    <rPh sb="2" eb="3">
      <t>ドオ</t>
    </rPh>
    <rPh sb="4" eb="6">
      <t>コウエン</t>
    </rPh>
    <phoneticPr fontId="9"/>
  </si>
  <si>
    <t>神奈川県平塚市立野町1704</t>
  </si>
  <si>
    <t>055054</t>
  </si>
  <si>
    <t>花水公園</t>
    <rPh sb="0" eb="2">
      <t>ハナミズ</t>
    </rPh>
    <rPh sb="2" eb="4">
      <t>コウエン</t>
    </rPh>
    <phoneticPr fontId="9"/>
  </si>
  <si>
    <t>神奈川県平塚市花水台281-2</t>
  </si>
  <si>
    <t>055055</t>
  </si>
  <si>
    <t>花水台公園</t>
    <rPh sb="0" eb="3">
      <t>ハナミズダイ</t>
    </rPh>
    <rPh sb="3" eb="5">
      <t>コウエン</t>
    </rPh>
    <phoneticPr fontId="9"/>
  </si>
  <si>
    <t>神奈川県平塚市花水台176-9</t>
  </si>
  <si>
    <t>055056</t>
  </si>
  <si>
    <t>浜岳公園</t>
    <rPh sb="0" eb="1">
      <t>ハマ</t>
    </rPh>
    <rPh sb="1" eb="2">
      <t>タケ</t>
    </rPh>
    <rPh sb="2" eb="4">
      <t>コウエン</t>
    </rPh>
    <phoneticPr fontId="9"/>
  </si>
  <si>
    <t>神奈川県平塚市菫平270-3</t>
  </si>
  <si>
    <t>055057</t>
  </si>
  <si>
    <t>馬入公園</t>
    <rPh sb="0" eb="2">
      <t>バニュウ</t>
    </rPh>
    <rPh sb="2" eb="4">
      <t>コウエン</t>
    </rPh>
    <phoneticPr fontId="9"/>
  </si>
  <si>
    <t>神奈川県平塚市八千代町5</t>
  </si>
  <si>
    <t>055058</t>
  </si>
  <si>
    <t>東豊田公園</t>
    <rPh sb="0" eb="1">
      <t>ヒガシ</t>
    </rPh>
    <rPh sb="1" eb="3">
      <t>トヨダ</t>
    </rPh>
    <rPh sb="3" eb="5">
      <t>コウエン</t>
    </rPh>
    <phoneticPr fontId="9"/>
  </si>
  <si>
    <t>神奈川県平塚市東豊田480-12</t>
  </si>
  <si>
    <t>055059</t>
  </si>
  <si>
    <t>東仲町公園</t>
    <rPh sb="0" eb="1">
      <t>ヒガシ</t>
    </rPh>
    <rPh sb="1" eb="2">
      <t>ナカ</t>
    </rPh>
    <rPh sb="2" eb="3">
      <t>マチ</t>
    </rPh>
    <rPh sb="3" eb="5">
      <t>コウエン</t>
    </rPh>
    <phoneticPr fontId="9"/>
  </si>
  <si>
    <t>神奈川県平塚市平塚2-27</t>
  </si>
  <si>
    <t>055060</t>
  </si>
  <si>
    <t>東中原公園</t>
    <rPh sb="0" eb="1">
      <t>ヒガシ</t>
    </rPh>
    <rPh sb="1" eb="3">
      <t>ナカハラ</t>
    </rPh>
    <rPh sb="3" eb="5">
      <t>コウエン</t>
    </rPh>
    <phoneticPr fontId="9"/>
  </si>
  <si>
    <t>神奈川県平塚市東中原2-2800</t>
  </si>
  <si>
    <t>055061</t>
  </si>
  <si>
    <t>東中原一丁目公園</t>
    <rPh sb="0" eb="1">
      <t>ヒガシ</t>
    </rPh>
    <rPh sb="1" eb="3">
      <t>ナカハラ</t>
    </rPh>
    <rPh sb="3" eb="4">
      <t>1</t>
    </rPh>
    <rPh sb="4" eb="6">
      <t>チョウメ</t>
    </rPh>
    <rPh sb="6" eb="8">
      <t>コウエン</t>
    </rPh>
    <phoneticPr fontId="9"/>
  </si>
  <si>
    <t>神奈川県平塚市東中原1-2404-9</t>
  </si>
  <si>
    <t>055062</t>
  </si>
  <si>
    <t>東中原一丁目第二公園</t>
    <rPh sb="0" eb="3">
      <t>ヒガシナカハラ</t>
    </rPh>
    <rPh sb="3" eb="4">
      <t>１</t>
    </rPh>
    <rPh sb="4" eb="6">
      <t>チョウメ</t>
    </rPh>
    <rPh sb="6" eb="7">
      <t>ダイ</t>
    </rPh>
    <rPh sb="7" eb="8">
      <t>２</t>
    </rPh>
    <rPh sb="8" eb="10">
      <t>コウエン</t>
    </rPh>
    <phoneticPr fontId="9"/>
  </si>
  <si>
    <t>神奈川県平塚市東中原1-2453-12</t>
  </si>
  <si>
    <t>055063</t>
  </si>
  <si>
    <t>東中原二丁目公園</t>
    <rPh sb="0" eb="1">
      <t>ヒガシ</t>
    </rPh>
    <rPh sb="1" eb="3">
      <t>ナカハラ</t>
    </rPh>
    <rPh sb="3" eb="4">
      <t>2</t>
    </rPh>
    <rPh sb="4" eb="6">
      <t>チョウメ</t>
    </rPh>
    <rPh sb="6" eb="8">
      <t>コウエン</t>
    </rPh>
    <phoneticPr fontId="9"/>
  </si>
  <si>
    <t>神奈川県平塚市東中原2-663-2</t>
  </si>
  <si>
    <t>055064</t>
  </si>
  <si>
    <t>東浜岳公園</t>
    <rPh sb="0" eb="1">
      <t>ヒガシ</t>
    </rPh>
    <rPh sb="1" eb="2">
      <t>ハマ</t>
    </rPh>
    <rPh sb="2" eb="3">
      <t>タケ</t>
    </rPh>
    <rPh sb="3" eb="5">
      <t>コウエン</t>
    </rPh>
    <phoneticPr fontId="9"/>
  </si>
  <si>
    <t>神奈川県平塚市松風町2-3</t>
  </si>
  <si>
    <t>055065</t>
  </si>
  <si>
    <t>東八幡公園</t>
    <rPh sb="0" eb="3">
      <t>ヒガシヤワタ</t>
    </rPh>
    <rPh sb="3" eb="5">
      <t>コウエン</t>
    </rPh>
    <phoneticPr fontId="9"/>
  </si>
  <si>
    <t>神奈川県平塚市東八幡2-354-1</t>
  </si>
  <si>
    <t>055066</t>
  </si>
  <si>
    <t>東八幡第２公園</t>
    <rPh sb="0" eb="3">
      <t>ヒガシヤワタ</t>
    </rPh>
    <rPh sb="3" eb="4">
      <t>ダイ</t>
    </rPh>
    <rPh sb="5" eb="7">
      <t>コウエン</t>
    </rPh>
    <phoneticPr fontId="9"/>
  </si>
  <si>
    <t>神奈川県平塚市東八幡3-724-2</t>
  </si>
  <si>
    <t>055067</t>
  </si>
  <si>
    <t>広川立中山公園</t>
    <rPh sb="0" eb="2">
      <t>ヒロカワ</t>
    </rPh>
    <rPh sb="2" eb="3">
      <t>タ</t>
    </rPh>
    <rPh sb="3" eb="5">
      <t>ナカヤマ</t>
    </rPh>
    <rPh sb="5" eb="7">
      <t>コウエン</t>
    </rPh>
    <phoneticPr fontId="9"/>
  </si>
  <si>
    <t>神奈川県平塚市広川605-2</t>
  </si>
  <si>
    <t>055068</t>
  </si>
  <si>
    <t>広川南の丘公園</t>
    <rPh sb="0" eb="2">
      <t>ヒロカワ</t>
    </rPh>
    <rPh sb="2" eb="3">
      <t>ミナミ</t>
    </rPh>
    <rPh sb="4" eb="5">
      <t>オカ</t>
    </rPh>
    <rPh sb="5" eb="7">
      <t>コウエン</t>
    </rPh>
    <phoneticPr fontId="9"/>
  </si>
  <si>
    <t>神奈川県平塚市広川300-10</t>
  </si>
  <si>
    <t>055069</t>
  </si>
  <si>
    <t>富士見町公園</t>
    <rPh sb="0" eb="3">
      <t>フジミ</t>
    </rPh>
    <rPh sb="3" eb="4">
      <t>マチ</t>
    </rPh>
    <rPh sb="4" eb="6">
      <t>コウエン</t>
    </rPh>
    <phoneticPr fontId="9"/>
  </si>
  <si>
    <t>神奈川県平塚市富士見町1644-2</t>
  </si>
  <si>
    <t>055070</t>
  </si>
  <si>
    <t>ふじみ野第１公園</t>
    <rPh sb="3" eb="4">
      <t>ノ</t>
    </rPh>
    <rPh sb="4" eb="5">
      <t>ダイ</t>
    </rPh>
    <rPh sb="6" eb="8">
      <t>コウエン</t>
    </rPh>
    <phoneticPr fontId="9"/>
  </si>
  <si>
    <t>神奈川県平塚市ふじみ野2-6469-10</t>
  </si>
  <si>
    <t>055071</t>
  </si>
  <si>
    <t>ふじみ野第２公園</t>
    <rPh sb="3" eb="4">
      <t>ノ</t>
    </rPh>
    <rPh sb="4" eb="5">
      <t>ダイ</t>
    </rPh>
    <rPh sb="6" eb="8">
      <t>コウエン</t>
    </rPh>
    <phoneticPr fontId="9"/>
  </si>
  <si>
    <t>神奈川県平塚市ふじみ野2-6288-21</t>
  </si>
  <si>
    <t>055072</t>
  </si>
  <si>
    <t>ふじみ野第３公園</t>
    <rPh sb="3" eb="4">
      <t>ノ</t>
    </rPh>
    <rPh sb="4" eb="5">
      <t>ダイ</t>
    </rPh>
    <rPh sb="6" eb="8">
      <t>コウエン</t>
    </rPh>
    <phoneticPr fontId="9"/>
  </si>
  <si>
    <t>神奈川県平塚市ふじみ野1-6044-4</t>
  </si>
  <si>
    <t>055073</t>
  </si>
  <si>
    <t>ふじみ野第４公園</t>
    <rPh sb="3" eb="4">
      <t>ノ</t>
    </rPh>
    <rPh sb="4" eb="5">
      <t>ダイ</t>
    </rPh>
    <rPh sb="6" eb="8">
      <t>コウエン</t>
    </rPh>
    <phoneticPr fontId="9"/>
  </si>
  <si>
    <t>神奈川県平塚市ふじみ野1-5971-60</t>
  </si>
  <si>
    <t>055074</t>
  </si>
  <si>
    <t>フリサク公園</t>
    <rPh sb="4" eb="6">
      <t>コウエン</t>
    </rPh>
    <phoneticPr fontId="9"/>
  </si>
  <si>
    <t>神奈川県平塚市東八幡4-836-2</t>
  </si>
  <si>
    <t>055075</t>
  </si>
  <si>
    <t>フリサク北公園</t>
    <rPh sb="4" eb="5">
      <t>キタ</t>
    </rPh>
    <rPh sb="5" eb="7">
      <t>コウエン</t>
    </rPh>
    <phoneticPr fontId="9"/>
  </si>
  <si>
    <t>055076</t>
  </si>
  <si>
    <t>文化公園</t>
    <rPh sb="0" eb="2">
      <t>ブンカ</t>
    </rPh>
    <rPh sb="2" eb="4">
      <t>コウエン</t>
    </rPh>
    <phoneticPr fontId="9"/>
  </si>
  <si>
    <t>神奈川県平塚市浅間町5-1</t>
  </si>
  <si>
    <t>055077</t>
  </si>
  <si>
    <t>紅谷町公園</t>
    <rPh sb="0" eb="3">
      <t>ベニヤチョウ</t>
    </rPh>
    <rPh sb="3" eb="5">
      <t>コウエン</t>
    </rPh>
    <phoneticPr fontId="9"/>
  </si>
  <si>
    <t>神奈川県平塚市紅谷町15-16</t>
  </si>
  <si>
    <t>055078</t>
  </si>
  <si>
    <t>松影公園</t>
    <rPh sb="0" eb="2">
      <t>マツカゲ</t>
    </rPh>
    <rPh sb="2" eb="4">
      <t>コウエン</t>
    </rPh>
    <phoneticPr fontId="9"/>
  </si>
  <si>
    <t>神奈川県平塚市松風町240</t>
  </si>
  <si>
    <t>055079</t>
  </si>
  <si>
    <t>松風公園</t>
    <rPh sb="0" eb="2">
      <t>マツカゼ</t>
    </rPh>
    <rPh sb="2" eb="4">
      <t>コウエン</t>
    </rPh>
    <phoneticPr fontId="9"/>
  </si>
  <si>
    <t>神奈川県平塚市松風町140-4</t>
  </si>
  <si>
    <t>055080</t>
  </si>
  <si>
    <t>松風北公園</t>
    <rPh sb="0" eb="2">
      <t>マツカゼ</t>
    </rPh>
    <rPh sb="2" eb="3">
      <t>キタ</t>
    </rPh>
    <rPh sb="3" eb="5">
      <t>コウエン</t>
    </rPh>
    <phoneticPr fontId="9"/>
  </si>
  <si>
    <t>神奈川県平塚市松風町185-5</t>
  </si>
  <si>
    <t>055081</t>
  </si>
  <si>
    <t>松風町公園</t>
    <rPh sb="0" eb="3">
      <t>マツカゼチョウ</t>
    </rPh>
    <rPh sb="3" eb="5">
      <t>コウエン</t>
    </rPh>
    <phoneticPr fontId="9"/>
  </si>
  <si>
    <t>神奈川県平塚市松風町279</t>
  </si>
  <si>
    <t>055082</t>
  </si>
  <si>
    <t>松風南公園</t>
    <rPh sb="0" eb="2">
      <t>マツカゼ</t>
    </rPh>
    <rPh sb="2" eb="3">
      <t>ミナミ</t>
    </rPh>
    <rPh sb="3" eb="5">
      <t>コウエン</t>
    </rPh>
    <phoneticPr fontId="9"/>
  </si>
  <si>
    <t>神奈川県平塚市松風町143-3</t>
  </si>
  <si>
    <t>055083</t>
  </si>
  <si>
    <t>松葉公園</t>
    <rPh sb="0" eb="2">
      <t>マツバ</t>
    </rPh>
    <rPh sb="2" eb="4">
      <t>コウエン</t>
    </rPh>
    <phoneticPr fontId="9"/>
  </si>
  <si>
    <t>神奈川県平塚市日向岡2-8-8</t>
  </si>
  <si>
    <t>055084</t>
  </si>
  <si>
    <t>纒公園</t>
    <rPh sb="0" eb="1">
      <t>マトム</t>
    </rPh>
    <rPh sb="1" eb="3">
      <t>コウエン</t>
    </rPh>
    <phoneticPr fontId="9"/>
  </si>
  <si>
    <t>055085</t>
  </si>
  <si>
    <t>纒北公園</t>
    <rPh sb="0" eb="1">
      <t>マトム</t>
    </rPh>
    <rPh sb="1" eb="2">
      <t>キタ</t>
    </rPh>
    <rPh sb="2" eb="4">
      <t>コウエン</t>
    </rPh>
    <phoneticPr fontId="9"/>
  </si>
  <si>
    <t>055086</t>
  </si>
  <si>
    <t>万田公園</t>
    <rPh sb="0" eb="2">
      <t>マンダ</t>
    </rPh>
    <rPh sb="2" eb="4">
      <t>コウエン</t>
    </rPh>
    <phoneticPr fontId="9"/>
  </si>
  <si>
    <t>055087</t>
  </si>
  <si>
    <t>万田井戸久保公園</t>
    <rPh sb="0" eb="2">
      <t>マンダ</t>
    </rPh>
    <rPh sb="2" eb="4">
      <t>イド</t>
    </rPh>
    <rPh sb="4" eb="6">
      <t>クボ</t>
    </rPh>
    <rPh sb="6" eb="8">
      <t>コウエン</t>
    </rPh>
    <phoneticPr fontId="9"/>
  </si>
  <si>
    <t>055088</t>
  </si>
  <si>
    <t>万田貝殻坂公園</t>
    <rPh sb="0" eb="2">
      <t>マンダ</t>
    </rPh>
    <rPh sb="2" eb="4">
      <t>カイガラ</t>
    </rPh>
    <rPh sb="4" eb="5">
      <t>ザカ</t>
    </rPh>
    <rPh sb="5" eb="7">
      <t>コウエン</t>
    </rPh>
    <phoneticPr fontId="9"/>
  </si>
  <si>
    <t>055089</t>
  </si>
  <si>
    <t>万田貝塚の里公園</t>
    <rPh sb="0" eb="2">
      <t>マンダ</t>
    </rPh>
    <rPh sb="2" eb="4">
      <t>カイヅカ</t>
    </rPh>
    <rPh sb="5" eb="6">
      <t>サト</t>
    </rPh>
    <rPh sb="6" eb="8">
      <t>コウエン</t>
    </rPh>
    <phoneticPr fontId="9"/>
  </si>
  <si>
    <t>055090</t>
  </si>
  <si>
    <t>万田滝坂公園</t>
    <rPh sb="0" eb="2">
      <t>マンダ</t>
    </rPh>
    <rPh sb="2" eb="3">
      <t>タキ</t>
    </rPh>
    <rPh sb="3" eb="4">
      <t>サカ</t>
    </rPh>
    <rPh sb="4" eb="6">
      <t>コウエン</t>
    </rPh>
    <phoneticPr fontId="9"/>
  </si>
  <si>
    <t>055091</t>
  </si>
  <si>
    <t>万田南公園</t>
    <rPh sb="0" eb="2">
      <t>マンダ</t>
    </rPh>
    <rPh sb="2" eb="3">
      <t>ミナミ</t>
    </rPh>
    <rPh sb="3" eb="5">
      <t>コウエン</t>
    </rPh>
    <phoneticPr fontId="9"/>
  </si>
  <si>
    <t>055092</t>
  </si>
  <si>
    <t>万田宮の前公園</t>
    <rPh sb="0" eb="2">
      <t>マンダ</t>
    </rPh>
    <rPh sb="2" eb="3">
      <t>ミヤ</t>
    </rPh>
    <rPh sb="4" eb="5">
      <t>マエ</t>
    </rPh>
    <rPh sb="5" eb="7">
      <t>コウエン</t>
    </rPh>
    <phoneticPr fontId="9"/>
  </si>
  <si>
    <t>055093</t>
  </si>
  <si>
    <t>万田柳町公園</t>
    <rPh sb="0" eb="2">
      <t>マンダ</t>
    </rPh>
    <rPh sb="2" eb="3">
      <t>ヤナギ</t>
    </rPh>
    <rPh sb="3" eb="4">
      <t>チョウ</t>
    </rPh>
    <rPh sb="4" eb="6">
      <t>コウエン</t>
    </rPh>
    <phoneticPr fontId="9"/>
  </si>
  <si>
    <t>055094</t>
  </si>
  <si>
    <t>三島公園</t>
    <rPh sb="0" eb="2">
      <t>ミシマ</t>
    </rPh>
    <rPh sb="2" eb="4">
      <t>コウエン</t>
    </rPh>
    <phoneticPr fontId="9"/>
  </si>
  <si>
    <t>神奈川県平塚市夕陽ヶ丘60-4</t>
  </si>
  <si>
    <t>055095</t>
  </si>
  <si>
    <t>溝ノ尾公園</t>
  </si>
  <si>
    <t>神奈川県平塚市北金目1-19-7</t>
  </si>
  <si>
    <t>055096</t>
  </si>
  <si>
    <t>見附町公園</t>
    <rPh sb="0" eb="3">
      <t>ミツケチョウ</t>
    </rPh>
    <rPh sb="3" eb="5">
      <t>コウエン</t>
    </rPh>
    <phoneticPr fontId="9"/>
  </si>
  <si>
    <t>神奈川県平塚市見附町11-2</t>
  </si>
  <si>
    <t>055097</t>
  </si>
  <si>
    <t>みどりヶ丘北公園</t>
    <rPh sb="4" eb="5">
      <t>オカ</t>
    </rPh>
    <rPh sb="5" eb="6">
      <t>キタ</t>
    </rPh>
    <rPh sb="6" eb="8">
      <t>コウエン</t>
    </rPh>
    <phoneticPr fontId="9"/>
  </si>
  <si>
    <t>神奈川県平塚市岡崎5951-30</t>
  </si>
  <si>
    <t>055098</t>
  </si>
  <si>
    <t>みどりヶ丘南公園</t>
    <rPh sb="4" eb="5">
      <t>オカ</t>
    </rPh>
    <rPh sb="5" eb="6">
      <t>ミナミ</t>
    </rPh>
    <rPh sb="6" eb="8">
      <t>コウエン</t>
    </rPh>
    <phoneticPr fontId="9"/>
  </si>
  <si>
    <t>神奈川県平塚市岡崎3233-33</t>
  </si>
  <si>
    <t>055099</t>
  </si>
  <si>
    <t>港公園</t>
    <rPh sb="0" eb="1">
      <t>ミナト</t>
    </rPh>
    <rPh sb="1" eb="3">
      <t>コウエン</t>
    </rPh>
    <phoneticPr fontId="9"/>
  </si>
  <si>
    <t>神奈川県平塚市札場町38-5</t>
  </si>
  <si>
    <t>055100</t>
  </si>
  <si>
    <t>南原稲荷木公園</t>
    <rPh sb="0" eb="2">
      <t>ミナミハラ</t>
    </rPh>
    <rPh sb="2" eb="4">
      <t>イナリ</t>
    </rPh>
    <rPh sb="4" eb="5">
      <t>キ</t>
    </rPh>
    <rPh sb="5" eb="7">
      <t>コウエン</t>
    </rPh>
    <phoneticPr fontId="9"/>
  </si>
  <si>
    <t>神奈川県平塚市南原1-469-5</t>
  </si>
  <si>
    <t>055101</t>
  </si>
  <si>
    <t>南原南公園</t>
    <rPh sb="0" eb="2">
      <t>ミナミハラ</t>
    </rPh>
    <rPh sb="2" eb="5">
      <t>ミナミコウエン</t>
    </rPh>
    <phoneticPr fontId="9"/>
  </si>
  <si>
    <t>神奈川県平塚市南原1-398-2</t>
  </si>
  <si>
    <t>055102</t>
  </si>
  <si>
    <t>宮の前公園</t>
    <rPh sb="0" eb="1">
      <t>ミヤ</t>
    </rPh>
    <rPh sb="2" eb="3">
      <t>マエ</t>
    </rPh>
    <rPh sb="3" eb="5">
      <t>コウエン</t>
    </rPh>
    <phoneticPr fontId="9"/>
  </si>
  <si>
    <t>神奈川県平塚市宮の前9-21</t>
  </si>
  <si>
    <t>055103</t>
  </si>
  <si>
    <t>宮松町公園</t>
    <rPh sb="0" eb="3">
      <t>ミヤマツチョウ</t>
    </rPh>
    <rPh sb="3" eb="5">
      <t>コウエン</t>
    </rPh>
    <phoneticPr fontId="9"/>
  </si>
  <si>
    <t>神奈川県平塚市宮松町213-8</t>
  </si>
  <si>
    <t>055104</t>
  </si>
  <si>
    <t>宮松町あおぞら公園</t>
    <rPh sb="0" eb="3">
      <t>ミヤマツチョウ</t>
    </rPh>
    <rPh sb="7" eb="9">
      <t>コウエン</t>
    </rPh>
    <phoneticPr fontId="9"/>
  </si>
  <si>
    <t>神奈川県平塚市宮松町46-4</t>
  </si>
  <si>
    <t>055105</t>
  </si>
  <si>
    <t>宮松町すこやか公園</t>
    <rPh sb="0" eb="3">
      <t>ミヤマツチョウ</t>
    </rPh>
    <rPh sb="7" eb="9">
      <t>コウエン</t>
    </rPh>
    <phoneticPr fontId="9"/>
  </si>
  <si>
    <t>神奈川県平塚市宮松町40-4</t>
  </si>
  <si>
    <t>055106</t>
  </si>
  <si>
    <t>宮松町第２公園</t>
    <rPh sb="0" eb="3">
      <t>ミヤマツチョウ</t>
    </rPh>
    <rPh sb="3" eb="4">
      <t>ダイ</t>
    </rPh>
    <rPh sb="5" eb="7">
      <t>コウエン</t>
    </rPh>
    <phoneticPr fontId="9"/>
  </si>
  <si>
    <t>神奈川県平塚市宮松町192-5</t>
  </si>
  <si>
    <t>055107</t>
  </si>
  <si>
    <t>宮松町東公園</t>
    <rPh sb="0" eb="3">
      <t>ミヤマツチョウ</t>
    </rPh>
    <rPh sb="3" eb="4">
      <t>ヒガシ</t>
    </rPh>
    <rPh sb="4" eb="6">
      <t>コウエン</t>
    </rPh>
    <phoneticPr fontId="9"/>
  </si>
  <si>
    <t>神奈川県平塚市宮松町189-3</t>
  </si>
  <si>
    <t>055108</t>
  </si>
  <si>
    <t>明神公園</t>
    <rPh sb="0" eb="2">
      <t>ミョウジン</t>
    </rPh>
    <rPh sb="2" eb="4">
      <t>コウエン</t>
    </rPh>
    <phoneticPr fontId="9"/>
  </si>
  <si>
    <t>神奈川県平塚市夕陽ヶ丘60-2</t>
  </si>
  <si>
    <t>055109</t>
  </si>
  <si>
    <t>向山公園</t>
    <rPh sb="0" eb="2">
      <t>ムコウヤマ</t>
    </rPh>
    <rPh sb="2" eb="4">
      <t>コウエン</t>
    </rPh>
    <phoneticPr fontId="9"/>
  </si>
  <si>
    <t>神奈川県平塚市日向岡2-16-7</t>
  </si>
  <si>
    <t>055110</t>
  </si>
  <si>
    <t>村井弦斎公園</t>
    <rPh sb="0" eb="2">
      <t>ムライ</t>
    </rPh>
    <rPh sb="2" eb="3">
      <t>ゲン</t>
    </rPh>
    <rPh sb="3" eb="4">
      <t>サイ</t>
    </rPh>
    <rPh sb="4" eb="6">
      <t>コウエン</t>
    </rPh>
    <phoneticPr fontId="9"/>
  </si>
  <si>
    <t>神奈川県平塚市八重咲町22-5</t>
  </si>
  <si>
    <t>055111</t>
  </si>
  <si>
    <t>めぐみが丘中央公園</t>
    <rPh sb="4" eb="5">
      <t>オカ</t>
    </rPh>
    <rPh sb="5" eb="7">
      <t>チュウオウ</t>
    </rPh>
    <rPh sb="7" eb="9">
      <t>コウエン</t>
    </rPh>
    <phoneticPr fontId="9"/>
  </si>
  <si>
    <t>神奈川県平塚市めぐみが丘1-10-5</t>
  </si>
  <si>
    <t>055112</t>
  </si>
  <si>
    <t>もえぎ第１公園</t>
    <rPh sb="3" eb="4">
      <t>ダイ</t>
    </rPh>
    <rPh sb="5" eb="7">
      <t>コウエン</t>
    </rPh>
    <phoneticPr fontId="9"/>
  </si>
  <si>
    <t>神奈川県平塚市真田4-547-1</t>
  </si>
  <si>
    <t>055113</t>
  </si>
  <si>
    <t>もえぎ第２公園</t>
    <rPh sb="3" eb="4">
      <t>ダイ</t>
    </rPh>
    <rPh sb="5" eb="7">
      <t>コウエン</t>
    </rPh>
    <phoneticPr fontId="9"/>
  </si>
  <si>
    <t>神奈川県平塚市真田4-557-65</t>
  </si>
  <si>
    <t>055114</t>
  </si>
  <si>
    <t>桃浜第２公園</t>
  </si>
  <si>
    <t>神奈川県平塚市桃浜町65-11</t>
  </si>
  <si>
    <t>055115</t>
  </si>
  <si>
    <t>八重咲町公園</t>
    <rPh sb="0" eb="4">
      <t>ヤエザキチョウ</t>
    </rPh>
    <rPh sb="4" eb="6">
      <t>コウエン</t>
    </rPh>
    <phoneticPr fontId="9"/>
  </si>
  <si>
    <t>神奈川県平塚市八重咲町11-5</t>
  </si>
  <si>
    <t>055116</t>
  </si>
  <si>
    <t>八千代町公園</t>
    <rPh sb="0" eb="4">
      <t>ヤチヨチョウ</t>
    </rPh>
    <rPh sb="4" eb="6">
      <t>コウエン</t>
    </rPh>
    <phoneticPr fontId="9"/>
  </si>
  <si>
    <t>神奈川県平塚市八千代町18-1</t>
  </si>
  <si>
    <t>055117</t>
  </si>
  <si>
    <t>柳町公園</t>
    <rPh sb="0" eb="1">
      <t>ヤナギ</t>
    </rPh>
    <rPh sb="1" eb="2">
      <t>チョウ</t>
    </rPh>
    <rPh sb="2" eb="4">
      <t>コウエン</t>
    </rPh>
    <phoneticPr fontId="9"/>
  </si>
  <si>
    <t>神奈川県平塚市平塚4-27</t>
  </si>
  <si>
    <t>055118</t>
  </si>
  <si>
    <t>柳町西公園</t>
    <rPh sb="0" eb="1">
      <t>ヤナギ</t>
    </rPh>
    <rPh sb="1" eb="2">
      <t>チョウ</t>
    </rPh>
    <rPh sb="2" eb="3">
      <t>ニシ</t>
    </rPh>
    <rPh sb="3" eb="5">
      <t>コウエン</t>
    </rPh>
    <phoneticPr fontId="9"/>
  </si>
  <si>
    <t>神奈川県平塚市平塚5-16-2</t>
  </si>
  <si>
    <t>055119</t>
  </si>
  <si>
    <t>山下北公園</t>
    <rPh sb="0" eb="2">
      <t>ヤマシタ</t>
    </rPh>
    <rPh sb="2" eb="3">
      <t>キタ</t>
    </rPh>
    <rPh sb="3" eb="5">
      <t>コウエン</t>
    </rPh>
    <phoneticPr fontId="9"/>
  </si>
  <si>
    <t>055120</t>
  </si>
  <si>
    <t>山下の里公園</t>
    <rPh sb="0" eb="2">
      <t>ヤマシタ</t>
    </rPh>
    <rPh sb="3" eb="4">
      <t>サト</t>
    </rPh>
    <rPh sb="4" eb="6">
      <t>コウエン</t>
    </rPh>
    <phoneticPr fontId="9"/>
  </si>
  <si>
    <t>055121</t>
  </si>
  <si>
    <t>山下西公園</t>
    <rPh sb="0" eb="2">
      <t>ヤマシタ</t>
    </rPh>
    <rPh sb="2" eb="3">
      <t>ニシ</t>
    </rPh>
    <rPh sb="3" eb="5">
      <t>コウエン</t>
    </rPh>
    <phoneticPr fontId="9"/>
  </si>
  <si>
    <t>055122</t>
  </si>
  <si>
    <t>山下東公園</t>
    <rPh sb="0" eb="2">
      <t>ヤマシタ</t>
    </rPh>
    <rPh sb="2" eb="3">
      <t>ヒガシ</t>
    </rPh>
    <rPh sb="3" eb="5">
      <t>コウエン</t>
    </rPh>
    <phoneticPr fontId="9"/>
  </si>
  <si>
    <t>055123</t>
  </si>
  <si>
    <t>八幡公園</t>
    <rPh sb="0" eb="2">
      <t>ヤハタ</t>
    </rPh>
    <rPh sb="2" eb="4">
      <t>コウエン</t>
    </rPh>
    <phoneticPr fontId="9"/>
  </si>
  <si>
    <t>神奈川県平塚市西八幡1-29-3</t>
  </si>
  <si>
    <t>055124</t>
  </si>
  <si>
    <t>夕陽ヶ丘公園</t>
    <rPh sb="0" eb="2">
      <t>ユウヒ</t>
    </rPh>
    <rPh sb="3" eb="4">
      <t>オカ</t>
    </rPh>
    <rPh sb="4" eb="6">
      <t>コウエン</t>
    </rPh>
    <phoneticPr fontId="9"/>
  </si>
  <si>
    <t>神奈川県平塚市夕陽ヶ丘32-6</t>
  </si>
  <si>
    <t>055125</t>
  </si>
  <si>
    <t>横内南公園</t>
    <rPh sb="0" eb="2">
      <t>ヨコウチ</t>
    </rPh>
    <rPh sb="2" eb="3">
      <t>ミナミ</t>
    </rPh>
    <rPh sb="3" eb="5">
      <t>コウエン</t>
    </rPh>
    <phoneticPr fontId="9"/>
  </si>
  <si>
    <t>神奈川県平塚市横内4255-48</t>
  </si>
  <si>
    <t>055126</t>
  </si>
  <si>
    <t>龍城ヶ丘公園</t>
    <rPh sb="0" eb="1">
      <t>リュウ</t>
    </rPh>
    <rPh sb="1" eb="2">
      <t>ジョウ</t>
    </rPh>
    <rPh sb="3" eb="4">
      <t>オカ</t>
    </rPh>
    <rPh sb="4" eb="6">
      <t>コウエン</t>
    </rPh>
    <phoneticPr fontId="9"/>
  </si>
  <si>
    <t>神奈川県平塚市龍城ヶ丘45-2</t>
  </si>
  <si>
    <t>055127</t>
  </si>
  <si>
    <t>龍城ヶ丘青松緑地</t>
    <rPh sb="0" eb="1">
      <t>リュウ</t>
    </rPh>
    <rPh sb="1" eb="2">
      <t>ジョウ</t>
    </rPh>
    <rPh sb="3" eb="4">
      <t>オカ</t>
    </rPh>
    <rPh sb="4" eb="5">
      <t>アオ</t>
    </rPh>
    <rPh sb="5" eb="6">
      <t>マツ</t>
    </rPh>
    <rPh sb="6" eb="8">
      <t>リョクチ</t>
    </rPh>
    <phoneticPr fontId="9"/>
  </si>
  <si>
    <t>神奈川県平塚市龍城ヶ丘70-22</t>
  </si>
  <si>
    <t>055128</t>
  </si>
  <si>
    <t>龍城ヶ丘東公園</t>
    <rPh sb="0" eb="1">
      <t>リュウ</t>
    </rPh>
    <rPh sb="1" eb="2">
      <t>ジョウ</t>
    </rPh>
    <rPh sb="3" eb="4">
      <t>オカ</t>
    </rPh>
    <rPh sb="4" eb="5">
      <t>ヒガシ</t>
    </rPh>
    <rPh sb="5" eb="7">
      <t>コウエン</t>
    </rPh>
    <phoneticPr fontId="9"/>
  </si>
  <si>
    <t>神奈川県平塚市龍城ヶ丘45-35</t>
  </si>
  <si>
    <t>055129</t>
  </si>
  <si>
    <t>若葉公園</t>
    <rPh sb="0" eb="2">
      <t>ワカバ</t>
    </rPh>
    <rPh sb="2" eb="4">
      <t>コウエン</t>
    </rPh>
    <phoneticPr fontId="9"/>
  </si>
  <si>
    <t>神奈川県平塚市田村2-5567-3</t>
  </si>
  <si>
    <t>055130</t>
  </si>
  <si>
    <t>金目親水公園</t>
    <rPh sb="0" eb="2">
      <t>カネメ</t>
    </rPh>
    <rPh sb="2" eb="4">
      <t>シンスイ</t>
    </rPh>
    <rPh sb="4" eb="6">
      <t>コウエン</t>
    </rPh>
    <phoneticPr fontId="9"/>
  </si>
  <si>
    <t>神奈川県平塚市北金目3-914</t>
  </si>
  <si>
    <t>055131</t>
  </si>
  <si>
    <t>桜ヶ丘公園</t>
    <rPh sb="0" eb="3">
      <t>サクラガオカ</t>
    </rPh>
    <rPh sb="3" eb="5">
      <t>コウエン</t>
    </rPh>
    <phoneticPr fontId="9"/>
  </si>
  <si>
    <t>神奈川県平塚市桜ヶ丘100-1</t>
  </si>
  <si>
    <t>055132</t>
  </si>
  <si>
    <t>真土大塚山公園</t>
    <rPh sb="0" eb="2">
      <t>シンド</t>
    </rPh>
    <rPh sb="2" eb="4">
      <t>オオツカ</t>
    </rPh>
    <rPh sb="4" eb="5">
      <t>ヤマ</t>
    </rPh>
    <rPh sb="5" eb="7">
      <t>コウエン</t>
    </rPh>
    <phoneticPr fontId="9"/>
  </si>
  <si>
    <t>神奈川県平塚市西真土3-1019-1</t>
  </si>
  <si>
    <t>055133</t>
  </si>
  <si>
    <t>須賀公園</t>
    <rPh sb="0" eb="2">
      <t>スカ</t>
    </rPh>
    <rPh sb="2" eb="4">
      <t>コウエン</t>
    </rPh>
    <phoneticPr fontId="9"/>
  </si>
  <si>
    <t>神奈川県平塚市夕陽ヶ丘21</t>
  </si>
  <si>
    <t>055134</t>
  </si>
  <si>
    <t>高村公園</t>
    <rPh sb="0" eb="2">
      <t>タカムラ</t>
    </rPh>
    <rPh sb="2" eb="4">
      <t>コウエン</t>
    </rPh>
    <phoneticPr fontId="9"/>
  </si>
  <si>
    <t>神奈川県平塚市高村192-16</t>
  </si>
  <si>
    <t>055135</t>
  </si>
  <si>
    <t>達上ヶ丘公園</t>
    <rPh sb="0" eb="4">
      <t>タンジョウガオカ</t>
    </rPh>
    <rPh sb="4" eb="6">
      <t>コウエン</t>
    </rPh>
    <phoneticPr fontId="9"/>
  </si>
  <si>
    <t>神奈川県平塚市達上ヶ丘40</t>
  </si>
  <si>
    <t>055136</t>
  </si>
  <si>
    <t>なでしこ公園</t>
    <rPh sb="4" eb="6">
      <t>コウエン</t>
    </rPh>
    <phoneticPr fontId="9"/>
  </si>
  <si>
    <t>神奈川県平塚市撫子原26-1</t>
  </si>
  <si>
    <t>055137</t>
  </si>
  <si>
    <t>八幡山公園</t>
    <rPh sb="0" eb="3">
      <t>ハチマンヤマ</t>
    </rPh>
    <rPh sb="3" eb="5">
      <t>コウエン</t>
    </rPh>
    <phoneticPr fontId="9"/>
  </si>
  <si>
    <t>神奈川県平塚市浅間町1-1</t>
  </si>
  <si>
    <t>055138</t>
  </si>
  <si>
    <t>見附台公園</t>
    <rPh sb="0" eb="2">
      <t>ミツケ</t>
    </rPh>
    <rPh sb="2" eb="3">
      <t>ダイ</t>
    </rPh>
    <rPh sb="3" eb="5">
      <t>コウエン</t>
    </rPh>
    <phoneticPr fontId="9"/>
  </si>
  <si>
    <t>神奈川県平塚市見附町16-3</t>
  </si>
  <si>
    <t>055139</t>
  </si>
  <si>
    <t>めぐみが丘公園</t>
    <rPh sb="4" eb="5">
      <t>オカ</t>
    </rPh>
    <rPh sb="5" eb="7">
      <t>コウエン</t>
    </rPh>
    <phoneticPr fontId="9"/>
  </si>
  <si>
    <t>神奈川県平塚市めぐみが丘2-24</t>
  </si>
  <si>
    <t>055140</t>
  </si>
  <si>
    <t>桃浜公園</t>
    <rPh sb="0" eb="1">
      <t>モモ</t>
    </rPh>
    <rPh sb="1" eb="2">
      <t>ハマ</t>
    </rPh>
    <rPh sb="2" eb="4">
      <t>コウエン</t>
    </rPh>
    <phoneticPr fontId="9"/>
  </si>
  <si>
    <t>神奈川県平塚市桃浜町2-1</t>
  </si>
  <si>
    <t>055141</t>
  </si>
  <si>
    <t>四十瀬川公園</t>
    <rPh sb="0" eb="1">
      <t>ヨ</t>
    </rPh>
    <rPh sb="1" eb="2">
      <t>ジュウ</t>
    </rPh>
    <rPh sb="2" eb="3">
      <t>セ</t>
    </rPh>
    <rPh sb="3" eb="4">
      <t>ガワ</t>
    </rPh>
    <rPh sb="4" eb="6">
      <t>コウエン</t>
    </rPh>
    <phoneticPr fontId="9"/>
  </si>
  <si>
    <t>神奈川県平塚市平塚3-4</t>
  </si>
  <si>
    <t>055142</t>
  </si>
  <si>
    <t>塚越公園</t>
    <rPh sb="0" eb="2">
      <t>ツカコシ</t>
    </rPh>
    <rPh sb="2" eb="4">
      <t>コウエン</t>
    </rPh>
    <phoneticPr fontId="9"/>
  </si>
  <si>
    <t>055143</t>
  </si>
  <si>
    <t>湘南海岸公園</t>
    <phoneticPr fontId="7"/>
  </si>
  <si>
    <t>神奈川県平塚市高浜台34-1</t>
  </si>
  <si>
    <t>055144</t>
  </si>
  <si>
    <t>神奈川県平塚市万田790</t>
  </si>
  <si>
    <t>レストハウス開放時間9:30～21:30</t>
    <rPh sb="6" eb="8">
      <t>カイホウ</t>
    </rPh>
    <rPh sb="8" eb="10">
      <t>ジカン</t>
    </rPh>
    <phoneticPr fontId="7"/>
  </si>
  <si>
    <t>055145</t>
  </si>
  <si>
    <t>平塚市土屋霊園</t>
    <phoneticPr fontId="7"/>
  </si>
  <si>
    <t>神奈川県平塚市土屋4300</t>
  </si>
  <si>
    <t>無休（但し12月29日～1月3日は墓参のみ）</t>
    <phoneticPr fontId="7"/>
  </si>
  <si>
    <t>055146</t>
  </si>
  <si>
    <t>朝霧河畔緑地</t>
    <rPh sb="0" eb="2">
      <t>アサギリ</t>
    </rPh>
    <rPh sb="2" eb="3">
      <t>カワ</t>
    </rPh>
    <rPh sb="3" eb="4">
      <t>ハン</t>
    </rPh>
    <rPh sb="4" eb="6">
      <t>リョクチ</t>
    </rPh>
    <phoneticPr fontId="9"/>
  </si>
  <si>
    <t>神奈川県平塚市千石河岸61-1先</t>
  </si>
  <si>
    <t>055147</t>
  </si>
  <si>
    <t>愛宕山公園</t>
    <rPh sb="0" eb="3">
      <t>アタゴヤマ</t>
    </rPh>
    <rPh sb="3" eb="5">
      <t>コウエン</t>
    </rPh>
    <phoneticPr fontId="9"/>
  </si>
  <si>
    <t>神奈川県平塚市土屋3960-3</t>
  </si>
  <si>
    <t>055148</t>
  </si>
  <si>
    <t>出縄谷戸緑地</t>
    <rPh sb="0" eb="2">
      <t>イデナワ</t>
    </rPh>
    <rPh sb="2" eb="3">
      <t>タニ</t>
    </rPh>
    <rPh sb="3" eb="4">
      <t>ト</t>
    </rPh>
    <rPh sb="4" eb="6">
      <t>リョクチ</t>
    </rPh>
    <phoneticPr fontId="9"/>
  </si>
  <si>
    <t>神奈川県平塚市出縄576-1</t>
  </si>
  <si>
    <t>055149</t>
  </si>
  <si>
    <t>江戸見附緑地</t>
    <rPh sb="0" eb="2">
      <t>エド</t>
    </rPh>
    <rPh sb="2" eb="4">
      <t>ミツケ</t>
    </rPh>
    <rPh sb="4" eb="6">
      <t>リョクチ</t>
    </rPh>
    <phoneticPr fontId="9"/>
  </si>
  <si>
    <t>神奈川県平塚市見附町1-1</t>
  </si>
  <si>
    <t>055150</t>
  </si>
  <si>
    <t>大神緑地</t>
    <rPh sb="0" eb="2">
      <t>オオガミ</t>
    </rPh>
    <rPh sb="2" eb="4">
      <t>リョクチ</t>
    </rPh>
    <phoneticPr fontId="9"/>
  </si>
  <si>
    <t>055151</t>
  </si>
  <si>
    <t>大浜緑地</t>
    <rPh sb="0" eb="2">
      <t>オオハマ</t>
    </rPh>
    <rPh sb="2" eb="4">
      <t>リョクチ</t>
    </rPh>
    <phoneticPr fontId="9"/>
  </si>
  <si>
    <t>055152</t>
  </si>
  <si>
    <t>片岡和田緑地</t>
    <rPh sb="0" eb="2">
      <t>カタオカ</t>
    </rPh>
    <rPh sb="2" eb="4">
      <t>ワダ</t>
    </rPh>
    <rPh sb="4" eb="6">
      <t>リョクチ</t>
    </rPh>
    <phoneticPr fontId="9"/>
  </si>
  <si>
    <t>神奈川県平塚市片岡859-32</t>
  </si>
  <si>
    <t>055153</t>
  </si>
  <si>
    <t>春日緑地</t>
    <rPh sb="0" eb="2">
      <t>カスガ</t>
    </rPh>
    <rPh sb="2" eb="4">
      <t>リョクチ</t>
    </rPh>
    <phoneticPr fontId="9"/>
  </si>
  <si>
    <t>神奈川県平塚市平塚4-18-17</t>
  </si>
  <si>
    <t>055154</t>
  </si>
  <si>
    <t>黒部丘ちびっこ公園</t>
    <rPh sb="0" eb="2">
      <t>クロベ</t>
    </rPh>
    <rPh sb="2" eb="3">
      <t>オカ</t>
    </rPh>
    <rPh sb="7" eb="9">
      <t>コウエン</t>
    </rPh>
    <phoneticPr fontId="9"/>
  </si>
  <si>
    <t>神奈川県平塚市黒部丘152-3</t>
  </si>
  <si>
    <t>055155</t>
  </si>
  <si>
    <t>河内緑地</t>
    <rPh sb="0" eb="2">
      <t>コウチ</t>
    </rPh>
    <rPh sb="2" eb="4">
      <t>リョクチ</t>
    </rPh>
    <phoneticPr fontId="9"/>
  </si>
  <si>
    <t>神奈川県平塚市河内69-3</t>
  </si>
  <si>
    <t>055156</t>
  </si>
  <si>
    <t>桜ヶ丘緑地</t>
    <rPh sb="0" eb="3">
      <t>サクラガオカ</t>
    </rPh>
    <rPh sb="3" eb="5">
      <t>リョクチ</t>
    </rPh>
    <phoneticPr fontId="9"/>
  </si>
  <si>
    <t>神奈川県平塚市桜ヶ丘127</t>
  </si>
  <si>
    <t>055157</t>
  </si>
  <si>
    <t>浅間緑地</t>
    <rPh sb="0" eb="2">
      <t>センゲン</t>
    </rPh>
    <rPh sb="2" eb="4">
      <t>リョクチ</t>
    </rPh>
    <phoneticPr fontId="9"/>
  </si>
  <si>
    <t>神奈川県平塚市追分2-7</t>
  </si>
  <si>
    <t>055158</t>
  </si>
  <si>
    <t>袖ヶ浜北緑地</t>
    <rPh sb="0" eb="1">
      <t>ソデ</t>
    </rPh>
    <rPh sb="2" eb="3">
      <t>ハマ</t>
    </rPh>
    <rPh sb="3" eb="4">
      <t>キタ</t>
    </rPh>
    <rPh sb="4" eb="6">
      <t>リョクチ</t>
    </rPh>
    <phoneticPr fontId="9"/>
  </si>
  <si>
    <t>神奈川県平塚市袖ヶ浜9-6</t>
  </si>
  <si>
    <t>055159</t>
  </si>
  <si>
    <t>高村第１緑地</t>
    <rPh sb="0" eb="2">
      <t>タカムラ</t>
    </rPh>
    <rPh sb="2" eb="3">
      <t>ダイ</t>
    </rPh>
    <rPh sb="4" eb="6">
      <t>リョクチ</t>
    </rPh>
    <phoneticPr fontId="9"/>
  </si>
  <si>
    <t>神奈川県平塚市高村204-4</t>
  </si>
  <si>
    <t>055160</t>
  </si>
  <si>
    <t>高村第２緑地</t>
    <rPh sb="0" eb="2">
      <t>タカムラ</t>
    </rPh>
    <rPh sb="2" eb="3">
      <t>ダイ</t>
    </rPh>
    <rPh sb="4" eb="6">
      <t>リョクチ</t>
    </rPh>
    <phoneticPr fontId="9"/>
  </si>
  <si>
    <t>神奈川県平塚市高村105-5</t>
  </si>
  <si>
    <t>055161</t>
  </si>
  <si>
    <t>高村第３緑地</t>
    <rPh sb="0" eb="2">
      <t>タカムラ</t>
    </rPh>
    <rPh sb="2" eb="3">
      <t>ダイ</t>
    </rPh>
    <rPh sb="4" eb="6">
      <t>リョクチ</t>
    </rPh>
    <phoneticPr fontId="9"/>
  </si>
  <si>
    <t>神奈川県平塚市高村166-10</t>
  </si>
  <si>
    <t>055162</t>
  </si>
  <si>
    <t>高村第４緑地</t>
    <rPh sb="0" eb="2">
      <t>タカムラ</t>
    </rPh>
    <rPh sb="2" eb="3">
      <t>ダイ</t>
    </rPh>
    <rPh sb="4" eb="6">
      <t>リョクチ</t>
    </rPh>
    <phoneticPr fontId="9"/>
  </si>
  <si>
    <t>神奈川県平塚市高村171-5</t>
  </si>
  <si>
    <t>055163</t>
  </si>
  <si>
    <t>高村第５緑地</t>
    <rPh sb="0" eb="2">
      <t>タカムラ</t>
    </rPh>
    <rPh sb="2" eb="3">
      <t>ダイ</t>
    </rPh>
    <rPh sb="4" eb="6">
      <t>リョクチ</t>
    </rPh>
    <phoneticPr fontId="9"/>
  </si>
  <si>
    <t>神奈川県平塚市高村190-3</t>
  </si>
  <si>
    <t>055164</t>
  </si>
  <si>
    <t>高村第６緑地</t>
    <rPh sb="0" eb="2">
      <t>タカムラ</t>
    </rPh>
    <rPh sb="2" eb="3">
      <t>ダイ</t>
    </rPh>
    <rPh sb="4" eb="6">
      <t>リョクチ</t>
    </rPh>
    <phoneticPr fontId="9"/>
  </si>
  <si>
    <t>055165</t>
  </si>
  <si>
    <t>立堀親水公園</t>
    <rPh sb="0" eb="1">
      <t>タ</t>
    </rPh>
    <rPh sb="1" eb="2">
      <t>ホリ</t>
    </rPh>
    <rPh sb="2" eb="4">
      <t>シンスイ</t>
    </rPh>
    <rPh sb="4" eb="6">
      <t>コウエン</t>
    </rPh>
    <phoneticPr fontId="9"/>
  </si>
  <si>
    <t>神奈川県平塚市御殿4-1407-1先</t>
  </si>
  <si>
    <t>055166</t>
  </si>
  <si>
    <t>立堀緑地</t>
    <rPh sb="0" eb="1">
      <t>タ</t>
    </rPh>
    <rPh sb="1" eb="2">
      <t>ホリ</t>
    </rPh>
    <rPh sb="2" eb="4">
      <t>リョクチ</t>
    </rPh>
    <phoneticPr fontId="9"/>
  </si>
  <si>
    <t>神奈川県平塚市御殿4-1404-2</t>
  </si>
  <si>
    <t>055167</t>
  </si>
  <si>
    <t>豊田本郷緑地</t>
    <rPh sb="0" eb="2">
      <t>トヨダ</t>
    </rPh>
    <rPh sb="2" eb="4">
      <t>ホンゴウ</t>
    </rPh>
    <rPh sb="4" eb="6">
      <t>リョクチ</t>
    </rPh>
    <phoneticPr fontId="9"/>
  </si>
  <si>
    <t>神奈川県平塚市豊田本郷1638</t>
  </si>
  <si>
    <t>055168</t>
  </si>
  <si>
    <t>豊原町緑地</t>
    <rPh sb="0" eb="3">
      <t>トヨハラチョウ</t>
    </rPh>
    <rPh sb="3" eb="5">
      <t>リョクチ</t>
    </rPh>
    <phoneticPr fontId="9"/>
  </si>
  <si>
    <t>神奈川県平塚市豊原町1403-1</t>
  </si>
  <si>
    <t>055169</t>
  </si>
  <si>
    <t>長持かすみ町公園</t>
    <rPh sb="0" eb="2">
      <t>ナガモ</t>
    </rPh>
    <rPh sb="5" eb="6">
      <t>マチ</t>
    </rPh>
    <rPh sb="6" eb="8">
      <t>コウエン</t>
    </rPh>
    <phoneticPr fontId="9"/>
  </si>
  <si>
    <t>神奈川県平塚市長持209</t>
  </si>
  <si>
    <t>055170</t>
  </si>
  <si>
    <t>撫子原緑地</t>
    <rPh sb="0" eb="3">
      <t>ナデシコハラ</t>
    </rPh>
    <rPh sb="3" eb="5">
      <t>リョクチ</t>
    </rPh>
    <phoneticPr fontId="9"/>
  </si>
  <si>
    <t>神奈川県平塚市撫子原229</t>
  </si>
  <si>
    <t>055171</t>
  </si>
  <si>
    <t>東豊田緑地</t>
    <rPh sb="0" eb="1">
      <t>ヒガシ</t>
    </rPh>
    <rPh sb="1" eb="3">
      <t>トヨダ</t>
    </rPh>
    <rPh sb="3" eb="5">
      <t>リョクチ</t>
    </rPh>
    <phoneticPr fontId="9"/>
  </si>
  <si>
    <t>神奈川県平塚市東豊田474-1</t>
  </si>
  <si>
    <t>055172</t>
  </si>
  <si>
    <t>東八幡緑地</t>
    <rPh sb="0" eb="3">
      <t>ヒガシヤワタ</t>
    </rPh>
    <rPh sb="3" eb="5">
      <t>リョクチ</t>
    </rPh>
    <phoneticPr fontId="9"/>
  </si>
  <si>
    <t>神奈川県平塚市東八幡5-1706-17</t>
  </si>
  <si>
    <t>055173</t>
  </si>
  <si>
    <t>平塚の塚緑地</t>
    <rPh sb="0" eb="2">
      <t>ヒラツカ</t>
    </rPh>
    <rPh sb="3" eb="4">
      <t>ツカ</t>
    </rPh>
    <rPh sb="4" eb="6">
      <t>リョクチ</t>
    </rPh>
    <phoneticPr fontId="9"/>
  </si>
  <si>
    <t>神奈川県平塚市平塚4-10-8</t>
  </si>
  <si>
    <t>055174</t>
  </si>
  <si>
    <t>松風緑地</t>
    <rPh sb="0" eb="2">
      <t>マツカゼ</t>
    </rPh>
    <rPh sb="2" eb="4">
      <t>リョクチ</t>
    </rPh>
    <phoneticPr fontId="9"/>
  </si>
  <si>
    <t>神奈川県平塚市松風町184-18</t>
  </si>
  <si>
    <t>055175</t>
  </si>
  <si>
    <t>松風北緑地</t>
    <rPh sb="0" eb="2">
      <t>マツカゼ</t>
    </rPh>
    <rPh sb="2" eb="3">
      <t>キタ</t>
    </rPh>
    <rPh sb="3" eb="5">
      <t>リョクチ</t>
    </rPh>
    <phoneticPr fontId="9"/>
  </si>
  <si>
    <t>神奈川県平塚市松風町109-3</t>
  </si>
  <si>
    <t>055176</t>
  </si>
  <si>
    <t>松風町緑地</t>
    <rPh sb="0" eb="2">
      <t>マツカゼ</t>
    </rPh>
    <rPh sb="2" eb="3">
      <t>マチ</t>
    </rPh>
    <rPh sb="3" eb="5">
      <t>リョクチ</t>
    </rPh>
    <phoneticPr fontId="9"/>
  </si>
  <si>
    <t>神奈川県平塚市松風町80</t>
  </si>
  <si>
    <t>055178</t>
  </si>
  <si>
    <t>万縄の森</t>
    <rPh sb="0" eb="1">
      <t>マン</t>
    </rPh>
    <rPh sb="1" eb="2">
      <t>ナワ</t>
    </rPh>
    <rPh sb="3" eb="4">
      <t>モリ</t>
    </rPh>
    <phoneticPr fontId="9"/>
  </si>
  <si>
    <t>055179</t>
  </si>
  <si>
    <t>見附台緑地</t>
    <rPh sb="0" eb="2">
      <t>ミツケ</t>
    </rPh>
    <rPh sb="2" eb="3">
      <t>ダイ</t>
    </rPh>
    <rPh sb="3" eb="5">
      <t>リョクチ</t>
    </rPh>
    <phoneticPr fontId="9"/>
  </si>
  <si>
    <t>神奈川県平塚市見附町31-1</t>
  </si>
  <si>
    <t>055180</t>
  </si>
  <si>
    <t>南原公園</t>
    <rPh sb="0" eb="2">
      <t>ミナミハラ</t>
    </rPh>
    <rPh sb="2" eb="4">
      <t>コウエン</t>
    </rPh>
    <phoneticPr fontId="9"/>
  </si>
  <si>
    <t>055181</t>
  </si>
  <si>
    <t>めぐみが丘緑地</t>
    <rPh sb="4" eb="5">
      <t>オカ</t>
    </rPh>
    <rPh sb="5" eb="7">
      <t>リョクチ</t>
    </rPh>
    <phoneticPr fontId="9"/>
  </si>
  <si>
    <t>神奈川県平塚市めぐみが丘1-22-1</t>
  </si>
  <si>
    <t>055182</t>
  </si>
  <si>
    <t>めぐみが丘第２緑地</t>
    <rPh sb="4" eb="5">
      <t>オカ</t>
    </rPh>
    <rPh sb="5" eb="6">
      <t>ダイ</t>
    </rPh>
    <rPh sb="7" eb="9">
      <t>リョクチ</t>
    </rPh>
    <phoneticPr fontId="9"/>
  </si>
  <si>
    <t>神奈川県平塚市めぐみが丘2-9-71</t>
  </si>
  <si>
    <t>055183</t>
  </si>
  <si>
    <t>めぐみが丘第３緑地</t>
    <rPh sb="4" eb="5">
      <t>オカ</t>
    </rPh>
    <rPh sb="5" eb="6">
      <t>ダイ</t>
    </rPh>
    <rPh sb="7" eb="9">
      <t>リョクチ</t>
    </rPh>
    <phoneticPr fontId="9"/>
  </si>
  <si>
    <t>神奈川県平塚市めぐみが丘2-9-73</t>
  </si>
  <si>
    <t>055184</t>
  </si>
  <si>
    <t>めぐみが丘第４緑地</t>
    <rPh sb="4" eb="5">
      <t>オカ</t>
    </rPh>
    <rPh sb="5" eb="6">
      <t>ダイ</t>
    </rPh>
    <rPh sb="7" eb="9">
      <t>リョクチ</t>
    </rPh>
    <phoneticPr fontId="9"/>
  </si>
  <si>
    <t>神奈川県平塚市めぐみが丘1-23-2</t>
  </si>
  <si>
    <t>055185</t>
  </si>
  <si>
    <t>桃浜町緑地</t>
    <rPh sb="0" eb="1">
      <t>モモ</t>
    </rPh>
    <rPh sb="1" eb="2">
      <t>ハマ</t>
    </rPh>
    <rPh sb="2" eb="3">
      <t>マチ</t>
    </rPh>
    <rPh sb="3" eb="5">
      <t>リョクチ</t>
    </rPh>
    <phoneticPr fontId="9"/>
  </si>
  <si>
    <t>神奈川県平塚市桃浜町15-1</t>
  </si>
  <si>
    <t>055186</t>
  </si>
  <si>
    <t>八雲公園</t>
    <rPh sb="0" eb="2">
      <t>ヤクモ</t>
    </rPh>
    <rPh sb="2" eb="4">
      <t>コウエン</t>
    </rPh>
    <phoneticPr fontId="9"/>
  </si>
  <si>
    <t>神奈川県平塚市中里136-1</t>
  </si>
  <si>
    <t>055187</t>
  </si>
  <si>
    <t>山下緑地</t>
    <rPh sb="0" eb="2">
      <t>ヤマシタ</t>
    </rPh>
    <rPh sb="2" eb="4">
      <t>リョクチ</t>
    </rPh>
    <phoneticPr fontId="9"/>
  </si>
  <si>
    <t>055188</t>
  </si>
  <si>
    <t>豊田緑道</t>
    <rPh sb="0" eb="2">
      <t>トヨダ</t>
    </rPh>
    <rPh sb="2" eb="4">
      <t>リョクドウ</t>
    </rPh>
    <phoneticPr fontId="7"/>
  </si>
  <si>
    <t>神奈川県平塚市東豊田480-48</t>
  </si>
  <si>
    <t>055189</t>
  </si>
  <si>
    <t>西真土緑道</t>
    <rPh sb="0" eb="1">
      <t>ニシ</t>
    </rPh>
    <rPh sb="1" eb="3">
      <t>シンド</t>
    </rPh>
    <rPh sb="3" eb="5">
      <t>リョクドウ</t>
    </rPh>
    <phoneticPr fontId="7"/>
  </si>
  <si>
    <t>神奈川県平塚市西真土地内</t>
  </si>
  <si>
    <t>055190</t>
  </si>
  <si>
    <t>馬入緑道</t>
    <rPh sb="0" eb="2">
      <t>バニュウ</t>
    </rPh>
    <rPh sb="2" eb="4">
      <t>リョクドウ</t>
    </rPh>
    <phoneticPr fontId="7"/>
  </si>
  <si>
    <t>神奈川県平塚市中堂及び堤町地内</t>
  </si>
  <si>
    <t>纒緑道</t>
    <rPh sb="0" eb="1">
      <t>マトイ</t>
    </rPh>
    <rPh sb="1" eb="3">
      <t>リョクドウ</t>
    </rPh>
    <phoneticPr fontId="7"/>
  </si>
  <si>
    <t>055192</t>
    <phoneticPr fontId="7"/>
  </si>
  <si>
    <t>馬入ふれあい公園</t>
  </si>
  <si>
    <t>神奈川県平塚市中堂246-1</t>
  </si>
  <si>
    <t>055193</t>
    <phoneticPr fontId="7"/>
  </si>
  <si>
    <t>平塚市総合公園</t>
  </si>
  <si>
    <t>065192</t>
  </si>
  <si>
    <t>今泉台あめんぼ公園</t>
  </si>
  <si>
    <t>065193</t>
  </si>
  <si>
    <t>七里ガ浜東うずら公園</t>
  </si>
  <si>
    <t>065194</t>
  </si>
  <si>
    <t>梶原すずらん公園</t>
  </si>
  <si>
    <t>065195</t>
  </si>
  <si>
    <t>鎌倉市</t>
    <phoneticPr fontId="7"/>
  </si>
  <si>
    <t>大船きく公園</t>
  </si>
  <si>
    <t>065196</t>
  </si>
  <si>
    <t>寺分とんぼ公園</t>
  </si>
  <si>
    <t>065197</t>
  </si>
  <si>
    <t>鎌倉山もも公園</t>
  </si>
  <si>
    <t>065198</t>
  </si>
  <si>
    <t>大町ほおじろ公園</t>
  </si>
  <si>
    <t>ロープ登り</t>
  </si>
  <si>
    <t>065199</t>
  </si>
  <si>
    <t>笛田さざんか公園</t>
  </si>
  <si>
    <t>065200</t>
  </si>
  <si>
    <t>七里ガ浜あさり公園</t>
  </si>
  <si>
    <t>065201</t>
  </si>
  <si>
    <t>七里ガ浜東かば公園</t>
  </si>
  <si>
    <t>065202</t>
  </si>
  <si>
    <t>鎌倉山かりん公園</t>
  </si>
  <si>
    <t>065203</t>
  </si>
  <si>
    <t>常盤やまぶき公園</t>
  </si>
  <si>
    <t>065204</t>
  </si>
  <si>
    <t>台やまもみじ公園</t>
  </si>
  <si>
    <t>065205</t>
  </si>
  <si>
    <t>由比ガ浜ひらめ公園</t>
  </si>
  <si>
    <t>065206</t>
  </si>
  <si>
    <t>前田かじか公園</t>
  </si>
  <si>
    <t>065207</t>
  </si>
  <si>
    <t>常盤かるがも公園</t>
  </si>
  <si>
    <t>065208</t>
  </si>
  <si>
    <t>腰越くじら公園</t>
  </si>
  <si>
    <t>065209</t>
  </si>
  <si>
    <t>玉縄かけす公園</t>
  </si>
  <si>
    <t>065210</t>
  </si>
  <si>
    <t>由比ガ浜あわび公園</t>
  </si>
  <si>
    <t>065211</t>
  </si>
  <si>
    <t>梶原やまめ公園</t>
  </si>
  <si>
    <t>065212</t>
  </si>
  <si>
    <t>梶原すずむし公園</t>
  </si>
  <si>
    <t>065213</t>
  </si>
  <si>
    <t>大町めじろ公園</t>
  </si>
  <si>
    <t>065214</t>
  </si>
  <si>
    <t>岩瀬たなご公園</t>
  </si>
  <si>
    <t>065215</t>
  </si>
  <si>
    <t>由比ガ浜たい公園</t>
  </si>
  <si>
    <t>065216</t>
  </si>
  <si>
    <t>由比ガ浜うめ公園</t>
  </si>
  <si>
    <t>065217</t>
  </si>
  <si>
    <t>西ガ谷あやめ公園</t>
  </si>
  <si>
    <t>065218</t>
  </si>
  <si>
    <t>二階堂もみじ公園</t>
  </si>
  <si>
    <t>065219</t>
  </si>
  <si>
    <t>丹後ガ谷こおろぎ公園</t>
  </si>
  <si>
    <t>065220</t>
  </si>
  <si>
    <t>大町みかん公園</t>
  </si>
  <si>
    <t>065221</t>
  </si>
  <si>
    <t>二階堂すいせん公園</t>
  </si>
  <si>
    <t>065222</t>
  </si>
  <si>
    <t>材木座ひるがお公園</t>
  </si>
  <si>
    <t>065223</t>
  </si>
  <si>
    <t>由比ガ浜ぼら公園</t>
  </si>
  <si>
    <t>065224</t>
  </si>
  <si>
    <t>由比ガ浜はぜ公園</t>
  </si>
  <si>
    <t>065225</t>
  </si>
  <si>
    <t>西ガ谷わらび公園</t>
  </si>
  <si>
    <t>065226</t>
  </si>
  <si>
    <t>梶原きんもくせい公園</t>
  </si>
  <si>
    <t>065227</t>
  </si>
  <si>
    <t>下耕地うぐい公園</t>
  </si>
  <si>
    <t>065228</t>
  </si>
  <si>
    <t>雪ノ下きつつき公園</t>
  </si>
  <si>
    <t>065229</t>
  </si>
  <si>
    <t>丹後ガ谷くるみ公園</t>
  </si>
  <si>
    <t>065230</t>
  </si>
  <si>
    <t>笛田コアラ公園</t>
  </si>
  <si>
    <t>065231</t>
  </si>
  <si>
    <t>東勝寺橋ひぐらし公園</t>
  </si>
  <si>
    <t>065232</t>
  </si>
  <si>
    <t>相模陣ふき公園</t>
  </si>
  <si>
    <t>065233</t>
  </si>
  <si>
    <t>台くすのき公園</t>
  </si>
  <si>
    <t>065234</t>
  </si>
  <si>
    <t>浄明寺こなら公園</t>
  </si>
  <si>
    <t>065235</t>
  </si>
  <si>
    <t>西ガ谷れんげ公園</t>
  </si>
  <si>
    <t>065236</t>
  </si>
  <si>
    <t>玉縄ばった公園</t>
  </si>
  <si>
    <t>065237</t>
  </si>
  <si>
    <t>丹後ガ谷せみ公園</t>
  </si>
  <si>
    <t>065238</t>
  </si>
  <si>
    <t>山ノ内ハクモクレン公園</t>
  </si>
  <si>
    <t>065239</t>
  </si>
  <si>
    <t>常盤かわせみ公園</t>
  </si>
  <si>
    <t>065240</t>
  </si>
  <si>
    <t>長谷なでしこ公園</t>
  </si>
  <si>
    <t>065241</t>
  </si>
  <si>
    <t>相模陣あひる公園</t>
  </si>
  <si>
    <t>065242</t>
  </si>
  <si>
    <t>谷際さくら公園</t>
  </si>
  <si>
    <t>065243</t>
  </si>
  <si>
    <t>梶原ひなげし公園</t>
  </si>
  <si>
    <t>065244</t>
  </si>
  <si>
    <t>寺分こまどり公園</t>
  </si>
  <si>
    <t>065245</t>
  </si>
  <si>
    <t>笛田トマト公園</t>
  </si>
  <si>
    <t>クライム遊具</t>
  </si>
  <si>
    <t>065246</t>
  </si>
  <si>
    <t>手広なのはな公園</t>
  </si>
  <si>
    <t>065247</t>
  </si>
  <si>
    <t>岩瀬ぼたん公園</t>
  </si>
  <si>
    <t>065248</t>
  </si>
  <si>
    <t>岡本あおさぎ公園</t>
  </si>
  <si>
    <t>065249</t>
  </si>
  <si>
    <t>大船ライラック公園</t>
  </si>
  <si>
    <t>飛石</t>
  </si>
  <si>
    <t>065250</t>
  </si>
  <si>
    <t>腰越ひまわり公園</t>
  </si>
  <si>
    <t>065251</t>
  </si>
  <si>
    <t>宮之前あけび公園</t>
  </si>
  <si>
    <t>065252</t>
  </si>
  <si>
    <t>大船ほたる公園</t>
  </si>
  <si>
    <t>065253</t>
  </si>
  <si>
    <t>台ぶどう公園</t>
  </si>
  <si>
    <t>065254</t>
  </si>
  <si>
    <t>坂ノ下はまなす公園</t>
  </si>
  <si>
    <t>065255</t>
  </si>
  <si>
    <t>石原谷戸とび公園</t>
  </si>
  <si>
    <t>065256</t>
  </si>
  <si>
    <t>台あらかし公園</t>
  </si>
  <si>
    <t>065257</t>
  </si>
  <si>
    <t>今泉あざみ公園</t>
  </si>
  <si>
    <t>065258</t>
  </si>
  <si>
    <t>岩瀬あじさい公園</t>
  </si>
  <si>
    <t>065259</t>
  </si>
  <si>
    <t>台もちのき公園</t>
  </si>
  <si>
    <t>065260</t>
  </si>
  <si>
    <t>大船つぐみ公園</t>
  </si>
  <si>
    <t>065261</t>
  </si>
  <si>
    <t>台いちご公園</t>
  </si>
  <si>
    <t>065262</t>
  </si>
  <si>
    <t>岩瀬しらかし公園</t>
  </si>
  <si>
    <t>065263</t>
  </si>
  <si>
    <t>城宿らくだ公園</t>
  </si>
  <si>
    <t>065264</t>
  </si>
  <si>
    <t>由比ガ浜えび公園</t>
  </si>
  <si>
    <t>065265</t>
  </si>
  <si>
    <t>長谷まつ公園</t>
  </si>
  <si>
    <t>065266</t>
  </si>
  <si>
    <t>相模陣よもぎ公園</t>
  </si>
  <si>
    <t>065267</t>
  </si>
  <si>
    <t>腰越ふぐ公園</t>
  </si>
  <si>
    <t>065268</t>
  </si>
  <si>
    <t>玉縄こいぬ公園</t>
  </si>
  <si>
    <t>065269</t>
  </si>
  <si>
    <t>十二所ひよどり公園</t>
  </si>
  <si>
    <t>065270</t>
  </si>
  <si>
    <t>梶原こぶし公園</t>
  </si>
  <si>
    <t>065271</t>
  </si>
  <si>
    <t>大船やまどり公園</t>
  </si>
  <si>
    <t>065272</t>
  </si>
  <si>
    <t>池ノ坂いちょう公園</t>
  </si>
  <si>
    <t>065273</t>
  </si>
  <si>
    <t>大船バナナ公園</t>
  </si>
  <si>
    <t>065274</t>
  </si>
  <si>
    <t>柳谷戸ひよこ公園</t>
  </si>
  <si>
    <t>065275</t>
  </si>
  <si>
    <t>御所五郎丸公園</t>
  </si>
  <si>
    <t>065276</t>
  </si>
  <si>
    <t>柳谷戸つばめ公園</t>
  </si>
  <si>
    <t>065277</t>
  </si>
  <si>
    <t>丹後ガ谷ちゃぼ公園</t>
  </si>
  <si>
    <t>065278</t>
  </si>
  <si>
    <t>常盤さつき公園</t>
  </si>
  <si>
    <t>065279</t>
  </si>
  <si>
    <t>岩瀬きんぎょ公園</t>
  </si>
  <si>
    <t>065280</t>
  </si>
  <si>
    <t>腰越かつお公園</t>
  </si>
  <si>
    <t>065281</t>
  </si>
  <si>
    <t>腰越ちどり公園</t>
  </si>
  <si>
    <t>065282</t>
  </si>
  <si>
    <t>岩瀬あゆ公園</t>
  </si>
  <si>
    <t>065283</t>
  </si>
  <si>
    <t>丹後ガ谷いなご公園</t>
  </si>
  <si>
    <t>065284</t>
  </si>
  <si>
    <t>城宿どんぐり公園</t>
  </si>
  <si>
    <t>065285</t>
  </si>
  <si>
    <t>腰越ラッコ公園</t>
  </si>
  <si>
    <t>065286</t>
  </si>
  <si>
    <t>釈迦堂みみずく公園</t>
  </si>
  <si>
    <t>065287</t>
  </si>
  <si>
    <t>稲村ガ崎びわ公園</t>
  </si>
  <si>
    <t>065288</t>
  </si>
  <si>
    <t>西鎌倉山うぐいす公園</t>
  </si>
  <si>
    <t>065289</t>
  </si>
  <si>
    <t>大船むくどり公園</t>
  </si>
  <si>
    <t>065290</t>
  </si>
  <si>
    <t>相模陣あんず公園</t>
  </si>
  <si>
    <t>065291</t>
  </si>
  <si>
    <t>谷際ゆり公園</t>
  </si>
  <si>
    <t>065292</t>
  </si>
  <si>
    <t>大船なんてん公園</t>
  </si>
  <si>
    <t>065293</t>
  </si>
  <si>
    <t>御所たぬき公園</t>
  </si>
  <si>
    <t>065294</t>
  </si>
  <si>
    <t>大船りんご公園</t>
  </si>
  <si>
    <t>065295</t>
  </si>
  <si>
    <t>岡本むくげ公園</t>
  </si>
  <si>
    <t>065296</t>
  </si>
  <si>
    <t>日坂はぎ公園</t>
  </si>
  <si>
    <t>065297</t>
  </si>
  <si>
    <t>玉縄さより公園</t>
  </si>
  <si>
    <t>065298</t>
  </si>
  <si>
    <t>山崎かぶとむし公園</t>
  </si>
  <si>
    <t>065299</t>
  </si>
  <si>
    <t>城宿きじ公園</t>
  </si>
  <si>
    <t>065300</t>
  </si>
  <si>
    <t>岩瀬めだか公園</t>
  </si>
  <si>
    <t>065301</t>
  </si>
  <si>
    <t>小袋谷つる公園</t>
  </si>
  <si>
    <t>065302</t>
  </si>
  <si>
    <t>玉縄さくらんぼ公園</t>
  </si>
  <si>
    <t>065303</t>
  </si>
  <si>
    <t>七里ガ浜東あざらし公園</t>
  </si>
  <si>
    <t>065304</t>
  </si>
  <si>
    <t>笛田ぎんなん公園</t>
  </si>
  <si>
    <t>065305</t>
  </si>
  <si>
    <t>岩瀬げんごろう公園</t>
  </si>
  <si>
    <t>065306</t>
  </si>
  <si>
    <t>玉縄やぎ公園</t>
  </si>
  <si>
    <t>065307</t>
  </si>
  <si>
    <t>山崎ひめしゃら公園</t>
  </si>
  <si>
    <t>065308</t>
  </si>
  <si>
    <t>陣屋坂もず公園</t>
  </si>
  <si>
    <t>065309</t>
  </si>
  <si>
    <t>台ぐみ公園</t>
  </si>
  <si>
    <t>065310</t>
  </si>
  <si>
    <t>長谷うみねこ公園</t>
  </si>
  <si>
    <t>065311</t>
  </si>
  <si>
    <t>丹後ガ谷やまばと公園</t>
  </si>
  <si>
    <t>065312</t>
  </si>
  <si>
    <t>西鎌倉山ひばり公園</t>
  </si>
  <si>
    <t>065313</t>
  </si>
  <si>
    <t>戸部みつばち公園</t>
  </si>
  <si>
    <t>065314</t>
  </si>
  <si>
    <t>若宮大路公園</t>
  </si>
  <si>
    <t>065315</t>
  </si>
  <si>
    <t>西鎌倉すずめ公園</t>
  </si>
  <si>
    <t>065316</t>
  </si>
  <si>
    <t>岩瀬こい公園</t>
  </si>
  <si>
    <t>065317</t>
  </si>
  <si>
    <t>中村ふくろう公園</t>
  </si>
  <si>
    <t>065318</t>
  </si>
  <si>
    <t>上関もぐら公園</t>
  </si>
  <si>
    <t>065319</t>
  </si>
  <si>
    <t>東泉水つばき公園</t>
  </si>
  <si>
    <t>065320</t>
  </si>
  <si>
    <t>やとのまえこねこ公園</t>
  </si>
  <si>
    <t>065321</t>
  </si>
  <si>
    <t>七里ガ浜東いるか公園</t>
  </si>
  <si>
    <t>065322</t>
  </si>
  <si>
    <t>仲ノ坂こうま公園</t>
  </si>
  <si>
    <t>065323</t>
  </si>
  <si>
    <t>がんだがやふじ公園</t>
  </si>
  <si>
    <t>065324</t>
  </si>
  <si>
    <t>065325</t>
  </si>
  <si>
    <t>台はなみずき公園</t>
  </si>
  <si>
    <t>065326</t>
  </si>
  <si>
    <t>津西まつむし公園</t>
  </si>
  <si>
    <t>065327</t>
  </si>
  <si>
    <t>鎌倉山西すみれ公園</t>
  </si>
  <si>
    <t>065328</t>
  </si>
  <si>
    <t>峰ノ下こじか公園</t>
  </si>
  <si>
    <t>065329</t>
  </si>
  <si>
    <t>大船はと公園</t>
  </si>
  <si>
    <t>065330</t>
  </si>
  <si>
    <t>中村ひつじ公園</t>
  </si>
  <si>
    <t>065331</t>
  </si>
  <si>
    <t>下坪かえる公園</t>
  </si>
  <si>
    <t>065332</t>
  </si>
  <si>
    <t>やとのまえぞう公園</t>
  </si>
  <si>
    <t>065333</t>
  </si>
  <si>
    <t>上関きりん公園</t>
  </si>
  <si>
    <t>065334</t>
  </si>
  <si>
    <t>腰越かに公園</t>
  </si>
  <si>
    <t>065335</t>
  </si>
  <si>
    <t>吉ガ沢かえで公園</t>
  </si>
  <si>
    <t>065336</t>
  </si>
  <si>
    <t>笛田くま公園</t>
  </si>
  <si>
    <t>065337</t>
  </si>
  <si>
    <t>七里ガ浜東さざえ公園</t>
  </si>
  <si>
    <t>065338</t>
  </si>
  <si>
    <t>長谷つくし公園</t>
  </si>
  <si>
    <t>065339</t>
  </si>
  <si>
    <t>玉縄とき公園</t>
  </si>
  <si>
    <t>065340</t>
  </si>
  <si>
    <t>若松たんぽぽ公園</t>
  </si>
  <si>
    <t>065341</t>
  </si>
  <si>
    <t>七里ガ浜かもめ公園</t>
  </si>
  <si>
    <t>065342</t>
  </si>
  <si>
    <t>腰越さる公園</t>
  </si>
  <si>
    <t>065343</t>
  </si>
  <si>
    <t>寺分せきれい公園</t>
  </si>
  <si>
    <t>065344</t>
  </si>
  <si>
    <t>長島ふな公園</t>
  </si>
  <si>
    <t>065345</t>
  </si>
  <si>
    <t>片岡どじょう公園</t>
  </si>
  <si>
    <t>065346</t>
  </si>
  <si>
    <t>滝ノ入うさぎ公園</t>
  </si>
  <si>
    <t>065347</t>
  </si>
  <si>
    <t>清水塚きつね公園</t>
  </si>
  <si>
    <t>065348</t>
  </si>
  <si>
    <t>岡本けやき公園</t>
  </si>
  <si>
    <t>065349</t>
  </si>
  <si>
    <t>七里ガ浜あしか公園</t>
  </si>
  <si>
    <t>065350</t>
  </si>
  <si>
    <t>七里ガ浜かめ公園</t>
  </si>
  <si>
    <t>065351</t>
  </si>
  <si>
    <t>七里ガ浜東つつじ公園</t>
  </si>
  <si>
    <t>065352</t>
  </si>
  <si>
    <t>広町パンダ公園</t>
  </si>
  <si>
    <t>065353</t>
  </si>
  <si>
    <t>材木座たぶのき公園</t>
  </si>
  <si>
    <t>065354</t>
  </si>
  <si>
    <t>今泉りす公園</t>
  </si>
  <si>
    <t>065355</t>
  </si>
  <si>
    <t>亀ガ淵公園</t>
  </si>
  <si>
    <t>土管</t>
  </si>
  <si>
    <t>065356</t>
  </si>
  <si>
    <t>植木谷戸公園</t>
  </si>
  <si>
    <t>065357</t>
  </si>
  <si>
    <t>陣屋坂公園</t>
  </si>
  <si>
    <t>065358</t>
  </si>
  <si>
    <t>玉縄五丁目公園</t>
  </si>
  <si>
    <t>065359</t>
  </si>
  <si>
    <t>七里ガ浜東三丁目公園</t>
  </si>
  <si>
    <t>065360</t>
  </si>
  <si>
    <t>日坂あかね公園</t>
  </si>
  <si>
    <t>065361</t>
  </si>
  <si>
    <t>打越東公園</t>
  </si>
  <si>
    <t>065362</t>
  </si>
  <si>
    <t>岡本耕地公園</t>
  </si>
  <si>
    <t>065363</t>
  </si>
  <si>
    <t>上関公園</t>
  </si>
  <si>
    <t>065364</t>
  </si>
  <si>
    <t>岡本外耕地公園</t>
  </si>
  <si>
    <t>065365</t>
  </si>
  <si>
    <t>西鎌倉三丁目公園</t>
  </si>
  <si>
    <t>065366</t>
  </si>
  <si>
    <t>田辺公園</t>
  </si>
  <si>
    <t>065367</t>
  </si>
  <si>
    <t>腰越山王下公園</t>
  </si>
  <si>
    <t>065368</t>
  </si>
  <si>
    <t>065369</t>
  </si>
  <si>
    <t>065370</t>
  </si>
  <si>
    <t>がんだがや南公園</t>
  </si>
  <si>
    <t>065371</t>
  </si>
  <si>
    <t>ききょうやま公園</t>
  </si>
  <si>
    <t>065372</t>
  </si>
  <si>
    <t>七里ガ浜東四丁目公園</t>
  </si>
  <si>
    <t>065373</t>
  </si>
  <si>
    <t>片岡公園</t>
  </si>
  <si>
    <t>065374</t>
  </si>
  <si>
    <t>打越北公園</t>
  </si>
  <si>
    <t>065375</t>
  </si>
  <si>
    <t>玉縄二丁目公園</t>
  </si>
  <si>
    <t>065376</t>
  </si>
  <si>
    <t>鎌倉山西公園</t>
  </si>
  <si>
    <t>水遊び場</t>
  </si>
  <si>
    <t>065377</t>
  </si>
  <si>
    <t>田辺広町公園</t>
  </si>
  <si>
    <t>065378</t>
  </si>
  <si>
    <t>相模陣東公園</t>
  </si>
  <si>
    <t>065379</t>
  </si>
  <si>
    <t>065380</t>
  </si>
  <si>
    <t>清水小路東公園</t>
  </si>
  <si>
    <t>065381</t>
  </si>
  <si>
    <t>打越西公園</t>
  </si>
  <si>
    <t>065382</t>
  </si>
  <si>
    <t>吉ガ沢公園</t>
  </si>
  <si>
    <t>065383</t>
  </si>
  <si>
    <t>びわだ南公園</t>
  </si>
  <si>
    <t>065384</t>
  </si>
  <si>
    <t>びわだ北公園</t>
  </si>
  <si>
    <t>065385</t>
  </si>
  <si>
    <t>上町屋公園</t>
  </si>
  <si>
    <t>065386</t>
  </si>
  <si>
    <t>七里ガ浜東二丁目公園</t>
  </si>
  <si>
    <t>065387</t>
  </si>
  <si>
    <t>七里ガ浜東五丁目公園</t>
  </si>
  <si>
    <t>065388</t>
  </si>
  <si>
    <t>日当公園</t>
  </si>
  <si>
    <t>065389</t>
  </si>
  <si>
    <t>丹後ガ谷公園</t>
  </si>
  <si>
    <t>065390</t>
  </si>
  <si>
    <t>今泉公園</t>
  </si>
  <si>
    <t>065391</t>
  </si>
  <si>
    <t>植谷戸西公園</t>
  </si>
  <si>
    <t>065392</t>
  </si>
  <si>
    <t>滝ノ入北公園</t>
  </si>
  <si>
    <t>065393</t>
  </si>
  <si>
    <t>台亀井公園</t>
  </si>
  <si>
    <t>065394</t>
  </si>
  <si>
    <t>台五丁目公園</t>
  </si>
  <si>
    <t>065395</t>
  </si>
  <si>
    <t>山崎打越公園</t>
  </si>
  <si>
    <t>065396</t>
  </si>
  <si>
    <t>岩瀬上耕地公園</t>
  </si>
  <si>
    <t>065397</t>
  </si>
  <si>
    <t>岡本耕地西公園</t>
  </si>
  <si>
    <t>065398</t>
  </si>
  <si>
    <t>西鎌倉二丁目公園</t>
  </si>
  <si>
    <t>065399</t>
  </si>
  <si>
    <t>十二所公園</t>
  </si>
  <si>
    <t>065400</t>
  </si>
  <si>
    <t>大丸公園</t>
  </si>
  <si>
    <t>065401</t>
  </si>
  <si>
    <t>清水小路公園</t>
  </si>
  <si>
    <t>065402</t>
  </si>
  <si>
    <t>滝ノ入南公園</t>
  </si>
  <si>
    <t>065403</t>
  </si>
  <si>
    <t>065404</t>
  </si>
  <si>
    <t>七里ガ浜二丁目公園</t>
  </si>
  <si>
    <t>065405</t>
  </si>
  <si>
    <t>石原谷戸公園</t>
  </si>
  <si>
    <t>065406</t>
  </si>
  <si>
    <t>七里ガ浜東五丁目北公園</t>
  </si>
  <si>
    <t>065407</t>
  </si>
  <si>
    <t>正福寺公園</t>
  </si>
  <si>
    <t>065408</t>
  </si>
  <si>
    <t>西鎌倉山南公園</t>
  </si>
  <si>
    <t>ラダー、のぼり棒</t>
  </si>
  <si>
    <t>065409</t>
  </si>
  <si>
    <t>萩郷公園</t>
  </si>
  <si>
    <t>065410</t>
  </si>
  <si>
    <t>大平山公園</t>
  </si>
  <si>
    <t>065411</t>
  </si>
  <si>
    <t>一向堂公園</t>
  </si>
  <si>
    <t>065412</t>
  </si>
  <si>
    <t>やとのまえ公園</t>
  </si>
  <si>
    <t>065413</t>
  </si>
  <si>
    <t>高野公園</t>
  </si>
  <si>
    <t>065414</t>
  </si>
  <si>
    <t>西鎌倉山北公園</t>
  </si>
  <si>
    <t>065415</t>
  </si>
  <si>
    <t>がんだがや北公園</t>
  </si>
  <si>
    <t>065416</t>
  </si>
  <si>
    <t>あまなわ神明社子どもの遊び場</t>
  </si>
  <si>
    <t>065417</t>
  </si>
  <si>
    <t>こめまち児童遊園</t>
  </si>
  <si>
    <t>065418</t>
  </si>
  <si>
    <t>二ツ橋児童遊園</t>
  </si>
  <si>
    <t>065419</t>
  </si>
  <si>
    <t>由比ガ浜とびうお公園</t>
  </si>
  <si>
    <t>065420</t>
  </si>
  <si>
    <t>よりとも児童遊園</t>
  </si>
  <si>
    <t>065421</t>
  </si>
  <si>
    <t>いつくしま神社子どもの遊び場</t>
  </si>
  <si>
    <t>065423</t>
  </si>
  <si>
    <t>今泉児童遊園</t>
  </si>
  <si>
    <t>065424</t>
  </si>
  <si>
    <t>今泉青少年広場</t>
  </si>
  <si>
    <t>065425</t>
  </si>
  <si>
    <t>今泉台七丁目クローバー広場</t>
  </si>
  <si>
    <t>065426</t>
  </si>
  <si>
    <t>いわせ下関青少年広場</t>
  </si>
  <si>
    <t>065428</t>
  </si>
  <si>
    <t>いわせ第二児童遊園</t>
  </si>
  <si>
    <t>065431</t>
  </si>
  <si>
    <t>熊野神社子どもの遊び場</t>
  </si>
  <si>
    <t>065432</t>
  </si>
  <si>
    <t>小袋谷子どもの広場</t>
  </si>
  <si>
    <t>065433</t>
  </si>
  <si>
    <t>さくら青少年広場</t>
  </si>
  <si>
    <t>065434</t>
  </si>
  <si>
    <t>台ポニー公園</t>
  </si>
  <si>
    <t>065435</t>
  </si>
  <si>
    <t>東瓜ケ谷子どもの遊び場</t>
  </si>
  <si>
    <t>065436</t>
  </si>
  <si>
    <t>ふじみ児童遊園</t>
  </si>
  <si>
    <t>065437</t>
  </si>
  <si>
    <t>山崎こ線橋下子どもの遊び場</t>
  </si>
  <si>
    <t>065438</t>
  </si>
  <si>
    <t>植木青少年広場</t>
  </si>
  <si>
    <t>065439</t>
  </si>
  <si>
    <t>岡本ゆずりは公園</t>
  </si>
  <si>
    <t>065440</t>
  </si>
  <si>
    <t>城山児童遊園</t>
  </si>
  <si>
    <t>065441</t>
  </si>
  <si>
    <t>たまなわ児童遊園</t>
  </si>
  <si>
    <t>065442</t>
  </si>
  <si>
    <t>やと池児童遊園</t>
  </si>
  <si>
    <t>065443</t>
  </si>
  <si>
    <t>山百合児童遊園</t>
  </si>
  <si>
    <t>065444</t>
  </si>
  <si>
    <t>梶原やまぼうし公園</t>
  </si>
  <si>
    <t>065445</t>
  </si>
  <si>
    <t>梶原六本松公園</t>
  </si>
  <si>
    <t>065446</t>
  </si>
  <si>
    <t>鎌倉山子どもの遊び場</t>
  </si>
  <si>
    <t>065447</t>
  </si>
  <si>
    <t>手広児童遊園</t>
  </si>
  <si>
    <t>065448</t>
  </si>
  <si>
    <t>寺分児童遊園</t>
  </si>
  <si>
    <t>065449</t>
  </si>
  <si>
    <t>笛田子どもの広場</t>
  </si>
  <si>
    <t>065453</t>
  </si>
  <si>
    <t>諏訪ケ谷児童遊園</t>
  </si>
  <si>
    <t>065454</t>
  </si>
  <si>
    <t>諏訪ケ谷青少年広場</t>
  </si>
  <si>
    <t>065455</t>
  </si>
  <si>
    <t>台すすき公園</t>
  </si>
  <si>
    <t>065456</t>
  </si>
  <si>
    <t>岩瀬はや公園</t>
  </si>
  <si>
    <t>065457</t>
  </si>
  <si>
    <t>下坪公園</t>
  </si>
  <si>
    <t>常時開園（管理事務所は8:30～17:15）</t>
  </si>
  <si>
    <t>なし</t>
  </si>
  <si>
    <t>065459</t>
  </si>
  <si>
    <t>神奈川県鎌倉市由比ガ浜4-7-1</t>
  </si>
  <si>
    <t>常時開園</t>
  </si>
  <si>
    <t>065460</t>
  </si>
  <si>
    <t>065461</t>
  </si>
  <si>
    <t>神奈川県鎌倉市坂ノ下34</t>
  </si>
  <si>
    <t>065462</t>
  </si>
  <si>
    <t>鎌倉広町緑地</t>
  </si>
  <si>
    <t>065463</t>
  </si>
  <si>
    <t>津西一丁目公園</t>
  </si>
  <si>
    <t>飛石、平均台</t>
  </si>
  <si>
    <t>065464</t>
  </si>
  <si>
    <t>今泉台六丁目公園</t>
  </si>
  <si>
    <t>065466</t>
  </si>
  <si>
    <t>笛田公園</t>
  </si>
  <si>
    <t>神奈川県鎌倉市笛田3-30-1</t>
  </si>
  <si>
    <t>常時開園（スポーツ施設（テニスコート、野球場）は1月から2月まで、11月から12月までは10時～16時。3月から5月まで、9月から10月までは9時～17時。6月から8月までは8時～18時。）</t>
  </si>
  <si>
    <t>スポーツ施設（テニスコート、野球場）のみ、毎週月曜日（祝日の際は翌日）、12/29～1/3</t>
  </si>
  <si>
    <t>065467</t>
  </si>
  <si>
    <t>夫婦池公園</t>
  </si>
  <si>
    <t>神奈川県鎌倉市鎌倉山2-2-2</t>
  </si>
  <si>
    <t>8:30～17:15</t>
  </si>
  <si>
    <t>12/29～1/3</t>
  </si>
  <si>
    <t>065468</t>
  </si>
  <si>
    <t>六国見山森林公園</t>
  </si>
  <si>
    <t>神奈川県鎌倉市高野36-14外</t>
  </si>
  <si>
    <t>065470</t>
  </si>
  <si>
    <t>源氏山公園</t>
  </si>
  <si>
    <t>065471</t>
  </si>
  <si>
    <t>散在ガ池森林公園</t>
  </si>
  <si>
    <t>065472</t>
  </si>
  <si>
    <t>鎌倉中央公園</t>
  </si>
  <si>
    <t>鎌倉市</t>
  </si>
  <si>
    <t>065474</t>
  </si>
  <si>
    <t>岩瀬下関防災公園</t>
  </si>
  <si>
    <t>065475</t>
  </si>
  <si>
    <t>山ノ内西瓜ヶ谷緑地</t>
  </si>
  <si>
    <t>065476</t>
  </si>
  <si>
    <t>手広1‐1号緑地</t>
  </si>
  <si>
    <t>065477</t>
  </si>
  <si>
    <t>手広1‐2号緑地</t>
  </si>
  <si>
    <t>065478</t>
  </si>
  <si>
    <t>浄明寺緑地</t>
  </si>
  <si>
    <t>065479</t>
  </si>
  <si>
    <t>津1号緑地</t>
  </si>
  <si>
    <t>065480</t>
  </si>
  <si>
    <t>津2‐2号緑地</t>
  </si>
  <si>
    <t>065481</t>
  </si>
  <si>
    <t>笛田一丁目公園</t>
  </si>
  <si>
    <t>075473</t>
  </si>
  <si>
    <t>藤沢市</t>
    <phoneticPr fontId="7"/>
  </si>
  <si>
    <t>大黒橋小公園</t>
  </si>
  <si>
    <t>神奈川県藤沢市遠藤字諸ﾉ木5845-6（橋詰広場）（地番）</t>
  </si>
  <si>
    <t>075474</t>
  </si>
  <si>
    <t>松葉公園</t>
  </si>
  <si>
    <t>神奈川県藤沢市鵠沼松が岡3-6658-16（地番）</t>
  </si>
  <si>
    <t>075475</t>
  </si>
  <si>
    <t>神奈川県藤沢市辻堂元町6-4391-5（地番）</t>
  </si>
  <si>
    <t>075476</t>
  </si>
  <si>
    <t>不動前第三公園</t>
  </si>
  <si>
    <t>神奈川県藤沢市亀井野字不動前778-18（地番）</t>
  </si>
  <si>
    <t>075477</t>
  </si>
  <si>
    <t>南不動前公園</t>
  </si>
  <si>
    <t>神奈川県藤沢市亀井野字不動前797-4（地番）</t>
  </si>
  <si>
    <t>075478</t>
  </si>
  <si>
    <t>神奈川県藤沢市村岡東2-6（地番）</t>
  </si>
  <si>
    <t>075479</t>
  </si>
  <si>
    <t>柄沢小公園</t>
  </si>
  <si>
    <t>神奈川県藤沢市柄沢字本在寺705-4（地番）</t>
  </si>
  <si>
    <t>075480</t>
  </si>
  <si>
    <t>第一宮原公園</t>
  </si>
  <si>
    <t>神奈川県藤沢市宮原字中原3380-2（地番）</t>
  </si>
  <si>
    <t>075481</t>
  </si>
  <si>
    <t>神奈川県藤沢市辻堂東海岸2-7392-3（地番）</t>
  </si>
  <si>
    <t>075482</t>
  </si>
  <si>
    <t>北藤が谷公園</t>
  </si>
  <si>
    <t>神奈川県藤沢市鵠沼藤が谷2-7247-87（地番）</t>
  </si>
  <si>
    <t>075483</t>
  </si>
  <si>
    <t>大鋸天神山公園</t>
  </si>
  <si>
    <t>神奈川県藤沢市大鋸3-789-3（地番）</t>
  </si>
  <si>
    <t>075484</t>
  </si>
  <si>
    <t>宮前川袋公園</t>
  </si>
  <si>
    <t>神奈川県藤沢市宮前字後河内382-23（地番）</t>
  </si>
  <si>
    <t>075485</t>
  </si>
  <si>
    <t>片瀬3丁目まちかど公園</t>
    <rPh sb="9" eb="11">
      <t>コウエン</t>
    </rPh>
    <phoneticPr fontId="7"/>
  </si>
  <si>
    <t>神奈川県藤沢市片瀬3-2521-1（地番）</t>
  </si>
  <si>
    <t>075486</t>
  </si>
  <si>
    <t>鵠南公園</t>
  </si>
  <si>
    <t>神奈川県藤沢市鵠沼海岸5-4339-5（地番）</t>
  </si>
  <si>
    <t>075487</t>
  </si>
  <si>
    <t>北渋谷ケ原公園</t>
  </si>
  <si>
    <t>神奈川県藤沢市下土棚字渋谷ﾉ原211-7（地番）</t>
  </si>
  <si>
    <t>075488</t>
  </si>
  <si>
    <t>藤原公園</t>
  </si>
  <si>
    <t>神奈川県藤沢市鵠沼海岸6-3941-4（地番）</t>
  </si>
  <si>
    <t>075489</t>
  </si>
  <si>
    <t>西不動前公園</t>
  </si>
  <si>
    <t>神奈川県藤沢市亀井野字不動前833-27（地番）</t>
  </si>
  <si>
    <t>075490</t>
  </si>
  <si>
    <t>羽鳥公園</t>
  </si>
  <si>
    <t>神奈川県藤沢市羽鳥4-957-27（地番）</t>
  </si>
  <si>
    <t>075491</t>
  </si>
  <si>
    <t>第二伊勢山辺公園</t>
  </si>
  <si>
    <t>神奈川県藤沢市白旗4-2545-9（地番）</t>
  </si>
  <si>
    <t>075492</t>
  </si>
  <si>
    <t>村岡東二丁目まちかど公園</t>
  </si>
  <si>
    <t>神奈川県藤沢市村岡東2-104-10（地番）</t>
  </si>
  <si>
    <t>075493</t>
  </si>
  <si>
    <t>御伊勢宮公園</t>
  </si>
  <si>
    <t>神奈川県藤沢市城南3-351-11（地番）</t>
  </si>
  <si>
    <t>075494</t>
  </si>
  <si>
    <t>第二下土棚公園</t>
  </si>
  <si>
    <t>神奈川県藤沢市下土棚字谷戸433-3（地番）</t>
  </si>
  <si>
    <t>075495</t>
  </si>
  <si>
    <t>花の木第二公園</t>
  </si>
  <si>
    <t>神奈川県藤沢市花の木5358-4（地番）</t>
  </si>
  <si>
    <t>075496</t>
  </si>
  <si>
    <t>西原まちかど公園</t>
  </si>
  <si>
    <t>神奈川県藤沢市片瀬5-2142-3（地番）</t>
  </si>
  <si>
    <t>075497</t>
  </si>
  <si>
    <t>獺郷雷公園</t>
  </si>
  <si>
    <t>神奈川県藤沢市獺郷字雷736-49（地番）</t>
  </si>
  <si>
    <t>075498</t>
  </si>
  <si>
    <t>がる池東公園</t>
  </si>
  <si>
    <t>神奈川県藤沢市辻堂新町3-3829-3（地番）</t>
  </si>
  <si>
    <t>075499</t>
  </si>
  <si>
    <t>南仲通り公園</t>
  </si>
  <si>
    <t>神奈川県藤沢市藤沢字中横須賀926-4（地番）</t>
  </si>
  <si>
    <t>075500</t>
  </si>
  <si>
    <t>さいかち西公園</t>
  </si>
  <si>
    <t>神奈川県藤沢市高倉字槐戸483-17（地番）</t>
  </si>
  <si>
    <t>075501</t>
  </si>
  <si>
    <t>上谷戸第三公園</t>
  </si>
  <si>
    <t>神奈川県藤沢市高倉字上谷戸610-2（地番）</t>
  </si>
  <si>
    <t>075502</t>
  </si>
  <si>
    <t>南高根公園</t>
  </si>
  <si>
    <t>神奈川県藤沢市鵠沼海岸5-4347-11（地番）</t>
  </si>
  <si>
    <t>075503</t>
  </si>
  <si>
    <t>四ツ谷公園</t>
  </si>
  <si>
    <t>神奈川県藤沢市羽鳥1-8（地番）</t>
  </si>
  <si>
    <t>075504</t>
  </si>
  <si>
    <t>円行滝の沢公園</t>
  </si>
  <si>
    <t>神奈川県藤沢市円行字滝之沢826-17（地番）</t>
  </si>
  <si>
    <t>075505</t>
  </si>
  <si>
    <t>下藤が谷南公園</t>
  </si>
  <si>
    <t>神奈川県藤沢市鵠沼松が岡1-7393-326（地番）</t>
  </si>
  <si>
    <t>075506</t>
  </si>
  <si>
    <t>神奈川県藤沢市辻堂元町2-3100-26（地番）</t>
  </si>
  <si>
    <t>075507</t>
  </si>
  <si>
    <t>神奈川県藤沢市片瀬3-1418-10（地番）</t>
  </si>
  <si>
    <t>075508</t>
  </si>
  <si>
    <t>西谷公園</t>
  </si>
  <si>
    <t>神奈川県藤沢市亀井野字西谷1085-48（地番）</t>
  </si>
  <si>
    <t>075509</t>
  </si>
  <si>
    <t>西原北公園</t>
  </si>
  <si>
    <t>神奈川県藤沢市片瀬5-2159-6（地番）</t>
  </si>
  <si>
    <t>075510</t>
  </si>
  <si>
    <t>用田東原公園</t>
  </si>
  <si>
    <t>神奈川県藤沢市宮原字東原3640-3（地番）</t>
  </si>
  <si>
    <t>075511</t>
  </si>
  <si>
    <t>後山公園</t>
  </si>
  <si>
    <t>神奈川県藤沢市辻堂新町2-2489-5（地番）</t>
  </si>
  <si>
    <t>075512</t>
  </si>
  <si>
    <t>女坂台公園</t>
  </si>
  <si>
    <t>神奈川県藤沢市葛原字女坂台265-3（地番）</t>
  </si>
  <si>
    <t>075513</t>
  </si>
  <si>
    <t>滝の上第二公園</t>
  </si>
  <si>
    <t>神奈川県藤沢市高倉字滝ﾉ上2425-3（地番）</t>
  </si>
  <si>
    <t>075514</t>
  </si>
  <si>
    <t>天神下公園</t>
  </si>
  <si>
    <t>神奈川県藤沢市大鋸3-720-63（地番）</t>
  </si>
  <si>
    <t>075515</t>
  </si>
  <si>
    <t>大鋸東公園</t>
  </si>
  <si>
    <t>神奈川県藤沢市大鋸3-720-71（地番）</t>
  </si>
  <si>
    <t>075516</t>
  </si>
  <si>
    <t>神奈川県藤沢市藤沢字東横須賀617--14（地番）</t>
  </si>
  <si>
    <t>075517</t>
  </si>
  <si>
    <t>藤が谷小公園</t>
  </si>
  <si>
    <t>神奈川県藤沢市鵠沼藤が谷2-7155-133（地番）</t>
  </si>
  <si>
    <t>075518</t>
  </si>
  <si>
    <t>石名坂第二公園</t>
  </si>
  <si>
    <t>神奈川県藤沢市本藤沢6070-4（地番）</t>
  </si>
  <si>
    <t>075519</t>
  </si>
  <si>
    <t>長後天神添西公園</t>
  </si>
  <si>
    <t>神奈川県藤沢市長後1381-3外5筆（地番）</t>
  </si>
  <si>
    <t>075520</t>
  </si>
  <si>
    <t>小栗塚公園</t>
  </si>
  <si>
    <t>神奈川県藤沢市西俣野字北窪315-9（地番）</t>
  </si>
  <si>
    <t>075521</t>
  </si>
  <si>
    <t>大越公園</t>
  </si>
  <si>
    <t>神奈川県藤沢市善行坂1-3934-37（地番）</t>
  </si>
  <si>
    <t>075523</t>
  </si>
  <si>
    <t>菖蒲沢境第三公園</t>
  </si>
  <si>
    <t>神奈川県藤沢市遠藤字菖蒲沢境3581-20（地番）</t>
  </si>
  <si>
    <t>075524</t>
  </si>
  <si>
    <t>神奈川県藤沢市藤沢2-1883-5（地番）</t>
  </si>
  <si>
    <t>075525</t>
  </si>
  <si>
    <t>永山小公園</t>
  </si>
  <si>
    <t>神奈川県藤沢市遠藤字永山752-11（地番）</t>
  </si>
  <si>
    <t>075526</t>
  </si>
  <si>
    <t>辻堂砂場公園</t>
  </si>
  <si>
    <t>神奈川県藤沢市辻堂3-7279-4（地番）</t>
  </si>
  <si>
    <t>075527</t>
  </si>
  <si>
    <t>下の谷東公園</t>
  </si>
  <si>
    <t>神奈川県藤沢市城南2-722-8（地番）</t>
  </si>
  <si>
    <t>075528</t>
  </si>
  <si>
    <t>天神添公園</t>
  </si>
  <si>
    <t>神奈川県藤沢市長後宇宿上分1128-6（地番）</t>
  </si>
  <si>
    <t>075529</t>
  </si>
  <si>
    <t>羽鳥うちこし公園</t>
  </si>
  <si>
    <t>神奈川県藤沢市羽鳥3-1280-33（地番）</t>
  </si>
  <si>
    <t>075530</t>
  </si>
  <si>
    <t>土橋公園</t>
  </si>
  <si>
    <t>神奈川県藤沢市亀井野字不動上461-5（地番）</t>
  </si>
  <si>
    <t>075531</t>
  </si>
  <si>
    <t>海南公園</t>
  </si>
  <si>
    <t>神奈川県藤沢市片瀬山1-649-56（地番）</t>
  </si>
  <si>
    <t>075532</t>
  </si>
  <si>
    <t>辻堂東海岸１丁目公園</t>
  </si>
  <si>
    <t>神奈川県藤沢市辻堂東海岸1-7285-349（地番）</t>
  </si>
  <si>
    <t>075534</t>
  </si>
  <si>
    <t>川名仲丸第二公園</t>
  </si>
  <si>
    <t>神奈川県藤沢市川名字仲丸831-4（地番）</t>
  </si>
  <si>
    <t>075535</t>
  </si>
  <si>
    <t>とどろき公園</t>
  </si>
  <si>
    <t>神奈川県藤沢市湘南台4-37-5（地番）</t>
  </si>
  <si>
    <t>075536</t>
  </si>
  <si>
    <t>不動前第二公園</t>
  </si>
  <si>
    <t>神奈川県藤沢市亀井野字不動前784-24（地番）</t>
  </si>
  <si>
    <t>075537</t>
  </si>
  <si>
    <t>神台まちかど公園</t>
  </si>
  <si>
    <t>神奈川県藤沢市辻堂神台2-725-2（地番）</t>
  </si>
  <si>
    <t>075538</t>
  </si>
  <si>
    <t>坂上公園</t>
  </si>
  <si>
    <t>神奈川県藤沢市大鋸3-122-9（地番）</t>
  </si>
  <si>
    <t>075539</t>
  </si>
  <si>
    <t>東浜小公園</t>
  </si>
  <si>
    <t>神奈川県藤沢市片瀬海岸1-2890-6（地番）</t>
  </si>
  <si>
    <t>075540</t>
  </si>
  <si>
    <t>第二諏訪棚公園</t>
  </si>
  <si>
    <t>神奈川県藤沢市下土棚字諏訪棚1792-21（地番）</t>
  </si>
  <si>
    <t>075541</t>
  </si>
  <si>
    <t>西犬久保公園</t>
  </si>
  <si>
    <t>神奈川県藤沢市亀井野1-25-18（地番）</t>
  </si>
  <si>
    <t>075542</t>
  </si>
  <si>
    <t>石名坂第三公園</t>
  </si>
  <si>
    <t>神奈川県藤沢市稲荷1-127-118（地番）</t>
  </si>
  <si>
    <t>075543</t>
  </si>
  <si>
    <t>神奈川県藤沢市片瀬海岸1-2860-6（地番）</t>
  </si>
  <si>
    <t>075545</t>
  </si>
  <si>
    <t>太洋公園</t>
  </si>
  <si>
    <t>神奈川県藤沢市城南1-67-177（地番）</t>
  </si>
  <si>
    <t>075546</t>
  </si>
  <si>
    <t>弥勒寺第二公園</t>
  </si>
  <si>
    <t>神奈川県藤沢市弥勒寺1-273-1（地番）</t>
  </si>
  <si>
    <t>075547</t>
  </si>
  <si>
    <t>上谷台公園</t>
  </si>
  <si>
    <t>神奈川県藤沢市長後字上谷台2606-45（地番）</t>
  </si>
  <si>
    <t>075548</t>
  </si>
  <si>
    <t>小塚東公園</t>
  </si>
  <si>
    <t>神奈川県藤沢市小塚字裏河内41-21（地番）</t>
  </si>
  <si>
    <t>075549</t>
  </si>
  <si>
    <t>中横須賀公園</t>
  </si>
  <si>
    <t>神奈川県藤沢市本町4-1336-1（地番）</t>
  </si>
  <si>
    <t>075550</t>
  </si>
  <si>
    <t>神奈川県藤沢市片瀬海岸1-2619-26（地番）</t>
  </si>
  <si>
    <t>075551</t>
  </si>
  <si>
    <t>神奈川県藤沢市本鵠沼4-3443-2（地番）</t>
  </si>
  <si>
    <t>075553</t>
  </si>
  <si>
    <t>第一伊勢山辺公園</t>
  </si>
  <si>
    <t>神奈川県藤沢市白旗3-2493-9（地番）</t>
  </si>
  <si>
    <t>075554</t>
  </si>
  <si>
    <t>善行第二公園</t>
  </si>
  <si>
    <t>神奈川県藤沢市本藤沢5-4576-7（地番）</t>
  </si>
  <si>
    <t>075555</t>
  </si>
  <si>
    <t>不動前公園</t>
  </si>
  <si>
    <t>神奈川県藤沢市亀井野字不動前653-2（地番）</t>
  </si>
  <si>
    <t>075556</t>
  </si>
  <si>
    <t>善行唐池公園</t>
  </si>
  <si>
    <t>神奈川県藤沢市善行坂1-4709-2（地番）</t>
  </si>
  <si>
    <t>075557</t>
  </si>
  <si>
    <t>大上公園</t>
  </si>
  <si>
    <t>神奈川県藤沢市菖蒲沢字大上59-25（地番）</t>
  </si>
  <si>
    <t>075558</t>
  </si>
  <si>
    <t>大源太公園</t>
  </si>
  <si>
    <t>神奈川県藤沢市片瀬字大源太360-12（地番）</t>
  </si>
  <si>
    <t>075559</t>
  </si>
  <si>
    <t>丸岡公園</t>
  </si>
  <si>
    <t>神奈川県藤沢市湘南台6-23（地番）</t>
  </si>
  <si>
    <t>075560</t>
  </si>
  <si>
    <t>神奈川県藤沢市藤沢字中横須賀933-1（地番）</t>
  </si>
  <si>
    <t>075562</t>
  </si>
  <si>
    <t>石名坂公園</t>
  </si>
  <si>
    <t>神奈川県藤沢市本藤沢1-6188-196（地番）</t>
  </si>
  <si>
    <t>075563</t>
  </si>
  <si>
    <t>神奈川県藤沢市遠藤字打越6708（地番）</t>
  </si>
  <si>
    <t>075564</t>
  </si>
  <si>
    <t>上谷戸公園</t>
  </si>
  <si>
    <t>神奈川県藤沢市高倉字上谷戸670-1（地番）</t>
  </si>
  <si>
    <t>075565</t>
  </si>
  <si>
    <t>勘久公園</t>
  </si>
  <si>
    <t>神奈川県藤沢市辻堂6-6400-1（地番）</t>
  </si>
  <si>
    <t>075566</t>
  </si>
  <si>
    <t>前河内公園</t>
  </si>
  <si>
    <t>神奈川県藤沢市宮前字後河内425-1（地番）</t>
  </si>
  <si>
    <t>075567</t>
  </si>
  <si>
    <t>大原公園</t>
  </si>
  <si>
    <t>神奈川県藤沢市本藤沢3-4957-150（地番）</t>
  </si>
  <si>
    <t>075568</t>
  </si>
  <si>
    <t>諏訪棚公園</t>
  </si>
  <si>
    <t>神奈川県藤沢市下土棚字諏訪棚1846-2（地番）</t>
  </si>
  <si>
    <t>075569</t>
  </si>
  <si>
    <t>川名仲丸公園</t>
  </si>
  <si>
    <t>神奈川県藤沢市川名字仲丸855-15（地番）</t>
  </si>
  <si>
    <t>075570</t>
  </si>
  <si>
    <t>湘洋公園</t>
  </si>
  <si>
    <t>神奈川県藤沢市鵠沼海岸4-5218-369（地番）</t>
  </si>
  <si>
    <t>075571</t>
  </si>
  <si>
    <t>南蛙池公園</t>
  </si>
  <si>
    <t>神奈川県藤沢市辻堂新町3-3689-7（地番）</t>
  </si>
  <si>
    <t>075572</t>
  </si>
  <si>
    <t>北浜見山公園</t>
  </si>
  <si>
    <t>神奈川県藤沢市辻堂東海岸1-7239-193（地番）</t>
  </si>
  <si>
    <t>075573</t>
  </si>
  <si>
    <t>下土棚公園</t>
  </si>
  <si>
    <t>神奈川県藤沢市下土棚字奥田615-3（地番）</t>
  </si>
  <si>
    <t>075574</t>
  </si>
  <si>
    <t>鵠沼公園</t>
  </si>
  <si>
    <t>神奈川県藤沢市鵠沼海岸6-4212-17（地番）</t>
  </si>
  <si>
    <t>075575</t>
  </si>
  <si>
    <t>遠藤丸山公園</t>
  </si>
  <si>
    <t>神奈川県藤沢市遠藤矢向885（地番）</t>
  </si>
  <si>
    <t>075576</t>
  </si>
  <si>
    <t>一木公園</t>
  </si>
  <si>
    <t>神奈川県藤沢市鵠沼松が岡4-6327-6（地番）</t>
  </si>
  <si>
    <t>075577</t>
  </si>
  <si>
    <t>羽鳥四丁目公園</t>
  </si>
  <si>
    <t>神奈川県藤沢市羽鳥4-931-9（地番）</t>
  </si>
  <si>
    <t>075578</t>
  </si>
  <si>
    <t>神奈川県藤沢市辻堂新町2-1265-7（地番）</t>
  </si>
  <si>
    <t>075579</t>
  </si>
  <si>
    <t>第二立石公園</t>
  </si>
  <si>
    <t>神奈川県藤沢市立石1-6499（地番）</t>
  </si>
  <si>
    <t>075580</t>
  </si>
  <si>
    <t>狼谷公園</t>
  </si>
  <si>
    <t>神奈川県藤沢市亀井野字狼谷914（地番）</t>
  </si>
  <si>
    <t>075581</t>
  </si>
  <si>
    <t>菖蒲沢境第二公園</t>
  </si>
  <si>
    <t>神奈川県藤沢市遠藤字菖蒲沢境3642（地番）</t>
  </si>
  <si>
    <t>075582</t>
  </si>
  <si>
    <t>鵠沼桜が岡公園</t>
  </si>
  <si>
    <t>神奈川県藤沢市鵠沼桜が岡4-2876-2（地番）</t>
  </si>
  <si>
    <t>075583</t>
  </si>
  <si>
    <t>善行坂緑地</t>
  </si>
  <si>
    <t>神奈川県藤沢市善行坂1-4630-66（地番）</t>
  </si>
  <si>
    <t>075584</t>
  </si>
  <si>
    <t>神奈川県藤沢市遠藤字打越6702（地番）</t>
  </si>
  <si>
    <t>075585</t>
  </si>
  <si>
    <t>梅里公園</t>
  </si>
  <si>
    <t>神奈川県藤沢市本藤沢5-4529-18（地番）</t>
  </si>
  <si>
    <t>075586</t>
  </si>
  <si>
    <t>猪王面公園</t>
  </si>
  <si>
    <t>神奈川県藤沢市辻堂元町6-300（地番）</t>
  </si>
  <si>
    <t>075587</t>
  </si>
  <si>
    <t>北窪公園</t>
  </si>
  <si>
    <t>神奈川県藤沢市西俣野字北窪114-10（地番）</t>
  </si>
  <si>
    <t>075588</t>
  </si>
  <si>
    <t>駅前町公園</t>
  </si>
  <si>
    <t>神奈川県藤沢市辻堂2-1684（地番）</t>
  </si>
  <si>
    <t>075589</t>
  </si>
  <si>
    <t>善行北唐池公園</t>
  </si>
  <si>
    <t>神奈川県藤沢市善行団地3870-7（地番）</t>
  </si>
  <si>
    <t>075590</t>
  </si>
  <si>
    <t>葛原公園</t>
  </si>
  <si>
    <t>神奈川県藤沢市葛原字滝谷1919-1（地番）</t>
  </si>
  <si>
    <t>075591</t>
  </si>
  <si>
    <t>白旗廻り公園</t>
  </si>
  <si>
    <t>神奈川県藤沢市白旗1-2074-3（地番）</t>
  </si>
  <si>
    <t>075592</t>
  </si>
  <si>
    <t>神奈川県藤沢市弥勒寺4-727-5（地番）</t>
  </si>
  <si>
    <t>075593</t>
  </si>
  <si>
    <t>上谷戸第二公園</t>
  </si>
  <si>
    <t>神奈川県藤沢市高倉字上谷戸637-6（地番）</t>
  </si>
  <si>
    <t>075594</t>
  </si>
  <si>
    <t>上岡公園</t>
  </si>
  <si>
    <t>神奈川県藤沢市鵠沼桜が岡3-6086-9（地番）</t>
  </si>
  <si>
    <t>075595</t>
  </si>
  <si>
    <t>長後第二公園</t>
  </si>
  <si>
    <t>神奈川県藤沢市下土棚字谷戸255-1（地番）</t>
  </si>
  <si>
    <t>075596</t>
  </si>
  <si>
    <t>若尾山公園</t>
  </si>
  <si>
    <t>神奈川県藤沢市朝日町7（地番）</t>
  </si>
  <si>
    <t>075597</t>
  </si>
  <si>
    <t>小糸公園</t>
  </si>
  <si>
    <t>神奈川県藤沢市大庭字小糸5096（地番）</t>
  </si>
  <si>
    <t>075598</t>
  </si>
  <si>
    <t>太平台公園</t>
  </si>
  <si>
    <t>神奈川県藤沢市辻堂太平台1-15-8（地番）</t>
  </si>
  <si>
    <t>075599</t>
  </si>
  <si>
    <t>本在寺北公園</t>
  </si>
  <si>
    <t>神奈川県藤沢市渡内字本在寺957（地番）</t>
  </si>
  <si>
    <t>075600</t>
  </si>
  <si>
    <t>下原公園</t>
  </si>
  <si>
    <t>神奈川県藤沢市湘南台6-30（地番）</t>
  </si>
  <si>
    <t>075601</t>
  </si>
  <si>
    <t>坂下公園</t>
  </si>
  <si>
    <t>神奈川県藤沢市弥勒寺3-59-3（地番）</t>
  </si>
  <si>
    <t>075602</t>
  </si>
  <si>
    <t>初多良公園</t>
  </si>
  <si>
    <t>神奈川県藤沢市辻堂2-1180（地番）</t>
  </si>
  <si>
    <t>075603</t>
  </si>
  <si>
    <t>椎の実公園</t>
  </si>
  <si>
    <t>神奈川県藤沢市善行3-3（地番）</t>
  </si>
  <si>
    <t>075604</t>
  </si>
  <si>
    <t>村岡東二丁目公園</t>
  </si>
  <si>
    <t>神奈川県藤沢市村岡東2-108-2（地番）</t>
  </si>
  <si>
    <t>075605</t>
  </si>
  <si>
    <t>橘公園</t>
  </si>
  <si>
    <t>神奈川県藤沢市鵠沼橘1-23（地番）</t>
  </si>
  <si>
    <t>075606</t>
  </si>
  <si>
    <t>小糸まちかど公園</t>
  </si>
  <si>
    <t>神奈川県藤沢市大庭字小糸5130-3（地番）</t>
  </si>
  <si>
    <t>075607</t>
  </si>
  <si>
    <t>高根公園</t>
  </si>
  <si>
    <t>神奈川県藤沢市鵠沼海岸5-4293-12（地番）</t>
  </si>
  <si>
    <t>075608</t>
  </si>
  <si>
    <t>第二花立公園</t>
  </si>
  <si>
    <t>神奈川県藤沢市本鵠沼1-1650-14（地番）</t>
  </si>
  <si>
    <t>075609</t>
  </si>
  <si>
    <t>御幣下公園</t>
  </si>
  <si>
    <t>神奈川県藤沢市弥勒寺4-691-1（地番）</t>
  </si>
  <si>
    <t>075610</t>
  </si>
  <si>
    <t>神奈川県藤沢市立石1-2534（地番）</t>
  </si>
  <si>
    <t>075611</t>
  </si>
  <si>
    <t>観音上公園</t>
  </si>
  <si>
    <t>神奈川県藤沢市柄沢特定土地区画整理事業66街区内（地番）</t>
  </si>
  <si>
    <t>075612</t>
  </si>
  <si>
    <t>青葉公園</t>
  </si>
  <si>
    <t>神奈川県藤沢市湘南台1-36（地番）</t>
  </si>
  <si>
    <t>075613</t>
  </si>
  <si>
    <t>後河内公園</t>
  </si>
  <si>
    <t>神奈川県藤沢市宮前字後河内372-1（地番）</t>
  </si>
  <si>
    <t>075614</t>
  </si>
  <si>
    <t>稲荷中郷公園</t>
  </si>
  <si>
    <t>神奈川県藤沢市稲荷1-127-275（地番）</t>
  </si>
  <si>
    <t>075615</t>
  </si>
  <si>
    <t>花沢公園</t>
  </si>
  <si>
    <t>神奈川県藤沢市鵠沼花沢町1786-1（地番）</t>
  </si>
  <si>
    <t>075616</t>
  </si>
  <si>
    <t>渋谷の里公園</t>
  </si>
  <si>
    <t>神奈川県藤沢市下土棚字渋谷の里1109（地番）</t>
  </si>
  <si>
    <t>075617</t>
  </si>
  <si>
    <t>茅山公園</t>
  </si>
  <si>
    <t>神奈川県藤沢市善行坂1-4694（地番）</t>
  </si>
  <si>
    <t>075618</t>
  </si>
  <si>
    <t>内田公園</t>
  </si>
  <si>
    <t>神奈川県藤沢市鵠沼神明4-364-1（地番）</t>
  </si>
  <si>
    <t>075619</t>
  </si>
  <si>
    <t>錦公園</t>
  </si>
  <si>
    <t>神奈川県藤沢市鵠沼字花立1574-1（地番）</t>
  </si>
  <si>
    <t>075620</t>
  </si>
  <si>
    <t>善行二丁目緑地</t>
  </si>
  <si>
    <t>神奈川県藤沢市善行2-26-9（地番）</t>
  </si>
  <si>
    <t>075621</t>
  </si>
  <si>
    <t>片瀬５丁目まちかど公園</t>
  </si>
  <si>
    <t>神奈川県藤沢市片瀬5-2004-1（地番）</t>
  </si>
  <si>
    <t>075623</t>
  </si>
  <si>
    <t>神奈川県藤沢市辻堂元町5-5309（地番）</t>
  </si>
  <si>
    <t>075624</t>
  </si>
  <si>
    <t>長後公園</t>
  </si>
  <si>
    <t>神奈川県藤沢市長後宇宿下分681-4（地番）</t>
  </si>
  <si>
    <t>075625</t>
  </si>
  <si>
    <t>砥上公園</t>
  </si>
  <si>
    <t>神奈川県藤沢市鵠沼石上1-13（地番）</t>
  </si>
  <si>
    <t>075626</t>
  </si>
  <si>
    <t>神台北公園</t>
  </si>
  <si>
    <t>神奈川県藤沢市辻堂神台2-729-1（地番）</t>
  </si>
  <si>
    <t>075627</t>
  </si>
  <si>
    <t>秩父公園</t>
  </si>
  <si>
    <t>神奈川県藤沢市鵠沼桜が岡4-2477-18（地番）</t>
  </si>
  <si>
    <t>075628</t>
  </si>
  <si>
    <t>宝珠公園</t>
  </si>
  <si>
    <t>神奈川県藤沢市辻堂元町2-2978-1（地番）</t>
  </si>
  <si>
    <t>075629</t>
  </si>
  <si>
    <t>北町公園</t>
  </si>
  <si>
    <t>神奈川県藤沢市辻堂元町3-2717-1（地番）</t>
  </si>
  <si>
    <t>075630</t>
  </si>
  <si>
    <t>白旗廻り第二公園</t>
    <phoneticPr fontId="7"/>
  </si>
  <si>
    <t>神奈川県藤沢市白旗2-14-1（地番）</t>
  </si>
  <si>
    <t>075631</t>
  </si>
  <si>
    <t>渡内北公園</t>
  </si>
  <si>
    <t>神奈川県藤沢市渡内字本在寺948（地番）</t>
  </si>
  <si>
    <t>075632</t>
  </si>
  <si>
    <t>大道東公園</t>
  </si>
  <si>
    <t>神奈川県藤沢市朝日町17（地番）</t>
  </si>
  <si>
    <t>075633</t>
  </si>
  <si>
    <t>神奈川県藤沢市天神町3-31（地番）</t>
  </si>
  <si>
    <t>075634</t>
  </si>
  <si>
    <t>辻堂高砂西公園</t>
  </si>
  <si>
    <t>神奈川県藤沢市辻堂6-7269-1（地番）</t>
  </si>
  <si>
    <t>075635</t>
  </si>
  <si>
    <t>辻堂高砂東公園</t>
  </si>
  <si>
    <t>神奈川県藤沢市辻堂5-7257-6（地番）</t>
  </si>
  <si>
    <t>075636</t>
  </si>
  <si>
    <t>いけのかしら公園</t>
  </si>
  <si>
    <t>神奈川県藤沢市遠藤字向原2983-1（地番）</t>
  </si>
  <si>
    <t>075637</t>
  </si>
  <si>
    <t>浜見山公園</t>
  </si>
  <si>
    <t>神奈川県藤沢市辻堂西海岸1-7181-48（地番）</t>
  </si>
  <si>
    <t>075638</t>
  </si>
  <si>
    <t>富士公園</t>
  </si>
  <si>
    <t>神奈川県藤沢市藤沢字中横須賀965-1（地番）</t>
  </si>
  <si>
    <t>075639</t>
  </si>
  <si>
    <t>桐原緑地</t>
  </si>
  <si>
    <t>神奈川県藤沢市桐原町36-1（地番）</t>
  </si>
  <si>
    <t>075640</t>
  </si>
  <si>
    <t>矢向公園</t>
  </si>
  <si>
    <t>神奈川県藤沢市遠藤字矢向867-1（地番）</t>
  </si>
  <si>
    <t>075641</t>
  </si>
  <si>
    <t>天岳公園</t>
  </si>
  <si>
    <t>神奈川県藤沢市渡内1-280-2（地番）</t>
  </si>
  <si>
    <t>075642</t>
  </si>
  <si>
    <t>亀井野緑地</t>
  </si>
  <si>
    <t>神奈川県藤沢市亀井野字不動上457-1（地番）</t>
  </si>
  <si>
    <t>075643</t>
  </si>
  <si>
    <t>神奈川県藤沢市羽鳥1-1001-6（地番）</t>
  </si>
  <si>
    <t>075644</t>
  </si>
  <si>
    <t>下岡公園</t>
  </si>
  <si>
    <t>神奈川県藤沢市鵠沼松が岡3-6703-268（地番）</t>
  </si>
  <si>
    <t>075645</t>
  </si>
  <si>
    <t>下ノ根第二公園</t>
  </si>
  <si>
    <t>神奈川県藤沢市石川2-5-18（地番）</t>
  </si>
  <si>
    <t>075646</t>
  </si>
  <si>
    <t>鯉ヶ淵公園</t>
  </si>
  <si>
    <t>神奈川県藤沢市西富2-1352-11（地番）</t>
  </si>
  <si>
    <t>075647</t>
  </si>
  <si>
    <t>円行下原公園</t>
  </si>
  <si>
    <t>神奈川県藤沢市円行2-15-4（地番）</t>
  </si>
  <si>
    <t>075648</t>
  </si>
  <si>
    <t>神奈川県藤沢市長後字上原1253-3（地番）</t>
  </si>
  <si>
    <t>075649</t>
  </si>
  <si>
    <t>今田公園</t>
  </si>
  <si>
    <t>神奈川県藤沢市湘南台7-41（地番）</t>
  </si>
  <si>
    <t>075650</t>
  </si>
  <si>
    <t>片瀬山東公園</t>
  </si>
  <si>
    <t>神奈川県藤沢市片瀬山3-1050-151（地番）</t>
  </si>
  <si>
    <t>075651</t>
  </si>
  <si>
    <t>花ノ木公園</t>
  </si>
  <si>
    <t>神奈川県藤沢市藤沢3-5612-16（地番）</t>
  </si>
  <si>
    <t>075652</t>
  </si>
  <si>
    <t>駒形公園</t>
  </si>
  <si>
    <t>神奈川県藤沢市羽鳥4-500（地番）</t>
  </si>
  <si>
    <t>075653</t>
  </si>
  <si>
    <t>堂面第二公園</t>
  </si>
  <si>
    <t>神奈川県藤沢市辻堂太平台1-5（地番）</t>
  </si>
  <si>
    <t>075654</t>
  </si>
  <si>
    <t>東奥田公園</t>
  </si>
  <si>
    <t>神奈川県藤沢市南藤沢24-3（地番）</t>
  </si>
  <si>
    <t>075655</t>
  </si>
  <si>
    <t>天岳院下公園</t>
  </si>
  <si>
    <t>神奈川県藤沢市渡内2-480-1（地番）</t>
  </si>
  <si>
    <t>075656</t>
  </si>
  <si>
    <t>南永山公園</t>
  </si>
  <si>
    <t>神奈川県藤沢市遠藤字永山729-3（地番）</t>
  </si>
  <si>
    <t>075657</t>
  </si>
  <si>
    <t>川名森久公園</t>
  </si>
  <si>
    <t>神奈川県藤沢市川名字森久181-22（地番）</t>
  </si>
  <si>
    <t>075658</t>
  </si>
  <si>
    <t>田島山公園</t>
  </si>
  <si>
    <t>神奈川県藤沢市天神町1-13（地番）</t>
  </si>
  <si>
    <t>075659</t>
  </si>
  <si>
    <t>辻堂西海岸二丁目公園</t>
  </si>
  <si>
    <t>神奈川県藤沢市辻堂西海岸2-7181-34（地番）</t>
  </si>
  <si>
    <t>075660</t>
  </si>
  <si>
    <t>西小ケ谷公園</t>
  </si>
  <si>
    <t>神奈川県藤沢市大庭字小ｹ谷5334-3（地番）</t>
  </si>
  <si>
    <t>075661</t>
  </si>
  <si>
    <t>大鋸まちかど公園</t>
  </si>
  <si>
    <t>神奈川県藤沢市大鋸字丸山1008-1（地番）</t>
  </si>
  <si>
    <t>075662</t>
  </si>
  <si>
    <t>神奈川県藤沢市湘南台3-28（地番）</t>
  </si>
  <si>
    <t>075663</t>
  </si>
  <si>
    <t>四ツ辻公園</t>
  </si>
  <si>
    <t>神奈川県藤沢市湘南台1-17（地番）</t>
  </si>
  <si>
    <t>075664</t>
  </si>
  <si>
    <t>北の谷公園</t>
  </si>
  <si>
    <t>神奈川県藤沢市大庭字丸山5448-1（地番）</t>
  </si>
  <si>
    <t>075665</t>
  </si>
  <si>
    <t>高砂公園</t>
  </si>
  <si>
    <t>神奈川県藤沢市鵠沼石上2-22-2（地番）</t>
  </si>
  <si>
    <t>075666</t>
  </si>
  <si>
    <t>片瀬山西公園</t>
  </si>
  <si>
    <t>神奈川県藤沢市片瀬山4-1080-120（地番）</t>
  </si>
  <si>
    <t>075667</t>
  </si>
  <si>
    <t>三角公園</t>
  </si>
  <si>
    <t>神奈川県藤沢市天神町3-3（地番）</t>
  </si>
  <si>
    <t>075668</t>
  </si>
  <si>
    <t>亀井野公園</t>
  </si>
  <si>
    <t>神奈川県藤沢市亀井野字渋沢3212-7（地番）</t>
  </si>
  <si>
    <t>075669</t>
  </si>
  <si>
    <t>大荒久公園</t>
  </si>
  <si>
    <t>神奈川県藤沢市辻堂元町2-4174-2（地番）</t>
  </si>
  <si>
    <t>075670</t>
  </si>
  <si>
    <t>大鋸外原公園</t>
  </si>
  <si>
    <t>神奈川県藤沢市大鋸字外原1028（地番）</t>
  </si>
  <si>
    <t>075671</t>
  </si>
  <si>
    <t>善行南公園</t>
  </si>
  <si>
    <t>神奈川県藤沢市本藤沢7-4447-2（地番）</t>
  </si>
  <si>
    <t>075672</t>
  </si>
  <si>
    <t>西横須賀公園</t>
  </si>
  <si>
    <t>神奈川県藤沢市本町3-1627（地番）</t>
  </si>
  <si>
    <t>075673</t>
  </si>
  <si>
    <t>辻堂元町六丁目第二公園</t>
  </si>
  <si>
    <t>神奈川県藤沢市辻堂元町6-302（地番）</t>
  </si>
  <si>
    <t>075674</t>
  </si>
  <si>
    <t>神奈川県藤沢市湘南台6-20（地番）</t>
  </si>
  <si>
    <t>075675</t>
  </si>
  <si>
    <t>東小ケ谷公園</t>
  </si>
  <si>
    <t>神奈川県藤沢市大庭字小ｹ谷5315-1（地番）</t>
  </si>
  <si>
    <t>075676</t>
  </si>
  <si>
    <t>鞍骨公園</t>
  </si>
  <si>
    <t>神奈川県藤沢市柄沢406-1（地番）</t>
  </si>
  <si>
    <t>075677</t>
  </si>
  <si>
    <t>北永山公園</t>
  </si>
  <si>
    <t>神奈川県藤沢市遠藤字永山742-1（地番）</t>
  </si>
  <si>
    <t>075678</t>
  </si>
  <si>
    <t>大塚戸公園</t>
  </si>
  <si>
    <t>神奈川県藤沢市湘南台5-17（地番）</t>
  </si>
  <si>
    <t>075679</t>
  </si>
  <si>
    <t>高倉公園</t>
  </si>
  <si>
    <t>神奈川県藤沢市湘南台6-49（地番）</t>
  </si>
  <si>
    <t>075680</t>
  </si>
  <si>
    <t>菖蒲沢公園</t>
  </si>
  <si>
    <t>神奈川県藤沢市菖蒲沢字大谷耕地1360（地番）</t>
  </si>
  <si>
    <t>075681</t>
  </si>
  <si>
    <t>一色公園</t>
  </si>
  <si>
    <t>神奈川県藤沢市石川6-12（地番）</t>
  </si>
  <si>
    <t>075682</t>
  </si>
  <si>
    <t>長後新屋敷公園</t>
  </si>
  <si>
    <t>神奈川県藤沢市下土棚字新屋敷542-1（地番）</t>
  </si>
  <si>
    <t>075683</t>
  </si>
  <si>
    <t>辻堂元町六丁目公園</t>
  </si>
  <si>
    <t>075684</t>
  </si>
  <si>
    <t>片瀬山南公園</t>
  </si>
  <si>
    <t>神奈川県藤沢市片瀬山5-1548-162（地番）</t>
  </si>
  <si>
    <t>075685</t>
  </si>
  <si>
    <t>高谷下公園</t>
  </si>
  <si>
    <t>神奈川県藤沢市村岡東4-12（地番）</t>
  </si>
  <si>
    <t>075686</t>
  </si>
  <si>
    <t>城下公園</t>
  </si>
  <si>
    <t>神奈川県藤沢市大庭字城山5242（地番）</t>
  </si>
  <si>
    <t>075687</t>
  </si>
  <si>
    <t>大鋸丸山公園</t>
  </si>
  <si>
    <t>神奈川県藤沢市大鋸字丸山1003（地番）</t>
  </si>
  <si>
    <t>075688</t>
  </si>
  <si>
    <t>上西原公園</t>
  </si>
  <si>
    <t>神奈川県藤沢市片瀬5-2104-1（地番）</t>
  </si>
  <si>
    <t>075689</t>
  </si>
  <si>
    <t>上高倉公園</t>
  </si>
  <si>
    <t>神奈川県藤沢市高倉字丸山2357-1（地番）</t>
  </si>
  <si>
    <t>075690</t>
  </si>
  <si>
    <t>長後第一公園(通称:さいかち公園)</t>
  </si>
  <si>
    <t>神奈川県藤沢市高倉字槐戸498-2（地番）</t>
  </si>
  <si>
    <t>075691</t>
  </si>
  <si>
    <t>鍛冶山公園</t>
  </si>
  <si>
    <t>神奈川県藤沢市石川2-13（地番）</t>
  </si>
  <si>
    <t>075692</t>
  </si>
  <si>
    <t>南山公園</t>
  </si>
  <si>
    <t>神奈川県藤沢市城南5-1250-6（地番）</t>
  </si>
  <si>
    <t>075693</t>
  </si>
  <si>
    <t>下諏訪公園</t>
  </si>
  <si>
    <t>神奈川県藤沢市片瀬2-2333（地番）</t>
  </si>
  <si>
    <t>075694</t>
  </si>
  <si>
    <t>神奈川県藤沢市遠藤字北原2006-15（地番）</t>
  </si>
  <si>
    <t>075695</t>
  </si>
  <si>
    <t>柄沢公園</t>
  </si>
  <si>
    <t>神奈川県藤沢市藤が岡3-20（地番）</t>
  </si>
  <si>
    <t>075696</t>
  </si>
  <si>
    <t>唐池公園</t>
  </si>
  <si>
    <t>神奈川県藤沢市亀井野3-36-1（地番）</t>
  </si>
  <si>
    <t>075697</t>
  </si>
  <si>
    <t>渡内公園</t>
  </si>
  <si>
    <t>神奈川県藤沢市村岡東3-8（地番）</t>
  </si>
  <si>
    <t>075698</t>
  </si>
  <si>
    <t>西方公園</t>
  </si>
  <si>
    <t>神奈川県藤沢市片瀬4-2201-323（地番）</t>
  </si>
  <si>
    <t>075699</t>
  </si>
  <si>
    <t>原谷公園</t>
  </si>
  <si>
    <t>神奈川県藤沢市湘南台2-19（地番）</t>
  </si>
  <si>
    <t>075700</t>
  </si>
  <si>
    <t>本在寺緑地</t>
  </si>
  <si>
    <t>神奈川県藤沢市渡内3-568-181（地番）</t>
  </si>
  <si>
    <t>075701</t>
  </si>
  <si>
    <t>石原谷公園</t>
  </si>
  <si>
    <t>神奈川県藤沢市本藤沢2-6019-16（地番）</t>
  </si>
  <si>
    <t>075702</t>
  </si>
  <si>
    <t>石川一の坪公園</t>
  </si>
  <si>
    <t>神奈川県藤沢市石川字一ﾉ坪700-1（地番）</t>
  </si>
  <si>
    <t>075703</t>
  </si>
  <si>
    <t>神奈川県藤沢市大庭字小糸5122-6（地番）</t>
  </si>
  <si>
    <t>075704</t>
  </si>
  <si>
    <t>弥勒寺公園</t>
  </si>
  <si>
    <t>神奈川県藤沢市弥勒寺2-1601（地番）</t>
  </si>
  <si>
    <t>075705</t>
  </si>
  <si>
    <t>藤が谷公園</t>
  </si>
  <si>
    <t>神奈川県藤沢市鵠沼藤が谷2-7318-5（地番）</t>
  </si>
  <si>
    <t>075706</t>
  </si>
  <si>
    <t>奥田三角公園</t>
  </si>
  <si>
    <t>神奈川県藤沢市鵠沼東8-1（地番）</t>
  </si>
  <si>
    <t>075707</t>
  </si>
  <si>
    <t>桜花公園</t>
  </si>
  <si>
    <t>神奈川県藤沢市辻堂6-6416-34（地番）</t>
  </si>
  <si>
    <t>075708</t>
  </si>
  <si>
    <t>久根下公園</t>
  </si>
  <si>
    <t>神奈川県藤沢市辻堂4-5958-4（地番）</t>
  </si>
  <si>
    <t>075709</t>
  </si>
  <si>
    <t>矢端公園</t>
  </si>
  <si>
    <t>神奈川県藤沢市石川4-19-3（地番）</t>
  </si>
  <si>
    <t>075710</t>
  </si>
  <si>
    <t>下藤ヶ谷公園</t>
  </si>
  <si>
    <t>神奈川県藤沢市鵠沼松が岡1-7393-233（地番）</t>
  </si>
  <si>
    <t>075711</t>
  </si>
  <si>
    <t>下ノ根第一公園</t>
  </si>
  <si>
    <t>神奈川県藤沢市石川3-33（地番）</t>
  </si>
  <si>
    <t>075712</t>
  </si>
  <si>
    <t>六会駅前公園</t>
  </si>
  <si>
    <t>神奈川県藤沢市亀井野1-5-1（地番）</t>
  </si>
  <si>
    <t>075713</t>
  </si>
  <si>
    <t>台谷公園</t>
  </si>
  <si>
    <t>神奈川県藤沢市大庭字小糸5083（地番）</t>
  </si>
  <si>
    <t>075714</t>
  </si>
  <si>
    <t>渋谷ヶ原公園</t>
  </si>
  <si>
    <t>神奈川県藤沢市湘南台4-22（地番）</t>
  </si>
  <si>
    <t>075715</t>
  </si>
  <si>
    <t>外原公園</t>
  </si>
  <si>
    <t>神奈川県藤沢市大鋸字外原1113-1（地番）</t>
  </si>
  <si>
    <t>075716</t>
  </si>
  <si>
    <t>丸石公園</t>
  </si>
  <si>
    <t>神奈川県藤沢市石川5-13（地番）</t>
  </si>
  <si>
    <t>075717</t>
  </si>
  <si>
    <t>神奈川県藤沢市弥勒寺3-117（地番）</t>
  </si>
  <si>
    <t>075718</t>
  </si>
  <si>
    <t>五反田公園</t>
  </si>
  <si>
    <t>神奈川県藤沢市石川字五反田637（地番）</t>
  </si>
  <si>
    <t>075719</t>
  </si>
  <si>
    <t>滝の上公園</t>
  </si>
  <si>
    <t>神奈川県藤沢市高倉字滝ﾉ上2433（地番）</t>
  </si>
  <si>
    <t>075720</t>
  </si>
  <si>
    <t>大台公園</t>
  </si>
  <si>
    <t>神奈川県藤沢市柄沢641-（地番）</t>
  </si>
  <si>
    <t>075721</t>
  </si>
  <si>
    <t>地神の森公園</t>
  </si>
  <si>
    <t>神奈川県藤沢市亀井野2-36-1（地番）</t>
  </si>
  <si>
    <t>075722</t>
  </si>
  <si>
    <t>神奈川県藤沢市渡内1-670（地番）</t>
  </si>
  <si>
    <t>075723</t>
  </si>
  <si>
    <t>犬久保公園</t>
  </si>
  <si>
    <t>神奈川県藤沢市亀井野4-11（地番）</t>
  </si>
  <si>
    <t>075724</t>
  </si>
  <si>
    <t>菖蒲沢境第一公園</t>
  </si>
  <si>
    <t>神奈川県藤沢市遠藤字菖蒲沢境3652（地番）</t>
  </si>
  <si>
    <t>075725</t>
  </si>
  <si>
    <t>大鋸公園</t>
  </si>
  <si>
    <t>神奈川県藤沢市大鋸2-381-（地番）</t>
  </si>
  <si>
    <t>075726</t>
  </si>
  <si>
    <t>三屋道公園</t>
  </si>
  <si>
    <t>神奈川県藤沢市亀井野3-11（地番）</t>
  </si>
  <si>
    <t>075727</t>
  </si>
  <si>
    <t>大庭丸山公園</t>
  </si>
  <si>
    <t>神奈川県藤沢市大庭字二-構5526-1（地番）</t>
  </si>
  <si>
    <t>075728</t>
  </si>
  <si>
    <t>片瀬山北公園</t>
  </si>
  <si>
    <t>神奈川県藤沢市片瀬山1-816-2（地番）</t>
  </si>
  <si>
    <t>075729</t>
  </si>
  <si>
    <t>桐谷公園</t>
  </si>
  <si>
    <t>神奈川県藤沢市円行1-4（地番）</t>
  </si>
  <si>
    <t>075730</t>
  </si>
  <si>
    <t>渋沢公園</t>
  </si>
  <si>
    <t>神奈川県藤沢市亀井野字渋沢3304-6（地番）</t>
  </si>
  <si>
    <t>075731</t>
  </si>
  <si>
    <t>山田公園</t>
  </si>
  <si>
    <t>神奈川県藤沢市石川2-24（地番）</t>
  </si>
  <si>
    <t>075732</t>
  </si>
  <si>
    <t>境川緑地</t>
  </si>
  <si>
    <t>神奈川県藤沢市小塚､川名､片瀬､藤沢､鵠沼の各一部（地番）</t>
  </si>
  <si>
    <t>075733</t>
  </si>
  <si>
    <t>柏木公園</t>
  </si>
  <si>
    <t>神奈川県藤沢市羽鳥4-1216-1（地番）</t>
  </si>
  <si>
    <t>075734</t>
  </si>
  <si>
    <t>善行公園</t>
  </si>
  <si>
    <t>神奈川県藤沢市善行1-9-4（地番）</t>
  </si>
  <si>
    <t>075735</t>
  </si>
  <si>
    <t>神奈川県藤沢市善行3-12-1（地番）</t>
  </si>
  <si>
    <t>075736</t>
  </si>
  <si>
    <t>椎名谷公園</t>
  </si>
  <si>
    <t>神奈川県藤沢市善行2-8-1（地番）</t>
  </si>
  <si>
    <t>075737</t>
  </si>
  <si>
    <t>桜小路公園</t>
  </si>
  <si>
    <t>神奈川県藤沢市鵠沼藤が谷4-2430-27（地番）</t>
  </si>
  <si>
    <t>075738</t>
  </si>
  <si>
    <t>土打公園</t>
  </si>
  <si>
    <t>神奈川県藤沢市辻堂新町1-1943-1（地番）</t>
  </si>
  <si>
    <t>075739</t>
  </si>
  <si>
    <t>十二天公園</t>
  </si>
  <si>
    <t>神奈川県藤沢市村岡東1-6（地番）</t>
  </si>
  <si>
    <t>075740</t>
  </si>
  <si>
    <t>川名森久第二公園</t>
  </si>
  <si>
    <t>神奈川県藤沢市川名字森久181-1（地番）</t>
  </si>
  <si>
    <t>075741</t>
  </si>
  <si>
    <t>滝の沢公園</t>
  </si>
  <si>
    <t>神奈川県藤沢市遠藤字滝ﾉ沢690-4（地番）</t>
  </si>
  <si>
    <t>075742</t>
  </si>
  <si>
    <t>柏山公園</t>
  </si>
  <si>
    <t>神奈川県藤沢市城南3-105-3（地番）</t>
  </si>
  <si>
    <t>075743</t>
  </si>
  <si>
    <t>長後谷戸公園</t>
  </si>
  <si>
    <t>神奈川県藤沢市下土棚字谷戸396-1（地番）</t>
  </si>
  <si>
    <t>075744</t>
  </si>
  <si>
    <t>不動ケ丘公園</t>
  </si>
  <si>
    <t>神奈川県藤沢市亀井野字不動前560（地番）</t>
  </si>
  <si>
    <t>075745</t>
  </si>
  <si>
    <t>鵠沼松が岡公園</t>
  </si>
  <si>
    <t>神奈川県藤沢市鵠沼松が岡5-6279-2（地番）</t>
  </si>
  <si>
    <t>075746</t>
  </si>
  <si>
    <t>本在寺公園</t>
  </si>
  <si>
    <t>神奈川県藤沢市渡内3-564-4（地番）</t>
  </si>
  <si>
    <t>075747</t>
  </si>
  <si>
    <t>烏森公園</t>
  </si>
  <si>
    <t>神奈川県藤沢市鵠沼神明2-907（地番）</t>
  </si>
  <si>
    <t>075748</t>
  </si>
  <si>
    <t>御所ケ谷公園</t>
  </si>
  <si>
    <t>神奈川県藤沢市大鋸2-387-2（地番）</t>
  </si>
  <si>
    <t>075749</t>
  </si>
  <si>
    <t>駒寄公園</t>
  </si>
  <si>
    <t>神奈川県藤沢市大庭字駒寄5683-1（地番）</t>
  </si>
  <si>
    <t>075750</t>
  </si>
  <si>
    <t>東羽根沢公園</t>
  </si>
  <si>
    <t>神奈川県藤沢市大庭字羽根沢5536-2（地番）</t>
  </si>
  <si>
    <t>075751</t>
  </si>
  <si>
    <t>御幣公園</t>
  </si>
  <si>
    <t>神奈川県藤沢市藤が岡1-9（地番）</t>
  </si>
  <si>
    <t>075752</t>
  </si>
  <si>
    <t>天神公園</t>
  </si>
  <si>
    <t>神奈川県藤沢市天神町2-14（地番）</t>
  </si>
  <si>
    <t>075753</t>
  </si>
  <si>
    <t>村岡城址公園</t>
  </si>
  <si>
    <t>神奈川県藤沢市村岡東3-28-2（地番）</t>
  </si>
  <si>
    <t>075754</t>
  </si>
  <si>
    <t>西浜公園</t>
  </si>
  <si>
    <t>神奈川県藤沢市片瀬海岸3-1-30（地番）</t>
  </si>
  <si>
    <t>075755</t>
  </si>
  <si>
    <t>御所ケ谷緑地</t>
  </si>
  <si>
    <t>神奈川県藤沢市大鋸1-388-8（地番）</t>
  </si>
  <si>
    <t>075756</t>
  </si>
  <si>
    <t>西羽根沢公園</t>
  </si>
  <si>
    <t>神奈川県藤沢市大庭字羽根沢5573-1（地番）</t>
  </si>
  <si>
    <t>075757</t>
  </si>
  <si>
    <t>伊勢山緑地</t>
  </si>
  <si>
    <t>神奈川県藤沢市藤沢4-6297-1（地番）</t>
  </si>
  <si>
    <t>075758</t>
  </si>
  <si>
    <t>円行公園</t>
  </si>
  <si>
    <t>神奈川県藤沢市湘南台3-6（地番）</t>
  </si>
  <si>
    <t>075759</t>
  </si>
  <si>
    <t>二番構公園</t>
  </si>
  <si>
    <t>神奈川県藤沢市大庭字二-構5528（地番）</t>
  </si>
  <si>
    <t>075760</t>
  </si>
  <si>
    <t>神台公園</t>
  </si>
  <si>
    <t>神奈川県藤沢市辻堂神台1-6-2（地番）</t>
  </si>
  <si>
    <t>075761</t>
  </si>
  <si>
    <t>御殿辺公園</t>
  </si>
  <si>
    <t>神奈川県藤沢市藤沢2-2089-1（地番）</t>
  </si>
  <si>
    <t>075762</t>
  </si>
  <si>
    <t>なかむら公園</t>
  </si>
  <si>
    <t>神奈川県藤沢市石川1-29-36（地番）</t>
  </si>
  <si>
    <t>075763</t>
  </si>
  <si>
    <t>舟地蔵公園</t>
  </si>
  <si>
    <t>神奈川県藤沢市大庭字小糸5143（地番）</t>
  </si>
  <si>
    <t>075764</t>
  </si>
  <si>
    <t>奥田公園</t>
  </si>
  <si>
    <t>神奈川県藤沢市鵠沼東12（地番）</t>
  </si>
  <si>
    <t>075765</t>
  </si>
  <si>
    <t>小糸台公園</t>
  </si>
  <si>
    <t>神奈川県藤沢市大庭字七塚5055-18（地番）</t>
  </si>
  <si>
    <t>075766</t>
  </si>
  <si>
    <t>鵠沼海浜公園</t>
  </si>
  <si>
    <t>神奈川県藤沢市鵠沼海岸4-5218-1（地番）</t>
  </si>
  <si>
    <t>075767</t>
  </si>
  <si>
    <t>桐原公園</t>
  </si>
  <si>
    <t>神奈川県藤沢市桐原町5（地番）</t>
  </si>
  <si>
    <t>075768</t>
  </si>
  <si>
    <t>辻堂南部公園</t>
  </si>
  <si>
    <t>神奈川県藤沢市辻堂西海岸3-7181-8（辻堂浄化ｾﾝﾀｰ施設覆蓋上部）（地番）</t>
  </si>
  <si>
    <t>075769</t>
  </si>
  <si>
    <t>遠藤公園</t>
  </si>
  <si>
    <t>神奈川県藤沢市遠藤字南大平639-2（地番）</t>
  </si>
  <si>
    <t>075770</t>
  </si>
  <si>
    <t>翠ケ丘公園</t>
  </si>
  <si>
    <t>神奈川県藤沢市西富字西原593-2（地番）</t>
  </si>
  <si>
    <t>075771</t>
  </si>
  <si>
    <t>湘南台公園</t>
  </si>
  <si>
    <t>神奈川県藤沢市湘南台7-16（地番）</t>
  </si>
  <si>
    <t>075772</t>
  </si>
  <si>
    <t>裏門公園</t>
    <rPh sb="2" eb="4">
      <t>コウエン</t>
    </rPh>
    <phoneticPr fontId="7"/>
  </si>
  <si>
    <t>神奈川県藤沢市大庭字裏門5408（地番）</t>
  </si>
  <si>
    <t>075774</t>
  </si>
  <si>
    <t>片瀬山公園</t>
  </si>
  <si>
    <t>神奈川県藤沢市片瀬3-2800-1（地番）</t>
  </si>
  <si>
    <t>075775</t>
  </si>
  <si>
    <t>長久保公園</t>
  </si>
  <si>
    <t>神奈川県藤沢市辻堂太平台2-5055（地番）</t>
  </si>
  <si>
    <t>075776</t>
  </si>
  <si>
    <t>八部公園</t>
  </si>
  <si>
    <t>神奈川県藤沢市鵠沼海岸6-4131-2（地番）</t>
  </si>
  <si>
    <t>075777</t>
  </si>
  <si>
    <t>神奈川県藤沢市遠藤字向原2000-1（地番）</t>
  </si>
  <si>
    <t>075778</t>
  </si>
  <si>
    <t>引地川緑地</t>
  </si>
  <si>
    <t>075779</t>
  </si>
  <si>
    <t>大庭城址公園</t>
  </si>
  <si>
    <t>神奈川県藤沢市大庭字城山5230-1（地番）</t>
  </si>
  <si>
    <t>075780</t>
  </si>
  <si>
    <t>引地川親水公園</t>
  </si>
  <si>
    <t>神奈川県藤沢市大庭字中沢6510（地番）</t>
  </si>
  <si>
    <t>075781</t>
  </si>
  <si>
    <t>新林公園</t>
  </si>
  <si>
    <t>神奈川県藤沢市川名字新林411-1（地番）</t>
  </si>
  <si>
    <t>075782</t>
  </si>
  <si>
    <t>大庭台墓園</t>
  </si>
  <si>
    <t>神奈川県藤沢市大庭字三つ叉3782（地番）</t>
  </si>
  <si>
    <t>西外原公園</t>
    <rPh sb="0" eb="1">
      <t>ニシ</t>
    </rPh>
    <rPh sb="1" eb="2">
      <t>ソト</t>
    </rPh>
    <rPh sb="2" eb="3">
      <t>ハラ</t>
    </rPh>
    <rPh sb="3" eb="5">
      <t>コウエン</t>
    </rPh>
    <phoneticPr fontId="7"/>
  </si>
  <si>
    <t>神奈川県藤沢市大鋸字外原1093-20（地番）</t>
  </si>
  <si>
    <t>085785</t>
  </si>
  <si>
    <t>小田原市</t>
    <phoneticPr fontId="7"/>
  </si>
  <si>
    <t>久野柳川原公園</t>
  </si>
  <si>
    <t>神奈川県小田原市久野2216-9</t>
  </si>
  <si>
    <t>085786</t>
  </si>
  <si>
    <t>扇町第二公園</t>
  </si>
  <si>
    <t>神奈川県小田原市扇町5-14</t>
  </si>
  <si>
    <t>085787</t>
  </si>
  <si>
    <t>青柳公園</t>
  </si>
  <si>
    <t>085788</t>
  </si>
  <si>
    <t>若宮公園</t>
  </si>
  <si>
    <t>神奈川県小田原市堀之内223-6</t>
  </si>
  <si>
    <t>085789</t>
  </si>
  <si>
    <t>飯泉第二公園</t>
  </si>
  <si>
    <t>神奈川県小田原市飯泉643-3</t>
  </si>
  <si>
    <t>085790</t>
  </si>
  <si>
    <t>神奈川県小田原市小八幡3-5</t>
  </si>
  <si>
    <t>085791</t>
  </si>
  <si>
    <t>神奈川県小田原市小八幡3-6</t>
  </si>
  <si>
    <t>085792</t>
  </si>
  <si>
    <t>栢山第二公園</t>
  </si>
  <si>
    <t>神奈川県小田原市栢山2855-3</t>
  </si>
  <si>
    <t>085793</t>
  </si>
  <si>
    <t>秋葉谷津公園</t>
  </si>
  <si>
    <t>神奈川県小田原市板橋518-73</t>
  </si>
  <si>
    <t>085794</t>
  </si>
  <si>
    <t>入生田なかよし公園</t>
  </si>
  <si>
    <t>神奈川県小田原市入生田55</t>
  </si>
  <si>
    <t>085795</t>
  </si>
  <si>
    <t>飯泉第一公園</t>
  </si>
  <si>
    <t>神奈川県小田原市飯泉1217-20</t>
  </si>
  <si>
    <t>085796</t>
  </si>
  <si>
    <t>蛍田第二公園</t>
  </si>
  <si>
    <t>神奈川県小田原市蓮正寺707-58</t>
  </si>
  <si>
    <t>085797</t>
  </si>
  <si>
    <t>蓮正寺第二公園</t>
  </si>
  <si>
    <t>神奈川県小田原市蓮正寺888-5</t>
  </si>
  <si>
    <t>085798</t>
  </si>
  <si>
    <t>久野坂下公園</t>
  </si>
  <si>
    <t>神奈川県小田原市久野480-57</t>
  </si>
  <si>
    <t>085799</t>
  </si>
  <si>
    <t>小船第一公園</t>
  </si>
  <si>
    <t>神奈川県小田原市小船670-14</t>
  </si>
  <si>
    <t>085800</t>
  </si>
  <si>
    <t>酒匂第六公園</t>
  </si>
  <si>
    <t>神奈川県小田原市酒匂4-10</t>
  </si>
  <si>
    <t>085801</t>
  </si>
  <si>
    <t>久野石田田羅公園</t>
  </si>
  <si>
    <t>神奈川県小田原市久野425-6</t>
  </si>
  <si>
    <t>085802</t>
  </si>
  <si>
    <t>国府津公園</t>
  </si>
  <si>
    <t>神奈川県小田原市国府津2-4</t>
  </si>
  <si>
    <t>085803</t>
  </si>
  <si>
    <t>前沢公園</t>
  </si>
  <si>
    <t>神奈川県小田原市荻窪425-2</t>
  </si>
  <si>
    <t>085804</t>
  </si>
  <si>
    <t>亀ノ甲公園</t>
  </si>
  <si>
    <t>神奈川県小田原市前川33-14</t>
  </si>
  <si>
    <t>085805</t>
  </si>
  <si>
    <t>城山第三公園</t>
  </si>
  <si>
    <t>神奈川県小田原市城山1-6</t>
  </si>
  <si>
    <t>085806</t>
  </si>
  <si>
    <t>新屋けやき公園</t>
  </si>
  <si>
    <t>085807</t>
  </si>
  <si>
    <t>山神下公園</t>
  </si>
  <si>
    <t>085808</t>
  </si>
  <si>
    <t>田島第二公園</t>
  </si>
  <si>
    <t>神奈川県小田原市田島880-5</t>
  </si>
  <si>
    <t>085809</t>
  </si>
  <si>
    <t>城山第四公園</t>
  </si>
  <si>
    <t>神奈川県小田原市城山2-28</t>
  </si>
  <si>
    <t>085810</t>
  </si>
  <si>
    <t>城山第二公園</t>
  </si>
  <si>
    <t>神奈川県小田原市城山4-14</t>
  </si>
  <si>
    <t>085811</t>
  </si>
  <si>
    <t>中里第一公園</t>
  </si>
  <si>
    <t>神奈川県小田原市中里185-16</t>
  </si>
  <si>
    <t>085812</t>
  </si>
  <si>
    <t>中町第二公園</t>
  </si>
  <si>
    <t>神奈川県小田原市中町1-5</t>
  </si>
  <si>
    <t>085813</t>
  </si>
  <si>
    <t>中村原第五公園</t>
  </si>
  <si>
    <t>神奈川県小田原市中村原425-7</t>
  </si>
  <si>
    <t>085814</t>
  </si>
  <si>
    <t>中村原第六公園</t>
  </si>
  <si>
    <t>神奈川県小田原市中村原338-6</t>
  </si>
  <si>
    <t>085815</t>
  </si>
  <si>
    <t>神奈川県小田原市扇町1-34</t>
  </si>
  <si>
    <t>085816</t>
  </si>
  <si>
    <t>久野石田田羅第二公園</t>
  </si>
  <si>
    <t>神奈川県小田原市久野445-2</t>
  </si>
  <si>
    <t>085817</t>
  </si>
  <si>
    <t>中村原第一公園</t>
  </si>
  <si>
    <t>神奈川県小田原市中村原730-2</t>
  </si>
  <si>
    <t>085818</t>
  </si>
  <si>
    <t>栢山第一公園</t>
  </si>
  <si>
    <t>085819</t>
  </si>
  <si>
    <t>中新田公園</t>
  </si>
  <si>
    <t>神奈川県小田原市南鴨宮1-8</t>
  </si>
  <si>
    <t>085820</t>
  </si>
  <si>
    <t>万年公園</t>
  </si>
  <si>
    <t>神奈川県小田原市浜町4-25</t>
  </si>
  <si>
    <t>085821</t>
  </si>
  <si>
    <t>酒匂第一公園</t>
  </si>
  <si>
    <t>神奈川県小田原市西酒匂1-7</t>
  </si>
  <si>
    <t>085822</t>
  </si>
  <si>
    <t>むろくぼ公園</t>
  </si>
  <si>
    <t>神奈川県小田原市北ノ窪352-24</t>
  </si>
  <si>
    <t>085823</t>
  </si>
  <si>
    <t>中谷津公園</t>
  </si>
  <si>
    <t>神奈川県小田原市城山1-10</t>
  </si>
  <si>
    <t>085824</t>
  </si>
  <si>
    <t>東町第二公園</t>
  </si>
  <si>
    <t>神奈川県小田原市東町1-20</t>
  </si>
  <si>
    <t>085825</t>
  </si>
  <si>
    <t>螢水公園</t>
  </si>
  <si>
    <t>神奈川県小田原市飯田岡73-25</t>
  </si>
  <si>
    <t>085826</t>
  </si>
  <si>
    <t>南町なぎさ公園</t>
  </si>
  <si>
    <t>神奈川県小田原市南町3-13</t>
  </si>
  <si>
    <t>085827</t>
  </si>
  <si>
    <t>扇町第三公園</t>
  </si>
  <si>
    <t>神奈川県小田原市扇町5-21</t>
  </si>
  <si>
    <t>085828</t>
  </si>
  <si>
    <t>前羽公園</t>
  </si>
  <si>
    <t>神奈川県小田原市前川391</t>
  </si>
  <si>
    <t>085829</t>
  </si>
  <si>
    <t>蓮正寺第一公園</t>
  </si>
  <si>
    <t>085830</t>
  </si>
  <si>
    <t>小竹向山第二公園</t>
  </si>
  <si>
    <t>神奈川県小田原市小竹799-26</t>
  </si>
  <si>
    <t>085831</t>
  </si>
  <si>
    <t>北ノ窪公園</t>
  </si>
  <si>
    <t>神奈川県小田原市北ノ窪308-30</t>
  </si>
  <si>
    <t>085832</t>
  </si>
  <si>
    <t>成田第二公園</t>
  </si>
  <si>
    <t>神奈川県小田原市成田14-19</t>
  </si>
  <si>
    <t>085833</t>
  </si>
  <si>
    <t>小竹西公園</t>
  </si>
  <si>
    <t>神奈川県小田原市小竹671-31</t>
  </si>
  <si>
    <t>085834</t>
  </si>
  <si>
    <t>寿町第一公園</t>
  </si>
  <si>
    <t>神奈川県小田原市寿町1-18</t>
  </si>
  <si>
    <t>085835</t>
  </si>
  <si>
    <t>板橋第三公園</t>
  </si>
  <si>
    <t>神奈川県小田原市板橋787-6</t>
  </si>
  <si>
    <t>085836</t>
  </si>
  <si>
    <t>酒匂第七公園</t>
  </si>
  <si>
    <t>085837</t>
  </si>
  <si>
    <t>城山第一公園</t>
  </si>
  <si>
    <t>神奈川県小田原市城山3-8</t>
  </si>
  <si>
    <t>085838</t>
  </si>
  <si>
    <t>光海橋公園</t>
  </si>
  <si>
    <t>085839</t>
  </si>
  <si>
    <t>中町レインボーパーク</t>
  </si>
  <si>
    <t>神奈川県小田原市中町3-9</t>
  </si>
  <si>
    <t>085840</t>
  </si>
  <si>
    <t>田島第一公園</t>
  </si>
  <si>
    <t>神奈川県小田原市田島60-25</t>
  </si>
  <si>
    <t>085841</t>
  </si>
  <si>
    <t>小竹第五公園</t>
  </si>
  <si>
    <t>神奈川県小田原市小竹586-44</t>
  </si>
  <si>
    <t>085842</t>
  </si>
  <si>
    <t>足柄第一公園</t>
  </si>
  <si>
    <t>神奈川県小田原市扇町2-15</t>
  </si>
  <si>
    <t>085843</t>
  </si>
  <si>
    <t>臨港公園</t>
  </si>
  <si>
    <t>085844</t>
  </si>
  <si>
    <t>中村原第四公園</t>
  </si>
  <si>
    <t>神奈川県小田原市中村原267-13</t>
  </si>
  <si>
    <t>085845</t>
  </si>
  <si>
    <t>小船永福公園</t>
  </si>
  <si>
    <t>神奈川県小田原市小船649-4</t>
  </si>
  <si>
    <t>085846</t>
  </si>
  <si>
    <t>中村原第三公園</t>
  </si>
  <si>
    <t>神奈川県小田原市中村原230-4</t>
  </si>
  <si>
    <t>085847</t>
  </si>
  <si>
    <t>南鴨宮みずき公園</t>
  </si>
  <si>
    <t>神奈川県小田原市南鴨宮1-7</t>
  </si>
  <si>
    <t>085848</t>
  </si>
  <si>
    <t>井細田公園</t>
  </si>
  <si>
    <t>神奈川県小田原市扇町3-24</t>
  </si>
  <si>
    <t>085849</t>
  </si>
  <si>
    <t>中村原第七公園</t>
  </si>
  <si>
    <t>神奈川県小田原市中村原199-1</t>
  </si>
  <si>
    <t>085850</t>
  </si>
  <si>
    <t>成田公園</t>
  </si>
  <si>
    <t>神奈川県小田原市成田60</t>
  </si>
  <si>
    <t>085851</t>
  </si>
  <si>
    <t>吉添公園</t>
  </si>
  <si>
    <t>神奈川県小田原市成田505</t>
  </si>
  <si>
    <t>085852</t>
  </si>
  <si>
    <t>神奈川県小田原市前川596-1</t>
  </si>
  <si>
    <t>085853</t>
  </si>
  <si>
    <t>光海中央公園</t>
  </si>
  <si>
    <t>神奈川県小田原市曽我光海13-1</t>
  </si>
  <si>
    <t>085854</t>
  </si>
  <si>
    <t>中町第一公園</t>
  </si>
  <si>
    <t>神奈川県小田原市中町3-10</t>
  </si>
  <si>
    <t>085855</t>
  </si>
  <si>
    <t>入生田ふれあい公園</t>
  </si>
  <si>
    <t>神奈川県小田原市入生田72-1</t>
  </si>
  <si>
    <t>085856</t>
  </si>
  <si>
    <t>小八幡第一公園</t>
  </si>
  <si>
    <t>神奈川県小田原市小八幡2-1</t>
  </si>
  <si>
    <t>うんてい</t>
  </si>
  <si>
    <t>085857</t>
  </si>
  <si>
    <t>荻窪公園</t>
  </si>
  <si>
    <t>神奈川県小田原市荻窪521</t>
  </si>
  <si>
    <t>085858</t>
  </si>
  <si>
    <t>光海公園</t>
  </si>
  <si>
    <t>神奈川県小田原市曽我光海3-5</t>
  </si>
  <si>
    <t>085859</t>
  </si>
  <si>
    <t>国府津団地公園</t>
  </si>
  <si>
    <t>085860</t>
  </si>
  <si>
    <t>南板橋公園</t>
  </si>
  <si>
    <t>085862</t>
  </si>
  <si>
    <t>いなりもりパーク</t>
  </si>
  <si>
    <t>神奈川県小田原市鴨宮838-1</t>
  </si>
  <si>
    <t>085863</t>
  </si>
  <si>
    <t>小竹北公園</t>
  </si>
  <si>
    <t>神奈川県小田原市小竹781-20</t>
  </si>
  <si>
    <t>085864</t>
  </si>
  <si>
    <t>扇町第一公園</t>
  </si>
  <si>
    <t>神奈川県小田原市扇町5-20</t>
  </si>
  <si>
    <t>085865</t>
  </si>
  <si>
    <t>中ノ町公園</t>
  </si>
  <si>
    <t>神奈川県小田原市成田711-1</t>
  </si>
  <si>
    <t>085866</t>
  </si>
  <si>
    <t>前川公園</t>
  </si>
  <si>
    <t>神奈川県小田原市前川532</t>
  </si>
  <si>
    <t>085867</t>
  </si>
  <si>
    <t>中村原公園</t>
  </si>
  <si>
    <t>神奈川県小田原市中村原24</t>
  </si>
  <si>
    <t>085868</t>
  </si>
  <si>
    <t>奥山根公園</t>
  </si>
  <si>
    <t>神奈川県小田原市早川3-27-1</t>
  </si>
  <si>
    <t>085869</t>
  </si>
  <si>
    <t>久野水神公園</t>
  </si>
  <si>
    <t>神奈川県小田原市久野983</t>
  </si>
  <si>
    <t>085870</t>
  </si>
  <si>
    <t>浜町第一公園</t>
  </si>
  <si>
    <t>神奈川県小田原市浜町4-34</t>
  </si>
  <si>
    <t>085871</t>
  </si>
  <si>
    <t>小竹第六公園</t>
  </si>
  <si>
    <t>神奈川県小田原市小竹821-1</t>
  </si>
  <si>
    <t>085872</t>
  </si>
  <si>
    <t>久野兎河原公園</t>
  </si>
  <si>
    <t>神奈川県小田原市久野855</t>
  </si>
  <si>
    <t>085873</t>
  </si>
  <si>
    <t>中村原第二公園</t>
  </si>
  <si>
    <t>神奈川県小田原市中村原470-11</t>
  </si>
  <si>
    <t>085874</t>
  </si>
  <si>
    <t>金田公園</t>
  </si>
  <si>
    <t>神奈川県小田原市蓮正寺39</t>
  </si>
  <si>
    <t>085875</t>
  </si>
  <si>
    <t>神奈川県小田原市蓮正寺602-28</t>
  </si>
  <si>
    <t>085876</t>
  </si>
  <si>
    <t>豊岡公園</t>
  </si>
  <si>
    <t>神奈川県小田原市蓮正寺106</t>
  </si>
  <si>
    <t>085877</t>
  </si>
  <si>
    <t>酒匂浜公園</t>
  </si>
  <si>
    <t>神奈川県小田原市酒匂4-3</t>
  </si>
  <si>
    <t>085878</t>
  </si>
  <si>
    <t>西酒匂大道公園</t>
  </si>
  <si>
    <t>神奈川県小田原市西酒匂3-3</t>
  </si>
  <si>
    <t>085879</t>
  </si>
  <si>
    <t>東町第一公園</t>
  </si>
  <si>
    <t>神奈川県小田原市東町3-5</t>
  </si>
  <si>
    <t>085880</t>
  </si>
  <si>
    <t>南鴨宮駅前公園</t>
  </si>
  <si>
    <t>神奈川県小田原市南鴨宮3-43</t>
  </si>
  <si>
    <t>085881</t>
  </si>
  <si>
    <t>八反田公園</t>
  </si>
  <si>
    <t>神奈川県小田原市成田449-1</t>
  </si>
  <si>
    <t>085882</t>
  </si>
  <si>
    <t>下小竹公園</t>
  </si>
  <si>
    <t>神奈川県小田原市小竹548-1</t>
  </si>
  <si>
    <t>085883</t>
  </si>
  <si>
    <t>山王原公園</t>
  </si>
  <si>
    <t>神奈川県小田原市東町2-10</t>
  </si>
  <si>
    <t>085884</t>
  </si>
  <si>
    <t>小竹東公園</t>
  </si>
  <si>
    <t>神奈川県小田原市小竹735-99</t>
  </si>
  <si>
    <t>085885</t>
  </si>
  <si>
    <t>南鴨宮新田公園</t>
  </si>
  <si>
    <t>神奈川県小田原市南鴨宮2-18</t>
  </si>
  <si>
    <t>085886</t>
  </si>
  <si>
    <t>金瀬川緑道</t>
  </si>
  <si>
    <t>神奈川県小田原市成田616</t>
  </si>
  <si>
    <t>085887</t>
  </si>
  <si>
    <t>久野みどりの小径</t>
  </si>
  <si>
    <t>神奈川県小田原市久野154-9</t>
  </si>
  <si>
    <t>085888</t>
  </si>
  <si>
    <t>西海子公園</t>
  </si>
  <si>
    <t>神奈川県小田原市南町2-3</t>
  </si>
  <si>
    <t>085889</t>
  </si>
  <si>
    <t>小竹向山第一公園</t>
  </si>
  <si>
    <t>神奈川県小田原市小竹781-48</t>
  </si>
  <si>
    <t>085890</t>
  </si>
  <si>
    <t>河原公園</t>
  </si>
  <si>
    <t>085891</t>
  </si>
  <si>
    <t>宗沢公園</t>
  </si>
  <si>
    <t>神奈川県小田原市成田923</t>
  </si>
  <si>
    <t>085892</t>
  </si>
  <si>
    <t>網一色今井霞散策路</t>
  </si>
  <si>
    <t>神奈川県小田原市寿町5-15</t>
  </si>
  <si>
    <t>085893</t>
  </si>
  <si>
    <t>南鴨宮富士見公園</t>
  </si>
  <si>
    <t>神奈川県小田原市南鴨宮3-24</t>
  </si>
  <si>
    <t>085911</t>
  </si>
  <si>
    <t>板橋入谷津公園</t>
  </si>
  <si>
    <t>神奈川県小田原市板橋4</t>
  </si>
  <si>
    <t>085912</t>
  </si>
  <si>
    <t>板橋公園</t>
  </si>
  <si>
    <t>085913</t>
  </si>
  <si>
    <t>板橋第二公園</t>
  </si>
  <si>
    <t>神奈川県小田原市板橋787-4</t>
  </si>
  <si>
    <t>085914</t>
  </si>
  <si>
    <t>大窪公園</t>
  </si>
  <si>
    <t>神奈川県小田原市南板橋2-247-4</t>
  </si>
  <si>
    <t>085915</t>
  </si>
  <si>
    <t>久野川端ふれあい公園</t>
  </si>
  <si>
    <t>神奈川県小田原市久野154-59</t>
  </si>
  <si>
    <t>085916</t>
  </si>
  <si>
    <t>岸ノ下公園</t>
  </si>
  <si>
    <t>神奈川県小田原市曽我別所809-1</t>
  </si>
  <si>
    <t>085917</t>
  </si>
  <si>
    <t>曽我神戸ふれあい</t>
  </si>
  <si>
    <t>神奈川県小田原市曽我原659-9</t>
  </si>
  <si>
    <t>085918</t>
  </si>
  <si>
    <t>曽我神戸公園</t>
  </si>
  <si>
    <t>神奈川県小田原市曽我谷津614-7</t>
  </si>
  <si>
    <t>085919</t>
  </si>
  <si>
    <t>鬼柳第一公園</t>
  </si>
  <si>
    <t>神奈川県小田原市鬼柳799-7</t>
  </si>
  <si>
    <t>085920</t>
  </si>
  <si>
    <t>千代南原公園</t>
  </si>
  <si>
    <t>神奈川県小田原市千代1067-11</t>
  </si>
  <si>
    <t>085921</t>
  </si>
  <si>
    <t>別堀公園</t>
  </si>
  <si>
    <t>神奈川県小田原市別堀117-2</t>
  </si>
  <si>
    <t>085922</t>
  </si>
  <si>
    <t>大河原公園</t>
  </si>
  <si>
    <t>神奈川県小田原市堀之内346-10</t>
  </si>
  <si>
    <t>085925</t>
  </si>
  <si>
    <t>蛍田あじさい公園</t>
  </si>
  <si>
    <t>神奈川県小田原市蓮正寺731-42</t>
  </si>
  <si>
    <t>085926</t>
  </si>
  <si>
    <t>狩川公園</t>
  </si>
  <si>
    <t>神奈川県小田原市蓮正寺735-18</t>
  </si>
  <si>
    <t>085927</t>
  </si>
  <si>
    <t>中里第二公園</t>
  </si>
  <si>
    <t>神奈川県小田原市中里93-2</t>
  </si>
  <si>
    <t>085928</t>
  </si>
  <si>
    <t>小竹南公園</t>
  </si>
  <si>
    <t>神奈川県小田原市小竹717-21</t>
  </si>
  <si>
    <t>085929</t>
  </si>
  <si>
    <t>森戸公園</t>
  </si>
  <si>
    <t>085930</t>
  </si>
  <si>
    <t>国府津駅上公園</t>
  </si>
  <si>
    <t>神奈川県小田原市国府津4-78-37</t>
  </si>
  <si>
    <t>085931</t>
  </si>
  <si>
    <t>下辻川公園</t>
  </si>
  <si>
    <t>神奈川県小田原市国府津1820-6</t>
  </si>
  <si>
    <t>085932</t>
  </si>
  <si>
    <t>鳴沢公園</t>
  </si>
  <si>
    <t>神奈川県小田原市国府津2105-69</t>
  </si>
  <si>
    <t>085933</t>
  </si>
  <si>
    <t>前川第二公園</t>
  </si>
  <si>
    <t>神奈川県小田原市前川474-4</t>
  </si>
  <si>
    <t>085934</t>
  </si>
  <si>
    <t>酒匂第四公園</t>
  </si>
  <si>
    <t>神奈川県小田原市酒匂1-8</t>
  </si>
  <si>
    <t>085935</t>
  </si>
  <si>
    <t>酒匂川代公園</t>
  </si>
  <si>
    <t>神奈川県小田原市酒匂1-25</t>
  </si>
  <si>
    <t>085936</t>
  </si>
  <si>
    <t>酒匂第二公園</t>
  </si>
  <si>
    <t>神奈川県小田原市酒匂2-1</t>
  </si>
  <si>
    <t>085937</t>
  </si>
  <si>
    <t>酒匂第五公園</t>
  </si>
  <si>
    <t>神奈川県小田原市酒匂2-22</t>
  </si>
  <si>
    <t>085938</t>
  </si>
  <si>
    <t>酒匂第三公園</t>
  </si>
  <si>
    <t>085939</t>
  </si>
  <si>
    <t>羽根尾史跡公園</t>
  </si>
  <si>
    <t>神奈川県小田原市羽根尾277</t>
  </si>
  <si>
    <t>史跡公園</t>
    <rPh sb="0" eb="2">
      <t>シセキ</t>
    </rPh>
    <rPh sb="2" eb="4">
      <t>コウエン</t>
    </rPh>
    <phoneticPr fontId="11"/>
  </si>
  <si>
    <t>085940</t>
  </si>
  <si>
    <t>小田原フラワーガーデン</t>
  </si>
  <si>
    <t>9時から17時</t>
    <rPh sb="1" eb="2">
      <t>ジ</t>
    </rPh>
    <rPh sb="6" eb="7">
      <t>ジ</t>
    </rPh>
    <phoneticPr fontId="11"/>
  </si>
  <si>
    <t>毎週月曜日、（祝日の場合は開園）、祝日の翌日、年末年始</t>
    <rPh sb="0" eb="2">
      <t>マイシュウ</t>
    </rPh>
    <rPh sb="2" eb="5">
      <t>ゲツヨウビ</t>
    </rPh>
    <rPh sb="7" eb="9">
      <t>シュクジツ</t>
    </rPh>
    <rPh sb="10" eb="12">
      <t>バアイ</t>
    </rPh>
    <rPh sb="13" eb="15">
      <t>カイエン</t>
    </rPh>
    <rPh sb="17" eb="19">
      <t>シュクジツ</t>
    </rPh>
    <rPh sb="20" eb="22">
      <t>ヨクジツ</t>
    </rPh>
    <rPh sb="23" eb="25">
      <t>ネンマツ</t>
    </rPh>
    <rPh sb="25" eb="27">
      <t>ネンシ</t>
    </rPh>
    <phoneticPr fontId="11"/>
  </si>
  <si>
    <t>トロピカルドーム（温室）、約２００種類の梅林など植物公園</t>
    <rPh sb="9" eb="11">
      <t>オンシツ</t>
    </rPh>
    <rPh sb="13" eb="14">
      <t>ヤク</t>
    </rPh>
    <rPh sb="17" eb="19">
      <t>シュルイ</t>
    </rPh>
    <rPh sb="20" eb="22">
      <t>バイリン</t>
    </rPh>
    <rPh sb="24" eb="26">
      <t>ショクブツ</t>
    </rPh>
    <rPh sb="26" eb="28">
      <t>コウエン</t>
    </rPh>
    <phoneticPr fontId="11"/>
  </si>
  <si>
    <t>085941</t>
  </si>
  <si>
    <t>辻村植物公園</t>
  </si>
  <si>
    <t>085944</t>
  </si>
  <si>
    <t>上府中公園</t>
  </si>
  <si>
    <t>神奈川県小田原市東大友113</t>
  </si>
  <si>
    <t>9時から17時、ただし有料施設以外は、いつでも利用可能</t>
    <rPh sb="1" eb="2">
      <t>ジ</t>
    </rPh>
    <rPh sb="6" eb="7">
      <t>ジ</t>
    </rPh>
    <rPh sb="11" eb="13">
      <t>ユウリョウ</t>
    </rPh>
    <rPh sb="13" eb="15">
      <t>シセツ</t>
    </rPh>
    <rPh sb="15" eb="17">
      <t>イガイ</t>
    </rPh>
    <rPh sb="23" eb="25">
      <t>リヨウ</t>
    </rPh>
    <rPh sb="25" eb="27">
      <t>カノウ</t>
    </rPh>
    <phoneticPr fontId="11"/>
  </si>
  <si>
    <t>毎週月曜日、（祝日の場合は開園）、祝日の翌日、年末年始、ただし有料施設以外は、いつでも利用可能</t>
    <rPh sb="0" eb="2">
      <t>マイシュウ</t>
    </rPh>
    <rPh sb="2" eb="5">
      <t>ゲツヨウビ</t>
    </rPh>
    <rPh sb="7" eb="9">
      <t>シュクジツ</t>
    </rPh>
    <rPh sb="10" eb="12">
      <t>バアイ</t>
    </rPh>
    <rPh sb="13" eb="15">
      <t>カイエン</t>
    </rPh>
    <rPh sb="17" eb="19">
      <t>シュクジツ</t>
    </rPh>
    <rPh sb="20" eb="22">
      <t>ヨクジツ</t>
    </rPh>
    <rPh sb="23" eb="25">
      <t>ネンマツ</t>
    </rPh>
    <rPh sb="25" eb="27">
      <t>ネンシ</t>
    </rPh>
    <phoneticPr fontId="11"/>
  </si>
  <si>
    <t>085946</t>
  </si>
  <si>
    <t>城址公園</t>
  </si>
  <si>
    <t>神奈川県小田原市城内</t>
  </si>
  <si>
    <t>小田原城がある</t>
    <rPh sb="0" eb="3">
      <t>オダワラ</t>
    </rPh>
    <rPh sb="3" eb="4">
      <t>ジョウ</t>
    </rPh>
    <phoneticPr fontId="11"/>
  </si>
  <si>
    <t>085947</t>
  </si>
  <si>
    <t>城山公園</t>
  </si>
  <si>
    <t>小田原こどもの森公園わんぱくらんど</t>
  </si>
  <si>
    <t>神奈川県小田原市久野4377-1</t>
  </si>
  <si>
    <t>095949</t>
  </si>
  <si>
    <t>茅ヶ崎市</t>
    <phoneticPr fontId="7"/>
  </si>
  <si>
    <t>中海岸一号緑地</t>
  </si>
  <si>
    <t>神奈川県茅ヶ崎市中海岸4-12271-7</t>
  </si>
  <si>
    <t>095950</t>
  </si>
  <si>
    <t>赤松三号緑地</t>
  </si>
  <si>
    <t>095951</t>
  </si>
  <si>
    <t>今宿第二公園</t>
  </si>
  <si>
    <t>神奈川県茅ヶ崎市今宿645-114</t>
  </si>
  <si>
    <t>095952</t>
  </si>
  <si>
    <t>香川ふれあい公園</t>
  </si>
  <si>
    <t>神奈川県茅ヶ崎市香川3-482-5</t>
  </si>
  <si>
    <t>アスレチック</t>
  </si>
  <si>
    <t>095953</t>
  </si>
  <si>
    <t>赤松二号緑地</t>
  </si>
  <si>
    <t>神奈川県茅ヶ崎市赤松町3697-262</t>
  </si>
  <si>
    <t>095954</t>
  </si>
  <si>
    <t>香川ゆうゆう公園</t>
  </si>
  <si>
    <t>神奈川県茅ヶ崎市香川4-935-2</t>
  </si>
  <si>
    <t>095955</t>
  </si>
  <si>
    <t>登象公園</t>
  </si>
  <si>
    <t>神奈川県茅ヶ崎市矢畑536-2</t>
  </si>
  <si>
    <t>095956</t>
  </si>
  <si>
    <t>松が丘二号緑地</t>
  </si>
  <si>
    <t>神奈川県茅ヶ崎市松が丘2-2501-73</t>
  </si>
  <si>
    <t>095957</t>
  </si>
  <si>
    <t>矢畑第二公園</t>
  </si>
  <si>
    <t>神奈川県茅ヶ崎市矢畑419-163</t>
  </si>
  <si>
    <t>095958</t>
  </si>
  <si>
    <t>南湖東公園</t>
  </si>
  <si>
    <t>神奈川県茅ヶ崎市南湖4-12988-76</t>
  </si>
  <si>
    <t>095959</t>
  </si>
  <si>
    <t>菱沼海岸公園</t>
  </si>
  <si>
    <t>神奈川県茅ヶ崎市菱沼海岸2900-28</t>
  </si>
  <si>
    <t>095960</t>
  </si>
  <si>
    <t>中海岸しおのね公園</t>
  </si>
  <si>
    <t>神奈川県茅ヶ崎市中海岸4-11717-28</t>
  </si>
  <si>
    <t>095961</t>
  </si>
  <si>
    <t>萩園下河原公園</t>
  </si>
  <si>
    <t>神奈川県茅ヶ崎市萩園2722-13</t>
  </si>
  <si>
    <t>095962</t>
  </si>
  <si>
    <t>室田第三公園</t>
  </si>
  <si>
    <t>神奈川県茅ヶ崎市室田2-400-16</t>
  </si>
  <si>
    <t>095963</t>
  </si>
  <si>
    <t>浜之郷第四公園</t>
  </si>
  <si>
    <t>神奈川県茅ヶ崎市浜之郷1184-60</t>
  </si>
  <si>
    <t>095964</t>
  </si>
  <si>
    <t>松が丘一号緑地</t>
  </si>
  <si>
    <t>神奈川県茅ヶ崎市松が丘2-2501-68</t>
  </si>
  <si>
    <t>095965</t>
  </si>
  <si>
    <t>南湖第一公園</t>
  </si>
  <si>
    <t>神奈川県茅ヶ崎市南湖5-3961-1</t>
  </si>
  <si>
    <t>095966</t>
  </si>
  <si>
    <t>東海岸南第五公園</t>
  </si>
  <si>
    <t>神奈川県茅ヶ崎市東海岸南6-8955-237</t>
  </si>
  <si>
    <t>095967</t>
  </si>
  <si>
    <t>松が丘第一公園</t>
  </si>
  <si>
    <t>神奈川県茅ヶ崎市松が丘2-2501-72</t>
  </si>
  <si>
    <t>095968</t>
  </si>
  <si>
    <t>松浪公園</t>
  </si>
  <si>
    <t>神奈川県茅ヶ崎市松浪2-4866-13</t>
  </si>
  <si>
    <t>095969</t>
  </si>
  <si>
    <t>中島しおさい公園</t>
  </si>
  <si>
    <t>神奈川県茅ヶ崎市中島271-23</t>
  </si>
  <si>
    <t>095970</t>
  </si>
  <si>
    <t>神奈川県茅ヶ崎市高田3-129-40</t>
  </si>
  <si>
    <t>095971</t>
  </si>
  <si>
    <t>浜之郷第五公園</t>
  </si>
  <si>
    <t>神奈川県茅ヶ崎市浜之郷1176-13</t>
  </si>
  <si>
    <t>095972</t>
  </si>
  <si>
    <t>茶屋町公園</t>
  </si>
  <si>
    <t>神奈川県茅ヶ崎市南湖1--3643-1</t>
  </si>
  <si>
    <t>095973</t>
  </si>
  <si>
    <t>赤松北公園</t>
  </si>
  <si>
    <t>神奈川県茅ヶ崎市赤松町1841-75</t>
  </si>
  <si>
    <t>095974</t>
  </si>
  <si>
    <t>神奈川県茅ヶ崎市茅ヶ崎2-1880-9</t>
  </si>
  <si>
    <t>095975</t>
  </si>
  <si>
    <t>矢畑第一公園</t>
  </si>
  <si>
    <t>神奈川県茅ヶ崎市矢畑419-13</t>
  </si>
  <si>
    <t>095976</t>
  </si>
  <si>
    <t>平和町第一公園</t>
  </si>
  <si>
    <t>神奈川県茅ヶ崎市平和町6245-46</t>
  </si>
  <si>
    <t>095977</t>
  </si>
  <si>
    <t>赤松一号緑地</t>
  </si>
  <si>
    <t>095978</t>
  </si>
  <si>
    <t>円蔵第一公園</t>
  </si>
  <si>
    <t>神奈川県茅ヶ崎市円蔵2553</t>
  </si>
  <si>
    <t>095979</t>
  </si>
  <si>
    <t>円蔵緑地</t>
  </si>
  <si>
    <t>神奈川県茅ヶ崎市円蔵370-36</t>
  </si>
  <si>
    <t>095980</t>
  </si>
  <si>
    <t>清水公園</t>
  </si>
  <si>
    <t>神奈川県茅ヶ崎市芹沢902-48</t>
  </si>
  <si>
    <t>095982</t>
  </si>
  <si>
    <t>松風台東公園</t>
  </si>
  <si>
    <t>神奈川県茅ヶ崎市松風台1051-13</t>
  </si>
  <si>
    <t>095983</t>
  </si>
  <si>
    <t>高田第一公園</t>
  </si>
  <si>
    <t>神奈川県茅ヶ崎市高田4-402-2</t>
  </si>
  <si>
    <t>コンクリートの白鳥の置物</t>
  </si>
  <si>
    <t>095984</t>
  </si>
  <si>
    <t>小桜ゆうゆう緑地</t>
  </si>
  <si>
    <t>神奈川県茅ヶ崎市小桜町1607-12</t>
  </si>
  <si>
    <t>095985</t>
  </si>
  <si>
    <t>松風台西公園</t>
  </si>
  <si>
    <t>神奈川県茅ヶ崎市松風台1110-3</t>
  </si>
  <si>
    <t>095986</t>
  </si>
  <si>
    <t>室田第一公園</t>
  </si>
  <si>
    <t>神奈川県茅ヶ崎市室田2-362-3</t>
  </si>
  <si>
    <t>095987</t>
  </si>
  <si>
    <t>萩園走内公園</t>
  </si>
  <si>
    <t>神奈川県茅ヶ崎市萩園1215-2</t>
  </si>
  <si>
    <t>095988</t>
  </si>
  <si>
    <t>萩園第三公園</t>
  </si>
  <si>
    <t>神奈川県茅ヶ崎市萩園2028-54</t>
  </si>
  <si>
    <t>095989</t>
  </si>
  <si>
    <t>くすのき公園</t>
  </si>
  <si>
    <t>神奈川県茅ヶ崎市茅ヶ崎534-1</t>
  </si>
  <si>
    <t>095990</t>
  </si>
  <si>
    <t>小中島公園</t>
  </si>
  <si>
    <t>神奈川県茅ヶ崎市今宿911-5</t>
  </si>
  <si>
    <t>095991</t>
  </si>
  <si>
    <t>松風台南公園</t>
  </si>
  <si>
    <t>神奈川県茅ヶ崎市松風台1686-4</t>
  </si>
  <si>
    <t>095992</t>
  </si>
  <si>
    <t>神奈川県茅ヶ崎市堤66</t>
  </si>
  <si>
    <t>動物のオブジェ、ドカンのトンネル</t>
  </si>
  <si>
    <t>095993</t>
  </si>
  <si>
    <t>西久保広町公園</t>
  </si>
  <si>
    <t>神奈川県茅ヶ崎市西久保2015</t>
  </si>
  <si>
    <t>095994</t>
  </si>
  <si>
    <t>下ノ川公園</t>
  </si>
  <si>
    <t>神奈川県茅ヶ崎市今宿444-10</t>
  </si>
  <si>
    <t>095995</t>
  </si>
  <si>
    <t>浜之郷公園</t>
  </si>
  <si>
    <t>神奈川県茅ヶ崎市浜之郷952-6</t>
  </si>
  <si>
    <t>095996</t>
  </si>
  <si>
    <t>東小和田公園</t>
  </si>
  <si>
    <t>神奈川県茅ヶ崎市赤松町1841-62</t>
  </si>
  <si>
    <t>095997</t>
  </si>
  <si>
    <t>上ノ田公園</t>
  </si>
  <si>
    <t>神奈川県茅ヶ崎市本村5-40-3</t>
  </si>
  <si>
    <t>095998</t>
  </si>
  <si>
    <t>氷室椿庭園</t>
  </si>
  <si>
    <t>神奈川県茅ヶ崎市東海岸南3-2-41</t>
  </si>
  <si>
    <t>095999</t>
  </si>
  <si>
    <t>神奈川県茅ヶ崎市堤91</t>
  </si>
  <si>
    <t>096000</t>
  </si>
  <si>
    <t>南羽根沢公園</t>
  </si>
  <si>
    <t>神奈川県茅ヶ崎市堤43</t>
  </si>
  <si>
    <t>096001</t>
  </si>
  <si>
    <t>神奈川県茅ヶ崎市堤27</t>
  </si>
  <si>
    <t>動物のオブジェ、アスレチック</t>
  </si>
  <si>
    <t>096002</t>
  </si>
  <si>
    <t>松が丘緑地</t>
  </si>
  <si>
    <t>神奈川県茅ヶ崎市松が丘1-11-27</t>
  </si>
  <si>
    <t>096004</t>
  </si>
  <si>
    <t>萩園第一公園</t>
  </si>
  <si>
    <t>神奈川県茅ヶ崎市萩園834</t>
  </si>
  <si>
    <t>096005</t>
  </si>
  <si>
    <t>平和町公園</t>
  </si>
  <si>
    <t>神奈川県茅ヶ崎市平和町6441-24</t>
  </si>
  <si>
    <t>096006</t>
  </si>
  <si>
    <t>高砂緑地</t>
  </si>
  <si>
    <t>神奈川県茅ヶ崎市東海岸北1-10293</t>
  </si>
  <si>
    <t>096007</t>
  </si>
  <si>
    <t>神奈川県茅ヶ崎市甘沼285</t>
  </si>
  <si>
    <t>096008</t>
  </si>
  <si>
    <t>小和田浜公園</t>
  </si>
  <si>
    <t>神奈川県茅ヶ崎市浜須賀5834-2</t>
  </si>
  <si>
    <t>雲梯、コンクリートの動物のオブジェ</t>
    <rPh sb="0" eb="2">
      <t>ウンテイ</t>
    </rPh>
    <phoneticPr fontId="7"/>
  </si>
  <si>
    <t>096010</t>
  </si>
  <si>
    <t>身待田公園</t>
  </si>
  <si>
    <t>神奈川県茅ヶ崎市菱沼2-342-3</t>
  </si>
  <si>
    <t>096013</t>
  </si>
  <si>
    <t>柳島しおさい公園</t>
  </si>
  <si>
    <t>神奈川県茅ヶ崎市柳島1900</t>
  </si>
  <si>
    <t>096015</t>
  </si>
  <si>
    <t>香川第一公園</t>
  </si>
  <si>
    <t>神奈川県茅ヶ崎市香川4-347-31</t>
  </si>
  <si>
    <t>096016</t>
  </si>
  <si>
    <t>香川第二公園</t>
  </si>
  <si>
    <t>神奈川県茅ヶ崎市香川4-337-15</t>
  </si>
  <si>
    <t>タイヤワタリ</t>
  </si>
  <si>
    <t>096017</t>
  </si>
  <si>
    <t>萩園第二公園</t>
  </si>
  <si>
    <t>神奈川県茅ヶ崎市萩園2428-56</t>
  </si>
  <si>
    <t>096018</t>
  </si>
  <si>
    <t>神奈川県茅ヶ崎市十間坂3-3449-1</t>
  </si>
  <si>
    <t>096019</t>
  </si>
  <si>
    <t>赤松公園</t>
  </si>
  <si>
    <t>神奈川県茅ヶ崎市赤松町3697-180</t>
  </si>
  <si>
    <t>登り棒</t>
  </si>
  <si>
    <t>096020</t>
  </si>
  <si>
    <t>平和町第二公園</t>
  </si>
  <si>
    <t>神奈川県茅ヶ崎市平和町6416-3</t>
  </si>
  <si>
    <t>096021</t>
  </si>
  <si>
    <t>白浜公園</t>
  </si>
  <si>
    <t>神奈川県茅ヶ崎市白浜町3004-109</t>
  </si>
  <si>
    <t>096022</t>
  </si>
  <si>
    <t>松が丘第二公園</t>
  </si>
  <si>
    <t>神奈川県茅ヶ崎市松が丘2-2400-9</t>
  </si>
  <si>
    <t>動物のオブジェ</t>
    <phoneticPr fontId="7"/>
  </si>
  <si>
    <t>096023</t>
  </si>
  <si>
    <t>梅田第二公園</t>
  </si>
  <si>
    <t>神奈川県茅ヶ崎市十間坂2-3531-15</t>
  </si>
  <si>
    <t>096024</t>
  </si>
  <si>
    <t>下町屋北公園</t>
  </si>
  <si>
    <t>神奈川県茅ヶ崎市下町屋3-573-4</t>
  </si>
  <si>
    <t>096025</t>
  </si>
  <si>
    <t>室田第二公園</t>
  </si>
  <si>
    <t>神奈川県茅ヶ崎市室田1-100-47</t>
  </si>
  <si>
    <t>096026</t>
  </si>
  <si>
    <t>宮の前公園</t>
  </si>
  <si>
    <t>神奈川県茅ヶ崎市今宿360-4</t>
  </si>
  <si>
    <t>096028</t>
  </si>
  <si>
    <t>富士見町公園</t>
  </si>
  <si>
    <t>神奈川県茅ヶ崎市富士見町5791-15</t>
  </si>
  <si>
    <t>096029</t>
  </si>
  <si>
    <t>中海岸第一公園</t>
  </si>
  <si>
    <t>神奈川県茅ヶ崎市中海岸4-11685-35</t>
  </si>
  <si>
    <t>096030</t>
  </si>
  <si>
    <t>中海岸第二公園</t>
  </si>
  <si>
    <t>神奈川県茅ヶ崎市中海岸4-12271-19</t>
  </si>
  <si>
    <t>096031</t>
  </si>
  <si>
    <t>津戸田公園</t>
  </si>
  <si>
    <t>神奈川県茅ヶ崎市菱沼3-158-14</t>
  </si>
  <si>
    <t>096032</t>
  </si>
  <si>
    <t>菱沼第一公園</t>
  </si>
  <si>
    <t>神奈川県茅ヶ崎市菱沼3-74-11</t>
  </si>
  <si>
    <t>096033</t>
  </si>
  <si>
    <t>網久保公園</t>
  </si>
  <si>
    <t>神奈川県茅ヶ崎市松林1-1406-32</t>
  </si>
  <si>
    <t>096034</t>
  </si>
  <si>
    <t>共恵第一公園</t>
  </si>
  <si>
    <t>神奈川県茅ヶ崎市共恵2-10233-20</t>
  </si>
  <si>
    <t>096035</t>
  </si>
  <si>
    <t>浜須賀第二公園</t>
  </si>
  <si>
    <t>神奈川県茅ヶ崎市浜須賀7017-26</t>
  </si>
  <si>
    <t>096036</t>
  </si>
  <si>
    <t>前の田公園</t>
  </si>
  <si>
    <t>神奈川県茅ヶ崎市菱沼2-409-1</t>
  </si>
  <si>
    <t>096037</t>
  </si>
  <si>
    <t>間門公園</t>
  </si>
  <si>
    <t>神奈川県茅ヶ崎市香川4-917-3</t>
  </si>
  <si>
    <t>096038</t>
  </si>
  <si>
    <t>松が丘第三公園</t>
  </si>
  <si>
    <t>神奈川県茅ヶ崎市松が丘2-2350-14</t>
  </si>
  <si>
    <t>096039</t>
  </si>
  <si>
    <t>松が丘第四公園</t>
  </si>
  <si>
    <t>神奈川県茅ヶ崎市松が丘2-6820-65</t>
  </si>
  <si>
    <t>096040</t>
  </si>
  <si>
    <t>松が丘第五公園</t>
  </si>
  <si>
    <t>神奈川県茅ヶ崎市松が丘2-2371-32</t>
  </si>
  <si>
    <t>096041</t>
  </si>
  <si>
    <t>美住町第一公園</t>
  </si>
  <si>
    <t>神奈川県茅ヶ崎市美住町5372-16</t>
  </si>
  <si>
    <t>096042</t>
  </si>
  <si>
    <t>高田南公園</t>
  </si>
  <si>
    <t>神奈川県茅ヶ崎市高田3-136-6</t>
  </si>
  <si>
    <t>096043</t>
  </si>
  <si>
    <t>矢畑東公園</t>
  </si>
  <si>
    <t>神奈川県茅ヶ崎市矢畑995-40</t>
  </si>
  <si>
    <t>096044</t>
  </si>
  <si>
    <t>今宿第一公園</t>
  </si>
  <si>
    <t>神奈川県茅ヶ崎市今宿791-9</t>
  </si>
  <si>
    <t>096045</t>
  </si>
  <si>
    <t>下町屋西公園</t>
  </si>
  <si>
    <t>神奈川県茅ヶ崎市下町屋3-56-21</t>
  </si>
  <si>
    <t>096046</t>
  </si>
  <si>
    <t>浜之郷第二公園</t>
  </si>
  <si>
    <t>神奈川県茅ヶ崎市浜之郷611-56</t>
  </si>
  <si>
    <t>096047</t>
  </si>
  <si>
    <t>浜之郷第三公園</t>
  </si>
  <si>
    <t>神奈川県茅ヶ崎市浜之郷755-7</t>
  </si>
  <si>
    <t>096048</t>
  </si>
  <si>
    <t>東海岸北第一公園</t>
  </si>
  <si>
    <t>神奈川県茅ヶ崎市東海岸北4-7010-18</t>
  </si>
  <si>
    <t>096049</t>
  </si>
  <si>
    <t>東海岸南第一公園</t>
  </si>
  <si>
    <t>神奈川県茅ヶ崎市東海岸南6-8955-164</t>
  </si>
  <si>
    <t>096050</t>
  </si>
  <si>
    <t>東海岸南第二公園</t>
  </si>
  <si>
    <t>神奈川県茅ヶ崎市東海岸南6-8721-14</t>
  </si>
  <si>
    <t>096051</t>
  </si>
  <si>
    <t>東海岸南第三公園</t>
  </si>
  <si>
    <t>神奈川県茅ヶ崎市東海岸南3-11323-47</t>
  </si>
  <si>
    <t>096052</t>
  </si>
  <si>
    <t>東海岸南第四公園</t>
  </si>
  <si>
    <t>神奈川県茅ヶ崎市東海岸南5-8687-29</t>
  </si>
  <si>
    <t>096053</t>
  </si>
  <si>
    <t>室田第四公園</t>
  </si>
  <si>
    <t>神奈川県茅ヶ崎市室田2-313-18</t>
  </si>
  <si>
    <t>096054</t>
  </si>
  <si>
    <t>柳島第一公園</t>
  </si>
  <si>
    <t>神奈川県茅ヶ崎市柳島海岸1588-364</t>
  </si>
  <si>
    <t>096055</t>
  </si>
  <si>
    <t>柳島第二公園</t>
  </si>
  <si>
    <t>神奈川県茅ヶ崎市柳島1843-28</t>
  </si>
  <si>
    <t>096056</t>
  </si>
  <si>
    <t>柳島第三公園</t>
  </si>
  <si>
    <t>神奈川県茅ヶ崎市柳島海岸990-31</t>
  </si>
  <si>
    <t>096057</t>
  </si>
  <si>
    <t>緑が浜第一公園</t>
  </si>
  <si>
    <t>神奈川県茅ヶ崎市緑が浜5827-5</t>
  </si>
  <si>
    <t>096058</t>
  </si>
  <si>
    <t>松が丘南公園</t>
  </si>
  <si>
    <t>神奈川県茅ヶ崎市松が丘1-3002-34</t>
  </si>
  <si>
    <t>ステンレスの遊具</t>
  </si>
  <si>
    <t>096059</t>
  </si>
  <si>
    <t>一本松公園</t>
  </si>
  <si>
    <t>神奈川県茅ヶ崎市円蔵1-600-5</t>
  </si>
  <si>
    <t>096060</t>
  </si>
  <si>
    <t>とびらぎ公園</t>
  </si>
  <si>
    <t>神奈川県茅ヶ崎市東海岸南6-8910-15</t>
  </si>
  <si>
    <t>096061</t>
  </si>
  <si>
    <t>ハナミズキ公園</t>
  </si>
  <si>
    <t>神奈川県茅ヶ崎市ひばりが丘1726-1</t>
  </si>
  <si>
    <t>096062</t>
  </si>
  <si>
    <t>下寺尾東方公園</t>
  </si>
  <si>
    <t>神奈川県茅ヶ崎市下寺尾1936</t>
  </si>
  <si>
    <t>096063</t>
  </si>
  <si>
    <t>鶴田東公園</t>
  </si>
  <si>
    <t>神奈川県茅ヶ崎市本村5-184-9</t>
  </si>
  <si>
    <t>096064</t>
  </si>
  <si>
    <t>鶴田西公園</t>
  </si>
  <si>
    <t>神奈川県茅ヶ崎市本村5-194-9</t>
  </si>
  <si>
    <t>096065</t>
  </si>
  <si>
    <t>高架下公園</t>
  </si>
  <si>
    <t>神奈川県茅ヶ崎市西久保111</t>
  </si>
  <si>
    <t>096066</t>
  </si>
  <si>
    <t>萩園西公園</t>
  </si>
  <si>
    <t>神奈川県茅ヶ崎市萩園822-5</t>
  </si>
  <si>
    <t>096067</t>
  </si>
  <si>
    <t>松が丘西公園</t>
  </si>
  <si>
    <t>神奈川県茅ヶ崎市松が丘1-2807-95</t>
  </si>
  <si>
    <t>木馬</t>
  </si>
  <si>
    <t>096068</t>
  </si>
  <si>
    <t>柳島海岸東公園</t>
  </si>
  <si>
    <t>神奈川県茅ヶ崎市柳島海岸1588-453</t>
  </si>
  <si>
    <t>096069</t>
  </si>
  <si>
    <t>浜竹東公園</t>
  </si>
  <si>
    <t>神奈川県茅ヶ崎市浜竹3-1875-1</t>
  </si>
  <si>
    <t>096070</t>
  </si>
  <si>
    <t>神奈川県茅ヶ崎市今宿1180-8</t>
  </si>
  <si>
    <t>096071</t>
  </si>
  <si>
    <t>さくら公園</t>
  </si>
  <si>
    <t>神奈川県茅ヶ崎市今宿1285-5</t>
  </si>
  <si>
    <t>096072</t>
  </si>
  <si>
    <t>香川東公園</t>
  </si>
  <si>
    <t>神奈川県茅ヶ崎市香川1-8-5</t>
  </si>
  <si>
    <t>096073</t>
  </si>
  <si>
    <t>あかしあ公園</t>
  </si>
  <si>
    <t>神奈川県茅ヶ崎市矢畑569-5</t>
  </si>
  <si>
    <t>096074</t>
  </si>
  <si>
    <t>旭が丘公園</t>
  </si>
  <si>
    <t>神奈川県茅ヶ崎市旭が丘2317</t>
  </si>
  <si>
    <t>096075</t>
  </si>
  <si>
    <t>小和田北公園</t>
  </si>
  <si>
    <t>神奈川県茅ヶ崎市小和田3-146-5</t>
  </si>
  <si>
    <t>096076</t>
  </si>
  <si>
    <t>わかば公園</t>
  </si>
  <si>
    <t>神奈川県茅ヶ崎市緑が浜5829-20</t>
  </si>
  <si>
    <t>096077</t>
  </si>
  <si>
    <t>香川原公園</t>
  </si>
  <si>
    <t>神奈川県茅ヶ崎市香川1-4-1</t>
  </si>
  <si>
    <t>096078</t>
  </si>
  <si>
    <t>勝沼公園</t>
  </si>
  <si>
    <t>神奈川県茅ヶ崎市矢畑1345-2</t>
  </si>
  <si>
    <t>096079</t>
  </si>
  <si>
    <t>東海岸南第六公園</t>
  </si>
  <si>
    <t>神奈川県茅ヶ崎市東海岸南3-11338-24</t>
  </si>
  <si>
    <t>096080</t>
  </si>
  <si>
    <t>ひじりき公園</t>
  </si>
  <si>
    <t>神奈川県茅ヶ崎市矢畑584-3</t>
  </si>
  <si>
    <t>096081</t>
  </si>
  <si>
    <t>つつじ公園</t>
  </si>
  <si>
    <t>神奈川県茅ヶ崎市十間坂1--5132-10</t>
  </si>
  <si>
    <t>096082</t>
  </si>
  <si>
    <t>矢島公園</t>
  </si>
  <si>
    <t>神奈川県茅ヶ崎市中島1379-7</t>
  </si>
  <si>
    <t>096083</t>
  </si>
  <si>
    <t>東海岸南第七公園</t>
  </si>
  <si>
    <t>神奈川県茅ヶ崎市東海岸南1-11427-139</t>
  </si>
  <si>
    <t>096084</t>
  </si>
  <si>
    <t>なぎさ第一公園</t>
  </si>
  <si>
    <t>神奈川県茅ヶ崎市緑が浜5838-4</t>
  </si>
  <si>
    <t>096085</t>
  </si>
  <si>
    <t>なぎさ第二公園</t>
  </si>
  <si>
    <t>神奈川県茅ヶ崎市緑が浜5838-5</t>
  </si>
  <si>
    <t>三角のコンクリート、オブジェ</t>
  </si>
  <si>
    <t>096086</t>
  </si>
  <si>
    <t>宮の下公園</t>
  </si>
  <si>
    <t>神奈川県茅ヶ崎市柳島2-90-2</t>
  </si>
  <si>
    <t>096087</t>
  </si>
  <si>
    <t>北茅ヶ崎公園</t>
  </si>
  <si>
    <t>神奈川県茅ヶ崎市本村4-1320-6</t>
  </si>
  <si>
    <t>096088</t>
  </si>
  <si>
    <t>網久保北公園</t>
  </si>
  <si>
    <t>神奈川県茅ヶ崎市松林1-1704-31</t>
  </si>
  <si>
    <t>096089</t>
  </si>
  <si>
    <t>西久保ふれあい公園</t>
  </si>
  <si>
    <t>神奈川県茅ヶ崎市西久保118-2</t>
  </si>
  <si>
    <t>096090</t>
  </si>
  <si>
    <t>宮の前第二公園</t>
  </si>
  <si>
    <t>神奈川県茅ヶ崎市今宿333-37</t>
  </si>
  <si>
    <t>096091</t>
  </si>
  <si>
    <t>神明南公園</t>
  </si>
  <si>
    <t>神奈川県茅ヶ崎市下寺尾2281-2</t>
  </si>
  <si>
    <t>096092</t>
  </si>
  <si>
    <t>パシフィック公園</t>
  </si>
  <si>
    <t>神奈川県茅ヶ崎市東海岸南6-8955-315</t>
  </si>
  <si>
    <t>096093</t>
  </si>
  <si>
    <t>甘沼パノラマ公園</t>
  </si>
  <si>
    <t>神奈川県茅ヶ崎市甘沼200-9</t>
  </si>
  <si>
    <t>096094</t>
  </si>
  <si>
    <t>本村日時計公園</t>
  </si>
  <si>
    <t>神奈川県茅ヶ崎市本村2-6304-50</t>
  </si>
  <si>
    <t>096095</t>
  </si>
  <si>
    <t>赤松町竹の子公園</t>
  </si>
  <si>
    <t>神奈川県茅ヶ崎市赤松町1841-71</t>
  </si>
  <si>
    <t>096096</t>
  </si>
  <si>
    <t>平和町東公園</t>
  </si>
  <si>
    <t>神奈川県茅ヶ崎市平和町6151-2</t>
  </si>
  <si>
    <t>096097</t>
  </si>
  <si>
    <t>緑が浜かもめ公園</t>
  </si>
  <si>
    <t>神奈川県茅ヶ崎市緑が浜5785-7</t>
  </si>
  <si>
    <t>096098</t>
  </si>
  <si>
    <t>赤松なかよし公園</t>
  </si>
  <si>
    <t>神奈川県茅ヶ崎市赤松町3615-142</t>
  </si>
  <si>
    <t>096099</t>
  </si>
  <si>
    <t>しおかぜ公園</t>
  </si>
  <si>
    <t>神奈川県茅ヶ崎市矢畑733-28</t>
  </si>
  <si>
    <t>096100</t>
  </si>
  <si>
    <t>松が丘ラチエン通り公園</t>
  </si>
  <si>
    <t>神奈川県茅ヶ崎市松が丘1-2625-83</t>
  </si>
  <si>
    <t>096101</t>
  </si>
  <si>
    <t>ミモザ公園</t>
  </si>
  <si>
    <t>神奈川県茅ヶ崎市矢畑20-22</t>
  </si>
  <si>
    <t>096102</t>
  </si>
  <si>
    <t>南湖西公園</t>
  </si>
  <si>
    <t>神奈川県茅ヶ崎市南湖7-12838-40</t>
  </si>
  <si>
    <t>096103</t>
  </si>
  <si>
    <t>ひじりき南公園</t>
  </si>
  <si>
    <t>神奈川県茅ヶ崎市矢畑620-23</t>
  </si>
  <si>
    <t>096104</t>
  </si>
  <si>
    <t>平太夫新田公園</t>
  </si>
  <si>
    <t>神奈川県茅ヶ崎市平太夫新田61-33</t>
  </si>
  <si>
    <t>096105</t>
  </si>
  <si>
    <t>萩園リバーヴェール公園</t>
  </si>
  <si>
    <t>神奈川県茅ヶ崎市萩園3161-1</t>
  </si>
  <si>
    <t>096106</t>
  </si>
  <si>
    <t>神奈川県茅ヶ崎市みずき2-1226-1</t>
  </si>
  <si>
    <t>096107</t>
  </si>
  <si>
    <t>みずき公園</t>
  </si>
  <si>
    <t>神奈川県茅ヶ崎市みずき4-1502</t>
  </si>
  <si>
    <t>096108</t>
  </si>
  <si>
    <t>さざなみ公園</t>
  </si>
  <si>
    <t>神奈川県茅ヶ崎市南湖7-12869-75</t>
  </si>
  <si>
    <t>096109</t>
  </si>
  <si>
    <t>菱沼なかよし公園</t>
  </si>
  <si>
    <t>神奈川県茅ヶ崎市菱沼1-627-8</t>
  </si>
  <si>
    <t>096110</t>
  </si>
  <si>
    <t>はまかぜ公園</t>
  </si>
  <si>
    <t>神奈川県茅ヶ崎市東海岸北2-9581-3</t>
  </si>
  <si>
    <t>096111</t>
  </si>
  <si>
    <t>今宿西公園</t>
  </si>
  <si>
    <t>神奈川県茅ヶ崎市今宿965-4</t>
  </si>
  <si>
    <t>096112</t>
  </si>
  <si>
    <t>中海岸松韻公園</t>
  </si>
  <si>
    <t>神奈川県茅ヶ崎市中海岸1-10194-19</t>
  </si>
  <si>
    <t>096113</t>
  </si>
  <si>
    <t>旭が丘西公園</t>
  </si>
  <si>
    <t>神奈川県茅ヶ崎市旭が丘2266-27</t>
  </si>
  <si>
    <t>096114</t>
  </si>
  <si>
    <t>高田緑地</t>
  </si>
  <si>
    <t>神奈川県茅ヶ崎市高田1-58</t>
  </si>
  <si>
    <t>096115</t>
  </si>
  <si>
    <t>甘沼緑地</t>
  </si>
  <si>
    <t>神奈川県茅ヶ崎市甘沼148-3</t>
  </si>
  <si>
    <t>096116</t>
  </si>
  <si>
    <t>松浪緑地</t>
  </si>
  <si>
    <t>神奈川県茅ヶ崎市松浪1-4490-1</t>
  </si>
  <si>
    <t>096118</t>
  </si>
  <si>
    <t>東海岸北第四公園</t>
  </si>
  <si>
    <t>神奈川県茅ヶ崎市東海岸北4-7136</t>
  </si>
  <si>
    <t>096120</t>
  </si>
  <si>
    <t>赤羽根１号公園</t>
  </si>
  <si>
    <t>神奈川県茅ヶ崎市赤羽根293-1</t>
  </si>
  <si>
    <t>096125</t>
  </si>
  <si>
    <t>中島湘泉公園</t>
  </si>
  <si>
    <t>神奈川県茅ヶ崎市中島1339</t>
  </si>
  <si>
    <t>096127</t>
  </si>
  <si>
    <t>湘南夢わくわく公園</t>
  </si>
  <si>
    <t>神奈川県茅ヶ崎市中島1451-1</t>
  </si>
  <si>
    <t>096129</t>
  </si>
  <si>
    <t>神奈川県茅ヶ崎市茅ヶ崎2-2077-12</t>
  </si>
  <si>
    <t>茅ヶ崎公園</t>
  </si>
  <si>
    <t>神奈川県茅ヶ崎市中海岸3-11483</t>
  </si>
  <si>
    <t>しろやま公園</t>
  </si>
  <si>
    <t>神奈川県茅ヶ崎市浜見平377-11</t>
  </si>
  <si>
    <t>106133</t>
  </si>
  <si>
    <t>逗子市</t>
    <phoneticPr fontId="7"/>
  </si>
  <si>
    <t>ハイランドつつじケ丘公園</t>
  </si>
  <si>
    <t>神奈川県逗子市久木8-1290-49（地番）</t>
  </si>
  <si>
    <t/>
  </si>
  <si>
    <t>106134</t>
  </si>
  <si>
    <t>南台児童公園</t>
  </si>
  <si>
    <t>神奈川県逗子市沼間1-137-15（地番）</t>
  </si>
  <si>
    <t>106135</t>
  </si>
  <si>
    <t>逗子ビューハイツ公園</t>
  </si>
  <si>
    <t>神奈川県逗子市山の根1-205-2（地番）</t>
  </si>
  <si>
    <t>106136</t>
  </si>
  <si>
    <t>柚沢公園</t>
  </si>
  <si>
    <t>神奈川県逗子市沼間4-1174（地番）</t>
  </si>
  <si>
    <t>106137</t>
  </si>
  <si>
    <t>桜山上公園</t>
  </si>
  <si>
    <t>神奈川県逗子市桜山5-327（地番）</t>
  </si>
  <si>
    <t>106138</t>
  </si>
  <si>
    <t>なかよし公園</t>
  </si>
  <si>
    <t>神奈川県逗子市久木5-1620-26（地番）</t>
  </si>
  <si>
    <t>106139</t>
  </si>
  <si>
    <t>持田公園</t>
  </si>
  <si>
    <t>神奈川県逗子市桜山5-419（地番）</t>
  </si>
  <si>
    <t>106140</t>
  </si>
  <si>
    <t>葉桜公園</t>
  </si>
  <si>
    <t>神奈川県逗子市桜山6-1326-29（地番）</t>
  </si>
  <si>
    <t>106141</t>
  </si>
  <si>
    <t>久木若草児童公園</t>
  </si>
  <si>
    <t>神奈川県逗子市久木6-1608（地番）</t>
  </si>
  <si>
    <t>106142</t>
  </si>
  <si>
    <t>篠山公園</t>
  </si>
  <si>
    <t>神奈川県逗子市沼間6-1092−2（地番）</t>
  </si>
  <si>
    <t>106143</t>
  </si>
  <si>
    <t>下田公園</t>
  </si>
  <si>
    <t>神奈川県逗子市逗子2-75-8（地番）</t>
  </si>
  <si>
    <t>106144</t>
  </si>
  <si>
    <t>才戸児童公園</t>
  </si>
  <si>
    <t>神奈川県逗子市桜山6-1289（地番）</t>
  </si>
  <si>
    <t>106145</t>
  </si>
  <si>
    <t>みどりヶ丘公園</t>
  </si>
  <si>
    <t>神奈川県逗子市桜山5-375-15（地番）</t>
  </si>
  <si>
    <t>プレーステップ</t>
  </si>
  <si>
    <t>106146</t>
  </si>
  <si>
    <t>向原東公園</t>
  </si>
  <si>
    <t>神奈川県逗子市桜山4-49-2（地番）</t>
  </si>
  <si>
    <t>106147</t>
  </si>
  <si>
    <t>アザリエ望洋公園</t>
  </si>
  <si>
    <t>神奈川県逗子市池子2-283−536（地番）</t>
  </si>
  <si>
    <t>106148</t>
  </si>
  <si>
    <t>グリーンヒルフラワー公園</t>
  </si>
  <si>
    <t>神奈川県逗子市沼間5-765−252（地番）</t>
  </si>
  <si>
    <t>106149</t>
  </si>
  <si>
    <t>南ケ丘東公園</t>
  </si>
  <si>
    <t>神奈川県逗子市小坪7-1110−191（地番）</t>
  </si>
  <si>
    <t>106150</t>
  </si>
  <si>
    <t>神奈川県逗子市桜山1-70-1（地番）</t>
  </si>
  <si>
    <t>106151</t>
  </si>
  <si>
    <t>亀ケ岡公園（亀ケ丘公園）</t>
  </si>
  <si>
    <t>神奈川県逗子市小坪1-1396-69（地番）</t>
  </si>
  <si>
    <t>106152</t>
  </si>
  <si>
    <t>グリーンヒルこかげ公園</t>
  </si>
  <si>
    <t>神奈川県逗子市沼間5-848−155（地番）</t>
  </si>
  <si>
    <t>106153</t>
  </si>
  <si>
    <t>松本谷戸公園</t>
  </si>
  <si>
    <t>神奈川県逗子市山の根3-159−39（地番）</t>
  </si>
  <si>
    <t>106154</t>
  </si>
  <si>
    <t>亀井児童公園</t>
  </si>
  <si>
    <t>神奈川県逗子市逗子5-976（地番）</t>
  </si>
  <si>
    <t>106155</t>
  </si>
  <si>
    <t>沼間大山公園</t>
  </si>
  <si>
    <t>神奈川県逗子市沼間5-5-847-74（地番）</t>
  </si>
  <si>
    <t>106156</t>
  </si>
  <si>
    <t>グリーンヒル砂場公園</t>
  </si>
  <si>
    <t>神奈川県逗子市沼間5-765-150（地番）</t>
  </si>
  <si>
    <t>106157</t>
  </si>
  <si>
    <t>たきが谷公園</t>
  </si>
  <si>
    <t>神奈川県逗子市小坪2-1048−34（地番）</t>
  </si>
  <si>
    <t>106158</t>
  </si>
  <si>
    <t>泉沢公園</t>
  </si>
  <si>
    <t>神奈川県逗子市沼間1-125−1（地番）</t>
  </si>
  <si>
    <t>106159</t>
  </si>
  <si>
    <t>けやきの広場</t>
  </si>
  <si>
    <t>神奈川県逗子市新宿4-1537-7（地番）</t>
  </si>
  <si>
    <t>106160</t>
  </si>
  <si>
    <t>ふれあい公園</t>
  </si>
  <si>
    <t>神奈川県逗子市久木1-505-1（地番）</t>
  </si>
  <si>
    <t>106161</t>
  </si>
  <si>
    <t>アザリエ坂道公園</t>
  </si>
  <si>
    <t>神奈川県逗子市池子2-338−66（地番）</t>
  </si>
  <si>
    <t>106162</t>
  </si>
  <si>
    <t>グリーンヒルピッチング広場公園</t>
  </si>
  <si>
    <t>神奈川県逗子市沼間5-759−78（地番）</t>
  </si>
  <si>
    <t>106163</t>
  </si>
  <si>
    <t>アザリエやまゆり公園</t>
  </si>
  <si>
    <t>神奈川県逗子市池子2-283-549（地番）</t>
  </si>
  <si>
    <t>106164</t>
  </si>
  <si>
    <t>神奈川県逗子市小坪3-960-13（地番）</t>
  </si>
  <si>
    <t>106165</t>
  </si>
  <si>
    <t>アザリエ中公園</t>
  </si>
  <si>
    <t>神奈川県逗子市池子3-560−4（地番）</t>
  </si>
  <si>
    <t>106166</t>
  </si>
  <si>
    <t>グリーンヒル見晴公園</t>
  </si>
  <si>
    <t>神奈川県逗子市沼間5-759−59（地番）</t>
  </si>
  <si>
    <t>106167</t>
  </si>
  <si>
    <t>廻り倉児童公園</t>
  </si>
  <si>
    <t>神奈川県逗子市池子2-350（地番）</t>
  </si>
  <si>
    <t>106168</t>
  </si>
  <si>
    <t>風の丘公園</t>
  </si>
  <si>
    <t>神奈川県逗子市久木8-1423-220（地番）</t>
  </si>
  <si>
    <t>106169</t>
  </si>
  <si>
    <t>ハイランド夕陽台公園</t>
  </si>
  <si>
    <t>神奈川県逗子市久木8-1323−275（地番）</t>
  </si>
  <si>
    <t>106170</t>
  </si>
  <si>
    <t>南ケ丘西公園</t>
  </si>
  <si>
    <t>神奈川県逗子市小坪7-1110−190（地番）</t>
  </si>
  <si>
    <t>106171</t>
  </si>
  <si>
    <t>アザリエ南公園</t>
  </si>
  <si>
    <t>神奈川県逗子市池子2-283-486（地番）</t>
  </si>
  <si>
    <t>106172</t>
  </si>
  <si>
    <t>ハイランド西ケ丘公園</t>
  </si>
  <si>
    <t>神奈川県逗子市久木8-1397-317（地番）</t>
  </si>
  <si>
    <t>106173</t>
  </si>
  <si>
    <t>アザリエ展望公園</t>
  </si>
  <si>
    <t>神奈川県逗子市池子2-332−4（地番）</t>
  </si>
  <si>
    <t>106174</t>
  </si>
  <si>
    <t>アザリエ東公園</t>
  </si>
  <si>
    <t>神奈川県逗子市池子3-525-163（地番）</t>
  </si>
  <si>
    <t>106175</t>
  </si>
  <si>
    <t>イリオス公園</t>
  </si>
  <si>
    <t>神奈川県逗子市小坪6-140−8（地番）</t>
  </si>
  <si>
    <t>106176</t>
  </si>
  <si>
    <t>アザリエ学校前公園</t>
  </si>
  <si>
    <t>神奈川県逗子市池子3-561−31（地番）</t>
  </si>
  <si>
    <t>106177</t>
  </si>
  <si>
    <t>グリーンヒルつばき公園</t>
  </si>
  <si>
    <t>神奈川県逗子市沼間5-848−157（地番）</t>
  </si>
  <si>
    <t>106178</t>
  </si>
  <si>
    <t>披露山児童公園</t>
  </si>
  <si>
    <t>神奈川県逗子市小坪3-658−1（地番）</t>
  </si>
  <si>
    <t>106179</t>
  </si>
  <si>
    <t>エルデ公園</t>
  </si>
  <si>
    <t>神奈川県逗子市沼間2-1519-21（地番）</t>
  </si>
  <si>
    <t>106180</t>
  </si>
  <si>
    <t>なごみの丘公園</t>
  </si>
  <si>
    <t>神奈川県逗子市桜山5-533ｰ3（地番）</t>
  </si>
  <si>
    <t>106181</t>
  </si>
  <si>
    <t>桜山公園</t>
  </si>
  <si>
    <t>神奈川県逗子市桜山6-1097-71（地番）</t>
  </si>
  <si>
    <t>106182</t>
  </si>
  <si>
    <t>アザリエ山下公園</t>
  </si>
  <si>
    <t>神奈川県逗子市池子3-525−252（地番）</t>
  </si>
  <si>
    <t>106183</t>
  </si>
  <si>
    <t>小坪海浜公園</t>
  </si>
  <si>
    <t>神奈川県逗子市5-426（地番）</t>
  </si>
  <si>
    <t>106184</t>
  </si>
  <si>
    <t>一の沢公園</t>
  </si>
  <si>
    <t>神奈川県逗子市小坪1-1541-1（地番）</t>
  </si>
  <si>
    <t>106185</t>
  </si>
  <si>
    <t>アーデンヒル中央公園</t>
  </si>
  <si>
    <t>神奈川県逗子市沼間3-301-106（地番）</t>
  </si>
  <si>
    <t>106186</t>
  </si>
  <si>
    <t>アーデンヒルやまびこ公園</t>
  </si>
  <si>
    <t>神奈川県逗子市沼間3-301-6（地番）</t>
  </si>
  <si>
    <t>106187</t>
  </si>
  <si>
    <t>小坪飯島公園</t>
  </si>
  <si>
    <t>神奈川県逗子市小坪5-439-2（地番）</t>
  </si>
  <si>
    <t>106188</t>
  </si>
  <si>
    <t>アーデンヒルつどいの広場</t>
  </si>
  <si>
    <t>神奈川県逗子市沼間3-301-148（地番）</t>
  </si>
  <si>
    <t>106189</t>
  </si>
  <si>
    <t>アーデンヒル花の森公園</t>
  </si>
  <si>
    <t>神奈川県逗子市沼間3-301-227（地番）</t>
  </si>
  <si>
    <t>106190</t>
  </si>
  <si>
    <t>神奈川県逗子市久木6-1397−1（地番）</t>
  </si>
  <si>
    <t>106191</t>
  </si>
  <si>
    <t>神奈川県逗子市桜山3-85-36（地番）</t>
  </si>
  <si>
    <t>106192</t>
  </si>
  <si>
    <t>中里児童公園</t>
  </si>
  <si>
    <t>神奈川県逗子市桜山4-287-1（地番）</t>
  </si>
  <si>
    <t>106193</t>
  </si>
  <si>
    <t>鳴鶴公園</t>
  </si>
  <si>
    <t>神奈川県逗子市桜山9-2438-21（地番）</t>
  </si>
  <si>
    <t>106194</t>
  </si>
  <si>
    <t>桜山ニューライフ公園</t>
  </si>
  <si>
    <t>神奈川県逗子市桜山9-2507-6（地番）</t>
  </si>
  <si>
    <t>106195</t>
  </si>
  <si>
    <t>グリーンヒルテニス公園</t>
  </si>
  <si>
    <t>神奈川県逗子市沼間5-765-283（地番）</t>
  </si>
  <si>
    <t>106196</t>
  </si>
  <si>
    <t>池子児童公園</t>
  </si>
  <si>
    <t>神奈川県逗子市池子1-51（地番）</t>
  </si>
  <si>
    <t>106197</t>
  </si>
  <si>
    <t>アザリエ第２小公園</t>
  </si>
  <si>
    <t>神奈川県逗子市池子3-598-96（地番）</t>
  </si>
  <si>
    <t>106198</t>
  </si>
  <si>
    <t>ファミール逗子公園</t>
  </si>
  <si>
    <t>神奈川県逗子市山の根1-435-5（地番）</t>
  </si>
  <si>
    <t>106199</t>
  </si>
  <si>
    <t>山の根松本公園</t>
  </si>
  <si>
    <t>神奈川県逗子市山の根3-92ｰ2（地番）</t>
  </si>
  <si>
    <t>106200</t>
  </si>
  <si>
    <t>久木風早公園</t>
  </si>
  <si>
    <t>神奈川県逗子市久木3-380−3（地番）</t>
  </si>
  <si>
    <t>106201</t>
  </si>
  <si>
    <t>浪子不動園地</t>
  </si>
  <si>
    <t>神奈川県逗子市新宿5-1827-2（地番）</t>
  </si>
  <si>
    <t>106202</t>
  </si>
  <si>
    <t>かけ山公園</t>
  </si>
  <si>
    <t>神奈川県逗子市新宿5-1897-5（地番）</t>
  </si>
  <si>
    <t>106204</t>
  </si>
  <si>
    <t>小坪グリーンテラス公園</t>
  </si>
  <si>
    <t>神奈川県逗子市小坪5-240-7（地番）</t>
  </si>
  <si>
    <t>106212</t>
  </si>
  <si>
    <t>久木大池公園</t>
  </si>
  <si>
    <t>神奈川県逗子市久木8-1287-2（地番）</t>
  </si>
  <si>
    <t>106213</t>
  </si>
  <si>
    <t>神奈川県逗子市小坪4-739（地番）</t>
  </si>
  <si>
    <t>106214</t>
  </si>
  <si>
    <t>神奈川県逗子市桜山8-2274−1（地番）</t>
  </si>
  <si>
    <t>106215</t>
  </si>
  <si>
    <t>桜山中央公園</t>
  </si>
  <si>
    <t>神奈川県逗子市桜山5-375-11（地番）</t>
  </si>
  <si>
    <t>106216</t>
  </si>
  <si>
    <t>第一運動公園</t>
  </si>
  <si>
    <t>神奈川県逗子市池子1-205（地番）</t>
  </si>
  <si>
    <t>106217</t>
  </si>
  <si>
    <t>披露山公園</t>
  </si>
  <si>
    <t>神奈川県逗子市新宿5-1851（地番）</t>
  </si>
  <si>
    <t>106218</t>
  </si>
  <si>
    <t>池子の森自然公園(地区公園)</t>
  </si>
  <si>
    <t>神奈川県逗子市池子字花の瀬60-1（地番）</t>
  </si>
  <si>
    <t>8:45~21:15</t>
  </si>
  <si>
    <t>池子の森緑地</t>
  </si>
  <si>
    <t>116219</t>
  </si>
  <si>
    <t>入江第二公園</t>
  </si>
  <si>
    <t>神奈川県三浦市初声町入江206-8</t>
  </si>
  <si>
    <t>116220</t>
  </si>
  <si>
    <t>木ノ間公園</t>
  </si>
  <si>
    <t>神奈川県三浦市南下浦町上宮田1387-15</t>
  </si>
  <si>
    <t>116221</t>
  </si>
  <si>
    <t>城山児童公園</t>
  </si>
  <si>
    <t>神奈川県三浦市城山町3274-3</t>
  </si>
  <si>
    <t>116222</t>
  </si>
  <si>
    <t>芝原公園</t>
  </si>
  <si>
    <t>神奈川県三浦市南下浦町上宮田1205-6</t>
  </si>
  <si>
    <t>116223</t>
  </si>
  <si>
    <t>宮城児童公園</t>
  </si>
  <si>
    <t>神奈川県三浦市三崎5-99</t>
  </si>
  <si>
    <t>116224</t>
  </si>
  <si>
    <t>三戸児童公園</t>
  </si>
  <si>
    <t>神奈川県三浦市初声町三戸1091</t>
  </si>
  <si>
    <t>116225</t>
  </si>
  <si>
    <t>岬坂公園</t>
  </si>
  <si>
    <t>神奈川県三浦市宮川町2722-3</t>
  </si>
  <si>
    <t>116226</t>
  </si>
  <si>
    <t>堂ヶ谷西公園</t>
  </si>
  <si>
    <t>神奈川県三浦市南下浦町上宮田2989-17</t>
  </si>
  <si>
    <t>116227</t>
  </si>
  <si>
    <t>女堰公園</t>
  </si>
  <si>
    <t>神奈川県三浦市三崎町六合1-64</t>
  </si>
  <si>
    <t>116228</t>
  </si>
  <si>
    <t>神奈川県三浦市初声町下宮田464-6</t>
  </si>
  <si>
    <t>116229</t>
  </si>
  <si>
    <t>上宮田団地第一公園</t>
  </si>
  <si>
    <t>神奈川県三浦市南下浦町上宮田3149-6</t>
  </si>
  <si>
    <t>116230</t>
  </si>
  <si>
    <t>郷戸公園</t>
  </si>
  <si>
    <t>神奈川県三浦市三崎町小網代298-77</t>
  </si>
  <si>
    <t>116231</t>
  </si>
  <si>
    <t>馬場公園</t>
  </si>
  <si>
    <t>神奈川県三浦市初声町下宮田792-22</t>
  </si>
  <si>
    <t>116232</t>
  </si>
  <si>
    <t>柿ヶ作第二公園</t>
  </si>
  <si>
    <t>神奈川県三浦市南下浦町上宮田3218-5</t>
  </si>
  <si>
    <t>116233</t>
  </si>
  <si>
    <t>根辺ヶ谷戸公園</t>
  </si>
  <si>
    <t>神奈川県三浦市南下浦町上宮田2638-105</t>
  </si>
  <si>
    <t>116234</t>
  </si>
  <si>
    <t>上宮田公園</t>
  </si>
  <si>
    <t>神奈川県三浦市南下浦町上宮田1222-4</t>
  </si>
  <si>
    <t>116235</t>
  </si>
  <si>
    <t>城ヶ島灯台公園</t>
  </si>
  <si>
    <t>神奈川県三浦市三崎町城ヶ島689-8</t>
  </si>
  <si>
    <t>116236</t>
  </si>
  <si>
    <t>神奈川県三浦市初声町下宮田1079-149</t>
  </si>
  <si>
    <t>116237</t>
  </si>
  <si>
    <t>神奈川県三浦市初声町和田2869-2</t>
  </si>
  <si>
    <t>116238</t>
  </si>
  <si>
    <t>下宮田児童公園</t>
  </si>
  <si>
    <t>神奈川県三浦市初声町下宮田3726-1</t>
  </si>
  <si>
    <t>116239</t>
  </si>
  <si>
    <t>下宮田公園</t>
  </si>
  <si>
    <t>神奈川県三浦市初声町下宮田2861</t>
  </si>
  <si>
    <t>116240</t>
  </si>
  <si>
    <t>松輪公園</t>
  </si>
  <si>
    <t>神奈川県三浦市南下浦町松輪1618-1</t>
  </si>
  <si>
    <t>116241</t>
  </si>
  <si>
    <t>堂ヶ谷東公園</t>
  </si>
  <si>
    <t>神奈川県三浦市南下浦町上宮田2930-5</t>
  </si>
  <si>
    <t>116242</t>
  </si>
  <si>
    <t>毘沙門児童公園</t>
  </si>
  <si>
    <t>神奈川県三浦市南下浦町毘沙門1305-2</t>
  </si>
  <si>
    <t>116243</t>
  </si>
  <si>
    <t>向ヶ崎公園</t>
  </si>
  <si>
    <t>神奈川県三浦市向ヶ崎町2446-58</t>
  </si>
  <si>
    <t>116244</t>
  </si>
  <si>
    <t>屋志倉南公園</t>
  </si>
  <si>
    <t>神奈川県三浦市尾上町1210-87</t>
  </si>
  <si>
    <t>116245</t>
  </si>
  <si>
    <t>天神町公園</t>
  </si>
  <si>
    <t>神奈川県三浦市天神町79</t>
  </si>
  <si>
    <t>116246</t>
  </si>
  <si>
    <t>飯盛公園</t>
  </si>
  <si>
    <t>神奈川県三浦市初声町下宮田652-2</t>
  </si>
  <si>
    <t>116247</t>
  </si>
  <si>
    <t>石作公園</t>
  </si>
  <si>
    <t>神奈川県三浦市南下浦町上宮田905-2</t>
  </si>
  <si>
    <t>116248</t>
  </si>
  <si>
    <t>尾上台公園</t>
  </si>
  <si>
    <t>神奈川県三浦市尾上町4230-117</t>
  </si>
  <si>
    <t>116249</t>
  </si>
  <si>
    <t>屋志倉北公園</t>
  </si>
  <si>
    <t>神奈川県三浦市尾上町1210-92</t>
  </si>
  <si>
    <t>116250</t>
  </si>
  <si>
    <t>白須児童公園</t>
  </si>
  <si>
    <t>神奈川県三浦市三崎町諸磯1500-25</t>
  </si>
  <si>
    <t>116251</t>
  </si>
  <si>
    <t>飯盛仲田公園</t>
  </si>
  <si>
    <t>神奈川県三浦市初声町下宮田613-1</t>
  </si>
  <si>
    <t>116252</t>
  </si>
  <si>
    <t>東岡公園</t>
  </si>
  <si>
    <t>神奈川県三浦市東岡町3505-1</t>
  </si>
  <si>
    <t>116253</t>
  </si>
  <si>
    <t>飯盛調整池公園</t>
  </si>
  <si>
    <t>神奈川県三浦市初声町下宮田602</t>
  </si>
  <si>
    <t>116254</t>
  </si>
  <si>
    <t>岬陽児童公園</t>
  </si>
  <si>
    <t>神奈川県三浦市岬陽町26</t>
  </si>
  <si>
    <t>116255</t>
  </si>
  <si>
    <t>島廻り公園</t>
  </si>
  <si>
    <t>神奈川県三浦市南下浦町上宮田1375-6</t>
  </si>
  <si>
    <t>116256</t>
  </si>
  <si>
    <t>油壺公園</t>
  </si>
  <si>
    <t>神奈川県三浦市三崎町小網代1239-2</t>
  </si>
  <si>
    <t>116257</t>
  </si>
  <si>
    <t>大宝院公園</t>
  </si>
  <si>
    <t>神奈川県三浦市三崎町小網代54-39</t>
  </si>
  <si>
    <t>116258</t>
  </si>
  <si>
    <t>柿ヶ作公園</t>
  </si>
  <si>
    <t>神奈川県三浦市南下浦町上宮田3182-9</t>
  </si>
  <si>
    <t>116259</t>
  </si>
  <si>
    <t>歌舞島児童公園</t>
  </si>
  <si>
    <t>神奈川県三浦市白石町3806-1</t>
  </si>
  <si>
    <t>116260</t>
  </si>
  <si>
    <t>青木田公園</t>
  </si>
  <si>
    <t>神奈川県三浦市南下浦町上宮田1528-113</t>
  </si>
  <si>
    <t>116261</t>
  </si>
  <si>
    <t>入江公園</t>
  </si>
  <si>
    <t>神奈川県三浦市初声町入江274-7</t>
  </si>
  <si>
    <t>116262</t>
  </si>
  <si>
    <t>栄児童公園</t>
  </si>
  <si>
    <t>神奈川県三浦市栄町11</t>
  </si>
  <si>
    <t>116263</t>
  </si>
  <si>
    <t>尾上中央公園</t>
  </si>
  <si>
    <t>神奈川県三浦市尾上町1210-110</t>
  </si>
  <si>
    <t>116264</t>
  </si>
  <si>
    <t>丸畑公園</t>
  </si>
  <si>
    <t>神奈川県三浦市三崎町小網代21-4</t>
  </si>
  <si>
    <t>116265</t>
  </si>
  <si>
    <t>諸磯公園</t>
  </si>
  <si>
    <t>神奈川県三浦市三崎町諸磯865-1</t>
  </si>
  <si>
    <t>116266</t>
  </si>
  <si>
    <t>神奈川県三浦市三崎町六合1847-3</t>
  </si>
  <si>
    <t>116267</t>
  </si>
  <si>
    <t>116269</t>
  </si>
  <si>
    <t>城ヶ島児童公園</t>
  </si>
  <si>
    <t>神奈川県三浦市三崎町城ヶ島450</t>
  </si>
  <si>
    <t>116270</t>
  </si>
  <si>
    <t>馬宮児童公園</t>
  </si>
  <si>
    <t>神奈川県三浦市城山町3221</t>
  </si>
  <si>
    <t>116271</t>
  </si>
  <si>
    <t>天神堂児童公園</t>
  </si>
  <si>
    <t>神奈川県三浦市天神町137-1</t>
  </si>
  <si>
    <t>116272</t>
  </si>
  <si>
    <t>菊名児童公園</t>
  </si>
  <si>
    <t>神奈川県三浦市南下浦町菊名197-1</t>
  </si>
  <si>
    <t>116273</t>
  </si>
  <si>
    <t>海南児童公園</t>
  </si>
  <si>
    <t>神奈川県三浦市三崎4-4</t>
  </si>
  <si>
    <t>116274</t>
  </si>
  <si>
    <t>水深公園</t>
  </si>
  <si>
    <t>神奈川県三浦市南下浦町上宮田3101-2</t>
  </si>
  <si>
    <t>116275</t>
  </si>
  <si>
    <t>金原公園</t>
  </si>
  <si>
    <t>神奈川県三浦市南下浦町金田1621-7</t>
  </si>
  <si>
    <t>116276</t>
  </si>
  <si>
    <t>諸磯第二公園</t>
  </si>
  <si>
    <t>神奈川県三浦市三崎町諸磯1550-16</t>
  </si>
  <si>
    <t>116277</t>
  </si>
  <si>
    <t>柿ヶ作第三公園</t>
  </si>
  <si>
    <t>神奈川県三浦市南下浦町上宮田3204-4</t>
  </si>
  <si>
    <t>116278</t>
  </si>
  <si>
    <t>郷戸緑地</t>
  </si>
  <si>
    <t>神奈川県三浦市三崎町小網代346-13</t>
  </si>
  <si>
    <t>116280</t>
  </si>
  <si>
    <t>沓形公園</t>
  </si>
  <si>
    <t>神奈川県三浦市初声町下宮田1079-189</t>
  </si>
  <si>
    <t>116281</t>
  </si>
  <si>
    <t>小松ヶ池公園</t>
  </si>
  <si>
    <t>神奈川県三浦市南下浦町上宮田2518-2</t>
  </si>
  <si>
    <t>116282</t>
  </si>
  <si>
    <t>三浦スポーツ公園</t>
  </si>
  <si>
    <t>神奈川県三浦市初声町下宮田437-2</t>
  </si>
  <si>
    <t>126284</t>
  </si>
  <si>
    <t>はぎやま児童遊園地</t>
  </si>
  <si>
    <t>神奈川県秦野市南矢名664-3</t>
  </si>
  <si>
    <t>126286</t>
  </si>
  <si>
    <t>とかわだい北児童遊園地</t>
  </si>
  <si>
    <t>神奈川県秦野市戸川130-25</t>
  </si>
  <si>
    <t>126287</t>
  </si>
  <si>
    <t>はやしやま児童遊園地</t>
  </si>
  <si>
    <t>神奈川県秦野市南矢名542-7</t>
  </si>
  <si>
    <t>126288</t>
  </si>
  <si>
    <t>しゅく児童遊園地</t>
  </si>
  <si>
    <t>神奈川県秦野市南矢名376-3</t>
  </si>
  <si>
    <t>126289</t>
  </si>
  <si>
    <t>いどくぼ児童遊園地</t>
  </si>
  <si>
    <t>神奈川県秦野市南矢名2215-2</t>
  </si>
  <si>
    <t>126290</t>
  </si>
  <si>
    <t>みやた児童遊園地</t>
  </si>
  <si>
    <t>神奈川県秦野市南矢名1887-20</t>
  </si>
  <si>
    <t>126291</t>
  </si>
  <si>
    <t>はやしやま西児童遊園地</t>
  </si>
  <si>
    <t>神奈川県秦野市南矢名523-15</t>
  </si>
  <si>
    <t>126292</t>
  </si>
  <si>
    <t>ししがいと南公園</t>
  </si>
  <si>
    <t>神奈川県秦野市堀西831-6</t>
  </si>
  <si>
    <t>126293</t>
  </si>
  <si>
    <t>ししがいと公園</t>
  </si>
  <si>
    <t>神奈川県秦野市堀西863-24</t>
  </si>
  <si>
    <t>126294</t>
  </si>
  <si>
    <t>みどり児童遊園地</t>
  </si>
  <si>
    <t>神奈川県秦野市緑町842-9</t>
  </si>
  <si>
    <t>126295</t>
  </si>
  <si>
    <t>ねごや公園</t>
  </si>
  <si>
    <t>神奈川県秦野市南矢名841-11</t>
  </si>
  <si>
    <t>126296</t>
  </si>
  <si>
    <t>にしごたんち児童遊園地</t>
  </si>
  <si>
    <t>神奈川県秦野市菩提210-18</t>
  </si>
  <si>
    <t>126297</t>
  </si>
  <si>
    <t>さんやがわら児童遊園地</t>
  </si>
  <si>
    <t>神奈川県秦野市三屋102-4</t>
  </si>
  <si>
    <t>126298</t>
  </si>
  <si>
    <t>しもいま公園</t>
  </si>
  <si>
    <t>神奈川県秦野市今泉124-5</t>
  </si>
  <si>
    <t>126299</t>
  </si>
  <si>
    <t>きたむかい児童遊園地</t>
  </si>
  <si>
    <t>神奈川県秦野市南矢名496-10</t>
  </si>
  <si>
    <t>126300</t>
  </si>
  <si>
    <t>まがりまつ児童遊園地</t>
  </si>
  <si>
    <t>神奈川県秦野市若松町956-1</t>
  </si>
  <si>
    <t>126301</t>
  </si>
  <si>
    <t>みねかいど北公園</t>
  </si>
  <si>
    <t>神奈川県秦野市尾尻388-43</t>
  </si>
  <si>
    <t>126303</t>
  </si>
  <si>
    <t>すわした東公園</t>
  </si>
  <si>
    <t>神奈川県秦野市今泉478-3</t>
  </si>
  <si>
    <t>126304</t>
  </si>
  <si>
    <t>ゆみひかず児童遊園地</t>
  </si>
  <si>
    <t>神奈川県秦野市鶴巻北3-1970-4</t>
  </si>
  <si>
    <t>126305</t>
  </si>
  <si>
    <t>みねばし公園</t>
  </si>
  <si>
    <t>神奈川県秦野市今泉2070-3</t>
  </si>
  <si>
    <t>126306</t>
  </si>
  <si>
    <t>くずわぶち児童遊園地</t>
  </si>
  <si>
    <t>神奈川県秦野市羽根63-3</t>
  </si>
  <si>
    <t>126307</t>
  </si>
  <si>
    <t>なかお児童遊園地</t>
  </si>
  <si>
    <t>神奈川県秦野市北矢名1109-5</t>
  </si>
  <si>
    <t>126308</t>
  </si>
  <si>
    <t>かわらまち児童遊園地</t>
  </si>
  <si>
    <t>神奈川県秦野市河原町5063-2</t>
  </si>
  <si>
    <t>126309</t>
  </si>
  <si>
    <t>じょうや児童遊園地</t>
  </si>
  <si>
    <t>神奈川県秦野市曽屋687-58</t>
  </si>
  <si>
    <t>126310</t>
  </si>
  <si>
    <t>みなみたいくぼ児童遊園地</t>
  </si>
  <si>
    <t>神奈川県秦野市北矢名98-10</t>
  </si>
  <si>
    <t>126311</t>
  </si>
  <si>
    <t>しもたんばはら公園</t>
  </si>
  <si>
    <t>神奈川県秦野市落合333-1</t>
  </si>
  <si>
    <t>126312</t>
  </si>
  <si>
    <t>すわはら公園</t>
  </si>
  <si>
    <t>神奈川県秦野市今泉341-2</t>
  </si>
  <si>
    <t>126313</t>
  </si>
  <si>
    <t>むこうはら児童遊園地</t>
  </si>
  <si>
    <t>神奈川県秦野市北矢名1209-5</t>
  </si>
  <si>
    <t>126314</t>
  </si>
  <si>
    <t>すなだ台公園</t>
  </si>
  <si>
    <t>神奈川県秦野市南矢名4-131-27</t>
  </si>
  <si>
    <t>126315</t>
  </si>
  <si>
    <t>あつらえ児童遊園地</t>
  </si>
  <si>
    <t>神奈川県秦野市曽屋5852-17</t>
  </si>
  <si>
    <t>126316</t>
  </si>
  <si>
    <t>かみくさやま公園</t>
  </si>
  <si>
    <t>神奈川県秦野市曽屋3651-15</t>
  </si>
  <si>
    <t>126317</t>
  </si>
  <si>
    <t>まつばら児童遊園地</t>
  </si>
  <si>
    <t>神奈川県秦野市羽根96-3</t>
  </si>
  <si>
    <t>126318</t>
  </si>
  <si>
    <t>しおのみや児童遊園地</t>
  </si>
  <si>
    <t>神奈川県秦野市北矢名335-16</t>
  </si>
  <si>
    <t>126319</t>
  </si>
  <si>
    <t>ことうがわ児童遊園地</t>
  </si>
  <si>
    <t>神奈川県秦野市今泉636-2</t>
  </si>
  <si>
    <t>126320</t>
  </si>
  <si>
    <t>みやした児童遊園地</t>
  </si>
  <si>
    <t>神奈川県秦野市下大槻607-2</t>
  </si>
  <si>
    <t>126321</t>
  </si>
  <si>
    <t>もものきばら児童遊園地</t>
  </si>
  <si>
    <t>神奈川県秦野市堀山下532-6</t>
  </si>
  <si>
    <t>126322</t>
  </si>
  <si>
    <t>はぎはた児童遊園地</t>
  </si>
  <si>
    <t>神奈川県秦野市千村1-78-8</t>
  </si>
  <si>
    <t>126323</t>
  </si>
  <si>
    <t>くまのどう児童遊園地</t>
  </si>
  <si>
    <t>神奈川県秦野市南矢名216-3</t>
  </si>
  <si>
    <t>126324</t>
  </si>
  <si>
    <t>みねのだい児童遊園地</t>
  </si>
  <si>
    <t>神奈川県秦野市今泉944-13</t>
  </si>
  <si>
    <t>126325</t>
  </si>
  <si>
    <t>みやた南児童遊園地</t>
  </si>
  <si>
    <t>神奈川県秦野市南矢名1848-47</t>
  </si>
  <si>
    <t>126326</t>
  </si>
  <si>
    <t>じょうや東児童遊園地</t>
  </si>
  <si>
    <t>神奈川県秦野市曽屋691-5</t>
  </si>
  <si>
    <t>126327</t>
  </si>
  <si>
    <t>うるしくぼ公園</t>
  </si>
  <si>
    <t>神奈川県秦野市北矢名990</t>
  </si>
  <si>
    <t>126328</t>
  </si>
  <si>
    <t>あしやまえ児童遊園地</t>
  </si>
  <si>
    <t>神奈川県秦野市鶴巻北2-1194-6</t>
  </si>
  <si>
    <t>126329</t>
  </si>
  <si>
    <t>あしや児童遊園地</t>
  </si>
  <si>
    <t>神奈川県秦野市鶴巻北1-563-25</t>
  </si>
  <si>
    <t>126330</t>
  </si>
  <si>
    <t>さんぼんぎ児童遊園地</t>
  </si>
  <si>
    <t>神奈川県秦野市渋沢上1-515-6</t>
  </si>
  <si>
    <t>126331</t>
  </si>
  <si>
    <t>きたばら北児童遊園地</t>
  </si>
  <si>
    <t>神奈川県秦野市曽屋2-1998-1</t>
  </si>
  <si>
    <t>126332</t>
  </si>
  <si>
    <t>にしきりがや公園</t>
  </si>
  <si>
    <t>神奈川県秦野市南矢名914-26</t>
  </si>
  <si>
    <t>126333</t>
  </si>
  <si>
    <t>どうめい北児童遊園地</t>
  </si>
  <si>
    <t>神奈川県秦野市平沢1116-3</t>
  </si>
  <si>
    <t>126334</t>
  </si>
  <si>
    <t>とりいばら西公園</t>
  </si>
  <si>
    <t>神奈川県秦野市西田原1439-12</t>
  </si>
  <si>
    <t>126335</t>
  </si>
  <si>
    <t>みやのまえ公園</t>
  </si>
  <si>
    <t>神奈川県秦野市西田原1433-10</t>
  </si>
  <si>
    <t>126336</t>
  </si>
  <si>
    <t>はちまんやま児童遊園地</t>
  </si>
  <si>
    <t>神奈川県秦野市尾尻450-86</t>
  </si>
  <si>
    <t>126337</t>
  </si>
  <si>
    <t>しもいいでら公園</t>
  </si>
  <si>
    <t>神奈川県秦野市曽屋3731-4</t>
  </si>
  <si>
    <t>126338</t>
  </si>
  <si>
    <t>どうめい児童遊園地</t>
  </si>
  <si>
    <t>神奈川県秦野市平沢1109-3</t>
  </si>
  <si>
    <t>126339</t>
  </si>
  <si>
    <t>どうめい西公園</t>
  </si>
  <si>
    <t>神奈川県秦野市平沢1039</t>
  </si>
  <si>
    <t>126340</t>
  </si>
  <si>
    <t>つるまき北公園</t>
  </si>
  <si>
    <t>神奈川県秦野市鶴巻北3-1921-2</t>
  </si>
  <si>
    <t>126341</t>
  </si>
  <si>
    <t>きたむかい北児童遊園地</t>
  </si>
  <si>
    <t>神奈川県秦野市南矢名502-42</t>
  </si>
  <si>
    <t>126342</t>
  </si>
  <si>
    <t>しんちょう児童遊園地</t>
  </si>
  <si>
    <t>神奈川県秦野市新町594-140</t>
  </si>
  <si>
    <t>総称：秦野市カルチャーパーク</t>
    <rPh sb="0" eb="2">
      <t>ソウショウ</t>
    </rPh>
    <rPh sb="3" eb="6">
      <t>ハダノシ</t>
    </rPh>
    <phoneticPr fontId="7"/>
  </si>
  <si>
    <t>126343</t>
  </si>
  <si>
    <t>そとがいと児童遊園地</t>
  </si>
  <si>
    <t>神奈川県秦野市730-11</t>
  </si>
  <si>
    <t>126344</t>
  </si>
  <si>
    <t>きたばら児童遊園地</t>
  </si>
  <si>
    <t>神奈川県秦野市曽屋2-1962-21</t>
  </si>
  <si>
    <t>126345</t>
  </si>
  <si>
    <t>にしきたくぼ公園</t>
  </si>
  <si>
    <t>神奈川県秦野市南矢名1103-30</t>
  </si>
  <si>
    <t>126346</t>
  </si>
  <si>
    <t>もものきばら東公園</t>
  </si>
  <si>
    <t>神奈川県秦野市堀山下1744</t>
  </si>
  <si>
    <t>126347</t>
  </si>
  <si>
    <t>いいづか児童遊園地</t>
  </si>
  <si>
    <t>神奈川県秦野市南矢名1130-55</t>
  </si>
  <si>
    <t>126348</t>
  </si>
  <si>
    <t>みなせ児童遊園地</t>
  </si>
  <si>
    <t>神奈川県秦野市三屋43-41</t>
  </si>
  <si>
    <t>126349</t>
  </si>
  <si>
    <t>ちむらだい北児童遊園地</t>
  </si>
  <si>
    <t>神奈川県秦野市千村3-652-175</t>
  </si>
  <si>
    <t>126350</t>
  </si>
  <si>
    <t>ふじみ児童遊園地</t>
  </si>
  <si>
    <t>神奈川県秦野市富士見町1358-1</t>
  </si>
  <si>
    <t>126351</t>
  </si>
  <si>
    <t>みやた北児童遊園地</t>
  </si>
  <si>
    <t>神奈川県秦野市南矢名1857-52</t>
  </si>
  <si>
    <t>126352</t>
  </si>
  <si>
    <t>すわした西公園</t>
  </si>
  <si>
    <t>神奈川県秦野市今泉504-2</t>
  </si>
  <si>
    <t>126353</t>
  </si>
  <si>
    <t>はだのこども館・ことぶき公園</t>
    <rPh sb="6" eb="7">
      <t>カン</t>
    </rPh>
    <phoneticPr fontId="7"/>
  </si>
  <si>
    <t>神奈川県秦野市寿町2207</t>
  </si>
  <si>
    <t>126354</t>
  </si>
  <si>
    <t>もえぎ台公園</t>
  </si>
  <si>
    <t>神奈川県秦野市鶴巻北2-1997-10</t>
  </si>
  <si>
    <t>126355</t>
  </si>
  <si>
    <t>しもがわら公園</t>
  </si>
  <si>
    <t>神奈川県秦野市堀山下1748-20</t>
  </si>
  <si>
    <t>126356</t>
  </si>
  <si>
    <t>とちくぼ公園</t>
  </si>
  <si>
    <t>神奈川県秦野市栃窪75-1</t>
  </si>
  <si>
    <t>126357</t>
  </si>
  <si>
    <t>いりのさわ公園</t>
  </si>
  <si>
    <t>神奈川県秦野市名古木1208-30</t>
  </si>
  <si>
    <t>126358</t>
  </si>
  <si>
    <t>ひがしきたくぼ公園</t>
  </si>
  <si>
    <t>神奈川県秦野市南矢名1015-8</t>
  </si>
  <si>
    <t>126359</t>
  </si>
  <si>
    <t>さんのうした公園</t>
  </si>
  <si>
    <t>神奈川県秦野市南矢名808-8</t>
  </si>
  <si>
    <t>126360</t>
  </si>
  <si>
    <t>かいど公園</t>
  </si>
  <si>
    <t>神奈川県秦野市南矢名1667-1</t>
  </si>
  <si>
    <t>126361</t>
  </si>
  <si>
    <t>しみず公園</t>
  </si>
  <si>
    <t>神奈川県秦野市南矢名5-618-5</t>
  </si>
  <si>
    <t>126362</t>
  </si>
  <si>
    <t>いなりもり公園</t>
  </si>
  <si>
    <t>神奈川県秦野市堀川819-11</t>
  </si>
  <si>
    <t>126363</t>
  </si>
  <si>
    <t>やなぎちょう東公園</t>
  </si>
  <si>
    <t>神奈川県秦野市柳町1-128-3</t>
  </si>
  <si>
    <t>126364</t>
  </si>
  <si>
    <t>みそだした公園</t>
  </si>
  <si>
    <t>神奈川県秦野市今泉1127-24</t>
  </si>
  <si>
    <t>126365</t>
  </si>
  <si>
    <t>いまがわ町公園</t>
  </si>
  <si>
    <t>神奈川県秦野市1-100</t>
  </si>
  <si>
    <t>126366</t>
  </si>
  <si>
    <t>しぶさわふじみ公園</t>
  </si>
  <si>
    <t>神奈川県秦野市渋沢2-1069-19</t>
  </si>
  <si>
    <t>126367</t>
  </si>
  <si>
    <t>すなだ南公園</t>
  </si>
  <si>
    <t>神奈川県秦野市南矢名4-132-1</t>
  </si>
  <si>
    <t>126368</t>
  </si>
  <si>
    <t>さためん公園</t>
  </si>
  <si>
    <t>神奈川県秦野市今泉576-7</t>
  </si>
  <si>
    <t>126369</t>
  </si>
  <si>
    <t>ゆのさわ公園</t>
  </si>
  <si>
    <t>神奈川県秦野市菖蒲58-39</t>
  </si>
  <si>
    <t>126370</t>
  </si>
  <si>
    <t>くずわぶち南公園</t>
  </si>
  <si>
    <t>神奈川県秦野市羽根13-21</t>
  </si>
  <si>
    <t>126371</t>
  </si>
  <si>
    <t>なかはら公園</t>
  </si>
  <si>
    <t>神奈川県秦野市西田原136-15</t>
  </si>
  <si>
    <t>126372</t>
  </si>
  <si>
    <t>うりゅうの公園</t>
  </si>
  <si>
    <t>神奈川県秦野市南矢名1758</t>
  </si>
  <si>
    <t>126373</t>
  </si>
  <si>
    <t>しおがい公園</t>
  </si>
  <si>
    <t>神奈川県秦野市鶴巻1419-9</t>
  </si>
  <si>
    <t>126374</t>
  </si>
  <si>
    <t>とかわ台公園</t>
  </si>
  <si>
    <t>神奈川県秦野市戸川156-6</t>
  </si>
  <si>
    <t>126375</t>
  </si>
  <si>
    <t>むろまち公園</t>
  </si>
  <si>
    <t>神奈川県秦野市室町81-75</t>
  </si>
  <si>
    <t>126376</t>
  </si>
  <si>
    <t>なかじま西公園</t>
  </si>
  <si>
    <t>神奈川県秦野市渋沢2-596-2</t>
  </si>
  <si>
    <t>126377</t>
  </si>
  <si>
    <t>すわはら西公園</t>
  </si>
  <si>
    <t>神奈川県秦野市今泉265-1</t>
  </si>
  <si>
    <t>126378</t>
  </si>
  <si>
    <t>やくしはら公園</t>
  </si>
  <si>
    <t>神奈川県秦野市下大槻228-1</t>
  </si>
  <si>
    <t>126379</t>
  </si>
  <si>
    <t>とりいばら公園</t>
  </si>
  <si>
    <t>神奈川県秦野市西田原56-11</t>
  </si>
  <si>
    <t>126380</t>
  </si>
  <si>
    <t>なかじま北公園</t>
  </si>
  <si>
    <t>神奈川県秦野市渋沢3-1382-156</t>
  </si>
  <si>
    <t>126381</t>
  </si>
  <si>
    <t>こみなみ公園</t>
  </si>
  <si>
    <t>神奈川県秦野市南矢名2054-9</t>
  </si>
  <si>
    <t>126382</t>
  </si>
  <si>
    <t>かみがわら公園</t>
  </si>
  <si>
    <t>神奈川県秦野市平沢125-2</t>
  </si>
  <si>
    <t>126383</t>
  </si>
  <si>
    <t>なかじま南公園</t>
  </si>
  <si>
    <t>神奈川県秦野市渋沢3-1352-97</t>
  </si>
  <si>
    <t>126384</t>
  </si>
  <si>
    <t>県営秦野団地児童公園</t>
  </si>
  <si>
    <t>神奈川県秦野市本町3-4838-1</t>
  </si>
  <si>
    <t>126385</t>
  </si>
  <si>
    <t>いいづか南公園</t>
  </si>
  <si>
    <t>神奈川県秦野市南矢名1130-76</t>
  </si>
  <si>
    <t>126386</t>
  </si>
  <si>
    <t>みやた公園</t>
  </si>
  <si>
    <t>神奈川県秦野市南矢名1857-61</t>
  </si>
  <si>
    <t>126387</t>
  </si>
  <si>
    <t>きたなかはら公園</t>
  </si>
  <si>
    <t>神奈川県秦野市平沢232-1</t>
  </si>
  <si>
    <t>126388</t>
  </si>
  <si>
    <t>つくだ公園</t>
  </si>
  <si>
    <t>神奈川県秦野市南矢名5-2066-41</t>
  </si>
  <si>
    <t>126389</t>
  </si>
  <si>
    <t>ちむら台公園</t>
  </si>
  <si>
    <t>神奈川県秦野市千村3-652-74</t>
  </si>
  <si>
    <t>126390</t>
  </si>
  <si>
    <t>くずは台北公園</t>
  </si>
  <si>
    <t>神奈川県秦野市東田原200-363</t>
  </si>
  <si>
    <t>126391</t>
  </si>
  <si>
    <t>ばんばした公園</t>
  </si>
  <si>
    <t>神奈川県秦野市渋沢2-1385-6</t>
  </si>
  <si>
    <t>126392</t>
  </si>
  <si>
    <t>やなぎちょう公園</t>
  </si>
  <si>
    <t>神奈川県秦野市柳町1-122-6</t>
  </si>
  <si>
    <t>126393</t>
  </si>
  <si>
    <t>とかわしもがわら公園</t>
  </si>
  <si>
    <t>神奈川県秦野市戸川243-4</t>
  </si>
  <si>
    <t>126394</t>
  </si>
  <si>
    <t>ほうらい公園</t>
  </si>
  <si>
    <t>神奈川県秦野市曽屋5802-10</t>
  </si>
  <si>
    <t>126395</t>
  </si>
  <si>
    <t>ひかりのおか公園</t>
  </si>
  <si>
    <t>神奈川県秦野市鶴巻南5-545-8</t>
  </si>
  <si>
    <t>126396</t>
  </si>
  <si>
    <t>まえだ公園</t>
  </si>
  <si>
    <t>神奈川県秦野市西大竹218-2</t>
  </si>
  <si>
    <t>126397</t>
  </si>
  <si>
    <t>なかじま東公園</t>
  </si>
  <si>
    <t>神奈川県秦野市渋沢3-1372-165</t>
  </si>
  <si>
    <t>126398</t>
  </si>
  <si>
    <t>いいづか北公園</t>
  </si>
  <si>
    <t>神奈川県秦野市南矢名1130-1</t>
  </si>
  <si>
    <t>126399</t>
  </si>
  <si>
    <t>しもおちあい公園</t>
  </si>
  <si>
    <t>神奈川県秦野市下落合8</t>
  </si>
  <si>
    <t>126400</t>
  </si>
  <si>
    <t>おおね台みどり公園</t>
  </si>
  <si>
    <t>神奈川県秦野市北矢名666-289</t>
  </si>
  <si>
    <t>126401</t>
  </si>
  <si>
    <t>とりいまつ公園</t>
  </si>
  <si>
    <t>神奈川県秦野市南矢名1027-70</t>
  </si>
  <si>
    <t>126402</t>
  </si>
  <si>
    <t>さかえちょう公園</t>
  </si>
  <si>
    <t>神奈川県秦野市栄町2343-1</t>
  </si>
  <si>
    <t>126403</t>
  </si>
  <si>
    <t>おおね台すがわら公園</t>
  </si>
  <si>
    <t>神奈川県秦野市北矢名666-56</t>
  </si>
  <si>
    <t>126404</t>
  </si>
  <si>
    <t>みねかいど公園</t>
  </si>
  <si>
    <t>神奈川県秦野市尾尻410-147</t>
  </si>
  <si>
    <t>126405</t>
  </si>
  <si>
    <t>たての台西公園</t>
  </si>
  <si>
    <t>神奈川県秦野市立野台3-1</t>
  </si>
  <si>
    <t>126406</t>
  </si>
  <si>
    <t>おじり公園</t>
  </si>
  <si>
    <t>神奈川県秦野市尾尻948-1</t>
  </si>
  <si>
    <t>126407</t>
  </si>
  <si>
    <t>みなみが丘西公園</t>
  </si>
  <si>
    <t>神奈川県秦野市南が丘1-7</t>
  </si>
  <si>
    <t>126408</t>
  </si>
  <si>
    <t>くずは台東公園</t>
  </si>
  <si>
    <t>神奈川県秦野市東田原200-386</t>
  </si>
  <si>
    <t>126409</t>
  </si>
  <si>
    <t>たての台東公園</t>
  </si>
  <si>
    <t>神奈川県秦野市立野台2-1-1</t>
  </si>
  <si>
    <t>126410</t>
  </si>
  <si>
    <t>やまの台緑地</t>
  </si>
  <si>
    <t>神奈川県秦野市千村3-243-7</t>
  </si>
  <si>
    <t>126411</t>
  </si>
  <si>
    <t>よねやま公園</t>
  </si>
  <si>
    <t>神奈川県秦野市堀西483-1</t>
  </si>
  <si>
    <t>126412</t>
  </si>
  <si>
    <t>くずは台西公園</t>
  </si>
  <si>
    <t>神奈川県秦野市東田原64-1</t>
  </si>
  <si>
    <t>126413</t>
  </si>
  <si>
    <t>みなみが丘東公園</t>
  </si>
  <si>
    <t>神奈川県秦野市南が丘3-3</t>
  </si>
  <si>
    <t>126414</t>
  </si>
  <si>
    <t>こうぼうふじみ公園</t>
  </si>
  <si>
    <t>神奈川県秦野市曽屋6016</t>
  </si>
  <si>
    <t>126415</t>
  </si>
  <si>
    <t>はちまんやま緑地</t>
  </si>
  <si>
    <t>神奈川県秦野市尾尻450-158</t>
  </si>
  <si>
    <t>126416</t>
  </si>
  <si>
    <t>秦野交通公園</t>
  </si>
  <si>
    <t>神奈川県秦野市上大槻62</t>
  </si>
  <si>
    <t>126417</t>
  </si>
  <si>
    <t>せりざわ緑地</t>
  </si>
  <si>
    <t>神奈川県秦野市曽屋4172-ｲ</t>
  </si>
  <si>
    <t>126418</t>
  </si>
  <si>
    <t>今泉名水桜公園</t>
  </si>
  <si>
    <t>神奈川県秦野市今泉388-1</t>
  </si>
  <si>
    <t>126419</t>
  </si>
  <si>
    <t>いまいずみほたる公園</t>
  </si>
  <si>
    <t>神奈川県秦野市今泉台1-18-1</t>
  </si>
  <si>
    <t>126420</t>
  </si>
  <si>
    <t>くずは台南公園</t>
  </si>
  <si>
    <t>神奈川県秦野市東田原200-1</t>
  </si>
  <si>
    <t>126421</t>
  </si>
  <si>
    <t>さくらどて公園</t>
  </si>
  <si>
    <t>神奈川県秦野市堀山下408</t>
  </si>
  <si>
    <t>126422</t>
  </si>
  <si>
    <t>もものきばらふれあい公園</t>
  </si>
  <si>
    <t>神奈川県秦野市堀山下520</t>
  </si>
  <si>
    <t>126423</t>
  </si>
  <si>
    <t>渋沢相互住宅緑地</t>
  </si>
  <si>
    <t>神奈川県秦野市渋沢2-1226-9</t>
  </si>
  <si>
    <t>126424</t>
  </si>
  <si>
    <t>くずは台北緑地</t>
  </si>
  <si>
    <t>神奈川県秦野市東田原200-379</t>
  </si>
  <si>
    <t>126425</t>
  </si>
  <si>
    <t>みずなしがわさぼう公園</t>
    <rPh sb="9" eb="11">
      <t>コウエン</t>
    </rPh>
    <phoneticPr fontId="7"/>
  </si>
  <si>
    <t>神奈川県秦野市新町574</t>
  </si>
  <si>
    <t>126426</t>
  </si>
  <si>
    <t>くずは台南緑地</t>
  </si>
  <si>
    <t>神奈川県秦野市東田原200-391</t>
  </si>
  <si>
    <t>126427</t>
  </si>
  <si>
    <t>にしきたくぼ北公園</t>
  </si>
  <si>
    <t>神奈川県秦野市南矢名1115-7</t>
  </si>
  <si>
    <t>126428</t>
  </si>
  <si>
    <t>ひがしきたくぼ緑地</t>
  </si>
  <si>
    <t>神奈川県秦野市南矢名1027-97</t>
  </si>
  <si>
    <t>126429</t>
  </si>
  <si>
    <t>おおね台すがわら緑地</t>
  </si>
  <si>
    <t>神奈川県秦野市北矢名367</t>
  </si>
  <si>
    <t>126430</t>
  </si>
  <si>
    <t>しぶさわふれあい公園</t>
  </si>
  <si>
    <t>神奈川県秦野市渋沢1-818-1</t>
  </si>
  <si>
    <t>126431</t>
  </si>
  <si>
    <t>とかわだい東児童遊園地</t>
  </si>
  <si>
    <t>神奈川県秦野市戸川130-20</t>
  </si>
  <si>
    <t>126432</t>
  </si>
  <si>
    <t>とかわだい西児童遊園地</t>
  </si>
  <si>
    <t>神奈川県秦野市戸川159-17</t>
  </si>
  <si>
    <t>126433</t>
  </si>
  <si>
    <t>とうやま児童遊園地</t>
  </si>
  <si>
    <t>神奈川県秦野市菩提1327-10</t>
  </si>
  <si>
    <t>126434</t>
  </si>
  <si>
    <t>かみやつぼ公園</t>
  </si>
  <si>
    <t>神奈川県秦野市戸川641-20</t>
  </si>
  <si>
    <t>126435</t>
  </si>
  <si>
    <t>とかわだい西公園</t>
  </si>
  <si>
    <t>神奈川県秦野市戸川159-41</t>
  </si>
  <si>
    <t>126436</t>
  </si>
  <si>
    <t>うばがみ公園</t>
  </si>
  <si>
    <t>神奈川県秦野市戸川1140-9</t>
  </si>
  <si>
    <t>126437</t>
  </si>
  <si>
    <t>にしくぼ公園</t>
  </si>
  <si>
    <t>神奈川県秦野市三屋99-10</t>
  </si>
  <si>
    <t>126438</t>
  </si>
  <si>
    <t>さんやでぐち公園</t>
  </si>
  <si>
    <t>神奈川県秦野市三屋49-34</t>
  </si>
  <si>
    <t>126439</t>
  </si>
  <si>
    <t>くずわぶち美花公園</t>
  </si>
  <si>
    <t>神奈川県秦野市羽根12-2</t>
  </si>
  <si>
    <t>126440</t>
  </si>
  <si>
    <t>さんやふれあい公園</t>
  </si>
  <si>
    <t>神奈川県秦野市三屋24</t>
  </si>
  <si>
    <t>126441</t>
  </si>
  <si>
    <t>おおがみ公園</t>
  </si>
  <si>
    <t>神奈川県秦野市尾尻933</t>
  </si>
  <si>
    <t>126442</t>
  </si>
  <si>
    <t>しもかわらぶち公園</t>
  </si>
  <si>
    <t>神奈川県秦野市今川町4-4</t>
  </si>
  <si>
    <t>126443</t>
  </si>
  <si>
    <t>さわ公園</t>
  </si>
  <si>
    <t>神奈川県秦野市平沢870-1</t>
  </si>
  <si>
    <t>126444</t>
  </si>
  <si>
    <t>たての台南公園</t>
  </si>
  <si>
    <t>神奈川県秦野市立野台3-13</t>
  </si>
  <si>
    <t>126445</t>
  </si>
  <si>
    <t>いまいずみ台南公園</t>
  </si>
  <si>
    <t>神奈川県秦野市今泉台3-9-1</t>
  </si>
  <si>
    <t>126446</t>
  </si>
  <si>
    <t>おじりつるまきざか公園</t>
  </si>
  <si>
    <t>神奈川県秦野市尾尻338-69</t>
  </si>
  <si>
    <t>126447</t>
  </si>
  <si>
    <t>しみずちょう公園</t>
  </si>
  <si>
    <t>神奈川県秦野市清水町941-48</t>
  </si>
  <si>
    <t>126448</t>
  </si>
  <si>
    <t>みやのまえ緑地</t>
  </si>
  <si>
    <t>神奈川県秦野市立野台1-17</t>
  </si>
  <si>
    <t>126449</t>
  </si>
  <si>
    <t>みやのまえ東緑地</t>
  </si>
  <si>
    <t>神奈川県秦野市立野台1-16-6</t>
  </si>
  <si>
    <t>126450</t>
  </si>
  <si>
    <t>いまいずみ台調整池緑地</t>
  </si>
  <si>
    <t>神奈川県秦野市今泉台1-17-1</t>
  </si>
  <si>
    <t>126451</t>
  </si>
  <si>
    <t>いまいずみ台緑地</t>
  </si>
  <si>
    <t>神奈川県秦野市今泉台2-2-8</t>
  </si>
  <si>
    <t>126452</t>
  </si>
  <si>
    <t>みどり町児童遊園地</t>
  </si>
  <si>
    <t>神奈川県秦野市緑町908-1</t>
  </si>
  <si>
    <t>126453</t>
  </si>
  <si>
    <t>おおさいたま公園</t>
  </si>
  <si>
    <t>神奈川県秦野市名古木956-26</t>
  </si>
  <si>
    <t>126454</t>
  </si>
  <si>
    <t>くずは台緑地</t>
  </si>
  <si>
    <t>神奈川県秦野市東田原200-380</t>
  </si>
  <si>
    <t>126455</t>
  </si>
  <si>
    <t>いりふね公園</t>
  </si>
  <si>
    <t>神奈川県秦野市入船町2006-1</t>
  </si>
  <si>
    <t>126456</t>
  </si>
  <si>
    <t>さんぼんまつ公園</t>
  </si>
  <si>
    <t>神奈川県秦野市曽屋1722-12</t>
  </si>
  <si>
    <t>126457</t>
  </si>
  <si>
    <t>そや２丁目公園</t>
  </si>
  <si>
    <t>神奈川県秦野市曽屋2-1982-9</t>
  </si>
  <si>
    <t>126458</t>
  </si>
  <si>
    <t>くざわ公園</t>
  </si>
  <si>
    <t>神奈川県秦野市東田原298-39</t>
  </si>
  <si>
    <t>126459</t>
  </si>
  <si>
    <t>みずなし川緑地</t>
  </si>
  <si>
    <t>神奈川県秦野市河原町4947-1外</t>
  </si>
  <si>
    <t>126460</t>
  </si>
  <si>
    <t>すなだ児童遊園地</t>
  </si>
  <si>
    <t>神奈川県秦野市南矢名124-3</t>
  </si>
  <si>
    <t>126461</t>
  </si>
  <si>
    <t>かつらくぼ児童遊園地</t>
  </si>
  <si>
    <t>神奈川県秦野市南矢名5-562-17</t>
  </si>
  <si>
    <t>126462</t>
  </si>
  <si>
    <t>みねのうえ公園</t>
  </si>
  <si>
    <t>神奈川県秦野市下大槻57-27</t>
  </si>
  <si>
    <t>126463</t>
  </si>
  <si>
    <t>てんじんわき公園</t>
  </si>
  <si>
    <t>神奈川県秦野市北矢名371-3</t>
  </si>
  <si>
    <t>126464</t>
  </si>
  <si>
    <t>さんのうした西公園</t>
  </si>
  <si>
    <t>神奈川県秦野市南矢名823-1</t>
  </si>
  <si>
    <t>126466</t>
  </si>
  <si>
    <t>東映つるまき緑地</t>
  </si>
  <si>
    <t>神奈川県秦野市南矢名4-608-27</t>
  </si>
  <si>
    <t>126467</t>
  </si>
  <si>
    <t>おおね台緑地</t>
  </si>
  <si>
    <t>神奈川県秦野市北矢名666-340</t>
  </si>
  <si>
    <t>126468</t>
  </si>
  <si>
    <t>さくらい南児童遊園地</t>
  </si>
  <si>
    <t>神奈川県秦野市鶴巻南2-963-60</t>
  </si>
  <si>
    <t>126469</t>
  </si>
  <si>
    <t>おおはら児童遊園地</t>
  </si>
  <si>
    <t>神奈川県秦野市鶴巻南2-1558-7</t>
  </si>
  <si>
    <t>126470</t>
  </si>
  <si>
    <t>ひろまち児童遊園地</t>
  </si>
  <si>
    <t>神奈川県秦野市鶴巻南3-604-34</t>
  </si>
  <si>
    <t>126471</t>
  </si>
  <si>
    <t>かんどう児童遊園地</t>
  </si>
  <si>
    <t>神奈川県秦野市鶴巻1662-24</t>
  </si>
  <si>
    <t>126472</t>
  </si>
  <si>
    <t>ひかりのまち公園</t>
  </si>
  <si>
    <t>神奈川県秦野市鶴巻南4-856-8</t>
  </si>
  <si>
    <t>126475</t>
  </si>
  <si>
    <t>ゆのさわ緑地</t>
  </si>
  <si>
    <t>神奈川県秦野市八沢1146-13</t>
  </si>
  <si>
    <t>126476</t>
  </si>
  <si>
    <t>ゆのさわ南緑地</t>
  </si>
  <si>
    <t>神奈川県秦野市菖蒲102-4</t>
  </si>
  <si>
    <t>126477</t>
  </si>
  <si>
    <t>いまい公園</t>
  </si>
  <si>
    <t>神奈川県秦野市渋沢2-1214-22</t>
  </si>
  <si>
    <t>126478</t>
  </si>
  <si>
    <t>なかかいど児童遊園地</t>
  </si>
  <si>
    <t>神奈川県秦野市千村3-758-8</t>
  </si>
  <si>
    <t>126479</t>
  </si>
  <si>
    <t>はぎがおか公園</t>
  </si>
  <si>
    <t>神奈川県秦野市萩が丘578-1</t>
  </si>
  <si>
    <t>126480</t>
  </si>
  <si>
    <t>曲松いちょう公園</t>
  </si>
  <si>
    <t>神奈川県秦野市曲松1-6-15</t>
  </si>
  <si>
    <t>126481</t>
  </si>
  <si>
    <t>松葉緑地</t>
  </si>
  <si>
    <t>神奈川県秦野市堀山下423-10</t>
  </si>
  <si>
    <t>126482</t>
  </si>
  <si>
    <t>堀川緑地</t>
  </si>
  <si>
    <t>神奈川県秦野市堀山下571-11</t>
  </si>
  <si>
    <t>126483</t>
  </si>
  <si>
    <t>桜土手古墳公園</t>
  </si>
  <si>
    <t>神奈川県秦野市堀山下380-2</t>
  </si>
  <si>
    <t>126484</t>
  </si>
  <si>
    <t>ハイウェイパークはだの</t>
  </si>
  <si>
    <t>神奈川県秦野市下大槻･南矢名地内</t>
  </si>
  <si>
    <t>126485</t>
  </si>
  <si>
    <t>中央こども公園</t>
  </si>
  <si>
    <t>126486</t>
  </si>
  <si>
    <t>南が丘公園</t>
  </si>
  <si>
    <t>神奈川県秦野市南が丘3-5</t>
  </si>
  <si>
    <t>126487</t>
  </si>
  <si>
    <t>おおね公園</t>
  </si>
  <si>
    <t>神奈川県秦野市鶴巻940</t>
  </si>
  <si>
    <t>126488</t>
  </si>
  <si>
    <t>立野緑地</t>
  </si>
  <si>
    <t>神奈川県秦野市南が丘5-2-1</t>
  </si>
  <si>
    <t>126489</t>
  </si>
  <si>
    <t>中央運動公園</t>
  </si>
  <si>
    <t>神奈川県秦野市平沢148</t>
  </si>
  <si>
    <t>136491</t>
  </si>
  <si>
    <t>神奈川県厚木市及川2-102-5</t>
  </si>
  <si>
    <t>136492</t>
  </si>
  <si>
    <t>ワンダーパーク温水ノース</t>
  </si>
  <si>
    <t>神奈川県厚木市温水西1-980-212</t>
  </si>
  <si>
    <t>136493</t>
  </si>
  <si>
    <t>子の神遺跡公園</t>
  </si>
  <si>
    <t>神奈川県厚木市戸室4-741-34</t>
  </si>
  <si>
    <t>136494</t>
  </si>
  <si>
    <t>松原公園</t>
  </si>
  <si>
    <t>神奈川県厚木市松枝1-196-2</t>
  </si>
  <si>
    <t>136495</t>
  </si>
  <si>
    <t>上三田ふれあい公園</t>
  </si>
  <si>
    <t>神奈川県厚木市三田34-9</t>
  </si>
  <si>
    <t>136496</t>
  </si>
  <si>
    <t>神奈川県厚木市毛利台3-1043-29</t>
  </si>
  <si>
    <t>136497</t>
  </si>
  <si>
    <t>ちびっこ公園</t>
  </si>
  <si>
    <t>神奈川県厚木市毛利台2-1055-125</t>
  </si>
  <si>
    <t>136498</t>
  </si>
  <si>
    <t>とうやづか公園</t>
  </si>
  <si>
    <t>神奈川県厚木市毛利台3-1592-15</t>
  </si>
  <si>
    <t>136499</t>
  </si>
  <si>
    <t>学校坂公園</t>
  </si>
  <si>
    <t>神奈川県厚木市温水西1-1258-8</t>
  </si>
  <si>
    <t>136500</t>
  </si>
  <si>
    <t>緑ヶ丘なかよし公園</t>
  </si>
  <si>
    <t>神奈川県厚木市緑ヶ丘4-6-59</t>
  </si>
  <si>
    <t>136501</t>
  </si>
  <si>
    <t>中町花の公園（ﾁｱﾌﾙﾊﾟｰｸ）</t>
  </si>
  <si>
    <t>神奈川県厚木市中町2-914-1</t>
  </si>
  <si>
    <t>136502</t>
  </si>
  <si>
    <t>136503</t>
  </si>
  <si>
    <t>ワンダーパーク温水ウェスト</t>
  </si>
  <si>
    <t>神奈川県厚木市温水西1-980-267</t>
  </si>
  <si>
    <t>136504</t>
  </si>
  <si>
    <t>こまつ下公園</t>
  </si>
  <si>
    <t>136505</t>
  </si>
  <si>
    <t>稲荷公園</t>
  </si>
  <si>
    <t>神奈川県厚木市酒井3174</t>
  </si>
  <si>
    <t>136506</t>
  </si>
  <si>
    <t>宮ノ腰公園</t>
  </si>
  <si>
    <t>神奈川県厚木市下依知2-1117</t>
  </si>
  <si>
    <t>136507</t>
  </si>
  <si>
    <t>神奈川県厚木市中依知85-5</t>
  </si>
  <si>
    <t>136508</t>
  </si>
  <si>
    <t>登山公園</t>
  </si>
  <si>
    <t>136509</t>
  </si>
  <si>
    <t>東河原第１公園</t>
  </si>
  <si>
    <t>神奈川県厚木市妻田東2-1806-23</t>
  </si>
  <si>
    <t>136510</t>
  </si>
  <si>
    <t>中河原けやき公園</t>
  </si>
  <si>
    <t>神奈川県厚木市妻田南1-2196-3</t>
  </si>
  <si>
    <t>136511</t>
  </si>
  <si>
    <t>関口公園</t>
  </si>
  <si>
    <t>神奈川県厚木市関口460-9</t>
  </si>
  <si>
    <t>136512</t>
  </si>
  <si>
    <t>神奈川県厚木市緑ケ丘1-16</t>
  </si>
  <si>
    <t>136513</t>
  </si>
  <si>
    <t>どうけい塚公園</t>
  </si>
  <si>
    <t>神奈川県厚木市三田781-4</t>
  </si>
  <si>
    <t>136514</t>
  </si>
  <si>
    <t>こまつ上公園</t>
  </si>
  <si>
    <t>136515</t>
  </si>
  <si>
    <t>緑ケ丘２丁目芝公園</t>
  </si>
  <si>
    <t>神奈川県厚木市緑ケ丘2-110</t>
  </si>
  <si>
    <t>136516</t>
  </si>
  <si>
    <t>山際公園</t>
  </si>
  <si>
    <t>神奈川県厚木市山際649-5</t>
  </si>
  <si>
    <t>136517</t>
  </si>
  <si>
    <t>緑ケ丘１丁目芝公園</t>
  </si>
  <si>
    <t>神奈川県厚木市緑ケ丘1-154</t>
  </si>
  <si>
    <t>136518</t>
  </si>
  <si>
    <t>天覧台公園</t>
  </si>
  <si>
    <t>神奈川県厚木市鳶尾4-13-1</t>
  </si>
  <si>
    <t>136519</t>
  </si>
  <si>
    <t>八木間公園</t>
  </si>
  <si>
    <t>神奈川県厚木市酒井3009</t>
  </si>
  <si>
    <t>136520</t>
  </si>
  <si>
    <t>神奈川県厚木市まつかげ台43</t>
  </si>
  <si>
    <t>136521</t>
  </si>
  <si>
    <t>砂口第一公園</t>
  </si>
  <si>
    <t>神奈川県厚木市愛名1343</t>
  </si>
  <si>
    <t>136522</t>
  </si>
  <si>
    <t>船子宮の里公園</t>
  </si>
  <si>
    <t>神奈川県厚木市船子1565-4</t>
  </si>
  <si>
    <t>136523</t>
  </si>
  <si>
    <t>宝蔵山公園</t>
  </si>
  <si>
    <t>神奈川県厚木市小野2025-9</t>
  </si>
  <si>
    <t>136524</t>
  </si>
  <si>
    <t>砂口第二公園</t>
  </si>
  <si>
    <t>神奈川県厚木市愛名1468</t>
  </si>
  <si>
    <t>136525</t>
  </si>
  <si>
    <t>緑ケ丘やなぎ公園</t>
  </si>
  <si>
    <t>神奈川県厚木市緑ケ丘3-7</t>
  </si>
  <si>
    <t>136526</t>
  </si>
  <si>
    <t>かきの実公園</t>
  </si>
  <si>
    <t>神奈川県厚木市上落合483</t>
  </si>
  <si>
    <t>136527</t>
  </si>
  <si>
    <t>沖原くすのき公園</t>
  </si>
  <si>
    <t>神奈川県厚木市恩名5-1568-6</t>
  </si>
  <si>
    <t>136528</t>
  </si>
  <si>
    <t>上萩原公園</t>
  </si>
  <si>
    <t>神奈川県厚木市山際710-1</t>
  </si>
  <si>
    <t>136529</t>
  </si>
  <si>
    <t>愛甲原たかみ公園</t>
  </si>
  <si>
    <t>神奈川県厚木市愛甲西2-123-34</t>
  </si>
  <si>
    <t>136530</t>
  </si>
  <si>
    <t>寺ケ岡公園</t>
  </si>
  <si>
    <t>神奈川県厚木市戸室3-866-1</t>
  </si>
  <si>
    <t>136531</t>
  </si>
  <si>
    <t>まつかげ台中公園</t>
  </si>
  <si>
    <t>神奈川県厚木市まつかげ台1115-420</t>
  </si>
  <si>
    <t>136532</t>
  </si>
  <si>
    <t>赤羽根公園</t>
  </si>
  <si>
    <t>神奈川県厚木市温水305-27</t>
  </si>
  <si>
    <t>136533</t>
  </si>
  <si>
    <t>愛甲原しま公園</t>
  </si>
  <si>
    <t>神奈川県厚木市愛甲西2-123-6</t>
  </si>
  <si>
    <t>136534</t>
  </si>
  <si>
    <t>森山公園</t>
  </si>
  <si>
    <t>神奈川県厚木市毛利台1-1216-7</t>
  </si>
  <si>
    <t>136535</t>
  </si>
  <si>
    <t>神奈川県厚木市南町535-45</t>
  </si>
  <si>
    <t>136536</t>
  </si>
  <si>
    <t>妻田東第二公園</t>
  </si>
  <si>
    <t>神奈川県厚木市妻田東1-2331-12</t>
  </si>
  <si>
    <t>136537</t>
  </si>
  <si>
    <t>酒井三田公園</t>
  </si>
  <si>
    <t>神奈川県厚木市酒井2088-23</t>
  </si>
  <si>
    <t>136538</t>
  </si>
  <si>
    <t>大手公園</t>
  </si>
  <si>
    <t>神奈川県厚木市中町3-682</t>
  </si>
  <si>
    <t>136539</t>
  </si>
  <si>
    <t>岡田南公園</t>
  </si>
  <si>
    <t>神奈川県厚木市岡田5-23</t>
  </si>
  <si>
    <t>136540</t>
  </si>
  <si>
    <t>旭町やま公園</t>
  </si>
  <si>
    <t>神奈川県厚木市旭町5-1379-13</t>
  </si>
  <si>
    <t>136541</t>
  </si>
  <si>
    <t>中村橋公園</t>
  </si>
  <si>
    <t>神奈川県厚木市妻田北1-1854-4</t>
  </si>
  <si>
    <t>136542</t>
  </si>
  <si>
    <t>神奈川県厚木市妻田西1-1419</t>
  </si>
  <si>
    <t>136543</t>
  </si>
  <si>
    <t>あじさい公園</t>
  </si>
  <si>
    <t>136544</t>
  </si>
  <si>
    <t>岡田北矢公園</t>
  </si>
  <si>
    <t>神奈川県厚木市岡田1-1734-3</t>
  </si>
  <si>
    <t>136545</t>
  </si>
  <si>
    <t>ひばり公園</t>
  </si>
  <si>
    <t>神奈川県厚木市船子607-4</t>
  </si>
  <si>
    <t>136546</t>
  </si>
  <si>
    <t>東河原第２公園</t>
  </si>
  <si>
    <t>神奈川県厚木市妻田東2-2215-30</t>
  </si>
  <si>
    <t>136547</t>
  </si>
  <si>
    <t>旭町どんぐり公園</t>
  </si>
  <si>
    <t>神奈川県厚木市旭町1-260</t>
  </si>
  <si>
    <t>136548</t>
  </si>
  <si>
    <t>西ノ久保公園</t>
  </si>
  <si>
    <t>神奈川県厚木市下依知2-1275</t>
  </si>
  <si>
    <t>136549</t>
  </si>
  <si>
    <t>ふじみ公園</t>
  </si>
  <si>
    <t>神奈川県厚木市旭町4-3352-3</t>
  </si>
  <si>
    <t>136550</t>
  </si>
  <si>
    <t>長谷公園</t>
  </si>
  <si>
    <t>神奈川県厚木市長谷1182-10</t>
  </si>
  <si>
    <t>136551</t>
  </si>
  <si>
    <t>小町公園</t>
  </si>
  <si>
    <t>神奈川県厚木市小野2025-7</t>
  </si>
  <si>
    <t>136552</t>
  </si>
  <si>
    <t>林中公園</t>
  </si>
  <si>
    <t>神奈川県厚木市林3-475</t>
  </si>
  <si>
    <t>136553</t>
  </si>
  <si>
    <t>三田みのり公園</t>
  </si>
  <si>
    <t>神奈川県厚木市三田南2-1208-1</t>
  </si>
  <si>
    <t>136554</t>
  </si>
  <si>
    <t>鳶尾峰公園</t>
  </si>
  <si>
    <t>神奈川県厚木市鳶尾4-13</t>
  </si>
  <si>
    <t>136555</t>
  </si>
  <si>
    <t>神奈川県厚木市南町55-79</t>
  </si>
  <si>
    <t>136556</t>
  </si>
  <si>
    <t>高坪公園</t>
  </si>
  <si>
    <t>神奈川県厚木市温水西2-25-11</t>
  </si>
  <si>
    <t>136557</t>
  </si>
  <si>
    <t>王子公園</t>
  </si>
  <si>
    <t>神奈川県厚木市王子2-1308-67</t>
  </si>
  <si>
    <t>136558</t>
  </si>
  <si>
    <t>長坂南公園</t>
  </si>
  <si>
    <t>神奈川県厚木市関口274-4</t>
  </si>
  <si>
    <t>136559</t>
  </si>
  <si>
    <t>神奈川県厚木市中町2-606</t>
  </si>
  <si>
    <t>136560</t>
  </si>
  <si>
    <t>松羅公園</t>
  </si>
  <si>
    <t>神奈川県厚木市三田3203</t>
  </si>
  <si>
    <t>136561</t>
  </si>
  <si>
    <t>原田公園</t>
  </si>
  <si>
    <t>神奈川県厚木市岡田3092</t>
  </si>
  <si>
    <t>136562</t>
  </si>
  <si>
    <t>宮の里公園</t>
  </si>
  <si>
    <t>神奈川県厚木市宮の里1-1207-8</t>
  </si>
  <si>
    <t>136563</t>
  </si>
  <si>
    <t>つつじ台公園</t>
  </si>
  <si>
    <t>136564</t>
  </si>
  <si>
    <t>しもこが公園</t>
  </si>
  <si>
    <t>神奈川県厚木市関口115-3</t>
  </si>
  <si>
    <t>136565</t>
  </si>
  <si>
    <t>仲道公園</t>
  </si>
  <si>
    <t>神奈川県厚木市下依知2-1244</t>
  </si>
  <si>
    <t>136566</t>
  </si>
  <si>
    <t>戸室しみず公園</t>
  </si>
  <si>
    <t>神奈川県厚木市戸室1-124-12</t>
  </si>
  <si>
    <t>136567</t>
  </si>
  <si>
    <t>山ノ上剣公園</t>
  </si>
  <si>
    <t>神奈川県厚木市及川1-226-2</t>
  </si>
  <si>
    <t>136568</t>
  </si>
  <si>
    <t>関谷公園</t>
  </si>
  <si>
    <t>神奈川県厚木市みはる野2-18</t>
  </si>
  <si>
    <t>136569</t>
  </si>
  <si>
    <t>ねのかみ公園</t>
  </si>
  <si>
    <t>神奈川県厚木市温水西1-13-12</t>
  </si>
  <si>
    <t>136570</t>
  </si>
  <si>
    <t>緑ケ丘南公園</t>
  </si>
  <si>
    <t>神奈川県厚木市緑ケ丘1-143</t>
  </si>
  <si>
    <t>136571</t>
  </si>
  <si>
    <t>そりだ公園</t>
  </si>
  <si>
    <t>神奈川県厚木市妻田北1-1158-2</t>
  </si>
  <si>
    <t>136572</t>
  </si>
  <si>
    <t>こまつ中公園</t>
  </si>
  <si>
    <t>136573</t>
  </si>
  <si>
    <t>緑ケ丘まる公園</t>
  </si>
  <si>
    <t>神奈川県厚木市緑ケ丘4-4</t>
  </si>
  <si>
    <t>136574</t>
  </si>
  <si>
    <t>白髭公園</t>
  </si>
  <si>
    <t>神奈川県厚木市酒井3202</t>
  </si>
  <si>
    <t>136575</t>
  </si>
  <si>
    <t>まつかげ台丘公園</t>
  </si>
  <si>
    <t>神奈川県厚木市まつかげ台1032-24</t>
  </si>
  <si>
    <t>136576</t>
  </si>
  <si>
    <t>船子長ヶ町公園</t>
  </si>
  <si>
    <t>神奈川県厚木市船子264</t>
  </si>
  <si>
    <t>136577</t>
  </si>
  <si>
    <t>神奈川県厚木市妻田西3-1297</t>
  </si>
  <si>
    <t>136578</t>
  </si>
  <si>
    <t>鳶尾北公園</t>
  </si>
  <si>
    <t>神奈川県厚木市鳶尾1-20</t>
  </si>
  <si>
    <t>136579</t>
  </si>
  <si>
    <t>八幡上公園</t>
  </si>
  <si>
    <t>神奈川県厚木市下依知2-943</t>
  </si>
  <si>
    <t>136580</t>
  </si>
  <si>
    <t>緑ケ丘西公園</t>
  </si>
  <si>
    <t>神奈川県厚木市緑ケ丘3-4</t>
  </si>
  <si>
    <t>136581</t>
  </si>
  <si>
    <t>おおくね公園</t>
  </si>
  <si>
    <t>神奈川県厚木市下依知3-1020</t>
  </si>
  <si>
    <t>136582</t>
  </si>
  <si>
    <t>神奈川県厚木市毛利台1-1444-4</t>
  </si>
  <si>
    <t>136583</t>
  </si>
  <si>
    <t>勝見公園</t>
  </si>
  <si>
    <t>神奈川県厚木市林1-22</t>
  </si>
  <si>
    <t>136584</t>
  </si>
  <si>
    <t>坊西公園</t>
  </si>
  <si>
    <t>神奈川県厚木市岡田3091</t>
  </si>
  <si>
    <t>136585</t>
  </si>
  <si>
    <t>神奈川県厚木市上依知3024</t>
  </si>
  <si>
    <t>136586</t>
  </si>
  <si>
    <t>宮前公園</t>
  </si>
  <si>
    <t>神奈川県厚木市愛甲2-910-21</t>
  </si>
  <si>
    <t>136587</t>
  </si>
  <si>
    <t>曽野公園</t>
  </si>
  <si>
    <t>神奈川県厚木市毛利台3-1436-142</t>
  </si>
  <si>
    <t>136588</t>
  </si>
  <si>
    <t>神奈川県厚木市妻田西2-1394</t>
  </si>
  <si>
    <t>136589</t>
  </si>
  <si>
    <t>林中央公園</t>
  </si>
  <si>
    <t>神奈川県厚木市林4-19</t>
  </si>
  <si>
    <t>136590</t>
  </si>
  <si>
    <t>厚木さつき公園</t>
  </si>
  <si>
    <t>神奈川県厚木市中町4-85</t>
  </si>
  <si>
    <t>136591</t>
  </si>
  <si>
    <t>鳶尾さつき公園</t>
  </si>
  <si>
    <t>神奈川県厚木市鳶尾2-21</t>
  </si>
  <si>
    <t>136592</t>
  </si>
  <si>
    <t>くりの実公園</t>
  </si>
  <si>
    <t>神奈川県厚木市森の里3-23-1</t>
  </si>
  <si>
    <t>136593</t>
  </si>
  <si>
    <t>日だまり公園</t>
  </si>
  <si>
    <t>神奈川県厚木市森の里1-17-2</t>
  </si>
  <si>
    <t>136594</t>
  </si>
  <si>
    <t>向田公園</t>
  </si>
  <si>
    <t>神奈川県厚木市林1-8</t>
  </si>
  <si>
    <t>136595</t>
  </si>
  <si>
    <t>水のわ公園</t>
  </si>
  <si>
    <t>神奈川県厚木市森の里4-37-2</t>
  </si>
  <si>
    <t>136596</t>
  </si>
  <si>
    <t>神奈川県厚木市三田3748</t>
  </si>
  <si>
    <t>136597</t>
  </si>
  <si>
    <t>長谷はら公園</t>
  </si>
  <si>
    <t>神奈川県厚木市長谷1382</t>
  </si>
  <si>
    <t>136598</t>
  </si>
  <si>
    <t>鳥山公園</t>
  </si>
  <si>
    <t>神奈川県厚木市毛利台1-1069-98</t>
  </si>
  <si>
    <t>136599</t>
  </si>
  <si>
    <t>神奈川県厚木市林5-14</t>
  </si>
  <si>
    <t>136600</t>
  </si>
  <si>
    <t>かぜの子公園</t>
  </si>
  <si>
    <t>神奈川県厚木市森の里2-15-2</t>
  </si>
  <si>
    <t>136601</t>
  </si>
  <si>
    <t>神奈川県厚木市みはる野1-42</t>
  </si>
  <si>
    <t>136602</t>
  </si>
  <si>
    <t>みはらし公園</t>
  </si>
  <si>
    <t>神奈川県厚木市毛利台2-1405-34</t>
  </si>
  <si>
    <t>136603</t>
  </si>
  <si>
    <t>旭南（ふじみ）公園</t>
  </si>
  <si>
    <t>136604</t>
  </si>
  <si>
    <t>神奈川県厚木市酒井3043</t>
  </si>
  <si>
    <t>136605</t>
  </si>
  <si>
    <t>藤塚みどり公園</t>
  </si>
  <si>
    <t>神奈川県厚木市上依知3001-4</t>
  </si>
  <si>
    <t>136606</t>
  </si>
  <si>
    <t>沖原桜丘公園</t>
  </si>
  <si>
    <t>神奈川県厚木市恩名5-1557-11</t>
  </si>
  <si>
    <t>136607</t>
  </si>
  <si>
    <t>もみじ公園</t>
  </si>
  <si>
    <t>神奈川県厚木市鳶尾4-23</t>
  </si>
  <si>
    <t>136608</t>
  </si>
  <si>
    <t>里見台まる山公園</t>
  </si>
  <si>
    <t>136609</t>
  </si>
  <si>
    <t>鳶尾西公園</t>
  </si>
  <si>
    <t>神奈川県厚木市鳶尾5-10</t>
  </si>
  <si>
    <t>136610</t>
  </si>
  <si>
    <t>緑ケ丘さくら公園</t>
  </si>
  <si>
    <t>神奈川県厚木市緑ケ丘4-8</t>
  </si>
  <si>
    <t>136611</t>
  </si>
  <si>
    <t>弥生公園</t>
  </si>
  <si>
    <t>神奈川県厚木市鳶尾1-32</t>
  </si>
  <si>
    <t>136612</t>
  </si>
  <si>
    <t>神奈川県厚木市岡田3058</t>
  </si>
  <si>
    <t>136613</t>
  </si>
  <si>
    <t>鳶尾東公園</t>
  </si>
  <si>
    <t>神奈川県厚木市鳶尾1-6</t>
  </si>
  <si>
    <t>136614</t>
  </si>
  <si>
    <t>厚木公園</t>
  </si>
  <si>
    <t>神奈川県厚木市中町3-1012</t>
  </si>
  <si>
    <t>136615</t>
  </si>
  <si>
    <t>あさひ公園</t>
  </si>
  <si>
    <t>神奈川県厚木市旭町1-122</t>
  </si>
  <si>
    <t>136616</t>
  </si>
  <si>
    <t>かつらぎ公園</t>
  </si>
  <si>
    <t>神奈川県厚木市毛利台3-1612-57</t>
  </si>
  <si>
    <t>136617</t>
  </si>
  <si>
    <t>東谷公園</t>
  </si>
  <si>
    <t>神奈川県厚木市みはる野1-30</t>
  </si>
  <si>
    <t>136618</t>
  </si>
  <si>
    <t>依胡田公園</t>
  </si>
  <si>
    <t>神奈川県厚木市長谷6-17</t>
  </si>
  <si>
    <t>136619</t>
  </si>
  <si>
    <t>まつかげ台山の手公園</t>
  </si>
  <si>
    <t>神奈川県厚木市まつかげ台1401-161</t>
  </si>
  <si>
    <t>136620</t>
  </si>
  <si>
    <t>長沼公園</t>
  </si>
  <si>
    <t>神奈川県厚木市長沼244</t>
  </si>
  <si>
    <t>136622</t>
  </si>
  <si>
    <t>ワンダーパーク温水イースト</t>
  </si>
  <si>
    <t>神奈川県厚木市温水西1-980-130</t>
  </si>
  <si>
    <t>136623</t>
  </si>
  <si>
    <t>ぐみだ公園</t>
  </si>
  <si>
    <t>神奈川県厚木市愛甲4-18</t>
  </si>
  <si>
    <t>136624</t>
  </si>
  <si>
    <t>みやぞえ公園</t>
  </si>
  <si>
    <t>神奈川県厚木市愛甲2-8</t>
  </si>
  <si>
    <t>136625</t>
  </si>
  <si>
    <t>ワンダーパーク温水サウス</t>
  </si>
  <si>
    <t>神奈川県厚木市温水西1-980-53</t>
  </si>
  <si>
    <t>136626</t>
  </si>
  <si>
    <t>浅間山なかよし公園</t>
  </si>
  <si>
    <t>神奈川県厚木市温水1908-2</t>
  </si>
  <si>
    <t>136627</t>
  </si>
  <si>
    <t>川本第二公園</t>
  </si>
  <si>
    <t>神奈川県厚木市恩名字川本442-1</t>
  </si>
  <si>
    <t>136628</t>
  </si>
  <si>
    <t>川本公園</t>
  </si>
  <si>
    <t>神奈川県厚木市恩名1-8</t>
  </si>
  <si>
    <t>136629</t>
  </si>
  <si>
    <t>片岸しあわせ公園</t>
  </si>
  <si>
    <t>神奈川県厚木市恩名字片岸1410-3</t>
  </si>
  <si>
    <t>136630</t>
  </si>
  <si>
    <t>北ヶ谷西公園</t>
  </si>
  <si>
    <t>神奈川県厚木市愛名165-12</t>
  </si>
  <si>
    <t>136631</t>
  </si>
  <si>
    <t>愛名第二公園</t>
  </si>
  <si>
    <t>神奈川県厚木市愛名457-1</t>
  </si>
  <si>
    <t>136632</t>
  </si>
  <si>
    <t>とうやづか第二公園</t>
  </si>
  <si>
    <t>神奈川県厚木市愛名940-11</t>
  </si>
  <si>
    <t>136633</t>
  </si>
  <si>
    <t>島崎公園</t>
  </si>
  <si>
    <t>神奈川県厚木市愛名1206-4</t>
  </si>
  <si>
    <t>136634</t>
  </si>
  <si>
    <t>愛名第三公園</t>
  </si>
  <si>
    <t>神奈川県厚木市愛名字妙516-5</t>
  </si>
  <si>
    <t>136635</t>
  </si>
  <si>
    <t>明神池公園</t>
  </si>
  <si>
    <t>神奈川県厚木市長谷673-1</t>
  </si>
  <si>
    <t>136636</t>
  </si>
  <si>
    <t>長谷なかよし公園</t>
  </si>
  <si>
    <t>神奈川県厚木市長谷1331-67</t>
  </si>
  <si>
    <t>136637</t>
  </si>
  <si>
    <t>北ヶ谷公園</t>
  </si>
  <si>
    <t>神奈川県厚木市愛名131-35</t>
  </si>
  <si>
    <t>136638</t>
  </si>
  <si>
    <t>北ヶ谷第二公園</t>
  </si>
  <si>
    <t>神奈川県厚木市愛名字北ヶ谷27-7</t>
  </si>
  <si>
    <t>136639</t>
  </si>
  <si>
    <t>愛名第一公園</t>
  </si>
  <si>
    <t>神奈川県厚木市愛名396-14</t>
  </si>
  <si>
    <t>136640</t>
  </si>
  <si>
    <t>長谷しみず公園</t>
  </si>
  <si>
    <t>神奈川県厚木市長谷1061-40</t>
  </si>
  <si>
    <t>136641</t>
  </si>
  <si>
    <t>神奈川県厚木市長谷1055-4</t>
  </si>
  <si>
    <t>136642</t>
  </si>
  <si>
    <t>上長谷公園</t>
  </si>
  <si>
    <t>神奈川県厚木市長谷1702</t>
  </si>
  <si>
    <t>136643</t>
  </si>
  <si>
    <t>神奈川県厚木市温水1991-2</t>
  </si>
  <si>
    <t>136644</t>
  </si>
  <si>
    <t>宮田公園</t>
  </si>
  <si>
    <t>神奈川県厚木市戸室1-371-6</t>
  </si>
  <si>
    <t>136645</t>
  </si>
  <si>
    <t>沖田公園</t>
  </si>
  <si>
    <t>神奈川県厚木市温水108-7</t>
  </si>
  <si>
    <t>136646</t>
  </si>
  <si>
    <t>沖原ふれあい公園</t>
  </si>
  <si>
    <t>神奈川県厚木市恩名5-1582-17</t>
  </si>
  <si>
    <t>136647</t>
  </si>
  <si>
    <t>萱山公園</t>
  </si>
  <si>
    <t>神奈川県厚木市恩名2-12</t>
  </si>
  <si>
    <t>136648</t>
  </si>
  <si>
    <t>宮地公園</t>
  </si>
  <si>
    <t>神奈川県厚木市愛名306-10</t>
  </si>
  <si>
    <t>136649</t>
  </si>
  <si>
    <t>大六天公園</t>
  </si>
  <si>
    <t>神奈川県厚木市戸室2-446-23</t>
  </si>
  <si>
    <t>136650</t>
  </si>
  <si>
    <t>神奈川県厚木市船子1565-5</t>
  </si>
  <si>
    <t>136651</t>
  </si>
  <si>
    <t>妻田東公園</t>
  </si>
  <si>
    <t>神奈川県厚木市妻田東1-2546-59</t>
  </si>
  <si>
    <t>136652</t>
  </si>
  <si>
    <t>さんやむこう公園</t>
  </si>
  <si>
    <t>神奈川県厚木市妻田東1-11</t>
  </si>
  <si>
    <t>136653</t>
  </si>
  <si>
    <t>かにぶち公園</t>
  </si>
  <si>
    <t>神奈川県厚木市三田字下前川原2001-52</t>
  </si>
  <si>
    <t>136654</t>
  </si>
  <si>
    <t>妻田ハイツ公園</t>
  </si>
  <si>
    <t>神奈川県厚木市妻田東3-1874-38</t>
  </si>
  <si>
    <t>136655</t>
  </si>
  <si>
    <t>神奈川県厚木市三田743-6</t>
  </si>
  <si>
    <t>136656</t>
  </si>
  <si>
    <t>でんえん公園</t>
  </si>
  <si>
    <t>神奈川県厚木市三田南1-1230-1</t>
  </si>
  <si>
    <t>136657</t>
  </si>
  <si>
    <t>三家向さつき公園</t>
  </si>
  <si>
    <t>神奈川県厚木市妻田東1-2557-17</t>
  </si>
  <si>
    <t>136658</t>
  </si>
  <si>
    <t>前川原公園</t>
  </si>
  <si>
    <t>神奈川県厚木市三田3408-24</t>
  </si>
  <si>
    <t>136659</t>
  </si>
  <si>
    <t>林南公園</t>
  </si>
  <si>
    <t>神奈川県厚木市林2-711-41</t>
  </si>
  <si>
    <t>136660</t>
  </si>
  <si>
    <t>舟山公園</t>
  </si>
  <si>
    <t>神奈川県厚木市林4-594-2</t>
  </si>
  <si>
    <t>136661</t>
  </si>
  <si>
    <t>三家向もみじ公園</t>
  </si>
  <si>
    <t>神奈川県厚木市妻田東1-12</t>
  </si>
  <si>
    <t>136662</t>
  </si>
  <si>
    <t>反田上なかよし公園</t>
  </si>
  <si>
    <t>神奈川県厚木市妻田北3-849-5</t>
  </si>
  <si>
    <t>136663</t>
  </si>
  <si>
    <t>神奈川県厚木市林2-698-4</t>
  </si>
  <si>
    <t>136664</t>
  </si>
  <si>
    <t>中河原つた公園</t>
  </si>
  <si>
    <t>神奈川県厚木市妻田東1-10</t>
  </si>
  <si>
    <t>136665</t>
  </si>
  <si>
    <t>中河原しば公園</t>
  </si>
  <si>
    <t>136666</t>
  </si>
  <si>
    <t>緑ヶ丘ふれあい公園</t>
  </si>
  <si>
    <t>神奈川県厚木市緑ヶ丘4-2-4</t>
  </si>
  <si>
    <t>136667</t>
  </si>
  <si>
    <t>緑ヶ丘木漏れび公園</t>
  </si>
  <si>
    <t>神奈川県厚木市緑ヶ丘4-2-33</t>
  </si>
  <si>
    <t>136668</t>
  </si>
  <si>
    <t>中依知山王公園</t>
  </si>
  <si>
    <t>神奈川県厚木市中依知字中原154-15</t>
  </si>
  <si>
    <t>136669</t>
  </si>
  <si>
    <t>上中原なかよし公園</t>
  </si>
  <si>
    <t>神奈川県厚木市山際607-17</t>
  </si>
  <si>
    <t>136670</t>
  </si>
  <si>
    <t>吾妻公園</t>
  </si>
  <si>
    <t>神奈川県厚木市下依知338-15</t>
  </si>
  <si>
    <t>136671</t>
  </si>
  <si>
    <t>金田第二公園</t>
  </si>
  <si>
    <t>神奈川県厚木市金田204-37</t>
  </si>
  <si>
    <t>136672</t>
  </si>
  <si>
    <t>金田第三公園</t>
  </si>
  <si>
    <t>神奈川県厚木市金田204-33</t>
  </si>
  <si>
    <t>136673</t>
  </si>
  <si>
    <t>金田第一公園</t>
  </si>
  <si>
    <t>神奈川県厚木市金田204-29</t>
  </si>
  <si>
    <t>136674</t>
  </si>
  <si>
    <t>みねがやと公園</t>
  </si>
  <si>
    <t>神奈川県厚木市上依知1670-2</t>
  </si>
  <si>
    <t>136675</t>
  </si>
  <si>
    <t>神奈川県厚木市山際863-7</t>
  </si>
  <si>
    <t>136676</t>
  </si>
  <si>
    <t>長坂北公園</t>
  </si>
  <si>
    <t>神奈川県厚木市関口954-10</t>
  </si>
  <si>
    <t>136677</t>
  </si>
  <si>
    <t>六反公園</t>
  </si>
  <si>
    <t>神奈川県厚木市上依知2622-7</t>
  </si>
  <si>
    <t>136678</t>
  </si>
  <si>
    <t>上依知一本松公園</t>
  </si>
  <si>
    <t>神奈川県厚木市上依知270-15</t>
  </si>
  <si>
    <t>136679</t>
  </si>
  <si>
    <t>中依知公園</t>
  </si>
  <si>
    <t>神奈川県厚木市中依知10-6</t>
  </si>
  <si>
    <t>136680</t>
  </si>
  <si>
    <t>広町公園</t>
  </si>
  <si>
    <t>神奈川県厚木市中荻野783-2</t>
  </si>
  <si>
    <t>136682</t>
  </si>
  <si>
    <t>上荻野荒井公園</t>
  </si>
  <si>
    <t>神奈川県厚木市上荻野1601-32</t>
  </si>
  <si>
    <t>136683</t>
  </si>
  <si>
    <t>上荻野荒井中公園</t>
  </si>
  <si>
    <t>神奈川県厚木市上荻野1601-43</t>
  </si>
  <si>
    <t>136684</t>
  </si>
  <si>
    <t>いずみ公園</t>
  </si>
  <si>
    <t>神奈川県厚木市上荻野957-2</t>
  </si>
  <si>
    <t>136685</t>
  </si>
  <si>
    <t>王子原公園</t>
  </si>
  <si>
    <t>神奈川県厚木市上荻野1189-14</t>
  </si>
  <si>
    <t>136686</t>
  </si>
  <si>
    <t>子合頭公園</t>
  </si>
  <si>
    <t>神奈川県厚木市下荻野833-17</t>
  </si>
  <si>
    <t>136687</t>
  </si>
  <si>
    <t>檜谷公園</t>
  </si>
  <si>
    <t>神奈川県厚木市上荻野781-5</t>
  </si>
  <si>
    <t>136688</t>
  </si>
  <si>
    <t>岩田山公園</t>
  </si>
  <si>
    <t>神奈川県厚木市小野335-6</t>
  </si>
  <si>
    <t>136689</t>
  </si>
  <si>
    <t>岡津古久公園</t>
  </si>
  <si>
    <t>神奈川県厚木市岡津古久277-2</t>
  </si>
  <si>
    <t>136690</t>
  </si>
  <si>
    <t>小野並木公園</t>
  </si>
  <si>
    <t>神奈川県厚木市森の里2-1225-1</t>
  </si>
  <si>
    <t>136691</t>
  </si>
  <si>
    <t>そよかぜ公園</t>
  </si>
  <si>
    <t>神奈川県厚木市森の里5-8-52</t>
  </si>
  <si>
    <t>136692</t>
  </si>
  <si>
    <t>神奈川県厚木市小野1011-9</t>
  </si>
  <si>
    <t>136693</t>
  </si>
  <si>
    <t>多々良澤公園</t>
  </si>
  <si>
    <t>神奈川県厚木市七沢1616-20</t>
  </si>
  <si>
    <t>136694</t>
  </si>
  <si>
    <t>水引第1公園</t>
  </si>
  <si>
    <t>神奈川県厚木市水引2-178-5</t>
  </si>
  <si>
    <t>136695</t>
  </si>
  <si>
    <t>旭さわやか公園</t>
  </si>
  <si>
    <t>神奈川県厚木市旭町2-1261-43</t>
  </si>
  <si>
    <t>136696</t>
  </si>
  <si>
    <t>神奈川県厚木市旭町2-1362-3</t>
  </si>
  <si>
    <t>136697</t>
  </si>
  <si>
    <t>神奈川県厚木市元町2124-11</t>
  </si>
  <si>
    <t>136698</t>
  </si>
  <si>
    <t>サングリーンエリア</t>
  </si>
  <si>
    <t>神奈川県厚木市旭町5-162-1</t>
  </si>
  <si>
    <t>136699</t>
  </si>
  <si>
    <t>寿町三丁目1号公園</t>
  </si>
  <si>
    <t>神奈川県厚木市寿町3-2</t>
  </si>
  <si>
    <t>136700</t>
  </si>
  <si>
    <t>外河原公園</t>
  </si>
  <si>
    <t>神奈川県厚木市厚木2255-10</t>
  </si>
  <si>
    <t>136701</t>
  </si>
  <si>
    <t>すくすく公園</t>
  </si>
  <si>
    <t>136702</t>
  </si>
  <si>
    <t>八ツ橋公園</t>
  </si>
  <si>
    <t>136703</t>
  </si>
  <si>
    <t>駒ケ原南公園</t>
  </si>
  <si>
    <t>136704</t>
  </si>
  <si>
    <t>八ッ橋第二公園</t>
  </si>
  <si>
    <t>136705</t>
  </si>
  <si>
    <t>ゴルフ場前日枝公園</t>
  </si>
  <si>
    <t>神奈川県厚木市飯山915-7</t>
  </si>
  <si>
    <t>136706</t>
  </si>
  <si>
    <t>こがね公園</t>
  </si>
  <si>
    <t>136707</t>
  </si>
  <si>
    <t>駒ケ原北公園</t>
  </si>
  <si>
    <t>136708</t>
  </si>
  <si>
    <t>東台公園</t>
  </si>
  <si>
    <t>136709</t>
  </si>
  <si>
    <t>南新開公園</t>
  </si>
  <si>
    <t>136710</t>
  </si>
  <si>
    <t>坪ノ内公園</t>
  </si>
  <si>
    <t>神奈川県厚木市上落合524-7</t>
  </si>
  <si>
    <t>136711</t>
  </si>
  <si>
    <t>あいつぼ公園</t>
  </si>
  <si>
    <t>神奈川県厚木市酒井1814-4</t>
  </si>
  <si>
    <t>136712</t>
  </si>
  <si>
    <t>西の前公園</t>
  </si>
  <si>
    <t>神奈川県厚木市岡田2-1670-5</t>
  </si>
  <si>
    <t>136713</t>
  </si>
  <si>
    <t>西の前第二公園</t>
  </si>
  <si>
    <t>神奈川県厚木市岡田4-1540-7</t>
  </si>
  <si>
    <t>136714</t>
  </si>
  <si>
    <t>酒井公園</t>
  </si>
  <si>
    <t>神奈川県厚木市岡田5-2385-3</t>
  </si>
  <si>
    <t>136715</t>
  </si>
  <si>
    <t>境田公園</t>
  </si>
  <si>
    <t>神奈川県厚木市岡田5-2400-3</t>
  </si>
  <si>
    <t>136716</t>
  </si>
  <si>
    <t>ふじだな公園</t>
  </si>
  <si>
    <t>神奈川県厚木市森の里5-17-2</t>
  </si>
  <si>
    <t>136717</t>
  </si>
  <si>
    <t>さぎさか公園</t>
  </si>
  <si>
    <t>神奈川県厚木市宮の里3-1205-1</t>
  </si>
  <si>
    <t>136718</t>
  </si>
  <si>
    <t>ハイウェイパークあつぎ</t>
  </si>
  <si>
    <t>神奈川県厚木市愛甲東名高速道路南･北</t>
  </si>
  <si>
    <t>136719</t>
  </si>
  <si>
    <t>厚木中央公園</t>
  </si>
  <si>
    <t>神奈川県厚木市寿町3-424-1</t>
  </si>
  <si>
    <t>136720</t>
  </si>
  <si>
    <t>鳶尾中央公園</t>
  </si>
  <si>
    <t>神奈川県厚木市鳶尾2-11</t>
  </si>
  <si>
    <t>136721</t>
  </si>
  <si>
    <t>神奈川県厚木市森の里1-39</t>
  </si>
  <si>
    <t>136722</t>
  </si>
  <si>
    <t>ぼうさいの丘公園（厚木西）</t>
  </si>
  <si>
    <t>神奈川県厚木市温水783-1</t>
  </si>
  <si>
    <t>136723</t>
  </si>
  <si>
    <t>愛名緑地</t>
  </si>
  <si>
    <t>神奈川県厚木市愛名後谷地内</t>
  </si>
  <si>
    <t>136724</t>
  </si>
  <si>
    <t>小町緑地</t>
  </si>
  <si>
    <t>神奈川県厚木市小野字川野</t>
  </si>
  <si>
    <t>136725</t>
  </si>
  <si>
    <t>上古沢緑地（あつぎつつじの丘公園）</t>
  </si>
  <si>
    <t>神奈川県厚木市上古沢･森の里</t>
  </si>
  <si>
    <t>136726</t>
  </si>
  <si>
    <t>中荻野総合運動公園（荻野運動公園）</t>
  </si>
  <si>
    <t>神奈川県厚木市中荻野1500</t>
  </si>
  <si>
    <t>http://ogino-park.jp/</t>
  </si>
  <si>
    <t>146728</t>
  </si>
  <si>
    <t>神奈川県大和市中央林間西5-23</t>
  </si>
  <si>
    <t>146729</t>
  </si>
  <si>
    <t>フリーダムスクエア丘の街公園</t>
  </si>
  <si>
    <t>神奈川県大和市福田1663番地先</t>
  </si>
  <si>
    <t>146730</t>
  </si>
  <si>
    <t>上和田ひまわり公園</t>
  </si>
  <si>
    <t>神奈川県大和市上和田3467番地先</t>
  </si>
  <si>
    <t>146731</t>
  </si>
  <si>
    <t>しおり公園</t>
  </si>
  <si>
    <t>神奈川県大和市下鶴間2767番地先</t>
  </si>
  <si>
    <t>146732</t>
  </si>
  <si>
    <t>大和原３号公園</t>
  </si>
  <si>
    <t>神奈川県大和市下鶴間2-3</t>
  </si>
  <si>
    <t>146733</t>
  </si>
  <si>
    <t>やすらぎの杜公園</t>
  </si>
  <si>
    <t>神奈川県大和市南林間7-15</t>
  </si>
  <si>
    <t>146734</t>
  </si>
  <si>
    <t>ほのか公園</t>
  </si>
  <si>
    <t>神奈川県大和市林間2-6</t>
  </si>
  <si>
    <t>146735</t>
  </si>
  <si>
    <t>桜森いこいポケットパーク</t>
  </si>
  <si>
    <t>神奈川県大和市桜森3-11</t>
  </si>
  <si>
    <t>146736</t>
  </si>
  <si>
    <t>下福田南公園</t>
  </si>
  <si>
    <t>神奈川県大和市福田956</t>
  </si>
  <si>
    <t>146737</t>
  </si>
  <si>
    <t>フリーダム公園</t>
  </si>
  <si>
    <t>神奈川県大和市福田1806番地先</t>
  </si>
  <si>
    <t>146738</t>
  </si>
  <si>
    <t>しあわせ公園</t>
  </si>
  <si>
    <t>神奈川県大和市下鶴間1500番地先</t>
  </si>
  <si>
    <t>146739</t>
  </si>
  <si>
    <t>福田２号公園</t>
  </si>
  <si>
    <t>神奈川県大和市福田2342番地先</t>
  </si>
  <si>
    <t>146740</t>
  </si>
  <si>
    <t>あおぞら公園</t>
  </si>
  <si>
    <t>神奈川県大和市大和南2-4</t>
  </si>
  <si>
    <t>146741</t>
  </si>
  <si>
    <t>親和公園</t>
  </si>
  <si>
    <t>神奈川県大和市上和田1827番地先</t>
  </si>
  <si>
    <t>146742</t>
  </si>
  <si>
    <t>外記屋敷公園</t>
  </si>
  <si>
    <t>神奈川県大和市福田7-32</t>
  </si>
  <si>
    <t>146743</t>
  </si>
  <si>
    <t>神奈川県大和市中央林間西5-25</t>
  </si>
  <si>
    <t>146745</t>
  </si>
  <si>
    <t>下鶴間西公園</t>
  </si>
  <si>
    <t>神奈川県大和市下鶴間3009番地先</t>
  </si>
  <si>
    <t>146746</t>
  </si>
  <si>
    <t>ライラック公園</t>
  </si>
  <si>
    <t>神奈川県大和市下鶴間2-12</t>
  </si>
  <si>
    <t>146747</t>
  </si>
  <si>
    <t>大和原２号公園</t>
  </si>
  <si>
    <t>146748</t>
  </si>
  <si>
    <t>オアシスパーク</t>
  </si>
  <si>
    <t>神奈川県大和市中央林間西3-3</t>
  </si>
  <si>
    <t>146749</t>
  </si>
  <si>
    <t>大ちゃん公園</t>
  </si>
  <si>
    <t>神奈川県大和市中央林間西6-8</t>
  </si>
  <si>
    <t>146750</t>
  </si>
  <si>
    <t>おひさま公園</t>
  </si>
  <si>
    <t>神奈川県大和市下鶴間1749番地先</t>
  </si>
  <si>
    <t>146751</t>
  </si>
  <si>
    <t>鶴間新町１号公園</t>
  </si>
  <si>
    <t>神奈川県大和市中央林間西5-1</t>
  </si>
  <si>
    <t>146752</t>
  </si>
  <si>
    <t>上草柳七丁目遊歩道公園</t>
  </si>
  <si>
    <t>神奈川県大和市上草柳7-9</t>
  </si>
  <si>
    <t>146753</t>
  </si>
  <si>
    <t>つきみ野わいわい公園</t>
  </si>
  <si>
    <t>神奈川県大和市下鶴間80番地先</t>
  </si>
  <si>
    <t>146754</t>
  </si>
  <si>
    <t>下鶴間ちびっこ広場</t>
  </si>
  <si>
    <t>神奈川県大和市西鶴間7-5</t>
  </si>
  <si>
    <t>タイヤ遊具あり</t>
    <rPh sb="3" eb="5">
      <t>ユウグ</t>
    </rPh>
    <phoneticPr fontId="7"/>
  </si>
  <si>
    <t>146755</t>
  </si>
  <si>
    <t>ヤマボウシ公園</t>
  </si>
  <si>
    <t>神奈川県大和市中央林間1-1</t>
  </si>
  <si>
    <t>146756</t>
  </si>
  <si>
    <t>中央林間２号公園</t>
  </si>
  <si>
    <t>神奈川県大和市中央林間5-5</t>
  </si>
  <si>
    <t>146757</t>
  </si>
  <si>
    <t>南大和公園</t>
  </si>
  <si>
    <t>神奈川県大和市下和田889番地先</t>
  </si>
  <si>
    <t>146758</t>
  </si>
  <si>
    <t>代官山公園</t>
  </si>
  <si>
    <t>神奈川県大和市下鶴間1780番地先</t>
  </si>
  <si>
    <t>146759</t>
  </si>
  <si>
    <t>緑野２号公園</t>
  </si>
  <si>
    <t>神奈川県大和市中央林間西4-23</t>
  </si>
  <si>
    <t>146760</t>
  </si>
  <si>
    <t>林間３号公園</t>
  </si>
  <si>
    <t>146761</t>
  </si>
  <si>
    <t>浅間公園</t>
  </si>
  <si>
    <t>神奈川県大和市下鶴間385番地先</t>
  </si>
  <si>
    <t>146762</t>
  </si>
  <si>
    <t>西鶴間５号公園</t>
  </si>
  <si>
    <t>神奈川県大和市西鶴間2-18</t>
  </si>
  <si>
    <t>146763</t>
  </si>
  <si>
    <t>中央林間１号公園</t>
  </si>
  <si>
    <t>神奈川県大和市中央林間2-16</t>
  </si>
  <si>
    <t>146764</t>
  </si>
  <si>
    <t>中央３号公園</t>
  </si>
  <si>
    <t>神奈川県大和市中央2-14</t>
  </si>
  <si>
    <t>146765</t>
  </si>
  <si>
    <t>西鶴間３号公園</t>
  </si>
  <si>
    <t>神奈川県大和市西鶴間6-31</t>
  </si>
  <si>
    <t>146766</t>
  </si>
  <si>
    <t>しらかし公園</t>
  </si>
  <si>
    <t>神奈川県大和市鶴間2-8</t>
  </si>
  <si>
    <t>146767</t>
  </si>
  <si>
    <t>西北五丁目公園</t>
  </si>
  <si>
    <t>神奈川県大和市南林間5-3</t>
  </si>
  <si>
    <t>146768</t>
  </si>
  <si>
    <t>林間１号公園</t>
  </si>
  <si>
    <t>146769</t>
  </si>
  <si>
    <t>つきみ野１号小公園</t>
  </si>
  <si>
    <t>神奈川県大和市つきみ野5-7</t>
  </si>
  <si>
    <t>146770</t>
  </si>
  <si>
    <t>林間２号公園</t>
  </si>
  <si>
    <t>146771</t>
  </si>
  <si>
    <t>こもれび公園</t>
  </si>
  <si>
    <t>神奈川県大和市深見西4-8</t>
  </si>
  <si>
    <t>146772</t>
  </si>
  <si>
    <t>中央林間２号児童遊園</t>
  </si>
  <si>
    <t>神奈川県大和市中央林間1-4</t>
  </si>
  <si>
    <t>146773</t>
  </si>
  <si>
    <t>コンツェルトパーク</t>
  </si>
  <si>
    <t>神奈川県大和市中央林間西5-2</t>
  </si>
  <si>
    <t>146774</t>
  </si>
  <si>
    <t>中央林間児童遊園</t>
  </si>
  <si>
    <t>神奈川県大和市中央林間4-14</t>
  </si>
  <si>
    <t>146775</t>
  </si>
  <si>
    <t>ともだち公園</t>
  </si>
  <si>
    <t>神奈川県大和市中央林間西6-9</t>
  </si>
  <si>
    <t>146776</t>
  </si>
  <si>
    <t>西鶴間２号児童遊園</t>
  </si>
  <si>
    <t>神奈川県大和市西鶴間2-11</t>
  </si>
  <si>
    <t>146777</t>
  </si>
  <si>
    <t>代官児童遊園</t>
  </si>
  <si>
    <t>神奈川県大和市代官3-15</t>
  </si>
  <si>
    <t>146778</t>
  </si>
  <si>
    <t>きらめき公園</t>
  </si>
  <si>
    <t>神奈川県大和市下鶴間5288番地先</t>
  </si>
  <si>
    <t>146779</t>
  </si>
  <si>
    <t>つきみ野１０号公園</t>
  </si>
  <si>
    <t>神奈川県大和市つきみ野1-4</t>
  </si>
  <si>
    <t>146780</t>
  </si>
  <si>
    <t>福田公園</t>
  </si>
  <si>
    <t>神奈川県大和市福田1642番地先</t>
  </si>
  <si>
    <t>146781</t>
  </si>
  <si>
    <t>山王原西公園</t>
  </si>
  <si>
    <t>神奈川県大和市下鶴間2786番地先</t>
  </si>
  <si>
    <t>146782</t>
  </si>
  <si>
    <t>子安２号公園</t>
  </si>
  <si>
    <t>神奈川県大和市上草柳9-10</t>
  </si>
  <si>
    <t>木製遊具あり</t>
    <rPh sb="0" eb="2">
      <t>モクセイ</t>
    </rPh>
    <rPh sb="2" eb="4">
      <t>ユウグ</t>
    </rPh>
    <phoneticPr fontId="7"/>
  </si>
  <si>
    <t>146783</t>
  </si>
  <si>
    <t>中央４号公園</t>
  </si>
  <si>
    <t>神奈川県大和市中央3-8</t>
  </si>
  <si>
    <t>146784</t>
  </si>
  <si>
    <t>深見台２号公園</t>
  </si>
  <si>
    <t>神奈川県大和市深見台1-11</t>
  </si>
  <si>
    <t>146785</t>
  </si>
  <si>
    <t>鶴間２号公園</t>
  </si>
  <si>
    <t>神奈川県大和市鶴間1-24</t>
  </si>
  <si>
    <t>146786</t>
  </si>
  <si>
    <t>パルレド・ボイス</t>
  </si>
  <si>
    <t>神奈川県大和市中央林間6-5</t>
  </si>
  <si>
    <t>146787</t>
  </si>
  <si>
    <t>パルレド・アルベール</t>
  </si>
  <si>
    <t>神奈川県大和市中央林間6-3番地先</t>
  </si>
  <si>
    <t>146788</t>
  </si>
  <si>
    <t>中央６号公園</t>
  </si>
  <si>
    <t>神奈川県大和市中央4-5</t>
  </si>
  <si>
    <t>146789</t>
  </si>
  <si>
    <t>桜森２号公園</t>
  </si>
  <si>
    <t>神奈川県大和市上草柳350</t>
  </si>
  <si>
    <t>146790</t>
  </si>
  <si>
    <t>中央２号公園</t>
  </si>
  <si>
    <t>神奈川県大和市中央2-13</t>
  </si>
  <si>
    <t>146791</t>
  </si>
  <si>
    <t>菊園児童遊園</t>
  </si>
  <si>
    <t>神奈川県大和市深見台2-3番地先</t>
  </si>
  <si>
    <t>146792</t>
  </si>
  <si>
    <t>鶴間二丁目ちびっこ広場</t>
  </si>
  <si>
    <t>神奈川県大和市鶴間2-7</t>
  </si>
  <si>
    <t>146793</t>
  </si>
  <si>
    <t>田中５号公園</t>
  </si>
  <si>
    <t>神奈川県大和市代官4-8</t>
  </si>
  <si>
    <t>146794</t>
  </si>
  <si>
    <t>坂上２号公園</t>
  </si>
  <si>
    <t>神奈川県大和市下鶴間1786番地先</t>
  </si>
  <si>
    <t>146795</t>
  </si>
  <si>
    <t>つきみ野１１号公園</t>
  </si>
  <si>
    <t>神奈川県大和市つきみ野1-5</t>
  </si>
  <si>
    <t>146796</t>
  </si>
  <si>
    <t>長堀２号公園</t>
  </si>
  <si>
    <t>神奈川県大和市下鶴間2-2</t>
  </si>
  <si>
    <t>146797</t>
  </si>
  <si>
    <t>田中３号公園</t>
  </si>
  <si>
    <t>神奈川県大和市福田3755番地先</t>
  </si>
  <si>
    <t>146798</t>
  </si>
  <si>
    <t>下草柳ちびっこ広場</t>
  </si>
  <si>
    <t>神奈川県大和市上草柳2-9</t>
  </si>
  <si>
    <t>雲梯あり</t>
    <rPh sb="0" eb="2">
      <t>ウンテイ</t>
    </rPh>
    <phoneticPr fontId="7"/>
  </si>
  <si>
    <t>146799</t>
  </si>
  <si>
    <t>大和東児童遊園</t>
  </si>
  <si>
    <t>神奈川県大和市大和東3-11</t>
  </si>
  <si>
    <t>146800</t>
  </si>
  <si>
    <t>庚申塚公園</t>
  </si>
  <si>
    <t>神奈川県大和市深見西4-6</t>
  </si>
  <si>
    <t>146801</t>
  </si>
  <si>
    <t>篠山1号公園</t>
  </si>
  <si>
    <t>神奈川県大和市上草柳1745番地先</t>
  </si>
  <si>
    <t>146802</t>
  </si>
  <si>
    <t>つきみ野６号公園</t>
  </si>
  <si>
    <t>神奈川県大和市つきみ野6-2</t>
  </si>
  <si>
    <t>146803</t>
  </si>
  <si>
    <t>深見台第５児童遊園</t>
  </si>
  <si>
    <t>神奈川県大和市深見台4-6</t>
  </si>
  <si>
    <t>146805</t>
  </si>
  <si>
    <t>神奈川県大和市福田1587番地先</t>
  </si>
  <si>
    <t>146806</t>
  </si>
  <si>
    <t>大上公園(おおがさ公園)</t>
  </si>
  <si>
    <t>神奈川県大和市下鶴間2170番地先</t>
  </si>
  <si>
    <t>146808</t>
  </si>
  <si>
    <t>中央７号公園</t>
  </si>
  <si>
    <t>神奈川県大和市中央4-14</t>
  </si>
  <si>
    <t>146809</t>
  </si>
  <si>
    <t>大東公園</t>
  </si>
  <si>
    <t>神奈川県大和市上草柳2-14</t>
  </si>
  <si>
    <t>146810</t>
  </si>
  <si>
    <t>中央七丁目広場</t>
  </si>
  <si>
    <t>神奈川県大和市中央7-10</t>
  </si>
  <si>
    <t>146811</t>
  </si>
  <si>
    <t>南林間四丁目公園</t>
  </si>
  <si>
    <t>神奈川県大和市南林間4-9</t>
  </si>
  <si>
    <t>146812</t>
  </si>
  <si>
    <t>つきみ野９号公園</t>
  </si>
  <si>
    <t>神奈川県大和市つきみ野8-3</t>
  </si>
  <si>
    <t>146813</t>
  </si>
  <si>
    <t>中央５号公園</t>
  </si>
  <si>
    <t>146814</t>
  </si>
  <si>
    <t>かみの公園</t>
  </si>
  <si>
    <t>神奈川県大和市下鶴間1625番地先</t>
  </si>
  <si>
    <t>146815</t>
  </si>
  <si>
    <t>長堀公園</t>
  </si>
  <si>
    <t>神奈川県大和市下鶴間2776番地先</t>
  </si>
  <si>
    <t>146816</t>
  </si>
  <si>
    <t>宮ノ下公園</t>
  </si>
  <si>
    <t>神奈川県大和市福田8-8</t>
  </si>
  <si>
    <t>動物遊具あり</t>
    <rPh sb="0" eb="2">
      <t>ドウブツ</t>
    </rPh>
    <rPh sb="2" eb="4">
      <t>ユウグ</t>
    </rPh>
    <phoneticPr fontId="7"/>
  </si>
  <si>
    <t>146817</t>
  </si>
  <si>
    <t>神奈川県大和市柳橋3-4</t>
  </si>
  <si>
    <t>雲梯・動物遊具あり</t>
    <rPh sb="0" eb="2">
      <t>ウンテイ</t>
    </rPh>
    <rPh sb="3" eb="5">
      <t>ドウブツ</t>
    </rPh>
    <rPh sb="5" eb="7">
      <t>ユウグ</t>
    </rPh>
    <phoneticPr fontId="7"/>
  </si>
  <si>
    <t>146818</t>
  </si>
  <si>
    <t>南林間１号公園</t>
  </si>
  <si>
    <t>神奈川県大和市南林間6-6</t>
  </si>
  <si>
    <t>146819</t>
  </si>
  <si>
    <t>大和原１号公園</t>
  </si>
  <si>
    <t>神奈川県大和市下鶴間2-11</t>
  </si>
  <si>
    <t>146820</t>
  </si>
  <si>
    <t>中央林間五丁目公園</t>
  </si>
  <si>
    <t>神奈川県大和市中央林間5-13</t>
  </si>
  <si>
    <t>146821</t>
  </si>
  <si>
    <t>緑野公園</t>
  </si>
  <si>
    <t>神奈川県大和市中央林間西4-22</t>
  </si>
  <si>
    <t>146822</t>
  </si>
  <si>
    <t>南鶴間公園</t>
  </si>
  <si>
    <t>神奈川県大和市西鶴間8-4</t>
  </si>
  <si>
    <t>雲梯・クライマーあり</t>
    <rPh sb="0" eb="2">
      <t>ウンテイ</t>
    </rPh>
    <phoneticPr fontId="7"/>
  </si>
  <si>
    <t>146823</t>
  </si>
  <si>
    <t>善光明公園</t>
  </si>
  <si>
    <t>神奈川県大和市福田4-4</t>
  </si>
  <si>
    <t>146824</t>
  </si>
  <si>
    <t>西鶴間一丁目公園</t>
  </si>
  <si>
    <t>神奈川県大和市西鶴間1-24</t>
  </si>
  <si>
    <t>146825</t>
  </si>
  <si>
    <t>上草柳２号ちびっこ広場</t>
  </si>
  <si>
    <t>神奈川県大和市上草柳934地先</t>
  </si>
  <si>
    <t>146826</t>
  </si>
  <si>
    <t>かしま２号公園</t>
  </si>
  <si>
    <t>神奈川県大和市深見3207番地先</t>
  </si>
  <si>
    <t>146827</t>
  </si>
  <si>
    <t>神奈川県大和市福田6113地先</t>
  </si>
  <si>
    <t>ネットクライムあり</t>
  </si>
  <si>
    <t>146828</t>
  </si>
  <si>
    <t>新道１号公園</t>
  </si>
  <si>
    <t>神奈川県大和市上和田432番地先</t>
  </si>
  <si>
    <t>146829</t>
  </si>
  <si>
    <t>大野原公園</t>
  </si>
  <si>
    <t>神奈川県大和市上草柳7-6</t>
  </si>
  <si>
    <t>登り棒・登坂ロープあり</t>
    <rPh sb="0" eb="1">
      <t>ノボ</t>
    </rPh>
    <rPh sb="2" eb="3">
      <t>ボウ</t>
    </rPh>
    <rPh sb="4" eb="5">
      <t>ノボ</t>
    </rPh>
    <rPh sb="5" eb="6">
      <t>サカ</t>
    </rPh>
    <phoneticPr fontId="7"/>
  </si>
  <si>
    <t>146830</t>
  </si>
  <si>
    <t>上草柳ちびっこ広場</t>
  </si>
  <si>
    <t>神奈川県大和市上草柳3-4</t>
  </si>
  <si>
    <t>146831</t>
  </si>
  <si>
    <t>柿の木通り公園</t>
  </si>
  <si>
    <t>神奈川県大和市中央林間4-26</t>
  </si>
  <si>
    <t>146832</t>
  </si>
  <si>
    <t>水辺の憩いの広場</t>
  </si>
  <si>
    <t>神奈川県大和市福田999番地先</t>
  </si>
  <si>
    <t>146833</t>
  </si>
  <si>
    <t>桜ヶ丘高丘公園</t>
  </si>
  <si>
    <t>神奈川県大和市柳橋3-16</t>
  </si>
  <si>
    <t>146834</t>
  </si>
  <si>
    <t>大和南二丁目公園</t>
  </si>
  <si>
    <t>神奈川県大和市大和南2-8</t>
  </si>
  <si>
    <t>146835</t>
  </si>
  <si>
    <t>公所公園</t>
  </si>
  <si>
    <t>神奈川県大和市下鶴間26番地先</t>
  </si>
  <si>
    <t>登坂ロープあり</t>
    <rPh sb="0" eb="1">
      <t>ノボ</t>
    </rPh>
    <rPh sb="1" eb="2">
      <t>サカ</t>
    </rPh>
    <phoneticPr fontId="7"/>
  </si>
  <si>
    <t>146836</t>
  </si>
  <si>
    <t>目黒公園</t>
  </si>
  <si>
    <t>神奈川県大和市下鶴間1941番地先</t>
  </si>
  <si>
    <t>146837</t>
  </si>
  <si>
    <t>ぼ～る遊びもできる公園</t>
  </si>
  <si>
    <t>神奈川県大和市深見西4-1</t>
  </si>
  <si>
    <t>146838</t>
  </si>
  <si>
    <t>さかいばし公園</t>
  </si>
  <si>
    <t>神奈川県大和市深見3601番地先</t>
  </si>
  <si>
    <t>146839</t>
  </si>
  <si>
    <t>田中１号公園</t>
  </si>
  <si>
    <t>神奈川県大和市代官1-20</t>
  </si>
  <si>
    <t>146840</t>
  </si>
  <si>
    <t>中福田ひだまり公園</t>
  </si>
  <si>
    <t>神奈川県大和市福田666番地先</t>
  </si>
  <si>
    <t>146841</t>
  </si>
  <si>
    <t>神奈川県大和市下鶴間1828番地先</t>
  </si>
  <si>
    <t>146842</t>
  </si>
  <si>
    <t>渋谷６号公園</t>
  </si>
  <si>
    <t>146843</t>
  </si>
  <si>
    <t>つきみ野７号公園</t>
  </si>
  <si>
    <t>神奈川県大和市つきみ野8-14</t>
  </si>
  <si>
    <t>146844</t>
  </si>
  <si>
    <t>神奈川県大和市下鶴間2950番地先</t>
  </si>
  <si>
    <t>ネット・雲梯あり</t>
    <rPh sb="4" eb="6">
      <t>ウンテイ</t>
    </rPh>
    <phoneticPr fontId="7"/>
  </si>
  <si>
    <t>146845</t>
  </si>
  <si>
    <t>山王原東公園</t>
  </si>
  <si>
    <t>146846</t>
  </si>
  <si>
    <t>中央林間三丁目公園</t>
  </si>
  <si>
    <t>神奈川県大和市中央林間3-14</t>
  </si>
  <si>
    <t>146847</t>
  </si>
  <si>
    <t>山王塚公園</t>
  </si>
  <si>
    <t>神奈川県大和市深見3929番地先</t>
  </si>
  <si>
    <t>146848</t>
  </si>
  <si>
    <t>草柳３号公園</t>
  </si>
  <si>
    <t>神奈川県大和市草柳2-5</t>
  </si>
  <si>
    <t>146849</t>
  </si>
  <si>
    <t>南林間西北公園</t>
  </si>
  <si>
    <t>神奈川県大和市南林間7-8</t>
  </si>
  <si>
    <t>146850</t>
  </si>
  <si>
    <t>宮久保１号公園</t>
  </si>
  <si>
    <t>神奈川県大和市上和田1423地先</t>
  </si>
  <si>
    <t>146851</t>
  </si>
  <si>
    <t>かしま１号公園</t>
  </si>
  <si>
    <t>神奈川県大和市深見3706番地先</t>
  </si>
  <si>
    <t>146852</t>
  </si>
  <si>
    <t>神奈川県大和市福田3-15</t>
  </si>
  <si>
    <t>146853</t>
  </si>
  <si>
    <t>宇都宮記念公園仲よし広場</t>
  </si>
  <si>
    <t>神奈川県大和市中央林間西4-8</t>
  </si>
  <si>
    <t>プレイハウス・雲梯あり</t>
    <rPh sb="7" eb="9">
      <t>ウンテイ</t>
    </rPh>
    <phoneticPr fontId="7"/>
  </si>
  <si>
    <t>146854</t>
  </si>
  <si>
    <t>名和公園</t>
  </si>
  <si>
    <t>神奈川県大和市下鶴間2149番地先</t>
  </si>
  <si>
    <t>クライマー・アニマルパネル・ろくぼく・コマ渡り</t>
  </si>
  <si>
    <t>146855</t>
  </si>
  <si>
    <t>田中４号公園</t>
  </si>
  <si>
    <t>神奈川県大和市福田3619番地先</t>
  </si>
  <si>
    <t>146856</t>
  </si>
  <si>
    <t>子安１号公園</t>
  </si>
  <si>
    <t>神奈川県大和市上草柳9-3</t>
  </si>
  <si>
    <t>146857</t>
  </si>
  <si>
    <t>山王山公園</t>
  </si>
  <si>
    <t>神奈川県大和市柳橋5-5番地先</t>
  </si>
  <si>
    <t>146858</t>
  </si>
  <si>
    <t>中央五丁目公園</t>
  </si>
  <si>
    <t>神奈川県大和市中央5-7</t>
  </si>
  <si>
    <t>146859</t>
  </si>
  <si>
    <t>高木公園</t>
  </si>
  <si>
    <t>神奈川県大和市下鶴間214番地先</t>
  </si>
  <si>
    <t>146860</t>
  </si>
  <si>
    <t>大和東公園</t>
  </si>
  <si>
    <t>神奈川県大和市大和東2-4</t>
  </si>
  <si>
    <t>146861</t>
  </si>
  <si>
    <t>なぎ原２号公園</t>
  </si>
  <si>
    <t>神奈川県大和市深見西6-6</t>
  </si>
  <si>
    <t>146862</t>
  </si>
  <si>
    <t>もちのき公園</t>
  </si>
  <si>
    <t>146863</t>
  </si>
  <si>
    <t>柳橋１号公園</t>
  </si>
  <si>
    <t>神奈川県大和市柳橋2-17</t>
  </si>
  <si>
    <t>146864</t>
  </si>
  <si>
    <t>ほうえんさま公園</t>
  </si>
  <si>
    <t>神奈川県大和市下鶴間1608番地先</t>
  </si>
  <si>
    <t>146865</t>
  </si>
  <si>
    <t>宿公園</t>
  </si>
  <si>
    <t>神奈川県大和市下鶴間2280番地先</t>
  </si>
  <si>
    <t>146866</t>
  </si>
  <si>
    <t>つきみ野８号公園</t>
  </si>
  <si>
    <t>神奈川県大和市つきみ野4-4</t>
  </si>
  <si>
    <t>146867</t>
  </si>
  <si>
    <t>福田ちびっこ広場</t>
  </si>
  <si>
    <t>神奈川県大和市福田4084番地先</t>
  </si>
  <si>
    <t>146868</t>
  </si>
  <si>
    <t>子安ちびっこ広場</t>
  </si>
  <si>
    <t>146869</t>
  </si>
  <si>
    <t>上草柳四丁目公園</t>
  </si>
  <si>
    <t>神奈川県大和市上草柳4-1</t>
  </si>
  <si>
    <t>146870</t>
  </si>
  <si>
    <t>下草柳公園</t>
  </si>
  <si>
    <t>神奈川県大和市下草柳1186番地先</t>
  </si>
  <si>
    <t>登坂ロープあり</t>
    <rPh sb="0" eb="1">
      <t>ノボリ</t>
    </rPh>
    <rPh sb="1" eb="2">
      <t>サカ</t>
    </rPh>
    <phoneticPr fontId="7"/>
  </si>
  <si>
    <t>146871</t>
  </si>
  <si>
    <t>西鶴間１号公園</t>
  </si>
  <si>
    <t>神奈川県大和市西鶴間6-9</t>
  </si>
  <si>
    <t>146872</t>
  </si>
  <si>
    <t>一ノ関公園</t>
  </si>
  <si>
    <t>神奈川県大和市深見486番地先</t>
  </si>
  <si>
    <t>146873</t>
  </si>
  <si>
    <t>代官一丁目公園</t>
  </si>
  <si>
    <t>神奈川県大和市代官1-4</t>
  </si>
  <si>
    <t>146874</t>
  </si>
  <si>
    <t>神奈川県大和市柳橋3-31</t>
  </si>
  <si>
    <t>146875</t>
  </si>
  <si>
    <t>ふるみち公園</t>
  </si>
  <si>
    <t>神奈川県大和市鶴間2-15</t>
  </si>
  <si>
    <t>146876</t>
  </si>
  <si>
    <t>渋谷１号公園</t>
  </si>
  <si>
    <t>神奈川県大和市福田地内</t>
  </si>
  <si>
    <t>クライマーあり</t>
  </si>
  <si>
    <t>146877</t>
  </si>
  <si>
    <t>南林間むつみ公園</t>
  </si>
  <si>
    <t>神奈川県大和市南林間6-27</t>
  </si>
  <si>
    <t>146878</t>
  </si>
  <si>
    <t>桜ヶ丘ちびっこ広場</t>
  </si>
  <si>
    <t>神奈川県大和市上和田1733</t>
  </si>
  <si>
    <t>146879</t>
  </si>
  <si>
    <t>柳橋２号公園</t>
  </si>
  <si>
    <t>神奈川県大和市柳橋1-11</t>
  </si>
  <si>
    <t>146880</t>
  </si>
  <si>
    <t>鶴間１号公園</t>
  </si>
  <si>
    <t>神奈川県大和市鶴間1-25</t>
  </si>
  <si>
    <t>146881</t>
  </si>
  <si>
    <t>上草柳三丁目公園</t>
  </si>
  <si>
    <t>神奈川県大和市上草柳3-16</t>
  </si>
  <si>
    <t>146882</t>
  </si>
  <si>
    <t>草柳２号公園</t>
  </si>
  <si>
    <t>神奈川県大和市草柳1-11</t>
  </si>
  <si>
    <t>146883</t>
  </si>
  <si>
    <t>旭ケ丘１号公園</t>
  </si>
  <si>
    <t>神奈川県大和市渋谷1-14</t>
  </si>
  <si>
    <t>146884</t>
  </si>
  <si>
    <t>渋谷３号公園</t>
  </si>
  <si>
    <t>チャレンジロープ・雲梯・タイヤステップあり</t>
    <rPh sb="9" eb="11">
      <t>ウンテイ</t>
    </rPh>
    <phoneticPr fontId="7"/>
  </si>
  <si>
    <t>146885</t>
  </si>
  <si>
    <t>目黒台公園</t>
  </si>
  <si>
    <t>神奈川県大和市下鶴間2083番地先</t>
  </si>
  <si>
    <t>146886</t>
  </si>
  <si>
    <t>桜森ちびっこ広場</t>
  </si>
  <si>
    <t>神奈川県大和市桜森1-2</t>
  </si>
  <si>
    <t>146887</t>
  </si>
  <si>
    <t>下福田南なかよし公園</t>
  </si>
  <si>
    <t>神奈川県大和市福田1317番地先</t>
  </si>
  <si>
    <t>146888</t>
  </si>
  <si>
    <t>松の久保公園</t>
  </si>
  <si>
    <t>神奈川県大和市下鶴間5286番地先</t>
  </si>
  <si>
    <t>146889</t>
  </si>
  <si>
    <t>西鶴間二丁目公園</t>
  </si>
  <si>
    <t>神奈川県大和市西鶴間2-4</t>
  </si>
  <si>
    <t>146890</t>
  </si>
  <si>
    <t>文ヶ岡ちびっこ広場</t>
  </si>
  <si>
    <t>神奈川県大和市上草柳195番地先</t>
  </si>
  <si>
    <t>146891</t>
  </si>
  <si>
    <t>草柳１号公園</t>
  </si>
  <si>
    <t>神奈川県大和市草柳1-20</t>
  </si>
  <si>
    <t>146892</t>
  </si>
  <si>
    <t>なぎ原１号公園</t>
  </si>
  <si>
    <t>神奈川県大和市深見西8-4</t>
  </si>
  <si>
    <t>146893</t>
  </si>
  <si>
    <t>大野１号公園</t>
  </si>
  <si>
    <t>神奈川県大和市上草柳6-12</t>
  </si>
  <si>
    <t>146894</t>
  </si>
  <si>
    <t>深見台１号公園</t>
  </si>
  <si>
    <t>神奈川県大和市深見台4-1</t>
  </si>
  <si>
    <t>146895</t>
  </si>
  <si>
    <t>札の辻１号公園</t>
  </si>
  <si>
    <t>神奈川県大和市渋谷3-5</t>
  </si>
  <si>
    <t>ロッククライミングあり</t>
  </si>
  <si>
    <t>146896</t>
  </si>
  <si>
    <t>かしま３号公園</t>
  </si>
  <si>
    <t>神奈川県大和市上和田178番地先</t>
  </si>
  <si>
    <t>146897</t>
  </si>
  <si>
    <t>猪山公園</t>
  </si>
  <si>
    <t>146898</t>
  </si>
  <si>
    <t>代官二丁目公園</t>
  </si>
  <si>
    <t>神奈川県大和市代官2-3</t>
  </si>
  <si>
    <t>146899</t>
  </si>
  <si>
    <t>桜森わいわい公園</t>
  </si>
  <si>
    <t>神奈川県大和市桜森3-9</t>
  </si>
  <si>
    <t>146900</t>
  </si>
  <si>
    <t>代官四丁目公園</t>
  </si>
  <si>
    <t>146901</t>
  </si>
  <si>
    <t>渋谷４号公園</t>
  </si>
  <si>
    <t>ネットアタック・丸太ステップ・スロープ登り・クライマー・ファイアーポールあり</t>
    <rPh sb="8" eb="10">
      <t>マルタ</t>
    </rPh>
    <rPh sb="19" eb="20">
      <t>ノボ</t>
    </rPh>
    <phoneticPr fontId="7"/>
  </si>
  <si>
    <t>146902</t>
  </si>
  <si>
    <t>南林間中央公園</t>
  </si>
  <si>
    <t>神奈川県大和市南林間2-19</t>
  </si>
  <si>
    <t>ハイクライム・ウッドステーションあり</t>
  </si>
  <si>
    <t>146903</t>
  </si>
  <si>
    <t>草柳４号公園</t>
  </si>
  <si>
    <t>神奈川県大和市草柳2-12</t>
  </si>
  <si>
    <t>146904</t>
  </si>
  <si>
    <t>いちょう団地２号公園</t>
  </si>
  <si>
    <t>神奈川県大和市下和田262番地先</t>
  </si>
  <si>
    <t>タイヤ遊具・動物遊具あり</t>
    <rPh sb="3" eb="5">
      <t>ユウグ</t>
    </rPh>
    <rPh sb="6" eb="8">
      <t>ドウブツ</t>
    </rPh>
    <rPh sb="8" eb="10">
      <t>ユウグ</t>
    </rPh>
    <phoneticPr fontId="7"/>
  </si>
  <si>
    <t>146905</t>
  </si>
  <si>
    <t>西鶴間２号公園</t>
  </si>
  <si>
    <t>神奈川県大和市西鶴間2-26</t>
  </si>
  <si>
    <t>146906</t>
  </si>
  <si>
    <t>つきみ野３号公園</t>
  </si>
  <si>
    <t>神奈川県大和市つきみ野7-14</t>
  </si>
  <si>
    <t>146907</t>
  </si>
  <si>
    <t>渋谷２号公園</t>
  </si>
  <si>
    <t>146908</t>
  </si>
  <si>
    <t>柳橋３号公園</t>
  </si>
  <si>
    <t>神奈川県大和市柳橋1-18</t>
  </si>
  <si>
    <t>146909</t>
  </si>
  <si>
    <t>札の辻２号公園</t>
  </si>
  <si>
    <t>神奈川県大和市渋谷2-19</t>
  </si>
  <si>
    <t>146910</t>
  </si>
  <si>
    <t>宇都宮記念公園ひのきの散歩道</t>
  </si>
  <si>
    <t>146912</t>
  </si>
  <si>
    <t>慰霊塔公園</t>
  </si>
  <si>
    <t>神奈川県大和市西鶴間4-2</t>
  </si>
  <si>
    <t>よじ登り棒・ぶらさがり棒・雲梯あり</t>
    <rPh sb="2" eb="3">
      <t>ノボ</t>
    </rPh>
    <rPh sb="4" eb="5">
      <t>ボウ</t>
    </rPh>
    <rPh sb="11" eb="12">
      <t>ボウ</t>
    </rPh>
    <rPh sb="13" eb="15">
      <t>ウンテイ</t>
    </rPh>
    <phoneticPr fontId="7"/>
  </si>
  <si>
    <t>146913</t>
  </si>
  <si>
    <t>富士見橋公園</t>
  </si>
  <si>
    <t>神奈川県大和市福田2-33</t>
  </si>
  <si>
    <t>チェーンネットクライム・雲梯・動物遊具あり</t>
    <rPh sb="12" eb="14">
      <t>ウンテイ</t>
    </rPh>
    <rPh sb="15" eb="17">
      <t>ドウブツ</t>
    </rPh>
    <rPh sb="17" eb="19">
      <t>ユウグ</t>
    </rPh>
    <phoneticPr fontId="7"/>
  </si>
  <si>
    <t>146914</t>
  </si>
  <si>
    <t>下草柳２号ちびっこ広場</t>
  </si>
  <si>
    <t>神奈川県大和市下草柳1156番地先</t>
  </si>
  <si>
    <t>146915</t>
  </si>
  <si>
    <t>代官三丁目公園</t>
  </si>
  <si>
    <t>神奈川県大和市代官3-11</t>
  </si>
  <si>
    <t>登り棒・動物遊具あり</t>
    <rPh sb="0" eb="1">
      <t>ノボ</t>
    </rPh>
    <rPh sb="2" eb="3">
      <t>ボウ</t>
    </rPh>
    <rPh sb="4" eb="6">
      <t>ドウブツ</t>
    </rPh>
    <rPh sb="6" eb="8">
      <t>ユウグ</t>
    </rPh>
    <phoneticPr fontId="7"/>
  </si>
  <si>
    <t>146916</t>
  </si>
  <si>
    <t>山王原子供広場</t>
  </si>
  <si>
    <t>神奈川県大和市下鶴間2995番地先</t>
  </si>
  <si>
    <t>146917</t>
  </si>
  <si>
    <t>リラの丘公園</t>
  </si>
  <si>
    <t>神奈川県大和市下鶴間2777番地先</t>
  </si>
  <si>
    <t>146918</t>
  </si>
  <si>
    <t>いちょう団地１号公園</t>
  </si>
  <si>
    <t>146919</t>
  </si>
  <si>
    <t>下鶴間子どもの広場</t>
  </si>
  <si>
    <t>神奈川県大和市下鶴間1783番地先</t>
  </si>
  <si>
    <t>146920</t>
  </si>
  <si>
    <t>つきみ野２号公園</t>
  </si>
  <si>
    <t>神奈川県大和市つきみ野8-11</t>
  </si>
  <si>
    <t>146921</t>
  </si>
  <si>
    <t>草柳５号公園</t>
  </si>
  <si>
    <t>神奈川県大和市草柳3-4</t>
  </si>
  <si>
    <t>146922</t>
  </si>
  <si>
    <t>中央１号公園</t>
  </si>
  <si>
    <t>神奈川県大和市中央5-3</t>
  </si>
  <si>
    <t>146923</t>
  </si>
  <si>
    <t>つきみ野５号公園</t>
  </si>
  <si>
    <t>神奈川県大和市つきみ野1-12</t>
  </si>
  <si>
    <t>146924</t>
  </si>
  <si>
    <t>つきみ野４号公園</t>
  </si>
  <si>
    <t>神奈川県大和市つきみ野3-16</t>
  </si>
  <si>
    <t>146925</t>
  </si>
  <si>
    <t>代官中央公園</t>
  </si>
  <si>
    <t>神奈川県大和市代官2-14</t>
  </si>
  <si>
    <t>プレイステップ・雲梯・動物遊具あり</t>
    <rPh sb="8" eb="10">
      <t>ウンテイ</t>
    </rPh>
    <rPh sb="11" eb="13">
      <t>ドウブツ</t>
    </rPh>
    <rPh sb="13" eb="15">
      <t>ユウグ</t>
    </rPh>
    <phoneticPr fontId="7"/>
  </si>
  <si>
    <t>146926</t>
  </si>
  <si>
    <t>宮久保２号公園</t>
  </si>
  <si>
    <t>神奈川県大和市上和田1483</t>
  </si>
  <si>
    <t>玉乗り遊具あり</t>
    <rPh sb="0" eb="2">
      <t>タマノ</t>
    </rPh>
    <rPh sb="3" eb="5">
      <t>ユウグ</t>
    </rPh>
    <phoneticPr fontId="7"/>
  </si>
  <si>
    <t>146927</t>
  </si>
  <si>
    <t>神奈川県大和市福田6-2</t>
  </si>
  <si>
    <t>146928</t>
  </si>
  <si>
    <t>多胡記念公園</t>
  </si>
  <si>
    <t>神奈川県大和市中央林間5-17</t>
  </si>
  <si>
    <t>慈緑庵は9:00~20:30</t>
    <rPh sb="0" eb="1">
      <t>ジ</t>
    </rPh>
    <rPh sb="1" eb="2">
      <t>リョク</t>
    </rPh>
    <rPh sb="2" eb="3">
      <t>アン</t>
    </rPh>
    <phoneticPr fontId="7"/>
  </si>
  <si>
    <t>慈緑庵は毎週月曜日（月曜が祝日の場合はその翌日）及び12月29日～1月3日</t>
    <rPh sb="0" eb="1">
      <t>ジ</t>
    </rPh>
    <rPh sb="1" eb="2">
      <t>リョク</t>
    </rPh>
    <rPh sb="2" eb="3">
      <t>アン</t>
    </rPh>
    <rPh sb="4" eb="6">
      <t>マイシュウ</t>
    </rPh>
    <rPh sb="6" eb="9">
      <t>ゲツヨウビ</t>
    </rPh>
    <rPh sb="10" eb="12">
      <t>ゲツヨウ</t>
    </rPh>
    <rPh sb="13" eb="15">
      <t>シュクジツ</t>
    </rPh>
    <rPh sb="16" eb="18">
      <t>バアイ</t>
    </rPh>
    <rPh sb="21" eb="22">
      <t>ヨク</t>
    </rPh>
    <rPh sb="22" eb="23">
      <t>ヒ</t>
    </rPh>
    <rPh sb="24" eb="25">
      <t>オヨ</t>
    </rPh>
    <rPh sb="28" eb="29">
      <t>ガツ</t>
    </rPh>
    <rPh sb="31" eb="32">
      <t>ニチ</t>
    </rPh>
    <rPh sb="34" eb="35">
      <t>ガツ</t>
    </rPh>
    <rPh sb="36" eb="37">
      <t>ニチ</t>
    </rPh>
    <phoneticPr fontId="7"/>
  </si>
  <si>
    <t>http://www.city.yamato.lg.jp/web/midori/tako.html</t>
  </si>
  <si>
    <t>146929</t>
  </si>
  <si>
    <t>さくらの散歩道(内山地区)</t>
  </si>
  <si>
    <t>神奈川県大和市下鶴間1450番地先</t>
  </si>
  <si>
    <t>146930</t>
  </si>
  <si>
    <t>御嶽山公園</t>
  </si>
  <si>
    <t>神奈川県大和市福田7-38</t>
  </si>
  <si>
    <t>146931</t>
  </si>
  <si>
    <t>宇都宮記念公園みどりの森</t>
  </si>
  <si>
    <t>9:00~17:00</t>
  </si>
  <si>
    <t>毎週月・火・木・金曜日及び12月29日~1月3日（ただし祝祭日及び9月24日を除く）</t>
    <rPh sb="0" eb="2">
      <t>マイシュウ</t>
    </rPh>
    <rPh sb="2" eb="3">
      <t>ゲツ</t>
    </rPh>
    <rPh sb="4" eb="5">
      <t>カ</t>
    </rPh>
    <rPh sb="6" eb="7">
      <t>モク</t>
    </rPh>
    <rPh sb="8" eb="9">
      <t>キン</t>
    </rPh>
    <rPh sb="9" eb="11">
      <t>ヨウビ</t>
    </rPh>
    <rPh sb="11" eb="12">
      <t>オヨ</t>
    </rPh>
    <rPh sb="15" eb="16">
      <t>ガツ</t>
    </rPh>
    <rPh sb="18" eb="19">
      <t>ニチ</t>
    </rPh>
    <rPh sb="21" eb="22">
      <t>ガツ</t>
    </rPh>
    <rPh sb="23" eb="24">
      <t>ニチ</t>
    </rPh>
    <rPh sb="28" eb="31">
      <t>シュクサイジツ</t>
    </rPh>
    <rPh sb="31" eb="32">
      <t>オヨ</t>
    </rPh>
    <rPh sb="34" eb="35">
      <t>ガツ</t>
    </rPh>
    <rPh sb="37" eb="38">
      <t>ニチ</t>
    </rPh>
    <rPh sb="39" eb="40">
      <t>ノゾ</t>
    </rPh>
    <phoneticPr fontId="7"/>
  </si>
  <si>
    <t>http://www.city.yamato.lg.jp/web/midori/utunomiya.html</t>
  </si>
  <si>
    <t>146932</t>
  </si>
  <si>
    <t>さくらの散歩道(公所地区)</t>
  </si>
  <si>
    <t>神奈川県大和市下鶴間518番地先</t>
  </si>
  <si>
    <t>ネットクライム・丸太雲梯・丸太ステップあり</t>
    <rPh sb="8" eb="10">
      <t>マルタ</t>
    </rPh>
    <rPh sb="10" eb="12">
      <t>ウンテイ</t>
    </rPh>
    <rPh sb="13" eb="15">
      <t>マルタ</t>
    </rPh>
    <phoneticPr fontId="7"/>
  </si>
  <si>
    <t>146933</t>
  </si>
  <si>
    <t>ふれあいの森</t>
  </si>
  <si>
    <t>神奈川県大和市下草柳1608外</t>
  </si>
  <si>
    <t>ポール登りあり</t>
    <rPh sb="3" eb="4">
      <t>ノボ</t>
    </rPh>
    <phoneticPr fontId="7"/>
  </si>
  <si>
    <t>146934</t>
  </si>
  <si>
    <t>遊びの森</t>
  </si>
  <si>
    <t>神奈川県大和市草柳3-15外</t>
  </si>
  <si>
    <t>146935</t>
  </si>
  <si>
    <t>引地台緑地</t>
  </si>
  <si>
    <t>146936</t>
  </si>
  <si>
    <t>南庭１号公園</t>
  </si>
  <si>
    <t>神奈川県大和市福田3970番地先</t>
  </si>
  <si>
    <t>146937</t>
  </si>
  <si>
    <t>子安３号公園</t>
  </si>
  <si>
    <t>神奈川県大和市上草柳9-19</t>
  </si>
  <si>
    <t>146938</t>
  </si>
  <si>
    <t>西鶴間４号公園</t>
  </si>
  <si>
    <t>神奈川県大和市西鶴間2-25</t>
  </si>
  <si>
    <t>146939</t>
  </si>
  <si>
    <t>あきしの台公園</t>
  </si>
  <si>
    <t>神奈川県大和市福田1721番地先</t>
  </si>
  <si>
    <t>146940</t>
  </si>
  <si>
    <t>高雄公園</t>
  </si>
  <si>
    <t>神奈川県大和市柳橋3-22</t>
  </si>
  <si>
    <t>146941</t>
  </si>
  <si>
    <t>西鶴間六丁目公園</t>
  </si>
  <si>
    <t>神奈川県大和市西鶴間6-28</t>
  </si>
  <si>
    <t>146942</t>
  </si>
  <si>
    <t>つきみ野１２号公園</t>
  </si>
  <si>
    <t>神奈川県大和市つきみ野3-14</t>
  </si>
  <si>
    <t>146943</t>
  </si>
  <si>
    <t>両替山公園</t>
  </si>
  <si>
    <t>神奈川県大和市下鶴間2500番地先</t>
  </si>
  <si>
    <t>146944</t>
  </si>
  <si>
    <t>桜ヶ丘ポケットパーク</t>
  </si>
  <si>
    <t>神奈川県大和市福田2598番地先</t>
  </si>
  <si>
    <t>146945</t>
  </si>
  <si>
    <t>西鶴間五丁目公園</t>
  </si>
  <si>
    <t>神奈川県大和市西鶴間5-1</t>
  </si>
  <si>
    <t>146946</t>
  </si>
  <si>
    <t>南林間六丁目公園</t>
  </si>
  <si>
    <t>神奈川県大和市南林間6-1</t>
  </si>
  <si>
    <t>146947</t>
  </si>
  <si>
    <t>桜森いこい公園</t>
  </si>
  <si>
    <t>神奈川県大和市桜森2-20</t>
  </si>
  <si>
    <t>146948</t>
  </si>
  <si>
    <t>光ヶ丘ポケットパーク</t>
  </si>
  <si>
    <t>神奈川県大和市深見3842番地先</t>
  </si>
  <si>
    <t>146949</t>
  </si>
  <si>
    <t>南林間児童遊園</t>
  </si>
  <si>
    <t>神奈川県大和市南林間3-10</t>
  </si>
  <si>
    <t>146950</t>
  </si>
  <si>
    <t>南林間２号児童遊園</t>
  </si>
  <si>
    <t>神奈川県大和市南林間6-8</t>
  </si>
  <si>
    <t>146951</t>
  </si>
  <si>
    <t>鶴間２号児童遊園</t>
  </si>
  <si>
    <t>神奈川県大和市鶴間2-10</t>
  </si>
  <si>
    <t>146952</t>
  </si>
  <si>
    <t>西鶴間六丁目１号児童遊園</t>
  </si>
  <si>
    <t>神奈川県大和市西鶴間6-23</t>
  </si>
  <si>
    <t>146953</t>
  </si>
  <si>
    <t>上草柳七丁目児童遊園</t>
  </si>
  <si>
    <t>神奈川県大和市上草柳7-10</t>
  </si>
  <si>
    <t>146954</t>
  </si>
  <si>
    <t>西鶴間四丁目児童遊園</t>
  </si>
  <si>
    <t>神奈川県大和市西鶴間4-9</t>
  </si>
  <si>
    <t>146955</t>
  </si>
  <si>
    <t>西鶴間七丁目児童遊園</t>
  </si>
  <si>
    <t>神奈川県大和市西鶴間7-7</t>
  </si>
  <si>
    <t>146956</t>
  </si>
  <si>
    <t>南林間六丁目児童遊園</t>
  </si>
  <si>
    <t>神奈川県大和市南林間6-17</t>
  </si>
  <si>
    <t>146957</t>
  </si>
  <si>
    <t>西鶴間六丁目２号児童遊園</t>
  </si>
  <si>
    <t>神奈川県大和市西鶴間6-24</t>
  </si>
  <si>
    <t>146999</t>
  </si>
  <si>
    <t>やまと公園</t>
  </si>
  <si>
    <t>神奈川県大和市中央1-500-1</t>
  </si>
  <si>
    <t>147000</t>
  </si>
  <si>
    <t>福田１号公園</t>
  </si>
  <si>
    <t>147002</t>
  </si>
  <si>
    <t>さくらの散歩道(つきみ野地区)</t>
    <rPh sb="12" eb="14">
      <t>チク</t>
    </rPh>
    <phoneticPr fontId="7"/>
  </si>
  <si>
    <t>神奈川県大和市つきみ野7-7</t>
  </si>
  <si>
    <t>平均台・雲梯あり</t>
    <rPh sb="0" eb="3">
      <t>ヘイキンダイ</t>
    </rPh>
    <rPh sb="4" eb="6">
      <t>ウンテイ</t>
    </rPh>
    <phoneticPr fontId="7"/>
  </si>
  <si>
    <t>147003</t>
  </si>
  <si>
    <t>つきみ野１号公園</t>
  </si>
  <si>
    <t>神奈川県大和市つきみ野5-5</t>
  </si>
  <si>
    <t>147004</t>
  </si>
  <si>
    <t>宮久保公園</t>
  </si>
  <si>
    <t>神奈川県大和市上和田2152-1</t>
  </si>
  <si>
    <t>スポーツ広場9:00~17:00、野球場7:00~17:00</t>
    <rPh sb="4" eb="6">
      <t>ヒロバ</t>
    </rPh>
    <rPh sb="17" eb="20">
      <t>ヤキュウジョウ</t>
    </rPh>
    <phoneticPr fontId="7"/>
  </si>
  <si>
    <t>147007</t>
  </si>
  <si>
    <t>引地台公園</t>
  </si>
  <si>
    <t>神奈川県大和市柳橋5000</t>
  </si>
  <si>
    <t>温水プールは10:00~20:00(7月20日~8月31日は9:30~20:00)、野球場は9:00~21:00、野外音楽堂9:00~17:00</t>
    <rPh sb="0" eb="2">
      <t>オンスイ</t>
    </rPh>
    <rPh sb="19" eb="20">
      <t>ガツ</t>
    </rPh>
    <rPh sb="22" eb="23">
      <t>ニチ</t>
    </rPh>
    <rPh sb="25" eb="26">
      <t>ガツ</t>
    </rPh>
    <rPh sb="28" eb="29">
      <t>ニチ</t>
    </rPh>
    <rPh sb="42" eb="45">
      <t>ヤキュウジョウ</t>
    </rPh>
    <rPh sb="57" eb="59">
      <t>ヤガイ</t>
    </rPh>
    <rPh sb="59" eb="62">
      <t>オンガクドウ</t>
    </rPh>
    <phoneticPr fontId="7"/>
  </si>
  <si>
    <t>温水プールは月曜日（月曜が祝日の場合はその翌日）及び12月29日～1月3日（ただし7月20日～8月31日は月曜日も開園）、野球場・野外音楽堂は月曜日及び12月29日～1月3日</t>
    <rPh sb="0" eb="2">
      <t>オンスイ</t>
    </rPh>
    <rPh sb="6" eb="9">
      <t>ゲツヨウビ</t>
    </rPh>
    <rPh sb="10" eb="12">
      <t>ゲツヨウ</t>
    </rPh>
    <rPh sb="13" eb="15">
      <t>シュクジツ</t>
    </rPh>
    <rPh sb="16" eb="18">
      <t>バアイ</t>
    </rPh>
    <rPh sb="21" eb="23">
      <t>ヨクジツ</t>
    </rPh>
    <rPh sb="24" eb="25">
      <t>オヨ</t>
    </rPh>
    <rPh sb="28" eb="29">
      <t>ガツ</t>
    </rPh>
    <rPh sb="31" eb="32">
      <t>ニチ</t>
    </rPh>
    <rPh sb="34" eb="35">
      <t>ガツ</t>
    </rPh>
    <rPh sb="36" eb="37">
      <t>ニチ</t>
    </rPh>
    <rPh sb="42" eb="43">
      <t>ガツ</t>
    </rPh>
    <rPh sb="45" eb="46">
      <t>ニチ</t>
    </rPh>
    <rPh sb="48" eb="49">
      <t>ガツ</t>
    </rPh>
    <rPh sb="51" eb="52">
      <t>ニチ</t>
    </rPh>
    <rPh sb="53" eb="56">
      <t>ゲツヨウビ</t>
    </rPh>
    <rPh sb="57" eb="59">
      <t>カイエン</t>
    </rPh>
    <rPh sb="61" eb="64">
      <t>ヤキュウジョウ</t>
    </rPh>
    <rPh sb="65" eb="67">
      <t>ヤガイ</t>
    </rPh>
    <rPh sb="67" eb="70">
      <t>オンガクドウ</t>
    </rPh>
    <rPh sb="71" eb="73">
      <t>ゲツヨウ</t>
    </rPh>
    <rPh sb="73" eb="74">
      <t>ニチ</t>
    </rPh>
    <rPh sb="74" eb="75">
      <t>オヨ</t>
    </rPh>
    <rPh sb="78" eb="79">
      <t>ガツ</t>
    </rPh>
    <rPh sb="81" eb="82">
      <t>ニチ</t>
    </rPh>
    <rPh sb="84" eb="85">
      <t>ガツ</t>
    </rPh>
    <rPh sb="86" eb="87">
      <t>ニチ</t>
    </rPh>
    <phoneticPr fontId="7"/>
  </si>
  <si>
    <t>http://www.city.yamato.lg.jp/web/midori/hikitidai.html</t>
  </si>
  <si>
    <t>平均台・雲梯・平行棒・プレイハウス・プレイサークルあり</t>
    <rPh sb="0" eb="3">
      <t>ヘイキンダイ</t>
    </rPh>
    <rPh sb="4" eb="6">
      <t>ウンテイ</t>
    </rPh>
    <rPh sb="7" eb="10">
      <t>ヘイコウボウ</t>
    </rPh>
    <phoneticPr fontId="7"/>
  </si>
  <si>
    <t>147008</t>
  </si>
  <si>
    <t>大和ゆとりの森</t>
  </si>
  <si>
    <t>神奈川県大和市福田4112</t>
  </si>
  <si>
    <t>9:00~21:00</t>
  </si>
  <si>
    <t>クライム遊具あり</t>
    <rPh sb="4" eb="6">
      <t>ユウグ</t>
    </rPh>
    <phoneticPr fontId="7"/>
  </si>
  <si>
    <t>157009</t>
  </si>
  <si>
    <t>神奈川県伊勢原市伊勢原2-205-3</t>
  </si>
  <si>
    <t>157010</t>
  </si>
  <si>
    <t>一之崎公園</t>
  </si>
  <si>
    <t>神奈川県伊勢原市高森836-9</t>
  </si>
  <si>
    <t>157011</t>
  </si>
  <si>
    <t>細屋公園</t>
  </si>
  <si>
    <t>神奈川県伊勢原市石田730-8</t>
  </si>
  <si>
    <t>157012</t>
  </si>
  <si>
    <t>弥杉公園</t>
  </si>
  <si>
    <t>神奈川県伊勢原市下糟屋49-9</t>
  </si>
  <si>
    <t>157013</t>
  </si>
  <si>
    <t>椿山公園</t>
  </si>
  <si>
    <t>神奈川県伊勢原市池端236-6</t>
  </si>
  <si>
    <t>157014</t>
  </si>
  <si>
    <t>神奈川県伊勢原市板戸857-5</t>
  </si>
  <si>
    <t>157015</t>
  </si>
  <si>
    <t>布袋久保公園</t>
  </si>
  <si>
    <t>神奈川県伊勢原市岡崎6706-35</t>
  </si>
  <si>
    <t>157017</t>
  </si>
  <si>
    <t>引地西公園</t>
  </si>
  <si>
    <t>神奈川県伊勢原市石田913-3</t>
  </si>
  <si>
    <t>157018</t>
  </si>
  <si>
    <t>引地東公園</t>
  </si>
  <si>
    <t>神奈川県伊勢原市石田919-3</t>
  </si>
  <si>
    <t>157019</t>
  </si>
  <si>
    <t>宮ノ越東公園</t>
  </si>
  <si>
    <t>神奈川県伊勢原市高森1281-2</t>
  </si>
  <si>
    <t>157020</t>
  </si>
  <si>
    <t>ふじみ平公園</t>
  </si>
  <si>
    <t>神奈川県伊勢原市下谷85-7</t>
  </si>
  <si>
    <t>157021</t>
  </si>
  <si>
    <t>板戸宮ノ前公園</t>
  </si>
  <si>
    <t>神奈川県伊勢原市板戸527-15</t>
  </si>
  <si>
    <t>157022</t>
  </si>
  <si>
    <t>木の元公園</t>
  </si>
  <si>
    <t>神奈川県伊勢原市串橋75-14</t>
  </si>
  <si>
    <t>157023</t>
  </si>
  <si>
    <t>八幡台西公園</t>
  </si>
  <si>
    <t>神奈川県伊勢原市岡崎6764-142</t>
  </si>
  <si>
    <t>157024</t>
  </si>
  <si>
    <t>しみずや公園</t>
  </si>
  <si>
    <t>神奈川県伊勢原市沼目1-595-14</t>
  </si>
  <si>
    <t>157025</t>
  </si>
  <si>
    <t>和玉公園</t>
  </si>
  <si>
    <t>神奈川県伊勢原市小稲葉1080-14</t>
  </si>
  <si>
    <t>157027</t>
  </si>
  <si>
    <t>片町公園</t>
  </si>
  <si>
    <t>神奈川県伊勢原市板戸427-19</t>
  </si>
  <si>
    <t>157028</t>
  </si>
  <si>
    <t>養福寺公園</t>
  </si>
  <si>
    <t>神奈川県伊勢原市神戸654-3</t>
  </si>
  <si>
    <t>157029</t>
  </si>
  <si>
    <t>八雲殿公園</t>
  </si>
  <si>
    <t>神奈川県伊勢原市板戸669-15</t>
  </si>
  <si>
    <t>157030</t>
  </si>
  <si>
    <t>外堀公園</t>
  </si>
  <si>
    <t>神奈川県伊勢原市石田741-7</t>
  </si>
  <si>
    <t>157031</t>
  </si>
  <si>
    <t>塚本公園</t>
  </si>
  <si>
    <t>神奈川県伊勢原市石田1475-2</t>
  </si>
  <si>
    <t>157032</t>
  </si>
  <si>
    <t>源太夫公園</t>
  </si>
  <si>
    <t>神奈川県伊勢原市石田631-4</t>
  </si>
  <si>
    <t>157033</t>
  </si>
  <si>
    <t>白根中央公園</t>
  </si>
  <si>
    <t>神奈川県伊勢原市白根367-1</t>
  </si>
  <si>
    <t>157034</t>
  </si>
  <si>
    <t>寺久保公園</t>
  </si>
  <si>
    <t>神奈川県伊勢原市桜台2-307-7</t>
  </si>
  <si>
    <t>157035</t>
  </si>
  <si>
    <t>宮ノ越公園</t>
  </si>
  <si>
    <t>神奈川県伊勢原市高森1320-40</t>
  </si>
  <si>
    <t>157036</t>
  </si>
  <si>
    <t>八幡谷戸東公園</t>
  </si>
  <si>
    <t>神奈川県伊勢原市東大竹651-37</t>
  </si>
  <si>
    <t>157037</t>
  </si>
  <si>
    <t>関台南公園</t>
  </si>
  <si>
    <t>神奈川県伊勢原市板戸917-14</t>
  </si>
  <si>
    <t>157038</t>
  </si>
  <si>
    <t>扇田東公園</t>
  </si>
  <si>
    <t>神奈川県伊勢原市石田1188-13</t>
  </si>
  <si>
    <t>157039</t>
  </si>
  <si>
    <t>神奈川県伊勢原市石田875-11</t>
  </si>
  <si>
    <t>157040</t>
  </si>
  <si>
    <t>精進場公園</t>
  </si>
  <si>
    <t>神奈川県伊勢原市板戸354-9</t>
  </si>
  <si>
    <t>157041</t>
  </si>
  <si>
    <t>堂面第一公園</t>
  </si>
  <si>
    <t>神奈川県伊勢原市東大竹53-95</t>
  </si>
  <si>
    <t>157042</t>
  </si>
  <si>
    <t>西の前南公園</t>
  </si>
  <si>
    <t>神奈川県伊勢原市石田864</t>
  </si>
  <si>
    <t>157043</t>
  </si>
  <si>
    <t>西富岡八幡谷戸公園</t>
  </si>
  <si>
    <t>神奈川県伊勢原市西富岡1251-1</t>
  </si>
  <si>
    <t>157044</t>
  </si>
  <si>
    <t>尾折越南公園</t>
  </si>
  <si>
    <t>神奈川県伊勢原市高森1450-116</t>
  </si>
  <si>
    <t>157045</t>
  </si>
  <si>
    <t>尾折越北公園</t>
  </si>
  <si>
    <t>神奈川県伊勢原市高森1450-76</t>
  </si>
  <si>
    <t>157046</t>
  </si>
  <si>
    <t>上町並公園</t>
  </si>
  <si>
    <t>神奈川県伊勢原市下糟屋2254-1</t>
  </si>
  <si>
    <t>157047</t>
  </si>
  <si>
    <t>天王原北公園</t>
  </si>
  <si>
    <t>神奈川県伊勢原市沼目2-91-6</t>
  </si>
  <si>
    <t>157048</t>
  </si>
  <si>
    <t>四角山公園</t>
  </si>
  <si>
    <t>神奈川県伊勢原市高森台2-1-9</t>
  </si>
  <si>
    <t>157049</t>
  </si>
  <si>
    <t>竹通公園</t>
  </si>
  <si>
    <t>神奈川県伊勢原市下落合606</t>
  </si>
  <si>
    <t>157050</t>
  </si>
  <si>
    <t>久保公園</t>
  </si>
  <si>
    <t>神奈川県伊勢原市池端416-8</t>
  </si>
  <si>
    <t>157051</t>
  </si>
  <si>
    <t>八丈広場</t>
  </si>
  <si>
    <t>神奈川県伊勢原市高森1-99</t>
  </si>
  <si>
    <t>157052</t>
  </si>
  <si>
    <t>神奈川県伊勢原市笠窪450-15</t>
  </si>
  <si>
    <t>157053</t>
  </si>
  <si>
    <t>神奈川県伊勢原市高森2-1795-18</t>
  </si>
  <si>
    <t>157054</t>
  </si>
  <si>
    <t>大塚戸北公園</t>
  </si>
  <si>
    <t>神奈川県伊勢原市板戸812-1</t>
  </si>
  <si>
    <t>157055</t>
  </si>
  <si>
    <t>神奈川県伊勢原市高森2-228-50</t>
  </si>
  <si>
    <t>157056</t>
  </si>
  <si>
    <t>井目公園</t>
  </si>
  <si>
    <t>神奈川県伊勢原市沼目4-1029-32</t>
  </si>
  <si>
    <t>157057</t>
  </si>
  <si>
    <t>神奈川県伊勢原市桜台1-513-1</t>
  </si>
  <si>
    <t>157058</t>
  </si>
  <si>
    <t>金山公園</t>
  </si>
  <si>
    <t>神奈川県伊勢原市伊勢原1-111</t>
  </si>
  <si>
    <t>157059</t>
  </si>
  <si>
    <t>西の前第一公園</t>
  </si>
  <si>
    <t>神奈川県伊勢原市石田878-3</t>
  </si>
  <si>
    <t>157060</t>
  </si>
  <si>
    <t>神奈川県伊勢原市八幡台1-4-2</t>
  </si>
  <si>
    <t>157061</t>
  </si>
  <si>
    <t>神奈川県伊勢原市東大竹53-103</t>
  </si>
  <si>
    <t>157062</t>
  </si>
  <si>
    <t>つきみ野公園</t>
  </si>
  <si>
    <t>神奈川県伊勢原市沼目3-880-25</t>
  </si>
  <si>
    <t>157063</t>
  </si>
  <si>
    <t>割地公園</t>
  </si>
  <si>
    <t>神奈川県伊勢原市高森1159-1</t>
  </si>
  <si>
    <t>157064</t>
  </si>
  <si>
    <t>榎戸南公園</t>
  </si>
  <si>
    <t>神奈川県伊勢原市坪ノ内33-1</t>
  </si>
  <si>
    <t>157065</t>
  </si>
  <si>
    <t>下落合公園</t>
  </si>
  <si>
    <t>神奈川県伊勢原市下落合425</t>
  </si>
  <si>
    <t>157066</t>
  </si>
  <si>
    <t>熊ノ堂公園</t>
  </si>
  <si>
    <t>神奈川県伊勢原市沼目4-225-4</t>
  </si>
  <si>
    <t>157067</t>
  </si>
  <si>
    <t>桜道公園</t>
  </si>
  <si>
    <t>神奈川県伊勢原市伊勢原3-7</t>
  </si>
  <si>
    <t>157068</t>
  </si>
  <si>
    <t>神奈川県伊勢原市高森3-1880-8</t>
  </si>
  <si>
    <t>157069</t>
  </si>
  <si>
    <t>大塚戸東公園</t>
  </si>
  <si>
    <t>神奈川県伊勢原市板戸831-3</t>
  </si>
  <si>
    <t>157070</t>
  </si>
  <si>
    <t>にしこうち公園</t>
  </si>
  <si>
    <t>神奈川県伊勢原市串橋345</t>
  </si>
  <si>
    <t>157071</t>
  </si>
  <si>
    <t>神奈川県伊勢原市高森6-4</t>
  </si>
  <si>
    <t>157072</t>
  </si>
  <si>
    <t>神奈川県伊勢原市八幡台2-12</t>
  </si>
  <si>
    <t>157073</t>
  </si>
  <si>
    <t>貝ヶ窪公園</t>
  </si>
  <si>
    <t>神奈川県伊勢原市坪ノ内242-1</t>
  </si>
  <si>
    <t>157074</t>
  </si>
  <si>
    <t>みやのね公園</t>
  </si>
  <si>
    <t>神奈川県伊勢原市串橋272</t>
  </si>
  <si>
    <t>157075</t>
  </si>
  <si>
    <t>神奈川県伊勢原市下落合614-1</t>
  </si>
  <si>
    <t>157076</t>
  </si>
  <si>
    <t>神奈川県伊勢原市高森4-645-772</t>
  </si>
  <si>
    <t>157077</t>
  </si>
  <si>
    <t>すみだ公園</t>
  </si>
  <si>
    <t>神奈川県伊勢原市高森7-4</t>
  </si>
  <si>
    <t>157078</t>
  </si>
  <si>
    <t>ハイウェイパークいせはら</t>
  </si>
  <si>
    <t>神奈川県伊勢原市神戸</t>
  </si>
  <si>
    <t>157079</t>
  </si>
  <si>
    <t>八幡台公園</t>
  </si>
  <si>
    <t>神奈川県伊勢原市八幡台1-11-1</t>
  </si>
  <si>
    <t>157080</t>
  </si>
  <si>
    <t>坂東公園</t>
  </si>
  <si>
    <t>神奈川県伊勢原市大住台2-7</t>
  </si>
  <si>
    <t>157081</t>
  </si>
  <si>
    <t>白金公園</t>
  </si>
  <si>
    <t>神奈川県伊勢原市下糟屋3110</t>
  </si>
  <si>
    <t>157082</t>
  </si>
  <si>
    <t>歌川公園</t>
  </si>
  <si>
    <t>神奈川県伊勢原市歌川3-5-1</t>
  </si>
  <si>
    <t>157083</t>
  </si>
  <si>
    <t>永窪公園</t>
  </si>
  <si>
    <t>神奈川県伊勢原市高森3-645-623</t>
  </si>
  <si>
    <t>157084</t>
  </si>
  <si>
    <t>神奈川県伊勢原市東富岡998-5</t>
  </si>
  <si>
    <t>157085</t>
  </si>
  <si>
    <t>谷戸岡公園</t>
  </si>
  <si>
    <t>神奈川県伊勢原市大住台1-1-1</t>
  </si>
  <si>
    <t>157086</t>
  </si>
  <si>
    <t>神奈川県伊勢原市鈴川8</t>
  </si>
  <si>
    <t>157087</t>
  </si>
  <si>
    <t>稲荷久保北公園</t>
  </si>
  <si>
    <t>神奈川県伊勢原市東大竹712-3</t>
  </si>
  <si>
    <t>157088</t>
  </si>
  <si>
    <t>丸山城址公園</t>
  </si>
  <si>
    <t>神奈川県伊勢原市下糟屋2168-2</t>
  </si>
  <si>
    <t>157090</t>
  </si>
  <si>
    <t>チャンピオンすずかわパーク</t>
  </si>
  <si>
    <t>神奈川県伊勢原市鈴川33</t>
  </si>
  <si>
    <t>157091</t>
  </si>
  <si>
    <t>久保東公園</t>
  </si>
  <si>
    <t>神奈川県伊勢原市池端401-1</t>
  </si>
  <si>
    <t>157092</t>
  </si>
  <si>
    <t>毘沙門池公園</t>
  </si>
  <si>
    <t>神奈川県伊勢原市板戸28-2</t>
  </si>
  <si>
    <t>157093</t>
  </si>
  <si>
    <t>片町精進場けやき公園</t>
  </si>
  <si>
    <t>神奈川県伊勢原市板戸473</t>
  </si>
  <si>
    <t>157094</t>
  </si>
  <si>
    <t>押堀北公園</t>
  </si>
  <si>
    <t>神奈川県伊勢原市板戸684-4</t>
  </si>
  <si>
    <t>157095</t>
  </si>
  <si>
    <t>関台公園</t>
  </si>
  <si>
    <t>神奈川県伊勢原市板戸875-9</t>
  </si>
  <si>
    <t>157096</t>
  </si>
  <si>
    <t>布袋久保北公園</t>
  </si>
  <si>
    <t>神奈川県伊勢原市岡崎6764-116</t>
  </si>
  <si>
    <t>157097</t>
  </si>
  <si>
    <t>御嶽南公園</t>
  </si>
  <si>
    <t>神奈川県伊勢原市岡崎6859-12</t>
  </si>
  <si>
    <t>157098</t>
  </si>
  <si>
    <t>御嶽北公園</t>
  </si>
  <si>
    <t>神奈川県伊勢原市岡崎6864-22</t>
  </si>
  <si>
    <t>157099</t>
  </si>
  <si>
    <t>神奈川県伊勢原市岡崎6891-10</t>
  </si>
  <si>
    <t>157100</t>
  </si>
  <si>
    <t>神奈川県伊勢原市岡崎6939-11</t>
  </si>
  <si>
    <t>157101</t>
  </si>
  <si>
    <t>観音堂東公園</t>
  </si>
  <si>
    <t>神奈川県伊勢原市桜台1-576-18</t>
  </si>
  <si>
    <t>157102</t>
  </si>
  <si>
    <t>観音堂西公園</t>
  </si>
  <si>
    <t>神奈川県伊勢原市桜台1-618-19</t>
  </si>
  <si>
    <t>157103</t>
  </si>
  <si>
    <t>諏訪面公園</t>
  </si>
  <si>
    <t>神奈川県伊勢原市桜台2-3-3</t>
  </si>
  <si>
    <t>157104</t>
  </si>
  <si>
    <t>上坂谷公園</t>
  </si>
  <si>
    <t>神奈川県伊勢原市桜台3-1787-2</t>
  </si>
  <si>
    <t>157105</t>
  </si>
  <si>
    <t>原之宿公園</t>
  </si>
  <si>
    <t>神奈川県伊勢原市桜台3-6-1</t>
  </si>
  <si>
    <t>157106</t>
  </si>
  <si>
    <t>神奈川県伊勢原市桜台4-1937-1</t>
  </si>
  <si>
    <t>157107</t>
  </si>
  <si>
    <t>観音堂ちびっこ緑地</t>
  </si>
  <si>
    <t>神奈川県伊勢原市桜台4-593-1</t>
  </si>
  <si>
    <t>157108</t>
  </si>
  <si>
    <t>観音堂公園</t>
  </si>
  <si>
    <t>神奈川県伊勢原市桜台4-601-3</t>
  </si>
  <si>
    <t>157109</t>
  </si>
  <si>
    <t>上平間台北公園</t>
  </si>
  <si>
    <t>神奈川県伊勢原市桜台5-1860-2</t>
  </si>
  <si>
    <t>157110</t>
  </si>
  <si>
    <t>上平間台南公園</t>
  </si>
  <si>
    <t>神奈川県伊勢原市桜台5-20-17</t>
  </si>
  <si>
    <t>157111</t>
  </si>
  <si>
    <t>クツガタ緑地</t>
  </si>
  <si>
    <t>神奈川県伊勢原市田中254-4</t>
  </si>
  <si>
    <t>157112</t>
  </si>
  <si>
    <t>八幡谷戸公園</t>
  </si>
  <si>
    <t>神奈川県伊勢原市八幡台1-135</t>
  </si>
  <si>
    <t>157113</t>
  </si>
  <si>
    <t>神奈川県伊勢原市東大竹1146-8</t>
  </si>
  <si>
    <t>157114</t>
  </si>
  <si>
    <t>稲荷久保公園</t>
  </si>
  <si>
    <t>神奈川県伊勢原市東大竹736-1</t>
  </si>
  <si>
    <t>157115</t>
  </si>
  <si>
    <t>粕上原公園</t>
  </si>
  <si>
    <t>神奈川県伊勢原市東大竹956-12</t>
  </si>
  <si>
    <t>157116</t>
  </si>
  <si>
    <t>椿台公園</t>
  </si>
  <si>
    <t>神奈川県伊勢原市東大竹986-24</t>
  </si>
  <si>
    <t>157117</t>
  </si>
  <si>
    <t>串橋公園</t>
  </si>
  <si>
    <t>神奈川県伊勢原市串橋133-3</t>
  </si>
  <si>
    <t>157118</t>
  </si>
  <si>
    <t>後原公園</t>
  </si>
  <si>
    <t>神奈川県伊勢原市串橋141-2</t>
  </si>
  <si>
    <t>157119</t>
  </si>
  <si>
    <t>宮ノ根西公園</t>
  </si>
  <si>
    <t>神奈川県伊勢原市串橋278-20</t>
  </si>
  <si>
    <t>157120</t>
  </si>
  <si>
    <t>神奈川県伊勢原市白根630-3</t>
  </si>
  <si>
    <t>157121</t>
  </si>
  <si>
    <t>押堀公園</t>
  </si>
  <si>
    <t>神奈川県伊勢原市鈴川11</t>
  </si>
  <si>
    <t>157122</t>
  </si>
  <si>
    <t>神奈川県伊勢原市坪ノ内1058</t>
  </si>
  <si>
    <t>157123</t>
  </si>
  <si>
    <t>北ノ根公園</t>
  </si>
  <si>
    <t>神奈川県伊勢原市下糟屋3107</t>
  </si>
  <si>
    <t>157124</t>
  </si>
  <si>
    <t>番場公園</t>
  </si>
  <si>
    <t>神奈川県伊勢原市高森1-100</t>
  </si>
  <si>
    <t>157125</t>
  </si>
  <si>
    <t>緑ヶ丘公園</t>
  </si>
  <si>
    <t>神奈川県伊勢原市高森144-2</t>
  </si>
  <si>
    <t>157126</t>
  </si>
  <si>
    <t>蔵ノ下公園</t>
  </si>
  <si>
    <t>神奈川県伊勢原市高森2-1807-3</t>
  </si>
  <si>
    <t>157127</t>
  </si>
  <si>
    <t>横手原公園</t>
  </si>
  <si>
    <t>神奈川県伊勢原市高森台1-50-45</t>
  </si>
  <si>
    <t>157128</t>
  </si>
  <si>
    <t>笠張公園</t>
  </si>
  <si>
    <t>神奈川県伊勢原市高森台2-410-40</t>
  </si>
  <si>
    <t>157129</t>
  </si>
  <si>
    <t>鳴瀬公園</t>
  </si>
  <si>
    <t>神奈川県伊勢原市高森台3-309-61</t>
  </si>
  <si>
    <t>157130</t>
  </si>
  <si>
    <t>西屋公園</t>
  </si>
  <si>
    <t>神奈川県伊勢原市小稲葉193-4</t>
  </si>
  <si>
    <t>157131</t>
  </si>
  <si>
    <t>宮ノ町公園</t>
  </si>
  <si>
    <t>神奈川県伊勢原市小稲葉2228-22</t>
  </si>
  <si>
    <t>157132</t>
  </si>
  <si>
    <t>神奈川県伊勢原市小稲葉1280-4</t>
  </si>
  <si>
    <t>157133</t>
  </si>
  <si>
    <t>中西公園</t>
  </si>
  <si>
    <t>神奈川県伊勢原市下谷1391</t>
  </si>
  <si>
    <t>157134</t>
  </si>
  <si>
    <t>天王原公園</t>
  </si>
  <si>
    <t>神奈川県伊勢原市沼目2-611</t>
  </si>
  <si>
    <t>157135</t>
  </si>
  <si>
    <t>俵久保第二公園</t>
  </si>
  <si>
    <t>神奈川県伊勢原市沼目2-640-3</t>
  </si>
  <si>
    <t>157136</t>
  </si>
  <si>
    <t>俵久保第一公園</t>
  </si>
  <si>
    <t>神奈川県伊勢原市沼目2-700-26</t>
  </si>
  <si>
    <t>157137</t>
  </si>
  <si>
    <t>天王原南公園</t>
  </si>
  <si>
    <t>神奈川県伊勢原市沼目2-71-5</t>
  </si>
  <si>
    <t>157138</t>
  </si>
  <si>
    <t>日月公園</t>
  </si>
  <si>
    <t>神奈川県伊勢原市沼目2-742</t>
  </si>
  <si>
    <t>157139</t>
  </si>
  <si>
    <t>清水谷東公園</t>
  </si>
  <si>
    <t>神奈川県伊勢原市沼目3-500-14</t>
  </si>
  <si>
    <t>157140</t>
  </si>
  <si>
    <t>柿久保公園</t>
  </si>
  <si>
    <t>神奈川県伊勢原市沼目5-1141-40</t>
  </si>
  <si>
    <t>157141</t>
  </si>
  <si>
    <t>堤公園</t>
  </si>
  <si>
    <t>神奈川県伊勢原市沼目6-1238-3</t>
  </si>
  <si>
    <t>157142</t>
  </si>
  <si>
    <t>三本松公園</t>
  </si>
  <si>
    <t>神奈川県伊勢原市上粕屋217-10</t>
  </si>
  <si>
    <t>157143</t>
  </si>
  <si>
    <t>神奈川県伊勢原市上粕屋247-4</t>
  </si>
  <si>
    <t>157144</t>
  </si>
  <si>
    <t>宝泉寺公園</t>
  </si>
  <si>
    <t>神奈川県伊勢原市上粕屋294-17</t>
  </si>
  <si>
    <t>157145</t>
  </si>
  <si>
    <t>足立岡公園</t>
  </si>
  <si>
    <t>神奈川県伊勢原市上粕屋379-3</t>
  </si>
  <si>
    <t>157146</t>
  </si>
  <si>
    <t>峰岸南公園</t>
  </si>
  <si>
    <t>神奈川県伊勢原市上粕屋400-10</t>
  </si>
  <si>
    <t>157147</t>
  </si>
  <si>
    <t>峰岸北公園</t>
  </si>
  <si>
    <t>神奈川県伊勢原市上粕屋400-11</t>
  </si>
  <si>
    <t>157148</t>
  </si>
  <si>
    <t>峯岸公園</t>
  </si>
  <si>
    <t>神奈川県伊勢原市上粕屋489-16</t>
  </si>
  <si>
    <t>157149</t>
  </si>
  <si>
    <t>峯岸ふれあい公園</t>
  </si>
  <si>
    <t>神奈川県伊勢原市上粕屋590-1</t>
  </si>
  <si>
    <t>157150</t>
  </si>
  <si>
    <t>西富岡八幡谷戸北公園</t>
  </si>
  <si>
    <t>神奈川県伊勢原市西富岡1258-35</t>
  </si>
  <si>
    <t>157151</t>
  </si>
  <si>
    <t>下藤野公園</t>
  </si>
  <si>
    <t>神奈川県伊勢原市日向1117</t>
  </si>
  <si>
    <t>157152</t>
  </si>
  <si>
    <t>下ノ原公園</t>
  </si>
  <si>
    <t>神奈川県伊勢原市日向390-64</t>
  </si>
  <si>
    <t>157153</t>
  </si>
  <si>
    <t>神奈川県伊勢原市東成瀬1</t>
  </si>
  <si>
    <t>157154</t>
  </si>
  <si>
    <t>千津ふれあい公園</t>
  </si>
  <si>
    <t>神奈川県伊勢原市東大竹2-1-1</t>
  </si>
  <si>
    <t>157156</t>
  </si>
  <si>
    <t>市民の森ふじやま公園</t>
  </si>
  <si>
    <t>神奈川県伊勢原市東富岡134</t>
  </si>
  <si>
    <t>157157</t>
  </si>
  <si>
    <t>総合運動公園</t>
  </si>
  <si>
    <t>神奈川県伊勢原市西富岡320</t>
  </si>
  <si>
    <t>167159</t>
  </si>
  <si>
    <t>まちかど公園(イチゴ)</t>
  </si>
  <si>
    <t>神奈川県海老名市中央2-86-1</t>
  </si>
  <si>
    <t>167160</t>
  </si>
  <si>
    <t>本郷第一緑地</t>
  </si>
  <si>
    <t>神奈川県海老名市本郷442-1</t>
  </si>
  <si>
    <t>常時</t>
  </si>
  <si>
    <t>167161</t>
  </si>
  <si>
    <t>星谷児童公園</t>
  </si>
  <si>
    <t>神奈川県海老名市上今泉1-6-45</t>
  </si>
  <si>
    <t>置物</t>
  </si>
  <si>
    <t>167163</t>
  </si>
  <si>
    <t>国分第二公園</t>
  </si>
  <si>
    <t>神奈川県海老名市国分北1-3029</t>
  </si>
  <si>
    <t>167164</t>
  </si>
  <si>
    <t>柏ケ谷長ヲサ児童公園</t>
  </si>
  <si>
    <t>神奈川県海老名市柏ケ谷967-12</t>
  </si>
  <si>
    <t>167165</t>
  </si>
  <si>
    <t>望地道上公園</t>
  </si>
  <si>
    <t>神奈川県海老名市望地2-341-3</t>
  </si>
  <si>
    <t>167166</t>
  </si>
  <si>
    <t>国分寺台第二児童公園</t>
  </si>
  <si>
    <t>神奈川県海老名市国分寺台2-5417-48</t>
  </si>
  <si>
    <t>167167</t>
  </si>
  <si>
    <t>中新田丸田公園</t>
  </si>
  <si>
    <t>神奈川県海老名市中新田2-217</t>
  </si>
  <si>
    <t>167168</t>
  </si>
  <si>
    <t>国分第一児童公園</t>
  </si>
  <si>
    <t>神奈川県海老名市国分北3-3360-1</t>
  </si>
  <si>
    <t>167169</t>
  </si>
  <si>
    <t>国分八景公園</t>
  </si>
  <si>
    <t>神奈川県海老名市国分南3-1173-1</t>
  </si>
  <si>
    <t>167170</t>
  </si>
  <si>
    <t>社家小町児童公園</t>
  </si>
  <si>
    <t>167171</t>
  </si>
  <si>
    <t>神奈川県海老名市上今泉6-174-7</t>
  </si>
  <si>
    <t>167172</t>
  </si>
  <si>
    <t>国分第四緑地(井上自然緑地公園)</t>
  </si>
  <si>
    <t>神奈川県海老名市国分北4-4007-3</t>
  </si>
  <si>
    <t>167173</t>
  </si>
  <si>
    <t>望地道下公園</t>
  </si>
  <si>
    <t>神奈川県海老名市望地1-177-31</t>
  </si>
  <si>
    <t>167174</t>
  </si>
  <si>
    <t>神奈川県海老名市門沢橋5-2282-3</t>
  </si>
  <si>
    <t>167175</t>
  </si>
  <si>
    <t>神奈川県海老名市中新田4-1117-33</t>
  </si>
  <si>
    <t>167176</t>
  </si>
  <si>
    <t>今福薬医門公園</t>
  </si>
  <si>
    <t>神奈川県海老名市中新田1-1495-5</t>
  </si>
  <si>
    <t>167177</t>
  </si>
  <si>
    <t>上今泉第一児童公園</t>
  </si>
  <si>
    <t>神奈川県海老名市上今泉5-8-1</t>
  </si>
  <si>
    <t>ステップ</t>
  </si>
  <si>
    <t>167178</t>
  </si>
  <si>
    <t>かしわ台児童公園</t>
  </si>
  <si>
    <t>神奈川県海老名市柏ケ谷703-1</t>
  </si>
  <si>
    <t>167179</t>
  </si>
  <si>
    <t>門沢橋第一児童公園</t>
  </si>
  <si>
    <t>神奈川県海老名市門沢橋2-2138-1</t>
  </si>
  <si>
    <t>プレイベンチ</t>
  </si>
  <si>
    <t>167180</t>
  </si>
  <si>
    <t>大島記念公園</t>
  </si>
  <si>
    <t>神奈川県海老名市中新田1-1529-3</t>
  </si>
  <si>
    <t>167181</t>
  </si>
  <si>
    <t>上今泉神後谷児童公園</t>
  </si>
  <si>
    <t>神奈川県海老名市上今泉5-39-1</t>
  </si>
  <si>
    <t>167182</t>
  </si>
  <si>
    <t>下今泉第二公園</t>
  </si>
  <si>
    <t>神奈川県海老名市下今泉1-1119-100</t>
  </si>
  <si>
    <t>167183</t>
  </si>
  <si>
    <t>さつき町第二公園(メロン)</t>
  </si>
  <si>
    <t>神奈川県海老名市さつき町4-1</t>
  </si>
  <si>
    <t>167184</t>
  </si>
  <si>
    <t>上今泉第三児童公園</t>
  </si>
  <si>
    <t>神奈川県海老名市上今泉5-28-1</t>
  </si>
  <si>
    <t>167185</t>
  </si>
  <si>
    <t>国分第三公園</t>
  </si>
  <si>
    <t>神奈川県海老名市国分南2-1634-19</t>
  </si>
  <si>
    <t>167186</t>
  </si>
  <si>
    <t>杉久保第二児童公園</t>
  </si>
  <si>
    <t>神奈川県海老名市杉久保南1-248-1</t>
  </si>
  <si>
    <t>167187</t>
  </si>
  <si>
    <t>国分第二緑地</t>
  </si>
  <si>
    <t>神奈川県海老名市国分北3-3649-313</t>
  </si>
  <si>
    <t>167188</t>
  </si>
  <si>
    <t>河原口御手作公園</t>
  </si>
  <si>
    <t>神奈川県海老名市河原口4-878-6</t>
  </si>
  <si>
    <t>167189</t>
  </si>
  <si>
    <t>上郷第一児童公園</t>
  </si>
  <si>
    <t>167190</t>
  </si>
  <si>
    <t>柏ケ谷第三公園</t>
  </si>
  <si>
    <t>神奈川県海老名市東柏ケ谷5-1380-4</t>
  </si>
  <si>
    <t>167191</t>
  </si>
  <si>
    <t>国分第一緑地</t>
  </si>
  <si>
    <t>神奈川県海老名市国分北3-3649-294</t>
  </si>
  <si>
    <t>167192</t>
  </si>
  <si>
    <t>けやき通り公園</t>
  </si>
  <si>
    <t>神奈川県海老名市杉久保北4-1733-8</t>
  </si>
  <si>
    <t>167193</t>
  </si>
  <si>
    <t>杉久保自然緑地</t>
  </si>
  <si>
    <t>神奈川県海老名市杉久保北3-1589</t>
  </si>
  <si>
    <t>167194</t>
  </si>
  <si>
    <t>国分寺台第一児童公園</t>
  </si>
  <si>
    <t>神奈川県海老名市国分寺台1-4124-148</t>
  </si>
  <si>
    <t>167195</t>
  </si>
  <si>
    <t>神奈川県海老名市上今泉1-3920-2</t>
  </si>
  <si>
    <t>167196</t>
  </si>
  <si>
    <t>河原口第一公園</t>
  </si>
  <si>
    <t>神奈川県海老名市河原口4-1091-10</t>
  </si>
  <si>
    <t>167197</t>
  </si>
  <si>
    <t>上今泉自然公園</t>
  </si>
  <si>
    <t>神奈川県海老名市上今泉4-809-1</t>
  </si>
  <si>
    <t>167198</t>
  </si>
  <si>
    <t>さつき町第一児童公園</t>
  </si>
  <si>
    <t>神奈川県海老名市さつき町9-2</t>
  </si>
  <si>
    <t>167199</t>
  </si>
  <si>
    <t>大谷第一児童公園</t>
  </si>
  <si>
    <t>神奈川県海老名市大谷北1-40-3</t>
  </si>
  <si>
    <t>167200</t>
  </si>
  <si>
    <t>下今泉第一児童公園</t>
  </si>
  <si>
    <t>神奈川県海老名市下今泉2-588-14</t>
  </si>
  <si>
    <t>167201</t>
  </si>
  <si>
    <t>柏ケ谷産川台児童公園</t>
  </si>
  <si>
    <t>神奈川県海老名市柏ケ谷700</t>
  </si>
  <si>
    <t>167202</t>
  </si>
  <si>
    <t>浜田歴史公園</t>
  </si>
  <si>
    <t>神奈川県海老名市浜田町5-13</t>
  </si>
  <si>
    <t>167203</t>
  </si>
  <si>
    <t>国分寺台第三児童公園</t>
  </si>
  <si>
    <t>神奈川県海老名市国分寺台3-5345-63</t>
  </si>
  <si>
    <t>167204</t>
  </si>
  <si>
    <t>上今泉第二児童公園</t>
  </si>
  <si>
    <t>神奈川県海老名市上今泉5-19-27</t>
  </si>
  <si>
    <t>167205</t>
  </si>
  <si>
    <t>国分寺台第四児童公園</t>
  </si>
  <si>
    <t>神奈川県海老名市国分寺台4-5137-235</t>
  </si>
  <si>
    <t>167206</t>
  </si>
  <si>
    <t>浜田三塚公園</t>
  </si>
  <si>
    <t>神奈川県海老名市浜田町1-1</t>
  </si>
  <si>
    <t>167207</t>
  </si>
  <si>
    <t>国分緑地公園(わんぱく公園)</t>
  </si>
  <si>
    <t>神奈川県海老名市国分北4-4060-5</t>
  </si>
  <si>
    <t>167208</t>
  </si>
  <si>
    <t>国分第三緑地(佐藤自然緑地公園)</t>
  </si>
  <si>
    <t>神奈川県海老名市国分北4-4007-1</t>
  </si>
  <si>
    <t>167209</t>
  </si>
  <si>
    <t>亀島自然公園</t>
  </si>
  <si>
    <t>神奈川県海老名市上今泉6-164</t>
  </si>
  <si>
    <t>167210</t>
  </si>
  <si>
    <t>国分寺台緑道</t>
  </si>
  <si>
    <t>神奈川県海老名市国分寺台3-5137-8</t>
  </si>
  <si>
    <t>167211</t>
  </si>
  <si>
    <t>ひさご塚公園</t>
  </si>
  <si>
    <t>神奈川県海老名市国分南3-1055</t>
  </si>
  <si>
    <t>167212</t>
  </si>
  <si>
    <t>神奈川県海老名市柏ケ谷600-1</t>
  </si>
  <si>
    <t>パネルトンネル</t>
  </si>
  <si>
    <t>167213</t>
  </si>
  <si>
    <t>国分尼寺公園</t>
  </si>
  <si>
    <t>神奈川県海老名市国分北1-437-4</t>
  </si>
  <si>
    <t>167214</t>
  </si>
  <si>
    <t>神奈川県海老名市今里3-143-2</t>
  </si>
  <si>
    <t>167215</t>
  </si>
  <si>
    <t>緑地やすらぎ公園</t>
  </si>
  <si>
    <t>神奈川県海老名市国分北3-4074-17</t>
  </si>
  <si>
    <t>167216</t>
  </si>
  <si>
    <t>杉久保第一児童公園</t>
  </si>
  <si>
    <t>神奈川県海老名市杉久保南2-1880</t>
  </si>
  <si>
    <t>167217</t>
  </si>
  <si>
    <t>海老名中央公園</t>
  </si>
  <si>
    <t>神奈川県海老名市中央1-291-3</t>
  </si>
  <si>
    <t>167218</t>
  </si>
  <si>
    <t>杉久保富谷児童公園</t>
  </si>
  <si>
    <t>神奈川県海老名市杉久保北4-1711-1</t>
  </si>
  <si>
    <t>167231</t>
  </si>
  <si>
    <t>柏ケ谷第一児童公園</t>
  </si>
  <si>
    <t>神奈川県海老名市東柏ケ谷2-1678-5</t>
  </si>
  <si>
    <t>167233</t>
  </si>
  <si>
    <t>河原口相沢公園</t>
  </si>
  <si>
    <t>神奈川県海老名市河原口1385-1</t>
  </si>
  <si>
    <t>167234</t>
  </si>
  <si>
    <t>河原口第二公園</t>
  </si>
  <si>
    <t>神奈川県海老名市河原口5-1060-2</t>
  </si>
  <si>
    <t>167235</t>
  </si>
  <si>
    <t>中野公園</t>
  </si>
  <si>
    <t>神奈川県海老名市中野1-2314-2</t>
  </si>
  <si>
    <t>167236</t>
  </si>
  <si>
    <t>国分第五緑地</t>
  </si>
  <si>
    <t>神奈川県海老名市国分北4-4005-1</t>
  </si>
  <si>
    <t>167237</t>
  </si>
  <si>
    <t>横須賀水道路緑道</t>
  </si>
  <si>
    <t>神奈川県海老名市中新田758-2</t>
  </si>
  <si>
    <t>167328</t>
  </si>
  <si>
    <t>清水寺公園</t>
  </si>
  <si>
    <t>神奈川県海老名市国分北2-3336-1</t>
  </si>
  <si>
    <t>置物、ラダー、タイヤ遊具</t>
  </si>
  <si>
    <t>167329</t>
  </si>
  <si>
    <t>上今泉秋葉台自然緑地</t>
  </si>
  <si>
    <t>神奈川県海老名市上今泉4-757-8</t>
  </si>
  <si>
    <t>167330</t>
  </si>
  <si>
    <t>伊勢山自然公園</t>
  </si>
  <si>
    <t>神奈川県海老名市国分南2-1718-4</t>
  </si>
  <si>
    <t>167331</t>
  </si>
  <si>
    <t>東柏ケ谷近隣公園</t>
  </si>
  <si>
    <t>神奈川県海老名市東柏ケ谷1-1766-3</t>
  </si>
  <si>
    <t>167332</t>
  </si>
  <si>
    <t>大谷近隣公園</t>
  </si>
  <si>
    <t>神奈川県海老名市大谷南4-3285-1</t>
  </si>
  <si>
    <t>167333</t>
  </si>
  <si>
    <t>北部公園</t>
  </si>
  <si>
    <t>神奈川県海老名市上今泉6-340-1</t>
  </si>
  <si>
    <t>167335</t>
  </si>
  <si>
    <t>海老名運動公園</t>
  </si>
  <si>
    <t>神奈川県海老名市社家4032-1</t>
  </si>
  <si>
    <t>めぐみの小路</t>
  </si>
  <si>
    <t>神奈川県海老名市扇町125</t>
  </si>
  <si>
    <t>177336</t>
  </si>
  <si>
    <t>相武台けやき公園</t>
  </si>
  <si>
    <t>神奈川県座間市相武台2-268-7</t>
  </si>
  <si>
    <t>177337</t>
  </si>
  <si>
    <t>天台第２公園</t>
  </si>
  <si>
    <t>177338</t>
  </si>
  <si>
    <t>桜田公園</t>
  </si>
  <si>
    <t>177339</t>
  </si>
  <si>
    <t>緑ケ丘第１公園</t>
  </si>
  <si>
    <t>177340</t>
  </si>
  <si>
    <t>グリーンタウン第１公園</t>
  </si>
  <si>
    <t>神奈川県座間市栗原中央1-2152-15</t>
  </si>
  <si>
    <t>177341</t>
  </si>
  <si>
    <t>新羽根沢公園</t>
  </si>
  <si>
    <t>177342</t>
  </si>
  <si>
    <t>大門公園</t>
  </si>
  <si>
    <t>177343</t>
  </si>
  <si>
    <t>入谷上谷戸公園</t>
  </si>
  <si>
    <t>177344</t>
  </si>
  <si>
    <t>広野緑地公園</t>
  </si>
  <si>
    <t>神奈川県座間市相模が丘1-109</t>
  </si>
  <si>
    <t>177345</t>
  </si>
  <si>
    <t>明王第１公園</t>
  </si>
  <si>
    <t>神奈川県座間市明王7-1</t>
  </si>
  <si>
    <t>177346</t>
  </si>
  <si>
    <t>天台第１公園</t>
  </si>
  <si>
    <t>177347</t>
  </si>
  <si>
    <t>星の谷公園</t>
  </si>
  <si>
    <t>177348</t>
  </si>
  <si>
    <t>グリーンタウン第２公園</t>
  </si>
  <si>
    <t>神奈川県座間市栗原中央2-4674-6</t>
  </si>
  <si>
    <t>177349</t>
  </si>
  <si>
    <t>相模が丘第２公園</t>
  </si>
  <si>
    <t>神奈川県座間市相模が丘6-1069</t>
  </si>
  <si>
    <t>177350</t>
  </si>
  <si>
    <t>立野台東公園</t>
  </si>
  <si>
    <t>神奈川県座間市立野台2-103</t>
  </si>
  <si>
    <t>177351</t>
  </si>
  <si>
    <t>東原第４公園</t>
  </si>
  <si>
    <t>神奈川県座間市東原5-35-5347-7</t>
  </si>
  <si>
    <t>177352</t>
  </si>
  <si>
    <t>東原第２公園</t>
  </si>
  <si>
    <t>神奈川県座間市東原4-5413-1</t>
  </si>
  <si>
    <t>177353</t>
  </si>
  <si>
    <t>東原第３公園</t>
  </si>
  <si>
    <t>神奈川県座間市東原4-5318-1</t>
  </si>
  <si>
    <t>177354</t>
  </si>
  <si>
    <t>東原第１公園</t>
  </si>
  <si>
    <t>神奈川県座間市東原5-777-7</t>
  </si>
  <si>
    <t>177355</t>
  </si>
  <si>
    <t>相模が丘第１公園</t>
  </si>
  <si>
    <t>神奈川県座間市相模が丘1-258-2</t>
  </si>
  <si>
    <t>177356</t>
  </si>
  <si>
    <t>ひばりが丘第４公園</t>
  </si>
  <si>
    <t>神奈川県座間市ひばりが丘3-620-7</t>
  </si>
  <si>
    <t>177357</t>
  </si>
  <si>
    <t>坂道公園</t>
  </si>
  <si>
    <t>神奈川県座間市相武台1-4988-1</t>
  </si>
  <si>
    <t>177358</t>
  </si>
  <si>
    <t>緑ケ丘第２公園</t>
  </si>
  <si>
    <t>177359</t>
  </si>
  <si>
    <t>ひばりが丘第２公園</t>
  </si>
  <si>
    <t>神奈川県座間市ひばりが丘2-744-13</t>
  </si>
  <si>
    <t>177360</t>
  </si>
  <si>
    <t>小松原新開公園</t>
  </si>
  <si>
    <t>神奈川県座間市小松原2-5298-2</t>
  </si>
  <si>
    <t>177361</t>
  </si>
  <si>
    <t>明王第２公園</t>
  </si>
  <si>
    <t>神奈川県座間市明王20-1</t>
  </si>
  <si>
    <t>177362</t>
  </si>
  <si>
    <t>ひばりが丘第３公園</t>
  </si>
  <si>
    <t>神奈川県座間市ひばりが丘3-620-6</t>
  </si>
  <si>
    <t>177363</t>
  </si>
  <si>
    <t>緑ケ丘第３公園</t>
  </si>
  <si>
    <t>177364</t>
  </si>
  <si>
    <t>ひばりが丘公園</t>
  </si>
  <si>
    <t>神奈川県座間市ひばりが丘1-5517-1</t>
  </si>
  <si>
    <t>177365</t>
  </si>
  <si>
    <t>入谷くつがた公園</t>
  </si>
  <si>
    <t>177366</t>
  </si>
  <si>
    <t>打越ふれあい公園</t>
  </si>
  <si>
    <t>177367</t>
  </si>
  <si>
    <t>東原さくら公園</t>
  </si>
  <si>
    <t>神奈川県座間市東原5-5505-4</t>
  </si>
  <si>
    <t>177368</t>
  </si>
  <si>
    <t>遺跡公園</t>
  </si>
  <si>
    <t>177369</t>
  </si>
  <si>
    <t>立野台公園</t>
  </si>
  <si>
    <t>神奈川県座間市立野台3-385</t>
  </si>
  <si>
    <t>177388</t>
  </si>
  <si>
    <t>にこにこ公園</t>
  </si>
  <si>
    <t>神奈川県座間市相模が丘4-1115-1</t>
  </si>
  <si>
    <t>177390</t>
  </si>
  <si>
    <t>大坂台公園</t>
  </si>
  <si>
    <t>神奈川県座間市相武台1-4399-5</t>
  </si>
  <si>
    <t>177391</t>
  </si>
  <si>
    <t>座間公園</t>
  </si>
  <si>
    <t>神奈川県座間市座間3671</t>
  </si>
  <si>
    <t>177392</t>
  </si>
  <si>
    <t>富士山公園</t>
  </si>
  <si>
    <t>神奈川県座間市座間3734</t>
  </si>
  <si>
    <t>177393</t>
  </si>
  <si>
    <t>かにが沢公園</t>
  </si>
  <si>
    <t>177394</t>
  </si>
  <si>
    <t>芹沢公園</t>
  </si>
  <si>
    <t>神奈川県座間市栗原2593-1</t>
  </si>
  <si>
    <t>187396</t>
  </si>
  <si>
    <t>南足柄市</t>
    <phoneticPr fontId="7"/>
  </si>
  <si>
    <t>御堂坂公園</t>
  </si>
  <si>
    <t>神奈川県南足柄市岩原675-28</t>
  </si>
  <si>
    <t>187397</t>
  </si>
  <si>
    <t>神奈川県南足柄市向田620-1</t>
  </si>
  <si>
    <t>187398</t>
  </si>
  <si>
    <t>神奈川県南足柄市塚原761</t>
  </si>
  <si>
    <t>http://www.city.minamiashigara.kanagawa.jp/kurashi/manabi/park/nakamaru_kouen.html</t>
    <phoneticPr fontId="7"/>
  </si>
  <si>
    <t>187399</t>
  </si>
  <si>
    <t>南耕地公園</t>
  </si>
  <si>
    <t>神奈川県南足柄市関本657-15</t>
  </si>
  <si>
    <t>187400</t>
  </si>
  <si>
    <t>グリーンヒル第3号公園</t>
  </si>
  <si>
    <t>神奈川県南足柄市塚原4919-35</t>
  </si>
  <si>
    <t>187401</t>
  </si>
  <si>
    <t>グリーンヒル第8号公園</t>
  </si>
  <si>
    <t>神奈川県南足柄市塚原4869-172</t>
  </si>
  <si>
    <t>187402</t>
  </si>
  <si>
    <t>ぶんざわ公園</t>
  </si>
  <si>
    <t>神奈川県南足柄市沼田4</t>
  </si>
  <si>
    <t>187403</t>
  </si>
  <si>
    <t>駒形富士見公園</t>
  </si>
  <si>
    <t>神奈川県南足柄市駒形新宿31-2</t>
  </si>
  <si>
    <t>187404</t>
  </si>
  <si>
    <t>グリーンヒル第10号公園</t>
  </si>
  <si>
    <t>神奈川県南足柄市塚原4869-161</t>
  </si>
  <si>
    <t>187405</t>
  </si>
  <si>
    <t>グリーンヒル第11号公園</t>
  </si>
  <si>
    <t>神奈川県南足柄市塚原4828-60</t>
  </si>
  <si>
    <t>187406</t>
  </si>
  <si>
    <t>グリーンヒル第2号公園</t>
  </si>
  <si>
    <t>神奈川県南足柄市塚原4536-146</t>
  </si>
  <si>
    <t>187407</t>
  </si>
  <si>
    <t>グリーンヒル第6号公園</t>
  </si>
  <si>
    <t>神奈川県南足柄市塚原4638-29</t>
  </si>
  <si>
    <t>187408</t>
  </si>
  <si>
    <t>グリーンヒル第4号公園</t>
  </si>
  <si>
    <t>神奈川県南足柄市塚原4627-59</t>
  </si>
  <si>
    <t>187409</t>
  </si>
  <si>
    <t>福泉公園</t>
  </si>
  <si>
    <t>神奈川県南足柄市福泉5-8</t>
  </si>
  <si>
    <t>http://www.city.minamiashigara.kanagawa.jp/kurashi/manabi/park/fukusen_kouen.html</t>
    <phoneticPr fontId="7"/>
  </si>
  <si>
    <t>187410</t>
  </si>
  <si>
    <t>しもわだちびっこ公園</t>
  </si>
  <si>
    <t>神奈川県南足柄市和田河原15</t>
  </si>
  <si>
    <t>http://www.city.minamiashigara.kanagawa.jp/kurashi/manabi/park/shimowada_kouen.html</t>
    <phoneticPr fontId="7"/>
  </si>
  <si>
    <t>187411</t>
  </si>
  <si>
    <t>グリーンヒル第1号公園</t>
  </si>
  <si>
    <t>神奈川県南足柄市塚原4536-63</t>
  </si>
  <si>
    <t>187412</t>
  </si>
  <si>
    <t>岩原公園</t>
  </si>
  <si>
    <t>神奈川県南足柄市岩原166-1</t>
  </si>
  <si>
    <t>http://www.city.minamiashigara.kanagawa.jp/kurashi/manabi/park/iwahara_kouen.html</t>
    <phoneticPr fontId="7"/>
  </si>
  <si>
    <t>187413</t>
  </si>
  <si>
    <t>グリーンヒル第7号公園</t>
  </si>
  <si>
    <t>神奈川県南足柄市塚原4524-1</t>
  </si>
  <si>
    <t>187414</t>
  </si>
  <si>
    <t>グリーンヒル第5号公園</t>
  </si>
  <si>
    <t>神奈川県南足柄市塚原4807-9</t>
  </si>
  <si>
    <t>187415</t>
  </si>
  <si>
    <t>八幡平公園</t>
  </si>
  <si>
    <t>神奈川県南足柄市怒田315-1</t>
  </si>
  <si>
    <t>187416</t>
  </si>
  <si>
    <t>神奈川県南足柄市狩野304-1</t>
  </si>
  <si>
    <t>187417</t>
  </si>
  <si>
    <t>グリーンヒル第9号公園</t>
  </si>
  <si>
    <t>神奈川県南足柄市塚原4919-38</t>
  </si>
  <si>
    <t>187418</t>
  </si>
  <si>
    <t>関本公園</t>
  </si>
  <si>
    <t>神奈川県南足柄市関本249-1</t>
  </si>
  <si>
    <t>http://www.city.minamiashigara.kanagawa.jp/kurashi/manabi/park/sekimoto_kouen.html</t>
    <phoneticPr fontId="7"/>
  </si>
  <si>
    <t>テニスコートの利用は、別途申し込みが必要です。</t>
    <rPh sb="7" eb="9">
      <t>リヨウ</t>
    </rPh>
    <rPh sb="11" eb="13">
      <t>ベット</t>
    </rPh>
    <rPh sb="13" eb="14">
      <t>モウ</t>
    </rPh>
    <rPh sb="15" eb="16">
      <t>コ</t>
    </rPh>
    <rPh sb="18" eb="20">
      <t>ヒツヨウ</t>
    </rPh>
    <phoneticPr fontId="7"/>
  </si>
  <si>
    <t>187419</t>
  </si>
  <si>
    <t>要定川ふれあい公園</t>
  </si>
  <si>
    <t>神奈川県南足柄市和田河原1251</t>
  </si>
  <si>
    <t>187420</t>
  </si>
  <si>
    <t>範茂史跡公園</t>
  </si>
  <si>
    <t>神奈川県南足柄市怒田125-1</t>
  </si>
  <si>
    <t>http://www.city.minamiashigara.kanagawa.jp/kurashi/manabi/park/norishigeshiseki_kouen.html</t>
    <phoneticPr fontId="7"/>
  </si>
  <si>
    <t>187421</t>
  </si>
  <si>
    <t>南足柄市運動公園</t>
  </si>
  <si>
    <t>神奈川県南足柄市怒田1734</t>
  </si>
  <si>
    <t>http://www.city.minamiashigara.kanagawa.jp/kurashi/manabi/shisetsu/undou_kouen.html</t>
  </si>
  <si>
    <t>187422</t>
    <phoneticPr fontId="7"/>
  </si>
  <si>
    <t>グリーンヒル第12号公園</t>
    <phoneticPr fontId="7"/>
  </si>
  <si>
    <t>神奈川県南足柄市塚原4828-95</t>
  </si>
  <si>
    <t>187423</t>
    <phoneticPr fontId="7"/>
  </si>
  <si>
    <t>福沢なごみ公園</t>
    <rPh sb="0" eb="2">
      <t>フクザワ</t>
    </rPh>
    <rPh sb="5" eb="7">
      <t>コウエン</t>
    </rPh>
    <phoneticPr fontId="7"/>
  </si>
  <si>
    <t>神奈川県南足柄市壗下1004</t>
  </si>
  <si>
    <t>197422</t>
  </si>
  <si>
    <t>綾瀬市</t>
    <phoneticPr fontId="7"/>
  </si>
  <si>
    <t>深谷南第１公園</t>
  </si>
  <si>
    <t>197423</t>
  </si>
  <si>
    <t>中原第２公園</t>
  </si>
  <si>
    <t>197424</t>
  </si>
  <si>
    <t>綾西第５公園</t>
  </si>
  <si>
    <t>197425</t>
  </si>
  <si>
    <t>鶴ケ台緑地</t>
  </si>
  <si>
    <t>197426</t>
  </si>
  <si>
    <t>南原公園</t>
  </si>
  <si>
    <t>197427</t>
  </si>
  <si>
    <t>寺尾西第２公園</t>
  </si>
  <si>
    <t>197428</t>
  </si>
  <si>
    <t>林第２公園</t>
  </si>
  <si>
    <t>197429</t>
  </si>
  <si>
    <t>林第１公園</t>
  </si>
  <si>
    <t>197430</t>
  </si>
  <si>
    <t>釜田住宅内公園</t>
  </si>
  <si>
    <t>197431</t>
  </si>
  <si>
    <t>青空公園</t>
  </si>
  <si>
    <t>197432</t>
  </si>
  <si>
    <t>寺尾北第２公園</t>
  </si>
  <si>
    <t>197433</t>
  </si>
  <si>
    <t>蓼川中公園</t>
  </si>
  <si>
    <t>197434</t>
  </si>
  <si>
    <t>桃並公園</t>
  </si>
  <si>
    <t>197435</t>
  </si>
  <si>
    <t>小園台第２公園</t>
  </si>
  <si>
    <t>197436</t>
  </si>
  <si>
    <t>寺尾西公園</t>
  </si>
  <si>
    <t>197437</t>
  </si>
  <si>
    <t>釜田第４公園</t>
  </si>
  <si>
    <t>197438</t>
  </si>
  <si>
    <t>松山西公園</t>
  </si>
  <si>
    <t>197439</t>
  </si>
  <si>
    <t>釜田第５公園</t>
  </si>
  <si>
    <t>197440</t>
  </si>
  <si>
    <t>比留川第１公園</t>
  </si>
  <si>
    <t>197441</t>
  </si>
  <si>
    <t>取内東公園</t>
  </si>
  <si>
    <t>197442</t>
  </si>
  <si>
    <t>本町ふれあい公園</t>
  </si>
  <si>
    <t>197443</t>
  </si>
  <si>
    <t>子ノ神第２公園</t>
  </si>
  <si>
    <t>197444</t>
  </si>
  <si>
    <t>釜田第３公園</t>
  </si>
  <si>
    <t>197445</t>
  </si>
  <si>
    <t>北公園</t>
  </si>
  <si>
    <t>197446</t>
  </si>
  <si>
    <t>久保田児童公園</t>
  </si>
  <si>
    <t>197447</t>
  </si>
  <si>
    <t>197448</t>
  </si>
  <si>
    <t>天神森緑地</t>
  </si>
  <si>
    <t>197449</t>
  </si>
  <si>
    <t>落合東公園</t>
  </si>
  <si>
    <t>197450</t>
  </si>
  <si>
    <t>197451</t>
  </si>
  <si>
    <t>松山北公園</t>
  </si>
  <si>
    <t>197452</t>
  </si>
  <si>
    <t>比留川第４公園</t>
  </si>
  <si>
    <t>197453</t>
  </si>
  <si>
    <t>峰山公園</t>
  </si>
  <si>
    <t>197454</t>
  </si>
  <si>
    <t>根恩馬公園</t>
  </si>
  <si>
    <t>197455</t>
  </si>
  <si>
    <t>観音台スポーツ公園</t>
  </si>
  <si>
    <t>197456</t>
  </si>
  <si>
    <t>釜田第１公園</t>
  </si>
  <si>
    <t>197457</t>
  </si>
  <si>
    <t>水之頭公園</t>
  </si>
  <si>
    <t>197458</t>
  </si>
  <si>
    <t>197459</t>
  </si>
  <si>
    <t>綾北公園</t>
  </si>
  <si>
    <t>197460</t>
  </si>
  <si>
    <t>寺尾北公園</t>
  </si>
  <si>
    <t>197461</t>
  </si>
  <si>
    <t>鶴ケ台公園</t>
  </si>
  <si>
    <t>197462</t>
  </si>
  <si>
    <t>深谷中央４号緑地</t>
  </si>
  <si>
    <t>197463</t>
  </si>
  <si>
    <t>やぶね地域公園</t>
  </si>
  <si>
    <t>197464</t>
  </si>
  <si>
    <t>197465</t>
  </si>
  <si>
    <t>松山公園</t>
  </si>
  <si>
    <t>197466</t>
  </si>
  <si>
    <t>松山南公園</t>
  </si>
  <si>
    <t>197467</t>
  </si>
  <si>
    <t>小園台第１公園</t>
  </si>
  <si>
    <t>197468</t>
  </si>
  <si>
    <t>釜田第２公園</t>
  </si>
  <si>
    <t>197469</t>
  </si>
  <si>
    <t>堀之内公園</t>
  </si>
  <si>
    <t>197470</t>
  </si>
  <si>
    <t>鶴島の森</t>
  </si>
  <si>
    <t>197471</t>
  </si>
  <si>
    <t>197472</t>
  </si>
  <si>
    <t>比留川第２公園</t>
  </si>
  <si>
    <t>197473</t>
  </si>
  <si>
    <t>なかよし広場</t>
  </si>
  <si>
    <t>197474</t>
  </si>
  <si>
    <t>197475</t>
  </si>
  <si>
    <t>寺尾台公園</t>
  </si>
  <si>
    <t>197476</t>
  </si>
  <si>
    <t>不聞山ちびっこ広場</t>
  </si>
  <si>
    <t>197477</t>
  </si>
  <si>
    <t>吉岡東公園</t>
  </si>
  <si>
    <t>197478</t>
  </si>
  <si>
    <t>小園西公園</t>
  </si>
  <si>
    <t>197479</t>
  </si>
  <si>
    <t>蓼川公園</t>
  </si>
  <si>
    <t>197480</t>
  </si>
  <si>
    <t>小園広場</t>
  </si>
  <si>
    <t>197481</t>
  </si>
  <si>
    <t>197482</t>
  </si>
  <si>
    <t>不聞山公園</t>
  </si>
  <si>
    <t>197483</t>
  </si>
  <si>
    <t>寺尾本町公園</t>
  </si>
  <si>
    <t>197484</t>
  </si>
  <si>
    <t>長坂上西公園</t>
  </si>
  <si>
    <t>197485</t>
  </si>
  <si>
    <t>天台公園</t>
  </si>
  <si>
    <t>197486</t>
  </si>
  <si>
    <t>比留川第３公園</t>
  </si>
  <si>
    <t>197487</t>
  </si>
  <si>
    <t>小園南公園</t>
  </si>
  <si>
    <t>197488</t>
  </si>
  <si>
    <t>水道みち公園</t>
  </si>
  <si>
    <t>197489</t>
  </si>
  <si>
    <t>神崎遺跡公園</t>
  </si>
  <si>
    <t>197490</t>
  </si>
  <si>
    <t>釜田緑地</t>
  </si>
  <si>
    <t>197491</t>
  </si>
  <si>
    <t>197492</t>
  </si>
  <si>
    <t>子ノ神公園</t>
  </si>
  <si>
    <t>197493</t>
  </si>
  <si>
    <t>さがみの公園</t>
  </si>
  <si>
    <t>197494</t>
  </si>
  <si>
    <t>バザール公園</t>
  </si>
  <si>
    <t>197495</t>
  </si>
  <si>
    <t>蟹ヶ谷緑地</t>
  </si>
  <si>
    <t>197497</t>
  </si>
  <si>
    <t>桜ケ岡公園</t>
  </si>
  <si>
    <t>197498</t>
  </si>
  <si>
    <t>笹山緑地</t>
  </si>
  <si>
    <t>197499</t>
  </si>
  <si>
    <t>長坂上公園</t>
  </si>
  <si>
    <t>197500</t>
  </si>
  <si>
    <t>上深谷地域公園</t>
  </si>
  <si>
    <t>197501</t>
  </si>
  <si>
    <t>サンバード緑道</t>
  </si>
  <si>
    <t>197502</t>
  </si>
  <si>
    <t>蓼川北公園</t>
  </si>
  <si>
    <t>197503</t>
  </si>
  <si>
    <t>197504</t>
  </si>
  <si>
    <t>サンバード公園</t>
  </si>
  <si>
    <t>197505</t>
  </si>
  <si>
    <t>ぞうさん公園</t>
  </si>
  <si>
    <t>ロープクライマー</t>
  </si>
  <si>
    <t>197506</t>
  </si>
  <si>
    <t>釜田第６公園</t>
  </si>
  <si>
    <t>197507</t>
  </si>
  <si>
    <t>鶴島公園</t>
  </si>
  <si>
    <t>197508</t>
  </si>
  <si>
    <t>大上ゆめ公園</t>
  </si>
  <si>
    <t>197509</t>
  </si>
  <si>
    <t>北原緑地</t>
  </si>
  <si>
    <t>197510</t>
  </si>
  <si>
    <t>197511</t>
  </si>
  <si>
    <t>入ケ谷公園</t>
  </si>
  <si>
    <t>197512</t>
  </si>
  <si>
    <t>蟹ヶ谷緑道</t>
  </si>
  <si>
    <t>197513</t>
  </si>
  <si>
    <t>陽だまり公園</t>
  </si>
  <si>
    <t>197514</t>
  </si>
  <si>
    <t>東名緑地</t>
  </si>
  <si>
    <t>197515</t>
  </si>
  <si>
    <t>鶴ヶ岡地域公園</t>
  </si>
  <si>
    <t>197516</t>
  </si>
  <si>
    <t>東根緑地</t>
  </si>
  <si>
    <t>197517</t>
  </si>
  <si>
    <t>寺尾台地域公園</t>
  </si>
  <si>
    <t>197518</t>
  </si>
  <si>
    <t>嫁の久保公園</t>
  </si>
  <si>
    <t>197519</t>
  </si>
  <si>
    <t>やぶね公園</t>
  </si>
  <si>
    <t>197520</t>
  </si>
  <si>
    <t>深谷中央２号公園</t>
  </si>
  <si>
    <t>197521</t>
  </si>
  <si>
    <t>お伊勢宮の森</t>
  </si>
  <si>
    <t>197523</t>
  </si>
  <si>
    <t>小園東公園</t>
  </si>
  <si>
    <t>アスレチック遊具</t>
  </si>
  <si>
    <t>197524</t>
  </si>
  <si>
    <t>釜田第7公園</t>
  </si>
  <si>
    <t>197525</t>
  </si>
  <si>
    <t>東名公園</t>
  </si>
  <si>
    <t>197526</t>
  </si>
  <si>
    <t>鶴ケ岡公園</t>
  </si>
  <si>
    <t>197527</t>
  </si>
  <si>
    <t>綾西緑地</t>
  </si>
  <si>
    <t>197528</t>
  </si>
  <si>
    <t>鶴島緑地</t>
  </si>
  <si>
    <t>197529</t>
  </si>
  <si>
    <t>197530</t>
  </si>
  <si>
    <t>やぶね台公園</t>
  </si>
  <si>
    <t>197531</t>
  </si>
  <si>
    <t>寺尾緑地</t>
  </si>
  <si>
    <t>197532</t>
  </si>
  <si>
    <t>寺尾中央公園</t>
  </si>
  <si>
    <t>197533</t>
  </si>
  <si>
    <t>城山緑地</t>
  </si>
  <si>
    <t>197534</t>
  </si>
  <si>
    <t>197535</t>
  </si>
  <si>
    <t>深谷中央２号緑地</t>
  </si>
  <si>
    <t>197536</t>
  </si>
  <si>
    <t>197537</t>
  </si>
  <si>
    <t>東山公園</t>
  </si>
  <si>
    <t>197538</t>
  </si>
  <si>
    <t>小園公園</t>
  </si>
  <si>
    <t>197539</t>
  </si>
  <si>
    <t>綾西公園</t>
  </si>
  <si>
    <t>197540</t>
  </si>
  <si>
    <t>深谷中央１号公園</t>
  </si>
  <si>
    <t>197541</t>
  </si>
  <si>
    <t>城山こみち</t>
  </si>
  <si>
    <t>197542</t>
  </si>
  <si>
    <t>綾南公園</t>
  </si>
  <si>
    <t>パネル遊具（ツリー、ムシ）</t>
  </si>
  <si>
    <t>197543</t>
  </si>
  <si>
    <t>深谷森林公園</t>
  </si>
  <si>
    <t>197544</t>
  </si>
  <si>
    <t>せせらぎ広場</t>
  </si>
  <si>
    <t>197545</t>
  </si>
  <si>
    <t>風車公園</t>
  </si>
  <si>
    <t>197546</t>
  </si>
  <si>
    <t>長峰の森</t>
  </si>
  <si>
    <t>197547</t>
  </si>
  <si>
    <t>深谷中央３号緑地</t>
  </si>
  <si>
    <t>197548</t>
  </si>
  <si>
    <t>蟹ヶ谷公園</t>
  </si>
  <si>
    <t>197549</t>
  </si>
  <si>
    <t>光綾公園</t>
  </si>
  <si>
    <t>石の山</t>
  </si>
  <si>
    <t>197550</t>
  </si>
  <si>
    <t>197551</t>
  </si>
  <si>
    <t>綾瀬スポーツ公園</t>
  </si>
  <si>
    <t>207552</t>
  </si>
  <si>
    <t>花の木公園</t>
  </si>
  <si>
    <t>神奈川県三浦郡葉山町堀内2145</t>
  </si>
  <si>
    <t>207553</t>
  </si>
  <si>
    <t>ヤシノキ公園</t>
  </si>
  <si>
    <t>神奈川県三浦郡葉山町長柄634-14</t>
  </si>
  <si>
    <t>207554</t>
  </si>
  <si>
    <t>芳ヶ久保児童遊園</t>
  </si>
  <si>
    <t>神奈川県三浦郡葉山町長柄768-8</t>
  </si>
  <si>
    <t>207556</t>
  </si>
  <si>
    <t>汐見児童遊園</t>
  </si>
  <si>
    <t>神奈川県三浦郡葉山町長柄677-32</t>
  </si>
  <si>
    <t>207557</t>
  </si>
  <si>
    <t>富士見児童遊園</t>
  </si>
  <si>
    <t>神奈川県三浦郡葉山町長柄705-11</t>
  </si>
  <si>
    <t>207558</t>
  </si>
  <si>
    <t>葉桜中央児童遊園</t>
  </si>
  <si>
    <t>神奈川県三浦郡葉山町長柄1461-154</t>
  </si>
  <si>
    <t>207561</t>
  </si>
  <si>
    <t>ケヤキ公園</t>
  </si>
  <si>
    <t>神奈川県三浦郡葉山町長柄1601-157</t>
  </si>
  <si>
    <t>207563</t>
  </si>
  <si>
    <t>神奈川県三浦郡葉山町長柄1642-23</t>
  </si>
  <si>
    <t>207564</t>
  </si>
  <si>
    <t>象さん公園</t>
  </si>
  <si>
    <t>神奈川県三浦郡葉山町長柄1642-118</t>
  </si>
  <si>
    <t>207565</t>
  </si>
  <si>
    <t>山ゆり公園</t>
  </si>
  <si>
    <t>神奈川県三浦郡葉山町長柄1642-177</t>
  </si>
  <si>
    <t>207567</t>
  </si>
  <si>
    <t>神奈川県三浦郡葉山町長柄1642-276</t>
  </si>
  <si>
    <t>207568</t>
  </si>
  <si>
    <t>プラタナス公園</t>
  </si>
  <si>
    <t>神奈川県三浦郡葉山町長柄1642-220</t>
  </si>
  <si>
    <t>207570</t>
  </si>
  <si>
    <t>アベリア公園</t>
  </si>
  <si>
    <t>神奈川県三浦郡葉山町長柄1642-462</t>
  </si>
  <si>
    <t>207572</t>
  </si>
  <si>
    <t>戸根山児童遊園</t>
  </si>
  <si>
    <t>神奈川県三浦郡葉山町堀内2184-11</t>
  </si>
  <si>
    <t>207573</t>
  </si>
  <si>
    <t>つつじヶ丘児童遊園</t>
  </si>
  <si>
    <t>神奈川県三浦郡葉山町堀内1735-88</t>
  </si>
  <si>
    <t>207574</t>
  </si>
  <si>
    <t>東伏見東公園</t>
  </si>
  <si>
    <t>神奈川県三浦郡葉山町堀内2100-196</t>
  </si>
  <si>
    <t>207576</t>
  </si>
  <si>
    <t>東伏見西公園</t>
  </si>
  <si>
    <t>神奈川県三浦郡葉山町堀内1950-105</t>
  </si>
  <si>
    <t>207577</t>
  </si>
  <si>
    <t>元町児童遊園</t>
  </si>
  <si>
    <t>神奈川県三浦郡葉山町堀内851-2</t>
  </si>
  <si>
    <t>207578</t>
  </si>
  <si>
    <t>堀内児童遊園</t>
  </si>
  <si>
    <t>神奈川県三浦郡葉山町堀内510-4</t>
  </si>
  <si>
    <t>207580</t>
  </si>
  <si>
    <t>鐙摺児童遊園</t>
  </si>
  <si>
    <t>神奈川県三浦郡葉山町堀内47-1</t>
  </si>
  <si>
    <t>207583</t>
  </si>
  <si>
    <t>ソテツ公園</t>
  </si>
  <si>
    <t>神奈川県三浦郡葉山町堀内1387-6</t>
  </si>
  <si>
    <t>207584</t>
  </si>
  <si>
    <t>堀内防災広場（上段）</t>
  </si>
  <si>
    <t>神奈川県三浦郡葉山町堀内774-1</t>
  </si>
  <si>
    <t>207586</t>
  </si>
  <si>
    <t>一色台中央公園</t>
  </si>
  <si>
    <t>神奈川県三浦郡葉山町一色720-55</t>
  </si>
  <si>
    <t>207587</t>
  </si>
  <si>
    <t>一色台西公園</t>
  </si>
  <si>
    <t>神奈川県三浦郡葉山町一色720-60</t>
  </si>
  <si>
    <t>207588</t>
  </si>
  <si>
    <t>砂場公園</t>
  </si>
  <si>
    <t>神奈川県三浦郡葉山町一色530-145</t>
  </si>
  <si>
    <t>207589</t>
  </si>
  <si>
    <t>一色岡公園</t>
  </si>
  <si>
    <t>神奈川県三浦郡葉山町一色489-4</t>
  </si>
  <si>
    <t>207590</t>
  </si>
  <si>
    <t>丘の上公園</t>
  </si>
  <si>
    <t>神奈川県三浦郡葉山町一色488-14</t>
  </si>
  <si>
    <t>207591</t>
  </si>
  <si>
    <t>四ツ角公園</t>
  </si>
  <si>
    <t>神奈川県三浦郡葉山町一色178-4</t>
  </si>
  <si>
    <t>207593</t>
  </si>
  <si>
    <t>サワラ公園</t>
  </si>
  <si>
    <t>神奈川県三浦郡葉山町一色59-26</t>
  </si>
  <si>
    <t>207595</t>
  </si>
  <si>
    <t>ヒマラヤスギ公園</t>
  </si>
  <si>
    <t>神奈川県三浦郡葉山町一色71-80</t>
  </si>
  <si>
    <t>207596</t>
  </si>
  <si>
    <t>なんてん公園</t>
  </si>
  <si>
    <t>神奈川県三浦郡葉山町一色1314-32</t>
  </si>
  <si>
    <t>207598</t>
  </si>
  <si>
    <t>神奈川県三浦郡葉山町一色1750-9</t>
  </si>
  <si>
    <t>207599</t>
  </si>
  <si>
    <t>神奈川県三浦郡葉山町一色1854-16</t>
  </si>
  <si>
    <t>207601</t>
  </si>
  <si>
    <t>神奈川県三浦郡葉山町一色2038-1</t>
  </si>
  <si>
    <t>207602</t>
  </si>
  <si>
    <t>芝崎公園</t>
  </si>
  <si>
    <t>神奈川県三浦郡葉山町一色2444-6</t>
  </si>
  <si>
    <t>207603</t>
  </si>
  <si>
    <t>芝崎西公園</t>
  </si>
  <si>
    <t>神奈川県三浦郡葉山町一色2512-58</t>
  </si>
  <si>
    <t>207605</t>
  </si>
  <si>
    <t>主馬寮公園</t>
  </si>
  <si>
    <t>神奈川県三浦郡葉山町一色1945-29</t>
  </si>
  <si>
    <t>207609</t>
  </si>
  <si>
    <t>上山口公園</t>
  </si>
  <si>
    <t>神奈川県三浦郡葉山町上山口2626</t>
  </si>
  <si>
    <t>207611</t>
  </si>
  <si>
    <t>あらく児童遊園</t>
  </si>
  <si>
    <t>神奈川県三浦郡葉山町木古庭1696-5</t>
  </si>
  <si>
    <t>207613</t>
  </si>
  <si>
    <t>木古庭公園</t>
  </si>
  <si>
    <t>神奈川県三浦郡葉山町木古庭1652-1</t>
  </si>
  <si>
    <t>207614</t>
  </si>
  <si>
    <t>神奈川県三浦郡葉山町木古庭1366</t>
  </si>
  <si>
    <t>207615</t>
  </si>
  <si>
    <t>沢田児童遊園</t>
  </si>
  <si>
    <t>神奈川県三浦郡葉山町木古庭645-6</t>
  </si>
  <si>
    <t>207616</t>
  </si>
  <si>
    <t>神奈川県三浦郡葉山町堀内1537</t>
  </si>
  <si>
    <t>207617</t>
  </si>
  <si>
    <t>湘南国際村グリーンパーク</t>
  </si>
  <si>
    <t>神奈川県三浦郡葉山町上山口1560-91他</t>
  </si>
  <si>
    <t>207619</t>
  </si>
  <si>
    <t>葉山しおさい公園</t>
  </si>
  <si>
    <t>午前8時30分から午後5時（入園は午後4時30分まで）</t>
  </si>
  <si>
    <t>月曜日、祝日の翌日（祝日の場合は開園）、年末年始（12月28日から1月3日）</t>
  </si>
  <si>
    <t>葉山御用邸附属邸跡地に開設された日本庭園と黒松林を有する一色海岸に隣接した公園、博物館もあります。入園料：大人300円、小中学生150円</t>
  </si>
  <si>
    <t>207620</t>
  </si>
  <si>
    <t>南郷上ノ山公園</t>
  </si>
  <si>
    <t>(1)月曜日（ただし、月曜日が休日の場合、その後の最も近い「休日」以外の日）(2)12月28日から1月4日</t>
  </si>
  <si>
    <t>217622</t>
  </si>
  <si>
    <t>一之宮上河原公園</t>
  </si>
  <si>
    <t>217623</t>
  </si>
  <si>
    <t>217624</t>
  </si>
  <si>
    <t>217625</t>
  </si>
  <si>
    <t>東原公園</t>
  </si>
  <si>
    <t>217626</t>
  </si>
  <si>
    <t>宮山台畑公園</t>
  </si>
  <si>
    <t>217627</t>
  </si>
  <si>
    <t>ひかりヶ丘公園</t>
  </si>
  <si>
    <t>217628</t>
  </si>
  <si>
    <t>谷戸公園</t>
  </si>
  <si>
    <t>217629</t>
  </si>
  <si>
    <t>与見公園</t>
  </si>
  <si>
    <t>217630</t>
  </si>
  <si>
    <t>陣屋公園</t>
  </si>
  <si>
    <t>217631</t>
  </si>
  <si>
    <t>大塚公園</t>
  </si>
  <si>
    <t>217632</t>
  </si>
  <si>
    <t>大村公園</t>
  </si>
  <si>
    <t>217633</t>
  </si>
  <si>
    <t>オリーブの丘公園</t>
  </si>
  <si>
    <t>217634</t>
  </si>
  <si>
    <t>堰場公園</t>
  </si>
  <si>
    <t>217635</t>
  </si>
  <si>
    <t>倉見逸入緑地</t>
  </si>
  <si>
    <t>217636</t>
  </si>
  <si>
    <t>上の山公園</t>
  </si>
  <si>
    <t>217637</t>
  </si>
  <si>
    <t>城ノ下緑地</t>
  </si>
  <si>
    <t>217638</t>
  </si>
  <si>
    <t>さいど公園</t>
  </si>
  <si>
    <t>217639</t>
  </si>
  <si>
    <t>越第２公園</t>
  </si>
  <si>
    <t>217640</t>
  </si>
  <si>
    <t>倉見観音堂緑地</t>
  </si>
  <si>
    <t>217641</t>
  </si>
  <si>
    <t>大塚古墳公園</t>
  </si>
  <si>
    <t>217642</t>
  </si>
  <si>
    <t>堂崎公園</t>
  </si>
  <si>
    <t>217643</t>
  </si>
  <si>
    <t>あかね公園</t>
  </si>
  <si>
    <t>217644</t>
  </si>
  <si>
    <t>信玄芝原公園</t>
  </si>
  <si>
    <t>217645</t>
  </si>
  <si>
    <t>越の山公園</t>
  </si>
  <si>
    <t>217646</t>
  </si>
  <si>
    <t>中里公園</t>
  </si>
  <si>
    <t>217647</t>
  </si>
  <si>
    <t>寒川駅前公園</t>
  </si>
  <si>
    <t>217648</t>
  </si>
  <si>
    <t>217649</t>
  </si>
  <si>
    <t>217650</t>
  </si>
  <si>
    <t>宮山緑地</t>
  </si>
  <si>
    <t>217651</t>
  </si>
  <si>
    <t>217652</t>
  </si>
  <si>
    <t>旧目久尻川ふるさと緑道</t>
  </si>
  <si>
    <t>217653</t>
  </si>
  <si>
    <t>一之宮緑道</t>
  </si>
  <si>
    <t>旧国鉄西寒川支線の廃線敷が一部残っている緑道</t>
    <rPh sb="13" eb="15">
      <t>イチブ</t>
    </rPh>
    <rPh sb="15" eb="16">
      <t>ノコ</t>
    </rPh>
    <rPh sb="20" eb="22">
      <t>リョクドウ</t>
    </rPh>
    <phoneticPr fontId="7"/>
  </si>
  <si>
    <t>217654</t>
  </si>
  <si>
    <t>倉見緑道</t>
  </si>
  <si>
    <t>217656</t>
  </si>
  <si>
    <t>天神下第1公園</t>
  </si>
  <si>
    <t>217657</t>
  </si>
  <si>
    <t>天神下第2公園</t>
  </si>
  <si>
    <t>217658</t>
  </si>
  <si>
    <t>城ノ下公園</t>
  </si>
  <si>
    <t>217659</t>
  </si>
  <si>
    <t>中河原公園</t>
  </si>
  <si>
    <t>217660</t>
  </si>
  <si>
    <t>一之宮公園</t>
  </si>
  <si>
    <t>観賞池有り</t>
    <rPh sb="0" eb="2">
      <t>カンショウ</t>
    </rPh>
    <rPh sb="2" eb="3">
      <t>イケ</t>
    </rPh>
    <rPh sb="3" eb="4">
      <t>ア</t>
    </rPh>
    <phoneticPr fontId="7"/>
  </si>
  <si>
    <t>217661</t>
  </si>
  <si>
    <t>さむかわ中央公園</t>
  </si>
  <si>
    <t>12/31～1/3の期間は駐車場利用料金は有料期間（他団体へ貸出のため）</t>
    <rPh sb="10" eb="12">
      <t>キカン</t>
    </rPh>
    <rPh sb="13" eb="16">
      <t>チュウシャジョウ</t>
    </rPh>
    <rPh sb="16" eb="18">
      <t>リヨウ</t>
    </rPh>
    <rPh sb="18" eb="20">
      <t>リョウキン</t>
    </rPh>
    <rPh sb="21" eb="23">
      <t>ユウリョウ</t>
    </rPh>
    <rPh sb="23" eb="25">
      <t>キカン</t>
    </rPh>
    <rPh sb="26" eb="27">
      <t>タ</t>
    </rPh>
    <rPh sb="27" eb="29">
      <t>ダンタイ</t>
    </rPh>
    <rPh sb="30" eb="32">
      <t>カシダシ</t>
    </rPh>
    <phoneticPr fontId="7"/>
  </si>
  <si>
    <t>217662</t>
  </si>
  <si>
    <t>川とのふれあい公園</t>
  </si>
  <si>
    <t>小動北公園</t>
    <rPh sb="0" eb="2">
      <t>ショウドウ</t>
    </rPh>
    <rPh sb="2" eb="3">
      <t>キタ</t>
    </rPh>
    <rPh sb="3" eb="5">
      <t>コウエン</t>
    </rPh>
    <phoneticPr fontId="7"/>
  </si>
  <si>
    <t>227663</t>
  </si>
  <si>
    <t>神奈川県中郡大磯町大磯2313-4</t>
  </si>
  <si>
    <t>227664</t>
  </si>
  <si>
    <t>高麗二丁目公園</t>
  </si>
  <si>
    <t>神奈川県中郡大磯町高麗2-424-3</t>
  </si>
  <si>
    <t>227665</t>
  </si>
  <si>
    <t>たけなわ公園</t>
  </si>
  <si>
    <t>神奈川県中郡大磯町大磯2115-11</t>
  </si>
  <si>
    <t>227666</t>
  </si>
  <si>
    <t>高麗山第三公園</t>
  </si>
  <si>
    <t>神奈川県中郡大磯町高麗2-97-37</t>
  </si>
  <si>
    <t>227667</t>
  </si>
  <si>
    <t>中尾第三公園</t>
  </si>
  <si>
    <t>神奈川県中郡大磯町東小磯661-92</t>
  </si>
  <si>
    <t>227668</t>
  </si>
  <si>
    <t>宮ノ上公園</t>
  </si>
  <si>
    <t>神奈川県中郡大磯町東小磯1003-11</t>
  </si>
  <si>
    <t>227669</t>
  </si>
  <si>
    <t>蓼ヶ尻公園</t>
  </si>
  <si>
    <t>神奈川県中郡大磯町生沢381-6</t>
  </si>
  <si>
    <t>227670</t>
  </si>
  <si>
    <t>簾田公園</t>
  </si>
  <si>
    <t>神奈川県中郡大磯町大磯765-17</t>
  </si>
  <si>
    <t>227671</t>
  </si>
  <si>
    <t>高麗山第二公園</t>
  </si>
  <si>
    <t>神奈川県中郡大磯町高麗2-533-25</t>
  </si>
  <si>
    <t>227672</t>
  </si>
  <si>
    <t>町屋第二公園</t>
  </si>
  <si>
    <t>神奈川県中郡大磯町西小磯287-129</t>
  </si>
  <si>
    <t>227673</t>
  </si>
  <si>
    <t>中尾第二緑地</t>
  </si>
  <si>
    <t>神奈川県中郡大磯町東小磯661-93</t>
  </si>
  <si>
    <t>227674</t>
  </si>
  <si>
    <t>東小磯池見堂緑地</t>
  </si>
  <si>
    <t>神奈川県中郡大磯町東小磯452-6</t>
  </si>
  <si>
    <t>227675</t>
  </si>
  <si>
    <t>こゆるぎ緑地</t>
  </si>
  <si>
    <t>神奈川県中郡大磯町東小磯200-5</t>
  </si>
  <si>
    <t>227676</t>
  </si>
  <si>
    <t>芦添公園</t>
  </si>
  <si>
    <t>227677</t>
  </si>
  <si>
    <t>中尾公園</t>
  </si>
  <si>
    <t>神奈川県中郡大磯町東小磯695-1</t>
  </si>
  <si>
    <t>227678</t>
  </si>
  <si>
    <t>東町一丁目公園</t>
  </si>
  <si>
    <t>神奈川県中郡大磯町東町1-7-1</t>
  </si>
  <si>
    <t>227679</t>
  </si>
  <si>
    <t>こゆるぎ公園</t>
  </si>
  <si>
    <t>神奈川県中郡大磯町国府新宿222-4</t>
  </si>
  <si>
    <t>227680</t>
  </si>
  <si>
    <t>東町二丁目公園</t>
  </si>
  <si>
    <t>227681</t>
  </si>
  <si>
    <t>中尾第二公園</t>
  </si>
  <si>
    <t>神奈川県中郡大磯町東小磯661-102</t>
  </si>
  <si>
    <t>227682</t>
  </si>
  <si>
    <t>石神台南公園</t>
  </si>
  <si>
    <t>神奈川県中郡大磯町石神台3-831-14</t>
  </si>
  <si>
    <t>227683</t>
  </si>
  <si>
    <t>赤坂第一公園</t>
  </si>
  <si>
    <t>神奈川県中郡大磯町西小磯1478-8</t>
  </si>
  <si>
    <t>227684</t>
  </si>
  <si>
    <t>赤坂第二公園</t>
  </si>
  <si>
    <t>神奈川県中郡大磯町西小磯1470-2</t>
  </si>
  <si>
    <t>227685</t>
  </si>
  <si>
    <t>神奈川県中郡大磯町大磯936-1</t>
  </si>
  <si>
    <t>227686</t>
  </si>
  <si>
    <t>稲荷松公園</t>
  </si>
  <si>
    <t>神奈川県中郡大磯町西小磯28-4</t>
  </si>
  <si>
    <t>227687</t>
  </si>
  <si>
    <t>神奈川県中郡大磯町西小磯291</t>
  </si>
  <si>
    <t>227688</t>
  </si>
  <si>
    <t>東町三丁目公園</t>
  </si>
  <si>
    <t>神奈川県中郡大磯町東町3-151-1</t>
  </si>
  <si>
    <t>227689</t>
  </si>
  <si>
    <t>神奈川県中郡大磯町大磯2087-4</t>
  </si>
  <si>
    <t>227690</t>
  </si>
  <si>
    <t>川尻公園</t>
  </si>
  <si>
    <t>神奈川県中郡大磯町国府本郷458</t>
  </si>
  <si>
    <t>227691</t>
  </si>
  <si>
    <t>花水公園</t>
  </si>
  <si>
    <t>神奈川県中郡大磯町高麗2-329-4</t>
  </si>
  <si>
    <t>227692</t>
  </si>
  <si>
    <t>石神台東公園</t>
  </si>
  <si>
    <t>神奈川県中郡大磯町石神台1-948-1</t>
  </si>
  <si>
    <t>227693</t>
  </si>
  <si>
    <t>東小磯緑地</t>
  </si>
  <si>
    <t>神奈川県中郡大磯町東小磯1004-9</t>
  </si>
  <si>
    <t>227694</t>
  </si>
  <si>
    <t>石神台中央公園</t>
  </si>
  <si>
    <t>神奈川県中郡大磯町石神台2-920-1</t>
  </si>
  <si>
    <t>227695</t>
  </si>
  <si>
    <t>なかまる公園</t>
  </si>
  <si>
    <t>神奈川県中郡大磯町国府本郷799-1</t>
  </si>
  <si>
    <t>227696</t>
  </si>
  <si>
    <t>森下公園</t>
  </si>
  <si>
    <t>神奈川県中郡大磯町国府新宿748-1</t>
  </si>
  <si>
    <t>227697</t>
  </si>
  <si>
    <t>港公園</t>
  </si>
  <si>
    <t>神奈川県中郡大磯町大磯1398-5</t>
  </si>
  <si>
    <t>227698</t>
  </si>
  <si>
    <t>稲荷松緑地</t>
  </si>
  <si>
    <t>神奈川県中郡大磯町西小磯56-5</t>
  </si>
  <si>
    <t>227699</t>
  </si>
  <si>
    <t>化粧坂公園</t>
  </si>
  <si>
    <t>神奈川県中郡大磯町高麗1-36-3</t>
  </si>
  <si>
    <t>227700</t>
  </si>
  <si>
    <t>石神台西公園</t>
  </si>
  <si>
    <t>神奈川県中郡大磯町石神台2-994-17</t>
  </si>
  <si>
    <t>227701</t>
  </si>
  <si>
    <t>高麗風の広場第二公園</t>
  </si>
  <si>
    <t>227702</t>
  </si>
  <si>
    <t>柳原緑地</t>
  </si>
  <si>
    <t>神奈川県中郡大磯町西小磯253-53</t>
  </si>
  <si>
    <t>227703</t>
  </si>
  <si>
    <t>水道山公園</t>
  </si>
  <si>
    <t>神奈川県中郡大磯町大磯331-1</t>
  </si>
  <si>
    <t>227704</t>
  </si>
  <si>
    <t>神奈川県中郡大磯町東小磯986</t>
  </si>
  <si>
    <t>227705</t>
  </si>
  <si>
    <t>石神台緑地</t>
  </si>
  <si>
    <t>神奈川県中郡大磯町石神台1-984-13</t>
  </si>
  <si>
    <t>227706</t>
  </si>
  <si>
    <t>川尻広場</t>
  </si>
  <si>
    <t>神奈川県中郡大磯町国府本郷458地先</t>
  </si>
  <si>
    <t>227707</t>
  </si>
  <si>
    <t>中尾第一緑地</t>
  </si>
  <si>
    <t>神奈川県中郡大磯町東小磯663-86</t>
  </si>
  <si>
    <t>227708</t>
  </si>
  <si>
    <t>神奈川県中郡大磯町国府本郷1099</t>
  </si>
  <si>
    <t>227709</t>
  </si>
  <si>
    <t>六所公園</t>
  </si>
  <si>
    <t>神奈川県中郡大磯町国府本郷936</t>
  </si>
  <si>
    <t>227710</t>
  </si>
  <si>
    <t>高麗風の広場第一公園</t>
  </si>
  <si>
    <t>227711</t>
  </si>
  <si>
    <t>神奈川県中郡大磯町東小磯322-9</t>
  </si>
  <si>
    <t>227712</t>
  </si>
  <si>
    <t>高麗山公園</t>
  </si>
  <si>
    <t>神奈川県中郡大磯町大磯</t>
  </si>
  <si>
    <t>227714</t>
  </si>
  <si>
    <t>大磯運動公園</t>
  </si>
  <si>
    <t>神奈川県中郡大磯町国府本郷2126-1</t>
  </si>
  <si>
    <t>9時～21時</t>
    <rPh sb="1" eb="2">
      <t>ジ</t>
    </rPh>
    <rPh sb="5" eb="6">
      <t>ジ</t>
    </rPh>
    <phoneticPr fontId="7"/>
  </si>
  <si>
    <t>12月28日～12月31日、1月1日～1月4日</t>
    <rPh sb="2" eb="3">
      <t>ガツ</t>
    </rPh>
    <rPh sb="5" eb="6">
      <t>ニチ</t>
    </rPh>
    <rPh sb="9" eb="10">
      <t>ガツ</t>
    </rPh>
    <rPh sb="12" eb="13">
      <t>ニチ</t>
    </rPh>
    <rPh sb="15" eb="16">
      <t>ガツ</t>
    </rPh>
    <rPh sb="17" eb="18">
      <t>ニチ</t>
    </rPh>
    <rPh sb="20" eb="21">
      <t>ガツ</t>
    </rPh>
    <rPh sb="22" eb="23">
      <t>カ</t>
    </rPh>
    <phoneticPr fontId="7"/>
  </si>
  <si>
    <t>いくさわ西の池跡公園</t>
    <rPh sb="4" eb="5">
      <t>ニシ</t>
    </rPh>
    <rPh sb="6" eb="7">
      <t>イケ</t>
    </rPh>
    <rPh sb="7" eb="8">
      <t>アト</t>
    </rPh>
    <rPh sb="8" eb="10">
      <t>コウエン</t>
    </rPh>
    <phoneticPr fontId="7"/>
  </si>
  <si>
    <t>山王町児童遊園</t>
    <rPh sb="0" eb="3">
      <t>サンノウチョウ</t>
    </rPh>
    <rPh sb="3" eb="5">
      <t>ジドウ</t>
    </rPh>
    <rPh sb="5" eb="7">
      <t>ユウエン</t>
    </rPh>
    <phoneticPr fontId="7"/>
  </si>
  <si>
    <t>神奈川県中郡大磯町大磯1935-2</t>
  </si>
  <si>
    <t>237715</t>
  </si>
  <si>
    <t>神奈川県中郡二宮町富士見が丘3-1900-15</t>
  </si>
  <si>
    <t>築山、飛段</t>
  </si>
  <si>
    <t>237716</t>
  </si>
  <si>
    <t>富士見が丘富士見公園</t>
  </si>
  <si>
    <t>神奈川県中郡二宮町富士見が丘1-2082-118</t>
  </si>
  <si>
    <t>237717</t>
  </si>
  <si>
    <t>百合が丘久杉公園</t>
  </si>
  <si>
    <t>神奈川県中郡二宮町百合が丘2-31-14</t>
  </si>
  <si>
    <t>太鼓はしご</t>
  </si>
  <si>
    <t>237718</t>
  </si>
  <si>
    <t>神奈川県中郡二宮町松根20-5</t>
  </si>
  <si>
    <t>237719</t>
  </si>
  <si>
    <t>富士見が丘石合公園</t>
  </si>
  <si>
    <t>神奈川県中郡二宮町富士見が丘3-1760-7</t>
  </si>
  <si>
    <t>237720</t>
  </si>
  <si>
    <t>神奈川県中郡二宮町百合が丘2-43-1</t>
  </si>
  <si>
    <t>237721</t>
  </si>
  <si>
    <t>富士見が丘田代公園</t>
  </si>
  <si>
    <t>神奈川県中郡二宮町富士見が丘2-1951-1</t>
  </si>
  <si>
    <t>237722</t>
  </si>
  <si>
    <t>百合が丘峠公園</t>
  </si>
  <si>
    <t>神奈川県中郡二宮町百合が丘1-89</t>
  </si>
  <si>
    <t>237723</t>
  </si>
  <si>
    <t>袖が浦公園</t>
  </si>
  <si>
    <t>神奈川県中郡二宮町二宮92-3</t>
  </si>
  <si>
    <t>237724</t>
  </si>
  <si>
    <t>百合が丘長畑公園</t>
  </si>
  <si>
    <t>神奈川県中郡二宮町百合が丘3-56-11</t>
  </si>
  <si>
    <t>太鼓梯子</t>
  </si>
  <si>
    <t>237725</t>
  </si>
  <si>
    <t>緑が丘古墳公園</t>
  </si>
  <si>
    <t>神奈川県中郡二宮町緑が丘3-15</t>
  </si>
  <si>
    <t>237726</t>
  </si>
  <si>
    <t>緑が丘運動公園</t>
  </si>
  <si>
    <t>神奈川県中郡二宮町緑が丘3-29</t>
  </si>
  <si>
    <t>237727</t>
  </si>
  <si>
    <t>緑が丘中央公園</t>
  </si>
  <si>
    <t>神奈川県中郡二宮町緑が丘1-15-1</t>
  </si>
  <si>
    <t>237728</t>
  </si>
  <si>
    <t>二宮せせらぎ公園</t>
  </si>
  <si>
    <t>神奈川県中郡二宮町一色345</t>
  </si>
  <si>
    <t>8:30～17:00</t>
  </si>
  <si>
    <t>無休</t>
  </si>
  <si>
    <t>237729</t>
  </si>
  <si>
    <t>二宮果樹公園</t>
  </si>
  <si>
    <t>神奈川県中郡二宮町二宮1196</t>
  </si>
  <si>
    <t>薬剤散布日（不定期）</t>
  </si>
  <si>
    <t>237730</t>
  </si>
  <si>
    <t>ラディアン花の丘公園</t>
  </si>
  <si>
    <t>神奈川県中郡二宮町二宮1184</t>
  </si>
  <si>
    <t>隣接する果樹公園の薬剤散布日（不定期）</t>
  </si>
  <si>
    <t>トイレは隣接する果樹公園のトイレを使用してください</t>
  </si>
  <si>
    <t>237731</t>
  </si>
  <si>
    <t>沖ノ田遊園地</t>
  </si>
  <si>
    <t>神奈川県中郡二宮町一色3031</t>
  </si>
  <si>
    <t>237732</t>
  </si>
  <si>
    <t>緑が丘第１遊園地</t>
  </si>
  <si>
    <t>神奈川県中郡二宮町緑が丘1-7-1</t>
  </si>
  <si>
    <t>237733</t>
  </si>
  <si>
    <t>緑が丘第２遊園地</t>
  </si>
  <si>
    <t>神奈川県中郡二宮町緑が丘2-5-1</t>
  </si>
  <si>
    <t>237734</t>
  </si>
  <si>
    <t>緑が丘第３遊園地</t>
  </si>
  <si>
    <t>神奈川県中郡二宮町緑が丘2-18-1</t>
  </si>
  <si>
    <t>237736</t>
  </si>
  <si>
    <t>さくら遊園地</t>
  </si>
  <si>
    <t>神奈川県中郡二宮町百合が丘1-1-9</t>
  </si>
  <si>
    <t>237739</t>
  </si>
  <si>
    <t>中里第１遊園地</t>
  </si>
  <si>
    <t>神奈川県中郡二宮町中里693</t>
  </si>
  <si>
    <t>雲梯、FRP動物（ライオン、パンダ）</t>
  </si>
  <si>
    <t>237740</t>
  </si>
  <si>
    <t>中里第２遊園地</t>
  </si>
  <si>
    <t>神奈川県中郡二宮町中里1002-6</t>
  </si>
  <si>
    <t>237741</t>
  </si>
  <si>
    <t>中里西第１遊園地</t>
  </si>
  <si>
    <t>神奈川県中郡二宮町中里2-1404-22</t>
  </si>
  <si>
    <t>237742</t>
  </si>
  <si>
    <t>中里西第２遊園地</t>
  </si>
  <si>
    <t>神奈川県中郡二宮町中里2-1404-54</t>
  </si>
  <si>
    <t>237745</t>
  </si>
  <si>
    <t>中里軒吉遊園地</t>
  </si>
  <si>
    <t>神奈川県中郡二宮町中里1467-6､1468-4</t>
  </si>
  <si>
    <t>237747</t>
  </si>
  <si>
    <t>中里北第２遊園地</t>
  </si>
  <si>
    <t>神奈川県中郡二宮町中里2-1612-7</t>
  </si>
  <si>
    <t>237748</t>
  </si>
  <si>
    <t>中里の丘遊園地</t>
  </si>
  <si>
    <t>神奈川県中郡二宮町中里913-7､884-5</t>
  </si>
  <si>
    <t>237749</t>
  </si>
  <si>
    <t>八向遊園地</t>
  </si>
  <si>
    <t>神奈川県中郡二宮町二宮1355</t>
  </si>
  <si>
    <t>237754</t>
  </si>
  <si>
    <t>勝負前遊園地</t>
  </si>
  <si>
    <t>神奈川県中郡二宮町二宮935-6</t>
  </si>
  <si>
    <t>237755</t>
  </si>
  <si>
    <t>富士見が丘１丁目第２遊園地</t>
  </si>
  <si>
    <t>神奈川県中郡二宮町富士見が丘1-2202-94</t>
  </si>
  <si>
    <t>ラダー、FRP動物（パンダ、ゾウ）</t>
  </si>
  <si>
    <t>237756</t>
  </si>
  <si>
    <t>富士見が丘１丁目第３遊園地</t>
  </si>
  <si>
    <t>神奈川県中郡二宮町富士見が丘1-2209-38</t>
  </si>
  <si>
    <t>237758</t>
  </si>
  <si>
    <t>富士見が丘２丁目第１遊園地</t>
  </si>
  <si>
    <t>神奈川県中郡二宮町富士見が丘2-1939-11</t>
  </si>
  <si>
    <t>237759</t>
  </si>
  <si>
    <t>富士見が丘２丁目第２遊園地</t>
  </si>
  <si>
    <t>神奈川県中郡二宮町富士見が丘2-1579-7</t>
  </si>
  <si>
    <t>237760</t>
  </si>
  <si>
    <t>富士見が丘３丁目第１遊園地</t>
  </si>
  <si>
    <t>神奈川県中郡二宮町富士見が丘3-1835-88</t>
  </si>
  <si>
    <t>237764</t>
  </si>
  <si>
    <t>上町西向浜遊園地</t>
  </si>
  <si>
    <t>神奈川県中郡二宮町二宮98-92</t>
  </si>
  <si>
    <t>237765</t>
  </si>
  <si>
    <t>下川窪遊園地</t>
  </si>
  <si>
    <t>神奈川県中郡二宮町二宮410</t>
  </si>
  <si>
    <t>237766</t>
  </si>
  <si>
    <t>越地第１遊園地</t>
  </si>
  <si>
    <t>神奈川県中郡二宮町山西669-12</t>
  </si>
  <si>
    <t>237768</t>
  </si>
  <si>
    <t>茶屋遊園地</t>
  </si>
  <si>
    <t>神奈川県中郡二宮町山西425-2</t>
  </si>
  <si>
    <t>237769</t>
  </si>
  <si>
    <t>釜野第１遊園地</t>
  </si>
  <si>
    <t>神奈川県中郡二宮町山西1471-25</t>
  </si>
  <si>
    <t>237770</t>
  </si>
  <si>
    <t>釜野第２遊園地</t>
  </si>
  <si>
    <t>神奈川県中郡二宮町山西1560-2</t>
  </si>
  <si>
    <t>237771</t>
  </si>
  <si>
    <t>押切遊園地</t>
  </si>
  <si>
    <t>神奈川県中郡二宮町山西455</t>
  </si>
  <si>
    <t>237774</t>
  </si>
  <si>
    <t>梅沢内原子どもの広場</t>
  </si>
  <si>
    <t>神奈川県中郡二宮町山西943-5</t>
  </si>
  <si>
    <t>237776</t>
  </si>
  <si>
    <t>梅沢中央子どもの広場</t>
  </si>
  <si>
    <t>神奈川県中郡二宮町山西919-1</t>
  </si>
  <si>
    <t>237787</t>
  </si>
  <si>
    <t>神奈川県中郡二宮町</t>
  </si>
  <si>
    <t>247811</t>
  </si>
  <si>
    <t>中井町</t>
    <phoneticPr fontId="7"/>
  </si>
  <si>
    <t>境グリーンテクパーク公園</t>
  </si>
  <si>
    <t>神奈川県足柄上郡中井町境114</t>
  </si>
  <si>
    <t>休園日の指定なし（年中開放）</t>
    <rPh sb="0" eb="2">
      <t>キュウエン</t>
    </rPh>
    <rPh sb="2" eb="3">
      <t>ビ</t>
    </rPh>
    <rPh sb="4" eb="6">
      <t>シテイ</t>
    </rPh>
    <rPh sb="9" eb="11">
      <t>ネンジュウ</t>
    </rPh>
    <rPh sb="11" eb="13">
      <t>カイホウ</t>
    </rPh>
    <phoneticPr fontId="7"/>
  </si>
  <si>
    <t>グラウンドの占用利用は有料。利用手続きについては、ホームページをご確認ください。</t>
    <rPh sb="6" eb="8">
      <t>センヨウ</t>
    </rPh>
    <rPh sb="8" eb="10">
      <t>リヨウ</t>
    </rPh>
    <rPh sb="11" eb="13">
      <t>ユウリョウ</t>
    </rPh>
    <rPh sb="14" eb="16">
      <t>リヨウ</t>
    </rPh>
    <rPh sb="16" eb="18">
      <t>テツヅ</t>
    </rPh>
    <rPh sb="33" eb="35">
      <t>カクニン</t>
    </rPh>
    <phoneticPr fontId="7"/>
  </si>
  <si>
    <t>247812</t>
  </si>
  <si>
    <t>厳島湿生公園</t>
  </si>
  <si>
    <t>神奈川県足柄上郡中井町井ノ口1310</t>
  </si>
  <si>
    <t>開放時間の規制なし（終日開放、夜間照明は設置なし）</t>
    <rPh sb="0" eb="2">
      <t>カイホウ</t>
    </rPh>
    <rPh sb="2" eb="4">
      <t>ジカン</t>
    </rPh>
    <rPh sb="5" eb="7">
      <t>キセイ</t>
    </rPh>
    <rPh sb="10" eb="12">
      <t>シュウジツ</t>
    </rPh>
    <rPh sb="12" eb="14">
      <t>カイホウ</t>
    </rPh>
    <rPh sb="15" eb="17">
      <t>ヤカン</t>
    </rPh>
    <rPh sb="17" eb="19">
      <t>ショウメイ</t>
    </rPh>
    <rPh sb="20" eb="22">
      <t>セッチ</t>
    </rPh>
    <phoneticPr fontId="7"/>
  </si>
  <si>
    <t>県下でも稀な清水が出ている湿生地を復元・整備し、カワセミやホタルも見られる自然豊かな公園です。５月には「竹灯篭の夕べ」、冬には「あかりの祭典」が開催されます。</t>
    <rPh sb="33" eb="34">
      <t>ミ</t>
    </rPh>
    <rPh sb="37" eb="39">
      <t>シゼン</t>
    </rPh>
    <rPh sb="39" eb="40">
      <t>ユタ</t>
    </rPh>
    <rPh sb="48" eb="49">
      <t>ガツ</t>
    </rPh>
    <rPh sb="52" eb="53">
      <t>タケ</t>
    </rPh>
    <rPh sb="53" eb="55">
      <t>トウロウ</t>
    </rPh>
    <rPh sb="56" eb="57">
      <t>ユウ</t>
    </rPh>
    <rPh sb="60" eb="61">
      <t>フユ</t>
    </rPh>
    <rPh sb="68" eb="70">
      <t>サイテン</t>
    </rPh>
    <rPh sb="72" eb="74">
      <t>カイサイ</t>
    </rPh>
    <phoneticPr fontId="7"/>
  </si>
  <si>
    <t>247813</t>
  </si>
  <si>
    <t>中井中央公園</t>
  </si>
  <si>
    <t>神奈川県足柄上郡中井町比奈窪580</t>
  </si>
  <si>
    <t>有料施設に限り毎週月曜日（月曜日が祝日の場合は翌平日が休園日）</t>
    <rPh sb="0" eb="2">
      <t>ユウリョウ</t>
    </rPh>
    <rPh sb="2" eb="4">
      <t>シセツ</t>
    </rPh>
    <rPh sb="5" eb="6">
      <t>カギ</t>
    </rPh>
    <rPh sb="7" eb="9">
      <t>マイシュウ</t>
    </rPh>
    <rPh sb="9" eb="12">
      <t>ゲツヨウビ</t>
    </rPh>
    <rPh sb="13" eb="16">
      <t>ゲツヨウビ</t>
    </rPh>
    <rPh sb="17" eb="19">
      <t>シュクジツ</t>
    </rPh>
    <rPh sb="20" eb="22">
      <t>バアイ</t>
    </rPh>
    <rPh sb="23" eb="24">
      <t>ヨク</t>
    </rPh>
    <rPh sb="24" eb="26">
      <t>ヘイジツ</t>
    </rPh>
    <rPh sb="27" eb="30">
      <t>キュウエンビ</t>
    </rPh>
    <phoneticPr fontId="7"/>
  </si>
  <si>
    <t>257814</t>
  </si>
  <si>
    <t>大井町</t>
    <phoneticPr fontId="7"/>
  </si>
  <si>
    <t>金子児童公園</t>
  </si>
  <si>
    <t>神奈川県足柄上郡大井町金子165</t>
  </si>
  <si>
    <t>257815</t>
  </si>
  <si>
    <t>相模金子駅前公園</t>
  </si>
  <si>
    <t>神奈川県足柄上郡大井町金子1499-1</t>
  </si>
  <si>
    <t>257816</t>
  </si>
  <si>
    <t>西大井第1公園</t>
  </si>
  <si>
    <t>神奈川県足柄上郡大井町西大井145-44</t>
  </si>
  <si>
    <t>257817</t>
  </si>
  <si>
    <t>西大井第2公園</t>
  </si>
  <si>
    <t>神奈川県足柄上郡大井町西大井145-82</t>
  </si>
  <si>
    <t>257818</t>
  </si>
  <si>
    <t>丁字ヶ原農村公園</t>
  </si>
  <si>
    <t>神奈川県足柄上郡大井町柳274-1</t>
  </si>
  <si>
    <t>257819</t>
  </si>
  <si>
    <t>水神宮公園</t>
  </si>
  <si>
    <t>神奈川県足柄上郡大井町金手19-8</t>
  </si>
  <si>
    <t>257820</t>
  </si>
  <si>
    <t>金手児童公園</t>
  </si>
  <si>
    <t>神奈川県足柄上郡大井町金手9-4</t>
  </si>
  <si>
    <t>257821</t>
  </si>
  <si>
    <t>おおいグリーンタウン公園</t>
  </si>
  <si>
    <t>神奈川県足柄上郡大井町金子2949-29</t>
  </si>
  <si>
    <t>257822</t>
  </si>
  <si>
    <t>上大井駅前公園</t>
  </si>
  <si>
    <t>神奈川県足柄上郡大井町上大井675</t>
  </si>
  <si>
    <t>257823</t>
  </si>
  <si>
    <t>エバラ公園</t>
  </si>
  <si>
    <t>神奈川県足柄上郡大井町山田1541-4他</t>
  </si>
  <si>
    <t>257824</t>
  </si>
  <si>
    <t>湘光園開発公園</t>
  </si>
  <si>
    <t>神奈川県足柄上郡大井町上大井25-27</t>
  </si>
  <si>
    <t>257825</t>
  </si>
  <si>
    <t>中屋敷公園</t>
  </si>
  <si>
    <t>神奈川県足柄上郡大井町山田672-39</t>
  </si>
  <si>
    <t>257826</t>
    <phoneticPr fontId="7"/>
  </si>
  <si>
    <t>（仮称）新湘光公園</t>
    <rPh sb="1" eb="3">
      <t>カショウ</t>
    </rPh>
    <rPh sb="4" eb="5">
      <t>シン</t>
    </rPh>
    <rPh sb="5" eb="7">
      <t>ショウコウ</t>
    </rPh>
    <rPh sb="7" eb="9">
      <t>コウエン</t>
    </rPh>
    <phoneticPr fontId="7"/>
  </si>
  <si>
    <t>神奈川県足柄上郡大井町西大井145-1,上大井6-1,149-3</t>
  </si>
  <si>
    <t>257827</t>
    <phoneticPr fontId="7"/>
  </si>
  <si>
    <t>西大井第3公園</t>
    <rPh sb="0" eb="1">
      <t>ニシ</t>
    </rPh>
    <rPh sb="1" eb="3">
      <t>オオイ</t>
    </rPh>
    <rPh sb="3" eb="4">
      <t>ダイ</t>
    </rPh>
    <rPh sb="5" eb="7">
      <t>コウエン</t>
    </rPh>
    <phoneticPr fontId="7"/>
  </si>
  <si>
    <t>神奈川県足柄上郡大井町西大井145-162,145-222</t>
  </si>
  <si>
    <t>267826</t>
  </si>
  <si>
    <t>松田町</t>
    <phoneticPr fontId="7"/>
  </si>
  <si>
    <t>神山清水公園</t>
  </si>
  <si>
    <t>267827</t>
  </si>
  <si>
    <t>中丸児童公園</t>
  </si>
  <si>
    <t>267828</t>
  </si>
  <si>
    <t>宮下児童公園</t>
  </si>
  <si>
    <t>267829</t>
  </si>
  <si>
    <t>三角堤公園</t>
  </si>
  <si>
    <t>267830</t>
  </si>
  <si>
    <t>店屋場公園</t>
  </si>
  <si>
    <t>267831</t>
  </si>
  <si>
    <t>最明寺史跡公園</t>
  </si>
  <si>
    <t>267832</t>
  </si>
  <si>
    <t>川音川親水公園</t>
  </si>
  <si>
    <t>267833</t>
  </si>
  <si>
    <t>西平畑公園</t>
  </si>
  <si>
    <t>根石児童遊園地</t>
  </si>
  <si>
    <t>267835</t>
  </si>
  <si>
    <t>十文字公園</t>
  </si>
  <si>
    <t>267836</t>
  </si>
  <si>
    <t>上河原公園</t>
  </si>
  <si>
    <t>267837</t>
  </si>
  <si>
    <t>城山児童遊園地</t>
  </si>
  <si>
    <t>267838</t>
  </si>
  <si>
    <t>神山児童遊園地</t>
  </si>
  <si>
    <t>267839</t>
  </si>
  <si>
    <t>谷津児童遊園地</t>
  </si>
  <si>
    <t>267840</t>
  </si>
  <si>
    <t>茶屋児童遊園地</t>
  </si>
  <si>
    <t>雲梯、ハントウ棒</t>
  </si>
  <si>
    <t>267841</t>
  </si>
  <si>
    <t>中屋敷児童遊園地</t>
  </si>
  <si>
    <t>267842</t>
  </si>
  <si>
    <t>店屋場児童遊園地</t>
  </si>
  <si>
    <t>267843</t>
  </si>
  <si>
    <t>267844</t>
  </si>
  <si>
    <t>湯の沢西公園</t>
  </si>
  <si>
    <t>277836</t>
  </si>
  <si>
    <t>山北町</t>
    <rPh sb="0" eb="3">
      <t>ヤマキタマチ</t>
    </rPh>
    <phoneticPr fontId="7"/>
  </si>
  <si>
    <t>岸児童公園</t>
  </si>
  <si>
    <t>神奈川県足柄上郡山北町岸1257-2</t>
  </si>
  <si>
    <t>277837</t>
  </si>
  <si>
    <t>平山のびのび公園</t>
  </si>
  <si>
    <t>神奈川県足柄上郡山北町平山214</t>
  </si>
  <si>
    <t>277838</t>
  </si>
  <si>
    <t>山北鉄道公園</t>
  </si>
  <si>
    <t>神奈川県足柄上郡山北町山北1889-46</t>
  </si>
  <si>
    <t>277839</t>
  </si>
  <si>
    <t>向原街区公園</t>
  </si>
  <si>
    <t>神奈川県足柄上郡山北町向原1851</t>
  </si>
  <si>
    <t>277840</t>
  </si>
  <si>
    <t>神奈川県足柄上郡山北町山北931-5</t>
  </si>
  <si>
    <t>芝そりができます。</t>
    <rPh sb="0" eb="1">
      <t>シバ</t>
    </rPh>
    <phoneticPr fontId="7"/>
  </si>
  <si>
    <t>277841</t>
  </si>
  <si>
    <t>河村城址歴史公園</t>
  </si>
  <si>
    <t>神奈川県足柄上郡山北町山北2206</t>
  </si>
  <si>
    <t>277844</t>
  </si>
  <si>
    <t>ぐみの木近隣公園</t>
  </si>
  <si>
    <t>神奈川県足柄上郡山北町岸4031-ｲ</t>
  </si>
  <si>
    <t>287845</t>
  </si>
  <si>
    <t>開成町</t>
    <phoneticPr fontId="7"/>
  </si>
  <si>
    <t>神奈川県足柄上郡開成町金井島1847番地先</t>
  </si>
  <si>
    <t>287846</t>
  </si>
  <si>
    <t>宮台ポケットパーク</t>
  </si>
  <si>
    <t>神奈川県足柄上郡開成町宮台73-1</t>
  </si>
  <si>
    <t>287847</t>
  </si>
  <si>
    <t>神奈川県足柄上郡開成町吉田島160-1</t>
  </si>
  <si>
    <t>287848</t>
  </si>
  <si>
    <t>上島ポケットパーク</t>
  </si>
  <si>
    <t>神奈川県足柄上郡開成町吉田島2641-7</t>
  </si>
  <si>
    <t>287849</t>
  </si>
  <si>
    <t>中家村郷左ヱ門河原公園</t>
  </si>
  <si>
    <t>神奈川県足柄上郡開成町吉田島922-2</t>
  </si>
  <si>
    <t>287850</t>
  </si>
  <si>
    <t>クレール開成公園</t>
  </si>
  <si>
    <t>神奈川県足柄上郡開成町吉田島2458ｰ23</t>
  </si>
  <si>
    <t>287851</t>
  </si>
  <si>
    <t>中之名公園</t>
  </si>
  <si>
    <t>神奈川県足柄上郡開成町中之名130-21</t>
  </si>
  <si>
    <t>287852</t>
  </si>
  <si>
    <t>下水道記念公園</t>
  </si>
  <si>
    <t>神奈川県足柄上郡開成町円通寺96-1</t>
  </si>
  <si>
    <t>287853</t>
  </si>
  <si>
    <t>道通河原公園</t>
  </si>
  <si>
    <t>神奈川県足柄上郡開成町吉田島813</t>
  </si>
  <si>
    <t>287854</t>
  </si>
  <si>
    <t>上延沢土ノ内公園</t>
  </si>
  <si>
    <t>神奈川県足柄上郡開成町延沢1952-2</t>
  </si>
  <si>
    <t>287855</t>
  </si>
  <si>
    <t>南部地区第1公園</t>
  </si>
  <si>
    <t>287856</t>
  </si>
  <si>
    <t>南部地区第2公園</t>
  </si>
  <si>
    <t>287857</t>
  </si>
  <si>
    <t>ガーデンスクエアー開成公園</t>
  </si>
  <si>
    <t>神奈川県足柄上郡開成町宮台300ｰ66</t>
  </si>
  <si>
    <t>287858</t>
  </si>
  <si>
    <t>榎下公園</t>
  </si>
  <si>
    <t>神奈川県足柄上郡開成町吉田島317</t>
  </si>
  <si>
    <t>287860</t>
  </si>
  <si>
    <t>屋敷下第2公園</t>
  </si>
  <si>
    <t>神奈川県足柄上郡開成町吉田島1387-1</t>
  </si>
  <si>
    <t>287861</t>
  </si>
  <si>
    <t>松田境パーク田園</t>
  </si>
  <si>
    <t>神奈川県足柄上郡開成町金井島449</t>
  </si>
  <si>
    <t>287862</t>
  </si>
  <si>
    <t>榎本ふれあい広場</t>
  </si>
  <si>
    <t>神奈川県足柄上郡開成町吉田島431-1</t>
  </si>
  <si>
    <t>287864</t>
  </si>
  <si>
    <t>上延沢ふれあい公園</t>
  </si>
  <si>
    <t>神奈川県足柄上郡開成町延沢1455</t>
  </si>
  <si>
    <t>287865</t>
  </si>
  <si>
    <t>上島ふれあい広場</t>
    <rPh sb="6" eb="8">
      <t>ヒロバ</t>
    </rPh>
    <phoneticPr fontId="7"/>
  </si>
  <si>
    <t>神奈川県足柄上郡開成町吉田島2331</t>
  </si>
  <si>
    <t>287866</t>
  </si>
  <si>
    <t>延沢西河原児童公園</t>
  </si>
  <si>
    <t>神奈川県足柄上郡開成町延沢1410-1</t>
  </si>
  <si>
    <t>287867</t>
  </si>
  <si>
    <t>岡野ふれあい公園</t>
  </si>
  <si>
    <t>神奈川県足柄上郡開成町岡野99</t>
  </si>
  <si>
    <t>287868</t>
  </si>
  <si>
    <t>金井島いこいの広場</t>
  </si>
  <si>
    <t>神奈川県足柄上郡開成町金井島56</t>
  </si>
  <si>
    <t>287870</t>
  </si>
  <si>
    <t>屋敷下第1公園</t>
  </si>
  <si>
    <t>神奈川県足柄上郡開成町吉田島3813-2</t>
  </si>
  <si>
    <t>287871</t>
  </si>
  <si>
    <t>金井島下河原農村公園（あじさい公園）</t>
    <rPh sb="15" eb="17">
      <t>コウエン</t>
    </rPh>
    <phoneticPr fontId="7"/>
  </si>
  <si>
    <t>神奈川県足柄上郡開成町金井島1421</t>
  </si>
  <si>
    <t>287872</t>
  </si>
  <si>
    <t>開成駅前公園</t>
  </si>
  <si>
    <t>神奈川県足柄上郡開成町吉田島4362</t>
  </si>
  <si>
    <t>287873</t>
  </si>
  <si>
    <t>開成水辺スポーツ公園</t>
  </si>
  <si>
    <t>神奈川県足柄上郡開成町吉田島2710</t>
  </si>
  <si>
    <t>287876</t>
  </si>
  <si>
    <t>中家村公園</t>
  </si>
  <si>
    <t>神奈川県足柄上郡開成町吉田島780</t>
  </si>
  <si>
    <t>287877</t>
  </si>
  <si>
    <t>開成駅前第2公園</t>
  </si>
  <si>
    <t>神奈川県足柄上郡開成町吉田島4307‐2</t>
  </si>
  <si>
    <t>287878</t>
  </si>
  <si>
    <t>高台親水公園</t>
  </si>
  <si>
    <t>神奈川県足柄上郡開成町金井島1915</t>
  </si>
  <si>
    <t>287879</t>
  </si>
  <si>
    <t>山王供養水辺公園</t>
  </si>
  <si>
    <t>神奈川県足柄上郡開成町金井島1043</t>
  </si>
  <si>
    <t>287880</t>
  </si>
  <si>
    <t>上島農村公園</t>
  </si>
  <si>
    <t>神奈川県足柄上郡開成町吉田島1926</t>
  </si>
  <si>
    <t>287881</t>
  </si>
  <si>
    <t>松ノ木河原第1公園</t>
  </si>
  <si>
    <t>神奈川県足柄上郡開成町延沢2512-8</t>
  </si>
  <si>
    <t>287882</t>
  </si>
  <si>
    <t>松ノ木河原第2公園</t>
  </si>
  <si>
    <t>神奈川県足柄上郡開成町吉田島5006-1</t>
  </si>
  <si>
    <t>287883</t>
  </si>
  <si>
    <t>鳥見行公園</t>
  </si>
  <si>
    <t>神奈川県足柄上郡開成町みなみ1-14</t>
  </si>
  <si>
    <t>287884</t>
  </si>
  <si>
    <t>篭﨑公園</t>
    <rPh sb="1" eb="2">
      <t>サキ</t>
    </rPh>
    <phoneticPr fontId="7"/>
  </si>
  <si>
    <t>神奈川県足柄上郡開成町みなみ4-3</t>
  </si>
  <si>
    <t>287885</t>
  </si>
  <si>
    <t>中川原公園</t>
  </si>
  <si>
    <t>神奈川県足柄上郡開成町みなみ3-6</t>
  </si>
  <si>
    <t>287886</t>
  </si>
  <si>
    <t>みなみ中央公園</t>
  </si>
  <si>
    <t>神奈川県足柄上郡開成町みなみ2-3</t>
  </si>
  <si>
    <t>287887</t>
  </si>
  <si>
    <t>平中島公園</t>
  </si>
  <si>
    <t>神奈川県足柄上郡開成町みなみ5-1</t>
  </si>
  <si>
    <t>297888</t>
  </si>
  <si>
    <t>石原公園</t>
  </si>
  <si>
    <t>神奈川県足柄下郡箱根町大平台542-1</t>
  </si>
  <si>
    <t>297889</t>
  </si>
  <si>
    <t>大平台ふれあい広場</t>
  </si>
  <si>
    <t>神奈川県足柄下郡箱根町大平台420-9</t>
  </si>
  <si>
    <t>297890</t>
  </si>
  <si>
    <t>神奈川県足柄下郡箱根町宮城野921</t>
  </si>
  <si>
    <t>297891</t>
  </si>
  <si>
    <t>向山公園</t>
  </si>
  <si>
    <t>神奈川県足柄下郡箱根町強羅1320-670</t>
  </si>
  <si>
    <t>297892</t>
  </si>
  <si>
    <t>小田原町公園</t>
  </si>
  <si>
    <t>神奈川県足柄下郡箱根町箱根136-1</t>
  </si>
  <si>
    <t>297893</t>
  </si>
  <si>
    <t>神奈川県足柄下郡箱根町湯本139-8</t>
  </si>
  <si>
    <t>297894</t>
  </si>
  <si>
    <t>神奈川県足柄下郡箱根町湯本190-1</t>
  </si>
  <si>
    <t>297895</t>
  </si>
  <si>
    <t>御殿公園</t>
  </si>
  <si>
    <t>神奈川県足柄下郡箱根町元箱根8-1</t>
  </si>
  <si>
    <t>297897</t>
  </si>
  <si>
    <t>仙石原公園</t>
  </si>
  <si>
    <t>神奈川県足柄下郡箱根町仙石原842</t>
  </si>
  <si>
    <t>297898</t>
  </si>
  <si>
    <t>早雲公園</t>
  </si>
  <si>
    <t>神奈川県足柄下郡箱根町湯本410</t>
  </si>
  <si>
    <t>297899</t>
  </si>
  <si>
    <t>弁天山清流公園</t>
  </si>
  <si>
    <t>神奈川県足柄下郡箱根町畑宿418-1</t>
  </si>
  <si>
    <t>297900</t>
  </si>
  <si>
    <t>宮ノ下緑地</t>
  </si>
  <si>
    <t>神奈川県足柄下郡箱根町宮ノ下404-9</t>
  </si>
  <si>
    <t>297901</t>
  </si>
  <si>
    <t>宮城野園地</t>
  </si>
  <si>
    <t>神奈川県足柄下郡箱根町宮城野</t>
  </si>
  <si>
    <t>297902</t>
  </si>
  <si>
    <t>二ノ平こどもの広場</t>
  </si>
  <si>
    <t>神奈川県足柄下郡箱根町ﾆノ平1063-8</t>
  </si>
  <si>
    <t>297903</t>
  </si>
  <si>
    <t>金時公園</t>
  </si>
  <si>
    <t>神奈川県足柄下郡箱根町仙石原1181-58</t>
  </si>
  <si>
    <t>297904</t>
  </si>
  <si>
    <t>神奈川県足柄下郡箱根町仙石原555</t>
  </si>
  <si>
    <t>297905</t>
  </si>
  <si>
    <t>高原ふれあい広場</t>
  </si>
  <si>
    <t>神奈川県足柄下郡箱根町仙石原1246-289</t>
  </si>
  <si>
    <t>297906</t>
  </si>
  <si>
    <t>芦川町広場</t>
  </si>
  <si>
    <t>神奈川県足柄下郡箱根町箱根279-1</t>
  </si>
  <si>
    <t>307922</t>
  </si>
  <si>
    <t>荒井城址公園</t>
    <rPh sb="0" eb="2">
      <t>アライ</t>
    </rPh>
    <rPh sb="2" eb="4">
      <t>ジョウシ</t>
    </rPh>
    <rPh sb="4" eb="6">
      <t>コウエン</t>
    </rPh>
    <phoneticPr fontId="7"/>
  </si>
  <si>
    <t>神奈川県足柄下郡真鶴町真鶴1789</t>
  </si>
  <si>
    <t>なし</t>
    <phoneticPr fontId="7"/>
  </si>
  <si>
    <t>317923</t>
  </si>
  <si>
    <t>鶴舞児童遊園</t>
  </si>
  <si>
    <t>神奈川県足柄下郡湯河原町中央5-1572-77</t>
  </si>
  <si>
    <t>317925</t>
  </si>
  <si>
    <t>駅前ポケットパーク</t>
  </si>
  <si>
    <t>神奈川県足柄下郡湯河原町土肥1-4-1</t>
  </si>
  <si>
    <t>317926</t>
  </si>
  <si>
    <t>方仙山児童遊園</t>
  </si>
  <si>
    <t>神奈川県足柄下郡湯河原町吉浜263-3</t>
  </si>
  <si>
    <t>317927</t>
  </si>
  <si>
    <t>城堀公園</t>
  </si>
  <si>
    <t>317928</t>
  </si>
  <si>
    <t>千暮公園</t>
  </si>
  <si>
    <t>神奈川県足柄下郡湯河原町土肥4-4-8</t>
  </si>
  <si>
    <t>317929</t>
  </si>
  <si>
    <t>神奈川県足柄下郡湯河原町宮上185</t>
  </si>
  <si>
    <t>317930</t>
  </si>
  <si>
    <t>福浦児童遊園</t>
  </si>
  <si>
    <t>神奈川県足柄下郡湯河原町福浦430-4</t>
  </si>
  <si>
    <t>317931</t>
  </si>
  <si>
    <t>柵口公園</t>
  </si>
  <si>
    <t>神奈川県足柄下郡湯河原町中央4-18</t>
  </si>
  <si>
    <t>317932</t>
  </si>
  <si>
    <t>川堀公園</t>
  </si>
  <si>
    <t>神奈川県足柄下郡湯河原町吉浜468-1</t>
  </si>
  <si>
    <t>317934</t>
  </si>
  <si>
    <t>神奈川県足柄下郡湯河原町鍛冶屋868-1</t>
  </si>
  <si>
    <t>鉄製鎖遊具</t>
  </si>
  <si>
    <t>317935</t>
  </si>
  <si>
    <t>亀ヶ原公園</t>
  </si>
  <si>
    <t>神奈川県足柄下郡湯河原町中央5-12</t>
  </si>
  <si>
    <t>317936</t>
  </si>
  <si>
    <t>広崎公園</t>
  </si>
  <si>
    <t>神奈川県足柄下郡湯河原町中央1-4</t>
  </si>
  <si>
    <t>317937</t>
  </si>
  <si>
    <t>ゆり公園</t>
  </si>
  <si>
    <t>神奈川県足柄下郡湯河原町吉浜771-2</t>
  </si>
  <si>
    <t>317938</t>
  </si>
  <si>
    <t>御庭公園</t>
  </si>
  <si>
    <t>317939</t>
  </si>
  <si>
    <t>さくらんぼ公園</t>
  </si>
  <si>
    <t>神奈川県足柄下郡湯河原町中央3-4</t>
  </si>
  <si>
    <t>317940</t>
  </si>
  <si>
    <t>蔵町公園</t>
  </si>
  <si>
    <t>神奈川県足柄下郡湯河原町土肥2-11-16</t>
  </si>
  <si>
    <t>317941</t>
  </si>
  <si>
    <t>川端公園</t>
  </si>
  <si>
    <t>神奈川県足柄下郡湯河原町土肥3-10</t>
  </si>
  <si>
    <t>317942</t>
  </si>
  <si>
    <t>湯河原海辺公園</t>
  </si>
  <si>
    <t>神奈川県足柄下郡湯河原町吉浜1576-52外</t>
  </si>
  <si>
    <t>317943</t>
  </si>
  <si>
    <t>桜木公園</t>
  </si>
  <si>
    <t>神奈川県足柄下郡湯河原町土肥5-6</t>
  </si>
  <si>
    <t>317944</t>
  </si>
  <si>
    <t>星ヶ山公園</t>
  </si>
  <si>
    <t>神奈川県足柄下郡湯河原町吉浜2024-81（ﾄｲﾚ周辺番地）</t>
  </si>
  <si>
    <t>317945</t>
  </si>
  <si>
    <t>湯河原梅林公園</t>
  </si>
  <si>
    <t>神奈川県足柄下郡湯河原町吉浜2029-1</t>
  </si>
  <si>
    <t>317946</t>
  </si>
  <si>
    <t>湯河原海浜公園</t>
  </si>
  <si>
    <t>神奈川県足柄下郡湯河原町門川11</t>
  </si>
  <si>
    <t>317947</t>
  </si>
  <si>
    <t>万葉公園</t>
  </si>
  <si>
    <t>317948</t>
  </si>
  <si>
    <t>幕山公園</t>
  </si>
  <si>
    <t>神奈川県足柄下郡湯河原町鍛冶屋951-1</t>
  </si>
  <si>
    <t>317949</t>
  </si>
  <si>
    <t>湯河原総合運動公園</t>
  </si>
  <si>
    <t>神奈川県足柄下郡湯河原町吉浜1987-8</t>
  </si>
  <si>
    <t>327950</t>
  </si>
  <si>
    <t>上新久公園（まゆみ公園）</t>
  </si>
  <si>
    <t>神奈川県愛甲郡愛川町半原字上新久1403-1（地番）</t>
  </si>
  <si>
    <t>327951</t>
  </si>
  <si>
    <t>神奈川県愛甲郡愛川町中津字稲荷木745（地番）</t>
  </si>
  <si>
    <t>327952</t>
  </si>
  <si>
    <t>上熊坂公園</t>
  </si>
  <si>
    <t>神奈川県愛甲郡愛川町中津字楠木455-10（地番）</t>
  </si>
  <si>
    <t>327953</t>
  </si>
  <si>
    <t>神奈川県愛甲郡愛川町中津字北原88-2（地番）</t>
  </si>
  <si>
    <t>327954</t>
  </si>
  <si>
    <t>春日台第3公園（しらかば公園）</t>
  </si>
  <si>
    <t>神奈川県愛甲郡愛川町春日台2-14（地番）</t>
  </si>
  <si>
    <t>327955</t>
  </si>
  <si>
    <t>春日台第4公園（いちょう公園）</t>
  </si>
  <si>
    <t>神奈川県愛甲郡愛川町春日台3-3-5（地番）</t>
  </si>
  <si>
    <t>327956</t>
  </si>
  <si>
    <t>春日台第1公園（けやき公園）</t>
  </si>
  <si>
    <t>神奈川県愛甲郡愛川町春日台1-7-4（地番）</t>
  </si>
  <si>
    <t>327957</t>
  </si>
  <si>
    <t>春日台第2公園（さくら公園）</t>
  </si>
  <si>
    <t>神奈川県愛甲郡愛川町春日台2-1-1（地番）</t>
  </si>
  <si>
    <t>327958</t>
  </si>
  <si>
    <t>馬込公園</t>
  </si>
  <si>
    <t>神奈川県愛甲郡愛川町三増字上馬込359-1（地番）</t>
  </si>
  <si>
    <t>327959</t>
  </si>
  <si>
    <t>春日台第6公園（いぶき公園）</t>
  </si>
  <si>
    <t>神奈川県愛甲郡愛川町春日台5-6-1（地番）</t>
  </si>
  <si>
    <t>327960</t>
  </si>
  <si>
    <t>神奈川県愛甲郡愛川町春日台3-21-4（地番）</t>
  </si>
  <si>
    <t>327961</t>
  </si>
  <si>
    <t>坂本運動場</t>
  </si>
  <si>
    <t>神奈川県愛甲郡愛川町中津字溝合5165-1（地番）</t>
  </si>
  <si>
    <t>ソフトボール場あり（要予約）</t>
    <rPh sb="6" eb="7">
      <t>ジョウ</t>
    </rPh>
    <rPh sb="10" eb="13">
      <t>ヨウヨヤク</t>
    </rPh>
    <phoneticPr fontId="7"/>
  </si>
  <si>
    <t>327962</t>
  </si>
  <si>
    <t>下新久公園</t>
  </si>
  <si>
    <t>神奈川県愛甲郡愛川町半原字下新久1831-1（地番）</t>
  </si>
  <si>
    <t>327963</t>
  </si>
  <si>
    <t>志田運動場</t>
  </si>
  <si>
    <t>神奈川県愛甲郡愛川町田代字上原1195（地番）</t>
  </si>
  <si>
    <t>ソフトボール場（要予約）</t>
    <rPh sb="6" eb="7">
      <t>ジョウ</t>
    </rPh>
    <rPh sb="8" eb="11">
      <t>ヨウヨヤク</t>
    </rPh>
    <phoneticPr fontId="7"/>
  </si>
  <si>
    <t>327965</t>
  </si>
  <si>
    <t>神奈川県愛甲郡愛川町中津字若宮6906-1（地番）</t>
  </si>
  <si>
    <t>327966</t>
  </si>
  <si>
    <t>中津工業団地第2号公園</t>
  </si>
  <si>
    <t>神奈川県愛甲郡愛川町中津字桜台4059（地番）</t>
  </si>
  <si>
    <t>327967</t>
  </si>
  <si>
    <t>神奈川県愛甲郡愛川町中津字大塚下6823-1（地番）</t>
  </si>
  <si>
    <t>327968</t>
  </si>
  <si>
    <t>中津工業団地第1号公園</t>
  </si>
  <si>
    <t>神奈川県愛甲郡愛川町中津字桜台4043（地番）</t>
  </si>
  <si>
    <t>火曜日（火曜日が祝日の場合は開館し、翌日に休館します）、12月29日～1月3日</t>
    <rPh sb="0" eb="3">
      <t>カヨウビ</t>
    </rPh>
    <phoneticPr fontId="7"/>
  </si>
  <si>
    <t>施設利用は要予約</t>
    <rPh sb="0" eb="2">
      <t>シセツ</t>
    </rPh>
    <rPh sb="2" eb="4">
      <t>リヨウ</t>
    </rPh>
    <rPh sb="5" eb="8">
      <t>ヨウヨヤク</t>
    </rPh>
    <phoneticPr fontId="7"/>
  </si>
  <si>
    <t>327969</t>
  </si>
  <si>
    <t>三増公園</t>
  </si>
  <si>
    <t>神奈川県愛甲郡愛川町三増字水谷戸1886（地番）</t>
  </si>
  <si>
    <t>327970</t>
  </si>
  <si>
    <t>田代運動公園</t>
  </si>
  <si>
    <t>神奈川県愛甲郡愛川町田代字天王河原1700（地番）</t>
  </si>
  <si>
    <t>野球場等の施設利用は午前６時３０分から午後９時</t>
    <rPh sb="0" eb="3">
      <t>ヤキュウジョウ</t>
    </rPh>
    <rPh sb="3" eb="4">
      <t>トウ</t>
    </rPh>
    <rPh sb="5" eb="7">
      <t>シセツ</t>
    </rPh>
    <rPh sb="7" eb="9">
      <t>リヨウ</t>
    </rPh>
    <rPh sb="10" eb="12">
      <t>ゴゼン</t>
    </rPh>
    <rPh sb="13" eb="14">
      <t>ジ</t>
    </rPh>
    <rPh sb="16" eb="17">
      <t>フン</t>
    </rPh>
    <rPh sb="19" eb="21">
      <t>ゴゴ</t>
    </rPh>
    <rPh sb="21" eb="23">
      <t>クジ</t>
    </rPh>
    <phoneticPr fontId="7"/>
  </si>
  <si>
    <t>327971</t>
  </si>
  <si>
    <t>神奈川県愛甲郡愛川町八菅山字北谷382-2（地番）</t>
  </si>
  <si>
    <t>午前9時～午後5時（11月1日〜1月31日の間は午後4時30分で閉鎖）</t>
    <rPh sb="8" eb="9">
      <t>ジ</t>
    </rPh>
    <phoneticPr fontId="7"/>
  </si>
  <si>
    <t>337975</t>
  </si>
  <si>
    <t>清川村運動公園</t>
  </si>
  <si>
    <t>神奈川県愛甲郡清川村煤ヶ谷1518-2</t>
  </si>
  <si>
    <t>午前６時～午後10時</t>
    <rPh sb="0" eb="2">
      <t>ゴゼン</t>
    </rPh>
    <rPh sb="3" eb="4">
      <t>ジ</t>
    </rPh>
    <rPh sb="5" eb="7">
      <t>ゴゴ</t>
    </rPh>
    <rPh sb="9" eb="10">
      <t>ジ</t>
    </rPh>
    <phoneticPr fontId="7"/>
  </si>
  <si>
    <t>月曜日（国民の祝日にあたるときは翌日、12月29日～１月３日</t>
    <rPh sb="0" eb="3">
      <t>ゲツヨウビ</t>
    </rPh>
    <rPh sb="4" eb="6">
      <t>コクミン</t>
    </rPh>
    <rPh sb="7" eb="9">
      <t>シュクジツ</t>
    </rPh>
    <rPh sb="16" eb="18">
      <t>ヨクジツ</t>
    </rPh>
    <rPh sb="21" eb="22">
      <t>ガツ</t>
    </rPh>
    <rPh sb="24" eb="25">
      <t>ニチ</t>
    </rPh>
    <rPh sb="27" eb="28">
      <t>ガツ</t>
    </rPh>
    <rPh sb="29" eb="30">
      <t>ニチ</t>
    </rPh>
    <phoneticPr fontId="7"/>
  </si>
  <si>
    <t>北八朔公園</t>
    <phoneticPr fontId="7"/>
  </si>
  <si>
    <t>飛行機型ジム</t>
    <phoneticPr fontId="7"/>
  </si>
  <si>
    <t>避難場所</t>
    <rPh sb="0" eb="2">
      <t>ヒナン</t>
    </rPh>
    <rPh sb="2" eb="4">
      <t>バショ</t>
    </rPh>
    <phoneticPr fontId="7"/>
  </si>
  <si>
    <t>スポーツ施設の利用にあたっては、関連リンクをご確認ください。</t>
    <rPh sb="7" eb="9">
      <t>リヨウ</t>
    </rPh>
    <rPh sb="16" eb="18">
      <t>カンレン</t>
    </rPh>
    <rPh sb="23" eb="25">
      <t>カクニン</t>
    </rPh>
    <phoneticPr fontId="7"/>
  </si>
  <si>
    <t>川辺公園</t>
    <phoneticPr fontId="7"/>
  </si>
  <si>
    <t>スポーツ施設の利用にあたっては、関連リンクをご確認ください。※サッカー場（ニッパツ三ツ沢球技場）はアマチュア競技団体やJリーグなどの団体のみとなります。</t>
    <rPh sb="35" eb="36">
      <t>ジョウ</t>
    </rPh>
    <phoneticPr fontId="7"/>
  </si>
  <si>
    <t>新治里山公園</t>
    <phoneticPr fontId="7"/>
  </si>
  <si>
    <t>利用にあたっては、関連リンクをご確認ください。</t>
    <rPh sb="0" eb="2">
      <t>リヨウ</t>
    </rPh>
    <rPh sb="9" eb="11">
      <t>カンレン</t>
    </rPh>
    <rPh sb="16" eb="18">
      <t>カクニン</t>
    </rPh>
    <phoneticPr fontId="7"/>
  </si>
  <si>
    <t>本牧山頂公園</t>
    <phoneticPr fontId="7"/>
  </si>
  <si>
    <t>http://sancho-yokohamaueki.com/</t>
    <phoneticPr fontId="7"/>
  </si>
  <si>
    <t>http://www.hama-midorinokyokai.or.jp/zoo/zoorasia/</t>
    <phoneticPr fontId="7"/>
  </si>
  <si>
    <t>http://www.hama-midorinokyokai.or.jp/zoo/kanazawa/</t>
    <phoneticPr fontId="7"/>
  </si>
  <si>
    <t>玄海田公園</t>
    <phoneticPr fontId="7"/>
  </si>
  <si>
    <t>所在地</t>
    <rPh sb="0" eb="3">
      <t>ショザイチ</t>
    </rPh>
    <phoneticPr fontId="7"/>
  </si>
  <si>
    <t>リングラダー</t>
    <phoneticPr fontId="7"/>
  </si>
  <si>
    <t>国分尼寺第一児童遊園</t>
    <rPh sb="0" eb="2">
      <t>コクブ</t>
    </rPh>
    <rPh sb="2" eb="3">
      <t>ニ</t>
    </rPh>
    <rPh sb="3" eb="4">
      <t>デラ</t>
    </rPh>
    <rPh sb="4" eb="6">
      <t>ダイイチ</t>
    </rPh>
    <rPh sb="6" eb="8">
      <t>ジドウ</t>
    </rPh>
    <rPh sb="8" eb="10">
      <t>ユウエン</t>
    </rPh>
    <phoneticPr fontId="6"/>
  </si>
  <si>
    <t>神奈川県海老名市国分北1-3003-2</t>
  </si>
  <si>
    <t>167339</t>
  </si>
  <si>
    <t>国分尼寺第二児童遊園</t>
    <rPh sb="0" eb="2">
      <t>コクブ</t>
    </rPh>
    <rPh sb="2" eb="4">
      <t>アマデラ</t>
    </rPh>
    <rPh sb="4" eb="6">
      <t>ダイニ</t>
    </rPh>
    <rPh sb="6" eb="8">
      <t>ジドウ</t>
    </rPh>
    <rPh sb="8" eb="10">
      <t>ユウエン</t>
    </rPh>
    <phoneticPr fontId="6"/>
  </si>
  <si>
    <t>神奈川県海老名市国分北1-2964-7</t>
  </si>
  <si>
    <t>167340</t>
  </si>
  <si>
    <t>大松原第一児童遊園</t>
    <rPh sb="0" eb="3">
      <t>オオマツバラ</t>
    </rPh>
    <rPh sb="3" eb="4">
      <t>ダイ</t>
    </rPh>
    <rPh sb="4" eb="6">
      <t>イチジ</t>
    </rPh>
    <rPh sb="6" eb="7">
      <t>ドウ</t>
    </rPh>
    <rPh sb="7" eb="9">
      <t>ユウエン</t>
    </rPh>
    <phoneticPr fontId="6"/>
  </si>
  <si>
    <t>神奈川県海老名市国分北3-3402-63</t>
  </si>
  <si>
    <t>167341</t>
  </si>
  <si>
    <t>大松原第二児童遊園</t>
    <rPh sb="0" eb="3">
      <t>オオマツバラ</t>
    </rPh>
    <rPh sb="3" eb="4">
      <t>ダイ</t>
    </rPh>
    <rPh sb="4" eb="6">
      <t>ニジ</t>
    </rPh>
    <rPh sb="6" eb="7">
      <t>ドウ</t>
    </rPh>
    <rPh sb="7" eb="9">
      <t>ユウエン</t>
    </rPh>
    <phoneticPr fontId="6"/>
  </si>
  <si>
    <t>神奈川県海老名市国分北3-3402-24</t>
  </si>
  <si>
    <t>167342</t>
  </si>
  <si>
    <t>大松原第三児童遊園</t>
    <rPh sb="0" eb="3">
      <t>オオマツバラ</t>
    </rPh>
    <rPh sb="3" eb="4">
      <t>ダイ</t>
    </rPh>
    <rPh sb="4" eb="5">
      <t>サン</t>
    </rPh>
    <rPh sb="5" eb="7">
      <t>ジドウ</t>
    </rPh>
    <rPh sb="7" eb="9">
      <t>ユウエン</t>
    </rPh>
    <phoneticPr fontId="6"/>
  </si>
  <si>
    <t>神奈川県海老名市国分北3-3649-217</t>
  </si>
  <si>
    <t>167343</t>
  </si>
  <si>
    <t>大松原第四児童遊園</t>
    <rPh sb="0" eb="3">
      <t>オオマツバラ</t>
    </rPh>
    <rPh sb="3" eb="4">
      <t>ダイ</t>
    </rPh>
    <rPh sb="4" eb="5">
      <t>４</t>
    </rPh>
    <rPh sb="5" eb="7">
      <t>ジドウ</t>
    </rPh>
    <rPh sb="7" eb="9">
      <t>ユウエン</t>
    </rPh>
    <phoneticPr fontId="6"/>
  </si>
  <si>
    <t>神奈川県海老名市国分北3-3649-137</t>
  </si>
  <si>
    <t>167344</t>
  </si>
  <si>
    <t>大松原第五児童遊園</t>
    <rPh sb="0" eb="3">
      <t>オオマツバラ</t>
    </rPh>
    <rPh sb="3" eb="5">
      <t>ダイゴ</t>
    </rPh>
    <rPh sb="5" eb="7">
      <t>ジドウ</t>
    </rPh>
    <rPh sb="7" eb="9">
      <t>ユウエン</t>
    </rPh>
    <phoneticPr fontId="6"/>
  </si>
  <si>
    <t>神奈川県海老名市国分北3-3649-274</t>
  </si>
  <si>
    <t>167345</t>
  </si>
  <si>
    <t>国分やまに平児童遊園</t>
    <rPh sb="0" eb="2">
      <t>コクブ</t>
    </rPh>
    <rPh sb="5" eb="6">
      <t>ヒラ</t>
    </rPh>
    <rPh sb="6" eb="8">
      <t>ジドウ</t>
    </rPh>
    <rPh sb="8" eb="10">
      <t>ユウエン</t>
    </rPh>
    <phoneticPr fontId="6"/>
  </si>
  <si>
    <t>神奈川県海老名市国分南2-1613-5</t>
  </si>
  <si>
    <t>167346</t>
  </si>
  <si>
    <t>国分やまに平第二児童遊園</t>
    <rPh sb="0" eb="2">
      <t>コクブ</t>
    </rPh>
    <rPh sb="5" eb="6">
      <t>タイラ</t>
    </rPh>
    <rPh sb="6" eb="8">
      <t>ダイニ</t>
    </rPh>
    <rPh sb="8" eb="10">
      <t>ジドウ</t>
    </rPh>
    <rPh sb="10" eb="12">
      <t>ユウエン</t>
    </rPh>
    <phoneticPr fontId="6"/>
  </si>
  <si>
    <t>神奈川県海老名市国分南2-1697-2</t>
  </si>
  <si>
    <t>167347</t>
  </si>
  <si>
    <t>国分児童館児童遊園</t>
    <rPh sb="0" eb="2">
      <t>コクブ</t>
    </rPh>
    <rPh sb="2" eb="4">
      <t>ジドウ</t>
    </rPh>
    <rPh sb="4" eb="5">
      <t>カン</t>
    </rPh>
    <rPh sb="5" eb="7">
      <t>ジドウ</t>
    </rPh>
    <rPh sb="7" eb="9">
      <t>ユウエン</t>
    </rPh>
    <phoneticPr fontId="6"/>
  </si>
  <si>
    <t>神奈川県海老名市国分南2-1726-39</t>
  </si>
  <si>
    <t>167348</t>
  </si>
  <si>
    <t>国分逆川団地児童遊園</t>
    <rPh sb="0" eb="2">
      <t>コクブ</t>
    </rPh>
    <rPh sb="2" eb="4">
      <t>サカガワ</t>
    </rPh>
    <rPh sb="4" eb="6">
      <t>ダンチ</t>
    </rPh>
    <rPh sb="6" eb="8">
      <t>ジドウ</t>
    </rPh>
    <rPh sb="8" eb="10">
      <t>ユウエン</t>
    </rPh>
    <phoneticPr fontId="6"/>
  </si>
  <si>
    <t>神奈川県海老名市国分南2-1792-19</t>
  </si>
  <si>
    <t>置物</t>
    <rPh sb="0" eb="2">
      <t>オキモノ</t>
    </rPh>
    <phoneticPr fontId="7"/>
  </si>
  <si>
    <t>167349</t>
  </si>
  <si>
    <t>国分伊勢山児童遊園</t>
    <rPh sb="0" eb="2">
      <t>コクブ</t>
    </rPh>
    <rPh sb="2" eb="5">
      <t>イセヤマ</t>
    </rPh>
    <rPh sb="5" eb="7">
      <t>ジドウ</t>
    </rPh>
    <rPh sb="7" eb="9">
      <t>ユウエン</t>
    </rPh>
    <phoneticPr fontId="6"/>
  </si>
  <si>
    <t>神奈川県海老名市国分南2-3593-2</t>
  </si>
  <si>
    <t>167350</t>
  </si>
  <si>
    <t>国分南原児童遊園</t>
    <rPh sb="0" eb="3">
      <t>コクブミナミ</t>
    </rPh>
    <rPh sb="3" eb="4">
      <t>ハラ</t>
    </rPh>
    <rPh sb="4" eb="6">
      <t>ジドウ</t>
    </rPh>
    <rPh sb="6" eb="8">
      <t>ユウエン</t>
    </rPh>
    <phoneticPr fontId="6"/>
  </si>
  <si>
    <t>神奈川県海老名市国分南3-1062-95</t>
  </si>
  <si>
    <t>167351</t>
  </si>
  <si>
    <t>国分宮ノ台児童遊園</t>
    <rPh sb="0" eb="2">
      <t>コクブ</t>
    </rPh>
    <rPh sb="2" eb="3">
      <t>ミヤ</t>
    </rPh>
    <rPh sb="4" eb="5">
      <t>ダイ</t>
    </rPh>
    <rPh sb="5" eb="7">
      <t>ジドウ</t>
    </rPh>
    <rPh sb="7" eb="9">
      <t>ユウエン</t>
    </rPh>
    <phoneticPr fontId="6"/>
  </si>
  <si>
    <t>神奈川県海老名市国分南4-1350-9</t>
  </si>
  <si>
    <t>167352</t>
  </si>
  <si>
    <t>国分宮ノ台第二児童遊園</t>
    <rPh sb="0" eb="2">
      <t>コクブ</t>
    </rPh>
    <rPh sb="2" eb="3">
      <t>ミヤ</t>
    </rPh>
    <rPh sb="4" eb="5">
      <t>ダイ</t>
    </rPh>
    <rPh sb="5" eb="7">
      <t>ダイニ</t>
    </rPh>
    <rPh sb="7" eb="9">
      <t>ジドウ</t>
    </rPh>
    <rPh sb="9" eb="11">
      <t>ユウエン</t>
    </rPh>
    <phoneticPr fontId="6"/>
  </si>
  <si>
    <t>神奈川県海老名市国分南4-1347-7</t>
  </si>
  <si>
    <t>167353</t>
  </si>
  <si>
    <t>国分宮ノ台第三児童遊園</t>
    <rPh sb="0" eb="2">
      <t>コクブ</t>
    </rPh>
    <rPh sb="2" eb="3">
      <t>ミヤ</t>
    </rPh>
    <rPh sb="4" eb="5">
      <t>ダイ</t>
    </rPh>
    <rPh sb="5" eb="6">
      <t>ダイ</t>
    </rPh>
    <rPh sb="6" eb="7">
      <t>サン</t>
    </rPh>
    <rPh sb="7" eb="9">
      <t>ジドウ</t>
    </rPh>
    <rPh sb="9" eb="11">
      <t>ユウエン</t>
    </rPh>
    <phoneticPr fontId="6"/>
  </si>
  <si>
    <t>神奈川県海老名市国分南4-1344-6</t>
  </si>
  <si>
    <t>167354</t>
  </si>
  <si>
    <t>国分宮ノ台第四児童遊園</t>
    <rPh sb="0" eb="2">
      <t>コクブ</t>
    </rPh>
    <rPh sb="2" eb="3">
      <t>ミヤ</t>
    </rPh>
    <rPh sb="4" eb="5">
      <t>ダイ</t>
    </rPh>
    <rPh sb="5" eb="6">
      <t>ダイ</t>
    </rPh>
    <rPh sb="6" eb="7">
      <t>ヨン</t>
    </rPh>
    <rPh sb="7" eb="9">
      <t>ジドウ</t>
    </rPh>
    <rPh sb="9" eb="11">
      <t>ユウエン</t>
    </rPh>
    <phoneticPr fontId="6"/>
  </si>
  <si>
    <t>神奈川県海老名市国分南4-1336-27</t>
  </si>
  <si>
    <t>アスレチック遊具</t>
    <rPh sb="6" eb="8">
      <t>ユウグ</t>
    </rPh>
    <phoneticPr fontId="7"/>
  </si>
  <si>
    <t>167355</t>
  </si>
  <si>
    <t>神奈川県海老名市国分南4-1331-14</t>
  </si>
  <si>
    <t>167356</t>
  </si>
  <si>
    <t>国分宮ノ台第六公園</t>
    <rPh sb="0" eb="2">
      <t>コクブ</t>
    </rPh>
    <rPh sb="2" eb="3">
      <t>ミヤ</t>
    </rPh>
    <rPh sb="4" eb="5">
      <t>ダイ</t>
    </rPh>
    <rPh sb="5" eb="7">
      <t>ダイロク</t>
    </rPh>
    <rPh sb="7" eb="9">
      <t>コウエン</t>
    </rPh>
    <phoneticPr fontId="6"/>
  </si>
  <si>
    <t>神奈川県海老名市国分南4-1304-13</t>
  </si>
  <si>
    <t>167357</t>
  </si>
  <si>
    <t>坊原第一児童遊園</t>
    <rPh sb="0" eb="1">
      <t>ボウ</t>
    </rPh>
    <rPh sb="1" eb="2">
      <t>ハラ</t>
    </rPh>
    <rPh sb="2" eb="4">
      <t>ダイイチ</t>
    </rPh>
    <rPh sb="4" eb="6">
      <t>ジドウ</t>
    </rPh>
    <rPh sb="6" eb="8">
      <t>ユウエン</t>
    </rPh>
    <phoneticPr fontId="6"/>
  </si>
  <si>
    <t>神奈川県海老名市大谷北3-3635-11</t>
  </si>
  <si>
    <t>167358</t>
  </si>
  <si>
    <t>坊原第二児童遊園</t>
    <rPh sb="3" eb="4">
      <t>ニ</t>
    </rPh>
    <phoneticPr fontId="6"/>
  </si>
  <si>
    <t>神奈川県海老名市大谷北3-3645-30</t>
  </si>
  <si>
    <t>167359</t>
  </si>
  <si>
    <t>大谷吉久保児童遊園</t>
    <rPh sb="0" eb="2">
      <t>オオヤ</t>
    </rPh>
    <rPh sb="2" eb="3">
      <t>キチ</t>
    </rPh>
    <rPh sb="3" eb="5">
      <t>クボ</t>
    </rPh>
    <rPh sb="5" eb="7">
      <t>ジドウ</t>
    </rPh>
    <rPh sb="7" eb="9">
      <t>ユウエン</t>
    </rPh>
    <phoneticPr fontId="6"/>
  </si>
  <si>
    <t>神奈川県海老名市大谷南3-4756-5</t>
  </si>
  <si>
    <t>167360</t>
  </si>
  <si>
    <t>大谷市場公園</t>
    <rPh sb="0" eb="2">
      <t>オオヤ</t>
    </rPh>
    <rPh sb="2" eb="4">
      <t>シジョウ</t>
    </rPh>
    <rPh sb="4" eb="6">
      <t>コウエン</t>
    </rPh>
    <phoneticPr fontId="6"/>
  </si>
  <si>
    <t>神奈川県海老名市大谷北2-3923-9</t>
  </si>
  <si>
    <t>167361</t>
  </si>
  <si>
    <t>国分寺台樽井児童遊園</t>
    <rPh sb="0" eb="2">
      <t>コクブン</t>
    </rPh>
    <rPh sb="2" eb="3">
      <t>デラ</t>
    </rPh>
    <rPh sb="3" eb="4">
      <t>ダイ</t>
    </rPh>
    <rPh sb="4" eb="6">
      <t>タルイ</t>
    </rPh>
    <rPh sb="6" eb="8">
      <t>ジドウ</t>
    </rPh>
    <rPh sb="8" eb="10">
      <t>ユウエン</t>
    </rPh>
    <phoneticPr fontId="6"/>
  </si>
  <si>
    <t>神奈川県海老名市国分寺台3-5344-56</t>
  </si>
  <si>
    <t>167362</t>
  </si>
  <si>
    <t>国分寺台鍛冶返児童遊園</t>
    <rPh sb="0" eb="3">
      <t>コクブンジ</t>
    </rPh>
    <rPh sb="3" eb="4">
      <t>ダイ</t>
    </rPh>
    <rPh sb="4" eb="6">
      <t>カジ</t>
    </rPh>
    <rPh sb="6" eb="7">
      <t>ヘン</t>
    </rPh>
    <rPh sb="7" eb="9">
      <t>ジドウ</t>
    </rPh>
    <rPh sb="9" eb="11">
      <t>ユウエン</t>
    </rPh>
    <phoneticPr fontId="6"/>
  </si>
  <si>
    <t>神奈川県海老名市国分寺台5-5137-123</t>
  </si>
  <si>
    <t>167363</t>
  </si>
  <si>
    <t>中新田南田児童遊園</t>
    <rPh sb="0" eb="3">
      <t>ナカシンデン</t>
    </rPh>
    <rPh sb="3" eb="5">
      <t>ミナミダ</t>
    </rPh>
    <rPh sb="5" eb="7">
      <t>ジドウ</t>
    </rPh>
    <rPh sb="7" eb="9">
      <t>ユウエン</t>
    </rPh>
    <phoneticPr fontId="6"/>
  </si>
  <si>
    <t>神奈川県海老名市中新田1-722-4</t>
  </si>
  <si>
    <t>167364</t>
  </si>
  <si>
    <t>中新田蔵ノ下児童遊園</t>
    <rPh sb="0" eb="3">
      <t>ナカシンデン</t>
    </rPh>
    <rPh sb="3" eb="4">
      <t>クラ</t>
    </rPh>
    <rPh sb="5" eb="6">
      <t>シタ</t>
    </rPh>
    <rPh sb="6" eb="10">
      <t>ジドウユウエン</t>
    </rPh>
    <phoneticPr fontId="6"/>
  </si>
  <si>
    <t>神奈川県海老名市中新田2-892-7</t>
  </si>
  <si>
    <t>167365</t>
  </si>
  <si>
    <t>中新田五反田児童遊園</t>
    <rPh sb="0" eb="3">
      <t>ナカシンデン</t>
    </rPh>
    <rPh sb="3" eb="6">
      <t>ゴハンダ</t>
    </rPh>
    <rPh sb="6" eb="8">
      <t>ジドウ</t>
    </rPh>
    <rPh sb="8" eb="10">
      <t>ユウエン</t>
    </rPh>
    <phoneticPr fontId="6"/>
  </si>
  <si>
    <t>神奈川県海老名市河原口1-22-3</t>
  </si>
  <si>
    <t>167366</t>
  </si>
  <si>
    <t>中新田名古沢児童遊園</t>
    <rPh sb="0" eb="3">
      <t>ナカシンデン</t>
    </rPh>
    <rPh sb="3" eb="4">
      <t>ナ</t>
    </rPh>
    <rPh sb="4" eb="6">
      <t>コザワ</t>
    </rPh>
    <rPh sb="6" eb="8">
      <t>ジドウ</t>
    </rPh>
    <rPh sb="8" eb="10">
      <t>ユウエン</t>
    </rPh>
    <phoneticPr fontId="6"/>
  </si>
  <si>
    <t>神奈川県海老名市中新田2-174-3</t>
  </si>
  <si>
    <t>167367</t>
  </si>
  <si>
    <t>中新田神成畑児童遊園</t>
    <rPh sb="0" eb="3">
      <t>ナカシンデン</t>
    </rPh>
    <rPh sb="3" eb="5">
      <t>カミナリ</t>
    </rPh>
    <rPh sb="5" eb="6">
      <t>ハタケ</t>
    </rPh>
    <rPh sb="6" eb="8">
      <t>ジドウ</t>
    </rPh>
    <rPh sb="8" eb="10">
      <t>ユウエン</t>
    </rPh>
    <phoneticPr fontId="6"/>
  </si>
  <si>
    <t>神奈川県海老名市中新田3-2010-15</t>
  </si>
  <si>
    <t>167368</t>
  </si>
  <si>
    <t>神奈川県海老名市中新田1-337-5</t>
  </si>
  <si>
    <t>167369</t>
  </si>
  <si>
    <t>さつき町第二児童遊園</t>
    <rPh sb="3" eb="4">
      <t>チョウ</t>
    </rPh>
    <rPh sb="4" eb="6">
      <t>ダイニ</t>
    </rPh>
    <rPh sb="6" eb="8">
      <t>ジドウ</t>
    </rPh>
    <rPh sb="8" eb="10">
      <t>ユウエン</t>
    </rPh>
    <phoneticPr fontId="6"/>
  </si>
  <si>
    <t>神奈川県海老名市さつき町3-1</t>
  </si>
  <si>
    <t>167370</t>
  </si>
  <si>
    <t>河原口上島合児童遊園</t>
    <rPh sb="0" eb="2">
      <t>カワハラ</t>
    </rPh>
    <rPh sb="2" eb="3">
      <t>クチ</t>
    </rPh>
    <rPh sb="3" eb="5">
      <t>カミシマ</t>
    </rPh>
    <rPh sb="5" eb="6">
      <t>アイ</t>
    </rPh>
    <rPh sb="6" eb="8">
      <t>ジドウ</t>
    </rPh>
    <rPh sb="8" eb="10">
      <t>ユウエン</t>
    </rPh>
    <phoneticPr fontId="6"/>
  </si>
  <si>
    <t>神奈川県海老名市河原口2-644-5</t>
  </si>
  <si>
    <t>167371</t>
  </si>
  <si>
    <t>河原口代官分第二児童遊園</t>
    <rPh sb="0" eb="2">
      <t>カワハラ</t>
    </rPh>
    <rPh sb="2" eb="3">
      <t>クチ</t>
    </rPh>
    <rPh sb="3" eb="5">
      <t>ダイカン</t>
    </rPh>
    <rPh sb="5" eb="6">
      <t>ブン</t>
    </rPh>
    <rPh sb="6" eb="8">
      <t>ダイニ</t>
    </rPh>
    <rPh sb="8" eb="10">
      <t>ジドウ</t>
    </rPh>
    <rPh sb="10" eb="12">
      <t>ユウエン</t>
    </rPh>
    <phoneticPr fontId="6"/>
  </si>
  <si>
    <t>神奈川県海老名市河原口4-720-2</t>
  </si>
  <si>
    <t>167372</t>
  </si>
  <si>
    <t>河原口四大縄児童遊園</t>
    <rPh sb="0" eb="2">
      <t>カワハラ</t>
    </rPh>
    <rPh sb="2" eb="3">
      <t>クチ</t>
    </rPh>
    <rPh sb="3" eb="4">
      <t>ヨン</t>
    </rPh>
    <rPh sb="4" eb="5">
      <t>ダイ</t>
    </rPh>
    <rPh sb="5" eb="6">
      <t>ナワ</t>
    </rPh>
    <rPh sb="6" eb="8">
      <t>ジドウ</t>
    </rPh>
    <rPh sb="8" eb="10">
      <t>ユウエン</t>
    </rPh>
    <phoneticPr fontId="6"/>
  </si>
  <si>
    <t>167373</t>
  </si>
  <si>
    <t>河原口二大縄公園</t>
    <rPh sb="0" eb="2">
      <t>カワハラ</t>
    </rPh>
    <rPh sb="2" eb="3">
      <t>クチ</t>
    </rPh>
    <rPh sb="3" eb="5">
      <t>ニダイ</t>
    </rPh>
    <rPh sb="5" eb="6">
      <t>ナワ</t>
    </rPh>
    <rPh sb="6" eb="8">
      <t>コウエン</t>
    </rPh>
    <phoneticPr fontId="6"/>
  </si>
  <si>
    <t>神奈川県海老名市河原口5-1071-4</t>
  </si>
  <si>
    <t>167374</t>
  </si>
  <si>
    <t>いちご遊園</t>
    <rPh sb="3" eb="5">
      <t>ユウエン</t>
    </rPh>
    <phoneticPr fontId="6"/>
  </si>
  <si>
    <t>神奈川県海老名市上今泉1-5-6</t>
  </si>
  <si>
    <t>167375</t>
  </si>
  <si>
    <t>上今泉谷公園</t>
    <rPh sb="0" eb="6">
      <t>カミイマイズミタニコウエン</t>
    </rPh>
    <phoneticPr fontId="6"/>
  </si>
  <si>
    <t>神奈川県海老名市上今泉1-858-6</t>
  </si>
  <si>
    <t>167376</t>
  </si>
  <si>
    <t>上今泉第二児童遊園</t>
    <rPh sb="0" eb="3">
      <t>カミイマイズミ</t>
    </rPh>
    <rPh sb="3" eb="5">
      <t>ダイニ</t>
    </rPh>
    <rPh sb="5" eb="7">
      <t>ジドウ</t>
    </rPh>
    <rPh sb="7" eb="9">
      <t>ユウエン</t>
    </rPh>
    <phoneticPr fontId="6"/>
  </si>
  <si>
    <t>神奈川県海老名市上今泉2-1499-5</t>
  </si>
  <si>
    <t>167377</t>
  </si>
  <si>
    <t>上今泉才ノ神戸公園</t>
    <rPh sb="0" eb="3">
      <t>カミイマイズミ</t>
    </rPh>
    <rPh sb="3" eb="4">
      <t>サイ</t>
    </rPh>
    <rPh sb="5" eb="7">
      <t>コウベ</t>
    </rPh>
    <rPh sb="7" eb="9">
      <t>コウエン</t>
    </rPh>
    <phoneticPr fontId="6"/>
  </si>
  <si>
    <t>神奈川県海老名市上今泉2-2831-4</t>
  </si>
  <si>
    <t>167378</t>
  </si>
  <si>
    <t>上今泉涯第一児童遊園</t>
    <rPh sb="0" eb="3">
      <t>カミイマイズミ</t>
    </rPh>
    <rPh sb="3" eb="4">
      <t>ガイ</t>
    </rPh>
    <rPh sb="4" eb="6">
      <t>ダイイチ</t>
    </rPh>
    <rPh sb="6" eb="10">
      <t>ジドウユウエン</t>
    </rPh>
    <phoneticPr fontId="6"/>
  </si>
  <si>
    <t>神奈川県海老名市上今泉3-1905-8</t>
  </si>
  <si>
    <t>167379</t>
  </si>
  <si>
    <t>上今泉涯第二児童遊園</t>
    <rPh sb="0" eb="3">
      <t>カミイマイズミ</t>
    </rPh>
    <rPh sb="3" eb="4">
      <t>ガイ</t>
    </rPh>
    <rPh sb="4" eb="6">
      <t>ダイニ</t>
    </rPh>
    <rPh sb="6" eb="8">
      <t>ジドウ</t>
    </rPh>
    <rPh sb="8" eb="10">
      <t>ユウエン</t>
    </rPh>
    <phoneticPr fontId="6"/>
  </si>
  <si>
    <t>神奈川県海老名市上今泉3-1911-1</t>
  </si>
  <si>
    <t>167380</t>
  </si>
  <si>
    <t>上今泉第一児童遊園</t>
    <rPh sb="0" eb="3">
      <t>カミイマイズミ</t>
    </rPh>
    <rPh sb="3" eb="4">
      <t>ダイ</t>
    </rPh>
    <rPh sb="4" eb="6">
      <t>イチジ</t>
    </rPh>
    <rPh sb="6" eb="7">
      <t>ドウ</t>
    </rPh>
    <rPh sb="7" eb="9">
      <t>ユウエン</t>
    </rPh>
    <phoneticPr fontId="6"/>
  </si>
  <si>
    <t>神奈川県海老名市上今泉4-949-41</t>
  </si>
  <si>
    <t>167381</t>
  </si>
  <si>
    <t>上今泉小桜団地児童遊園</t>
    <rPh sb="0" eb="3">
      <t>カミイマイズミ</t>
    </rPh>
    <rPh sb="3" eb="4">
      <t>コ</t>
    </rPh>
    <rPh sb="4" eb="5">
      <t>ザクラ</t>
    </rPh>
    <rPh sb="5" eb="7">
      <t>ダンチ</t>
    </rPh>
    <rPh sb="7" eb="9">
      <t>ジドウ</t>
    </rPh>
    <rPh sb="9" eb="11">
      <t>ユウエン</t>
    </rPh>
    <phoneticPr fontId="6"/>
  </si>
  <si>
    <t>神奈川県海老名市上今泉4-842-27</t>
  </si>
  <si>
    <t>167382</t>
  </si>
  <si>
    <t>上今泉山野児童遊園</t>
    <rPh sb="0" eb="3">
      <t>カミイマイズミ</t>
    </rPh>
    <rPh sb="3" eb="5">
      <t>ヤマノ</t>
    </rPh>
    <rPh sb="5" eb="7">
      <t>ジドウ</t>
    </rPh>
    <rPh sb="7" eb="9">
      <t>ユウエン</t>
    </rPh>
    <phoneticPr fontId="6"/>
  </si>
  <si>
    <t>神奈川県海老名市上今泉4-1036-9</t>
  </si>
  <si>
    <t>167383</t>
  </si>
  <si>
    <t>上今泉第四児童遊園</t>
    <rPh sb="0" eb="3">
      <t>カミイマイズミ</t>
    </rPh>
    <rPh sb="3" eb="4">
      <t>ダイ</t>
    </rPh>
    <rPh sb="4" eb="5">
      <t>ヨン</t>
    </rPh>
    <rPh sb="5" eb="7">
      <t>ジドウ</t>
    </rPh>
    <rPh sb="7" eb="9">
      <t>ユウエン</t>
    </rPh>
    <phoneticPr fontId="6"/>
  </si>
  <si>
    <t>神奈川県海老名市上今泉5-31-4</t>
  </si>
  <si>
    <t>167384</t>
  </si>
  <si>
    <t>神奈川県海老名市柏ケ谷306-63</t>
  </si>
  <si>
    <t>167385</t>
  </si>
  <si>
    <t>神奈川県海老名市柏ケ谷291-34</t>
  </si>
  <si>
    <t>167386</t>
  </si>
  <si>
    <t>神奈川県海老名市柏ケ谷608-14</t>
  </si>
  <si>
    <t>167387</t>
  </si>
  <si>
    <t>神奈川県海老名市東柏ケ谷1-1625-54</t>
  </si>
  <si>
    <t>167388</t>
  </si>
  <si>
    <t>東柏ケ谷大道付児童遊園</t>
    <rPh sb="0" eb="4">
      <t>ヒガシカシワガヤ</t>
    </rPh>
    <rPh sb="4" eb="5">
      <t>ダイ</t>
    </rPh>
    <rPh sb="5" eb="6">
      <t>ミチ</t>
    </rPh>
    <rPh sb="6" eb="7">
      <t>ツ</t>
    </rPh>
    <rPh sb="7" eb="9">
      <t>ジドウ</t>
    </rPh>
    <rPh sb="9" eb="11">
      <t>ユウエン</t>
    </rPh>
    <phoneticPr fontId="6"/>
  </si>
  <si>
    <t>神奈川県海老名市東柏ケ谷4-1919-4</t>
  </si>
  <si>
    <t>167389</t>
  </si>
  <si>
    <t>神奈川県海老名市東柏ケ谷4-1985-76</t>
  </si>
  <si>
    <t>167390</t>
  </si>
  <si>
    <t>神奈川県海老名市東柏ケ谷4-1985-81</t>
  </si>
  <si>
    <t>167391</t>
  </si>
  <si>
    <t>神奈川県海老名市東柏ケ谷4-1985-185</t>
  </si>
  <si>
    <t>167392</t>
  </si>
  <si>
    <t>神奈川県海老名市東柏ケ谷4-2082-2</t>
  </si>
  <si>
    <t>167393</t>
  </si>
  <si>
    <t>東柏ケ谷東原第三公園</t>
    <rPh sb="0" eb="4">
      <t>ヒガシカシワガヤ</t>
    </rPh>
    <rPh sb="4" eb="6">
      <t>ヒガシハラ</t>
    </rPh>
    <rPh sb="6" eb="7">
      <t>ダイ</t>
    </rPh>
    <rPh sb="7" eb="8">
      <t>サン</t>
    </rPh>
    <rPh sb="8" eb="10">
      <t>コウエン</t>
    </rPh>
    <phoneticPr fontId="6"/>
  </si>
  <si>
    <t>神奈川県海老名市東柏ケ谷5-1418-73</t>
  </si>
  <si>
    <t>167394</t>
  </si>
  <si>
    <t>167395</t>
  </si>
  <si>
    <t>167396</t>
  </si>
  <si>
    <t>さがみ野児童遊園</t>
    <rPh sb="3" eb="4">
      <t>ノ</t>
    </rPh>
    <rPh sb="4" eb="6">
      <t>ジドウ</t>
    </rPh>
    <rPh sb="6" eb="8">
      <t>ユウエン</t>
    </rPh>
    <phoneticPr fontId="6"/>
  </si>
  <si>
    <t>167397</t>
  </si>
  <si>
    <t>東柏ケ谷東原第四公園</t>
    <rPh sb="0" eb="4">
      <t>ヒガシカシワガヤ</t>
    </rPh>
    <rPh sb="4" eb="6">
      <t>ヒガシハラ</t>
    </rPh>
    <rPh sb="6" eb="7">
      <t>ダイ</t>
    </rPh>
    <rPh sb="7" eb="8">
      <t>ヨン</t>
    </rPh>
    <rPh sb="8" eb="10">
      <t>コウエン</t>
    </rPh>
    <phoneticPr fontId="6"/>
  </si>
  <si>
    <t>167398</t>
  </si>
  <si>
    <t>望地道上児童公園</t>
    <rPh sb="0" eb="2">
      <t>モウチ</t>
    </rPh>
    <rPh sb="2" eb="4">
      <t>ミチカミ</t>
    </rPh>
    <rPh sb="4" eb="6">
      <t>ジドウ</t>
    </rPh>
    <rPh sb="6" eb="8">
      <t>コウエン</t>
    </rPh>
    <phoneticPr fontId="6"/>
  </si>
  <si>
    <t>神奈川県海老名市望地2-341-4</t>
  </si>
  <si>
    <t>167399</t>
  </si>
  <si>
    <t>中河内中道児童遊園</t>
    <rPh sb="0" eb="2">
      <t>ナカカワ</t>
    </rPh>
    <rPh sb="2" eb="3">
      <t>ウチ</t>
    </rPh>
    <rPh sb="3" eb="5">
      <t>ナカミチ</t>
    </rPh>
    <rPh sb="5" eb="7">
      <t>ジドウ</t>
    </rPh>
    <rPh sb="7" eb="9">
      <t>ユウエン</t>
    </rPh>
    <phoneticPr fontId="6"/>
  </si>
  <si>
    <t>神奈川県海老名市中河内1392-5</t>
  </si>
  <si>
    <t>167400</t>
  </si>
  <si>
    <t>中野桜野児童遊園</t>
    <rPh sb="0" eb="2">
      <t>ナカノ</t>
    </rPh>
    <rPh sb="2" eb="3">
      <t>サクラ</t>
    </rPh>
    <rPh sb="3" eb="4">
      <t>ノ</t>
    </rPh>
    <rPh sb="4" eb="6">
      <t>ジドウ</t>
    </rPh>
    <rPh sb="6" eb="8">
      <t>ユウエン</t>
    </rPh>
    <phoneticPr fontId="6"/>
  </si>
  <si>
    <t>神奈川県海老名市中野2-184-2</t>
  </si>
  <si>
    <t>167401</t>
  </si>
  <si>
    <t>中野雪里児童遊園</t>
    <rPh sb="0" eb="2">
      <t>ナカノ</t>
    </rPh>
    <rPh sb="2" eb="3">
      <t>ユキ</t>
    </rPh>
    <rPh sb="3" eb="4">
      <t>サト</t>
    </rPh>
    <rPh sb="4" eb="6">
      <t>ジドウ</t>
    </rPh>
    <rPh sb="6" eb="8">
      <t>ユウエン</t>
    </rPh>
    <phoneticPr fontId="6"/>
  </si>
  <si>
    <t>神奈川県海老名市中野2-780-17</t>
  </si>
  <si>
    <t>167402</t>
  </si>
  <si>
    <t>今里第一児童遊園</t>
    <rPh sb="0" eb="2">
      <t>イマザト</t>
    </rPh>
    <rPh sb="2" eb="4">
      <t>ダイイチ</t>
    </rPh>
    <rPh sb="4" eb="6">
      <t>ジドウ</t>
    </rPh>
    <rPh sb="6" eb="8">
      <t>ユウエン</t>
    </rPh>
    <phoneticPr fontId="6"/>
  </si>
  <si>
    <t>神奈川県海老名市今里2-408-25</t>
  </si>
  <si>
    <t>167403</t>
  </si>
  <si>
    <t>杉久保釜坂公園</t>
    <rPh sb="0" eb="3">
      <t>スギクボ</t>
    </rPh>
    <rPh sb="3" eb="5">
      <t>カマサカ</t>
    </rPh>
    <rPh sb="5" eb="7">
      <t>コウエン</t>
    </rPh>
    <phoneticPr fontId="6"/>
  </si>
  <si>
    <t>神奈川県海老名市杉久保北3-4906-14</t>
  </si>
  <si>
    <t>167404</t>
  </si>
  <si>
    <t>杉久保蓮谷児童遊園</t>
    <rPh sb="0" eb="3">
      <t>スギクボ</t>
    </rPh>
    <rPh sb="3" eb="5">
      <t>ハスタニ</t>
    </rPh>
    <rPh sb="5" eb="7">
      <t>ジドウ</t>
    </rPh>
    <rPh sb="7" eb="9">
      <t>ユウエン</t>
    </rPh>
    <phoneticPr fontId="6"/>
  </si>
  <si>
    <t>神奈川県海老名市杉久保北5-2122-12</t>
  </si>
  <si>
    <t>167405</t>
  </si>
  <si>
    <t>杉久保団地児童遊園</t>
    <rPh sb="0" eb="3">
      <t>スギクボ</t>
    </rPh>
    <rPh sb="3" eb="5">
      <t>ダンチ</t>
    </rPh>
    <rPh sb="5" eb="7">
      <t>ジドウ</t>
    </rPh>
    <rPh sb="7" eb="9">
      <t>ユウエン</t>
    </rPh>
    <phoneticPr fontId="6"/>
  </si>
  <si>
    <t>神奈川県海老名市杉久保南4-2580-1</t>
  </si>
  <si>
    <t>167406</t>
  </si>
  <si>
    <t>本郷本宿児童遊園</t>
    <rPh sb="0" eb="2">
      <t>ホンゴウ</t>
    </rPh>
    <rPh sb="2" eb="4">
      <t>ホンジュク</t>
    </rPh>
    <rPh sb="4" eb="6">
      <t>ジドウ</t>
    </rPh>
    <rPh sb="6" eb="8">
      <t>ユウエン</t>
    </rPh>
    <phoneticPr fontId="6"/>
  </si>
  <si>
    <t>神奈川県海老名市本郷2298-1</t>
  </si>
  <si>
    <t>167407</t>
  </si>
  <si>
    <t>門沢橋新田第一児童遊園</t>
    <rPh sb="0" eb="3">
      <t>カドサワバシ</t>
    </rPh>
    <rPh sb="3" eb="5">
      <t>シンデン</t>
    </rPh>
    <rPh sb="5" eb="6">
      <t>ダイ</t>
    </rPh>
    <rPh sb="6" eb="8">
      <t>イチジ</t>
    </rPh>
    <rPh sb="8" eb="9">
      <t>ドウ</t>
    </rPh>
    <rPh sb="9" eb="11">
      <t>ユウエン</t>
    </rPh>
    <phoneticPr fontId="6"/>
  </si>
  <si>
    <t>神奈川県海老名市門沢橋3-1067-4</t>
  </si>
  <si>
    <t>167408</t>
  </si>
  <si>
    <t>門沢橋新田第二児童遊園</t>
    <rPh sb="0" eb="3">
      <t>カドサワバシ</t>
    </rPh>
    <rPh sb="3" eb="5">
      <t>シンデン</t>
    </rPh>
    <rPh sb="5" eb="7">
      <t>ダイニ</t>
    </rPh>
    <rPh sb="7" eb="9">
      <t>ジドウ</t>
    </rPh>
    <rPh sb="9" eb="11">
      <t>ユウエン</t>
    </rPh>
    <phoneticPr fontId="6"/>
  </si>
  <si>
    <t>神奈川県海老名市門沢橋3-1067-34</t>
  </si>
  <si>
    <t>167409</t>
  </si>
  <si>
    <t>神奈川県海老名市柏ケ谷1084-1</t>
  </si>
  <si>
    <t>167410</t>
  </si>
  <si>
    <t>望地道上第三公園</t>
    <rPh sb="0" eb="2">
      <t>モウチ</t>
    </rPh>
    <rPh sb="2" eb="4">
      <t>ミチガミ</t>
    </rPh>
    <rPh sb="4" eb="5">
      <t>ダイ</t>
    </rPh>
    <rPh sb="5" eb="6">
      <t>サン</t>
    </rPh>
    <rPh sb="6" eb="8">
      <t>コウエン</t>
    </rPh>
    <phoneticPr fontId="6"/>
  </si>
  <si>
    <t>167411</t>
  </si>
  <si>
    <t>望地道上第四公園</t>
    <rPh sb="5" eb="6">
      <t>ヨン</t>
    </rPh>
    <phoneticPr fontId="6"/>
  </si>
  <si>
    <t>167412</t>
  </si>
  <si>
    <t>中野月ノ浦公園</t>
    <rPh sb="0" eb="2">
      <t>ナカノ</t>
    </rPh>
    <rPh sb="2" eb="3">
      <t>ツキ</t>
    </rPh>
    <rPh sb="4" eb="5">
      <t>ウラ</t>
    </rPh>
    <rPh sb="5" eb="7">
      <t>コウエン</t>
    </rPh>
    <phoneticPr fontId="6"/>
  </si>
  <si>
    <t>神奈川県海老名市中野1-414-6</t>
  </si>
  <si>
    <t>167413</t>
  </si>
  <si>
    <t>神奈川県海老名市柏ケ谷240-4</t>
  </si>
  <si>
    <t>167414</t>
  </si>
  <si>
    <t>神奈川県海老名市柏ケ谷386-5</t>
  </si>
  <si>
    <t>167415</t>
  </si>
  <si>
    <t>河原口一大縄公園</t>
    <rPh sb="0" eb="3">
      <t>カワラグチ</t>
    </rPh>
    <rPh sb="3" eb="4">
      <t>イチ</t>
    </rPh>
    <rPh sb="4" eb="6">
      <t>オオナワ</t>
    </rPh>
    <rPh sb="6" eb="8">
      <t>コウエン</t>
    </rPh>
    <phoneticPr fontId="6"/>
  </si>
  <si>
    <t>神奈川県海老名市河原口5-923-13</t>
  </si>
  <si>
    <t>太鼓橋、タイヤ遊具</t>
    <rPh sb="0" eb="3">
      <t>タイコバシ</t>
    </rPh>
    <rPh sb="7" eb="9">
      <t>ユウグ</t>
    </rPh>
    <phoneticPr fontId="7"/>
  </si>
  <si>
    <t>167416</t>
  </si>
  <si>
    <t>柏ケ谷峰下第二公園</t>
    <rPh sb="0" eb="3">
      <t>カシワガヤ</t>
    </rPh>
    <rPh sb="3" eb="5">
      <t>ミネシタ</t>
    </rPh>
    <rPh sb="5" eb="7">
      <t>ダイ２</t>
    </rPh>
    <rPh sb="7" eb="9">
      <t>コウエン</t>
    </rPh>
    <phoneticPr fontId="6"/>
  </si>
  <si>
    <t>神奈川県海老名市柏ケ谷399-9</t>
  </si>
  <si>
    <t>167417</t>
  </si>
  <si>
    <t>神奈川県海老名市柏ケ谷275-13</t>
  </si>
  <si>
    <t>167418</t>
  </si>
  <si>
    <t>神奈川県海老名市柏ケ谷230-1</t>
  </si>
  <si>
    <t>167419</t>
  </si>
  <si>
    <t>167420</t>
  </si>
  <si>
    <t>国分押堀児童遊園</t>
    <rPh sb="0" eb="2">
      <t>コクブン</t>
    </rPh>
    <rPh sb="2" eb="3">
      <t>オシ</t>
    </rPh>
    <rPh sb="3" eb="4">
      <t>ボリ</t>
    </rPh>
    <rPh sb="4" eb="6">
      <t>ジドウ</t>
    </rPh>
    <rPh sb="6" eb="8">
      <t>ユウエン</t>
    </rPh>
    <phoneticPr fontId="6"/>
  </si>
  <si>
    <t>神奈川県海老名市中央1-243-3</t>
  </si>
  <si>
    <t>167421</t>
  </si>
  <si>
    <t>大谷神明社児童遊園</t>
    <rPh sb="0" eb="2">
      <t>オオヤ</t>
    </rPh>
    <rPh sb="2" eb="4">
      <t>シンメイ</t>
    </rPh>
    <rPh sb="4" eb="5">
      <t>シャ</t>
    </rPh>
    <rPh sb="5" eb="9">
      <t>ジドウユウエン</t>
    </rPh>
    <phoneticPr fontId="6"/>
  </si>
  <si>
    <t>神奈川県海老名市大谷北2-3888</t>
  </si>
  <si>
    <t>167422</t>
  </si>
  <si>
    <t>中新田第一児童遊園</t>
    <rPh sb="0" eb="3">
      <t>ナカシンデン</t>
    </rPh>
    <rPh sb="3" eb="4">
      <t>ダイ</t>
    </rPh>
    <rPh sb="4" eb="5">
      <t>イチ</t>
    </rPh>
    <rPh sb="5" eb="9">
      <t>ジドウユウエン</t>
    </rPh>
    <phoneticPr fontId="6"/>
  </si>
  <si>
    <t>神奈川県海老名市中新田3-2066-1</t>
  </si>
  <si>
    <t>167423</t>
  </si>
  <si>
    <t>中新田諏訪神社児童遊園</t>
    <rPh sb="0" eb="3">
      <t>ナカシンデン</t>
    </rPh>
    <rPh sb="3" eb="5">
      <t>スワ</t>
    </rPh>
    <rPh sb="5" eb="7">
      <t>ジンジャ</t>
    </rPh>
    <rPh sb="7" eb="9">
      <t>ジドウ</t>
    </rPh>
    <rPh sb="9" eb="11">
      <t>ユウエン</t>
    </rPh>
    <phoneticPr fontId="6"/>
  </si>
  <si>
    <t>神奈川県海老名市中新田2-828-1</t>
  </si>
  <si>
    <t>167424</t>
  </si>
  <si>
    <t>今里八幡社児童遊園</t>
    <rPh sb="0" eb="2">
      <t>イマザト</t>
    </rPh>
    <rPh sb="2" eb="3">
      <t>ハチ</t>
    </rPh>
    <rPh sb="3" eb="4">
      <t>マン</t>
    </rPh>
    <rPh sb="4" eb="5">
      <t>シャ</t>
    </rPh>
    <rPh sb="5" eb="7">
      <t>ジドウ</t>
    </rPh>
    <rPh sb="7" eb="9">
      <t>ユウエン</t>
    </rPh>
    <phoneticPr fontId="6"/>
  </si>
  <si>
    <t>神奈川県海老名市今里1-274</t>
  </si>
  <si>
    <t>167425</t>
  </si>
  <si>
    <t>勝瀬小宝児童遊園</t>
    <rPh sb="0" eb="2">
      <t>カツセ</t>
    </rPh>
    <rPh sb="2" eb="3">
      <t>ショウ</t>
    </rPh>
    <rPh sb="3" eb="4">
      <t>タカラ</t>
    </rPh>
    <rPh sb="4" eb="6">
      <t>ジドウ</t>
    </rPh>
    <rPh sb="6" eb="8">
      <t>ユウエン</t>
    </rPh>
    <phoneticPr fontId="6"/>
  </si>
  <si>
    <t>神奈川県海老名市勝瀬220-1</t>
  </si>
  <si>
    <t>167426</t>
  </si>
  <si>
    <t>社家児童館児童遊園</t>
    <rPh sb="0" eb="2">
      <t>シャケ</t>
    </rPh>
    <rPh sb="2" eb="4">
      <t>ジドウ</t>
    </rPh>
    <rPh sb="4" eb="5">
      <t>カン</t>
    </rPh>
    <rPh sb="5" eb="7">
      <t>ジドウ</t>
    </rPh>
    <rPh sb="7" eb="9">
      <t>ユウエン</t>
    </rPh>
    <phoneticPr fontId="6"/>
  </si>
  <si>
    <t>入町まちかど公園</t>
    <phoneticPr fontId="7"/>
  </si>
  <si>
    <t>常時開園（管理事務所は8：30～17：15）</t>
    <rPh sb="5" eb="7">
      <t>カンリ</t>
    </rPh>
    <rPh sb="7" eb="9">
      <t>ジム</t>
    </rPh>
    <rPh sb="9" eb="10">
      <t>ショ</t>
    </rPh>
    <phoneticPr fontId="7"/>
  </si>
  <si>
    <t>常時開園（駐車場は夏期期間のみ有り。有料）</t>
    <rPh sb="5" eb="8">
      <t>チュウシャジョウ</t>
    </rPh>
    <rPh sb="9" eb="11">
      <t>カキ</t>
    </rPh>
    <rPh sb="11" eb="13">
      <t>キカン</t>
    </rPh>
    <rPh sb="15" eb="16">
      <t>ア</t>
    </rPh>
    <rPh sb="18" eb="20">
      <t>ユウリョウ</t>
    </rPh>
    <phoneticPr fontId="7"/>
  </si>
  <si>
    <t>サイクルステーション</t>
    <phoneticPr fontId="7"/>
  </si>
  <si>
    <t>ボール入れ</t>
    <rPh sb="3" eb="4">
      <t>イ</t>
    </rPh>
    <phoneticPr fontId="7"/>
  </si>
  <si>
    <t>泉鏡花文学碑</t>
    <rPh sb="0" eb="1">
      <t>イズミ</t>
    </rPh>
    <rPh sb="1" eb="2">
      <t>カガミ</t>
    </rPh>
    <rPh sb="2" eb="3">
      <t>ハナ</t>
    </rPh>
    <rPh sb="3" eb="5">
      <t>ブンガク</t>
    </rPh>
    <rPh sb="5" eb="6">
      <t>ヒ</t>
    </rPh>
    <phoneticPr fontId="7"/>
  </si>
  <si>
    <t>うんてい</t>
    <phoneticPr fontId="7"/>
  </si>
  <si>
    <t>太鼓梯子うんてい、ボール入れ</t>
    <rPh sb="12" eb="13">
      <t>イ</t>
    </rPh>
    <phoneticPr fontId="7"/>
  </si>
  <si>
    <t>つつじが丘公園</t>
    <phoneticPr fontId="7"/>
  </si>
  <si>
    <t>スポーツ広場</t>
    <rPh sb="4" eb="6">
      <t>ヒロバ</t>
    </rPh>
    <phoneticPr fontId="7"/>
  </si>
  <si>
    <t>史跡田名向原遺跡旧石器時代学習館、竪穴住居等</t>
    <rPh sb="0" eb="2">
      <t>シセキ</t>
    </rPh>
    <rPh sb="2" eb="4">
      <t>タナ</t>
    </rPh>
    <rPh sb="4" eb="6">
      <t>ムカイハラ</t>
    </rPh>
    <rPh sb="6" eb="8">
      <t>イセキ</t>
    </rPh>
    <rPh sb="8" eb="11">
      <t>キュウセッキ</t>
    </rPh>
    <rPh sb="11" eb="13">
      <t>ジダイ</t>
    </rPh>
    <rPh sb="13" eb="15">
      <t>ガクシュウ</t>
    </rPh>
    <rPh sb="15" eb="16">
      <t>カン</t>
    </rPh>
    <rPh sb="17" eb="19">
      <t>タテアナ</t>
    </rPh>
    <rPh sb="19" eb="21">
      <t>ジュウキョ</t>
    </rPh>
    <rPh sb="21" eb="22">
      <t>トウ</t>
    </rPh>
    <phoneticPr fontId="7"/>
  </si>
  <si>
    <t>迷路遊具、プレイウォール</t>
    <phoneticPr fontId="7"/>
  </si>
  <si>
    <t>竪穴住居等</t>
    <rPh sb="0" eb="2">
      <t>タテアナ</t>
    </rPh>
    <rPh sb="2" eb="4">
      <t>ジュウキョ</t>
    </rPh>
    <rPh sb="4" eb="5">
      <t>トウ</t>
    </rPh>
    <phoneticPr fontId="7"/>
  </si>
  <si>
    <t>動物のオブジェ、平均台</t>
    <phoneticPr fontId="7"/>
  </si>
  <si>
    <t>スポーツ広場、ニュースポーツ広場、広場</t>
    <rPh sb="4" eb="6">
      <t>ヒロバ</t>
    </rPh>
    <rPh sb="14" eb="16">
      <t>ヒロバ</t>
    </rPh>
    <rPh sb="17" eb="19">
      <t>ヒロバ</t>
    </rPh>
    <phoneticPr fontId="7"/>
  </si>
  <si>
    <t>古民家園、広場</t>
    <rPh sb="0" eb="3">
      <t>コミンカ</t>
    </rPh>
    <rPh sb="3" eb="4">
      <t>エン</t>
    </rPh>
    <rPh sb="5" eb="7">
      <t>ヒロバ</t>
    </rPh>
    <phoneticPr fontId="7"/>
  </si>
  <si>
    <t>034541</t>
    <phoneticPr fontId="10"/>
  </si>
  <si>
    <t>グラウンド、多目的フィールド</t>
    <rPh sb="6" eb="9">
      <t>タモクテキ</t>
    </rPh>
    <phoneticPr fontId="7"/>
  </si>
  <si>
    <t>スポーツ広場、梅園、アジサイ園、花木園、ピクニック広場、水辺の広場、菖蒲田、郷土の森、ロックガーデン、芸術のプロムナード</t>
    <rPh sb="4" eb="6">
      <t>ヒロバ</t>
    </rPh>
    <rPh sb="7" eb="9">
      <t>バイエン</t>
    </rPh>
    <rPh sb="14" eb="15">
      <t>エン</t>
    </rPh>
    <rPh sb="16" eb="18">
      <t>ハナキ</t>
    </rPh>
    <rPh sb="18" eb="19">
      <t>エン</t>
    </rPh>
    <rPh sb="25" eb="27">
      <t>ヒロバ</t>
    </rPh>
    <rPh sb="28" eb="30">
      <t>ミズベ</t>
    </rPh>
    <rPh sb="31" eb="33">
      <t>ヒロバ</t>
    </rPh>
    <rPh sb="34" eb="36">
      <t>ショウブ</t>
    </rPh>
    <rPh sb="36" eb="37">
      <t>タ</t>
    </rPh>
    <rPh sb="38" eb="40">
      <t>キョウド</t>
    </rPh>
    <rPh sb="41" eb="42">
      <t>モリ</t>
    </rPh>
    <rPh sb="51" eb="53">
      <t>ゲイジュツ</t>
    </rPh>
    <phoneticPr fontId="7"/>
  </si>
  <si>
    <t>人工芝グラウンド（Ｈ29.4.1供用開始予定）、広場</t>
    <rPh sb="0" eb="2">
      <t>ジンコウ</t>
    </rPh>
    <rPh sb="2" eb="3">
      <t>シバ</t>
    </rPh>
    <rPh sb="16" eb="18">
      <t>キョウヨウ</t>
    </rPh>
    <rPh sb="18" eb="20">
      <t>カイシ</t>
    </rPh>
    <rPh sb="20" eb="22">
      <t>ヨテイ</t>
    </rPh>
    <rPh sb="24" eb="26">
      <t>ヒロバ</t>
    </rPh>
    <phoneticPr fontId="7"/>
  </si>
  <si>
    <t>034584</t>
    <phoneticPr fontId="7"/>
  </si>
  <si>
    <t>034587</t>
    <phoneticPr fontId="7"/>
  </si>
  <si>
    <t>034588</t>
    <phoneticPr fontId="7"/>
  </si>
  <si>
    <t>横山丘陵緑地</t>
    <rPh sb="0" eb="2">
      <t>ヨコヤマ</t>
    </rPh>
    <rPh sb="2" eb="4">
      <t>キュウリョウ</t>
    </rPh>
    <rPh sb="4" eb="6">
      <t>リョクチ</t>
    </rPh>
    <phoneticPr fontId="7"/>
  </si>
  <si>
    <t>034591</t>
  </si>
  <si>
    <t>面積</t>
    <phoneticPr fontId="7"/>
  </si>
  <si>
    <t>公園種別</t>
    <phoneticPr fontId="7"/>
  </si>
  <si>
    <t>トイレ</t>
    <phoneticPr fontId="7"/>
  </si>
  <si>
    <t>水飲み・手洗い</t>
    <phoneticPr fontId="7"/>
  </si>
  <si>
    <t>機関車（D51）の展示有※スポーツ施設の利用にあたっては、関連リンクをご確認ください。</t>
    <rPh sb="0" eb="3">
      <t>キカンシャ</t>
    </rPh>
    <rPh sb="9" eb="11">
      <t>テンジ</t>
    </rPh>
    <rPh sb="11" eb="12">
      <t>アリ</t>
    </rPh>
    <rPh sb="20" eb="22">
      <t>リヨウ</t>
    </rPh>
    <rPh sb="29" eb="31">
      <t>カンレン</t>
    </rPh>
    <rPh sb="36" eb="38">
      <t>カクニン</t>
    </rPh>
    <phoneticPr fontId="7"/>
  </si>
  <si>
    <t>キャンプ場有※利用にあたっては、関連リンクをご確認ください。</t>
    <rPh sb="7" eb="9">
      <t>リヨウ</t>
    </rPh>
    <rPh sb="16" eb="18">
      <t>カンレン</t>
    </rPh>
    <rPh sb="23" eb="25">
      <t>カクニン</t>
    </rPh>
    <phoneticPr fontId="7"/>
  </si>
  <si>
    <t>「馬・ポニー」は隣接する馬の博物館。※利用にあたっては、関連リンクをご確認ください。</t>
    <phoneticPr fontId="7"/>
  </si>
  <si>
    <t>アーチェリー場有※利用にあたっては関連リンクをご確認ください。</t>
    <rPh sb="6" eb="7">
      <t>ジョウ</t>
    </rPh>
    <rPh sb="7" eb="8">
      <t>アリ</t>
    </rPh>
    <rPh sb="17" eb="19">
      <t>カンレン</t>
    </rPh>
    <phoneticPr fontId="7"/>
  </si>
  <si>
    <t>海水浴可※利用にあたっては、関連リンクをご確認ください。</t>
    <rPh sb="0" eb="3">
      <t>カイスイヨク</t>
    </rPh>
    <rPh sb="3" eb="4">
      <t>カ</t>
    </rPh>
    <rPh sb="14" eb="16">
      <t>カンレン</t>
    </rPh>
    <phoneticPr fontId="7"/>
  </si>
  <si>
    <t>動物園有※利用にあたっては関連リンクををご確認ください。</t>
    <rPh sb="0" eb="2">
      <t>ドウブツ</t>
    </rPh>
    <rPh sb="2" eb="3">
      <t>エン</t>
    </rPh>
    <rPh sb="3" eb="4">
      <t>アリ</t>
    </rPh>
    <phoneticPr fontId="7"/>
  </si>
  <si>
    <t>動物園有※利用にあたっては関連リンクををご確認ください。</t>
    <rPh sb="0" eb="3">
      <t>ドウブツエン</t>
    </rPh>
    <rPh sb="3" eb="4">
      <t>アリ</t>
    </rPh>
    <phoneticPr fontId="7"/>
  </si>
  <si>
    <t>動物園有※利用にあたっては、関連リンクをご確認ください。</t>
    <rPh sb="0" eb="2">
      <t>ドウブツ</t>
    </rPh>
    <rPh sb="2" eb="3">
      <t>エン</t>
    </rPh>
    <rPh sb="3" eb="4">
      <t>ア</t>
    </rPh>
    <phoneticPr fontId="7"/>
  </si>
  <si>
    <t>イトーピア中央公園・児童遊園</t>
    <rPh sb="5" eb="7">
      <t>チュウオウ</t>
    </rPh>
    <rPh sb="7" eb="9">
      <t>コウエン</t>
    </rPh>
    <phoneticPr fontId="7"/>
  </si>
  <si>
    <t>杉久保下原第一公園</t>
    <rPh sb="0" eb="3">
      <t>スギクボ</t>
    </rPh>
    <rPh sb="3" eb="5">
      <t>シモハラ</t>
    </rPh>
    <rPh sb="5" eb="7">
      <t>ダイイチ</t>
    </rPh>
    <rPh sb="7" eb="9">
      <t>コウエン</t>
    </rPh>
    <phoneticPr fontId="7"/>
  </si>
  <si>
    <t>柏ケ谷瀧ノ本公園</t>
    <rPh sb="0" eb="3">
      <t>カシワガヤ</t>
    </rPh>
    <rPh sb="3" eb="4">
      <t>タキ</t>
    </rPh>
    <rPh sb="5" eb="6">
      <t>モト</t>
    </rPh>
    <rPh sb="6" eb="8">
      <t>コウエン</t>
    </rPh>
    <phoneticPr fontId="6"/>
  </si>
  <si>
    <t>柏ケ谷瀧ノ本第二公園</t>
    <rPh sb="0" eb="3">
      <t>カシワガヤ</t>
    </rPh>
    <rPh sb="3" eb="4">
      <t>ダキ</t>
    </rPh>
    <rPh sb="5" eb="6">
      <t>モト</t>
    </rPh>
    <rPh sb="6" eb="8">
      <t>ダイニ</t>
    </rPh>
    <rPh sb="8" eb="10">
      <t>コウエン</t>
    </rPh>
    <phoneticPr fontId="6"/>
  </si>
  <si>
    <t>柏ケ谷天谷原公園</t>
    <rPh sb="0" eb="3">
      <t>カシワガヤ</t>
    </rPh>
    <rPh sb="3" eb="5">
      <t>テンタニ</t>
    </rPh>
    <rPh sb="5" eb="6">
      <t>ハラ</t>
    </rPh>
    <rPh sb="6" eb="8">
      <t>コウエン</t>
    </rPh>
    <phoneticPr fontId="6"/>
  </si>
  <si>
    <t>柏ケ谷中原児童遊園</t>
    <rPh sb="0" eb="3">
      <t>カシワガヤ</t>
    </rPh>
    <rPh sb="3" eb="5">
      <t>ナカハラ</t>
    </rPh>
    <rPh sb="5" eb="7">
      <t>ジドウ</t>
    </rPh>
    <rPh sb="7" eb="9">
      <t>ユウエン</t>
    </rPh>
    <phoneticPr fontId="6"/>
  </si>
  <si>
    <t>柏ケ谷東原児童遊園</t>
    <rPh sb="0" eb="3">
      <t>カシワガヤ</t>
    </rPh>
    <rPh sb="3" eb="5">
      <t>ヒガシバラ</t>
    </rPh>
    <rPh sb="5" eb="7">
      <t>ジドウ</t>
    </rPh>
    <rPh sb="7" eb="9">
      <t>ユウエン</t>
    </rPh>
    <phoneticPr fontId="6"/>
  </si>
  <si>
    <t>柏ケ谷東原第二児童遊園</t>
    <rPh sb="0" eb="3">
      <t>カシワガヤ</t>
    </rPh>
    <rPh sb="3" eb="5">
      <t>ヒガシハラ</t>
    </rPh>
    <rPh sb="5" eb="7">
      <t>ダイニ</t>
    </rPh>
    <rPh sb="7" eb="9">
      <t>ジドウ</t>
    </rPh>
    <rPh sb="9" eb="11">
      <t>ユウエン</t>
    </rPh>
    <phoneticPr fontId="6"/>
  </si>
  <si>
    <t>柏ケ谷長ヲサ第二公園</t>
    <rPh sb="0" eb="3">
      <t>カシワガヤ</t>
    </rPh>
    <rPh sb="3" eb="4">
      <t>ナガ</t>
    </rPh>
    <rPh sb="6" eb="8">
      <t>ダイニ</t>
    </rPh>
    <rPh sb="8" eb="10">
      <t>コウエン</t>
    </rPh>
    <phoneticPr fontId="6"/>
  </si>
  <si>
    <t>柏ケ谷瀧ノ本広場</t>
    <rPh sb="0" eb="3">
      <t>カシワガヤ</t>
    </rPh>
    <rPh sb="3" eb="4">
      <t>タキ</t>
    </rPh>
    <rPh sb="5" eb="6">
      <t>モト</t>
    </rPh>
    <rPh sb="6" eb="8">
      <t>ヒロバ</t>
    </rPh>
    <phoneticPr fontId="6"/>
  </si>
  <si>
    <t>柏ケ谷峰下公園</t>
    <rPh sb="0" eb="3">
      <t>カシワガヤ</t>
    </rPh>
    <rPh sb="3" eb="4">
      <t>ミネ</t>
    </rPh>
    <rPh sb="4" eb="5">
      <t>シタ</t>
    </rPh>
    <rPh sb="5" eb="7">
      <t>コウエン</t>
    </rPh>
    <phoneticPr fontId="6"/>
  </si>
  <si>
    <t>柏ケ谷瀧ノ本第三公園</t>
    <rPh sb="0" eb="3">
      <t>カシワガヤ</t>
    </rPh>
    <rPh sb="3" eb="4">
      <t>タキ</t>
    </rPh>
    <rPh sb="5" eb="6">
      <t>モト</t>
    </rPh>
    <rPh sb="6" eb="8">
      <t>ダイゾウ</t>
    </rPh>
    <rPh sb="8" eb="10">
      <t>コウエン</t>
    </rPh>
    <phoneticPr fontId="6"/>
  </si>
  <si>
    <t>柏ケ谷瀧ノ本第四公園</t>
    <rPh sb="0" eb="3">
      <t>カシワガヤ</t>
    </rPh>
    <rPh sb="3" eb="4">
      <t>タキ</t>
    </rPh>
    <rPh sb="5" eb="6">
      <t>モト</t>
    </rPh>
    <rPh sb="6" eb="7">
      <t>ダイ</t>
    </rPh>
    <rPh sb="7" eb="8">
      <t>ヨン</t>
    </rPh>
    <rPh sb="8" eb="10">
      <t>コウエン</t>
    </rPh>
    <phoneticPr fontId="6"/>
  </si>
  <si>
    <t>柏ケ谷瀧ノ本第五公園</t>
    <rPh sb="0" eb="3">
      <t>カシワガヤ</t>
    </rPh>
    <phoneticPr fontId="7"/>
  </si>
  <si>
    <t>湘南鷹取２丁目第５都市林</t>
    <rPh sb="0" eb="2">
      <t>ショウナン</t>
    </rPh>
    <rPh sb="2" eb="4">
      <t>タカトリ</t>
    </rPh>
    <rPh sb="5" eb="7">
      <t>チョウメ</t>
    </rPh>
    <rPh sb="7" eb="8">
      <t>ダイ</t>
    </rPh>
    <rPh sb="9" eb="11">
      <t>トシ</t>
    </rPh>
    <rPh sb="11" eb="12">
      <t>リン</t>
    </rPh>
    <phoneticPr fontId="7"/>
  </si>
  <si>
    <t>湘南鷹取６丁目第３都市林</t>
    <rPh sb="0" eb="2">
      <t>ショウナン</t>
    </rPh>
    <rPh sb="2" eb="4">
      <t>タカトリ</t>
    </rPh>
    <rPh sb="5" eb="7">
      <t>チョウメ</t>
    </rPh>
    <rPh sb="7" eb="8">
      <t>ダイ</t>
    </rPh>
    <rPh sb="9" eb="11">
      <t>トシ</t>
    </rPh>
    <rPh sb="11" eb="12">
      <t>リン</t>
    </rPh>
    <phoneticPr fontId="7"/>
  </si>
  <si>
    <t>根岸１丁目公園</t>
    <rPh sb="0" eb="2">
      <t>ネギシ</t>
    </rPh>
    <rPh sb="3" eb="5">
      <t>チョウメ</t>
    </rPh>
    <rPh sb="5" eb="7">
      <t>コウエン</t>
    </rPh>
    <phoneticPr fontId="7"/>
  </si>
  <si>
    <t>045076</t>
  </si>
  <si>
    <t>045079</t>
  </si>
  <si>
    <t>座間市</t>
  </si>
  <si>
    <t>新道公園</t>
    <rPh sb="0" eb="2">
      <t>シンミチ</t>
    </rPh>
    <rPh sb="2" eb="4">
      <t>コウエン</t>
    </rPh>
    <phoneticPr fontId="7"/>
  </si>
  <si>
    <t>観音崎公園</t>
  </si>
  <si>
    <t>007973</t>
  </si>
  <si>
    <t>山北つぶらの公園</t>
  </si>
  <si>
    <t>http://www.pref.kanagawa.jp/docs/vd8/cnt/f498/p761400.html</t>
  </si>
  <si>
    <t>今泉あらい湧水公園</t>
    <rPh sb="5" eb="7">
      <t>ユウスイ</t>
    </rPh>
    <rPh sb="7" eb="9">
      <t>コウエン</t>
    </rPh>
    <phoneticPr fontId="7"/>
  </si>
  <si>
    <t>かみがわら東公園</t>
    <rPh sb="5" eb="6">
      <t>ヒガシ</t>
    </rPh>
    <phoneticPr fontId="7"/>
  </si>
  <si>
    <t>きりがや公園</t>
    <rPh sb="4" eb="6">
      <t>コウエン</t>
    </rPh>
    <phoneticPr fontId="7"/>
  </si>
  <si>
    <t>きりがや東公園</t>
    <rPh sb="4" eb="5">
      <t>ヒガシ</t>
    </rPh>
    <rPh sb="5" eb="7">
      <t>コウエン</t>
    </rPh>
    <phoneticPr fontId="7"/>
  </si>
  <si>
    <t>こもれびの里公園</t>
    <rPh sb="5" eb="6">
      <t>サト</t>
    </rPh>
    <phoneticPr fontId="7"/>
  </si>
  <si>
    <t>しんちょう南公園</t>
    <rPh sb="5" eb="6">
      <t>ミナミ</t>
    </rPh>
    <rPh sb="6" eb="8">
      <t>コウエン</t>
    </rPh>
    <phoneticPr fontId="7"/>
  </si>
  <si>
    <t>もものきばら南公園</t>
    <rPh sb="6" eb="7">
      <t>ミナミ</t>
    </rPh>
    <rPh sb="7" eb="9">
      <t>コウエン</t>
    </rPh>
    <phoneticPr fontId="7"/>
  </si>
  <si>
    <t>千年新町三角公園</t>
    <rPh sb="0" eb="2">
      <t>チトセ</t>
    </rPh>
    <rPh sb="2" eb="4">
      <t>シンチョウ</t>
    </rPh>
    <rPh sb="4" eb="6">
      <t>サンカク</t>
    </rPh>
    <rPh sb="6" eb="8">
      <t>コウエン</t>
    </rPh>
    <phoneticPr fontId="7"/>
  </si>
  <si>
    <t>小向公園</t>
    <rPh sb="0" eb="2">
      <t>コムカイ</t>
    </rPh>
    <rPh sb="2" eb="4">
      <t>コウエン</t>
    </rPh>
    <phoneticPr fontId="7"/>
  </si>
  <si>
    <t>鹿島田2丁目公園</t>
    <rPh sb="0" eb="3">
      <t>カシマダ</t>
    </rPh>
    <rPh sb="4" eb="6">
      <t>チョウメ</t>
    </rPh>
    <rPh sb="6" eb="8">
      <t>コウエン</t>
    </rPh>
    <phoneticPr fontId="7"/>
  </si>
  <si>
    <t>北加瀬つつじ公園</t>
    <rPh sb="0" eb="3">
      <t>キタカセ</t>
    </rPh>
    <rPh sb="6" eb="8">
      <t>コウエン</t>
    </rPh>
    <phoneticPr fontId="7"/>
  </si>
  <si>
    <t>久末楸谷緑地</t>
    <rPh sb="0" eb="2">
      <t>ヒサスエ</t>
    </rPh>
    <rPh sb="2" eb="3">
      <t>ヒサギ</t>
    </rPh>
    <rPh sb="3" eb="4">
      <t>タニ</t>
    </rPh>
    <rPh sb="4" eb="6">
      <t>リョクチ</t>
    </rPh>
    <phoneticPr fontId="7"/>
  </si>
  <si>
    <t>久末小貝谷緑地</t>
    <rPh sb="0" eb="2">
      <t>ヒサスエ</t>
    </rPh>
    <rPh sb="2" eb="3">
      <t>コ</t>
    </rPh>
    <rPh sb="3" eb="4">
      <t>カイ</t>
    </rPh>
    <rPh sb="4" eb="5">
      <t>タニ</t>
    </rPh>
    <rPh sb="5" eb="7">
      <t>リョクチ</t>
    </rPh>
    <phoneticPr fontId="7"/>
  </si>
  <si>
    <t>宮前平さくら公園</t>
    <rPh sb="0" eb="2">
      <t>ミヤマエ</t>
    </rPh>
    <rPh sb="2" eb="3">
      <t>ダイラ</t>
    </rPh>
    <rPh sb="6" eb="8">
      <t>コウエン</t>
    </rPh>
    <phoneticPr fontId="7"/>
  </si>
  <si>
    <t>水沢緑地</t>
    <rPh sb="0" eb="2">
      <t>ミズサワ</t>
    </rPh>
    <rPh sb="2" eb="4">
      <t>リョクチ</t>
    </rPh>
    <phoneticPr fontId="7"/>
  </si>
  <si>
    <t>菅生にこにこ公園</t>
    <rPh sb="0" eb="2">
      <t>スガオ</t>
    </rPh>
    <rPh sb="6" eb="8">
      <t>コウエン</t>
    </rPh>
    <phoneticPr fontId="7"/>
  </si>
  <si>
    <t>生田寒谷緑地</t>
    <rPh sb="0" eb="2">
      <t>イクタ</t>
    </rPh>
    <rPh sb="2" eb="3">
      <t>サム</t>
    </rPh>
    <rPh sb="3" eb="4">
      <t>タニ</t>
    </rPh>
    <rPh sb="4" eb="6">
      <t>リョクチ</t>
    </rPh>
    <phoneticPr fontId="7"/>
  </si>
  <si>
    <t>長尾緑地</t>
    <rPh sb="0" eb="2">
      <t>ナガオ</t>
    </rPh>
    <rPh sb="2" eb="4">
      <t>リョクチ</t>
    </rPh>
    <phoneticPr fontId="7"/>
  </si>
  <si>
    <t>寺尾台2丁目ポケットパーク</t>
    <rPh sb="0" eb="3">
      <t>テラオダイ</t>
    </rPh>
    <rPh sb="4" eb="6">
      <t>チョウメ</t>
    </rPh>
    <phoneticPr fontId="7"/>
  </si>
  <si>
    <t>登戸１号街区公園</t>
    <rPh sb="0" eb="2">
      <t>ノボリト</t>
    </rPh>
    <rPh sb="3" eb="4">
      <t>ゴウ</t>
    </rPh>
    <rPh sb="4" eb="6">
      <t>ガイク</t>
    </rPh>
    <rPh sb="6" eb="8">
      <t>コウエン</t>
    </rPh>
    <phoneticPr fontId="7"/>
  </si>
  <si>
    <t>餅井坂公園</t>
    <rPh sb="0" eb="1">
      <t>モチ</t>
    </rPh>
    <rPh sb="1" eb="2">
      <t>イ</t>
    </rPh>
    <rPh sb="2" eb="3">
      <t>サカ</t>
    </rPh>
    <rPh sb="3" eb="5">
      <t>コウエン</t>
    </rPh>
    <phoneticPr fontId="7"/>
  </si>
  <si>
    <t>黒川鷹ノ巣緑地</t>
    <rPh sb="0" eb="2">
      <t>クロカワ</t>
    </rPh>
    <rPh sb="2" eb="3">
      <t>タカ</t>
    </rPh>
    <rPh sb="4" eb="5">
      <t>ス</t>
    </rPh>
    <rPh sb="5" eb="7">
      <t>リョクチ</t>
    </rPh>
    <phoneticPr fontId="7"/>
  </si>
  <si>
    <t>黒川西谷緑地</t>
    <rPh sb="0" eb="2">
      <t>クロカワ</t>
    </rPh>
    <rPh sb="2" eb="4">
      <t>ニシタニ</t>
    </rPh>
    <rPh sb="4" eb="6">
      <t>リョクチ</t>
    </rPh>
    <phoneticPr fontId="7"/>
  </si>
  <si>
    <t>早野梅ヶ谷緑地</t>
    <rPh sb="0" eb="2">
      <t>ハヤノ</t>
    </rPh>
    <rPh sb="2" eb="5">
      <t>ウメガヤ</t>
    </rPh>
    <rPh sb="5" eb="7">
      <t>リョクチ</t>
    </rPh>
    <phoneticPr fontId="7"/>
  </si>
  <si>
    <t>王禅寺東緑地</t>
    <rPh sb="0" eb="3">
      <t>オウゼンジ</t>
    </rPh>
    <rPh sb="3" eb="4">
      <t>ヒガシ</t>
    </rPh>
    <rPh sb="4" eb="6">
      <t>リョクチ</t>
    </rPh>
    <phoneticPr fontId="7"/>
  </si>
  <si>
    <t>真福寺谷緑地</t>
    <rPh sb="0" eb="3">
      <t>シンプクジ</t>
    </rPh>
    <rPh sb="3" eb="4">
      <t>タニ</t>
    </rPh>
    <rPh sb="4" eb="6">
      <t>リョクチ</t>
    </rPh>
    <phoneticPr fontId="7"/>
  </si>
  <si>
    <t>黒川明坪緑地</t>
    <rPh sb="0" eb="2">
      <t>クロカワ</t>
    </rPh>
    <rPh sb="2" eb="3">
      <t>アキラ</t>
    </rPh>
    <rPh sb="3" eb="4">
      <t>ツボ</t>
    </rPh>
    <rPh sb="4" eb="6">
      <t>リョクチ</t>
    </rPh>
    <phoneticPr fontId="7"/>
  </si>
  <si>
    <t>上麻生仲村東緑地</t>
    <rPh sb="0" eb="1">
      <t>カミ</t>
    </rPh>
    <rPh sb="1" eb="3">
      <t>アサオ</t>
    </rPh>
    <rPh sb="3" eb="5">
      <t>ナカムラ</t>
    </rPh>
    <rPh sb="5" eb="6">
      <t>ヒガシ</t>
    </rPh>
    <rPh sb="6" eb="8">
      <t>リョクチ</t>
    </rPh>
    <phoneticPr fontId="7"/>
  </si>
  <si>
    <t>黒川海道緑地</t>
    <rPh sb="0" eb="2">
      <t>クロカワ</t>
    </rPh>
    <rPh sb="2" eb="4">
      <t>カイドウ</t>
    </rPh>
    <rPh sb="4" eb="6">
      <t>リョクチ</t>
    </rPh>
    <phoneticPr fontId="7"/>
  </si>
  <si>
    <t>西黒川緑地</t>
    <rPh sb="0" eb="1">
      <t>ニシ</t>
    </rPh>
    <rPh sb="1" eb="3">
      <t>クロカワ</t>
    </rPh>
    <rPh sb="3" eb="5">
      <t>リョクチ</t>
    </rPh>
    <phoneticPr fontId="7"/>
  </si>
  <si>
    <t>023956</t>
  </si>
  <si>
    <t>023957</t>
  </si>
  <si>
    <t>023958</t>
  </si>
  <si>
    <t>023959</t>
  </si>
  <si>
    <t>023960</t>
  </si>
  <si>
    <t>023961</t>
  </si>
  <si>
    <t>023962</t>
  </si>
  <si>
    <t>023963</t>
  </si>
  <si>
    <t>023964</t>
  </si>
  <si>
    <t>023965</t>
  </si>
  <si>
    <t>023966</t>
  </si>
  <si>
    <t>023967</t>
  </si>
  <si>
    <t>023968</t>
  </si>
  <si>
    <t>023969</t>
  </si>
  <si>
    <t>023970</t>
  </si>
  <si>
    <t>023971</t>
  </si>
  <si>
    <t>023972</t>
  </si>
  <si>
    <t>023973</t>
  </si>
  <si>
    <t>023974</t>
  </si>
  <si>
    <t>023975</t>
  </si>
  <si>
    <t>023976</t>
  </si>
  <si>
    <t>034589</t>
    <phoneticPr fontId="7"/>
  </si>
  <si>
    <t>中の郷あさひ公園</t>
    <rPh sb="0" eb="1">
      <t>ナカ</t>
    </rPh>
    <rPh sb="2" eb="3">
      <t>ゴウ</t>
    </rPh>
    <rPh sb="6" eb="8">
      <t>コウエン</t>
    </rPh>
    <phoneticPr fontId="7"/>
  </si>
  <si>
    <t>田名四ッ谷やよい公園</t>
    <rPh sb="0" eb="2">
      <t>タナ</t>
    </rPh>
    <rPh sb="2" eb="5">
      <t>ヨツヤ</t>
    </rPh>
    <rPh sb="8" eb="10">
      <t>コウエン</t>
    </rPh>
    <phoneticPr fontId="7"/>
  </si>
  <si>
    <t>豊町かえで公園</t>
    <rPh sb="0" eb="1">
      <t>ユタ</t>
    </rPh>
    <rPh sb="1" eb="2">
      <t>マチ</t>
    </rPh>
    <rPh sb="5" eb="7">
      <t>コウエン</t>
    </rPh>
    <phoneticPr fontId="7"/>
  </si>
  <si>
    <t>東林間いぶき公園</t>
    <rPh sb="0" eb="3">
      <t>ヒガシリンカン</t>
    </rPh>
    <rPh sb="6" eb="8">
      <t>コウエン</t>
    </rPh>
    <phoneticPr fontId="7"/>
  </si>
  <si>
    <t>上鶴間本町５丁目ふれあい公園</t>
    <rPh sb="0" eb="3">
      <t>カミツルマ</t>
    </rPh>
    <rPh sb="3" eb="4">
      <t>ホン</t>
    </rPh>
    <rPh sb="4" eb="5">
      <t>マチ</t>
    </rPh>
    <rPh sb="6" eb="8">
      <t>チョウメ</t>
    </rPh>
    <rPh sb="12" eb="14">
      <t>コウエン</t>
    </rPh>
    <phoneticPr fontId="7"/>
  </si>
  <si>
    <t>034592</t>
  </si>
  <si>
    <t>034593</t>
  </si>
  <si>
    <t>034594</t>
  </si>
  <si>
    <t>034595</t>
  </si>
  <si>
    <t>034596</t>
  </si>
  <si>
    <t>山ノ内東瓜ヶ谷緑地</t>
    <rPh sb="0" eb="1">
      <t>ヤマ</t>
    </rPh>
    <rPh sb="2" eb="3">
      <t>ウチ</t>
    </rPh>
    <rPh sb="3" eb="4">
      <t>ヒガシ</t>
    </rPh>
    <rPh sb="4" eb="5">
      <t>ウリ</t>
    </rPh>
    <rPh sb="6" eb="7">
      <t>ヤ</t>
    </rPh>
    <rPh sb="7" eb="9">
      <t>リョクチ</t>
    </rPh>
    <phoneticPr fontId="7"/>
  </si>
  <si>
    <t>065482</t>
  </si>
  <si>
    <t>片瀬通り公園</t>
    <phoneticPr fontId="7"/>
  </si>
  <si>
    <t>075784</t>
  </si>
  <si>
    <t>藤沢市</t>
  </si>
  <si>
    <t>昭和台公園</t>
    <rPh sb="0" eb="2">
      <t>ショウワ</t>
    </rPh>
    <rPh sb="2" eb="3">
      <t>ダイ</t>
    </rPh>
    <rPh sb="3" eb="5">
      <t>コウエン</t>
    </rPh>
    <phoneticPr fontId="7"/>
  </si>
  <si>
    <t>川名一丁目公園</t>
    <rPh sb="0" eb="2">
      <t>カワナ</t>
    </rPh>
    <rPh sb="2" eb="5">
      <t>イッチョウメ</t>
    </rPh>
    <rPh sb="5" eb="7">
      <t>コウエン</t>
    </rPh>
    <phoneticPr fontId="7"/>
  </si>
  <si>
    <t>075785</t>
  </si>
  <si>
    <t>075786</t>
  </si>
  <si>
    <t>西栢山おおかみ公園</t>
    <rPh sb="0" eb="1">
      <t>ニシ</t>
    </rPh>
    <rPh sb="1" eb="3">
      <t>カヤマ</t>
    </rPh>
    <rPh sb="7" eb="9">
      <t>コウエン</t>
    </rPh>
    <phoneticPr fontId="7"/>
  </si>
  <si>
    <t>城山入谷津公園</t>
    <rPh sb="0" eb="2">
      <t>シロヤマ</t>
    </rPh>
    <rPh sb="2" eb="3">
      <t>イ</t>
    </rPh>
    <rPh sb="3" eb="5">
      <t>ヤツ</t>
    </rPh>
    <rPh sb="5" eb="7">
      <t>コウエン</t>
    </rPh>
    <phoneticPr fontId="7"/>
  </si>
  <si>
    <t>085948</t>
    <phoneticPr fontId="7"/>
  </si>
  <si>
    <t>085949</t>
    <phoneticPr fontId="7"/>
  </si>
  <si>
    <t>085950</t>
    <phoneticPr fontId="7"/>
  </si>
  <si>
    <t>096132</t>
    <phoneticPr fontId="7"/>
  </si>
  <si>
    <t>厚木市</t>
    <phoneticPr fontId="7"/>
  </si>
  <si>
    <t>金田星くだり公園</t>
    <rPh sb="0" eb="2">
      <t>カネダ</t>
    </rPh>
    <rPh sb="2" eb="3">
      <t>ホシ</t>
    </rPh>
    <rPh sb="6" eb="8">
      <t>コウエン</t>
    </rPh>
    <phoneticPr fontId="7"/>
  </si>
  <si>
    <t>大和市</t>
    <phoneticPr fontId="7"/>
  </si>
  <si>
    <t>平均台あり</t>
    <rPh sb="0" eb="3">
      <t>ヘイキンダイ</t>
    </rPh>
    <phoneticPr fontId="7"/>
  </si>
  <si>
    <t>つる・る公園</t>
    <phoneticPr fontId="7"/>
  </si>
  <si>
    <t>にこにこ公園</t>
    <phoneticPr fontId="7"/>
  </si>
  <si>
    <t>147009</t>
  </si>
  <si>
    <t>147010</t>
  </si>
  <si>
    <t>147011</t>
  </si>
  <si>
    <t>寒川町</t>
    <phoneticPr fontId="7"/>
  </si>
  <si>
    <t>箱根町</t>
    <phoneticPr fontId="7"/>
  </si>
  <si>
    <t>湯河原町</t>
    <phoneticPr fontId="7"/>
  </si>
  <si>
    <t>金谷２丁目公園</t>
    <phoneticPr fontId="7"/>
  </si>
  <si>
    <t>044913</t>
    <phoneticPr fontId="7"/>
  </si>
  <si>
    <t>三浦市のほぼ中心に位置し交通の便がよく、周辺は生産緑地が広がっている。海食台地の周辺部で北側に落ち込む谷戸があったが、平成3年から5年間と平成10年から4年間に亘り埋立を行い、有効面積の拡大を図り、平成15年度から一部暫定利用を開始した。スポーツ活動や防災拠点等の機能を備えている。</t>
    <phoneticPr fontId="7"/>
  </si>
  <si>
    <t>秦野市</t>
    <phoneticPr fontId="7"/>
  </si>
  <si>
    <t>126490</t>
    <phoneticPr fontId="7"/>
  </si>
  <si>
    <t>126494</t>
    <phoneticPr fontId="7"/>
  </si>
  <si>
    <t>126495</t>
    <phoneticPr fontId="7"/>
  </si>
  <si>
    <t>126496</t>
    <phoneticPr fontId="7"/>
  </si>
  <si>
    <t>-</t>
    <phoneticPr fontId="7"/>
  </si>
  <si>
    <t>横浜市</t>
    <rPh sb="0" eb="3">
      <t>ヨコハマシ</t>
    </rPh>
    <phoneticPr fontId="7"/>
  </si>
  <si>
    <t>神大寺一丁目公園</t>
  </si>
  <si>
    <t>菅田町赤坂公園</t>
  </si>
  <si>
    <t>西寺尾二丁目第二公園</t>
  </si>
  <si>
    <t>笹下四丁目第二公園</t>
  </si>
  <si>
    <t>笹下四丁目第一公園</t>
  </si>
  <si>
    <t>杉田臨海緑道</t>
  </si>
  <si>
    <t>内川公園</t>
  </si>
  <si>
    <t>富岡東一丁目第二公園</t>
  </si>
  <si>
    <t>東朝比奈一丁目公園</t>
  </si>
  <si>
    <t>篠原町表谷第二公園</t>
  </si>
  <si>
    <t>御前田第三公園</t>
  </si>
  <si>
    <t>鴨居四丁目第二公園</t>
  </si>
  <si>
    <t>三保中通第二公園</t>
  </si>
  <si>
    <t>奈良五丁目第二緑地</t>
  </si>
  <si>
    <t>奈良五丁目緑地</t>
  </si>
  <si>
    <t>大棚杉の森ふれあい公園</t>
  </si>
  <si>
    <t>川向町公園</t>
  </si>
  <si>
    <t>秋葉第五公園</t>
  </si>
  <si>
    <t>深谷町笹山公園</t>
  </si>
  <si>
    <t>深谷町ふれあい公園</t>
  </si>
  <si>
    <t>鍋屋の森</t>
  </si>
  <si>
    <t>岡津町ふれあい公園</t>
  </si>
  <si>
    <t>神奈川県横浜市戸塚区名瀬町767-1</t>
  </si>
  <si>
    <t>神奈川県相模原市緑区相原6-９</t>
  </si>
  <si>
    <t>神奈川県相模原市緑区若柳1511-30</t>
  </si>
  <si>
    <t>神奈川県相模原市中央区上溝1902-27</t>
  </si>
  <si>
    <t>神奈川県相模原市南区上鶴間本町9-26</t>
  </si>
  <si>
    <t>神奈川県相模原市中央区水郷田名2-736-4</t>
  </si>
  <si>
    <t>神奈川県相模原市南区相模大野8-10</t>
  </si>
  <si>
    <t>神奈川県相模原市南区磯部1147-17</t>
  </si>
  <si>
    <t>神奈川県相模原市中央区田名塩田3-23-11</t>
  </si>
  <si>
    <t>神奈川県相模原市中央区田名塩田２丁目～４丁目</t>
  </si>
  <si>
    <t>神奈川県相模原市中央区緑が丘１丁目～２丁目</t>
  </si>
  <si>
    <t>神奈川県相模原市緑区西橋本5-3</t>
  </si>
  <si>
    <t>神奈川県相模原市中央区千代田５丁目～光が丘２丁目、千代田４丁目～並木２丁目</t>
  </si>
  <si>
    <t>神奈川県相模原市南区桜台21</t>
  </si>
  <si>
    <t>神奈川県相模原市南区相模大野4-2</t>
  </si>
  <si>
    <t>神奈川県相模原市南区大野台３丁目～相模台３丁目</t>
  </si>
  <si>
    <t>神奈川県相模原市南区鵜野森1-25</t>
  </si>
  <si>
    <t>神奈川県相模原市中央区鹿沼台2-15</t>
  </si>
  <si>
    <t>神奈川県相模原市中央区松が丘1丁目〜南区上鶴間８丁目、南区大野台４丁目～上鶴間本町１丁目</t>
  </si>
  <si>
    <t>神奈川県相模原市中央区横山5-11</t>
  </si>
  <si>
    <t>神奈川県相模原市中央区上溝１－１４</t>
  </si>
  <si>
    <t>神奈川県相模原市緑区大島1702-9</t>
  </si>
  <si>
    <t>神奈川県相模原市中央区田名4598-1</t>
  </si>
  <si>
    <t>神奈川県相模原市南区豊町17</t>
  </si>
  <si>
    <t>神奈川県相模原市南区上鶴間本町5-20</t>
  </si>
  <si>
    <t>神奈川県鎌倉市七里ガ浜東5-1468-43（地番）</t>
  </si>
  <si>
    <t>神奈川県鎌倉市梶原2-913-53（地番）</t>
  </si>
  <si>
    <t>神奈川県鎌倉市大船4-1161-3（地番）</t>
  </si>
  <si>
    <t>神奈川県鎌倉市寺分3-877-7（地番）</t>
  </si>
  <si>
    <t>神奈川県鎌倉市鎌倉山2-1557-9（地番）</t>
  </si>
  <si>
    <t>神奈川県鎌倉市大町5-1968-42（地番）</t>
  </si>
  <si>
    <t>神奈川県鎌倉市笛田3-1405-71（地番）</t>
  </si>
  <si>
    <t>神奈川県鎌倉市七里ガ浜1-1292-21（地番）</t>
  </si>
  <si>
    <t>神奈川県鎌倉市七里ガ浜東5-1620-21（地番）</t>
  </si>
  <si>
    <t>神奈川県鎌倉市鎌倉山3-1069-381（地番）</t>
  </si>
  <si>
    <t>神奈川県鎌倉市常盤10-15（地番）</t>
  </si>
  <si>
    <t>神奈川県鎌倉市台1882-5（地番）</t>
  </si>
  <si>
    <t>神奈川県鎌倉市由比ガ浜4-167-59（地番）</t>
  </si>
  <si>
    <t>神奈川県鎌倉市山崎字前田1170-15（地番）</t>
  </si>
  <si>
    <t>神奈川県鎌倉市常磐字上耕地241-5（地番）</t>
  </si>
  <si>
    <t>神奈川県鎌倉市腰越3-222-2（地番）</t>
  </si>
  <si>
    <t>神奈川県鎌倉市玉縄4-254-13（地番）</t>
  </si>
  <si>
    <t>神奈川県鎌倉市由比ガ浜2-1037-57（地番）</t>
  </si>
  <si>
    <t>神奈川県鎌倉市梶原68-5（地番）</t>
  </si>
  <si>
    <t>神奈川県鎌倉市梶原2-1169-58（地番）</t>
  </si>
  <si>
    <t>神奈川県鎌倉市大町4-1918-8（地番）</t>
  </si>
  <si>
    <t>神奈川県鎌倉市岩瀬1-174-8（地番）</t>
  </si>
  <si>
    <t>神奈川県鎌倉市由比ガ浜3-200-23（地番）</t>
  </si>
  <si>
    <t>神奈川県鎌倉市由比ガ浜3-1173-9（地番）</t>
  </si>
  <si>
    <t>神奈川県鎌倉市手広4-855-30（地番）</t>
  </si>
  <si>
    <t>神奈川県鎌倉市二階堂字杉ヶ谷454-7（地番）</t>
  </si>
  <si>
    <t>神奈川県鎌倉市津字丹後ガ谷601-38（地番）</t>
  </si>
  <si>
    <t>神奈川県鎌倉市大町2-2338-11（地番）</t>
  </si>
  <si>
    <t>神奈川県鎌倉市二階堂字荏柄38-4（地番）</t>
  </si>
  <si>
    <t>神奈川県鎌倉市材木座3-62-108（地番）</t>
  </si>
  <si>
    <t>神奈川県鎌倉市由比ガ浜4-1134-10（地番）</t>
  </si>
  <si>
    <t>神奈川県鎌倉市由比ガ浜3-258-10（地番）</t>
  </si>
  <si>
    <t>神奈川県鎌倉市手広4-878-49（地番）</t>
  </si>
  <si>
    <t>神奈川県鎌倉市梶原2-982-42（地番）</t>
  </si>
  <si>
    <t>神奈川県鎌倉市常磐字下耕地79-3（地番）</t>
  </si>
  <si>
    <t>神奈川県鎌倉市雪ノ下1-210-2（地番）</t>
  </si>
  <si>
    <t>神奈川県鎌倉市津字丹後ガ谷602-137（地番）</t>
  </si>
  <si>
    <t>神奈川県鎌倉市笛田3-463-3（地番）</t>
  </si>
  <si>
    <t>神奈川県鎌倉市小町3-460-7（地番）</t>
  </si>
  <si>
    <t>神奈川県鎌倉市植木484-5（地番）</t>
  </si>
  <si>
    <t>神奈川県鎌倉市台5-550-44（地番）</t>
  </si>
  <si>
    <t>神奈川県鎌倉市浄明寺6-1362-504（地番）</t>
  </si>
  <si>
    <t>神奈川県鎌倉市手広4-805-12（地番）</t>
  </si>
  <si>
    <t>神奈川県鎌倉市玉縄2-9-40（地番）</t>
  </si>
  <si>
    <t>神奈川県鎌倉市津字丹後ガ谷603-47（地番）</t>
  </si>
  <si>
    <t>神奈川県鎌倉市山ノ内字宮下小路571-5（地番）</t>
  </si>
  <si>
    <t>神奈川県鎌倉市常盤字下耕地1-3（地番）</t>
  </si>
  <si>
    <t>神奈川県鎌倉市長谷1-305-15（地番）</t>
  </si>
  <si>
    <t>神奈川県鎌倉市植木字相模陣598-5（地番）</t>
  </si>
  <si>
    <t>神奈川県鎌倉市手広2-133-135（地番）</t>
  </si>
  <si>
    <t>神奈川県鎌倉市梶原4-1700-25（地番）</t>
  </si>
  <si>
    <t>神奈川県鎌倉市寺分3-957-14（地番）</t>
  </si>
  <si>
    <t>神奈川県鎌倉市笛田4-1880-11（地番）</t>
  </si>
  <si>
    <t>神奈川県鎌倉市手広1-41-8（地番）</t>
  </si>
  <si>
    <t>神奈川県鎌倉市岩瀬字内耕地927-3（地番）</t>
  </si>
  <si>
    <t>神奈川県鎌倉市岡本1-109-4（地番）</t>
  </si>
  <si>
    <t>神奈川県鎌倉市大船5-973-3（地番）</t>
  </si>
  <si>
    <t>神奈川県鎌倉市腰越1-348-154（地番）</t>
  </si>
  <si>
    <t>神奈川県鎌倉市大船字宮之前2028-51（地番）</t>
  </si>
  <si>
    <t>神奈川県鎌倉市大船5-1500-76（地番）</t>
  </si>
  <si>
    <t>神奈川県鎌倉市台3-724-9（地番）</t>
  </si>
  <si>
    <t>神奈川県鎌倉市坂ノ下291-8（地番）</t>
  </si>
  <si>
    <t>神奈川県鎌倉市関谷字下坪633-22（地番）</t>
  </si>
  <si>
    <t>神奈川県鎌倉市台1895-7（地番）</t>
  </si>
  <si>
    <t>神奈川県鎌倉市今泉2-1290-16（地番）</t>
  </si>
  <si>
    <t>神奈川県鎌倉市岩瀬字上耕地700-3（地番）</t>
  </si>
  <si>
    <t>神奈川県鎌倉市台3-750-7（地番）</t>
  </si>
  <si>
    <t>神奈川県鎌倉市大船6-1565-9（地番）</t>
  </si>
  <si>
    <t>神奈川県鎌倉市台3-2-14（地番）</t>
  </si>
  <si>
    <t>神奈川県鎌倉市岩瀬1-456-6（地番）</t>
  </si>
  <si>
    <t>神奈川県鎌倉市城廻字城宿340-4（地番）</t>
  </si>
  <si>
    <t>神奈川県鎌倉市由比ガ浜4-167-63（地番）</t>
  </si>
  <si>
    <t>神奈川県鎌倉市長谷2-182-16（地番）</t>
  </si>
  <si>
    <t>神奈川県鎌倉市植木字相模陣663-16（地番）</t>
  </si>
  <si>
    <t>神奈川県鎌倉市腰越1-738-105（地番）</t>
  </si>
  <si>
    <t>神奈川県鎌倉市玉縄2-9-37（地番）</t>
  </si>
  <si>
    <t>神奈川県鎌倉市十二所字鑢ガ谷665-13（地番）</t>
  </si>
  <si>
    <t>神奈川県鎌倉市梶原1-813-8（地番）</t>
  </si>
  <si>
    <t>神奈川県鎌倉市大船5-1487-3（地番）</t>
  </si>
  <si>
    <t>神奈川県鎌倉市寺分2-680-48（地番）</t>
  </si>
  <si>
    <t>神奈川県鎌倉市大船5-964-4（地番）</t>
  </si>
  <si>
    <t>神奈川県鎌倉市今泉台1-1301-49（地番）</t>
  </si>
  <si>
    <t>神奈川県鎌倉市腰越字御所1677-64（地番）</t>
  </si>
  <si>
    <t>神奈川県鎌倉市今泉台1-1270-158（地番）</t>
  </si>
  <si>
    <t>神奈川県鎌倉市津字丹後ガ谷602-18（地番）</t>
  </si>
  <si>
    <t>神奈川県鎌倉市常磐270-4（地番）</t>
  </si>
  <si>
    <t>神奈川県鎌倉市岩瀬1-119-8（地番）</t>
  </si>
  <si>
    <t>神奈川県鎌倉市腰越1-430-5（地番）</t>
  </si>
  <si>
    <t>神奈川県鎌倉市腰越3-68-66（地番）</t>
  </si>
  <si>
    <t>神奈川県鎌倉市岩瀬字上耕地671-3（地番）</t>
  </si>
  <si>
    <t>神奈川県鎌倉市津字丹後ガ谷602-181（地番）</t>
  </si>
  <si>
    <t>神奈川県鎌倉市城廻字城宿394-17（地番）</t>
  </si>
  <si>
    <t>神奈川県鎌倉市腰越1-512-43（地番）</t>
  </si>
  <si>
    <t>神奈川県鎌倉市浄明寺1-619-10（地番）</t>
  </si>
  <si>
    <t>神奈川県鎌倉市稲村ガ崎4-619-14（地番）</t>
  </si>
  <si>
    <t>神奈川県鎌倉市津字猫池1059-13（地番）</t>
  </si>
  <si>
    <t>神奈川県鎌倉市大船5-1500-73（地番）</t>
  </si>
  <si>
    <t>神奈川県鎌倉市植木字相模陣625-26（地番）</t>
  </si>
  <si>
    <t>神奈川県鎌倉市手広2-133-77（地番）</t>
  </si>
  <si>
    <t>神奈川県鎌倉市大船字高野2713-3他（地番）</t>
  </si>
  <si>
    <t>神奈川県鎌倉市腰越字御所1677-22（地番）</t>
  </si>
  <si>
    <t>神奈川県鎌倉市大船6-607-13（地番）</t>
  </si>
  <si>
    <t>神奈川県鎌倉市岡本字外耕地1500-29（地番）</t>
  </si>
  <si>
    <t>神奈川県鎌倉市津字日坂513-9（地番）</t>
  </si>
  <si>
    <t>神奈川県鎌倉市玉縄4-258-24（地番）</t>
  </si>
  <si>
    <t>神奈川県鎌倉市山崎字八反目980-11（地番）</t>
  </si>
  <si>
    <t>神奈川県鎌倉市城廻字城宿357-14（地番）</t>
  </si>
  <si>
    <t>神奈川県鎌倉市岩瀬1-1-108（地番）</t>
  </si>
  <si>
    <t>神奈川県鎌倉市小袋谷1-151-1（地番）</t>
  </si>
  <si>
    <t>神奈川県鎌倉市玉縄2-525-12（地番）</t>
  </si>
  <si>
    <t>神奈川県鎌倉市七里ガ浜東5-1332-161（地番）</t>
  </si>
  <si>
    <t>神奈川県鎌倉市笛田3-921-1（地番）</t>
  </si>
  <si>
    <t>神奈川県鎌倉市岩瀬1-27ｰ28（地番）</t>
  </si>
  <si>
    <t>神奈川県鎌倉市玉縄5-3-29（地番）</t>
  </si>
  <si>
    <t>神奈川県鎌倉市山崎字倉久保2289-44（地番）</t>
  </si>
  <si>
    <t>神奈川県鎌倉市植木字相模陣422-15（地番）</t>
  </si>
  <si>
    <t>神奈川県鎌倉市台4-1339-13（地番）</t>
  </si>
  <si>
    <t>神奈川県鎌倉市長谷2-161-38（地番）</t>
  </si>
  <si>
    <t>神奈川県鎌倉市津字丹後ガ谷601-86（地番）</t>
  </si>
  <si>
    <t>神奈川県鎌倉市津字猫池1079-4（地番）</t>
  </si>
  <si>
    <t>神奈川県鎌倉市岡本1-120-65（地番）</t>
  </si>
  <si>
    <t>神奈川県鎌倉市由比ガ浜2-1034-7（地番）</t>
  </si>
  <si>
    <t>神奈川県鎌倉市西鎌倉4-894-65（地番）</t>
  </si>
  <si>
    <t>神奈川県鎌倉市岩瀬1-1-122（地番）</t>
  </si>
  <si>
    <t>神奈川県鎌倉市城廻字中村423-147（地番）</t>
  </si>
  <si>
    <t>神奈川県鎌倉市笛田4-1152-17（地番）</t>
  </si>
  <si>
    <t>神奈川県鎌倉市浄明寺5-334-2（地番）</t>
  </si>
  <si>
    <t>神奈川県鎌倉市大船谷之前1870-3（地番）</t>
  </si>
  <si>
    <t>神奈川県鎌倉市七里ガ浜東4-1380-40（地番）</t>
  </si>
  <si>
    <t>神奈川県鎌倉市常磐字仲ノ坂937-223（地番）</t>
  </si>
  <si>
    <t>神奈川県鎌倉市津字蟹田谷1036-2（地番）</t>
  </si>
  <si>
    <t>神奈川県鎌倉市手広4-878-38（地番）</t>
  </si>
  <si>
    <t>神奈川県鎌倉市台5-550-27（地番）</t>
  </si>
  <si>
    <t>神奈川県鎌倉市津西1-892-60（地番）</t>
  </si>
  <si>
    <t>神奈川県鎌倉市津字猫池1069-157（地番）</t>
  </si>
  <si>
    <t>神奈川県鎌倉市植木字峰ノ下824-4（地番）</t>
  </si>
  <si>
    <t>神奈川県鎌倉市大船6-1565-2（地番）</t>
  </si>
  <si>
    <t>神奈川県鎌倉市城廻字中村423-149（地番）</t>
  </si>
  <si>
    <t>神奈川県鎌倉市関谷字下坪366-33（地番）</t>
  </si>
  <si>
    <t>神奈川県鎌倉市大船字谷之前1709-20（地番）</t>
  </si>
  <si>
    <t>神奈川県鎌倉市笛田4-1071-3（地番）</t>
  </si>
  <si>
    <t>神奈川県鎌倉市腰越1-383-43（地番）</t>
  </si>
  <si>
    <t>神奈川県鎌倉市今泉台3-1136-546（地番）</t>
  </si>
  <si>
    <t>神奈川県鎌倉市笛田3-466-10（地番）</t>
  </si>
  <si>
    <t>神奈川県鎌倉市七里ガ浜東2-2261-23（地番）</t>
  </si>
  <si>
    <t>神奈川県鎌倉市長谷1-227-33（地番）</t>
  </si>
  <si>
    <t>神奈川県鎌倉市玉縄4-2-4（地番）</t>
  </si>
  <si>
    <t>神奈川県鎌倉市鎌倉山1-1402-12（地番）</t>
  </si>
  <si>
    <t>神奈川県鎌倉市七里ガ浜2-1308-22（地番）</t>
  </si>
  <si>
    <t>神奈川県鎌倉市腰越1-366-8（地番）</t>
  </si>
  <si>
    <t>神奈川県鎌倉市寺分1-502-8（地番）</t>
  </si>
  <si>
    <t>神奈川県鎌倉市上町屋字長島550-5（地番）</t>
  </si>
  <si>
    <t>神奈川県鎌倉市手広4-1500-41（地番）</t>
  </si>
  <si>
    <t>神奈川県鎌倉市今泉台7-900-207（地番）</t>
  </si>
  <si>
    <t>神奈川県鎌倉市山崎字清水塚1495-23（地番）</t>
  </si>
  <si>
    <t>神奈川県鎌倉市岡本字外耕地1500-30（地番）</t>
  </si>
  <si>
    <t>神奈川県鎌倉市七里ガ浜1-2043-12（地番）</t>
  </si>
  <si>
    <t>神奈川県鎌倉市七里ガ浜2-1331-259（地番）</t>
  </si>
  <si>
    <t>神奈川県鎌倉市七里ガ浜東4-1468-35（地番）</t>
  </si>
  <si>
    <t>神奈川県鎌倉市腰越字広町1716-46（地番）</t>
  </si>
  <si>
    <t>神奈川県鎌倉市材木座4-342-1他（地番）</t>
  </si>
  <si>
    <t>神奈川県鎌倉市今泉2-1270-139（地番）</t>
  </si>
  <si>
    <t>神奈川県鎌倉市二階堂字亀ガ淵257-7（地番）</t>
  </si>
  <si>
    <t>神奈川県鎌倉市植木字植木谷戸19-25（地番）</t>
  </si>
  <si>
    <t>神奈川県鎌倉市植木字相模陣370-4（地番）</t>
  </si>
  <si>
    <t>神奈川県鎌倉市玉縄5-9-3（地番）</t>
  </si>
  <si>
    <t>神奈川県鎌倉市七里ガ浜東3-1541-92（地番）</t>
  </si>
  <si>
    <t>神奈川県鎌倉市腰越字日坂750-5（地番）</t>
  </si>
  <si>
    <t>神奈川県鎌倉市城廻字打越100-77（地番）</t>
  </si>
  <si>
    <t>神奈川県鎌倉市岡本1022-26（地番）</t>
  </si>
  <si>
    <t>神奈川県鎌倉市笛田4-1071-37（地番）</t>
  </si>
  <si>
    <t>神奈川県鎌倉市岡本字外耕地1500-128（地番）</t>
  </si>
  <si>
    <t>神奈川県鎌倉市西鎌倉3-1095-173（地番）</t>
  </si>
  <si>
    <t>神奈川県鎌倉市七里ガ浜東2-2249-2（地番）</t>
  </si>
  <si>
    <t>神奈川県鎌倉市腰越字山王下1643-7（地番）</t>
  </si>
  <si>
    <t>神奈川県鎌倉市寺分2-877-36（地番）</t>
  </si>
  <si>
    <t>神奈川県鎌倉市城廻字中村481-3（地番）</t>
  </si>
  <si>
    <t>神奈川県鎌倉市津字蟹田谷1037-31（地番）</t>
  </si>
  <si>
    <t>神奈川県鎌倉市梶原5-1494-12（地番）</t>
  </si>
  <si>
    <t>神奈川県鎌倉市七里ガ浜東4-1447-5（地番）</t>
  </si>
  <si>
    <t>神奈川県鎌倉市手広4-780-69（地番）</t>
  </si>
  <si>
    <t>神奈川県鎌倉市城廻字打越100-105（地番）</t>
  </si>
  <si>
    <t>神奈川県鎌倉市玉縄2-469-6（地番）</t>
  </si>
  <si>
    <t>神奈川県鎌倉市津字猫池1069-224（地番）</t>
  </si>
  <si>
    <t>神奈川県鎌倉市七里ガ浜1-2066-16（地番）</t>
  </si>
  <si>
    <t>神奈川県鎌倉市植木347-10（地番）</t>
  </si>
  <si>
    <t>神奈川県鎌倉市手広2-434-2（地番）</t>
  </si>
  <si>
    <t>神奈川県鎌倉市城廻字清水小路668-27（地番）</t>
  </si>
  <si>
    <t>神奈川県鎌倉市城廻字打越283-3（地番）</t>
  </si>
  <si>
    <t>神奈川県鎌倉市今泉台4-1136-534（地番）</t>
  </si>
  <si>
    <t>神奈川県鎌倉市笛田5-1835-71（地番）</t>
  </si>
  <si>
    <t>神奈川県鎌倉市笛田5-1835-157（地番）</t>
  </si>
  <si>
    <t>神奈川県鎌倉市寺分字藤塚461-7（地番）</t>
  </si>
  <si>
    <t>神奈川県鎌倉市七里ガ浜東2-2226-155（地番）</t>
  </si>
  <si>
    <t>神奈川県鎌倉市七里ガ浜東5-2066-8（地番）</t>
  </si>
  <si>
    <t>神奈川県鎌倉市梶原3-1157-45（地番）</t>
  </si>
  <si>
    <t>神奈川県鎌倉市津字丹後ガ谷602-206（地番）</t>
  </si>
  <si>
    <t>神奈川県鎌倉市今泉2-1480-111（地番）</t>
  </si>
  <si>
    <t>神奈川県鎌倉市植木字植谷戸66-5（地番）</t>
  </si>
  <si>
    <t>神奈川県鎌倉市今泉台6-930-89（地番）</t>
  </si>
  <si>
    <t>神奈川県鎌倉市台1980-10（地番）</t>
  </si>
  <si>
    <t>神奈川県鎌倉市台5-945-6（地番）</t>
  </si>
  <si>
    <t>神奈川県鎌倉市山崎1390-55（地番）</t>
  </si>
  <si>
    <t>神奈川県鎌倉市岩瀬字上耕地706-1（地番）</t>
  </si>
  <si>
    <t>神奈川県鎌倉市岡本耕地1189-5（地番）</t>
  </si>
  <si>
    <t>神奈川県鎌倉市西鎌倉2-1015-59（地番）</t>
  </si>
  <si>
    <t>神奈川県鎌倉市十二所967-68（地番）</t>
  </si>
  <si>
    <t>神奈川県鎌倉市常盤字大丸422-7（地番）</t>
  </si>
  <si>
    <t>神奈川県鎌倉市城廻字清水小路771-19（地番）</t>
  </si>
  <si>
    <t>神奈川県鎌倉市今泉台5-1100-101（地番）</t>
  </si>
  <si>
    <t>神奈川県鎌倉市梶原5-1494-18（地番）</t>
  </si>
  <si>
    <t>神奈川県鎌倉市七里ガ浜2-1331-359（地番）</t>
  </si>
  <si>
    <t>神奈川県鎌倉市関谷字石原谷戸898-167（地番）</t>
  </si>
  <si>
    <t>神奈川県鎌倉市七里ガ浜東5-1468-18（地番）</t>
  </si>
  <si>
    <t>神奈川県鎌倉市稲村ガ崎5-732-131（地番）</t>
  </si>
  <si>
    <t>神奈川県鎌倉市腰越1525-9（地番）</t>
  </si>
  <si>
    <t>神奈川県鎌倉市笛田2-927-1（地番）</t>
  </si>
  <si>
    <t>神奈川県鎌倉市寺分3-836-2（地番）</t>
  </si>
  <si>
    <t>神奈川県鎌倉市常磐字一向堂922-13（地番）</t>
  </si>
  <si>
    <t>神奈川県鎌倉市大船字谷之前1820-84（地番）</t>
  </si>
  <si>
    <t>神奈川県鎌倉市高野5-2（地番）</t>
  </si>
  <si>
    <t>神奈川県鎌倉市津字猫池1069-332（地番）</t>
  </si>
  <si>
    <t>神奈川県鎌倉市津字蟹田谷1040-77（地番）</t>
  </si>
  <si>
    <t>神奈川県鎌倉市長谷1-262（地番）</t>
  </si>
  <si>
    <t>神奈川県鎌倉市大町1-1033-3（地番）</t>
  </si>
  <si>
    <t>神奈川県鎌倉市十二所943-1（地番）</t>
  </si>
  <si>
    <t>神奈川県鎌倉市由比ガ浜2-1014-15（地番）</t>
  </si>
  <si>
    <t>神奈川県鎌倉市西御門2-689-1（地番）</t>
  </si>
  <si>
    <t>神奈川県鎌倉市小袋谷2-739（地番）</t>
  </si>
  <si>
    <t>神奈川県鎌倉市今泉2-1474（地番）</t>
  </si>
  <si>
    <t>神奈川県鎌倉市今泉台7-900-592（地番）</t>
  </si>
  <si>
    <t>神奈川県鎌倉市岩瀬630-1（地番）</t>
  </si>
  <si>
    <t>神奈川県鎌倉市岩瀬1-1-93（地番）</t>
  </si>
  <si>
    <t>神奈川県鎌倉市大船2028-6（地番）</t>
  </si>
  <si>
    <t>神奈川県鎌倉市大船3-252（地番）</t>
  </si>
  <si>
    <t>神奈川県鎌倉市台1659-1（地番）</t>
  </si>
  <si>
    <t>神奈川県鎌倉市台5-806-9（地番）</t>
  </si>
  <si>
    <t>神奈川県鎌倉市山ノ内1329（地番）</t>
  </si>
  <si>
    <t>神奈川県鎌倉市台2-286（地番）</t>
  </si>
  <si>
    <t>神奈川県鎌倉市台1-342（地番）</t>
  </si>
  <si>
    <t>神奈川県鎌倉市植木219（地番）</t>
  </si>
  <si>
    <t>神奈川県鎌倉市岡本字外耕地1370-9（地番）</t>
  </si>
  <si>
    <t>神奈川県鎌倉市玉縄2-13-1（地番）</t>
  </si>
  <si>
    <t>神奈川県鎌倉市玉縄1-4（地番）</t>
  </si>
  <si>
    <t>神奈川県鎌倉市玉縄2-7（地番）</t>
  </si>
  <si>
    <t>神奈川県鎌倉市玉縄5-25-1（地番）</t>
  </si>
  <si>
    <t>神奈川県鎌倉市梶原2-982-65（地番）</t>
  </si>
  <si>
    <t>神奈川県鎌倉市梶原5-1330-1（地番）</t>
  </si>
  <si>
    <t>神奈川県鎌倉市鎌倉山1-1586-6（地番）</t>
  </si>
  <si>
    <t>神奈川県鎌倉市手広3-1419-1（地番）</t>
  </si>
  <si>
    <t>神奈川県鎌倉市寺分485-3（地番）</t>
  </si>
  <si>
    <t>神奈川県鎌倉市笛田3-1142-4（地番）</t>
  </si>
  <si>
    <t>神奈川県鎌倉市津西2-769-6（地番）</t>
  </si>
  <si>
    <t>神奈川県鎌倉市津西2-769-1（地番）</t>
  </si>
  <si>
    <t>神奈川県鎌倉市台5-550-62（地番）</t>
  </si>
  <si>
    <t>神奈川県鎌倉市岩瀬1-27-32（地番）</t>
  </si>
  <si>
    <t>神奈川県鎌倉市関谷字下坪387-77他（地番）</t>
  </si>
  <si>
    <t>神奈川県鎌倉市稲村ガ崎1-285-1（地番）</t>
  </si>
  <si>
    <t>神奈川県鎌倉市津1133（地番）</t>
  </si>
  <si>
    <t>神奈川県鎌倉市津西１-873-63（地番）</t>
  </si>
  <si>
    <t>神奈川県鎌倉市今泉台6-900-593（地番）</t>
  </si>
  <si>
    <t>神奈川県鎌倉市扇ガ谷4-649-1（地番）</t>
  </si>
  <si>
    <t>神奈川県鎌倉市今泉台7-930-1（地番）</t>
  </si>
  <si>
    <t>神奈川県鎌倉市大船4</t>
  </si>
  <si>
    <t>神奈川県鎌倉市岩瀬字上耕地630-7（地番）</t>
  </si>
  <si>
    <t>神奈川県鎌倉市山ノ内字西瓜ヶ谷1086-1外（地番）</t>
  </si>
  <si>
    <t>神奈川県鎌倉市手広2-133-175（地番）</t>
  </si>
  <si>
    <t>神奈川県鎌倉市手広2-133-173（地番）</t>
  </si>
  <si>
    <t>神奈川県鎌倉市浄明寺5､大町7</t>
  </si>
  <si>
    <t>神奈川県鎌倉市津字大井久保1147-1（地番）</t>
  </si>
  <si>
    <t>神奈川県鎌倉市津字日坂460-2（地番）</t>
  </si>
  <si>
    <t>神奈川県鎌倉市笛田1‐8‐1他（地番）</t>
  </si>
  <si>
    <t>神奈川県鎌倉市山ノ内字東瓜ヶ谷1236番外（地番）</t>
  </si>
  <si>
    <t>神奈川県逗子市久木字東諏訪ノ谷901番（地番）</t>
  </si>
  <si>
    <t>神奈川県横浜市神奈川区菅田町222-1</t>
  </si>
  <si>
    <t>神奈川県横浜市都筑区川向町725-6</t>
  </si>
  <si>
    <t>神奈川県横浜市戸塚区秋葉町487-41</t>
  </si>
  <si>
    <t>神奈川県横浜市戸塚区深谷町1210-140</t>
  </si>
  <si>
    <t>神奈川県横浜市戸塚区深谷町1272-5</t>
  </si>
  <si>
    <t>神奈川県横浜市泉区和泉町967-1</t>
  </si>
  <si>
    <t>品濃一里塚公園</t>
    <phoneticPr fontId="7"/>
  </si>
  <si>
    <t>神奈川県座間市入谷東1-6-1</t>
    <rPh sb="9" eb="10">
      <t>ヒガシ</t>
    </rPh>
    <phoneticPr fontId="6"/>
  </si>
  <si>
    <t>012673</t>
    <phoneticPr fontId="7"/>
  </si>
  <si>
    <t>012674</t>
  </si>
  <si>
    <t>012675</t>
  </si>
  <si>
    <t>012676</t>
  </si>
  <si>
    <t>012677</t>
  </si>
  <si>
    <t>012678</t>
  </si>
  <si>
    <t>012679</t>
  </si>
  <si>
    <t>012680</t>
  </si>
  <si>
    <t>012681</t>
  </si>
  <si>
    <t>012682</t>
  </si>
  <si>
    <t>012683</t>
  </si>
  <si>
    <t>012684</t>
  </si>
  <si>
    <t>012685</t>
  </si>
  <si>
    <t>012686</t>
  </si>
  <si>
    <t>012687</t>
  </si>
  <si>
    <t>012688</t>
  </si>
  <si>
    <t>012689</t>
  </si>
  <si>
    <t>012690</t>
  </si>
  <si>
    <t>012691</t>
  </si>
  <si>
    <t>012692</t>
  </si>
  <si>
    <t>012693</t>
  </si>
  <si>
    <t>012694</t>
  </si>
  <si>
    <t>船越６丁目第２公園</t>
    <phoneticPr fontId="7"/>
  </si>
  <si>
    <t>044871</t>
    <phoneticPr fontId="7"/>
  </si>
  <si>
    <t>西公園</t>
    <phoneticPr fontId="7"/>
  </si>
  <si>
    <t>045015</t>
    <phoneticPr fontId="7"/>
  </si>
  <si>
    <t>神奈川県横須賀市須軽谷1274-1</t>
    <phoneticPr fontId="7"/>
  </si>
  <si>
    <t>神奈川県横須賀市長沢1-3071-3</t>
    <phoneticPr fontId="7"/>
  </si>
  <si>
    <t>神奈川県横須賀市武3-4164-1</t>
    <phoneticPr fontId="7"/>
  </si>
  <si>
    <t>神奈川県横須賀市湘南鷹取2-16-265</t>
    <phoneticPr fontId="7"/>
  </si>
  <si>
    <t>神奈川県横須賀市湘南鷹取6-58-56</t>
    <phoneticPr fontId="7"/>
  </si>
  <si>
    <t>神奈川県横須賀市根岸町1-9-20</t>
    <rPh sb="8" eb="10">
      <t>ネギシ</t>
    </rPh>
    <rPh sb="10" eb="11">
      <t>マチ</t>
    </rPh>
    <phoneticPr fontId="7"/>
  </si>
  <si>
    <t>武４丁目都市林</t>
    <phoneticPr fontId="7"/>
  </si>
  <si>
    <t>神奈川県横須賀市武4-235-6</t>
    <phoneticPr fontId="7"/>
  </si>
  <si>
    <t>湘南鷹取２丁目第６都市林</t>
    <rPh sb="0" eb="2">
      <t>ショウナン</t>
    </rPh>
    <rPh sb="2" eb="4">
      <t>タカトリ</t>
    </rPh>
    <rPh sb="5" eb="7">
      <t>チョウメ</t>
    </rPh>
    <rPh sb="7" eb="8">
      <t>ダイ</t>
    </rPh>
    <rPh sb="9" eb="11">
      <t>トシ</t>
    </rPh>
    <rPh sb="11" eb="12">
      <t>リン</t>
    </rPh>
    <phoneticPr fontId="7"/>
  </si>
  <si>
    <t>神奈川県横須賀市湘南鷹取2-16-273</t>
    <phoneticPr fontId="7"/>
  </si>
  <si>
    <t>津久井５丁目第６都市林</t>
    <phoneticPr fontId="7"/>
  </si>
  <si>
    <t>神奈川県横須賀市津久井5-3869</t>
    <phoneticPr fontId="7"/>
  </si>
  <si>
    <t>武３丁目第３都市林</t>
    <phoneticPr fontId="7"/>
  </si>
  <si>
    <t>神奈川県横須賀市武3-4203</t>
    <phoneticPr fontId="7"/>
  </si>
  <si>
    <t>馬堀３丁目第３公園</t>
    <rPh sb="0" eb="1">
      <t>ウマ</t>
    </rPh>
    <rPh sb="1" eb="2">
      <t>ホリ</t>
    </rPh>
    <rPh sb="3" eb="5">
      <t>チョウメ</t>
    </rPh>
    <rPh sb="5" eb="6">
      <t>ダイ</t>
    </rPh>
    <rPh sb="7" eb="9">
      <t>コウエン</t>
    </rPh>
    <phoneticPr fontId="7"/>
  </si>
  <si>
    <t>神奈川県横須賀市馬堀町3-91-9</t>
    <rPh sb="8" eb="11">
      <t>マボリチョウ</t>
    </rPh>
    <phoneticPr fontId="7"/>
  </si>
  <si>
    <t>長瀬２丁目公園</t>
    <rPh sb="0" eb="2">
      <t>ナガセ</t>
    </rPh>
    <rPh sb="3" eb="5">
      <t>チョウメ</t>
    </rPh>
    <rPh sb="5" eb="7">
      <t>コウエン</t>
    </rPh>
    <phoneticPr fontId="7"/>
  </si>
  <si>
    <t>神奈川県横須賀市長瀬2-162-110</t>
    <rPh sb="8" eb="10">
      <t>ナガセ</t>
    </rPh>
    <phoneticPr fontId="7"/>
  </si>
  <si>
    <t>長瀬２丁目第２公園</t>
    <rPh sb="0" eb="2">
      <t>ナガセ</t>
    </rPh>
    <rPh sb="3" eb="5">
      <t>チョウメ</t>
    </rPh>
    <rPh sb="5" eb="6">
      <t>ダイ</t>
    </rPh>
    <rPh sb="7" eb="9">
      <t>コウエン</t>
    </rPh>
    <phoneticPr fontId="7"/>
  </si>
  <si>
    <t>神奈川県横須賀市長瀬2-162-109</t>
    <rPh sb="8" eb="10">
      <t>ナガセ</t>
    </rPh>
    <phoneticPr fontId="7"/>
  </si>
  <si>
    <t>045080</t>
    <phoneticPr fontId="7"/>
  </si>
  <si>
    <t>04508１</t>
    <phoneticPr fontId="7"/>
  </si>
  <si>
    <t>045082</t>
  </si>
  <si>
    <t>045083</t>
  </si>
  <si>
    <t>045084</t>
  </si>
  <si>
    <t>045085</t>
  </si>
  <si>
    <t>045086</t>
  </si>
  <si>
    <t>平塚市</t>
    <rPh sb="0" eb="3">
      <t>ヒラツカシ</t>
    </rPh>
    <phoneticPr fontId="7"/>
  </si>
  <si>
    <t>真田いくのべ公園</t>
    <rPh sb="0" eb="2">
      <t>サナダ</t>
    </rPh>
    <rPh sb="6" eb="8">
      <t>コウエン</t>
    </rPh>
    <phoneticPr fontId="7"/>
  </si>
  <si>
    <t>街区公園</t>
    <phoneticPr fontId="7"/>
  </si>
  <si>
    <t>真田つかだ公園</t>
    <rPh sb="0" eb="2">
      <t>サナダ</t>
    </rPh>
    <rPh sb="5" eb="7">
      <t>コウエン</t>
    </rPh>
    <phoneticPr fontId="7"/>
  </si>
  <si>
    <t>神奈川県平塚市真田3-20-11</t>
    <rPh sb="0" eb="9">
      <t>カナガワケンヒラツカシサナダ</t>
    </rPh>
    <phoneticPr fontId="7"/>
  </si>
  <si>
    <t>055191</t>
    <phoneticPr fontId="7"/>
  </si>
  <si>
    <t>https://www.sakata-greenservice.co.jp/banyuu/</t>
  </si>
  <si>
    <t>相模川堤内外を一体とした運動公園として整備されました。</t>
    <rPh sb="0" eb="2">
      <t>サガミ</t>
    </rPh>
    <rPh sb="2" eb="3">
      <t>ガワ</t>
    </rPh>
    <rPh sb="3" eb="4">
      <t>テイ</t>
    </rPh>
    <rPh sb="4" eb="5">
      <t>ナイ</t>
    </rPh>
    <rPh sb="5" eb="6">
      <t>ガイ</t>
    </rPh>
    <rPh sb="7" eb="9">
      <t>イッタイ</t>
    </rPh>
    <rPh sb="12" eb="14">
      <t>ウンドウ</t>
    </rPh>
    <rPh sb="14" eb="16">
      <t>コウエン</t>
    </rPh>
    <rPh sb="19" eb="21">
      <t>セイビ</t>
    </rPh>
    <phoneticPr fontId="7"/>
  </si>
  <si>
    <t>市街地のオアシス、スポーツ、レクリエーションの場として親しまれています。</t>
    <phoneticPr fontId="7"/>
  </si>
  <si>
    <t>055195</t>
    <phoneticPr fontId="7"/>
  </si>
  <si>
    <t>075783</t>
    <phoneticPr fontId="7"/>
  </si>
  <si>
    <t>神奈川県藤沢市大庭字南大平656（地番）</t>
    <phoneticPr fontId="7"/>
  </si>
  <si>
    <t>神奈川県藤沢市葛原字芝地920番4（地番）</t>
    <rPh sb="0" eb="4">
      <t>カナガワケン</t>
    </rPh>
    <rPh sb="18" eb="20">
      <t>チバン</t>
    </rPh>
    <phoneticPr fontId="7"/>
  </si>
  <si>
    <t>神奈川県藤沢市川名一丁目63番9（地番）</t>
    <phoneticPr fontId="7"/>
  </si>
  <si>
    <t>神奈川県藤沢市善行六丁目３６１１番１０</t>
    <rPh sb="0" eb="4">
      <t>カナガワケン</t>
    </rPh>
    <rPh sb="4" eb="7">
      <t>フジサワシ</t>
    </rPh>
    <phoneticPr fontId="7"/>
  </si>
  <si>
    <t>神奈川県藤沢市本町四丁目1470番14</t>
    <phoneticPr fontId="7"/>
  </si>
  <si>
    <t>075787</t>
    <phoneticPr fontId="7"/>
  </si>
  <si>
    <t>075788</t>
    <phoneticPr fontId="7"/>
  </si>
  <si>
    <t>神奈川県小田原市栢山3309-8</t>
    <rPh sb="8" eb="10">
      <t>カヤマ</t>
    </rPh>
    <phoneticPr fontId="7"/>
  </si>
  <si>
    <t>神奈川県小田原市城山2-345-31</t>
    <rPh sb="8" eb="10">
      <t>シロヤマ</t>
    </rPh>
    <phoneticPr fontId="7"/>
  </si>
  <si>
    <t>早川うえのみどう公園</t>
    <rPh sb="0" eb="2">
      <t>ハヤカワ</t>
    </rPh>
    <rPh sb="8" eb="10">
      <t>コウエン</t>
    </rPh>
    <phoneticPr fontId="7"/>
  </si>
  <si>
    <t>神奈川県小田原市早川866番21</t>
    <rPh sb="0" eb="4">
      <t>カナガワケン</t>
    </rPh>
    <rPh sb="4" eb="8">
      <t>オダワラシ</t>
    </rPh>
    <rPh sb="8" eb="10">
      <t>ハヤカワ</t>
    </rPh>
    <rPh sb="13" eb="14">
      <t>バン</t>
    </rPh>
    <phoneticPr fontId="7"/>
  </si>
  <si>
    <t>紅沢北公園</t>
    <rPh sb="0" eb="1">
      <t>ベニ</t>
    </rPh>
    <rPh sb="1" eb="2">
      <t>サワ</t>
    </rPh>
    <rPh sb="2" eb="3">
      <t>キタ</t>
    </rPh>
    <rPh sb="3" eb="5">
      <t>コウエン</t>
    </rPh>
    <phoneticPr fontId="7"/>
  </si>
  <si>
    <t>神奈川県小田原市飯泉184番19</t>
    <rPh sb="0" eb="4">
      <t>カナガワケン</t>
    </rPh>
    <rPh sb="4" eb="8">
      <t>オダワラシ</t>
    </rPh>
    <rPh sb="8" eb="10">
      <t>イイズミ</t>
    </rPh>
    <rPh sb="13" eb="14">
      <t>バン</t>
    </rPh>
    <phoneticPr fontId="7"/>
  </si>
  <si>
    <t>特殊公園（風致公園、動植物公園、歴史公園、墓園）</t>
    <phoneticPr fontId="7"/>
  </si>
  <si>
    <t>085951</t>
    <phoneticPr fontId="7"/>
  </si>
  <si>
    <t>085952</t>
    <phoneticPr fontId="7"/>
  </si>
  <si>
    <t>神奈川県茅ヶ崎市香川四丁目1022-26</t>
    <phoneticPr fontId="7"/>
  </si>
  <si>
    <t>元町公園</t>
    <rPh sb="0" eb="2">
      <t>モトマチ</t>
    </rPh>
    <phoneticPr fontId="7"/>
  </si>
  <si>
    <t>神奈川県茅ヶ崎市柳島1300</t>
    <phoneticPr fontId="7"/>
  </si>
  <si>
    <t>09613３</t>
    <phoneticPr fontId="7"/>
  </si>
  <si>
    <t>096134</t>
  </si>
  <si>
    <t>096135</t>
  </si>
  <si>
    <t>三浦市</t>
    <phoneticPr fontId="7"/>
  </si>
  <si>
    <t>神奈川県三浦市南下浦町金田1045-24</t>
    <rPh sb="0" eb="4">
      <t>カナガワケン</t>
    </rPh>
    <phoneticPr fontId="7"/>
  </si>
  <si>
    <t>昭和56年度に指定された「油壺特別風致地区」にあるため自然環境を保全する目的で整備されている。ヨットや別荘で有名な油壺湾に面しており静かな環境を保っている。</t>
    <phoneticPr fontId="7"/>
  </si>
  <si>
    <t>神奈川県秦野市今泉2211</t>
    <rPh sb="7" eb="9">
      <t>イマイズミ</t>
    </rPh>
    <phoneticPr fontId="7"/>
  </si>
  <si>
    <t>神奈川県秦野市平沢153-3</t>
    <phoneticPr fontId="7"/>
  </si>
  <si>
    <t>神奈川県秦野市南矢名743-10</t>
    <rPh sb="7" eb="10">
      <t>ミナミヤナ</t>
    </rPh>
    <phoneticPr fontId="7"/>
  </si>
  <si>
    <t>126493</t>
    <phoneticPr fontId="7"/>
  </si>
  <si>
    <t>神奈川県秦野市南矢名708-11</t>
    <rPh sb="7" eb="10">
      <t>ミナミヤナ</t>
    </rPh>
    <phoneticPr fontId="7"/>
  </si>
  <si>
    <t>神奈川県秦野市堀山下763-7外</t>
    <rPh sb="7" eb="10">
      <t>ホリヤマシタ</t>
    </rPh>
    <rPh sb="15" eb="16">
      <t>ホカ</t>
    </rPh>
    <phoneticPr fontId="7"/>
  </si>
  <si>
    <t>神奈川県秦野市新町569-5</t>
    <rPh sb="7" eb="9">
      <t>シンチョウ</t>
    </rPh>
    <phoneticPr fontId="7"/>
  </si>
  <si>
    <t>いまがわちょう南公園</t>
    <rPh sb="7" eb="8">
      <t>ミナミ</t>
    </rPh>
    <rPh sb="8" eb="10">
      <t>コウエン</t>
    </rPh>
    <phoneticPr fontId="7"/>
  </si>
  <si>
    <t>神奈川県秦野市今川町77番1外</t>
    <rPh sb="0" eb="4">
      <t>カナガワケン</t>
    </rPh>
    <rPh sb="4" eb="7">
      <t>ハダノシ</t>
    </rPh>
    <rPh sb="12" eb="13">
      <t>バン</t>
    </rPh>
    <rPh sb="14" eb="15">
      <t>ホカ</t>
    </rPh>
    <phoneticPr fontId="7"/>
  </si>
  <si>
    <t>126497</t>
    <phoneticPr fontId="7"/>
  </si>
  <si>
    <t>神奈川県厚木市金田298-2</t>
    <rPh sb="0" eb="4">
      <t>カナガワケン</t>
    </rPh>
    <rPh sb="4" eb="7">
      <t>アツギシ</t>
    </rPh>
    <rPh sb="7" eb="9">
      <t>カネダ</t>
    </rPh>
    <phoneticPr fontId="7"/>
  </si>
  <si>
    <t>下川入菁莪公園</t>
    <rPh sb="0" eb="3">
      <t>シモカワイリ</t>
    </rPh>
    <rPh sb="3" eb="5">
      <t>セイガ</t>
    </rPh>
    <rPh sb="5" eb="7">
      <t>コウエン</t>
    </rPh>
    <phoneticPr fontId="7"/>
  </si>
  <si>
    <t>神奈川県厚木市下川入1365-8</t>
    <rPh sb="0" eb="4">
      <t>カナガワケン</t>
    </rPh>
    <rPh sb="4" eb="7">
      <t>アツギシ</t>
    </rPh>
    <rPh sb="7" eb="10">
      <t>シモカワイリ</t>
    </rPh>
    <phoneticPr fontId="7"/>
  </si>
  <si>
    <t>神奈川県大和市渋谷六丁目9</t>
    <phoneticPr fontId="7"/>
  </si>
  <si>
    <t>神奈川県大和市中央林間西三丁目3847-2</t>
    <phoneticPr fontId="7"/>
  </si>
  <si>
    <t>神奈川県大和市渋谷五丁目35</t>
    <phoneticPr fontId="7"/>
  </si>
  <si>
    <t>神奈川県大和市柳橋5-12番地先</t>
    <rPh sb="0" eb="4">
      <t>カナガワケｎ</t>
    </rPh>
    <phoneticPr fontId="12"/>
  </si>
  <si>
    <t>神奈川県大和市渋谷八丁目8</t>
    <phoneticPr fontId="7"/>
  </si>
  <si>
    <t>神奈川県大和市上草柳8-24</t>
    <phoneticPr fontId="7"/>
  </si>
  <si>
    <t>神奈川県大和市深見3811番地先</t>
    <rPh sb="7" eb="9">
      <t>フカミ</t>
    </rPh>
    <rPh sb="13" eb="15">
      <t>バンチ</t>
    </rPh>
    <rPh sb="15" eb="16">
      <t>サキ</t>
    </rPh>
    <phoneticPr fontId="7"/>
  </si>
  <si>
    <t>門沢橋平泉公園</t>
    <phoneticPr fontId="7"/>
  </si>
  <si>
    <t>神奈川県海老名市泉１丁目1059</t>
    <rPh sb="8" eb="9">
      <t>イズミ</t>
    </rPh>
    <rPh sb="10" eb="12">
      <t>チョウメ</t>
    </rPh>
    <phoneticPr fontId="7"/>
  </si>
  <si>
    <t>神奈川県海老名市めぐみ町512-7</t>
    <rPh sb="11" eb="12">
      <t>チョウ</t>
    </rPh>
    <phoneticPr fontId="7"/>
  </si>
  <si>
    <t>国分宮ノ台第五公園</t>
    <rPh sb="0" eb="2">
      <t>コクブ</t>
    </rPh>
    <rPh sb="2" eb="3">
      <t>ミヤ</t>
    </rPh>
    <rPh sb="4" eb="5">
      <t>ダイ</t>
    </rPh>
    <rPh sb="5" eb="7">
      <t>ダイゴ</t>
    </rPh>
    <rPh sb="7" eb="9">
      <t>コウエン</t>
    </rPh>
    <phoneticPr fontId="6"/>
  </si>
  <si>
    <t>中新田上ヶ見公園</t>
    <rPh sb="0" eb="3">
      <t>ナカシンデン</t>
    </rPh>
    <rPh sb="3" eb="4">
      <t>ウワ</t>
    </rPh>
    <rPh sb="5" eb="6">
      <t>ミ</t>
    </rPh>
    <rPh sb="6" eb="8">
      <t>コウエン</t>
    </rPh>
    <phoneticPr fontId="6"/>
  </si>
  <si>
    <t>東柏ケ谷大道付第二公園</t>
    <rPh sb="0" eb="4">
      <t>ヒガシカシワガヤ</t>
    </rPh>
    <rPh sb="4" eb="5">
      <t>ダイ</t>
    </rPh>
    <rPh sb="5" eb="6">
      <t>ミチ</t>
    </rPh>
    <rPh sb="6" eb="7">
      <t>ツ</t>
    </rPh>
    <rPh sb="7" eb="9">
      <t>ダイニ</t>
    </rPh>
    <rPh sb="9" eb="11">
      <t>コウエン</t>
    </rPh>
    <phoneticPr fontId="6"/>
  </si>
  <si>
    <t>東柏ケ谷大道付第三公園</t>
    <rPh sb="8" eb="9">
      <t>サン</t>
    </rPh>
    <rPh sb="9" eb="10">
      <t>コウ</t>
    </rPh>
    <phoneticPr fontId="6"/>
  </si>
  <si>
    <t>東柏ケ谷大道付第四公園</t>
    <rPh sb="8" eb="9">
      <t>ヨン</t>
    </rPh>
    <rPh sb="9" eb="10">
      <t>コウ</t>
    </rPh>
    <phoneticPr fontId="6"/>
  </si>
  <si>
    <t>神奈川県海老名市望地2-508</t>
    <phoneticPr fontId="7"/>
  </si>
  <si>
    <t>なかや公園</t>
    <rPh sb="3" eb="5">
      <t>コウエン</t>
    </rPh>
    <phoneticPr fontId="7"/>
  </si>
  <si>
    <t>神奈川県座間市栗原中央5-2992</t>
    <rPh sb="7" eb="9">
      <t>クリハラ</t>
    </rPh>
    <rPh sb="9" eb="11">
      <t>チュウオウ</t>
    </rPh>
    <phoneticPr fontId="7"/>
  </si>
  <si>
    <t>こまつばら公園</t>
    <rPh sb="5" eb="7">
      <t>コウエン</t>
    </rPh>
    <phoneticPr fontId="7"/>
  </si>
  <si>
    <t>ボール遊びのできる公園</t>
    <rPh sb="3" eb="4">
      <t>アソ</t>
    </rPh>
    <rPh sb="9" eb="11">
      <t>コウエン</t>
    </rPh>
    <phoneticPr fontId="7"/>
  </si>
  <si>
    <t>都市緑地</t>
    <rPh sb="0" eb="4">
      <t>トシリョクチ</t>
    </rPh>
    <phoneticPr fontId="7"/>
  </si>
  <si>
    <t>ボール遊びのできる公園</t>
  </si>
  <si>
    <t>ボール遊びのできる公園</t>
    <phoneticPr fontId="7"/>
  </si>
  <si>
    <t>入町ふれあい公園</t>
    <rPh sb="0" eb="1">
      <t>イリ</t>
    </rPh>
    <rPh sb="1" eb="2">
      <t>チョウ</t>
    </rPh>
    <rPh sb="6" eb="8">
      <t>コウエン</t>
    </rPh>
    <phoneticPr fontId="7"/>
  </si>
  <si>
    <t>山西子どもの広場</t>
    <rPh sb="0" eb="2">
      <t>ヤ</t>
    </rPh>
    <rPh sb="2" eb="3">
      <t>コ</t>
    </rPh>
    <rPh sb="6" eb="8">
      <t>ヒロバ</t>
    </rPh>
    <phoneticPr fontId="7"/>
  </si>
  <si>
    <t>http://www.kanagawaparks.com/nakaichuo/</t>
    <phoneticPr fontId="7"/>
  </si>
  <si>
    <t>武永田水辺公園</t>
    <phoneticPr fontId="7"/>
  </si>
  <si>
    <t>木曜日、年末年始</t>
    <rPh sb="0" eb="3">
      <t>モクヨウビ</t>
    </rPh>
    <rPh sb="4" eb="6">
      <t>ネンマツ</t>
    </rPh>
    <rPh sb="6" eb="8">
      <t>ネンシ</t>
    </rPh>
    <phoneticPr fontId="7"/>
  </si>
  <si>
    <t>パークゴルフ場</t>
    <rPh sb="6" eb="7">
      <t>ジョウ</t>
    </rPh>
    <phoneticPr fontId="7"/>
  </si>
  <si>
    <t>鹿島田１丁目公園</t>
    <rPh sb="4" eb="6">
      <t>チョウメ</t>
    </rPh>
    <phoneticPr fontId="7"/>
  </si>
  <si>
    <t>神奈川県川崎市麻生区南黒川903</t>
  </si>
  <si>
    <t>白鳥３丁目ポケットパーク</t>
    <phoneticPr fontId="7"/>
  </si>
  <si>
    <t>神奈川県川崎市高津区久地20､宇奈根地内</t>
  </si>
  <si>
    <t>023955</t>
    <phoneticPr fontId="7"/>
  </si>
  <si>
    <t>神奈川県川崎市麻生区黒川海道1501ほか</t>
    <rPh sb="0" eb="4">
      <t>カナガワケン</t>
    </rPh>
    <rPh sb="4" eb="7">
      <t>カワサキシ</t>
    </rPh>
    <rPh sb="7" eb="10">
      <t>アサオク</t>
    </rPh>
    <rPh sb="10" eb="12">
      <t>クロカワ</t>
    </rPh>
    <rPh sb="12" eb="14">
      <t>カイドウ</t>
    </rPh>
    <phoneticPr fontId="7"/>
  </si>
  <si>
    <t>神奈川県川崎市麻生区黒川字海道1402ほか</t>
    <rPh sb="0" eb="4">
      <t>カナガワケン</t>
    </rPh>
    <rPh sb="4" eb="7">
      <t>カワサキシ</t>
    </rPh>
    <rPh sb="7" eb="10">
      <t>アサオク</t>
    </rPh>
    <rPh sb="10" eb="12">
      <t>クロカワ</t>
    </rPh>
    <rPh sb="12" eb="13">
      <t>アザ</t>
    </rPh>
    <rPh sb="13" eb="15">
      <t>カイドウ</t>
    </rPh>
    <phoneticPr fontId="7"/>
  </si>
  <si>
    <t>野川宮の前公園</t>
    <rPh sb="0" eb="2">
      <t>ノガワ</t>
    </rPh>
    <rPh sb="2" eb="3">
      <t>ミヤ</t>
    </rPh>
    <rPh sb="4" eb="5">
      <t>マエ</t>
    </rPh>
    <rPh sb="5" eb="7">
      <t>コウエン</t>
    </rPh>
    <phoneticPr fontId="7"/>
  </si>
  <si>
    <t>野川中耕地さくら公園</t>
    <rPh sb="0" eb="2">
      <t>ノガワ</t>
    </rPh>
    <rPh sb="2" eb="3">
      <t>ナカ</t>
    </rPh>
    <rPh sb="3" eb="5">
      <t>コウチ</t>
    </rPh>
    <rPh sb="8" eb="10">
      <t>コウエン</t>
    </rPh>
    <phoneticPr fontId="7"/>
  </si>
  <si>
    <t>宮崎６丁目ポケットパーク</t>
    <rPh sb="0" eb="2">
      <t>ミヤザキ</t>
    </rPh>
    <rPh sb="3" eb="5">
      <t>チョウメ</t>
    </rPh>
    <phoneticPr fontId="7"/>
  </si>
  <si>
    <t>西小田公園</t>
    <rPh sb="0" eb="1">
      <t>ニシ</t>
    </rPh>
    <rPh sb="1" eb="3">
      <t>オダ</t>
    </rPh>
    <rPh sb="3" eb="5">
      <t>コウエン</t>
    </rPh>
    <phoneticPr fontId="7"/>
  </si>
  <si>
    <t>神奈川県川崎市川崎区小田1-13</t>
    <rPh sb="7" eb="10">
      <t>カワサキク</t>
    </rPh>
    <rPh sb="10" eb="12">
      <t>オダ</t>
    </rPh>
    <phoneticPr fontId="7"/>
  </si>
  <si>
    <t>大島4丁目公園</t>
    <rPh sb="3" eb="5">
      <t>チョウメ</t>
    </rPh>
    <rPh sb="5" eb="7">
      <t>コウエン</t>
    </rPh>
    <phoneticPr fontId="7"/>
  </si>
  <si>
    <t>神奈川県川崎市川崎区大島4-4-6</t>
    <rPh sb="7" eb="10">
      <t>カワサキク</t>
    </rPh>
    <rPh sb="10" eb="12">
      <t>オオシマ</t>
    </rPh>
    <phoneticPr fontId="7"/>
  </si>
  <si>
    <t>こすぎ公園</t>
    <rPh sb="3" eb="5">
      <t>コウエン</t>
    </rPh>
    <phoneticPr fontId="7"/>
  </si>
  <si>
    <t>南平台つつじ公園</t>
    <rPh sb="0" eb="3">
      <t>ナンペイダイ</t>
    </rPh>
    <rPh sb="6" eb="8">
      <t>コウエン</t>
    </rPh>
    <phoneticPr fontId="7"/>
  </si>
  <si>
    <t>菅生権現坂公園</t>
    <rPh sb="0" eb="2">
      <t>スガオ</t>
    </rPh>
    <rPh sb="2" eb="4">
      <t>ゴンゲン</t>
    </rPh>
    <rPh sb="4" eb="5">
      <t>ザカ</t>
    </rPh>
    <rPh sb="5" eb="7">
      <t>コウエン</t>
    </rPh>
    <phoneticPr fontId="7"/>
  </si>
  <si>
    <t>野川中耕地つつじ公園</t>
    <rPh sb="0" eb="2">
      <t>ノガワ</t>
    </rPh>
    <rPh sb="2" eb="3">
      <t>ナカ</t>
    </rPh>
    <rPh sb="3" eb="5">
      <t>コウチ</t>
    </rPh>
    <rPh sb="8" eb="10">
      <t>コウエン</t>
    </rPh>
    <phoneticPr fontId="7"/>
  </si>
  <si>
    <t>平特別緑地</t>
    <rPh sb="0" eb="1">
      <t>タイラ</t>
    </rPh>
    <rPh sb="1" eb="3">
      <t>トクベツ</t>
    </rPh>
    <rPh sb="3" eb="5">
      <t>リョクチ</t>
    </rPh>
    <phoneticPr fontId="7"/>
  </si>
  <si>
    <t>都市林</t>
    <rPh sb="0" eb="2">
      <t>トシ</t>
    </rPh>
    <rPh sb="2" eb="3">
      <t>ハヤシ</t>
    </rPh>
    <phoneticPr fontId="7"/>
  </si>
  <si>
    <t>片平仲町ひなた公園</t>
    <rPh sb="0" eb="2">
      <t>カタヒラ</t>
    </rPh>
    <rPh sb="2" eb="4">
      <t>ナカマチ</t>
    </rPh>
    <rPh sb="7" eb="9">
      <t>コウエン</t>
    </rPh>
    <phoneticPr fontId="7"/>
  </si>
  <si>
    <t>神奈川県川崎市麻生区片平4-2204-11</t>
    <rPh sb="7" eb="9">
      <t>アサオ</t>
    </rPh>
    <rPh sb="9" eb="10">
      <t>ク</t>
    </rPh>
    <rPh sb="10" eb="12">
      <t>カタヒラ</t>
    </rPh>
    <phoneticPr fontId="7"/>
  </si>
  <si>
    <t>上麻生５丁目大ヶ谷戸緑地</t>
    <rPh sb="0" eb="1">
      <t>ウエ</t>
    </rPh>
    <rPh sb="1" eb="3">
      <t>アソオ</t>
    </rPh>
    <rPh sb="4" eb="6">
      <t>チョウメ</t>
    </rPh>
    <rPh sb="6" eb="9">
      <t>オオガヤ</t>
    </rPh>
    <rPh sb="9" eb="10">
      <t>ト</t>
    </rPh>
    <rPh sb="10" eb="12">
      <t>リョクチ</t>
    </rPh>
    <phoneticPr fontId="7"/>
  </si>
  <si>
    <t>都市緑地</t>
    <rPh sb="0" eb="2">
      <t>トシ</t>
    </rPh>
    <rPh sb="2" eb="4">
      <t>リョクチ</t>
    </rPh>
    <phoneticPr fontId="7"/>
  </si>
  <si>
    <t>黒川宮添緑地</t>
    <rPh sb="0" eb="2">
      <t>クロカワ</t>
    </rPh>
    <rPh sb="2" eb="4">
      <t>ミヤゾエ</t>
    </rPh>
    <rPh sb="4" eb="6">
      <t>リョクチ</t>
    </rPh>
    <phoneticPr fontId="7"/>
  </si>
  <si>
    <t>都市林</t>
    <rPh sb="2" eb="3">
      <t>ハヤシ</t>
    </rPh>
    <phoneticPr fontId="7"/>
  </si>
  <si>
    <t>高石緑地</t>
    <rPh sb="0" eb="1">
      <t>タカ</t>
    </rPh>
    <rPh sb="1" eb="2">
      <t>イシ</t>
    </rPh>
    <rPh sb="2" eb="4">
      <t>リョクチ</t>
    </rPh>
    <phoneticPr fontId="7"/>
  </si>
  <si>
    <t>神奈川県川崎市麻生区高石5-212-48</t>
    <rPh sb="6" eb="7">
      <t>シ</t>
    </rPh>
    <rPh sb="7" eb="9">
      <t>アソオ</t>
    </rPh>
    <rPh sb="9" eb="10">
      <t>ク</t>
    </rPh>
    <rPh sb="10" eb="12">
      <t>タカイシ</t>
    </rPh>
    <phoneticPr fontId="7"/>
  </si>
  <si>
    <t>023978</t>
  </si>
  <si>
    <t>023979</t>
  </si>
  <si>
    <t>023980</t>
  </si>
  <si>
    <t>023981</t>
  </si>
  <si>
    <t>023982</t>
  </si>
  <si>
    <t>023983</t>
  </si>
  <si>
    <t>023984</t>
  </si>
  <si>
    <t>023985</t>
  </si>
  <si>
    <t>023986</t>
  </si>
  <si>
    <t>023987</t>
  </si>
  <si>
    <t>023988</t>
  </si>
  <si>
    <t>023989</t>
  </si>
  <si>
    <t>023990</t>
  </si>
  <si>
    <t>023991</t>
  </si>
  <si>
    <t>真鶴町</t>
    <phoneticPr fontId="7"/>
  </si>
  <si>
    <t>ミニバス広場</t>
    <rPh sb="4" eb="6">
      <t>ヒロバ</t>
    </rPh>
    <phoneticPr fontId="7"/>
  </si>
  <si>
    <t>神奈川県大和市深見西一丁目762-3</t>
    <rPh sb="0" eb="4">
      <t>カナガワケン</t>
    </rPh>
    <rPh sb="4" eb="7">
      <t>ヤマトシ</t>
    </rPh>
    <phoneticPr fontId="7"/>
  </si>
  <si>
    <t>星の子ひろば</t>
    <rPh sb="0" eb="1">
      <t>ホシ</t>
    </rPh>
    <rPh sb="2" eb="3">
      <t>コ</t>
    </rPh>
    <phoneticPr fontId="7"/>
  </si>
  <si>
    <t>神奈川県大和市中央林間一丁目4280-33</t>
    <rPh sb="0" eb="4">
      <t>カナガワケン</t>
    </rPh>
    <rPh sb="4" eb="7">
      <t>ヤマトシ</t>
    </rPh>
    <phoneticPr fontId="7"/>
  </si>
  <si>
    <t>重国クスノキ公園</t>
    <rPh sb="0" eb="2">
      <t>シゲクニ</t>
    </rPh>
    <rPh sb="6" eb="8">
      <t>コウエン</t>
    </rPh>
    <phoneticPr fontId="7"/>
  </si>
  <si>
    <t>神奈川県大和市渋谷七丁目100－9</t>
    <rPh sb="0" eb="4">
      <t>カナガワケン</t>
    </rPh>
    <rPh sb="4" eb="7">
      <t>ヤマトシ</t>
    </rPh>
    <phoneticPr fontId="7"/>
  </si>
  <si>
    <t>147012</t>
  </si>
  <si>
    <t>147013</t>
  </si>
  <si>
    <t>147014</t>
  </si>
  <si>
    <t>ネットクライミング遊具、レールウェイ遊具</t>
    <rPh sb="18" eb="20">
      <t>ユウグ</t>
    </rPh>
    <phoneticPr fontId="7"/>
  </si>
  <si>
    <t>神奈川県茅ヶ崎市赤松町5006</t>
    <phoneticPr fontId="7"/>
  </si>
  <si>
    <t>出口町公園</t>
  </si>
  <si>
    <t>神奈川県茅ヶ崎市出口町2483-1</t>
    <phoneticPr fontId="7"/>
  </si>
  <si>
    <t>甘沼向原公園</t>
  </si>
  <si>
    <t>神奈川県茅ヶ崎市甘沼850－1</t>
    <rPh sb="0" eb="4">
      <t>カナガワケン</t>
    </rPh>
    <rPh sb="4" eb="8">
      <t>チガサキシ</t>
    </rPh>
    <phoneticPr fontId="7"/>
  </si>
  <si>
    <t>096136</t>
  </si>
  <si>
    <t>096137</t>
  </si>
  <si>
    <t>096138</t>
  </si>
  <si>
    <t>二宮町</t>
    <phoneticPr fontId="7"/>
  </si>
  <si>
    <t>神奈川県中郡二宮町山西２－４８</t>
    <rPh sb="0" eb="4">
      <t>カ</t>
    </rPh>
    <rPh sb="4" eb="6">
      <t>ナカグン</t>
    </rPh>
    <rPh sb="6" eb="9">
      <t>ニ</t>
    </rPh>
    <rPh sb="9" eb="11">
      <t>ヤ</t>
    </rPh>
    <phoneticPr fontId="7"/>
  </si>
  <si>
    <t>バスケットゴール・無料駐車場・駐輪場有り</t>
    <rPh sb="9" eb="11">
      <t>ムリョウ</t>
    </rPh>
    <rPh sb="11" eb="14">
      <t>チュウシャジョウ</t>
    </rPh>
    <rPh sb="15" eb="18">
      <t>チュウリンジョウ</t>
    </rPh>
    <rPh sb="18" eb="19">
      <t>ア</t>
    </rPh>
    <phoneticPr fontId="7"/>
  </si>
  <si>
    <t>157158</t>
  </si>
  <si>
    <t>157159</t>
  </si>
  <si>
    <t>157160</t>
  </si>
  <si>
    <t>横浜市</t>
    <phoneticPr fontId="7"/>
  </si>
  <si>
    <t>二ツ谷公園</t>
    <phoneticPr fontId="7"/>
  </si>
  <si>
    <t>ふじやとのみち</t>
    <phoneticPr fontId="7"/>
  </si>
  <si>
    <t>下野谷町三丁目公園</t>
  </si>
  <si>
    <t>江ケ崎町第二公園</t>
  </si>
  <si>
    <t>芹が谷二丁目第二公園</t>
    <phoneticPr fontId="7"/>
  </si>
  <si>
    <t>最戸一丁目公園</t>
  </si>
  <si>
    <t>泥亀公園</t>
  </si>
  <si>
    <t>上柏尾台公園</t>
  </si>
  <si>
    <t>二十ノ区公園</t>
  </si>
  <si>
    <t>二十一ノ区第三公園</t>
  </si>
  <si>
    <t>上飯田池ノ上第二公園</t>
  </si>
  <si>
    <t>瀬谷みはらし公園</t>
  </si>
  <si>
    <t>012695</t>
  </si>
  <si>
    <t>012696</t>
  </si>
  <si>
    <t>012697</t>
  </si>
  <si>
    <t>012698</t>
  </si>
  <si>
    <t>012699</t>
  </si>
  <si>
    <t>012700</t>
  </si>
  <si>
    <t>012701</t>
  </si>
  <si>
    <t>012702</t>
  </si>
  <si>
    <t>012703</t>
  </si>
  <si>
    <t>012704</t>
  </si>
  <si>
    <t>神奈川県川崎市高津区久末1600</t>
    <phoneticPr fontId="7"/>
  </si>
  <si>
    <t>神奈川県川崎市多摩区宿河原2-44</t>
    <phoneticPr fontId="7"/>
  </si>
  <si>
    <t>神奈川県川崎市多摩区生田4-23</t>
    <phoneticPr fontId="7"/>
  </si>
  <si>
    <t>神奈川県川崎市多摩区南生田6-26-12</t>
    <phoneticPr fontId="7"/>
  </si>
  <si>
    <t>神奈川県川崎市多摩区長尾6-1013-16</t>
    <phoneticPr fontId="7"/>
  </si>
  <si>
    <t>神奈川県川崎市多摩区南生田4-20</t>
    <phoneticPr fontId="7"/>
  </si>
  <si>
    <t>神奈川県川崎市多摩区堰1-1-17</t>
    <phoneticPr fontId="7"/>
  </si>
  <si>
    <t>神奈川県川崎市多摩区菅北浦3-8-19</t>
    <phoneticPr fontId="7"/>
  </si>
  <si>
    <t>神奈川県川崎市多摩区生田5-21-15</t>
    <phoneticPr fontId="7"/>
  </si>
  <si>
    <t>神奈川県川崎市高津区上作延340</t>
    <phoneticPr fontId="7"/>
  </si>
  <si>
    <t>神奈川県川崎市多摩区菅稲田堤3-8-5</t>
    <phoneticPr fontId="7"/>
  </si>
  <si>
    <t>神奈川県川崎市多摩区枡形5-19-10</t>
    <phoneticPr fontId="7"/>
  </si>
  <si>
    <t>神奈川県川崎市多摩区枡形5-16-3</t>
    <phoneticPr fontId="7"/>
  </si>
  <si>
    <t>神奈川県川崎市多摩区長沢4-12</t>
    <phoneticPr fontId="7"/>
  </si>
  <si>
    <t>神奈川県川崎市多摩区南生田4-5-1</t>
    <phoneticPr fontId="7"/>
  </si>
  <si>
    <t>神奈川県川崎市多摩区生田5-28-1</t>
    <phoneticPr fontId="7"/>
  </si>
  <si>
    <t>神奈川県川崎市多摩区宿河原7-13-3</t>
    <phoneticPr fontId="7"/>
  </si>
  <si>
    <t>神奈川県川崎市多摩区布田2-10</t>
    <phoneticPr fontId="7"/>
  </si>
  <si>
    <t>神奈川県川崎市多摩区中野島4-22-6</t>
    <phoneticPr fontId="7"/>
  </si>
  <si>
    <t>野川けやき公園</t>
    <phoneticPr fontId="7"/>
  </si>
  <si>
    <t>神奈川県川崎市多摩区登戸新町228</t>
    <phoneticPr fontId="7"/>
  </si>
  <si>
    <t>神奈川県川崎市高津区溝口3-10-8</t>
    <phoneticPr fontId="7"/>
  </si>
  <si>
    <t>神奈川県川崎市高津区溝口5-15-2</t>
    <phoneticPr fontId="7"/>
  </si>
  <si>
    <t>神奈川県川崎市高津区久地3-16-7</t>
    <phoneticPr fontId="7"/>
  </si>
  <si>
    <t>神奈川県川崎市高津区下作延7-15-13</t>
    <phoneticPr fontId="7"/>
  </si>
  <si>
    <t>神奈川県川崎市高津区久末1566-6</t>
    <phoneticPr fontId="7"/>
  </si>
  <si>
    <t>神奈川県川崎市高津区下作延6-30-2</t>
    <phoneticPr fontId="7"/>
  </si>
  <si>
    <t>神奈川県川崎市高津区坂戸3-10-8</t>
    <phoneticPr fontId="7"/>
  </si>
  <si>
    <t>神奈川県川崎市高津区下作延3-1-20</t>
    <phoneticPr fontId="7"/>
  </si>
  <si>
    <t>神奈川県川崎市高津区末長4-24-1</t>
    <phoneticPr fontId="7"/>
  </si>
  <si>
    <t>神奈川県川崎市高津区末長4-8-27</t>
    <phoneticPr fontId="7"/>
  </si>
  <si>
    <t>神奈川県川崎市多摩区登戸新町227</t>
    <phoneticPr fontId="7"/>
  </si>
  <si>
    <t>神奈川県川崎市高津区東野川1-16-20</t>
    <rPh sb="10" eb="11">
      <t>ヒガシ</t>
    </rPh>
    <rPh sb="11" eb="13">
      <t>ノガワ</t>
    </rPh>
    <phoneticPr fontId="7"/>
  </si>
  <si>
    <t>神奈川県川崎市高津区下作延6-17-2</t>
    <phoneticPr fontId="7"/>
  </si>
  <si>
    <t>神奈川県川崎市高津区久末1778-9</t>
    <phoneticPr fontId="7"/>
  </si>
  <si>
    <t>神奈川県川崎市高津区東野川2-4</t>
    <rPh sb="10" eb="11">
      <t>ヒガシ</t>
    </rPh>
    <rPh sb="11" eb="13">
      <t>ノガワ</t>
    </rPh>
    <phoneticPr fontId="7"/>
  </si>
  <si>
    <t>神奈川県川崎市高津区梶ケ谷3-17</t>
    <phoneticPr fontId="7"/>
  </si>
  <si>
    <t>神奈川県川崎市高津区久地3-4</t>
    <phoneticPr fontId="7"/>
  </si>
  <si>
    <t>神奈川県川崎市高津区上作延1122-7</t>
    <phoneticPr fontId="7"/>
  </si>
  <si>
    <t>神奈川県川崎市高津区下作延4-10-1</t>
    <phoneticPr fontId="7"/>
  </si>
  <si>
    <t>神奈川県川崎市高津区梶ケ谷5-11-1</t>
    <phoneticPr fontId="7"/>
  </si>
  <si>
    <t>神奈川県川崎市高津区久本2-4</t>
    <phoneticPr fontId="7"/>
  </si>
  <si>
    <t>神奈川県川崎市高津区蟹ヶ谷3-7</t>
    <phoneticPr fontId="7"/>
  </si>
  <si>
    <t>神奈川県川崎市多摩区菅城下17-19</t>
    <phoneticPr fontId="7"/>
  </si>
  <si>
    <t>神奈川県川崎市麻生区王禅寺西8-3-12</t>
    <phoneticPr fontId="7"/>
  </si>
  <si>
    <t>神奈川県川崎市宮前区水沢2-2692-1ほか</t>
    <rPh sb="0" eb="4">
      <t>カナガワケン</t>
    </rPh>
    <rPh sb="4" eb="7">
      <t>カワサキシ</t>
    </rPh>
    <rPh sb="7" eb="10">
      <t>ミヤマエク</t>
    </rPh>
    <rPh sb="10" eb="12">
      <t>ミズサワ</t>
    </rPh>
    <phoneticPr fontId="7"/>
  </si>
  <si>
    <t>神奈川県川崎市多摩区登戸1975</t>
    <rPh sb="0" eb="4">
      <t>カナガワケン</t>
    </rPh>
    <rPh sb="4" eb="7">
      <t>カワサキシ</t>
    </rPh>
    <rPh sb="7" eb="10">
      <t>タマク</t>
    </rPh>
    <rPh sb="10" eb="12">
      <t>ノボリト</t>
    </rPh>
    <phoneticPr fontId="7"/>
  </si>
  <si>
    <t>白鳥３丁目つつじポケットパーク</t>
    <phoneticPr fontId="7"/>
  </si>
  <si>
    <t>神奈川県川崎市宮前区平3-322ほか</t>
    <rPh sb="7" eb="10">
      <t>ミヤマエク</t>
    </rPh>
    <rPh sb="10" eb="11">
      <t>タイラ</t>
    </rPh>
    <phoneticPr fontId="7"/>
  </si>
  <si>
    <t>川崎市</t>
    <rPh sb="0" eb="3">
      <t>カワサキシ</t>
    </rPh>
    <phoneticPr fontId="7"/>
  </si>
  <si>
    <t>小倉４丁目公園</t>
    <phoneticPr fontId="7"/>
  </si>
  <si>
    <t>神奈川県川崎市幸区小倉4-10-33</t>
    <rPh sb="0" eb="4">
      <t>カナガワケン</t>
    </rPh>
    <rPh sb="4" eb="7">
      <t>カワサキシ</t>
    </rPh>
    <rPh sb="7" eb="9">
      <t>サイワイク</t>
    </rPh>
    <phoneticPr fontId="7"/>
  </si>
  <si>
    <t>神奈川県川崎市幸区戸手4-3-15</t>
    <rPh sb="0" eb="4">
      <t>カナガワケン</t>
    </rPh>
    <rPh sb="4" eb="7">
      <t>カワサキシ</t>
    </rPh>
    <rPh sb="7" eb="9">
      <t>サイワイク</t>
    </rPh>
    <phoneticPr fontId="7"/>
  </si>
  <si>
    <t>戸手４丁目ぽかぽか公園</t>
  </si>
  <si>
    <t>神奈川県川崎市幸区戸手4-53-54</t>
    <rPh sb="0" eb="4">
      <t>カナガワケン</t>
    </rPh>
    <rPh sb="4" eb="7">
      <t>カワサキシ</t>
    </rPh>
    <rPh sb="7" eb="9">
      <t>サイワイク</t>
    </rPh>
    <phoneticPr fontId="7"/>
  </si>
  <si>
    <t>上平間伊勢浦公園</t>
  </si>
  <si>
    <t>神奈川県川崎市中原区上平間1304-4</t>
    <rPh sb="0" eb="4">
      <t>カナガワケン</t>
    </rPh>
    <rPh sb="4" eb="7">
      <t>カワサキシ</t>
    </rPh>
    <rPh sb="7" eb="10">
      <t>ナカハラク</t>
    </rPh>
    <phoneticPr fontId="7"/>
  </si>
  <si>
    <t>神奈川県川崎市中原区上小田中７-17-18</t>
    <rPh sb="0" eb="4">
      <t>カナガワケン</t>
    </rPh>
    <rPh sb="4" eb="7">
      <t>カワサキシ</t>
    </rPh>
    <rPh sb="7" eb="10">
      <t>ナカハラク</t>
    </rPh>
    <phoneticPr fontId="7"/>
  </si>
  <si>
    <t>都市林</t>
    <rPh sb="0" eb="2">
      <t>トシ</t>
    </rPh>
    <rPh sb="2" eb="3">
      <t>リン</t>
    </rPh>
    <phoneticPr fontId="7"/>
  </si>
  <si>
    <t>溝口ニケ領セキレイ公園</t>
    <phoneticPr fontId="7"/>
  </si>
  <si>
    <t>神奈川県川崎市高津区溝口3-20-2</t>
    <rPh sb="6" eb="7">
      <t>シ</t>
    </rPh>
    <rPh sb="7" eb="10">
      <t>タカツク</t>
    </rPh>
    <phoneticPr fontId="7"/>
  </si>
  <si>
    <t>神奈川県川崎市麻生区はるひ野5-29-1</t>
    <rPh sb="0" eb="7">
      <t>カナガワケンカワサキシ</t>
    </rPh>
    <rPh sb="7" eb="10">
      <t>アサオク</t>
    </rPh>
    <phoneticPr fontId="7"/>
  </si>
  <si>
    <t>神奈川県川崎市麻生区上麻生5-1101-3</t>
    <rPh sb="0" eb="7">
      <t>カナガワケンカワサキシ</t>
    </rPh>
    <rPh sb="7" eb="10">
      <t>アサオク</t>
    </rPh>
    <rPh sb="10" eb="11">
      <t>カミ</t>
    </rPh>
    <rPh sb="11" eb="13">
      <t>アサオ</t>
    </rPh>
    <phoneticPr fontId="7"/>
  </si>
  <si>
    <t>023992</t>
  </si>
  <si>
    <t>023993</t>
  </si>
  <si>
    <t>023994</t>
  </si>
  <si>
    <t>023995</t>
  </si>
  <si>
    <t>023996</t>
  </si>
  <si>
    <t>023997</t>
  </si>
  <si>
    <t>023998</t>
  </si>
  <si>
    <t>023999</t>
  </si>
  <si>
    <t>024000</t>
  </si>
  <si>
    <t>当麻宿さくら第１公園</t>
    <phoneticPr fontId="7"/>
  </si>
  <si>
    <t>034310</t>
    <phoneticPr fontId="10"/>
  </si>
  <si>
    <t>034597</t>
  </si>
  <si>
    <t>034598</t>
  </si>
  <si>
    <t>034599</t>
  </si>
  <si>
    <t>034600</t>
  </si>
  <si>
    <t>034601</t>
  </si>
  <si>
    <t>023977</t>
    <phoneticPr fontId="7"/>
  </si>
  <si>
    <t>西ガ谷ひょうたん公園</t>
    <rPh sb="0" eb="1">
      <t>ニシ</t>
    </rPh>
    <rPh sb="2" eb="3">
      <t>ヤ</t>
    </rPh>
    <rPh sb="8" eb="10">
      <t>コウエン</t>
    </rPh>
    <phoneticPr fontId="7"/>
  </si>
  <si>
    <t>神奈川県鎌倉市手広5-727-18（地番）</t>
    <rPh sb="0" eb="4">
      <t>カナガワケン</t>
    </rPh>
    <rPh sb="4" eb="7">
      <t>カマクラシ</t>
    </rPh>
    <rPh sb="7" eb="9">
      <t>テビロ</t>
    </rPh>
    <rPh sb="18" eb="20">
      <t>チバン</t>
    </rPh>
    <phoneticPr fontId="7"/>
  </si>
  <si>
    <t>岩瀬一丁目公園</t>
    <rPh sb="0" eb="2">
      <t>イワセ</t>
    </rPh>
    <rPh sb="2" eb="5">
      <t>１チョウメ</t>
    </rPh>
    <rPh sb="5" eb="7">
      <t>コウエン</t>
    </rPh>
    <phoneticPr fontId="7"/>
  </si>
  <si>
    <t>神奈川県鎌倉市岩瀬一丁目1-152外（地番）</t>
    <rPh sb="0" eb="4">
      <t>カナガワケン</t>
    </rPh>
    <rPh sb="4" eb="7">
      <t>カマクラシ</t>
    </rPh>
    <rPh sb="7" eb="9">
      <t>イワセ</t>
    </rPh>
    <rPh sb="9" eb="12">
      <t>１チョウメ</t>
    </rPh>
    <rPh sb="17" eb="18">
      <t>ホカ</t>
    </rPh>
    <rPh sb="19" eb="21">
      <t>チバン</t>
    </rPh>
    <phoneticPr fontId="7"/>
  </si>
  <si>
    <t>浄明寺五丁目広場</t>
    <rPh sb="0" eb="3">
      <t>ジョウミョウジ</t>
    </rPh>
    <rPh sb="3" eb="6">
      <t>５チョウメ</t>
    </rPh>
    <rPh sb="6" eb="8">
      <t>ヒロバ</t>
    </rPh>
    <phoneticPr fontId="7"/>
  </si>
  <si>
    <t>神奈川県鎌倉市浄明寺五丁目426番１（地番）</t>
    <rPh sb="0" eb="4">
      <t>カナガワケン</t>
    </rPh>
    <rPh sb="4" eb="7">
      <t>カマクラシ</t>
    </rPh>
    <rPh sb="7" eb="10">
      <t>ジョウミョウジ</t>
    </rPh>
    <rPh sb="10" eb="13">
      <t>５チョウメ</t>
    </rPh>
    <rPh sb="16" eb="17">
      <t>バン</t>
    </rPh>
    <rPh sb="19" eb="21">
      <t>チバン</t>
    </rPh>
    <phoneticPr fontId="7"/>
  </si>
  <si>
    <t>065483</t>
  </si>
  <si>
    <t>065484</t>
  </si>
  <si>
    <t>065485</t>
  </si>
  <si>
    <t>駐車場：30分以降有料、擬木トンネル、電車、スケートボード利用区域</t>
    <phoneticPr fontId="7"/>
  </si>
  <si>
    <t>126491</t>
    <phoneticPr fontId="7"/>
  </si>
  <si>
    <t>126492</t>
    <phoneticPr fontId="7"/>
  </si>
  <si>
    <t>神奈川県秦野市堀山下522番1外</t>
    <phoneticPr fontId="7"/>
  </si>
  <si>
    <t>126498</t>
    <phoneticPr fontId="7"/>
  </si>
  <si>
    <t>みやはら公園</t>
    <rPh sb="4" eb="6">
      <t>コウエン</t>
    </rPh>
    <phoneticPr fontId="7"/>
  </si>
  <si>
    <t>神奈川県秦野市南矢名字宮原1839番17</t>
    <rPh sb="0" eb="4">
      <t>カナガワケン</t>
    </rPh>
    <rPh sb="4" eb="7">
      <t>ハダノシ</t>
    </rPh>
    <rPh sb="7" eb="10">
      <t>ミナミヤナ</t>
    </rPh>
    <rPh sb="10" eb="11">
      <t>アザ</t>
    </rPh>
    <rPh sb="11" eb="13">
      <t>ミヤハラ</t>
    </rPh>
    <rPh sb="17" eb="18">
      <t>バン</t>
    </rPh>
    <phoneticPr fontId="7"/>
  </si>
  <si>
    <t>緑ケ丘北公園</t>
    <phoneticPr fontId="7"/>
  </si>
  <si>
    <t>136727</t>
    <phoneticPr fontId="7"/>
  </si>
  <si>
    <t>136728</t>
    <phoneticPr fontId="7"/>
  </si>
  <si>
    <t>恩曽恩名特別緑地（恩曽恩名緑地）</t>
    <rPh sb="0" eb="1">
      <t>オン</t>
    </rPh>
    <rPh sb="1" eb="2">
      <t>ソ</t>
    </rPh>
    <rPh sb="2" eb="4">
      <t>オンナ</t>
    </rPh>
    <rPh sb="4" eb="6">
      <t>トクベツ</t>
    </rPh>
    <rPh sb="6" eb="8">
      <t>リョクチ</t>
    </rPh>
    <rPh sb="9" eb="10">
      <t>オン</t>
    </rPh>
    <rPh sb="10" eb="11">
      <t>ソ</t>
    </rPh>
    <rPh sb="11" eb="13">
      <t>オンナ</t>
    </rPh>
    <rPh sb="13" eb="15">
      <t>リョクチ</t>
    </rPh>
    <phoneticPr fontId="7"/>
  </si>
  <si>
    <t>神奈川県厚木市恩名3-9</t>
    <rPh sb="4" eb="7">
      <t>アツギシ</t>
    </rPh>
    <rPh sb="7" eb="9">
      <t>オンナ</t>
    </rPh>
    <phoneticPr fontId="7"/>
  </si>
  <si>
    <t>戸田小柳公園</t>
    <rPh sb="0" eb="2">
      <t>トダ</t>
    </rPh>
    <rPh sb="2" eb="4">
      <t>コヤナギ</t>
    </rPh>
    <rPh sb="4" eb="6">
      <t>コウエン</t>
    </rPh>
    <phoneticPr fontId="7"/>
  </si>
  <si>
    <t>神奈川県厚木市酒井1973-19</t>
    <rPh sb="4" eb="7">
      <t>アツギシ</t>
    </rPh>
    <rPh sb="7" eb="9">
      <t>サカイ</t>
    </rPh>
    <phoneticPr fontId="7"/>
  </si>
  <si>
    <t>136729</t>
  </si>
  <si>
    <t>136730</t>
  </si>
  <si>
    <t>やまと防災パーク</t>
    <rPh sb="3" eb="5">
      <t>ボウサイ</t>
    </rPh>
    <phoneticPr fontId="7"/>
  </si>
  <si>
    <t>神奈川県大和市南林間六丁目16</t>
    <rPh sb="0" eb="4">
      <t>カナガワケン</t>
    </rPh>
    <rPh sb="4" eb="7">
      <t>ヤマトシ</t>
    </rPh>
    <rPh sb="7" eb="10">
      <t>ミナミリンカン</t>
    </rPh>
    <rPh sb="10" eb="13">
      <t>ロクチョウメ</t>
    </rPh>
    <phoneticPr fontId="7"/>
  </si>
  <si>
    <t>近隣公園</t>
    <phoneticPr fontId="7"/>
  </si>
  <si>
    <t>山谷南公園</t>
    <rPh sb="0" eb="2">
      <t>サンヤ</t>
    </rPh>
    <rPh sb="2" eb="3">
      <t>ミナミ</t>
    </rPh>
    <rPh sb="3" eb="5">
      <t>コウエン</t>
    </rPh>
    <phoneticPr fontId="7"/>
  </si>
  <si>
    <t>大和市下鶴間字乙三号６００９</t>
    <rPh sb="0" eb="3">
      <t>ヤマトシ</t>
    </rPh>
    <rPh sb="3" eb="6">
      <t>シモツルマ</t>
    </rPh>
    <rPh sb="6" eb="7">
      <t>アザ</t>
    </rPh>
    <rPh sb="7" eb="8">
      <t>オツ</t>
    </rPh>
    <rPh sb="8" eb="10">
      <t>サンゴウ</t>
    </rPh>
    <phoneticPr fontId="7"/>
  </si>
  <si>
    <t>三軒庭希望公園</t>
    <rPh sb="0" eb="2">
      <t>サンゲン</t>
    </rPh>
    <rPh sb="2" eb="3">
      <t>ニワ</t>
    </rPh>
    <rPh sb="3" eb="5">
      <t>キボウ</t>
    </rPh>
    <rPh sb="5" eb="7">
      <t>コウエン</t>
    </rPh>
    <phoneticPr fontId="7"/>
  </si>
  <si>
    <t>大和市福田字甲五ノ区７０１５</t>
    <rPh sb="0" eb="3">
      <t>ヤマトシ</t>
    </rPh>
    <rPh sb="3" eb="5">
      <t>フクダ</t>
    </rPh>
    <rPh sb="5" eb="6">
      <t>アザ</t>
    </rPh>
    <rPh sb="6" eb="7">
      <t>コウ</t>
    </rPh>
    <rPh sb="7" eb="8">
      <t>ゴ</t>
    </rPh>
    <rPh sb="9" eb="10">
      <t>ク</t>
    </rPh>
    <phoneticPr fontId="7"/>
  </si>
  <si>
    <t>根下青空公園</t>
    <rPh sb="0" eb="1">
      <t>ネ</t>
    </rPh>
    <rPh sb="1" eb="2">
      <t>シタ</t>
    </rPh>
    <rPh sb="2" eb="4">
      <t>アオゾラ</t>
    </rPh>
    <rPh sb="4" eb="6">
      <t>コウエン</t>
    </rPh>
    <phoneticPr fontId="7"/>
  </si>
  <si>
    <t>大和市福田字甲五ノ区７００６</t>
    <rPh sb="0" eb="3">
      <t>ヤマトシ</t>
    </rPh>
    <rPh sb="3" eb="5">
      <t>フクダ</t>
    </rPh>
    <rPh sb="5" eb="6">
      <t>アザ</t>
    </rPh>
    <rPh sb="6" eb="7">
      <t>コウ</t>
    </rPh>
    <rPh sb="7" eb="8">
      <t>ゴ</t>
    </rPh>
    <rPh sb="9" eb="10">
      <t>ク</t>
    </rPh>
    <phoneticPr fontId="7"/>
  </si>
  <si>
    <t>147015</t>
  </si>
  <si>
    <t>147016</t>
  </si>
  <si>
    <t>147017</t>
  </si>
  <si>
    <t>147018</t>
  </si>
  <si>
    <t>海老名市</t>
    <phoneticPr fontId="7"/>
  </si>
  <si>
    <t>柏ケ谷第二児童公園</t>
    <phoneticPr fontId="7"/>
  </si>
  <si>
    <t>上今泉涯第三公園</t>
  </si>
  <si>
    <t>神奈川県海老名市上今泉三丁目1291番5</t>
    <rPh sb="0" eb="4">
      <t>カナガワケン</t>
    </rPh>
    <rPh sb="4" eb="8">
      <t>エビナシ</t>
    </rPh>
    <rPh sb="8" eb="11">
      <t>カミイマイズミ</t>
    </rPh>
    <phoneticPr fontId="7"/>
  </si>
  <si>
    <t>167428</t>
  </si>
  <si>
    <t>鶴島中央公園</t>
    <rPh sb="2" eb="4">
      <t>チュウオウ</t>
    </rPh>
    <phoneticPr fontId="7"/>
  </si>
  <si>
    <t>みはらし広場</t>
    <rPh sb="4" eb="6">
      <t>ヒロバ</t>
    </rPh>
    <phoneticPr fontId="7"/>
  </si>
  <si>
    <t>風の公園</t>
    <rPh sb="0" eb="1">
      <t>カゼ</t>
    </rPh>
    <rPh sb="2" eb="4">
      <t>コウエン</t>
    </rPh>
    <phoneticPr fontId="7"/>
  </si>
  <si>
    <t>197554</t>
  </si>
  <si>
    <t>197555</t>
  </si>
  <si>
    <t>217663</t>
    <phoneticPr fontId="7"/>
  </si>
  <si>
    <t>217664</t>
    <phoneticPr fontId="7"/>
  </si>
  <si>
    <t>227715</t>
    <phoneticPr fontId="7"/>
  </si>
  <si>
    <t>神奈川県足柄下郡湯河原町城堀272-19</t>
    <phoneticPr fontId="7"/>
  </si>
  <si>
    <t>神奈川県足柄下郡湯河原町土肥1-11-11</t>
    <phoneticPr fontId="7"/>
  </si>
  <si>
    <t>波型遊具、コンクリート遊具（タコ）</t>
    <phoneticPr fontId="7"/>
  </si>
  <si>
    <t>ドッグランの利用には、事前の登録が必要。詳しくは町HPをご覧ください。http://www.town.yugawara.kanagawa.jp/chousei/facilities-introduction/p240445.html</t>
    <phoneticPr fontId="7"/>
  </si>
  <si>
    <t>アスレチック</t>
    <phoneticPr fontId="7"/>
  </si>
  <si>
    <t>神奈川県藤沢市柄沢一丁目332番1</t>
    <rPh sb="0" eb="4">
      <t>カナガワケン</t>
    </rPh>
    <rPh sb="4" eb="7">
      <t>フジサワシ</t>
    </rPh>
    <rPh sb="7" eb="9">
      <t>カラサワ</t>
    </rPh>
    <rPh sb="9" eb="12">
      <t>イッチョウメ</t>
    </rPh>
    <rPh sb="15" eb="16">
      <t>バン</t>
    </rPh>
    <phoneticPr fontId="7"/>
  </si>
  <si>
    <t>白旗廻り第三公園</t>
    <rPh sb="0" eb="2">
      <t>シラハタ</t>
    </rPh>
    <rPh sb="2" eb="3">
      <t>マワ</t>
    </rPh>
    <rPh sb="4" eb="6">
      <t>ダイサン</t>
    </rPh>
    <rPh sb="6" eb="8">
      <t>コウエン</t>
    </rPh>
    <phoneticPr fontId="7"/>
  </si>
  <si>
    <t>神奈川県藤沢市白旗一丁目4番</t>
    <rPh sb="0" eb="4">
      <t>カナガワケン</t>
    </rPh>
    <rPh sb="4" eb="7">
      <t>フジサワシ</t>
    </rPh>
    <rPh sb="7" eb="9">
      <t>シラハタ</t>
    </rPh>
    <rPh sb="9" eb="12">
      <t>イッチョウメ</t>
    </rPh>
    <rPh sb="13" eb="14">
      <t>バン</t>
    </rPh>
    <phoneticPr fontId="7"/>
  </si>
  <si>
    <t>075789</t>
  </si>
  <si>
    <t>075790</t>
  </si>
  <si>
    <t>神奈川県川崎市川崎区浅田1-2-4</t>
    <phoneticPr fontId="7"/>
  </si>
  <si>
    <t>神奈川県川崎市麻生区王禅寺西2-6-9</t>
    <phoneticPr fontId="7"/>
  </si>
  <si>
    <t>神奈川県川崎市多摩区東生田1-6-1</t>
    <phoneticPr fontId="7"/>
  </si>
  <si>
    <t>神奈川県川崎市麻生区百合丘1-8-17</t>
    <phoneticPr fontId="7"/>
  </si>
  <si>
    <t>神奈川県川崎市麻生区高石6-4-7</t>
    <phoneticPr fontId="7"/>
  </si>
  <si>
    <t>神奈川県川崎市麻生区細山8-1-2</t>
    <phoneticPr fontId="7"/>
  </si>
  <si>
    <t>神奈川県川崎市高津区千年351-9</t>
    <phoneticPr fontId="7"/>
  </si>
  <si>
    <t>神奈川県川崎市宮前区菅生6-19-1</t>
    <phoneticPr fontId="7"/>
  </si>
  <si>
    <t>神奈川県川崎市川崎区本町2-2-6</t>
    <phoneticPr fontId="7"/>
  </si>
  <si>
    <t>神奈川県川崎市宮前区神木本町5-20-17</t>
    <phoneticPr fontId="7"/>
  </si>
  <si>
    <t>神奈川県川崎市麻生区白鳥1-2-39</t>
    <phoneticPr fontId="7"/>
  </si>
  <si>
    <t>神奈川県川崎市宮前区有馬6-23-6</t>
    <phoneticPr fontId="7"/>
  </si>
  <si>
    <t>神奈川県川崎市川崎区藤崎4-17-16</t>
    <phoneticPr fontId="7"/>
  </si>
  <si>
    <t>神奈川県川崎市多摩区寺尾台2-4-7</t>
    <phoneticPr fontId="7"/>
  </si>
  <si>
    <t>神奈川県川崎市多摩区菅仙谷3-19-2</t>
    <phoneticPr fontId="7"/>
  </si>
  <si>
    <t>神奈川県川崎市宮前区土橋3-13</t>
    <phoneticPr fontId="7"/>
  </si>
  <si>
    <t>神奈川県川崎市麻生区岡上793-6</t>
    <phoneticPr fontId="7"/>
  </si>
  <si>
    <t>神奈川県川崎市高津区子母口426-4</t>
    <phoneticPr fontId="7"/>
  </si>
  <si>
    <t>神奈川県川崎市高津区梶ケ谷3-1-18</t>
    <phoneticPr fontId="7"/>
  </si>
  <si>
    <t>神奈川県川崎市宮前区平3-19</t>
    <phoneticPr fontId="7"/>
  </si>
  <si>
    <t>神奈川県川崎市麻生区片平3-17-1</t>
    <phoneticPr fontId="7"/>
  </si>
  <si>
    <t>神奈川県川崎市川崎区小田3-15</t>
    <phoneticPr fontId="7"/>
  </si>
  <si>
    <t>神奈川県川崎市多摩区長尾6-12</t>
    <phoneticPr fontId="7"/>
  </si>
  <si>
    <t>神奈川県川崎市宮前区有馬1-21-3</t>
    <phoneticPr fontId="7"/>
  </si>
  <si>
    <t>神奈川県川崎市宮前区菅生6-7</t>
    <phoneticPr fontId="7"/>
  </si>
  <si>
    <t>神奈川県川崎市川崎区本町2-12-11</t>
    <phoneticPr fontId="7"/>
  </si>
  <si>
    <t>神奈川県川崎市宮前区有馬1-12</t>
    <phoneticPr fontId="7"/>
  </si>
  <si>
    <t>神奈川県川崎市麻生区細山6-1</t>
    <phoneticPr fontId="7"/>
  </si>
  <si>
    <t>神奈川県川崎市宮前区土橋2-2-19</t>
    <phoneticPr fontId="7"/>
  </si>
  <si>
    <t>神奈川県川崎市宮前区小台1-5-7</t>
    <phoneticPr fontId="7"/>
  </si>
  <si>
    <t>神奈川県川崎市幸区古市場1756-5</t>
    <phoneticPr fontId="7"/>
  </si>
  <si>
    <t>神奈川県川崎市中原区宮内4-9-4</t>
    <phoneticPr fontId="7"/>
  </si>
  <si>
    <t>神奈川県川崎市川崎区塩浜1-16</t>
    <phoneticPr fontId="7"/>
  </si>
  <si>
    <t>神奈川県川崎市宮前区野川本町2-26-5</t>
    <rPh sb="12" eb="14">
      <t>ホンマチ</t>
    </rPh>
    <phoneticPr fontId="7"/>
  </si>
  <si>
    <t>神奈川県川崎市麻生区上麻生2-28-1</t>
    <phoneticPr fontId="7"/>
  </si>
  <si>
    <t>神奈川県川崎市麻生区王禅寺東2-17-1</t>
    <phoneticPr fontId="7"/>
  </si>
  <si>
    <t>神奈川県川崎市高津区久末1491-4</t>
    <phoneticPr fontId="7"/>
  </si>
  <si>
    <t>神奈川県川崎市高津区下野毛1-3</t>
    <phoneticPr fontId="7"/>
  </si>
  <si>
    <t>神奈川県川崎市中原区木月住吉町16-19</t>
    <phoneticPr fontId="7"/>
  </si>
  <si>
    <t>神奈川県川崎市麻生区東百合丘2-18-29</t>
    <phoneticPr fontId="7"/>
  </si>
  <si>
    <t>神奈川県川崎市麻生区片平3-15-1</t>
    <phoneticPr fontId="7"/>
  </si>
  <si>
    <t>神奈川県川崎市多摩区宿河原7-1-11</t>
    <phoneticPr fontId="7"/>
  </si>
  <si>
    <t>神奈川県川崎市麻生区細山5-2-8</t>
    <phoneticPr fontId="7"/>
  </si>
  <si>
    <t>神奈川県川崎市宮前区野川2353-3</t>
    <phoneticPr fontId="7"/>
  </si>
  <si>
    <t>神奈川県川崎市麻生区片平1-9</t>
    <phoneticPr fontId="7"/>
  </si>
  <si>
    <t>神奈川県川崎市麻生区高石2-38-1</t>
    <phoneticPr fontId="7"/>
  </si>
  <si>
    <t>神奈川県川崎市麻生区白鳥2-2</t>
    <phoneticPr fontId="7"/>
  </si>
  <si>
    <t>神奈川県川崎市多摩区南生田2-26</t>
    <phoneticPr fontId="7"/>
  </si>
  <si>
    <t>神奈川県川崎市宮前区平2-12-10</t>
    <phoneticPr fontId="7"/>
  </si>
  <si>
    <t>神奈川県川崎市幸区下平間1-5</t>
    <phoneticPr fontId="7"/>
  </si>
  <si>
    <t>神奈川県川崎市多摩区栗谷2-9</t>
    <phoneticPr fontId="7"/>
  </si>
  <si>
    <t>神奈川県川崎市多摩区枡形1-21-5</t>
    <phoneticPr fontId="7"/>
  </si>
  <si>
    <t>神奈川県川崎市宮前区初山1-37</t>
    <phoneticPr fontId="7"/>
  </si>
  <si>
    <t>神奈川県川崎市麻生区東百合丘1-7</t>
    <phoneticPr fontId="7"/>
  </si>
  <si>
    <t>神奈川県川崎市川崎区京町1-12-4</t>
    <phoneticPr fontId="7"/>
  </si>
  <si>
    <t>神奈川県川崎市中原区木月4-13-1</t>
    <phoneticPr fontId="7"/>
  </si>
  <si>
    <t>神奈川県川崎市中原区市ノ坪132</t>
    <phoneticPr fontId="7"/>
  </si>
  <si>
    <t>神奈川県川崎市幸区古市場1-64</t>
    <phoneticPr fontId="7"/>
  </si>
  <si>
    <t>神奈川県川崎市麻生区片平5-34</t>
    <phoneticPr fontId="7"/>
  </si>
  <si>
    <t>神奈川県川崎市麻生区東百合丘3-23</t>
    <phoneticPr fontId="7"/>
  </si>
  <si>
    <t>神奈川県川崎市麻生区王禅寺東3-39-1</t>
    <phoneticPr fontId="7"/>
  </si>
  <si>
    <t>神奈川県川崎市宮前区南平台19-26</t>
    <phoneticPr fontId="7"/>
  </si>
  <si>
    <t>神奈川県川崎市多摩区菅仙谷1-12</t>
    <phoneticPr fontId="7"/>
  </si>
  <si>
    <t>神奈川県川崎市宮前区有馬6-22-3</t>
    <phoneticPr fontId="7"/>
  </si>
  <si>
    <t>神奈川県川崎市宮前区菅生1-16-65</t>
    <phoneticPr fontId="7"/>
  </si>
  <si>
    <t>神奈川県川崎市麻生区高石5-9</t>
    <phoneticPr fontId="7"/>
  </si>
  <si>
    <t>神奈川県川崎市中原区上平間1700-315</t>
    <phoneticPr fontId="7"/>
  </si>
  <si>
    <t>神奈川県川崎市川崎区小田7-1</t>
    <phoneticPr fontId="7"/>
  </si>
  <si>
    <t>神奈川県川崎市麻生区細山7-2</t>
    <phoneticPr fontId="7"/>
  </si>
  <si>
    <t>神奈川県川崎市宮前区野川2638-11</t>
    <phoneticPr fontId="7"/>
  </si>
  <si>
    <t>神奈川県川崎市麻生区高石1-25</t>
    <phoneticPr fontId="7"/>
  </si>
  <si>
    <t>神奈川県川崎市中原区宮内3-23</t>
    <phoneticPr fontId="7"/>
  </si>
  <si>
    <t>神奈川県川崎市麻生区東百合丘3-19-26</t>
    <phoneticPr fontId="7"/>
  </si>
  <si>
    <t>神奈川県川崎市宮前区菅生ヶ丘24-10</t>
    <phoneticPr fontId="7"/>
  </si>
  <si>
    <t>神奈川県川崎市麻生区王禅寺東3-4-1</t>
    <phoneticPr fontId="7"/>
  </si>
  <si>
    <t>神奈川県川崎市宮前区有馬6-4-23</t>
    <phoneticPr fontId="7"/>
  </si>
  <si>
    <t>神奈川県川崎市高津区下作延5-10-22</t>
    <phoneticPr fontId="7"/>
  </si>
  <si>
    <t>神奈川県川崎市宮前区西野川3-25-11</t>
    <rPh sb="9" eb="10">
      <t>ク</t>
    </rPh>
    <rPh sb="10" eb="13">
      <t>ニシノガワ</t>
    </rPh>
    <phoneticPr fontId="7"/>
  </si>
  <si>
    <t>神奈川県川崎市多摩区宿河原4-21</t>
    <phoneticPr fontId="7"/>
  </si>
  <si>
    <t>神奈川県川崎市多摩区南生田2-15</t>
    <phoneticPr fontId="7"/>
  </si>
  <si>
    <t>神奈川県川崎市幸区戸手4-4-3</t>
    <phoneticPr fontId="7"/>
  </si>
  <si>
    <t>神奈川県川崎市多摩区生田6-19</t>
    <phoneticPr fontId="7"/>
  </si>
  <si>
    <t>神奈川県川崎市多摩区中野島4-1-1</t>
    <phoneticPr fontId="7"/>
  </si>
  <si>
    <t>神奈川県川崎市高津区下作延3-24-42</t>
    <phoneticPr fontId="7"/>
  </si>
  <si>
    <t>神奈川県川崎市川崎区浜町2-1-4</t>
    <phoneticPr fontId="7"/>
  </si>
  <si>
    <t>神奈川県川崎市幸区戸手本町2-396-4</t>
    <phoneticPr fontId="7"/>
  </si>
  <si>
    <t>神奈川県川崎市麻生区王禅寺東3-7-7</t>
    <phoneticPr fontId="7"/>
  </si>
  <si>
    <t>神奈川県川崎市麻生区細山7-2-4</t>
    <phoneticPr fontId="7"/>
  </si>
  <si>
    <t>神奈川県川崎市麻生区下麻生3-29-7</t>
    <phoneticPr fontId="7"/>
  </si>
  <si>
    <t>神奈川県川崎市多摩区宿河原6-20-25</t>
    <phoneticPr fontId="7"/>
  </si>
  <si>
    <t>神奈川県川崎市宮前区宮崎1-13-78</t>
    <phoneticPr fontId="7"/>
  </si>
  <si>
    <t>神奈川県川崎市中原区北谷町95-45</t>
    <phoneticPr fontId="7"/>
  </si>
  <si>
    <t>神奈川県川崎市多摩区東生田3-3</t>
    <phoneticPr fontId="7"/>
  </si>
  <si>
    <t>神奈川県川崎市多摩区長沢1-8-7</t>
    <phoneticPr fontId="7"/>
  </si>
  <si>
    <t>神奈川県川崎市高津区下野毛3-4</t>
    <phoneticPr fontId="7"/>
  </si>
  <si>
    <t>神奈川県川崎市中原区井田2-18-8</t>
    <phoneticPr fontId="7"/>
  </si>
  <si>
    <t>神奈川県川崎市多摩区栗谷3-29</t>
    <phoneticPr fontId="7"/>
  </si>
  <si>
    <t>神奈川県川崎市宮前区平1-11-30</t>
    <phoneticPr fontId="7"/>
  </si>
  <si>
    <t>神奈川県川崎市中原区今井南町34-26</t>
    <phoneticPr fontId="7"/>
  </si>
  <si>
    <t>神奈川県川崎市多摩区菅稲田堤2-5</t>
    <phoneticPr fontId="7"/>
  </si>
  <si>
    <t>神奈川県川崎市麻生区王禅寺東5-52-3</t>
    <phoneticPr fontId="7"/>
  </si>
  <si>
    <t>神奈川県川崎市高津区末長1-6-31</t>
    <phoneticPr fontId="7"/>
  </si>
  <si>
    <t>神奈川県川崎市麻生区片平2-6</t>
    <phoneticPr fontId="7"/>
  </si>
  <si>
    <t>神奈川県川崎市中原区苅宿33-1</t>
    <phoneticPr fontId="7"/>
  </si>
  <si>
    <t>神奈川県川崎市宮前区小台1-14-3</t>
    <phoneticPr fontId="7"/>
  </si>
  <si>
    <t>神奈川県川崎市麻生区細山5-3-24</t>
    <phoneticPr fontId="7"/>
  </si>
  <si>
    <t>神奈川県川崎市多摩区中野島6-4-12</t>
    <phoneticPr fontId="7"/>
  </si>
  <si>
    <t>神奈川県川崎市宮前区東有馬4-19</t>
    <phoneticPr fontId="7"/>
  </si>
  <si>
    <t>神奈川県川崎市麻生区細山6-4</t>
    <phoneticPr fontId="7"/>
  </si>
  <si>
    <t>神奈川県川崎市高津区子母口54-173</t>
    <phoneticPr fontId="7"/>
  </si>
  <si>
    <t>神奈川県川崎市宮前区南平台10-17</t>
    <phoneticPr fontId="7"/>
  </si>
  <si>
    <t>神奈川県川崎市中原区上平間977-3</t>
    <phoneticPr fontId="7"/>
  </si>
  <si>
    <t>神奈川県川崎市多摩区宿河原1-6</t>
    <phoneticPr fontId="7"/>
  </si>
  <si>
    <t>神奈川県川崎市宮前区有馬9-2-44</t>
    <phoneticPr fontId="7"/>
  </si>
  <si>
    <t>神奈川県川崎市麻生区千代ヶ丘5-9-95</t>
    <phoneticPr fontId="7"/>
  </si>
  <si>
    <t>神奈川県川崎市高津区下作延3-10-5</t>
    <phoneticPr fontId="7"/>
  </si>
  <si>
    <t>神奈川県川崎市幸区塚越2-220-1</t>
    <phoneticPr fontId="7"/>
  </si>
  <si>
    <t>神奈川県川崎市多摩区南生田5-25-1</t>
    <phoneticPr fontId="7"/>
  </si>
  <si>
    <t>神奈川県川崎市麻生区高石3-17-26</t>
    <phoneticPr fontId="7"/>
  </si>
  <si>
    <t>神奈川県川崎市宮前区有馬1-2-3</t>
    <phoneticPr fontId="7"/>
  </si>
  <si>
    <t>神奈川県川崎市中原区中丸子301-13</t>
    <phoneticPr fontId="7"/>
  </si>
  <si>
    <t>神奈川県川崎市多摩区南生田2-27-57</t>
    <phoneticPr fontId="7"/>
  </si>
  <si>
    <t>神奈川県川崎市川崎区京町3-13-5</t>
    <phoneticPr fontId="7"/>
  </si>
  <si>
    <t>神奈川県川崎市麻生区高石4-9</t>
    <phoneticPr fontId="7"/>
  </si>
  <si>
    <t>神奈川県川崎市高津区末長1-39-25</t>
    <phoneticPr fontId="7"/>
  </si>
  <si>
    <t>神奈川県川崎市中原区木月大町1-24</t>
    <phoneticPr fontId="7"/>
  </si>
  <si>
    <t>神奈川県川崎市高津区末長1-1-25</t>
    <phoneticPr fontId="7"/>
  </si>
  <si>
    <t>神奈川県川崎市麻生区王禅寺西8-15-1</t>
    <phoneticPr fontId="7"/>
  </si>
  <si>
    <t>神奈川県川崎市高津区坂戸2-9-4</t>
    <phoneticPr fontId="7"/>
  </si>
  <si>
    <t>神奈川県川崎市多摩区菅仙谷1-12-68</t>
    <phoneticPr fontId="7"/>
  </si>
  <si>
    <t>神奈川県川崎市麻生区高石3-1430-2</t>
    <phoneticPr fontId="7"/>
  </si>
  <si>
    <t>神奈川県川崎市中原区下小田中2-19-2</t>
    <phoneticPr fontId="7"/>
  </si>
  <si>
    <t>神奈川県川崎市麻生区片平2-13</t>
    <phoneticPr fontId="7"/>
  </si>
  <si>
    <t>神奈川県川崎市麻生区片平4-9</t>
    <phoneticPr fontId="7"/>
  </si>
  <si>
    <t>神奈川県川崎市多摩区堰1-2-4</t>
    <phoneticPr fontId="7"/>
  </si>
  <si>
    <t>神奈川県川崎市高津区久末487-38</t>
    <phoneticPr fontId="7"/>
  </si>
  <si>
    <t>神奈川県川崎市多摩区中野島1-25-4</t>
    <phoneticPr fontId="7"/>
  </si>
  <si>
    <t>神奈川県川崎市幸区古市場1781-5</t>
    <phoneticPr fontId="7"/>
  </si>
  <si>
    <t>神奈川県川崎市多摩区枡形5-16-2</t>
    <phoneticPr fontId="7"/>
  </si>
  <si>
    <t>神奈川県川崎市麻生区多摩美2-63-20</t>
    <phoneticPr fontId="7"/>
  </si>
  <si>
    <t>神奈川県川崎市川崎区京町3-13-4</t>
    <phoneticPr fontId="7"/>
  </si>
  <si>
    <t>神奈川県川崎市幸区小向仲野町5-2</t>
    <phoneticPr fontId="7"/>
  </si>
  <si>
    <t>神奈川県川崎市中原区木月伊勢町2284-2</t>
    <phoneticPr fontId="7"/>
  </si>
  <si>
    <t>神奈川県川崎市麻生区東百合丘4-23-9</t>
    <phoneticPr fontId="7"/>
  </si>
  <si>
    <t>神奈川県川崎市麻生区高石6-23</t>
    <phoneticPr fontId="7"/>
  </si>
  <si>
    <t>神奈川県川崎市多摩区宿河原3-14-21</t>
    <phoneticPr fontId="7"/>
  </si>
  <si>
    <t>神奈川県川崎市高津区新作4-21-19</t>
    <phoneticPr fontId="7"/>
  </si>
  <si>
    <t>神奈川県川崎市麻生区高石3-32-16</t>
    <phoneticPr fontId="7"/>
  </si>
  <si>
    <t>神奈川県川崎市多摩区長沢4-3-9</t>
    <phoneticPr fontId="7"/>
  </si>
  <si>
    <t>神奈川県川崎市高津区久本1-13</t>
    <phoneticPr fontId="7"/>
  </si>
  <si>
    <t>神奈川県川崎市宮前区五所塚2-23-1</t>
    <phoneticPr fontId="7"/>
  </si>
  <si>
    <t>神奈川県川崎市高津区二子4-18-1</t>
    <phoneticPr fontId="7"/>
  </si>
  <si>
    <t>神奈川県川崎市麻生区片平5-9</t>
    <phoneticPr fontId="7"/>
  </si>
  <si>
    <t>神奈川県川崎市多摩区長沢4-32</t>
    <phoneticPr fontId="7"/>
  </si>
  <si>
    <t>神奈川県川崎市多摩区寺尾台1-4914-4</t>
    <phoneticPr fontId="7"/>
  </si>
  <si>
    <t>神奈川県川崎市麻生区東百合丘4-35-5</t>
    <phoneticPr fontId="7"/>
  </si>
  <si>
    <t>神奈川県川崎市宮前区野川3028-26</t>
    <phoneticPr fontId="7"/>
  </si>
  <si>
    <t>神奈川県川崎市多摩区菅稲田堤3-9-1</t>
    <phoneticPr fontId="7"/>
  </si>
  <si>
    <t>神奈川県川崎市宮前区野川本町1-7-25</t>
    <rPh sb="12" eb="14">
      <t>ホンマチ</t>
    </rPh>
    <phoneticPr fontId="7"/>
  </si>
  <si>
    <t>神奈川県川崎市麻生区岡上521-29</t>
    <phoneticPr fontId="7"/>
  </si>
  <si>
    <t>神奈川県川崎市宮前区野川2633-39</t>
    <phoneticPr fontId="7"/>
  </si>
  <si>
    <t>神奈川県川崎市幸区塚越4-320-6</t>
    <phoneticPr fontId="7"/>
  </si>
  <si>
    <t>神奈川県川崎市宮前区西野川3-28-41</t>
    <rPh sb="10" eb="13">
      <t>ニシノガワ</t>
    </rPh>
    <phoneticPr fontId="7"/>
  </si>
  <si>
    <t>神奈川県川崎市麻生区王禅寺西6-14-14</t>
    <phoneticPr fontId="7"/>
  </si>
  <si>
    <t>神奈川県川崎市麻生区多摩美2-10-19</t>
    <phoneticPr fontId="7"/>
  </si>
  <si>
    <t>神奈川県川崎市中原区井田2-15-54</t>
    <phoneticPr fontId="7"/>
  </si>
  <si>
    <t>神奈川県川崎市幸区下平間387-3</t>
    <phoneticPr fontId="7"/>
  </si>
  <si>
    <t>神奈川県川崎市多摩区菅仙谷2-16</t>
    <phoneticPr fontId="7"/>
  </si>
  <si>
    <t>神奈川県川崎市多摩区栗谷3-30-1</t>
    <phoneticPr fontId="7"/>
  </si>
  <si>
    <t>神奈川県川崎市麻生区東百合丘4-1-45</t>
    <phoneticPr fontId="7"/>
  </si>
  <si>
    <t>神奈川県川崎市宮前区西野川3-7-24</t>
    <rPh sb="10" eb="13">
      <t>ニシノガワ</t>
    </rPh>
    <phoneticPr fontId="7"/>
  </si>
  <si>
    <t>神奈川県川崎市中原区下小田中2-12-1</t>
    <phoneticPr fontId="7"/>
  </si>
  <si>
    <t>神奈川県川崎市麻生区細山2-10</t>
    <phoneticPr fontId="7"/>
  </si>
  <si>
    <t>神奈川県川崎市中原区丸子通2-708-3</t>
    <phoneticPr fontId="7"/>
  </si>
  <si>
    <t>神奈川県川崎市宮前区東有馬2-38</t>
    <phoneticPr fontId="7"/>
  </si>
  <si>
    <t>神奈川県川崎市宮前区鷺沼1-23-24</t>
    <phoneticPr fontId="7"/>
  </si>
  <si>
    <t>神奈川県川崎市宮前区宮崎4-1-156､400</t>
    <phoneticPr fontId="7"/>
  </si>
  <si>
    <t>神奈川県川崎市高津区新作6-1-8</t>
    <phoneticPr fontId="7"/>
  </si>
  <si>
    <t>神奈川県川崎市宮前区東有馬2-30-1</t>
    <phoneticPr fontId="7"/>
  </si>
  <si>
    <t>神奈川県川崎市麻生区王禅寺東2-14-1</t>
    <phoneticPr fontId="7"/>
  </si>
  <si>
    <t>神奈川県川崎市宮前区菅生3-14-21</t>
    <phoneticPr fontId="7"/>
  </si>
  <si>
    <t>神奈川県川崎市麻生区細山8-15-12</t>
    <phoneticPr fontId="7"/>
  </si>
  <si>
    <t>神奈川県川崎市宮前区宮前平1-9-26</t>
    <phoneticPr fontId="7"/>
  </si>
  <si>
    <t>神奈川県川崎市幸区戸手4-7</t>
    <phoneticPr fontId="7"/>
  </si>
  <si>
    <t>神奈川県川崎市宮前区犬蔵2-23</t>
    <phoneticPr fontId="7"/>
  </si>
  <si>
    <t>神奈川県川崎市麻生区上麻生7-8-3</t>
    <phoneticPr fontId="7"/>
  </si>
  <si>
    <t>神奈川県川崎市多摩区栗谷3-18-3</t>
    <phoneticPr fontId="7"/>
  </si>
  <si>
    <t>神奈川県川崎市高津区新作5-11-8</t>
    <phoneticPr fontId="7"/>
  </si>
  <si>
    <t>神奈川県川崎市高津区久末438-8</t>
    <phoneticPr fontId="7"/>
  </si>
  <si>
    <t>神奈川県川崎市中原区下新城2-4</t>
    <phoneticPr fontId="7"/>
  </si>
  <si>
    <t>神奈川県川崎市麻生区上麻生2-11-26</t>
    <phoneticPr fontId="7"/>
  </si>
  <si>
    <t>神奈川県川崎市高津区蟹ヶ谷21-18</t>
    <phoneticPr fontId="7"/>
  </si>
  <si>
    <t>神奈川県川崎市宮前区平1-5-45</t>
    <phoneticPr fontId="7"/>
  </si>
  <si>
    <t>神奈川県川崎市宮前区野川1497-5</t>
    <phoneticPr fontId="7"/>
  </si>
  <si>
    <t>神奈川県川崎市宮前区平1-6</t>
    <phoneticPr fontId="7"/>
  </si>
  <si>
    <t>神奈川県川崎市高津区下作延5-8-4</t>
    <phoneticPr fontId="7"/>
  </si>
  <si>
    <t>神奈川県川崎市中原区苅宿34-36</t>
    <phoneticPr fontId="7"/>
  </si>
  <si>
    <t>神奈川県川崎市麻生区王禅寺東3-3-4</t>
    <phoneticPr fontId="7"/>
  </si>
  <si>
    <t>神奈川県川崎市麻生区細山1-7-1</t>
    <phoneticPr fontId="7"/>
  </si>
  <si>
    <t>神奈川県川崎市幸区下平間48-20</t>
    <phoneticPr fontId="7"/>
  </si>
  <si>
    <t>神奈川県川崎市多摩区菅北浦1-11</t>
    <phoneticPr fontId="7"/>
  </si>
  <si>
    <t>神奈川県川崎市宮前区南平台21-2</t>
    <phoneticPr fontId="7"/>
  </si>
  <si>
    <t>神奈川県川崎市幸区塚越1-60-84</t>
    <phoneticPr fontId="7"/>
  </si>
  <si>
    <t>神奈川県川崎市川崎区京町1-12-9</t>
    <phoneticPr fontId="7"/>
  </si>
  <si>
    <t>神奈川県川崎市宮前区野川本町1-1-44</t>
    <rPh sb="12" eb="14">
      <t>ホンマチ</t>
    </rPh>
    <phoneticPr fontId="7"/>
  </si>
  <si>
    <t>神奈川県川崎市多摩区菅3-4-10</t>
    <phoneticPr fontId="7"/>
  </si>
  <si>
    <t>神奈川県川崎市麻生区王禅寺西7-8-25</t>
    <phoneticPr fontId="7"/>
  </si>
  <si>
    <t>神奈川県川崎市川崎区日進町2-14</t>
    <phoneticPr fontId="7"/>
  </si>
  <si>
    <t>神奈川県川崎市高津区千年新町59-1</t>
    <phoneticPr fontId="7"/>
  </si>
  <si>
    <t>神奈川県川崎市麻生区高石6-16-18</t>
    <phoneticPr fontId="7"/>
  </si>
  <si>
    <t>神奈川県川崎市多摩区堰1-22-4</t>
    <phoneticPr fontId="7"/>
  </si>
  <si>
    <t>神奈川県川崎市高津区末長2-15-7</t>
    <phoneticPr fontId="7"/>
  </si>
  <si>
    <t>神奈川県川崎市中原区井田中ノ町2-25</t>
    <phoneticPr fontId="7"/>
  </si>
  <si>
    <t>神奈川県川崎市宮前区土橋4-3-30</t>
    <phoneticPr fontId="7"/>
  </si>
  <si>
    <t>神奈川県川崎市麻生区細山6-7</t>
    <phoneticPr fontId="7"/>
  </si>
  <si>
    <t>神奈川県川崎市麻生区千代ヶ丘4-21-145</t>
    <phoneticPr fontId="7"/>
  </si>
  <si>
    <t>神奈川県川崎市麻生区千代ヶ丘5-9</t>
    <phoneticPr fontId="7"/>
  </si>
  <si>
    <t>神奈川県川崎市幸区古川町159-4</t>
    <phoneticPr fontId="7"/>
  </si>
  <si>
    <t>神奈川県川崎市宮前区東有馬3-5-16</t>
    <phoneticPr fontId="7"/>
  </si>
  <si>
    <t>神奈川県川崎市麻生区片平2-469-6</t>
    <phoneticPr fontId="7"/>
  </si>
  <si>
    <t>神奈川県川崎市幸区北加瀬3-3</t>
    <phoneticPr fontId="7"/>
  </si>
  <si>
    <t>神奈川県川崎市宮前区宮崎4-1-215</t>
    <phoneticPr fontId="7"/>
  </si>
  <si>
    <t>神奈川県川崎市幸区鹿島田1-6-50</t>
    <phoneticPr fontId="7"/>
  </si>
  <si>
    <t>神奈川県川崎市川崎区小田6-8</t>
    <phoneticPr fontId="7"/>
  </si>
  <si>
    <t>神奈川県川崎市麻生区岡上71-8</t>
    <phoneticPr fontId="7"/>
  </si>
  <si>
    <t>神奈川県川崎市宮前区土橋5-4-21</t>
    <phoneticPr fontId="7"/>
  </si>
  <si>
    <t>神奈川県川崎市宮前区神木本町4-15-25</t>
    <phoneticPr fontId="7"/>
  </si>
  <si>
    <t>神奈川県川崎市宮前区東有馬3-13-32</t>
    <phoneticPr fontId="7"/>
  </si>
  <si>
    <t>神奈川県川崎市高津区上作延894-3</t>
    <phoneticPr fontId="7"/>
  </si>
  <si>
    <t>神奈川県川崎市宮前区土橋1-17-2</t>
    <phoneticPr fontId="7"/>
  </si>
  <si>
    <t>神奈川県川崎市川崎区旭町1-8-5</t>
    <phoneticPr fontId="7"/>
  </si>
  <si>
    <t>神奈川県川崎市宮前区有馬7-2-2</t>
    <phoneticPr fontId="7"/>
  </si>
  <si>
    <t>神奈川県川崎市宮前区菅生2-5</t>
    <phoneticPr fontId="7"/>
  </si>
  <si>
    <t>神奈川県川崎市麻生区王禅寺東3-51-1</t>
    <phoneticPr fontId="7"/>
  </si>
  <si>
    <t>神奈川県川崎市宮前区犬蔵3-13-17</t>
    <phoneticPr fontId="7"/>
  </si>
  <si>
    <t>神奈川県川崎市麻生区東百合丘2-14-5</t>
    <phoneticPr fontId="7"/>
  </si>
  <si>
    <t>神奈川県川崎市高津区下作延3-10-4</t>
    <phoneticPr fontId="7"/>
  </si>
  <si>
    <t>神奈川県川崎市高津区久地1-42-1</t>
    <phoneticPr fontId="7"/>
  </si>
  <si>
    <t>神奈川県川崎市中原区木月住吉町23-10</t>
    <phoneticPr fontId="7"/>
  </si>
  <si>
    <t>神奈川県川崎市麻生区千代ヶ丘6-2-63</t>
    <phoneticPr fontId="7"/>
  </si>
  <si>
    <t>神奈川県川崎市幸区遠藤町44-3</t>
    <phoneticPr fontId="7"/>
  </si>
  <si>
    <t>神奈川県川崎市宮前区初山2-16</t>
    <phoneticPr fontId="7"/>
  </si>
  <si>
    <t>神奈川県川崎市高津区久末336-14</t>
    <phoneticPr fontId="7"/>
  </si>
  <si>
    <t>神奈川県川崎市多摩区南生田7-6</t>
    <phoneticPr fontId="7"/>
  </si>
  <si>
    <t>神奈川県川崎市宮前区神木本町2-7-35</t>
    <phoneticPr fontId="7"/>
  </si>
  <si>
    <t>神奈川県川崎市中原区井田3-15-6</t>
    <phoneticPr fontId="7"/>
  </si>
  <si>
    <t>神奈川県川崎市川崎区京町3-32</t>
    <phoneticPr fontId="7"/>
  </si>
  <si>
    <t>神奈川県川崎市宮前区西野川2-11-31</t>
    <rPh sb="10" eb="11">
      <t>ニシ</t>
    </rPh>
    <phoneticPr fontId="7"/>
  </si>
  <si>
    <t>神奈川県川崎市川崎区中瀬2-9-11</t>
    <phoneticPr fontId="7"/>
  </si>
  <si>
    <t>神奈川県川崎市中原区上平間1402-124</t>
    <phoneticPr fontId="7"/>
  </si>
  <si>
    <t>神奈川県川崎市幸区南加瀬1-7-7</t>
    <phoneticPr fontId="7"/>
  </si>
  <si>
    <t>神奈川県川崎市川崎区小田栄1-8-11</t>
    <phoneticPr fontId="7"/>
  </si>
  <si>
    <t>神奈川県川崎市中原区宮内4-22-1</t>
    <phoneticPr fontId="7"/>
  </si>
  <si>
    <t>神奈川県川崎市川崎区渡田山王町25-18</t>
    <phoneticPr fontId="7"/>
  </si>
  <si>
    <t>神奈川県川崎市川崎区小田3-19-11</t>
    <phoneticPr fontId="7"/>
  </si>
  <si>
    <t>神奈川県川崎市宮前区宮崎172-6</t>
    <phoneticPr fontId="7"/>
  </si>
  <si>
    <t>神奈川県川崎市川崎区田島町2-6</t>
    <phoneticPr fontId="7"/>
  </si>
  <si>
    <t>神奈川県川崎市麻生区岡上144-6</t>
    <phoneticPr fontId="7"/>
  </si>
  <si>
    <t>神奈川県川崎市川崎区中瀬2-14-14</t>
    <phoneticPr fontId="7"/>
  </si>
  <si>
    <t>神奈川県川崎市宮前区梶ヶ谷1447-1</t>
    <phoneticPr fontId="7"/>
  </si>
  <si>
    <t>神奈川県川崎市幸区小向町17-1</t>
    <phoneticPr fontId="7"/>
  </si>
  <si>
    <t>神奈川県川崎市麻生区王禅寺西5-25-9</t>
    <phoneticPr fontId="7"/>
  </si>
  <si>
    <t>神奈川県川崎市中原区木月4-49-2</t>
    <phoneticPr fontId="7"/>
  </si>
  <si>
    <t>神奈川県川崎市中原区井田中ノ町1-11</t>
    <phoneticPr fontId="7"/>
  </si>
  <si>
    <t>神奈川県川崎市高津区末長1-40-9</t>
    <phoneticPr fontId="7"/>
  </si>
  <si>
    <t>神奈川県川崎市宮前区野川3025-2</t>
    <phoneticPr fontId="7"/>
  </si>
  <si>
    <t>神奈川県川崎市幸区南加瀬4-20-16</t>
    <phoneticPr fontId="7"/>
  </si>
  <si>
    <t>神奈川県川崎市川崎区藤崎3-2</t>
    <phoneticPr fontId="7"/>
  </si>
  <si>
    <t>神奈川県川崎市川崎区藤崎2-11-3</t>
    <phoneticPr fontId="7"/>
  </si>
  <si>
    <t>神奈川県川崎市幸区南加瀬3-24-15</t>
    <phoneticPr fontId="7"/>
  </si>
  <si>
    <t>神奈川県川崎市川崎区浅田4-6-7</t>
    <phoneticPr fontId="7"/>
  </si>
  <si>
    <t>神奈川県川崎市幸区古市場2-75</t>
    <phoneticPr fontId="7"/>
  </si>
  <si>
    <t>神奈川県川崎市幸区塚越4-320-9</t>
    <phoneticPr fontId="7"/>
  </si>
  <si>
    <t>神奈川県川崎市幸区塚越4-314-3</t>
    <phoneticPr fontId="7"/>
  </si>
  <si>
    <t>神奈川県川崎市中原区木月4-14-4</t>
    <phoneticPr fontId="7"/>
  </si>
  <si>
    <t>神奈川県川崎市中原区小杉陣屋町2-9-9</t>
    <phoneticPr fontId="7"/>
  </si>
  <si>
    <t>神奈川県川崎市幸区小倉4-21-6</t>
    <phoneticPr fontId="7"/>
  </si>
  <si>
    <t>神奈川県川崎市川崎区観音1-10-13</t>
    <phoneticPr fontId="7"/>
  </si>
  <si>
    <t>神奈川県川崎市宮前区神木本町1-23</t>
    <phoneticPr fontId="7"/>
  </si>
  <si>
    <t>神奈川県川崎市川崎区小田1-9-12</t>
    <phoneticPr fontId="7"/>
  </si>
  <si>
    <t>神奈川県川崎市麻生区高石4-30-6</t>
    <phoneticPr fontId="7"/>
  </si>
  <si>
    <t>神奈川県川崎市宮前区菅生5-22-1</t>
    <phoneticPr fontId="7"/>
  </si>
  <si>
    <t>神奈川県川崎市川崎区京町3-14</t>
    <phoneticPr fontId="7"/>
  </si>
  <si>
    <t>神奈川県川崎市中原区小杉陣屋町1-33-4</t>
    <phoneticPr fontId="7"/>
  </si>
  <si>
    <t>神奈川県川崎市幸区新塚越1-7</t>
    <phoneticPr fontId="7"/>
  </si>
  <si>
    <t>神奈川県川崎市宮前区馬絹5-15-30</t>
    <phoneticPr fontId="7"/>
  </si>
  <si>
    <t>神奈川県川崎市高津区東野川1-14-3</t>
    <rPh sb="10" eb="11">
      <t>ヒガシ</t>
    </rPh>
    <rPh sb="11" eb="13">
      <t>ノガワ</t>
    </rPh>
    <phoneticPr fontId="7"/>
  </si>
  <si>
    <t>神奈川県川崎市川崎区日ノ出2-11-1</t>
    <phoneticPr fontId="7"/>
  </si>
  <si>
    <t>神奈川県川崎市川崎区下並木37-3</t>
    <phoneticPr fontId="7"/>
  </si>
  <si>
    <t>神奈川県川崎市多摩区菅4-7</t>
    <phoneticPr fontId="7"/>
  </si>
  <si>
    <t>神奈川県川崎市宮前区初山2-13</t>
    <phoneticPr fontId="7"/>
  </si>
  <si>
    <t>神奈川県川崎市中原区井田杉山町2-72</t>
    <phoneticPr fontId="7"/>
  </si>
  <si>
    <t>神奈川県川崎市多摩区東三田3-7-1</t>
    <phoneticPr fontId="7"/>
  </si>
  <si>
    <t>神奈川県川崎市高津区新作6-7-29</t>
    <phoneticPr fontId="7"/>
  </si>
  <si>
    <t>神奈川県川崎市川崎区田町3-8</t>
    <phoneticPr fontId="7"/>
  </si>
  <si>
    <t>神奈川県川崎市高津区久末1570-2</t>
    <phoneticPr fontId="7"/>
  </si>
  <si>
    <t>神奈川県川崎市高津区下作延7-15-1</t>
    <phoneticPr fontId="7"/>
  </si>
  <si>
    <t>神奈川県川崎市麻生区王禅寺西4-5-1</t>
    <phoneticPr fontId="7"/>
  </si>
  <si>
    <t>神奈川県川崎市宮前区野川2252-7</t>
    <phoneticPr fontId="7"/>
  </si>
  <si>
    <t>神奈川県川崎市麻生区千代ヶ丘4-22-68</t>
    <rPh sb="10" eb="14">
      <t>チヨガオカ</t>
    </rPh>
    <phoneticPr fontId="7"/>
  </si>
  <si>
    <t>神奈川県川崎市麻生区王禅寺東2-9-4</t>
    <phoneticPr fontId="7"/>
  </si>
  <si>
    <t>神奈川県川崎市高津区二子1-16-1</t>
    <phoneticPr fontId="7"/>
  </si>
  <si>
    <t>神奈川県川崎市麻生区上麻生5-33-6</t>
    <phoneticPr fontId="7"/>
  </si>
  <si>
    <t>神奈川県川崎市川崎区浅田4-13-6</t>
    <phoneticPr fontId="7"/>
  </si>
  <si>
    <t>神奈川県川崎市中原区下新城3-13</t>
    <phoneticPr fontId="7"/>
  </si>
  <si>
    <t>神奈川県川崎市幸区小向西町3-50-1</t>
    <phoneticPr fontId="7"/>
  </si>
  <si>
    <t>神奈川県川崎市川崎区京町3-21</t>
    <phoneticPr fontId="7"/>
  </si>
  <si>
    <t>神奈川県川崎市高津区下作延2-6-1</t>
    <phoneticPr fontId="7"/>
  </si>
  <si>
    <t>神奈川県川崎市麻生区王禅寺東3-291</t>
    <phoneticPr fontId="7"/>
  </si>
  <si>
    <t>神奈川県川崎市中原区今井仲町14-14</t>
    <phoneticPr fontId="7"/>
  </si>
  <si>
    <t>神奈川県川崎市麻生区金程4-8-13</t>
    <phoneticPr fontId="7"/>
  </si>
  <si>
    <t>神奈川県川崎市麻生区千代ヶ丘8-21-1</t>
    <phoneticPr fontId="7"/>
  </si>
  <si>
    <t>神奈川県川崎市麻生区千代ヶ丘9-11-1</t>
    <phoneticPr fontId="7"/>
  </si>
  <si>
    <t>神奈川県川崎市麻生区向原3-17-1</t>
    <phoneticPr fontId="7"/>
  </si>
  <si>
    <t>神奈川県川崎市宮前区野川4090-6</t>
    <phoneticPr fontId="7"/>
  </si>
  <si>
    <t>神奈川県川崎市多摩区生田2-16</t>
    <phoneticPr fontId="7"/>
  </si>
  <si>
    <t>神奈川県川崎市麻生区向原1-6-4</t>
    <phoneticPr fontId="7"/>
  </si>
  <si>
    <t>神奈川県川崎市宮前区有馬8-6-5</t>
    <phoneticPr fontId="7"/>
  </si>
  <si>
    <t>神奈川県川崎市麻生区虹ヶ丘1-2-17</t>
    <phoneticPr fontId="7"/>
  </si>
  <si>
    <t>神奈川県川崎市麻生区王禅寺東4-12-1</t>
    <phoneticPr fontId="7"/>
  </si>
  <si>
    <t>神奈川県川崎市麻生区金程2-17-1</t>
    <phoneticPr fontId="7"/>
  </si>
  <si>
    <t>神奈川県川崎市麻生区王禅寺東1-12-1</t>
    <phoneticPr fontId="7"/>
  </si>
  <si>
    <t>神奈川県川崎市川崎区渡田4-12</t>
    <phoneticPr fontId="7"/>
  </si>
  <si>
    <t>神奈川県川崎市川崎区本町1-1-6</t>
    <phoneticPr fontId="7"/>
  </si>
  <si>
    <t>神奈川県川崎市宮前区宮前平1-5</t>
    <phoneticPr fontId="7"/>
  </si>
  <si>
    <t>神奈川県川崎市麻生区王禅寺東5-17-7</t>
    <phoneticPr fontId="7"/>
  </si>
  <si>
    <t>神奈川県川崎市中原区上小田中1-28-30</t>
    <phoneticPr fontId="7"/>
  </si>
  <si>
    <t>神奈川県川崎市川崎区藤崎1-13-35</t>
    <phoneticPr fontId="7"/>
  </si>
  <si>
    <t>神奈川県川崎市麻生区王禅寺東3-12-1</t>
    <phoneticPr fontId="7"/>
  </si>
  <si>
    <t>神奈川県川崎市麻生区王禅寺東2-31-1</t>
    <phoneticPr fontId="7"/>
  </si>
  <si>
    <t>神奈川県川崎市宮前区神木本町2-15-14</t>
    <phoneticPr fontId="7"/>
  </si>
  <si>
    <t>神奈川県川崎市麻生区王禅寺東5-8-1</t>
    <phoneticPr fontId="7"/>
  </si>
  <si>
    <t>神奈川県川崎市麻生区細山4-1-1</t>
    <phoneticPr fontId="7"/>
  </si>
  <si>
    <t>神奈川県川崎市幸区塚越2-207</t>
    <phoneticPr fontId="7"/>
  </si>
  <si>
    <t>神奈川県川崎市宮前区有馬2-7</t>
    <phoneticPr fontId="7"/>
  </si>
  <si>
    <t>神奈川県川崎市幸区小倉4-17-1</t>
    <phoneticPr fontId="7"/>
  </si>
  <si>
    <t>神奈川県川崎市幸区南加瀬4-35-4</t>
    <phoneticPr fontId="7"/>
  </si>
  <si>
    <t>神奈川県川崎市高津区久末511-13</t>
    <phoneticPr fontId="7"/>
  </si>
  <si>
    <t>神奈川県川崎市高津区久末481-7</t>
    <phoneticPr fontId="7"/>
  </si>
  <si>
    <t>神奈川県川崎市幸区堀川町4-345-15</t>
    <phoneticPr fontId="7"/>
  </si>
  <si>
    <t>神奈川県川崎市中原区下小田中2-17</t>
    <phoneticPr fontId="7"/>
  </si>
  <si>
    <t>神奈川県川崎市麻生区高石6-17</t>
    <phoneticPr fontId="7"/>
  </si>
  <si>
    <t>神奈川県川崎市宮前区宮崎2-12-26</t>
    <phoneticPr fontId="7"/>
  </si>
  <si>
    <t>神奈川県川崎市麻生区東百合丘4-33-17</t>
    <phoneticPr fontId="7"/>
  </si>
  <si>
    <t>神奈川県川崎市中原区新城3-14-1</t>
    <phoneticPr fontId="7"/>
  </si>
  <si>
    <t>神奈川県川崎市麻生区金程2-9-5</t>
    <phoneticPr fontId="7"/>
  </si>
  <si>
    <t>神奈川県川崎市宮前区菅生4-5-6</t>
    <phoneticPr fontId="7"/>
  </si>
  <si>
    <t>神奈川県川崎市麻生区王禅寺西5-21-3</t>
    <phoneticPr fontId="7"/>
  </si>
  <si>
    <t>神奈川県川崎市宮前区平2-23-25</t>
    <phoneticPr fontId="7"/>
  </si>
  <si>
    <t>神奈川県川崎市麻生区王禅寺西8-2-1</t>
    <phoneticPr fontId="7"/>
  </si>
  <si>
    <t>神奈川県川崎市麻生区虹ヶ丘3-2-7</t>
    <phoneticPr fontId="7"/>
  </si>
  <si>
    <t>神奈川県川崎市川崎区京町3-10-1</t>
    <phoneticPr fontId="7"/>
  </si>
  <si>
    <t>神奈川県川崎市高津区久末23-2</t>
    <phoneticPr fontId="7"/>
  </si>
  <si>
    <t>神奈川県川崎市麻生区向原2-14</t>
    <phoneticPr fontId="7"/>
  </si>
  <si>
    <t>神奈川県川崎市高津区久末1582-2</t>
    <phoneticPr fontId="7"/>
  </si>
  <si>
    <t>神奈川県川崎市宮前区野川2238-9</t>
    <phoneticPr fontId="7"/>
  </si>
  <si>
    <t>神奈川県川崎市中原区木月3-13-10</t>
    <phoneticPr fontId="7"/>
  </si>
  <si>
    <t>神奈川県川崎市高津区久本1-16-23</t>
    <phoneticPr fontId="7"/>
  </si>
  <si>
    <t>神奈川県川崎市中原区上小田中5-4-4</t>
    <phoneticPr fontId="7"/>
  </si>
  <si>
    <t>神奈川県川崎市麻生区王禅寺西4-11-1</t>
    <phoneticPr fontId="7"/>
  </si>
  <si>
    <t>神奈川県川崎市中原区今井西町17-8</t>
    <phoneticPr fontId="7"/>
  </si>
  <si>
    <t>神奈川県川崎市宮前区菅生3-43-22</t>
    <phoneticPr fontId="7"/>
  </si>
  <si>
    <t>神奈川県川崎市麻生区上麻生1-15-10</t>
    <phoneticPr fontId="7"/>
  </si>
  <si>
    <t>神奈川県川崎市麻生区百合丘1-17-4</t>
    <phoneticPr fontId="7"/>
  </si>
  <si>
    <t>神奈川県川崎市宮前区南平台17-12</t>
    <phoneticPr fontId="7"/>
  </si>
  <si>
    <t>神奈川県川崎市中原区上小田中2-22-1</t>
    <phoneticPr fontId="7"/>
  </si>
  <si>
    <t>神奈川県川崎市川崎区浜町4-4-1</t>
    <phoneticPr fontId="7"/>
  </si>
  <si>
    <t>神奈川県川崎市高津区向ヶ丘85-8</t>
    <phoneticPr fontId="7"/>
  </si>
  <si>
    <t>神奈川県川崎市宮前区神木本町1-15-21</t>
    <phoneticPr fontId="7"/>
  </si>
  <si>
    <t>神奈川県川崎市中原区木月4-25-6</t>
    <phoneticPr fontId="7"/>
  </si>
  <si>
    <t>神奈川県川崎市高津区新作5-13-10</t>
    <phoneticPr fontId="7"/>
  </si>
  <si>
    <t>神奈川県川崎市多摩区西生田2-9-26</t>
    <phoneticPr fontId="7"/>
  </si>
  <si>
    <t>神奈川県川崎市幸区古市場2-97</t>
    <phoneticPr fontId="7"/>
  </si>
  <si>
    <t>神奈川県川崎市幸区戸手3-2-1</t>
    <phoneticPr fontId="7"/>
  </si>
  <si>
    <t>神奈川県川崎市川崎区京町1-2-19</t>
    <phoneticPr fontId="7"/>
  </si>
  <si>
    <t>神奈川県川崎市中原区井田杉山町23-1</t>
    <phoneticPr fontId="7"/>
  </si>
  <si>
    <t>神奈川県川崎市麻生区東百合丘4-42-3</t>
    <phoneticPr fontId="7"/>
  </si>
  <si>
    <t>神奈川県川崎市宮前区馬絹5-21-14</t>
    <phoneticPr fontId="7"/>
  </si>
  <si>
    <t>神奈川県川崎市川崎区四谷上町22-6</t>
    <phoneticPr fontId="7"/>
  </si>
  <si>
    <t>神奈川県川崎市中原区下小田中2-9-4</t>
    <phoneticPr fontId="7"/>
  </si>
  <si>
    <t>神奈川県川崎市高津区久末1946-4</t>
    <phoneticPr fontId="7"/>
  </si>
  <si>
    <t>神奈川県川崎市宮前区犬蔵3-1-8</t>
    <phoneticPr fontId="7"/>
  </si>
  <si>
    <t>神奈川県川崎市幸区塚越4-345-12</t>
    <phoneticPr fontId="7"/>
  </si>
  <si>
    <t>神奈川県川崎市高津区久本1-5</t>
    <phoneticPr fontId="7"/>
  </si>
  <si>
    <t>神奈川県川崎市高津区久末474-5</t>
    <phoneticPr fontId="7"/>
  </si>
  <si>
    <t>神奈川県川崎市麻生区細山3-2-2</t>
    <phoneticPr fontId="7"/>
  </si>
  <si>
    <t>神奈川県川崎市多摩区枡形4-6､枡形5-16</t>
    <phoneticPr fontId="7"/>
  </si>
  <si>
    <t>神奈川県川崎市宮前区宮前平2-10-8</t>
    <phoneticPr fontId="7"/>
  </si>
  <si>
    <t>神奈川県川崎市幸区北加瀬1-22-20</t>
    <phoneticPr fontId="7"/>
  </si>
  <si>
    <t>神奈川県川崎市麻生区千代ヶ丘6-10-15</t>
    <phoneticPr fontId="7"/>
  </si>
  <si>
    <t>神奈川県川崎市多摩区南生田2-24</t>
    <phoneticPr fontId="7"/>
  </si>
  <si>
    <t>神奈川県川崎市高津区東野川2-37-1</t>
    <rPh sb="10" eb="11">
      <t>ヒガシ</t>
    </rPh>
    <phoneticPr fontId="7"/>
  </si>
  <si>
    <t>神奈川県川崎市麻生区東百合丘3-1-1</t>
    <phoneticPr fontId="7"/>
  </si>
  <si>
    <t>神奈川県川崎市中原区上小田中6-43-7</t>
    <phoneticPr fontId="7"/>
  </si>
  <si>
    <t>神奈川県川崎市宮前区南平台15-21</t>
    <phoneticPr fontId="7"/>
  </si>
  <si>
    <t>神奈川県川崎市麻生区白鳥4-4-8</t>
    <phoneticPr fontId="7"/>
  </si>
  <si>
    <t>神奈川県川崎市川崎区大師駅前2-6-1</t>
    <phoneticPr fontId="7"/>
  </si>
  <si>
    <t>神奈川県川崎市麻生区下麻生3-29-19</t>
    <phoneticPr fontId="7"/>
  </si>
  <si>
    <t>神奈川県川崎市中原区下小田中3-14</t>
    <phoneticPr fontId="7"/>
  </si>
  <si>
    <t>神奈川県川崎市高津区蟹ヶ谷44-90</t>
    <phoneticPr fontId="7"/>
  </si>
  <si>
    <t>神奈川県川崎市多摩区西生田4-18-5</t>
    <phoneticPr fontId="7"/>
  </si>
  <si>
    <t>神奈川県川崎市幸区小向西町4-81</t>
    <phoneticPr fontId="7"/>
  </si>
  <si>
    <t>神奈川県川崎市川崎区池田1-13-1</t>
    <phoneticPr fontId="7"/>
  </si>
  <si>
    <t>神奈川県川崎市幸区小向西町1-65</t>
    <phoneticPr fontId="7"/>
  </si>
  <si>
    <t>神奈川県川崎市中原区市ノ坪223-10</t>
    <phoneticPr fontId="7"/>
  </si>
  <si>
    <t>神奈川県川崎市麻生区栗木台2-9-1</t>
    <phoneticPr fontId="7"/>
  </si>
  <si>
    <t>神奈川県川崎市宮前区野川3136-2</t>
    <phoneticPr fontId="7"/>
  </si>
  <si>
    <t>神奈川県川崎市川崎区中瀬2-8-1地先</t>
    <phoneticPr fontId="7"/>
  </si>
  <si>
    <t>神奈川県川崎市宮前区菅生ヶ丘32-9</t>
    <phoneticPr fontId="7"/>
  </si>
  <si>
    <t>神奈川県川崎市幸区戸手本町1-76-1</t>
    <phoneticPr fontId="7"/>
  </si>
  <si>
    <t>神奈川県川崎市川崎区鋼管通5-1</t>
    <phoneticPr fontId="7"/>
  </si>
  <si>
    <t>神奈川県川崎市麻生区岡上410-7</t>
    <phoneticPr fontId="7"/>
  </si>
  <si>
    <t>神奈川県川崎市多摩区菅仙谷2-17-2</t>
    <phoneticPr fontId="7"/>
  </si>
  <si>
    <t>神奈川県川崎市宮前区小台2-3</t>
    <phoneticPr fontId="7"/>
  </si>
  <si>
    <t>神奈川県川崎市幸区古市場1-19</t>
    <phoneticPr fontId="7"/>
  </si>
  <si>
    <t>神奈川県川崎市麻生区百合丘2-4</t>
    <phoneticPr fontId="7"/>
  </si>
  <si>
    <t>神奈川県川崎市多摩区南生田3-9-9</t>
    <phoneticPr fontId="7"/>
  </si>
  <si>
    <t>神奈川県川崎市麻生区百合丘3-11-8</t>
    <phoneticPr fontId="7"/>
  </si>
  <si>
    <t>神奈川県川崎市川崎区塩浜2-7-12</t>
    <phoneticPr fontId="7"/>
  </si>
  <si>
    <t>神奈川県川崎市宮前区鷺沼3-11-60</t>
    <phoneticPr fontId="7"/>
  </si>
  <si>
    <t>神奈川県川崎市多摩区南生田6-2-2</t>
    <phoneticPr fontId="7"/>
  </si>
  <si>
    <t>神奈川県川崎市麻生区高石5-21-15</t>
    <phoneticPr fontId="7"/>
  </si>
  <si>
    <t>神奈川県川崎市麻生区五力田2-7-4</t>
    <phoneticPr fontId="7"/>
  </si>
  <si>
    <t>神奈川県川崎市川崎区中島2-15-2</t>
    <phoneticPr fontId="7"/>
  </si>
  <si>
    <t>神奈川県川崎市麻生区高石4-14-8</t>
    <phoneticPr fontId="7"/>
  </si>
  <si>
    <t>神奈川県川崎市川崎区大島5-23-1</t>
    <phoneticPr fontId="7"/>
  </si>
  <si>
    <t>神奈川県川崎市中原区上小田中1-2-40</t>
    <phoneticPr fontId="7"/>
  </si>
  <si>
    <t>神奈川県川崎市多摩区菅6-14-8</t>
    <phoneticPr fontId="7"/>
  </si>
  <si>
    <t>神奈川県川崎市中原区井田3-40-26</t>
    <phoneticPr fontId="7"/>
  </si>
  <si>
    <t>神奈川県川崎市川崎区渡田3-6-1</t>
    <phoneticPr fontId="7"/>
  </si>
  <si>
    <t>神奈川県川崎市麻生区上麻生4-13-7</t>
    <phoneticPr fontId="7"/>
  </si>
  <si>
    <t>神奈川県川崎市中原区下沼部1709-1</t>
    <phoneticPr fontId="7"/>
  </si>
  <si>
    <t>神奈川県川崎市高津区末長1-47-8</t>
    <phoneticPr fontId="7"/>
  </si>
  <si>
    <t>神奈川県川崎市高津区久地3-16-3</t>
    <phoneticPr fontId="7"/>
  </si>
  <si>
    <t>神奈川県川崎市川崎区小田4-6-1</t>
    <phoneticPr fontId="7"/>
  </si>
  <si>
    <t>神奈川県川崎市川崎区藤崎3-1-4</t>
    <phoneticPr fontId="7"/>
  </si>
  <si>
    <t>神奈川県川崎市麻生区栗木1-17</t>
    <phoneticPr fontId="7"/>
  </si>
  <si>
    <t>神奈川県川崎市麻生区五力田2-15-4</t>
    <phoneticPr fontId="7"/>
  </si>
  <si>
    <t>神奈川県川崎市麻生区上麻生4-32-1</t>
    <phoneticPr fontId="7"/>
  </si>
  <si>
    <t>神奈川県川崎市高津区末長1-34-1</t>
    <phoneticPr fontId="7"/>
  </si>
  <si>
    <t>神奈川県川崎市川崎区扇町6-9</t>
    <phoneticPr fontId="7"/>
  </si>
  <si>
    <t>神奈川県川崎市川崎区出来野8-8</t>
    <phoneticPr fontId="7"/>
  </si>
  <si>
    <t>神奈川県川崎市幸区北加瀬2-12-1</t>
    <phoneticPr fontId="7"/>
  </si>
  <si>
    <t>神奈川県川崎市高津区下野毛2-8-3</t>
    <phoneticPr fontId="7"/>
  </si>
  <si>
    <t>神奈川県川崎市高津区上作延307-1</t>
    <phoneticPr fontId="7"/>
  </si>
  <si>
    <t>神奈川県川崎市高津区末長4-1-2</t>
    <phoneticPr fontId="7"/>
  </si>
  <si>
    <t>神奈川県川崎市高津区千年1199-1</t>
    <phoneticPr fontId="7"/>
  </si>
  <si>
    <t>神奈川県川崎市宮前区野川本町2-25-35</t>
    <rPh sb="12" eb="14">
      <t>ホンマチ</t>
    </rPh>
    <phoneticPr fontId="7"/>
  </si>
  <si>
    <t>神奈川県川崎市麻生区白鳥4-15-21</t>
    <phoneticPr fontId="7"/>
  </si>
  <si>
    <t>神奈川県川崎市川崎区渡田山王町13-1</t>
    <phoneticPr fontId="7"/>
  </si>
  <si>
    <t>神奈川県川崎市麻生区高石5-6</t>
    <phoneticPr fontId="7"/>
  </si>
  <si>
    <t>神奈川県川崎市幸区北加瀬3-18-1</t>
    <phoneticPr fontId="7"/>
  </si>
  <si>
    <t>神奈川県川崎市麻生区栗平2-5</t>
    <phoneticPr fontId="7"/>
  </si>
  <si>
    <t>神奈川県川崎市幸区小倉4-12-22</t>
    <phoneticPr fontId="7"/>
  </si>
  <si>
    <t>神奈川県川崎市宮前区五所塚1-1-6</t>
    <phoneticPr fontId="7"/>
  </si>
  <si>
    <t>神奈川県川崎市多摩区堰1-21-16</t>
    <phoneticPr fontId="7"/>
  </si>
  <si>
    <t>神奈川県川崎市幸区古市場2-116</t>
    <phoneticPr fontId="7"/>
  </si>
  <si>
    <t>神奈川県川崎市多摩区中野島5-2</t>
    <phoneticPr fontId="7"/>
  </si>
  <si>
    <t>神奈川県川崎市幸区幸町3-9</t>
    <phoneticPr fontId="7"/>
  </si>
  <si>
    <t>神奈川県川崎市宮前区野川1171-1</t>
    <phoneticPr fontId="7"/>
  </si>
  <si>
    <t>神奈川県川崎市宮前区宮崎2-5</t>
    <phoneticPr fontId="7"/>
  </si>
  <si>
    <t>神奈川県川崎市中原区木月住吉町24-1</t>
    <phoneticPr fontId="7"/>
  </si>
  <si>
    <t>神奈川県川崎市川崎区殿町2-4-7</t>
    <phoneticPr fontId="7"/>
  </si>
  <si>
    <t>神奈川県川崎市幸区南幸町2-38-1</t>
    <phoneticPr fontId="7"/>
  </si>
  <si>
    <t>神奈川県川崎市宮前区土橋6-11-1</t>
    <phoneticPr fontId="7"/>
  </si>
  <si>
    <t>神奈川県川崎市幸区下平間68-5</t>
    <phoneticPr fontId="7"/>
  </si>
  <si>
    <t>神奈川県川崎市川崎区中瀬3-5-2</t>
    <phoneticPr fontId="7"/>
  </si>
  <si>
    <t>神奈川県川崎市川崎区旭町2-14-8</t>
    <phoneticPr fontId="7"/>
  </si>
  <si>
    <t>神奈川県川崎市麻生区白鳥1-11</t>
    <phoneticPr fontId="7"/>
  </si>
  <si>
    <t>神奈川県川崎市麻生区千代ヶ丘7-17</t>
    <phoneticPr fontId="7"/>
  </si>
  <si>
    <t>神奈川県川崎市川崎区貝塚2-17-1</t>
    <phoneticPr fontId="7"/>
  </si>
  <si>
    <t>神奈川県川崎市麻生区王禅寺西3-18-11</t>
    <phoneticPr fontId="7"/>
  </si>
  <si>
    <t>神奈川県川崎市麻生区栗木台1-8-1</t>
    <phoneticPr fontId="7"/>
  </si>
  <si>
    <t>神奈川県川崎市高津区二子6-10-8､坂戸1-11</t>
    <phoneticPr fontId="7"/>
  </si>
  <si>
    <t>神奈川県川崎市幸区古市場2-84</t>
    <phoneticPr fontId="7"/>
  </si>
  <si>
    <t>神奈川県川崎市川崎区浜町1-5-2</t>
    <phoneticPr fontId="7"/>
  </si>
  <si>
    <t>神奈川県川崎市宮前区犬蔵2-40-1</t>
    <phoneticPr fontId="7"/>
  </si>
  <si>
    <t>神奈川県川崎市中原区北谷町95-1</t>
    <phoneticPr fontId="7"/>
  </si>
  <si>
    <t>神奈川県川崎市川崎区観音2-16-1</t>
    <phoneticPr fontId="7"/>
  </si>
  <si>
    <t>神奈川県川崎市麻生区下麻生2-7-15</t>
    <phoneticPr fontId="7"/>
  </si>
  <si>
    <t>神奈川県川崎市川崎区浅野町1-3</t>
    <phoneticPr fontId="7"/>
  </si>
  <si>
    <t>神奈川県川崎市川崎区大島1-3-15</t>
    <phoneticPr fontId="7"/>
  </si>
  <si>
    <t>神奈川県川崎市幸区南加瀬2-19-4</t>
    <phoneticPr fontId="7"/>
  </si>
  <si>
    <t>神奈川県川崎市麻生区王禅寺東5-37-20</t>
    <phoneticPr fontId="7"/>
  </si>
  <si>
    <t>神奈川県川崎市麻生区向原2-1-1</t>
    <phoneticPr fontId="7"/>
  </si>
  <si>
    <t>神奈川県川崎市川崎区東門前1-7-1</t>
    <phoneticPr fontId="7"/>
  </si>
  <si>
    <t>神奈川県川崎市川崎区渡田新町3-4-1</t>
    <phoneticPr fontId="7"/>
  </si>
  <si>
    <t>神奈川県川崎市川崎区田町2-4</t>
    <phoneticPr fontId="7"/>
  </si>
  <si>
    <t>神奈川県川崎市宮前区土橋4-9-1</t>
    <phoneticPr fontId="7"/>
  </si>
  <si>
    <t>神奈川県川崎市中原区小杉御殿町2-120-4</t>
    <phoneticPr fontId="7"/>
  </si>
  <si>
    <t>神奈川県川崎市多摩区宿河原6-5-51</t>
    <phoneticPr fontId="7"/>
  </si>
  <si>
    <t>神奈川県川崎市麻生区千代ヶ丘1-20-14</t>
    <phoneticPr fontId="7"/>
  </si>
  <si>
    <t>神奈川県川崎市川崎区四谷上町23-8</t>
    <phoneticPr fontId="7"/>
  </si>
  <si>
    <t>神奈川県川崎市麻生区高石4-17-2</t>
    <phoneticPr fontId="7"/>
  </si>
  <si>
    <t>神奈川県川崎市川崎区貝塚1-8-7</t>
    <phoneticPr fontId="7"/>
  </si>
  <si>
    <t>神奈川県川崎市宮前区菅生3-33-9</t>
    <phoneticPr fontId="7"/>
  </si>
  <si>
    <t>神奈川県川崎市川崎区大島3-31-1</t>
    <phoneticPr fontId="7"/>
  </si>
  <si>
    <t>神奈川県川崎市川崎区日進町23-23</t>
    <phoneticPr fontId="7"/>
  </si>
  <si>
    <t>神奈川県川崎市宮前区宮前平3-5-9</t>
    <phoneticPr fontId="7"/>
  </si>
  <si>
    <t>神奈川県川崎市中原区小杉御殿町2-47-8</t>
    <phoneticPr fontId="7"/>
  </si>
  <si>
    <t>神奈川県川崎市幸区東古市場82-3</t>
    <phoneticPr fontId="7"/>
  </si>
  <si>
    <t>神奈川県川崎市高津区溝口4-16-2</t>
    <phoneticPr fontId="7"/>
  </si>
  <si>
    <t>神奈川県川崎市川崎区小田1-5-1地先</t>
    <phoneticPr fontId="7"/>
  </si>
  <si>
    <t>神奈川県川崎市麻生区向原3-3-5</t>
    <phoneticPr fontId="7"/>
  </si>
  <si>
    <t>神奈川県川崎市川崎区鋼管通1-8-1</t>
    <phoneticPr fontId="7"/>
  </si>
  <si>
    <t>神奈川県川崎市麻生区王禅寺西8-3-9</t>
    <phoneticPr fontId="7"/>
  </si>
  <si>
    <t>神奈川県川崎市多摩区宿河原6-4-41</t>
    <phoneticPr fontId="7"/>
  </si>
  <si>
    <t>神奈川県川崎市川崎区小田栄2-1</t>
    <phoneticPr fontId="7"/>
  </si>
  <si>
    <t>神奈川県川崎市多摩区菅6-12-7</t>
    <phoneticPr fontId="7"/>
  </si>
  <si>
    <t>神奈川県川崎市幸区南加瀬5-38-3</t>
    <phoneticPr fontId="7"/>
  </si>
  <si>
    <t>神奈川県川崎市麻生区細山8-20</t>
    <phoneticPr fontId="7"/>
  </si>
  <si>
    <t>神奈川県川崎市川崎区宮本町7-8</t>
    <phoneticPr fontId="7"/>
  </si>
  <si>
    <t>神奈川県川崎市麻生区上麻生1-11-9</t>
    <phoneticPr fontId="7"/>
  </si>
  <si>
    <t>神奈川県川崎市川崎区桜本2-33-5</t>
    <phoneticPr fontId="7"/>
  </si>
  <si>
    <t>神奈川県川崎市川崎区浜町2-16-1</t>
    <phoneticPr fontId="7"/>
  </si>
  <si>
    <t>神奈川県川崎市宮前区南平台13-7</t>
    <phoneticPr fontId="7"/>
  </si>
  <si>
    <t>神奈川県川崎市宮前区宮前平1-9-1</t>
    <phoneticPr fontId="7"/>
  </si>
  <si>
    <t>神奈川県川崎市川崎区伊勢町21-1</t>
    <phoneticPr fontId="7"/>
  </si>
  <si>
    <t>神奈川県川崎市幸区古市場1-45</t>
    <phoneticPr fontId="7"/>
  </si>
  <si>
    <t>神奈川県川崎市麻生区片平3-27-1</t>
    <phoneticPr fontId="7"/>
  </si>
  <si>
    <t>神奈川県川崎市川崎区鋼管通2-17-1</t>
    <phoneticPr fontId="7"/>
  </si>
  <si>
    <t>神奈川県川崎市川崎区大島2-9-1</t>
    <phoneticPr fontId="7"/>
  </si>
  <si>
    <t>神奈川県川崎市麻生区南黒川3-1</t>
    <phoneticPr fontId="7"/>
  </si>
  <si>
    <t>神奈川県川崎市川崎区川中島1-10-16</t>
    <phoneticPr fontId="7"/>
  </si>
  <si>
    <t>神奈川県川崎市多摩区三田1-4</t>
    <phoneticPr fontId="7"/>
  </si>
  <si>
    <t>神奈川県川崎市川崎区池上新町3-5-4ほか</t>
    <phoneticPr fontId="7"/>
  </si>
  <si>
    <t>神奈川県川崎市麻生区はるひ野4-14-1</t>
    <phoneticPr fontId="7"/>
  </si>
  <si>
    <t>神奈川県川崎市多摩区長尾7-332-1</t>
    <phoneticPr fontId="7"/>
  </si>
  <si>
    <t>神奈川県川崎市宮前区野川3029-1</t>
    <phoneticPr fontId="7"/>
  </si>
  <si>
    <t>神奈川県川崎市麻生区王禅寺東3-26-1</t>
    <phoneticPr fontId="7"/>
  </si>
  <si>
    <t>神奈川県川崎市川崎区藤崎2-16-2</t>
    <phoneticPr fontId="7"/>
  </si>
  <si>
    <t>神奈川県川崎市川崎区大島5-9-6</t>
    <phoneticPr fontId="7"/>
  </si>
  <si>
    <t>神奈川県川崎市川崎区藤崎4-2-1</t>
    <phoneticPr fontId="7"/>
  </si>
  <si>
    <t>神奈川県川崎市麻生区千代ヶ丘5-4-3</t>
    <phoneticPr fontId="7"/>
  </si>
  <si>
    <t>神奈川県川崎市麻生区はるひ野2-37</t>
    <phoneticPr fontId="7"/>
  </si>
  <si>
    <t>神奈川県川崎市宮前区土橋3-11-1</t>
    <phoneticPr fontId="7"/>
  </si>
  <si>
    <t>神奈川県川崎市麻生区王禅寺東4-32-1</t>
    <phoneticPr fontId="7"/>
  </si>
  <si>
    <t>神奈川県川崎市宮前区菅生ヶ丘19-1</t>
    <phoneticPr fontId="7"/>
  </si>
  <si>
    <t>神奈川県川崎市川崎区大師河原1-2343-17</t>
    <phoneticPr fontId="7"/>
  </si>
  <si>
    <t>神奈川県川崎市麻生区金程4-22-5</t>
    <phoneticPr fontId="7"/>
  </si>
  <si>
    <t>神奈川県川崎市川崎区小田5-13-1</t>
    <phoneticPr fontId="7"/>
  </si>
  <si>
    <t>神奈川県川崎市宮前区南平台5-7</t>
    <phoneticPr fontId="7"/>
  </si>
  <si>
    <t>神奈川県川崎市麻生区万福寺4-5</t>
    <phoneticPr fontId="7"/>
  </si>
  <si>
    <t>神奈川県川崎市宮前区有馬6-1-1</t>
    <phoneticPr fontId="7"/>
  </si>
  <si>
    <t>神奈川県川崎市多摩区長尾6-11-1</t>
    <phoneticPr fontId="7"/>
  </si>
  <si>
    <t>神奈川県川崎市宮前区鷺沼1-20</t>
    <phoneticPr fontId="7"/>
  </si>
  <si>
    <t>神奈川県川崎市宮前区宮崎3-18-1</t>
    <phoneticPr fontId="7"/>
  </si>
  <si>
    <t>神奈川県川崎市宮前区平4-17</t>
    <phoneticPr fontId="7"/>
  </si>
  <si>
    <t>神奈川県川崎市麻生区はるひ野2-12-1</t>
    <phoneticPr fontId="7"/>
  </si>
  <si>
    <t>神奈川県川崎市宮前区小台1-13</t>
    <phoneticPr fontId="7"/>
  </si>
  <si>
    <t>神奈川県川崎市中原区中丸子13-4</t>
    <phoneticPr fontId="7"/>
  </si>
  <si>
    <t>神奈川県川崎市川崎区小島町4-14</t>
    <phoneticPr fontId="7"/>
  </si>
  <si>
    <t>神奈川県川崎市宮前区土橋2-3-1</t>
    <phoneticPr fontId="7"/>
  </si>
  <si>
    <t>神奈川県川崎市中原区上小田中3-29-19</t>
    <phoneticPr fontId="7"/>
  </si>
  <si>
    <t>神奈川県川崎市中原区中丸子719-1</t>
    <phoneticPr fontId="7"/>
  </si>
  <si>
    <t>神奈川県川崎市麻生区向原2-21</t>
    <phoneticPr fontId="7"/>
  </si>
  <si>
    <t>神奈川県川崎市川崎区池上新町2-23-1</t>
    <phoneticPr fontId="7"/>
  </si>
  <si>
    <t>神奈川県川崎市多摩区寺尾台2-8-3</t>
    <phoneticPr fontId="7"/>
  </si>
  <si>
    <t>神奈川県川崎市川崎区追分町7-1</t>
    <phoneticPr fontId="7"/>
  </si>
  <si>
    <t>神奈川県川崎市川崎区鋼管通3-12-1</t>
    <phoneticPr fontId="7"/>
  </si>
  <si>
    <t>神奈川県川崎市宮前区神木本町2-1-10</t>
    <phoneticPr fontId="7"/>
  </si>
  <si>
    <t>神奈川県川崎市多摩区南生田1-1-1</t>
    <phoneticPr fontId="7"/>
  </si>
  <si>
    <t>神奈川県川崎市川崎区東田町3-25</t>
    <phoneticPr fontId="7"/>
  </si>
  <si>
    <t>神奈川県川崎市麻生区五力田3-11-1</t>
    <phoneticPr fontId="7"/>
  </si>
  <si>
    <t>神奈川県川崎市麻生区栗木台5-18-1</t>
    <phoneticPr fontId="7"/>
  </si>
  <si>
    <t>神奈川県川崎市川崎区殿町3-24-1</t>
    <phoneticPr fontId="7"/>
  </si>
  <si>
    <t>神奈川県川崎市麻生区百合丘1-14-2</t>
    <phoneticPr fontId="7"/>
  </si>
  <si>
    <t>神奈川県川崎市宮前区馬絹2-6-22</t>
    <phoneticPr fontId="7"/>
  </si>
  <si>
    <t>神奈川県川崎市川崎区殿町3-14-1ほか</t>
    <phoneticPr fontId="7"/>
  </si>
  <si>
    <t>神奈川県川崎市宮前区五所塚1-10-16</t>
    <phoneticPr fontId="7"/>
  </si>
  <si>
    <t>神奈川県川崎市川崎区田町3-11-1</t>
    <phoneticPr fontId="7"/>
  </si>
  <si>
    <t>神奈川県川崎市多摩区三田2-1-16</t>
    <phoneticPr fontId="7"/>
  </si>
  <si>
    <t>神奈川県川崎市麻生区高石2-32-1</t>
    <phoneticPr fontId="7"/>
  </si>
  <si>
    <t>神奈川県川崎市宮前区平2-14-1</t>
    <phoneticPr fontId="7"/>
  </si>
  <si>
    <t>神奈川県川崎市宮前区有馬3-11-1</t>
    <phoneticPr fontId="7"/>
  </si>
  <si>
    <t>神奈川県川崎市川崎区港町12-6</t>
    <phoneticPr fontId="7"/>
  </si>
  <si>
    <t>神奈川県川崎市川崎区伊勢町12-1</t>
    <phoneticPr fontId="7"/>
  </si>
  <si>
    <t>神奈川県川崎市川崎区渡田東町5-1</t>
    <phoneticPr fontId="7"/>
  </si>
  <si>
    <t>神奈川県川崎市川崎区日進町8-14</t>
    <phoneticPr fontId="7"/>
  </si>
  <si>
    <t>神奈川県川崎市川崎区大島上町6-7</t>
    <phoneticPr fontId="7"/>
  </si>
  <si>
    <t>神奈川県川崎市麻生区白山5-2</t>
    <phoneticPr fontId="7"/>
  </si>
  <si>
    <t>神奈川県川崎市宮前区菅生ヶ丘33-1</t>
    <phoneticPr fontId="7"/>
  </si>
  <si>
    <t>神奈川県川崎市宮前区犬蔵3-6-3</t>
    <phoneticPr fontId="7"/>
  </si>
  <si>
    <t>神奈川県川崎市川崎区小田1-22-1</t>
    <phoneticPr fontId="7"/>
  </si>
  <si>
    <t>神奈川県川崎市宮前区野川3134-3</t>
    <phoneticPr fontId="7"/>
  </si>
  <si>
    <t>神奈川県川崎市麻生区南黒川5-1</t>
    <phoneticPr fontId="7"/>
  </si>
  <si>
    <t>神奈川県川崎市麻生区高石3-6</t>
    <phoneticPr fontId="7"/>
  </si>
  <si>
    <t>神奈川県川崎市幸区小向西町4-15</t>
    <phoneticPr fontId="7"/>
  </si>
  <si>
    <t>神奈川県川崎市川崎区塩浜2-3-1</t>
    <phoneticPr fontId="7"/>
  </si>
  <si>
    <t>神奈川県川崎市川崎区日ノ出2-17-3</t>
    <phoneticPr fontId="7"/>
  </si>
  <si>
    <t>神奈川県川崎市麻生区栗木1-11</t>
    <phoneticPr fontId="7"/>
  </si>
  <si>
    <t>神奈川県川崎市幸区下平間233-9</t>
    <phoneticPr fontId="7"/>
  </si>
  <si>
    <t>神奈川県川崎市多摩区菅仙谷2-2-1</t>
    <phoneticPr fontId="7"/>
  </si>
  <si>
    <t>神奈川県川崎市麻生区百合丘3-1-1</t>
    <phoneticPr fontId="7"/>
  </si>
  <si>
    <t>神奈川県川崎市麻生区向原2-26</t>
    <phoneticPr fontId="7"/>
  </si>
  <si>
    <t>神奈川県川崎市麻生区上麻生4-21-12</t>
    <phoneticPr fontId="7"/>
  </si>
  <si>
    <t>神奈川県川崎市川崎区塩浜2-15-1</t>
    <phoneticPr fontId="7"/>
  </si>
  <si>
    <t>神奈川県川崎市川崎区小田7-3-4</t>
    <phoneticPr fontId="7"/>
  </si>
  <si>
    <t>神奈川県川崎市多摩区東三田3-9-4</t>
    <phoneticPr fontId="7"/>
  </si>
  <si>
    <t>神奈川県川崎市川崎区塩浜4-9-1</t>
    <phoneticPr fontId="7"/>
  </si>
  <si>
    <t>神奈川県川崎市川崎区池上新町1-4-1</t>
    <phoneticPr fontId="7"/>
  </si>
  <si>
    <t>神奈川県川崎市宮前区有馬3-6-1</t>
    <phoneticPr fontId="7"/>
  </si>
  <si>
    <t>神奈川県川崎市中原区井田中ノ町35-17</t>
    <phoneticPr fontId="7"/>
  </si>
  <si>
    <t>神奈川県川崎市宮前区有馬6-9-1</t>
    <phoneticPr fontId="7"/>
  </si>
  <si>
    <t>神奈川県川崎市宮前区土橋2-13-1</t>
    <phoneticPr fontId="7"/>
  </si>
  <si>
    <t>神奈川県川崎市多摩区寺尾台2-2</t>
    <phoneticPr fontId="7"/>
  </si>
  <si>
    <t>神奈川県川崎市宮前区犬蔵2-13-40</t>
    <phoneticPr fontId="7"/>
  </si>
  <si>
    <t>神奈川県川崎市宮前区宮前平2-18-2</t>
    <phoneticPr fontId="7"/>
  </si>
  <si>
    <t>神奈川県川崎市幸区小倉5-17-1</t>
    <phoneticPr fontId="7"/>
  </si>
  <si>
    <t>神奈川県川崎市幸区小向仲野町13-7</t>
    <phoneticPr fontId="7"/>
  </si>
  <si>
    <t>神奈川県川崎市麻生区はるひ野1-1</t>
    <phoneticPr fontId="7"/>
  </si>
  <si>
    <t>神奈川県川崎市多摩区寺尾台1-18-3</t>
    <phoneticPr fontId="7"/>
  </si>
  <si>
    <t>神奈川県川崎市多摩区菅仙谷2-9-2</t>
    <phoneticPr fontId="7"/>
  </si>
  <si>
    <t>神奈川県川崎市多摩区三田3-5</t>
    <phoneticPr fontId="7"/>
  </si>
  <si>
    <t>神奈川県川崎市宮前区鷺沼4-11-15</t>
    <phoneticPr fontId="7"/>
  </si>
  <si>
    <t>神奈川県川崎市川崎区塩浜1-4-1</t>
    <phoneticPr fontId="7"/>
  </si>
  <si>
    <t>神奈川県川崎市宮前区神木1-4</t>
    <phoneticPr fontId="7"/>
  </si>
  <si>
    <t>神奈川県川崎市麻生区千代ヶ丘8-8-5</t>
    <phoneticPr fontId="7"/>
  </si>
  <si>
    <t>神奈川県川崎市麻生区王禅寺東4-8-1</t>
    <phoneticPr fontId="7"/>
  </si>
  <si>
    <t>神奈川県川崎市多摩区堰1-16-5</t>
    <phoneticPr fontId="7"/>
  </si>
  <si>
    <t>神奈川県川崎市多摩区菅馬場3-11-1</t>
    <phoneticPr fontId="7"/>
  </si>
  <si>
    <t>神奈川県川崎市宮前区土橋7-27-2</t>
    <phoneticPr fontId="7"/>
  </si>
  <si>
    <t>神奈川県川崎市多摩区菅仙谷3-17-2</t>
    <phoneticPr fontId="7"/>
  </si>
  <si>
    <t>神奈川県川崎市川崎区藤崎2-6-1</t>
    <phoneticPr fontId="7"/>
  </si>
  <si>
    <t>神奈川県川崎市麻生区細山7-14</t>
    <phoneticPr fontId="7"/>
  </si>
  <si>
    <t>神奈川県川崎市川崎区田島町15-4</t>
    <phoneticPr fontId="7"/>
  </si>
  <si>
    <t>神奈川県川崎市宮前区土橋1-20</t>
    <phoneticPr fontId="7"/>
  </si>
  <si>
    <t>神奈川県川崎市中原区井田3-44-10</t>
    <phoneticPr fontId="7"/>
  </si>
  <si>
    <t>神奈川県川崎市宮前区けやき平1-25</t>
    <phoneticPr fontId="7"/>
  </si>
  <si>
    <t>神奈川県川崎市麻生区東百合丘4-32-1</t>
    <phoneticPr fontId="7"/>
  </si>
  <si>
    <t>神奈川県川崎市麻生区上麻生3-23-4</t>
    <phoneticPr fontId="7"/>
  </si>
  <si>
    <t>神奈川県川崎市川崎区江川1-7</t>
    <phoneticPr fontId="7"/>
  </si>
  <si>
    <t>神奈川県川崎市宮前区菅生6-31-3</t>
    <phoneticPr fontId="7"/>
  </si>
  <si>
    <t>神奈川県川崎市麻生区上麻生1-100-12</t>
    <phoneticPr fontId="7"/>
  </si>
  <si>
    <t>神奈川県川崎市麻生区白山1-1557-11ほか</t>
    <phoneticPr fontId="7"/>
  </si>
  <si>
    <t>神奈川県川崎市麻生区上麻生5-17-1</t>
    <phoneticPr fontId="7"/>
  </si>
  <si>
    <t>神奈川県川崎市宮前区有馬9-6-1</t>
    <phoneticPr fontId="7"/>
  </si>
  <si>
    <t>神奈川県川崎市麻生区向原3-14-28</t>
    <phoneticPr fontId="7"/>
  </si>
  <si>
    <t>神奈川県川崎市中原区井田1-28-1</t>
    <phoneticPr fontId="7"/>
  </si>
  <si>
    <t>神奈川県川崎市川崎区塩浜3-13-1</t>
    <phoneticPr fontId="7"/>
  </si>
  <si>
    <t>神奈川県川崎市宮前区小台2-24</t>
    <phoneticPr fontId="7"/>
  </si>
  <si>
    <t>神奈川県川崎市中原区井田3-9-3</t>
    <phoneticPr fontId="7"/>
  </si>
  <si>
    <t>神奈川県川崎市川崎区四谷下町15-1</t>
    <phoneticPr fontId="7"/>
  </si>
  <si>
    <t>神奈川県川崎市川崎区池上新町3-1-42</t>
    <phoneticPr fontId="7"/>
  </si>
  <si>
    <t>神奈川県川崎市川崎区殿町3-1</t>
    <phoneticPr fontId="7"/>
  </si>
  <si>
    <t>神奈川県川崎市麻生区白鳥2-10-2</t>
    <phoneticPr fontId="7"/>
  </si>
  <si>
    <t>神奈川県川崎市麻生区はるひ野3-5-2</t>
    <phoneticPr fontId="7"/>
  </si>
  <si>
    <t>神奈川県川崎市麻生区白鳥4-24-2</t>
    <phoneticPr fontId="7"/>
  </si>
  <si>
    <t>神奈川県川崎市麻生区百合丘2-10</t>
    <phoneticPr fontId="7"/>
  </si>
  <si>
    <t>神奈川県川崎市宮前区有馬4-15-1</t>
    <phoneticPr fontId="7"/>
  </si>
  <si>
    <t>神奈川県川崎市多摩区三田1-26-14</t>
    <phoneticPr fontId="7"/>
  </si>
  <si>
    <t>神奈川県川崎市麻生区下麻生2-23-1</t>
    <phoneticPr fontId="7"/>
  </si>
  <si>
    <t>神奈川県川崎市中原区今井西町14-17</t>
    <phoneticPr fontId="7"/>
  </si>
  <si>
    <t>神奈川県川崎市中原区丸子通1-612-10</t>
    <phoneticPr fontId="7"/>
  </si>
  <si>
    <t>神奈川県川崎市中原区上小田中1-147-11</t>
    <phoneticPr fontId="7"/>
  </si>
  <si>
    <t>神奈川県川崎市中原区中丸子13-22</t>
    <phoneticPr fontId="7"/>
  </si>
  <si>
    <t>神奈川県川崎市中原区上平間1161-34</t>
    <phoneticPr fontId="7"/>
  </si>
  <si>
    <t>神奈川県川崎市中原区上新城1-5-2</t>
    <phoneticPr fontId="7"/>
  </si>
  <si>
    <t>神奈川県川崎市中原区市ノ坪386-8</t>
    <phoneticPr fontId="7"/>
  </si>
  <si>
    <t>神奈川県川崎市中原区木月4-31-28</t>
    <phoneticPr fontId="7"/>
  </si>
  <si>
    <t>神奈川県川崎市中原区下小田中5-9-6</t>
    <phoneticPr fontId="7"/>
  </si>
  <si>
    <t>神奈川県川崎市中原区小杉3-1302</t>
    <phoneticPr fontId="7"/>
  </si>
  <si>
    <t>神奈川県川崎市中原区下新城3-1-1</t>
    <phoneticPr fontId="7"/>
  </si>
  <si>
    <t>神奈川県川崎市高津区蟹ヶ谷12-3</t>
    <phoneticPr fontId="7"/>
  </si>
  <si>
    <t>神奈川県川崎市高津区子母口119-12</t>
    <phoneticPr fontId="7"/>
  </si>
  <si>
    <t>神奈川県川崎市高津区蟹ケ谷246-5</t>
    <phoneticPr fontId="7"/>
  </si>
  <si>
    <t>神奈川県川崎市高津区梶ケ谷2-12-3</t>
    <phoneticPr fontId="7"/>
  </si>
  <si>
    <t>神奈川県川崎市高津区下作延5-25-12</t>
    <phoneticPr fontId="7"/>
  </si>
  <si>
    <t>神奈川県川崎市高津区二子2-8</t>
    <phoneticPr fontId="7"/>
  </si>
  <si>
    <t>神奈川県川崎市高津区末長4-18-44</t>
    <phoneticPr fontId="7"/>
  </si>
  <si>
    <t>神奈川県川崎市高津区子母口826-29</t>
    <phoneticPr fontId="7"/>
  </si>
  <si>
    <t>神奈川県川崎市高津区上作延833-31</t>
    <phoneticPr fontId="7"/>
  </si>
  <si>
    <t>神奈川県川崎市高津区坂戸3-5-7</t>
    <phoneticPr fontId="7"/>
  </si>
  <si>
    <t>神奈川県川崎市高津区諏訪1-19-11</t>
    <phoneticPr fontId="7"/>
  </si>
  <si>
    <t>神奈川県川崎市高津区北見方2-6</t>
    <phoneticPr fontId="7"/>
  </si>
  <si>
    <t>神奈川県川崎市高津区久本3-5</t>
    <phoneticPr fontId="7"/>
  </si>
  <si>
    <t>神奈川県川崎市高津区久地4-27-2</t>
    <phoneticPr fontId="7"/>
  </si>
  <si>
    <t>神奈川県川崎市高津区久地2-6-61</t>
    <phoneticPr fontId="7"/>
  </si>
  <si>
    <t>神奈川県川崎市高津区北見方2-6-31</t>
    <phoneticPr fontId="7"/>
  </si>
  <si>
    <t>神奈川県川崎市高津区末長1-49-36</t>
    <phoneticPr fontId="7"/>
  </si>
  <si>
    <t>神奈川県川崎市高津区久末468-8</t>
    <phoneticPr fontId="7"/>
  </si>
  <si>
    <t>神奈川県川崎市高津区末長3-24-6</t>
    <phoneticPr fontId="7"/>
  </si>
  <si>
    <t>神奈川県川崎市高津区久末429-1</t>
    <phoneticPr fontId="7"/>
  </si>
  <si>
    <t>神奈川県川崎市高津区末長2-3-3</t>
    <phoneticPr fontId="7"/>
  </si>
  <si>
    <t>神奈川県川崎市高津区上作延139-23</t>
    <phoneticPr fontId="7"/>
  </si>
  <si>
    <t>神奈川県川崎市高津区宇奈根637-14</t>
    <phoneticPr fontId="7"/>
  </si>
  <si>
    <t>神奈川県川崎市高津区久地853-87</t>
    <phoneticPr fontId="7"/>
  </si>
  <si>
    <t>神奈川県川崎市高津区末長4-5-23</t>
    <phoneticPr fontId="7"/>
  </si>
  <si>
    <t>神奈川県川崎市高津区千年1243-5</t>
    <phoneticPr fontId="7"/>
  </si>
  <si>
    <t>神奈川県川崎市高津区下作延2-20-9</t>
    <phoneticPr fontId="7"/>
  </si>
  <si>
    <t>神奈川県川崎市宮前区有馬8-19</t>
    <phoneticPr fontId="7"/>
  </si>
  <si>
    <t>神奈川県川崎市宮前区犬蔵2-5-1</t>
    <phoneticPr fontId="7"/>
  </si>
  <si>
    <t>神奈川県川崎市宮前区犬蔵2-7-8</t>
    <phoneticPr fontId="7"/>
  </si>
  <si>
    <t>神奈川県川崎市宮前区東有馬2-9-20</t>
    <phoneticPr fontId="7"/>
  </si>
  <si>
    <t>神奈川県川崎市宮前区野川3139-2</t>
    <phoneticPr fontId="7"/>
  </si>
  <si>
    <t>神奈川県川崎市宮前区東有馬5-31-8</t>
    <phoneticPr fontId="7"/>
  </si>
  <si>
    <t>神奈川県川崎市宮前区潮見台8-3</t>
    <phoneticPr fontId="7"/>
  </si>
  <si>
    <t>神奈川県川崎市宮前区西野川3-11-10</t>
    <rPh sb="10" eb="11">
      <t>ニシ</t>
    </rPh>
    <phoneticPr fontId="7"/>
  </si>
  <si>
    <t>神奈川県川崎市宮前区菅生2-5-43</t>
    <phoneticPr fontId="7"/>
  </si>
  <si>
    <t>神奈川県川崎市宮前区潮見台16-21</t>
    <phoneticPr fontId="7"/>
  </si>
  <si>
    <t>神奈川県川崎市宮前区南平台6-1</t>
    <phoneticPr fontId="7"/>
  </si>
  <si>
    <t>神奈川県川崎市宮前区土橋6-5-5</t>
    <phoneticPr fontId="7"/>
  </si>
  <si>
    <t>神奈川県川崎市宮前区野川2334-3</t>
    <phoneticPr fontId="7"/>
  </si>
  <si>
    <t>神奈川県川崎市宮前区土橋5-4-25</t>
    <phoneticPr fontId="7"/>
  </si>
  <si>
    <t>神奈川県川崎市宮前区菅生5-9-29</t>
    <phoneticPr fontId="7"/>
  </si>
  <si>
    <t>神奈川県川崎市宮前区犬蔵2-4017-6</t>
    <phoneticPr fontId="7"/>
  </si>
  <si>
    <t>神奈川県川崎市宮前区犬蔵2-1672-13</t>
    <phoneticPr fontId="7"/>
  </si>
  <si>
    <t>神奈川県川崎市宮前区平3-46-14</t>
    <phoneticPr fontId="7"/>
  </si>
  <si>
    <t>神奈川県川崎市宮前区東有馬2-2396-2</t>
    <phoneticPr fontId="7"/>
  </si>
  <si>
    <t>神奈川県川崎市宮前区平3-387-31､40</t>
    <phoneticPr fontId="7"/>
  </si>
  <si>
    <t>神奈川県川崎市宮前区野川本町3-17-6</t>
    <rPh sb="12" eb="14">
      <t>ホンチョウ</t>
    </rPh>
    <phoneticPr fontId="7"/>
  </si>
  <si>
    <t>神奈川県川崎市宮前区馬絹1-8-13</t>
    <phoneticPr fontId="7"/>
  </si>
  <si>
    <t>神奈川県川崎市宮前区神木本町4-2203-4</t>
    <phoneticPr fontId="7"/>
  </si>
  <si>
    <t>神奈川県川崎市宮前区野川本町1-9-1</t>
    <rPh sb="12" eb="14">
      <t>ホンチョウ</t>
    </rPh>
    <phoneticPr fontId="7"/>
  </si>
  <si>
    <t>神奈川県川崎市宮前区梶ヶ谷1422-16</t>
    <phoneticPr fontId="7"/>
  </si>
  <si>
    <t>神奈川県川崎市宮前区野川2844-2</t>
    <phoneticPr fontId="7"/>
  </si>
  <si>
    <t>神奈川県川崎市宮前区野川2614-4</t>
    <phoneticPr fontId="7"/>
  </si>
  <si>
    <t>神奈川県川崎市宮前区犬蔵3-1283-30</t>
    <phoneticPr fontId="7"/>
  </si>
  <si>
    <t>神奈川県川崎市宮前区宮崎3-10-44</t>
    <phoneticPr fontId="7"/>
  </si>
  <si>
    <t>神奈川県川崎市宮前区神木本町4-205-17</t>
    <phoneticPr fontId="7"/>
  </si>
  <si>
    <t>神奈川県川崎市宮前区鷺沼4-14-34</t>
    <phoneticPr fontId="7"/>
  </si>
  <si>
    <t>神奈川県川崎市宮前区菅生ヶ丘23-7-2</t>
    <phoneticPr fontId="7"/>
  </si>
  <si>
    <t>神奈川県川崎市宮前区土橋5-4-10</t>
    <phoneticPr fontId="7"/>
  </si>
  <si>
    <t>神奈川県川崎市多摩区宿河原4-17-11</t>
    <phoneticPr fontId="7"/>
  </si>
  <si>
    <t>神奈川県川崎市多摩区宿河原6-7-22</t>
    <phoneticPr fontId="7"/>
  </si>
  <si>
    <t>神奈川県川崎市多摩区宿河原6-29-17</t>
    <phoneticPr fontId="7"/>
  </si>
  <si>
    <t>神奈川県川崎市多摩区枡形6-17</t>
    <phoneticPr fontId="7"/>
  </si>
  <si>
    <t>神奈川県川崎市多摩区南生田2-28</t>
    <phoneticPr fontId="7"/>
  </si>
  <si>
    <t>神奈川県川崎市多摩区生田5-16</t>
    <phoneticPr fontId="7"/>
  </si>
  <si>
    <t>神奈川県川崎市多摩区長沢2-9</t>
    <phoneticPr fontId="7"/>
  </si>
  <si>
    <t>神奈川県川崎市川崎区四谷下町19-16</t>
    <phoneticPr fontId="7"/>
  </si>
  <si>
    <t>神奈川県川崎市多摩区三田4-8-10</t>
    <phoneticPr fontId="7"/>
  </si>
  <si>
    <t>神奈川県川崎市多摩区菅仙谷1-6562-5</t>
    <phoneticPr fontId="7"/>
  </si>
  <si>
    <t>神奈川県川崎市川崎区南町6-1</t>
    <phoneticPr fontId="7"/>
  </si>
  <si>
    <t>神奈川県川崎市多摩区登戸2848-6</t>
    <phoneticPr fontId="7"/>
  </si>
  <si>
    <t>神奈川県川崎市川崎区江川2-15</t>
    <phoneticPr fontId="7"/>
  </si>
  <si>
    <t>神奈川県川崎市多摩区生田8-11</t>
    <phoneticPr fontId="7"/>
  </si>
  <si>
    <t>神奈川県川崎市川崎区江川2-10</t>
    <phoneticPr fontId="7"/>
  </si>
  <si>
    <t>神奈川県川崎市川崎区中瀬2-13</t>
    <phoneticPr fontId="7"/>
  </si>
  <si>
    <t>神奈川県川崎市多摩区三田1-1-18</t>
    <phoneticPr fontId="7"/>
  </si>
  <si>
    <t>神奈川県川崎市川崎区大島4-3-5</t>
    <phoneticPr fontId="7"/>
  </si>
  <si>
    <t>神奈川県川崎市多摩区枡形6-4042-6</t>
    <phoneticPr fontId="7"/>
  </si>
  <si>
    <t>神奈川県川崎市川崎区富士見1-2-4</t>
    <phoneticPr fontId="7"/>
  </si>
  <si>
    <t>神奈川県川崎市多摩区長沢2-8893-1</t>
    <phoneticPr fontId="7"/>
  </si>
  <si>
    <t>神奈川県川崎市川崎区殿町1-20-45</t>
    <phoneticPr fontId="7"/>
  </si>
  <si>
    <t>神奈川県川崎市川崎区大師河原1-4861-27</t>
    <phoneticPr fontId="7"/>
  </si>
  <si>
    <t>神奈川県川崎市幸区小向西町4-125地先</t>
    <phoneticPr fontId="7"/>
  </si>
  <si>
    <t>神奈川県川崎市麻生区下麻生3-4-1</t>
    <phoneticPr fontId="7"/>
  </si>
  <si>
    <t>神奈川県川崎市麻生区金程2-2-1</t>
    <phoneticPr fontId="7"/>
  </si>
  <si>
    <t>神奈川県川崎市麻生区高石3-1433-5</t>
    <phoneticPr fontId="7"/>
  </si>
  <si>
    <t>神奈川県川崎市麻生区高石6-24</t>
    <phoneticPr fontId="7"/>
  </si>
  <si>
    <t>神奈川県川崎市麻生区東百合丘3-26</t>
    <phoneticPr fontId="7"/>
  </si>
  <si>
    <t>神奈川県川崎市麻生区下麻生2-22-2</t>
    <phoneticPr fontId="7"/>
  </si>
  <si>
    <t>神奈川県川崎市幸区北加瀬2-1</t>
    <phoneticPr fontId="7"/>
  </si>
  <si>
    <t>神奈川県川崎市麻生区白鳥1-1</t>
    <phoneticPr fontId="7"/>
  </si>
  <si>
    <t>神奈川県川崎市幸区塚越3-484-5</t>
    <phoneticPr fontId="7"/>
  </si>
  <si>
    <t>神奈川県川崎市幸区中幸町3-26-45､46</t>
    <phoneticPr fontId="7"/>
  </si>
  <si>
    <t>神奈川県川崎市麻生区上麻生7-13</t>
    <phoneticPr fontId="7"/>
  </si>
  <si>
    <t>神奈川県川崎市麻生区百合丘2-5-2</t>
    <phoneticPr fontId="7"/>
  </si>
  <si>
    <t>神奈川県川崎市幸区塚越3-406-1</t>
    <phoneticPr fontId="7"/>
  </si>
  <si>
    <t>神奈川県川崎市麻生区細山7-12</t>
    <phoneticPr fontId="7"/>
  </si>
  <si>
    <t>神奈川県川崎市幸区塚越4-345-15</t>
    <phoneticPr fontId="7"/>
  </si>
  <si>
    <t>神奈川県川崎市麻生区王禅寺西8-22</t>
    <phoneticPr fontId="7"/>
  </si>
  <si>
    <t>神奈川県川崎市幸区小向仲野町14-10</t>
    <phoneticPr fontId="7"/>
  </si>
  <si>
    <t>神奈川県川崎市麻生区細山5-27</t>
    <phoneticPr fontId="7"/>
  </si>
  <si>
    <t>神奈川県川崎市幸区戸手本町2-411-2</t>
    <phoneticPr fontId="7"/>
  </si>
  <si>
    <t>神奈川県川崎市麻生区栗木台4-9-37</t>
    <phoneticPr fontId="7"/>
  </si>
  <si>
    <t>神奈川県川崎市幸区東古市場118-4</t>
    <phoneticPr fontId="7"/>
  </si>
  <si>
    <t>神奈川県川崎市麻生区白鳥1-9-13</t>
    <phoneticPr fontId="7"/>
  </si>
  <si>
    <t>神奈川県川崎市幸区戸手4-11-2</t>
    <phoneticPr fontId="7"/>
  </si>
  <si>
    <t>神奈川県川崎市麻生区栗木台5-12-1</t>
    <phoneticPr fontId="7"/>
  </si>
  <si>
    <t>神奈川県川崎市幸区小倉2-11-30</t>
    <phoneticPr fontId="7"/>
  </si>
  <si>
    <t>神奈川県川崎市麻生区栗木台1-9-7</t>
    <phoneticPr fontId="7"/>
  </si>
  <si>
    <t>神奈川県川崎市幸区古市場1786-21</t>
    <phoneticPr fontId="7"/>
  </si>
  <si>
    <t>神奈川県川崎市麻生区栗平2-4-29</t>
    <phoneticPr fontId="7"/>
  </si>
  <si>
    <t>神奈川県川崎市幸区新川崎1-1</t>
    <phoneticPr fontId="7"/>
  </si>
  <si>
    <t>神奈川県川崎市麻生区栗木台3-3-1</t>
    <phoneticPr fontId="7"/>
  </si>
  <si>
    <t>神奈川県川崎市幸区北加瀬2-80-4</t>
    <phoneticPr fontId="7"/>
  </si>
  <si>
    <t>神奈川県川崎市麻生区はるひ野1-15-3</t>
    <phoneticPr fontId="7"/>
  </si>
  <si>
    <t>神奈川県川崎市麻生区王禅寺東2-1406-13</t>
    <phoneticPr fontId="7"/>
  </si>
  <si>
    <t>神奈川県川崎市幸区東小倉6-30</t>
    <phoneticPr fontId="7"/>
  </si>
  <si>
    <t>神奈川県川崎市麻生区片平5-22-16</t>
    <phoneticPr fontId="7"/>
  </si>
  <si>
    <t>神奈川県川崎市麻生区栗平2-8-16</t>
    <phoneticPr fontId="7"/>
  </si>
  <si>
    <t>神奈川県川崎市麻生区上麻生3-2-3</t>
    <phoneticPr fontId="7"/>
  </si>
  <si>
    <t>神奈川県川崎市麻生区高石3-1497-6</t>
    <phoneticPr fontId="7"/>
  </si>
  <si>
    <t>神奈川県川崎市麻生区はるひ野2-33-3</t>
    <phoneticPr fontId="7"/>
  </si>
  <si>
    <t>神奈川県川崎市麻生区百合丘3-22-2</t>
    <phoneticPr fontId="7"/>
  </si>
  <si>
    <t>神奈川県川崎市麻生区百合丘3-21-2</t>
    <phoneticPr fontId="7"/>
  </si>
  <si>
    <t>神奈川県川崎市麻生区栗平2-7-23</t>
    <phoneticPr fontId="7"/>
  </si>
  <si>
    <t>神奈川県川崎市麻生区東百合丘1-7052-6</t>
    <phoneticPr fontId="7"/>
  </si>
  <si>
    <t>神奈川県川崎市麻生区白鳥3-3-52</t>
    <phoneticPr fontId="7"/>
  </si>
  <si>
    <t>神奈川県川崎市麻生区片平7-8-15</t>
    <phoneticPr fontId="7"/>
  </si>
  <si>
    <t>神奈川県川崎市麻生区片平8-7</t>
    <phoneticPr fontId="7"/>
  </si>
  <si>
    <t>神奈川県川崎市麻生区片平6-2-4</t>
    <phoneticPr fontId="7"/>
  </si>
  <si>
    <t>神奈川県川崎市麻生区片平5-600-13</t>
    <phoneticPr fontId="7"/>
  </si>
  <si>
    <t>神奈川県川崎市麻生区王禅寺字志村谷353-1</t>
    <phoneticPr fontId="7"/>
  </si>
  <si>
    <t>神奈川県川崎市麻生区黒川317-6</t>
    <phoneticPr fontId="7"/>
  </si>
  <si>
    <t>神奈川県川崎市麻生区白鳥3-3-41</t>
    <phoneticPr fontId="7"/>
  </si>
  <si>
    <t>神奈川県川崎市麻生区上麻生7-274-1</t>
    <phoneticPr fontId="7"/>
  </si>
  <si>
    <t>神奈川県川崎市麻生区王禅寺西7-2003-8</t>
    <phoneticPr fontId="7"/>
  </si>
  <si>
    <t>神奈川県川崎市麻生区百合丘3-12-2</t>
    <phoneticPr fontId="7"/>
  </si>
  <si>
    <t>神奈川県川崎市麻生区王禅寺西7-2011-6</t>
    <phoneticPr fontId="7"/>
  </si>
  <si>
    <t>神奈川県川崎市麻生区栗平2-13-41</t>
    <phoneticPr fontId="7"/>
  </si>
  <si>
    <t>神奈川県川崎市麻生区王禅寺西7-2003-35</t>
    <phoneticPr fontId="7"/>
  </si>
  <si>
    <t>神奈川県川崎市麻生区片平4-2149-1</t>
    <phoneticPr fontId="7"/>
  </si>
  <si>
    <t>神奈川県川崎市麻生区はるひ野5-11-1</t>
    <phoneticPr fontId="7"/>
  </si>
  <si>
    <t>神奈川県川崎市麻生区王禅寺西5-2271-8</t>
    <phoneticPr fontId="7"/>
  </si>
  <si>
    <t>神奈川県川崎市麻生区はるひ野1-8</t>
    <phoneticPr fontId="7"/>
  </si>
  <si>
    <t>神奈川県川崎市麻生区細山4-640-56</t>
    <phoneticPr fontId="7"/>
  </si>
  <si>
    <t>神奈川県川崎市麻生区千代ヶ丘6-2-160</t>
    <phoneticPr fontId="7"/>
  </si>
  <si>
    <t>神奈川県川崎市麻生区麻生区片平6-3-18</t>
    <phoneticPr fontId="7"/>
  </si>
  <si>
    <t>神奈川県川崎市麻生区片平2-27-1､13</t>
    <phoneticPr fontId="7"/>
  </si>
  <si>
    <t>神奈川県川崎市麻生区上麻生5-1347-6</t>
    <phoneticPr fontId="7"/>
  </si>
  <si>
    <t>神奈川県川崎市中原区苅宿101-2ほか</t>
    <phoneticPr fontId="7"/>
  </si>
  <si>
    <t>神奈川県川崎市麻生区片平4-2184-13</t>
    <phoneticPr fontId="7"/>
  </si>
  <si>
    <t>神奈川県川崎市麻生区はるひ野5-14</t>
    <phoneticPr fontId="7"/>
  </si>
  <si>
    <t>神奈川県川崎市中原区新丸子町964-3</t>
    <phoneticPr fontId="7"/>
  </si>
  <si>
    <t>神奈川県川崎市中原区中丸子178-5</t>
    <phoneticPr fontId="7"/>
  </si>
  <si>
    <t>神奈川県川崎市中原区市ノ坪410-40</t>
    <phoneticPr fontId="7"/>
  </si>
  <si>
    <t>神奈川県川崎市中原区下沼部1949-8</t>
    <phoneticPr fontId="7"/>
  </si>
  <si>
    <t>神奈川県川崎市中原区市ノ坪410-76</t>
    <phoneticPr fontId="7"/>
  </si>
  <si>
    <t>神奈川県川崎市中原区宮内3-431-10</t>
    <phoneticPr fontId="7"/>
  </si>
  <si>
    <t>神奈川県川崎市幸区南加瀬1-2-1</t>
    <phoneticPr fontId="7"/>
  </si>
  <si>
    <t>神奈川県川崎市麻生区金程4-28-18</t>
    <phoneticPr fontId="7"/>
  </si>
  <si>
    <t>神奈川県川崎市麻生区はるひ野4-20-3</t>
    <phoneticPr fontId="7"/>
  </si>
  <si>
    <t>神奈川県川崎市麻生区はるひ野2-4-2</t>
    <phoneticPr fontId="7"/>
  </si>
  <si>
    <t>神奈川県川崎市麻生区高石6-441-2</t>
    <phoneticPr fontId="7"/>
  </si>
  <si>
    <t>神奈川県川崎市麻生区多摩美1-36-8</t>
    <phoneticPr fontId="7"/>
  </si>
  <si>
    <t>神奈川県川崎市麻生区栗木台5-18</t>
    <phoneticPr fontId="7"/>
  </si>
  <si>
    <t>神奈川県川崎市麻生区王禅寺1241-92</t>
    <phoneticPr fontId="7"/>
  </si>
  <si>
    <t>神奈川県川崎市麻生区上麻生4-1530-3ほか</t>
    <phoneticPr fontId="7"/>
  </si>
  <si>
    <t>神奈川県川崎市麻生区古沢255-8</t>
    <phoneticPr fontId="7"/>
  </si>
  <si>
    <t>神奈川県川崎市麻生区片平2-143-6</t>
    <phoneticPr fontId="7"/>
  </si>
  <si>
    <t>神奈川県川崎市高津区末長1-39-32</t>
    <phoneticPr fontId="7"/>
  </si>
  <si>
    <t>神奈川県川崎市高津区蟹ヶ谷93-5</t>
    <phoneticPr fontId="7"/>
  </si>
  <si>
    <t>神奈川県川崎市高津区蟹ヶ谷277-10</t>
    <phoneticPr fontId="7"/>
  </si>
  <si>
    <t>神奈川県川崎市高津区久地3-15</t>
    <phoneticPr fontId="7"/>
  </si>
  <si>
    <t>神奈川県川崎市高津区末長2-7-1</t>
    <phoneticPr fontId="7"/>
  </si>
  <si>
    <t>神奈川県川崎市高津区久末1550-7</t>
    <phoneticPr fontId="7"/>
  </si>
  <si>
    <t>神奈川県川崎市高津区下作延2-24-50</t>
    <phoneticPr fontId="7"/>
  </si>
  <si>
    <t>神奈川県川崎市高津区千年432-1</t>
    <phoneticPr fontId="7"/>
  </si>
  <si>
    <t>神奈川県川崎市高津区蟹ヶ谷277-27</t>
    <phoneticPr fontId="7"/>
  </si>
  <si>
    <t>神奈川県川崎市高津区末長2-3-2</t>
    <phoneticPr fontId="7"/>
  </si>
  <si>
    <t>神奈川県川崎市高津区蟹ヶ谷74-2</t>
    <phoneticPr fontId="7"/>
  </si>
  <si>
    <t>神奈川県川崎市宮前区西野川2-15-53</t>
    <rPh sb="10" eb="13">
      <t>ニシノガワ</t>
    </rPh>
    <phoneticPr fontId="7"/>
  </si>
  <si>
    <t>神奈川県川崎市宮前区宮崎4-1-275</t>
    <phoneticPr fontId="7"/>
  </si>
  <si>
    <t>神奈川県川崎市宮前区菅生4-9</t>
    <phoneticPr fontId="7"/>
  </si>
  <si>
    <t>神奈川県川崎市川崎区塩浜4-14</t>
    <phoneticPr fontId="7"/>
  </si>
  <si>
    <t>神奈川県川崎市川崎区塩浜3-29</t>
    <phoneticPr fontId="7"/>
  </si>
  <si>
    <t>神奈川県川崎市多摩区西生田4-10-17</t>
    <phoneticPr fontId="7"/>
  </si>
  <si>
    <t>神奈川県川崎市多摩区生田8-17</t>
    <phoneticPr fontId="7"/>
  </si>
  <si>
    <t>神奈川県川崎市幸区塚越1-20-4</t>
    <phoneticPr fontId="7"/>
  </si>
  <si>
    <t>神奈川県川崎市川崎区池上新町3-4</t>
    <phoneticPr fontId="7"/>
  </si>
  <si>
    <t>神奈川県川崎市麻生区万福寺6-6-1ほか</t>
    <phoneticPr fontId="7"/>
  </si>
  <si>
    <t>神奈川県川崎市麻生区王禅寺860-1</t>
    <phoneticPr fontId="7"/>
  </si>
  <si>
    <t>神奈川県川崎市麻生区岡上1355-1ほか</t>
    <phoneticPr fontId="7"/>
  </si>
  <si>
    <t>神奈川県川崎市麻生区上麻生7-331-4ほか</t>
    <phoneticPr fontId="7"/>
  </si>
  <si>
    <t>神奈川県川崎市中原区井田2-32</t>
    <phoneticPr fontId="7"/>
  </si>
  <si>
    <t>神奈川県川崎市中原区井田3-12</t>
    <phoneticPr fontId="7"/>
  </si>
  <si>
    <t>神奈川県川崎市麻生区王禅寺西6-2202-1ほか</t>
    <phoneticPr fontId="7"/>
  </si>
  <si>
    <t>神奈川県川崎市麻生区王禅寺字日吉谷909-1ほか</t>
    <phoneticPr fontId="7"/>
  </si>
  <si>
    <t>神奈川県川崎市麻生区岡上字丸山687-1ほか</t>
    <phoneticPr fontId="7"/>
  </si>
  <si>
    <t>神奈川県川崎市高津区久末610-1ほか</t>
    <phoneticPr fontId="7"/>
  </si>
  <si>
    <t>神奈川県川崎市高津区久末1670-2ほか</t>
    <phoneticPr fontId="7"/>
  </si>
  <si>
    <t>神奈川県川崎市高津区蟹ヶ谷97-5ほか</t>
    <phoneticPr fontId="7"/>
  </si>
  <si>
    <t>神奈川県川崎市高津区久末字篭場谷1412-1ほか</t>
    <phoneticPr fontId="7"/>
  </si>
  <si>
    <t>神奈川県川崎市多摩区菅仙谷1-4ほか</t>
    <phoneticPr fontId="7"/>
  </si>
  <si>
    <t>神奈川県川崎市麻生区岡上1286-1ほか</t>
    <phoneticPr fontId="7"/>
  </si>
  <si>
    <t>神奈川県川崎市川崎区浮島町12-7</t>
    <phoneticPr fontId="7"/>
  </si>
  <si>
    <t>神奈川県川崎市麻生区白山5-2-1</t>
    <phoneticPr fontId="7"/>
  </si>
  <si>
    <t>神奈川県川崎市麻生区はるひ野5-9</t>
    <phoneticPr fontId="7"/>
  </si>
  <si>
    <t>神奈川県川崎市多摩区菅北浦4-16-1</t>
    <phoneticPr fontId="7"/>
  </si>
  <si>
    <t>神奈川県川崎市宮前区水沢1-3</t>
    <phoneticPr fontId="7"/>
  </si>
  <si>
    <t>神奈川県川崎市幸区小向仲野町3-5</t>
    <rPh sb="0" eb="4">
      <t>カナガワケン</t>
    </rPh>
    <rPh sb="4" eb="7">
      <t>カワサキシ</t>
    </rPh>
    <rPh sb="7" eb="9">
      <t>サイワイク</t>
    </rPh>
    <rPh sb="9" eb="14">
      <t>コムカイナカノチョウ</t>
    </rPh>
    <phoneticPr fontId="7"/>
  </si>
  <si>
    <t>神奈川県川崎市幸区鹿島田2-21-35</t>
    <rPh sb="0" eb="4">
      <t>カナガワケン</t>
    </rPh>
    <rPh sb="4" eb="7">
      <t>カワサキシ</t>
    </rPh>
    <rPh sb="7" eb="9">
      <t>サイワイク</t>
    </rPh>
    <rPh sb="9" eb="12">
      <t>カシマダ</t>
    </rPh>
    <phoneticPr fontId="7"/>
  </si>
  <si>
    <t>神奈川県川崎市幸区北加瀬1-11-5</t>
    <rPh sb="0" eb="4">
      <t>カナガワケン</t>
    </rPh>
    <rPh sb="4" eb="7">
      <t>カワサキシ</t>
    </rPh>
    <rPh sb="7" eb="9">
      <t>サイワイク</t>
    </rPh>
    <rPh sb="9" eb="12">
      <t>キタカセ</t>
    </rPh>
    <phoneticPr fontId="7"/>
  </si>
  <si>
    <t>神奈川県川崎市高津区久末楸谷691-1ほか</t>
    <rPh sb="0" eb="4">
      <t>カナガワケン</t>
    </rPh>
    <rPh sb="4" eb="7">
      <t>カワサキシ</t>
    </rPh>
    <rPh sb="7" eb="10">
      <t>タカツク</t>
    </rPh>
    <rPh sb="10" eb="12">
      <t>ヒサスエ</t>
    </rPh>
    <phoneticPr fontId="7"/>
  </si>
  <si>
    <t>神奈川県川崎市高津区小貝谷1326-1ほか</t>
    <rPh sb="0" eb="4">
      <t>カナガワケン</t>
    </rPh>
    <rPh sb="4" eb="7">
      <t>カワサキシ</t>
    </rPh>
    <rPh sb="7" eb="10">
      <t>タカツク</t>
    </rPh>
    <rPh sb="10" eb="11">
      <t>コ</t>
    </rPh>
    <rPh sb="11" eb="12">
      <t>カイ</t>
    </rPh>
    <rPh sb="12" eb="13">
      <t>タニ</t>
    </rPh>
    <phoneticPr fontId="7"/>
  </si>
  <si>
    <t>神奈川県川崎市宮前区宮前平3-7-10</t>
    <rPh sb="0" eb="4">
      <t>カナガワケン</t>
    </rPh>
    <rPh sb="4" eb="7">
      <t>カワサキシ</t>
    </rPh>
    <rPh sb="7" eb="10">
      <t>ミヤマエク</t>
    </rPh>
    <rPh sb="10" eb="12">
      <t>ミヤマエ</t>
    </rPh>
    <rPh sb="12" eb="13">
      <t>ダイラ</t>
    </rPh>
    <phoneticPr fontId="7"/>
  </si>
  <si>
    <t>神奈川県川崎市宮前区菅生2-25-25</t>
    <rPh sb="0" eb="4">
      <t>カナガワケン</t>
    </rPh>
    <rPh sb="4" eb="7">
      <t>カワサキシ</t>
    </rPh>
    <rPh sb="7" eb="10">
      <t>ミヤマエク</t>
    </rPh>
    <rPh sb="10" eb="12">
      <t>スガオ</t>
    </rPh>
    <phoneticPr fontId="7"/>
  </si>
  <si>
    <t>神奈川県川崎市多摩区生田5-1967-19ほか</t>
    <rPh sb="0" eb="4">
      <t>カナガワケン</t>
    </rPh>
    <rPh sb="4" eb="7">
      <t>カワサキシ</t>
    </rPh>
    <rPh sb="7" eb="10">
      <t>タマク</t>
    </rPh>
    <rPh sb="10" eb="12">
      <t>イクタ</t>
    </rPh>
    <phoneticPr fontId="7"/>
  </si>
  <si>
    <t>神奈川県川崎市多摩区長尾6-1150-1</t>
    <rPh sb="0" eb="4">
      <t>カナガワケン</t>
    </rPh>
    <rPh sb="4" eb="7">
      <t>カワサキシ</t>
    </rPh>
    <rPh sb="7" eb="10">
      <t>タマク</t>
    </rPh>
    <rPh sb="10" eb="12">
      <t>ナガオ</t>
    </rPh>
    <phoneticPr fontId="7"/>
  </si>
  <si>
    <t>神奈川県川崎市多摩区寺尾台2-5-2</t>
    <rPh sb="0" eb="4">
      <t>カナガワケン</t>
    </rPh>
    <rPh sb="4" eb="7">
      <t>カワサキシ</t>
    </rPh>
    <rPh sb="7" eb="10">
      <t>タマク</t>
    </rPh>
    <rPh sb="10" eb="13">
      <t>テラオダイ</t>
    </rPh>
    <phoneticPr fontId="7"/>
  </si>
  <si>
    <t>神奈川県川崎市麻生区東百合丘4-48-30</t>
    <rPh sb="0" eb="4">
      <t>カナガワケン</t>
    </rPh>
    <rPh sb="4" eb="7">
      <t>カワサキシ</t>
    </rPh>
    <rPh sb="7" eb="10">
      <t>アサオク</t>
    </rPh>
    <rPh sb="10" eb="14">
      <t>ヒガシユリガオカ</t>
    </rPh>
    <phoneticPr fontId="7"/>
  </si>
  <si>
    <t>神奈川県川崎市麻生区黒川西谷1632-5ほか</t>
    <rPh sb="0" eb="4">
      <t>カナガワケン</t>
    </rPh>
    <rPh sb="4" eb="7">
      <t>カワサキシ</t>
    </rPh>
    <rPh sb="7" eb="10">
      <t>アサオク</t>
    </rPh>
    <rPh sb="10" eb="12">
      <t>クロカワ</t>
    </rPh>
    <rPh sb="12" eb="14">
      <t>ニシタニ</t>
    </rPh>
    <phoneticPr fontId="7"/>
  </si>
  <si>
    <t>神奈川県川崎市麻生区早野梅ヶ谷975-2ほか</t>
    <rPh sb="0" eb="3">
      <t>カナガワ</t>
    </rPh>
    <rPh sb="3" eb="4">
      <t>ケン</t>
    </rPh>
    <rPh sb="4" eb="7">
      <t>カワサキシ</t>
    </rPh>
    <rPh sb="7" eb="10">
      <t>アサオク</t>
    </rPh>
    <rPh sb="10" eb="12">
      <t>ハヤノ</t>
    </rPh>
    <rPh sb="12" eb="13">
      <t>ウメ</t>
    </rPh>
    <rPh sb="14" eb="15">
      <t>ヤ</t>
    </rPh>
    <phoneticPr fontId="7"/>
  </si>
  <si>
    <t>神奈川県川崎市麻生区王禅寺東3-833-22ほか</t>
    <rPh sb="0" eb="4">
      <t>カナガワケン</t>
    </rPh>
    <rPh sb="4" eb="7">
      <t>カワサキシ</t>
    </rPh>
    <rPh sb="7" eb="10">
      <t>アサオク</t>
    </rPh>
    <rPh sb="10" eb="13">
      <t>オウゼンジ</t>
    </rPh>
    <rPh sb="13" eb="14">
      <t>ヒガシ</t>
    </rPh>
    <phoneticPr fontId="7"/>
  </si>
  <si>
    <t>神奈川県川崎市麻生区王禅寺西7-1674-166ほか</t>
    <rPh sb="0" eb="4">
      <t>カナガワケン</t>
    </rPh>
    <rPh sb="4" eb="7">
      <t>カワサキシ</t>
    </rPh>
    <rPh sb="7" eb="10">
      <t>アサオク</t>
    </rPh>
    <rPh sb="10" eb="13">
      <t>オウゼンジ</t>
    </rPh>
    <rPh sb="13" eb="14">
      <t>ニシ</t>
    </rPh>
    <phoneticPr fontId="7"/>
  </si>
  <si>
    <t>神奈川県川崎市麻生区黒川字明坪2037-1ほか</t>
    <rPh sb="0" eb="4">
      <t>カナガワケン</t>
    </rPh>
    <rPh sb="4" eb="7">
      <t>カワサキシ</t>
    </rPh>
    <rPh sb="7" eb="10">
      <t>アサオク</t>
    </rPh>
    <rPh sb="10" eb="12">
      <t>クロカワ</t>
    </rPh>
    <rPh sb="12" eb="13">
      <t>アザ</t>
    </rPh>
    <rPh sb="13" eb="14">
      <t>アキラ</t>
    </rPh>
    <rPh sb="14" eb="15">
      <t>ツボ</t>
    </rPh>
    <phoneticPr fontId="7"/>
  </si>
  <si>
    <t>神奈川県川崎市麻生区上麻生6-392-1ほか</t>
    <rPh sb="0" eb="4">
      <t>カナガワケン</t>
    </rPh>
    <rPh sb="4" eb="7">
      <t>カワサキシ</t>
    </rPh>
    <rPh sb="7" eb="10">
      <t>アサオク</t>
    </rPh>
    <rPh sb="10" eb="11">
      <t>カミ</t>
    </rPh>
    <rPh sb="11" eb="13">
      <t>アサオ</t>
    </rPh>
    <phoneticPr fontId="7"/>
  </si>
  <si>
    <t>神奈川県川崎市麻生区黒川字西谷1678-7ほか</t>
    <rPh sb="0" eb="4">
      <t>カナガワケン</t>
    </rPh>
    <rPh sb="4" eb="7">
      <t>カワサキシ</t>
    </rPh>
    <rPh sb="7" eb="10">
      <t>アサオク</t>
    </rPh>
    <rPh sb="10" eb="12">
      <t>クロカワ</t>
    </rPh>
    <rPh sb="12" eb="13">
      <t>アザ</t>
    </rPh>
    <rPh sb="13" eb="15">
      <t>ニシタニ</t>
    </rPh>
    <phoneticPr fontId="7"/>
  </si>
  <si>
    <t>神奈川県川崎市宮前区野川本町3-11-21</t>
    <rPh sb="0" eb="3">
      <t>カナガワ</t>
    </rPh>
    <rPh sb="3" eb="4">
      <t>ケン</t>
    </rPh>
    <rPh sb="4" eb="6">
      <t>カワサキ</t>
    </rPh>
    <rPh sb="6" eb="7">
      <t>シ</t>
    </rPh>
    <rPh sb="7" eb="10">
      <t>ミヤマエク</t>
    </rPh>
    <rPh sb="10" eb="12">
      <t>ノガワ</t>
    </rPh>
    <rPh sb="12" eb="14">
      <t>ホンチョウ</t>
    </rPh>
    <phoneticPr fontId="7"/>
  </si>
  <si>
    <t>神奈川県川崎市宮前区西野川2-32-23</t>
    <rPh sb="0" eb="3">
      <t>カナガワ</t>
    </rPh>
    <rPh sb="3" eb="4">
      <t>ケン</t>
    </rPh>
    <rPh sb="4" eb="6">
      <t>カワサキ</t>
    </rPh>
    <rPh sb="6" eb="7">
      <t>シ</t>
    </rPh>
    <rPh sb="7" eb="10">
      <t>ミヤマエク</t>
    </rPh>
    <rPh sb="10" eb="13">
      <t>ニシノガワ</t>
    </rPh>
    <phoneticPr fontId="7"/>
  </si>
  <si>
    <t>神奈川県川崎市宮前区宮崎６-3-1</t>
    <rPh sb="0" eb="4">
      <t>カナガワケン</t>
    </rPh>
    <rPh sb="4" eb="6">
      <t>カワサキ</t>
    </rPh>
    <rPh sb="6" eb="7">
      <t>シ</t>
    </rPh>
    <rPh sb="7" eb="10">
      <t>ミヤマエク</t>
    </rPh>
    <rPh sb="10" eb="12">
      <t>ミヤザキ</t>
    </rPh>
    <phoneticPr fontId="7"/>
  </si>
  <si>
    <t>神奈川県川崎市麻生区白鳥3-6-11</t>
    <rPh sb="7" eb="9">
      <t>アソオ</t>
    </rPh>
    <rPh sb="9" eb="10">
      <t>ク</t>
    </rPh>
    <rPh sb="10" eb="12">
      <t>シラトリ</t>
    </rPh>
    <phoneticPr fontId="7"/>
  </si>
  <si>
    <t>神奈川県川崎市中原区小杉町2-295-3</t>
    <rPh sb="7" eb="10">
      <t>ナカハラク</t>
    </rPh>
    <rPh sb="10" eb="13">
      <t>コスギマチ</t>
    </rPh>
    <phoneticPr fontId="7"/>
  </si>
  <si>
    <t>神奈川県川崎市宮前区南平台689-16</t>
    <rPh sb="7" eb="10">
      <t>ミヤマエク</t>
    </rPh>
    <rPh sb="10" eb="13">
      <t>ナンペイダイ</t>
    </rPh>
    <phoneticPr fontId="7"/>
  </si>
  <si>
    <t>神奈川県川崎市宮前区菅生2-45-47</t>
    <rPh sb="7" eb="10">
      <t>ミヤマエク</t>
    </rPh>
    <rPh sb="10" eb="12">
      <t>スガオ</t>
    </rPh>
    <phoneticPr fontId="7"/>
  </si>
  <si>
    <t>神奈川県川崎市宮前区西野川2-14-30</t>
    <rPh sb="7" eb="10">
      <t>ミヤマエク</t>
    </rPh>
    <rPh sb="10" eb="13">
      <t>ニシノガワ</t>
    </rPh>
    <phoneticPr fontId="7"/>
  </si>
  <si>
    <t>神奈川県川崎市麻生区上麻生5-1087-414</t>
    <rPh sb="7" eb="9">
      <t>アソオ</t>
    </rPh>
    <rPh sb="9" eb="10">
      <t>ク</t>
    </rPh>
    <rPh sb="10" eb="11">
      <t>カミ</t>
    </rPh>
    <rPh sb="11" eb="13">
      <t>アソオ</t>
    </rPh>
    <phoneticPr fontId="7"/>
  </si>
  <si>
    <t>神奈川県川崎市麻生区黒川字宮添262-1ほか</t>
    <rPh sb="7" eb="9">
      <t>アソオ</t>
    </rPh>
    <rPh sb="9" eb="10">
      <t>ク</t>
    </rPh>
    <rPh sb="10" eb="12">
      <t>クロカワ</t>
    </rPh>
    <rPh sb="12" eb="13">
      <t>アザ</t>
    </rPh>
    <rPh sb="13" eb="15">
      <t>ミヤゾエ</t>
    </rPh>
    <phoneticPr fontId="7"/>
  </si>
  <si>
    <t>神奈川県海老名市杉久保南４丁目2587-13</t>
    <rPh sb="0" eb="4">
      <t>カナガワケン</t>
    </rPh>
    <phoneticPr fontId="7"/>
  </si>
  <si>
    <t>ネット遊具、その他遊具</t>
    <rPh sb="3" eb="5">
      <t>ユウグ</t>
    </rPh>
    <phoneticPr fontId="7"/>
  </si>
  <si>
    <t>ネット遊具、雲悌、その他遊具</t>
    <phoneticPr fontId="7"/>
  </si>
  <si>
    <t>ネット遊具、その他遊具</t>
    <phoneticPr fontId="7"/>
  </si>
  <si>
    <t>ネット遊具、雲悌</t>
    <phoneticPr fontId="7"/>
  </si>
  <si>
    <t>ちびっこ動物園は9：30～16：30</t>
    <rPh sb="4" eb="7">
      <t>ドウブツエン</t>
    </rPh>
    <phoneticPr fontId="7"/>
  </si>
  <si>
    <t>9:30～16:30（入園は16:00まで）</t>
    <phoneticPr fontId="7"/>
  </si>
  <si>
    <t>名称</t>
    <rPh sb="0" eb="2">
      <t>メイショウ</t>
    </rPh>
    <phoneticPr fontId="7"/>
  </si>
  <si>
    <t>神奈川県横浜市泉区新橋町1296-5</t>
  </si>
  <si>
    <t>利用にあたっては、関連リンクをご確認ください。</t>
    <phoneticPr fontId="7"/>
  </si>
  <si>
    <t>やさきのみち</t>
  </si>
  <si>
    <t>012705</t>
  </si>
  <si>
    <t>012706</t>
  </si>
  <si>
    <t>012707</t>
  </si>
  <si>
    <t>012708</t>
  </si>
  <si>
    <t>012709</t>
  </si>
  <si>
    <t>012710</t>
  </si>
  <si>
    <t>012711</t>
  </si>
  <si>
    <t>012712</t>
  </si>
  <si>
    <t>012713</t>
  </si>
  <si>
    <t>012714</t>
  </si>
  <si>
    <t>012715</t>
  </si>
  <si>
    <t>012716</t>
  </si>
  <si>
    <t>012717</t>
  </si>
  <si>
    <t>012718</t>
  </si>
  <si>
    <t>012719</t>
  </si>
  <si>
    <t>山崎・台峯緑地</t>
    <rPh sb="0" eb="2">
      <t>ヤマサキ</t>
    </rPh>
    <rPh sb="3" eb="4">
      <t>ダイ</t>
    </rPh>
    <rPh sb="4" eb="5">
      <t>ミネ</t>
    </rPh>
    <rPh sb="5" eb="7">
      <t>リョクチ</t>
    </rPh>
    <phoneticPr fontId="7"/>
  </si>
  <si>
    <t>神奈川県鎌倉市梶原三丁目2813番2外（地番）</t>
    <rPh sb="0" eb="4">
      <t>カナガワケン</t>
    </rPh>
    <rPh sb="4" eb="7">
      <t>カマクラシ</t>
    </rPh>
    <rPh sb="7" eb="9">
      <t>カジワラ</t>
    </rPh>
    <rPh sb="9" eb="12">
      <t>サンチョウメ</t>
    </rPh>
    <rPh sb="16" eb="17">
      <t>バン</t>
    </rPh>
    <rPh sb="18" eb="19">
      <t>ホカ</t>
    </rPh>
    <rPh sb="20" eb="22">
      <t>チバン</t>
    </rPh>
    <phoneticPr fontId="7"/>
  </si>
  <si>
    <t>065486</t>
  </si>
  <si>
    <t>渡り鳥の貴重な飛来地として高名な約1.5ｈaの池を有し、珍しい野鳥・昆虫類・水生植物等が自然のまま生育しており過去2度に亘り、天皇ご一家の来園を受けている。また、休日には市内外から自然を楽しむ来園者が絶えない。</t>
    <phoneticPr fontId="7"/>
  </si>
  <si>
    <t>神奈川県大和市渋谷五丁目11</t>
    <phoneticPr fontId="7"/>
  </si>
  <si>
    <t>ラダーあり</t>
    <phoneticPr fontId="7"/>
  </si>
  <si>
    <t>渋谷５号公園</t>
    <phoneticPr fontId="7"/>
  </si>
  <si>
    <t>神奈川県大和市渋谷七丁目18</t>
    <phoneticPr fontId="7"/>
  </si>
  <si>
    <t>伊勢原市</t>
  </si>
  <si>
    <t>御嶽東公園</t>
  </si>
  <si>
    <t>城ノ腰公園</t>
  </si>
  <si>
    <t>中尾谷公園</t>
  </si>
  <si>
    <t>神奈川県伊勢原市桜台2-16-3</t>
  </si>
  <si>
    <t>棗公園</t>
  </si>
  <si>
    <t>神奈川県伊勢原市高森1339-32</t>
  </si>
  <si>
    <t>下糟屋公園</t>
  </si>
  <si>
    <t>神奈川県伊勢原市下糟屋1718-1</t>
  </si>
  <si>
    <t>中新田第一公園</t>
    <phoneticPr fontId="7"/>
  </si>
  <si>
    <t>神奈川県海老名市東柏ケ谷6-1444-13</t>
    <phoneticPr fontId="7"/>
  </si>
  <si>
    <t>中新田第二公園</t>
    <rPh sb="0" eb="3">
      <t>ナカシンデン</t>
    </rPh>
    <rPh sb="3" eb="5">
      <t>ダイニ</t>
    </rPh>
    <rPh sb="5" eb="7">
      <t>コウエン</t>
    </rPh>
    <phoneticPr fontId="7"/>
  </si>
  <si>
    <t>神奈川県海老名市中新田五丁目5006番</t>
    <rPh sb="0" eb="4">
      <t>カナガワケン</t>
    </rPh>
    <rPh sb="4" eb="8">
      <t>エビナシ</t>
    </rPh>
    <rPh sb="8" eb="11">
      <t>ナカシンデン</t>
    </rPh>
    <rPh sb="11" eb="14">
      <t>ゴチョウメ</t>
    </rPh>
    <rPh sb="18" eb="19">
      <t>バン</t>
    </rPh>
    <phoneticPr fontId="7"/>
  </si>
  <si>
    <t>中新田赤松原第一公園</t>
    <rPh sb="0" eb="3">
      <t>ナカシンデン</t>
    </rPh>
    <rPh sb="3" eb="4">
      <t>アカ</t>
    </rPh>
    <rPh sb="4" eb="6">
      <t>マツバラ</t>
    </rPh>
    <rPh sb="6" eb="8">
      <t>ダイイチ</t>
    </rPh>
    <rPh sb="8" eb="10">
      <t>コウエン</t>
    </rPh>
    <phoneticPr fontId="7"/>
  </si>
  <si>
    <t>神奈川県海老名市中新田五丁目5002番17</t>
    <rPh sb="0" eb="4">
      <t>カナガワケン</t>
    </rPh>
    <rPh sb="4" eb="8">
      <t>エビナシ</t>
    </rPh>
    <rPh sb="8" eb="11">
      <t>ナカシンデン</t>
    </rPh>
    <rPh sb="11" eb="14">
      <t>ゴチョウメ</t>
    </rPh>
    <rPh sb="18" eb="19">
      <t>バン</t>
    </rPh>
    <phoneticPr fontId="7"/>
  </si>
  <si>
    <t>167429</t>
  </si>
  <si>
    <t>167430</t>
  </si>
  <si>
    <t>神奈川県座間市入谷東3-2761-2</t>
    <rPh sb="9" eb="10">
      <t>ヒガシ</t>
    </rPh>
    <phoneticPr fontId="7"/>
  </si>
  <si>
    <t>神奈川県座間市入谷西5-164-56</t>
    <rPh sb="9" eb="10">
      <t>ニシ</t>
    </rPh>
    <phoneticPr fontId="7"/>
  </si>
  <si>
    <t>神奈川県座間市緑ケ丘6-6089-19</t>
    <phoneticPr fontId="7"/>
  </si>
  <si>
    <t>神奈川県座間市入谷東4-2236-35</t>
    <rPh sb="9" eb="10">
      <t>ヒガシ</t>
    </rPh>
    <phoneticPr fontId="7"/>
  </si>
  <si>
    <t>神奈川県座間市入谷西3-6474-2</t>
    <rPh sb="9" eb="10">
      <t>ニシ</t>
    </rPh>
    <phoneticPr fontId="7"/>
  </si>
  <si>
    <t>神奈川県座間市入谷西1-5737-1</t>
    <rPh sb="9" eb="10">
      <t>ニシ</t>
    </rPh>
    <phoneticPr fontId="7"/>
  </si>
  <si>
    <t>神奈川県座間市入谷東3-2801-20</t>
    <rPh sb="9" eb="10">
      <t>ヒガシ</t>
    </rPh>
    <phoneticPr fontId="7"/>
  </si>
  <si>
    <t>神奈川県座間市入谷西3-6378</t>
    <rPh sb="9" eb="10">
      <t>ニシ</t>
    </rPh>
    <phoneticPr fontId="7"/>
  </si>
  <si>
    <t>神奈川県座間市緑ケ丘5-3959-11</t>
    <phoneticPr fontId="7"/>
  </si>
  <si>
    <t>神奈川県座間市緑ケ丘2-2114-41</t>
    <phoneticPr fontId="7"/>
  </si>
  <si>
    <t>神奈川県座間市入谷西5-118-2</t>
    <rPh sb="9" eb="10">
      <t>ニシ</t>
    </rPh>
    <phoneticPr fontId="7"/>
  </si>
  <si>
    <t>神奈川県座間市緑ケ丘1-27-1</t>
    <phoneticPr fontId="7"/>
  </si>
  <si>
    <t>神奈川県座間市入谷東2-2944-9</t>
    <rPh sb="9" eb="10">
      <t>ヒガシ</t>
    </rPh>
    <phoneticPr fontId="7"/>
  </si>
  <si>
    <t>神奈川県座間市緑ケ丘4-1458</t>
    <phoneticPr fontId="7"/>
  </si>
  <si>
    <t>177395</t>
    <phoneticPr fontId="7"/>
  </si>
  <si>
    <t>177396</t>
    <phoneticPr fontId="7"/>
  </si>
  <si>
    <t>神奈川県座間市小松原1-5174-4</t>
    <phoneticPr fontId="7"/>
  </si>
  <si>
    <t>葉山町</t>
    <phoneticPr fontId="7"/>
  </si>
  <si>
    <t>http://www.town.hayama.lg.jp/asobi/kouen5776/html</t>
    <phoneticPr fontId="7"/>
  </si>
  <si>
    <t>227716</t>
    <phoneticPr fontId="7"/>
  </si>
  <si>
    <t>松根台公園</t>
    <rPh sb="0" eb="2">
      <t>マツネ</t>
    </rPh>
    <rPh sb="2" eb="3">
      <t>ダイ</t>
    </rPh>
    <rPh sb="3" eb="5">
      <t>コウエン</t>
    </rPh>
    <phoneticPr fontId="7"/>
  </si>
  <si>
    <t>百合が丘清水公園</t>
    <phoneticPr fontId="7"/>
  </si>
  <si>
    <t>237788</t>
    <phoneticPr fontId="7"/>
  </si>
  <si>
    <t>267834</t>
    <phoneticPr fontId="7"/>
  </si>
  <si>
    <t>開成町</t>
    <phoneticPr fontId="7"/>
  </si>
  <si>
    <t>金井島ポケットパーク</t>
    <phoneticPr fontId="7"/>
  </si>
  <si>
    <t>開成町</t>
    <phoneticPr fontId="7"/>
  </si>
  <si>
    <t>神奈川県足柄上郡開成町牛島555-5</t>
    <phoneticPr fontId="7"/>
  </si>
  <si>
    <t>神奈川県足柄上郡開成町宮台1203-5</t>
    <phoneticPr fontId="7"/>
  </si>
  <si>
    <t>8:30~17:00</t>
    <phoneticPr fontId="7"/>
  </si>
  <si>
    <t>アスレチック遊具</t>
    <phoneticPr fontId="7"/>
  </si>
  <si>
    <t>ネットクライミング遊具、ボール遊びのできる公園</t>
    <phoneticPr fontId="7"/>
  </si>
  <si>
    <t>ステップ遊具</t>
    <phoneticPr fontId="7"/>
  </si>
  <si>
    <t>197552</t>
    <phoneticPr fontId="7"/>
  </si>
  <si>
    <t>柳川広場</t>
    <phoneticPr fontId="7"/>
  </si>
  <si>
    <t>197553</t>
    <phoneticPr fontId="7"/>
  </si>
  <si>
    <t>平塚市</t>
  </si>
  <si>
    <t>神奈川県平塚市大神2409-1</t>
    <rPh sb="0" eb="4">
      <t>カナガワケン</t>
    </rPh>
    <rPh sb="4" eb="7">
      <t>ヒラツカシ</t>
    </rPh>
    <rPh sb="7" eb="9">
      <t>オオカミ</t>
    </rPh>
    <phoneticPr fontId="7"/>
  </si>
  <si>
    <t>055194</t>
    <phoneticPr fontId="7"/>
  </si>
  <si>
    <t>高麗山公園</t>
    <phoneticPr fontId="7"/>
  </si>
  <si>
    <t>月曜日（月曜が祝日の場合、次の平日が休園日）、12月29日から1月3日</t>
    <phoneticPr fontId="7"/>
  </si>
  <si>
    <t>https://www.city.chigasaki.kanagawa.jp/kouen/1006491/tsubaki/1006509.html</t>
    <phoneticPr fontId="7"/>
  </si>
  <si>
    <t>浜須賀水泳プールの開場時間は、午前9時から午後5時</t>
    <phoneticPr fontId="7"/>
  </si>
  <si>
    <t>https://www.city.chigasaki.kanagawa.jp/shisetsu_info/1002567/1002695.html</t>
    <phoneticPr fontId="7"/>
  </si>
  <si>
    <t>https://www.city.chigasaki.kanagawa.jp/kouen/1006491/1006500.html</t>
    <phoneticPr fontId="7"/>
  </si>
  <si>
    <t>096131</t>
    <phoneticPr fontId="7"/>
  </si>
  <si>
    <t>https://www.city.chigasaki.kanagawa.jp/kouen/1006491/1006501.html</t>
    <phoneticPr fontId="7"/>
  </si>
  <si>
    <t>香川あおかぜ公園</t>
    <phoneticPr fontId="7"/>
  </si>
  <si>
    <t>神奈川県茅ヶ崎市元町6140-11</t>
    <phoneticPr fontId="7"/>
  </si>
  <si>
    <t>柳島スポーツ公園</t>
    <phoneticPr fontId="7"/>
  </si>
  <si>
    <t>https://www.ys-park.jp/</t>
    <phoneticPr fontId="7"/>
  </si>
  <si>
    <t>高田さんさん公園</t>
    <phoneticPr fontId="7"/>
  </si>
  <si>
    <t>神奈川県茅ヶ崎市高田5丁目３０４-８</t>
    <phoneticPr fontId="7"/>
  </si>
  <si>
    <t>赤松どんぐり公園</t>
    <phoneticPr fontId="7"/>
  </si>
  <si>
    <t>096139</t>
    <phoneticPr fontId="7"/>
  </si>
  <si>
    <t>浜竹公園</t>
    <rPh sb="0" eb="2">
      <t>ハマタケ</t>
    </rPh>
    <rPh sb="2" eb="4">
      <t>コウエン</t>
    </rPh>
    <phoneticPr fontId="7"/>
  </si>
  <si>
    <t>神奈川県茅ヶ崎市浜竹4丁目4257外</t>
    <rPh sb="0" eb="4">
      <t>カナガワケン</t>
    </rPh>
    <rPh sb="4" eb="8">
      <t>チガサキシ</t>
    </rPh>
    <rPh sb="8" eb="10">
      <t>ハマタケ</t>
    </rPh>
    <rPh sb="11" eb="13">
      <t>チョウメ</t>
    </rPh>
    <rPh sb="17" eb="18">
      <t>ガイ</t>
    </rPh>
    <phoneticPr fontId="7"/>
  </si>
  <si>
    <t>096141</t>
  </si>
  <si>
    <t>プール：平塚市民のみご利用いただけます。</t>
    <phoneticPr fontId="7"/>
  </si>
  <si>
    <t>http://www.city.hiratsuka.kanagawa.jp/koen/sogo.html</t>
    <phoneticPr fontId="7"/>
  </si>
  <si>
    <t>055196</t>
    <phoneticPr fontId="7"/>
  </si>
  <si>
    <t>神奈川県川崎市高津区久本3-4</t>
    <phoneticPr fontId="7"/>
  </si>
  <si>
    <t>神奈川県川崎市高津区末長1-23-9</t>
    <phoneticPr fontId="7"/>
  </si>
  <si>
    <t>神奈川県川崎市宮前区宮崎4-1-101</t>
    <phoneticPr fontId="7"/>
  </si>
  <si>
    <t>神奈川県川崎市宮前区土橋6-14-25</t>
    <phoneticPr fontId="7"/>
  </si>
  <si>
    <t>神奈川県川崎市宮前区鷺沼3-12-34</t>
    <phoneticPr fontId="7"/>
  </si>
  <si>
    <t>神奈川県川崎市麻生区栗木2-8</t>
    <phoneticPr fontId="7"/>
  </si>
  <si>
    <t>神奈川県川崎市多摩区菅仙谷3-1</t>
    <phoneticPr fontId="7"/>
  </si>
  <si>
    <t>神奈川県川崎市川崎区浅野町8-1</t>
    <phoneticPr fontId="7"/>
  </si>
  <si>
    <t>神奈川県川崎市麻生区下麻生2-15-1</t>
    <phoneticPr fontId="7"/>
  </si>
  <si>
    <t>神奈川県川崎市麻生区万福寺2-22-1</t>
    <phoneticPr fontId="7"/>
  </si>
  <si>
    <t>神奈川県川崎市宮前区犬蔵2-35-30</t>
    <phoneticPr fontId="7"/>
  </si>
  <si>
    <t>神奈川県川崎市宮前区有馬8-26-1</t>
    <phoneticPr fontId="7"/>
  </si>
  <si>
    <t>神奈川県川崎市麻生区片平5-27-1</t>
    <phoneticPr fontId="7"/>
  </si>
  <si>
    <t>神奈川県川崎市麻生区万福寺3-3</t>
    <phoneticPr fontId="7"/>
  </si>
  <si>
    <t>神奈川県川崎市麻生区上麻生4-2-1</t>
    <phoneticPr fontId="7"/>
  </si>
  <si>
    <t>神奈川県川崎市麻生区百合丘1-11-2</t>
    <phoneticPr fontId="7"/>
  </si>
  <si>
    <t>神奈川県川崎市宮前区鷺沼2-10-1</t>
    <phoneticPr fontId="7"/>
  </si>
  <si>
    <t>神奈川県川崎市麻生区上麻生3-5-1</t>
    <phoneticPr fontId="7"/>
  </si>
  <si>
    <t>神奈川県川崎市麻生区白山2-4-1ほか</t>
    <phoneticPr fontId="7"/>
  </si>
  <si>
    <t>神奈川県川崎市麻生区虹ヶ丘1-21-1</t>
    <phoneticPr fontId="7"/>
  </si>
  <si>
    <t>神奈川県川崎市川崎区池上町1-3</t>
    <phoneticPr fontId="7"/>
  </si>
  <si>
    <t>神奈川県川崎市宮前区宮崎6-2-3</t>
    <phoneticPr fontId="7"/>
  </si>
  <si>
    <t>神奈川県川崎市川崎区小田4-20-38</t>
    <phoneticPr fontId="7"/>
  </si>
  <si>
    <t>神奈川県川崎市川崎区桜本1-14-3</t>
    <phoneticPr fontId="7"/>
  </si>
  <si>
    <t>神奈川県川崎市麻生区万福寺5-19-1</t>
    <phoneticPr fontId="7"/>
  </si>
  <si>
    <t>神奈川県川崎市麻生区白山4-6</t>
    <phoneticPr fontId="7"/>
  </si>
  <si>
    <t>神奈川県川崎市麻生区王禅寺528-1</t>
    <phoneticPr fontId="7"/>
  </si>
  <si>
    <t>戸手４丁目ひだまり公園</t>
    <phoneticPr fontId="7"/>
  </si>
  <si>
    <t>上小田中つつじ公園</t>
    <phoneticPr fontId="7"/>
  </si>
  <si>
    <t>神奈川県川崎市宮前区野川２８１５－１ほか</t>
    <phoneticPr fontId="7"/>
  </si>
  <si>
    <t>美山台日向公園</t>
    <phoneticPr fontId="7"/>
  </si>
  <si>
    <t>二子６丁目はなみずき公園</t>
    <phoneticPr fontId="7"/>
  </si>
  <si>
    <t>生田７丁目こども公園</t>
    <phoneticPr fontId="13" alignment="distributed"/>
  </si>
  <si>
    <t>神明町公園</t>
    <phoneticPr fontId="13" alignment="distributed"/>
  </si>
  <si>
    <t>鷺沼４丁目はな公園</t>
    <phoneticPr fontId="13" alignment="distributed"/>
  </si>
  <si>
    <t>桜川緑地</t>
    <phoneticPr fontId="13" alignment="distributed"/>
  </si>
  <si>
    <t>古市場緑地</t>
    <phoneticPr fontId="13" alignment="distributed"/>
  </si>
  <si>
    <t>丸子橋公園</t>
    <phoneticPr fontId="13" alignment="distributed"/>
  </si>
  <si>
    <t>千年くすのき公園</t>
    <phoneticPr fontId="13" alignment="distributed"/>
  </si>
  <si>
    <t>長尾１丁目公園</t>
    <phoneticPr fontId="13" alignment="distributed"/>
  </si>
  <si>
    <t>024001</t>
  </si>
  <si>
    <t>024002</t>
  </si>
  <si>
    <t>024003</t>
  </si>
  <si>
    <t>024004</t>
  </si>
  <si>
    <t>024005</t>
  </si>
  <si>
    <t>024006</t>
  </si>
  <si>
    <t>024007</t>
  </si>
  <si>
    <t>024008</t>
  </si>
  <si>
    <t>024009</t>
  </si>
  <si>
    <t>024010</t>
  </si>
  <si>
    <t>クジラ</t>
    <phoneticPr fontId="7"/>
  </si>
  <si>
    <t>迷路</t>
    <phoneticPr fontId="7"/>
  </si>
  <si>
    <t>岩のぼり</t>
    <phoneticPr fontId="7"/>
  </si>
  <si>
    <t>木製遊具</t>
    <phoneticPr fontId="7"/>
  </si>
  <si>
    <t>ハイランド朝陽丘公園</t>
    <phoneticPr fontId="7"/>
  </si>
  <si>
    <t>石の山</t>
    <phoneticPr fontId="7"/>
  </si>
  <si>
    <t>タイヤコンビネーション、ブラブラ横移動アスレチック遊具</t>
    <phoneticPr fontId="7"/>
  </si>
  <si>
    <t>駐車場：30分以降有料</t>
    <phoneticPr fontId="7"/>
  </si>
  <si>
    <t>106220</t>
    <phoneticPr fontId="7"/>
  </si>
  <si>
    <t>動物のオブジェ（かめ、パンダ）</t>
    <phoneticPr fontId="7"/>
  </si>
  <si>
    <t>プレイウォール</t>
    <phoneticPr fontId="7"/>
  </si>
  <si>
    <t>青葉公園</t>
    <phoneticPr fontId="7"/>
  </si>
  <si>
    <t>神奈川県相模原市中央区青葉3-35</t>
    <rPh sb="0" eb="4">
      <t>カナガワケン</t>
    </rPh>
    <phoneticPr fontId="7"/>
  </si>
  <si>
    <t>神奈川県相模原市南区双葉1-13</t>
    <rPh sb="0" eb="4">
      <t>カナガワケン</t>
    </rPh>
    <phoneticPr fontId="7"/>
  </si>
  <si>
    <t>神奈川県相模原市南区当麻字上河原3661</t>
    <rPh sb="0" eb="4">
      <t>カナガワケン</t>
    </rPh>
    <phoneticPr fontId="7"/>
  </si>
  <si>
    <t>神奈川県相模原市南区当麻字上河原3672</t>
    <phoneticPr fontId="7"/>
  </si>
  <si>
    <t>神奈川県相模原市南区当麻字谷下3541</t>
    <phoneticPr fontId="7"/>
  </si>
  <si>
    <t>西橋本おうち公園</t>
    <phoneticPr fontId="7"/>
  </si>
  <si>
    <t>神奈川県相模原市緑区西橋本1丁目1167-3</t>
    <rPh sb="4" eb="8">
      <t>サガミハラシ</t>
    </rPh>
    <phoneticPr fontId="7"/>
  </si>
  <si>
    <t>神奈川県相模原市中央区相模原3丁目270-1</t>
    <rPh sb="15" eb="16">
      <t>チョウ</t>
    </rPh>
    <phoneticPr fontId="7"/>
  </si>
  <si>
    <t>相模原スポーツ・レクリエーションパーク</t>
    <phoneticPr fontId="7"/>
  </si>
  <si>
    <t>神奈川県相模原市中央区小山2679</t>
    <rPh sb="0" eb="4">
      <t>カナガワケン</t>
    </rPh>
    <phoneticPr fontId="7"/>
  </si>
  <si>
    <t>令和6年度全面供用開始予定（最終10ha）</t>
    <rPh sb="0" eb="1">
      <t>レイ</t>
    </rPh>
    <rPh sb="1" eb="2">
      <t>ワ</t>
    </rPh>
    <rPh sb="3" eb="5">
      <t>ネンド</t>
    </rPh>
    <rPh sb="5" eb="7">
      <t>ゼンメン</t>
    </rPh>
    <rPh sb="7" eb="9">
      <t>キョウヨウ</t>
    </rPh>
    <rPh sb="9" eb="11">
      <t>カイシ</t>
    </rPh>
    <rPh sb="11" eb="13">
      <t>ヨテイ</t>
    </rPh>
    <rPh sb="14" eb="16">
      <t>サイシュウ</t>
    </rPh>
    <phoneticPr fontId="7"/>
  </si>
  <si>
    <t>当麻下宿公園</t>
    <phoneticPr fontId="7"/>
  </si>
  <si>
    <t>矢部４丁目よつば公園</t>
    <phoneticPr fontId="7"/>
  </si>
  <si>
    <t>神奈川県相模原市中央区矢部4丁目5</t>
    <phoneticPr fontId="7"/>
  </si>
  <si>
    <t>034602</t>
  </si>
  <si>
    <t>034603</t>
  </si>
  <si>
    <t>034604</t>
  </si>
  <si>
    <t>034605</t>
  </si>
  <si>
    <t>神奈川県中郡大磯町大磯2222-6</t>
    <rPh sb="4" eb="6">
      <t>ナカグン</t>
    </rPh>
    <phoneticPr fontId="7"/>
  </si>
  <si>
    <t>神奈川県中郡大磯町東町2-114-2</t>
    <rPh sb="9" eb="10">
      <t>ヒガシ</t>
    </rPh>
    <rPh sb="10" eb="11">
      <t>マチ</t>
    </rPh>
    <phoneticPr fontId="7"/>
  </si>
  <si>
    <t>神奈川県中郡大磯町高麗1-46-23</t>
    <rPh sb="5" eb="6">
      <t>グン</t>
    </rPh>
    <phoneticPr fontId="7"/>
  </si>
  <si>
    <t>神奈川県中郡大磯町高麗1-46-94</t>
    <rPh sb="5" eb="6">
      <t>グン</t>
    </rPh>
    <phoneticPr fontId="7"/>
  </si>
  <si>
    <t>神奈川県中郡大磯町生沢475-1</t>
    <rPh sb="4" eb="6">
      <t>ナカグン</t>
    </rPh>
    <phoneticPr fontId="7"/>
  </si>
  <si>
    <t>折戸公園</t>
    <rPh sb="0" eb="2">
      <t>オリド</t>
    </rPh>
    <rPh sb="2" eb="4">
      <t>コウエン</t>
    </rPh>
    <phoneticPr fontId="7"/>
  </si>
  <si>
    <t>神奈川県藤沢市城南一丁目2758番7他</t>
    <rPh sb="0" eb="4">
      <t>カナガワケン</t>
    </rPh>
    <rPh sb="4" eb="7">
      <t>フジサワシ</t>
    </rPh>
    <rPh sb="7" eb="9">
      <t>ジョウナン</t>
    </rPh>
    <rPh sb="9" eb="12">
      <t>イッチョウメ</t>
    </rPh>
    <rPh sb="16" eb="17">
      <t>バン</t>
    </rPh>
    <rPh sb="18" eb="19">
      <t>ホカ</t>
    </rPh>
    <phoneticPr fontId="7"/>
  </si>
  <si>
    <t>075791</t>
  </si>
  <si>
    <t>里見台わかば公園</t>
    <phoneticPr fontId="7"/>
  </si>
  <si>
    <t>旭町クスノキ公園</t>
    <phoneticPr fontId="7"/>
  </si>
  <si>
    <t>神奈川県川崎市麻生区上麻生2-29-6</t>
    <phoneticPr fontId="7"/>
  </si>
  <si>
    <t>神奈川県川崎市川崎区藤崎3-3-8</t>
    <phoneticPr fontId="7"/>
  </si>
  <si>
    <t>神奈川県川崎市麻生区岡上1532-6</t>
    <phoneticPr fontId="7"/>
  </si>
  <si>
    <t>神奈川県川崎市宮前区野川3976-6</t>
    <phoneticPr fontId="7"/>
  </si>
  <si>
    <t>神奈川県川崎市中原区上平間1700-343</t>
    <phoneticPr fontId="7"/>
  </si>
  <si>
    <t>神奈川県川崎市川崎区池田1-5-1</t>
    <phoneticPr fontId="7"/>
  </si>
  <si>
    <t>神奈川県川崎市宮前区馬絹4-28-32</t>
    <phoneticPr fontId="7"/>
  </si>
  <si>
    <t>神奈川県川崎市多摩区長沢1-9-13</t>
    <phoneticPr fontId="7"/>
  </si>
  <si>
    <t>神奈川県川崎市多摩区西生田5-17-6</t>
    <phoneticPr fontId="7"/>
  </si>
  <si>
    <t>神奈川県川崎市麻生区東百合丘4-9-4</t>
    <phoneticPr fontId="7"/>
  </si>
  <si>
    <t>神奈川県川崎市麻生区東百合丘2-40-2</t>
    <phoneticPr fontId="7"/>
  </si>
  <si>
    <t>神奈川県川崎市宮前区野川2845</t>
    <phoneticPr fontId="7"/>
  </si>
  <si>
    <t>神奈川県川崎市麻生区下麻生2-35-7</t>
    <phoneticPr fontId="7"/>
  </si>
  <si>
    <t>神奈川県川崎市麻生区東百合丘2-9-16</t>
    <phoneticPr fontId="7"/>
  </si>
  <si>
    <t>神奈川県川崎市多摩区長沢4-1015-7</t>
    <phoneticPr fontId="7"/>
  </si>
  <si>
    <t>神奈川県川崎市多摩区東三田3-4-18</t>
    <phoneticPr fontId="7"/>
  </si>
  <si>
    <t>神奈川県川崎市宮前区東有馬2-20-27</t>
    <phoneticPr fontId="7"/>
  </si>
  <si>
    <t>神奈川県川崎市麻生区細山3-12-4</t>
    <phoneticPr fontId="7"/>
  </si>
  <si>
    <t>神奈川県川崎市幸区小倉2-11-21</t>
    <phoneticPr fontId="7"/>
  </si>
  <si>
    <t>神奈川県川崎市宮前区宮崎73-16</t>
    <phoneticPr fontId="7"/>
  </si>
  <si>
    <t>神奈川県川崎市中原区宮内2-2-4</t>
    <phoneticPr fontId="7"/>
  </si>
  <si>
    <t>神奈川県川崎市麻生区上麻生1-14-4</t>
    <phoneticPr fontId="7"/>
  </si>
  <si>
    <t>神奈川県川崎市宮前区菅生6-3-8</t>
    <phoneticPr fontId="7"/>
  </si>
  <si>
    <t>神奈川県川崎市麻生区細山2-12-2</t>
    <phoneticPr fontId="7"/>
  </si>
  <si>
    <t>神奈川県川崎市麻生区栗木台5-16</t>
    <phoneticPr fontId="7"/>
  </si>
  <si>
    <t>神奈川県川崎市宮前区宮崎85-3</t>
    <phoneticPr fontId="7"/>
  </si>
  <si>
    <t>神奈川県川崎市多摩区寺尾台1-18-41</t>
    <phoneticPr fontId="7"/>
  </si>
  <si>
    <t>神奈川県川崎市麻生区王禅寺東4-32-34</t>
    <phoneticPr fontId="7"/>
  </si>
  <si>
    <t>神奈川県川崎市宮前区宮崎6-3-25</t>
    <phoneticPr fontId="7"/>
  </si>
  <si>
    <t>神奈川県川崎市麻生区栗平2-16</t>
    <phoneticPr fontId="7"/>
  </si>
  <si>
    <t>神奈川県川崎市宮前区鷺沼2-8-20</t>
    <phoneticPr fontId="7"/>
  </si>
  <si>
    <t>神奈川県川崎市麻生区上麻生3-16</t>
    <phoneticPr fontId="7"/>
  </si>
  <si>
    <t>神奈川県川崎市麻生区王禅寺東5-44-17</t>
    <phoneticPr fontId="7"/>
  </si>
  <si>
    <t>神奈川県川崎市宮前区東有馬3-8-14</t>
    <phoneticPr fontId="7"/>
  </si>
  <si>
    <t>神奈川県川崎市宮前区宮崎3-17-24</t>
    <phoneticPr fontId="7"/>
  </si>
  <si>
    <t>神奈川県川崎市中原区今井南町28-32</t>
    <phoneticPr fontId="7"/>
  </si>
  <si>
    <t>神奈川県川崎市麻生区高石2-35-5</t>
    <phoneticPr fontId="7"/>
  </si>
  <si>
    <t>神奈川県川崎市高津区二子6-14</t>
    <phoneticPr fontId="7"/>
  </si>
  <si>
    <t>神奈川県川崎市麻生区細山2-9-4</t>
    <phoneticPr fontId="7"/>
  </si>
  <si>
    <t>神奈川県川崎市多摩区寺尾台2-4-5</t>
    <phoneticPr fontId="7"/>
  </si>
  <si>
    <t>神奈川県川崎市宮前区菅生3-28</t>
    <phoneticPr fontId="7"/>
  </si>
  <si>
    <t>神奈川県川崎市高津区新作4-2-25</t>
    <phoneticPr fontId="7"/>
  </si>
  <si>
    <t>神奈川県川崎市麻生区細山8-17-1</t>
    <phoneticPr fontId="7"/>
  </si>
  <si>
    <t>神奈川県川崎市川崎区渡田新町3-6-15</t>
    <phoneticPr fontId="7"/>
  </si>
  <si>
    <t>神奈川県川崎市麻生区向原2-10</t>
    <phoneticPr fontId="7"/>
  </si>
  <si>
    <t>神奈川県川崎市中原区上小田中2-10</t>
    <phoneticPr fontId="7"/>
  </si>
  <si>
    <t>神奈川県川崎市宮前区土橋1-7-4</t>
    <phoneticPr fontId="7"/>
  </si>
  <si>
    <t>神奈川県川崎市高津区千年新町24-3</t>
    <phoneticPr fontId="7"/>
  </si>
  <si>
    <t>神奈川県川崎市多摩区西生田4-3-13</t>
    <phoneticPr fontId="7"/>
  </si>
  <si>
    <t>神奈川県川崎市幸区小倉4-5-11</t>
    <phoneticPr fontId="7"/>
  </si>
  <si>
    <t>神奈川県川崎市宮前区宮崎3-11-62</t>
    <phoneticPr fontId="7"/>
  </si>
  <si>
    <t>神奈川県川崎市宮前区東有馬1-2</t>
    <phoneticPr fontId="7"/>
  </si>
  <si>
    <t>神奈川県川崎市麻生区王禅寺西7-3-8</t>
    <phoneticPr fontId="7"/>
  </si>
  <si>
    <t>神奈川県川崎市麻生区細山5-24</t>
    <phoneticPr fontId="7"/>
  </si>
  <si>
    <t>神奈川県川崎市川崎区塩浜1-15</t>
    <phoneticPr fontId="7"/>
  </si>
  <si>
    <t>神奈川県川崎市麻生区多摩美1-24-1</t>
    <phoneticPr fontId="7"/>
  </si>
  <si>
    <t>神奈川県川崎市中原区小杉町2-235-8</t>
    <phoneticPr fontId="7"/>
  </si>
  <si>
    <t>神奈川県川崎市川崎区浜町2-13</t>
    <phoneticPr fontId="7"/>
  </si>
  <si>
    <t>神奈川県川崎市幸区塚越4-363-20</t>
    <phoneticPr fontId="7"/>
  </si>
  <si>
    <t>神奈川県川崎市高津区子母口54-148</t>
    <phoneticPr fontId="7"/>
  </si>
  <si>
    <t>神奈川県川崎市高津区末長1-24-14</t>
    <phoneticPr fontId="7"/>
  </si>
  <si>
    <t>神奈川県川崎市宮前区有馬4-5-3</t>
    <phoneticPr fontId="7"/>
  </si>
  <si>
    <t>神奈川県川崎市川崎区小田5-17</t>
    <phoneticPr fontId="7"/>
  </si>
  <si>
    <t>神奈川県川崎市多摩区東生田4-8-17</t>
    <phoneticPr fontId="7"/>
  </si>
  <si>
    <t>神奈川県川崎市高津区久末1492-9</t>
    <phoneticPr fontId="7"/>
  </si>
  <si>
    <t>神奈川県川崎市多摩区菅5-2-32</t>
    <phoneticPr fontId="7"/>
  </si>
  <si>
    <t>神奈川県川崎市高津区下作延2-34-3</t>
    <phoneticPr fontId="7"/>
  </si>
  <si>
    <t>神奈川県川崎市高津区二子3-6-35</t>
    <phoneticPr fontId="7"/>
  </si>
  <si>
    <t>神奈川県川崎市宮前区東有馬5-37-25</t>
    <phoneticPr fontId="7"/>
  </si>
  <si>
    <t>神奈川県川崎市麻生区片平5-10</t>
    <phoneticPr fontId="7"/>
  </si>
  <si>
    <t>神奈川県川崎市麻生区王禅寺東6-14-14</t>
    <phoneticPr fontId="7"/>
  </si>
  <si>
    <t>神奈川県川崎市川崎区池上新町2-21</t>
    <phoneticPr fontId="7"/>
  </si>
  <si>
    <t>神奈川県川崎市高津区末長1-24-20</t>
    <phoneticPr fontId="7"/>
  </si>
  <si>
    <t>神奈川県川崎市多摩区登戸2838-6</t>
    <phoneticPr fontId="7"/>
  </si>
  <si>
    <t>神奈川県川崎市麻生区上麻生2-11-16</t>
    <phoneticPr fontId="7"/>
  </si>
  <si>
    <t>神奈川県川崎市宮前区宮崎4-1-337</t>
    <phoneticPr fontId="7"/>
  </si>
  <si>
    <t>神奈川県川崎市麻生区高石2-24-4</t>
    <phoneticPr fontId="7"/>
  </si>
  <si>
    <t>神奈川県川崎市麻生区片平3-26-1</t>
    <phoneticPr fontId="7"/>
  </si>
  <si>
    <t>神奈川県川崎市多摩区布田749-24</t>
    <phoneticPr fontId="7"/>
  </si>
  <si>
    <t>神奈川県川崎市高津区新作2-18-33</t>
    <phoneticPr fontId="7"/>
  </si>
  <si>
    <t>神奈川県川崎市幸区戸手本町2-393-3</t>
    <phoneticPr fontId="7"/>
  </si>
  <si>
    <t>神奈川県川崎市麻生区王禅寺東3-3-17</t>
    <phoneticPr fontId="7"/>
  </si>
  <si>
    <t>神奈川県川崎市麻生区五力田3-15</t>
    <phoneticPr fontId="7"/>
  </si>
  <si>
    <t>神奈川県川崎市多摩区長沢4-36</t>
    <phoneticPr fontId="7"/>
  </si>
  <si>
    <t>神奈川県川崎市高津区下作延5-9-2</t>
    <phoneticPr fontId="7"/>
  </si>
  <si>
    <t>神奈川県川崎市多摩区栗谷3-12-20</t>
    <phoneticPr fontId="7"/>
  </si>
  <si>
    <t>神奈川県川崎市麻生区上麻生7-23</t>
    <phoneticPr fontId="7"/>
  </si>
  <si>
    <t>神奈川県川崎市川崎区昭和1-55</t>
    <phoneticPr fontId="7"/>
  </si>
  <si>
    <t>神奈川県川崎市幸区北加瀬1-11-13</t>
    <phoneticPr fontId="7"/>
  </si>
  <si>
    <t>神奈川県川崎市宮前区馬絹2-10-17</t>
    <phoneticPr fontId="7"/>
  </si>
  <si>
    <t>神奈川県川崎市宮前区東有馬3-1-1</t>
    <phoneticPr fontId="7"/>
  </si>
  <si>
    <t>神奈川県川崎市多摩区三田3-6-1</t>
    <phoneticPr fontId="7"/>
  </si>
  <si>
    <t>神奈川県川崎市多摩区登戸新町229</t>
    <phoneticPr fontId="7"/>
  </si>
  <si>
    <t>神奈川県川崎市多摩区西生田4-19</t>
    <phoneticPr fontId="7"/>
  </si>
  <si>
    <t>神奈川県川崎市麻生区はるひ野5-15</t>
    <phoneticPr fontId="7"/>
  </si>
  <si>
    <t>神奈川県川崎市麻生区多摩美1-95-192ほか</t>
    <phoneticPr fontId="7"/>
  </si>
  <si>
    <t>神奈川県川崎市麻生区王禅寺字四ｯ田1028-2ほか</t>
    <phoneticPr fontId="7"/>
  </si>
  <si>
    <t>神奈川県川崎市高津区久地1-49-1</t>
    <phoneticPr fontId="7"/>
  </si>
  <si>
    <t>神奈川県川崎市麻生区上麻生6-41-1</t>
    <phoneticPr fontId="7"/>
  </si>
  <si>
    <t>神奈川県川崎市麻生区下麻生1-19-1</t>
    <phoneticPr fontId="7"/>
  </si>
  <si>
    <t>神奈川県川崎市麻生区向原2-1243-43</t>
    <phoneticPr fontId="7"/>
  </si>
  <si>
    <t>神奈川県川崎市中原区下沼部1753-18</t>
    <phoneticPr fontId="7"/>
  </si>
  <si>
    <t>神奈川県川崎市川崎区渡田新町1-5-1</t>
    <phoneticPr fontId="7"/>
  </si>
  <si>
    <t>神奈川県川崎市多摩区南生田1-8</t>
    <phoneticPr fontId="7"/>
  </si>
  <si>
    <t>神奈川県川崎市麻生区万福寺5-5</t>
    <phoneticPr fontId="7"/>
  </si>
  <si>
    <t>神奈川県川崎市多摩区宿河原6-14-1</t>
    <phoneticPr fontId="7"/>
  </si>
  <si>
    <t>神奈川県川崎市多摩区三田4-5</t>
    <phoneticPr fontId="7"/>
  </si>
  <si>
    <t>神奈川県川崎市高津区梶ケ谷2-10</t>
    <phoneticPr fontId="7"/>
  </si>
  <si>
    <t>神奈川県川崎市麻生区王禅寺東5-42-1</t>
    <phoneticPr fontId="7"/>
  </si>
  <si>
    <t>神奈川県川崎市宮前区宮崎1-7</t>
    <phoneticPr fontId="7"/>
  </si>
  <si>
    <t>神奈川県川崎市麻生区向原3-2-5</t>
    <phoneticPr fontId="7"/>
  </si>
  <si>
    <t>都市緑地</t>
    <phoneticPr fontId="7"/>
  </si>
  <si>
    <t>神奈川県川崎市麻生区王禅寺西3-28-1</t>
    <phoneticPr fontId="7"/>
  </si>
  <si>
    <t>神奈川県川崎市麻生区栗木台3-1</t>
    <phoneticPr fontId="7"/>
  </si>
  <si>
    <t>神奈川県川崎市多摩区菅北浦4-13</t>
    <phoneticPr fontId="7"/>
  </si>
  <si>
    <t>神奈川県川崎市麻生区片平1-14-1</t>
    <phoneticPr fontId="7"/>
  </si>
  <si>
    <t>神奈川県川崎市幸区都町74-2</t>
    <phoneticPr fontId="7"/>
  </si>
  <si>
    <t>神奈川県川崎市麻生区白山1-1-2ほか</t>
    <phoneticPr fontId="7"/>
  </si>
  <si>
    <t>神奈川県川崎市多摩区菅稲田堤2-9-1</t>
    <phoneticPr fontId="7"/>
  </si>
  <si>
    <t>神奈川県川崎市中原区木月住吉町33-1</t>
    <phoneticPr fontId="7"/>
  </si>
  <si>
    <t>神奈川県川崎市中原区等々力1-1</t>
    <phoneticPr fontId="7"/>
  </si>
  <si>
    <t>023954</t>
    <phoneticPr fontId="7"/>
  </si>
  <si>
    <t>神奈川県川崎市宮前区神木本町2-10</t>
    <phoneticPr fontId="7"/>
  </si>
  <si>
    <t>南野川緑地（南野川ふれあいの森）</t>
    <phoneticPr fontId="7"/>
  </si>
  <si>
    <t>はるひ野やまざくらポケットパーク</t>
    <phoneticPr fontId="7"/>
  </si>
  <si>
    <t>神奈川県川崎市高津区二子６－１３－４</t>
    <rPh sb="0" eb="7">
      <t>カナガワケンカワサキシ</t>
    </rPh>
    <phoneticPr fontId="7"/>
  </si>
  <si>
    <t>有馬７丁目公園</t>
    <phoneticPr fontId="7"/>
  </si>
  <si>
    <t>神奈川県川崎市宮前区有馬７－１４－９</t>
    <rPh sb="0" eb="7">
      <t>カナガワケンカワサキシ</t>
    </rPh>
    <phoneticPr fontId="7"/>
  </si>
  <si>
    <t>神奈川県川崎市多摩区生田７－２３－１</t>
    <rPh sb="0" eb="7">
      <t>カナガワケンカワサキシ</t>
    </rPh>
    <phoneticPr fontId="7"/>
  </si>
  <si>
    <t>神奈川県川崎市幸区神明町２－２-２</t>
    <rPh sb="0" eb="7">
      <t>カナガワケンカワサキシ</t>
    </rPh>
    <phoneticPr fontId="7"/>
  </si>
  <si>
    <t>神奈川県川崎市宮前区鷺沼４－１５-３６</t>
    <rPh sb="0" eb="7">
      <t>カナガワケンカワサキシ</t>
    </rPh>
    <phoneticPr fontId="7"/>
  </si>
  <si>
    <t>神奈川県川崎市川崎区桜本１－２</t>
    <rPh sb="0" eb="7">
      <t>カナガワケンカワサキシ</t>
    </rPh>
    <phoneticPr fontId="7"/>
  </si>
  <si>
    <t>神奈川県川崎市幸区古市場１－４９－１</t>
    <rPh sb="0" eb="7">
      <t>カナガワケンカワサキシ</t>
    </rPh>
    <phoneticPr fontId="7"/>
  </si>
  <si>
    <t>神奈川県川崎市中原区丸子通１－４０８－３２</t>
    <rPh sb="0" eb="7">
      <t>カナガワケンカワサキシ</t>
    </rPh>
    <phoneticPr fontId="7"/>
  </si>
  <si>
    <t>神奈川県川崎市高津区千年１２２７－４</t>
    <rPh sb="0" eb="7">
      <t>カナガワケンカワサキシ</t>
    </rPh>
    <phoneticPr fontId="7"/>
  </si>
  <si>
    <t>神奈川県川崎市多摩区長尾１－１２</t>
    <rPh sb="0" eb="7">
      <t>カナガワケンカワサキシ</t>
    </rPh>
    <phoneticPr fontId="7"/>
  </si>
  <si>
    <t>024011</t>
    <phoneticPr fontId="7"/>
  </si>
  <si>
    <t>下野毛３丁目つつじ公園</t>
    <rPh sb="0" eb="3">
      <t>シモノゲ</t>
    </rPh>
    <rPh sb="4" eb="6">
      <t>チョウメ</t>
    </rPh>
    <rPh sb="9" eb="11">
      <t>コウエン</t>
    </rPh>
    <phoneticPr fontId="7"/>
  </si>
  <si>
    <t>神奈川県川崎市高津区下野毛３－９－２０</t>
    <rPh sb="0" eb="7">
      <t>カナガワケンカワサキシ</t>
    </rPh>
    <rPh sb="7" eb="10">
      <t>タカツク</t>
    </rPh>
    <rPh sb="10" eb="13">
      <t>シモノゲ</t>
    </rPh>
    <phoneticPr fontId="7"/>
  </si>
  <si>
    <t>024012</t>
    <phoneticPr fontId="7"/>
  </si>
  <si>
    <t>小倉アベリア公園</t>
    <rPh sb="0" eb="2">
      <t>オグラ</t>
    </rPh>
    <rPh sb="6" eb="8">
      <t>コウエン</t>
    </rPh>
    <phoneticPr fontId="7"/>
  </si>
  <si>
    <t>神奈川県川崎市幸区小倉４－２８－３</t>
    <rPh sb="0" eb="7">
      <t>カナガワケンカワサキシ</t>
    </rPh>
    <rPh sb="7" eb="9">
      <t>サイワイク</t>
    </rPh>
    <rPh sb="9" eb="11">
      <t>オグラ</t>
    </rPh>
    <phoneticPr fontId="7"/>
  </si>
  <si>
    <t>024013</t>
    <phoneticPr fontId="7"/>
  </si>
  <si>
    <t>小倉中公園</t>
    <rPh sb="0" eb="2">
      <t>オグラ</t>
    </rPh>
    <rPh sb="2" eb="5">
      <t>ナカコウエン</t>
    </rPh>
    <phoneticPr fontId="7"/>
  </si>
  <si>
    <t>神奈川県川崎市幸区小倉４－８－４</t>
    <rPh sb="0" eb="7">
      <t>カナガワケンカワサキシ</t>
    </rPh>
    <rPh sb="7" eb="9">
      <t>サイワイク</t>
    </rPh>
    <rPh sb="9" eb="11">
      <t>オグラ</t>
    </rPh>
    <phoneticPr fontId="7"/>
  </si>
  <si>
    <t>024014</t>
    <phoneticPr fontId="7"/>
  </si>
  <si>
    <t>小倉八雲公園</t>
    <rPh sb="0" eb="2">
      <t>オグラ</t>
    </rPh>
    <rPh sb="2" eb="4">
      <t>ヤクモ</t>
    </rPh>
    <rPh sb="4" eb="6">
      <t>コウエン</t>
    </rPh>
    <phoneticPr fontId="7"/>
  </si>
  <si>
    <t>神奈川県川崎市幸区５－３２－６</t>
    <rPh sb="0" eb="7">
      <t>カナガワケンカワサキシ</t>
    </rPh>
    <rPh sb="7" eb="9">
      <t>サイワイク</t>
    </rPh>
    <phoneticPr fontId="7"/>
  </si>
  <si>
    <t>024015</t>
    <phoneticPr fontId="7"/>
  </si>
  <si>
    <t>南加瀬下町公園</t>
    <rPh sb="0" eb="1">
      <t>ミナミ</t>
    </rPh>
    <rPh sb="1" eb="3">
      <t>カセ</t>
    </rPh>
    <rPh sb="3" eb="5">
      <t>シタマチ</t>
    </rPh>
    <rPh sb="5" eb="7">
      <t>コウエン</t>
    </rPh>
    <phoneticPr fontId="7"/>
  </si>
  <si>
    <t>神奈川県川崎市幸区南加瀬４－３７</t>
    <rPh sb="0" eb="7">
      <t>カナガワケンカワサキシ</t>
    </rPh>
    <rPh sb="7" eb="9">
      <t>サイワイク</t>
    </rPh>
    <rPh sb="9" eb="10">
      <t>ミナミ</t>
    </rPh>
    <rPh sb="10" eb="12">
      <t>カセ</t>
    </rPh>
    <phoneticPr fontId="7"/>
  </si>
  <si>
    <t>024016</t>
    <phoneticPr fontId="7"/>
  </si>
  <si>
    <t>中神池公園</t>
    <rPh sb="0" eb="1">
      <t>ナカ</t>
    </rPh>
    <rPh sb="1" eb="2">
      <t>カミ</t>
    </rPh>
    <rPh sb="2" eb="3">
      <t>イケ</t>
    </rPh>
    <rPh sb="3" eb="5">
      <t>コウエン</t>
    </rPh>
    <phoneticPr fontId="7"/>
  </si>
  <si>
    <t>神奈川県川崎市中原区上小田中６－３３－５</t>
    <rPh sb="0" eb="7">
      <t>カナガワケンカワサキシ</t>
    </rPh>
    <rPh sb="7" eb="10">
      <t>ナカハラク</t>
    </rPh>
    <rPh sb="10" eb="14">
      <t>カミコダナカ</t>
    </rPh>
    <phoneticPr fontId="7"/>
  </si>
  <si>
    <t>024017</t>
    <phoneticPr fontId="7"/>
  </si>
  <si>
    <t>梶ヶ谷６丁目はな公園</t>
    <rPh sb="0" eb="3">
      <t>カジガヤ</t>
    </rPh>
    <rPh sb="4" eb="6">
      <t>チョウメ</t>
    </rPh>
    <rPh sb="8" eb="10">
      <t>コウエン</t>
    </rPh>
    <phoneticPr fontId="7"/>
  </si>
  <si>
    <t>神奈川県川崎市高津区梶ヶ谷６－７－１７</t>
    <rPh sb="0" eb="7">
      <t>カナガワケンカワサキシ</t>
    </rPh>
    <rPh sb="7" eb="10">
      <t>タカツク</t>
    </rPh>
    <rPh sb="10" eb="13">
      <t>カジガヤ</t>
    </rPh>
    <phoneticPr fontId="7"/>
  </si>
  <si>
    <t>024018</t>
    <phoneticPr fontId="7"/>
  </si>
  <si>
    <t>中野島けやき公園</t>
    <rPh sb="0" eb="3">
      <t>ナカノシマ</t>
    </rPh>
    <rPh sb="6" eb="8">
      <t>コウエン</t>
    </rPh>
    <phoneticPr fontId="7"/>
  </si>
  <si>
    <t>神奈川県川崎市多摩区中野島６－４－１９</t>
    <rPh sb="0" eb="7">
      <t>カナガワケンカワサキシ</t>
    </rPh>
    <rPh sb="7" eb="10">
      <t>タマク</t>
    </rPh>
    <rPh sb="10" eb="13">
      <t>ナカノシマ</t>
    </rPh>
    <phoneticPr fontId="7"/>
  </si>
  <si>
    <t>024019</t>
    <phoneticPr fontId="7"/>
  </si>
  <si>
    <t>西口さんかく公園</t>
    <rPh sb="0" eb="2">
      <t>ニシグチ</t>
    </rPh>
    <rPh sb="6" eb="8">
      <t>コウエン</t>
    </rPh>
    <phoneticPr fontId="7"/>
  </si>
  <si>
    <t>神奈川県川崎市幸区大宮町２８－７</t>
    <rPh sb="0" eb="7">
      <t>カナガワケンカワサキシ</t>
    </rPh>
    <rPh sb="7" eb="9">
      <t>サイワイク</t>
    </rPh>
    <rPh sb="9" eb="12">
      <t>オオミヤチョウ</t>
    </rPh>
    <phoneticPr fontId="7"/>
  </si>
  <si>
    <t>024020</t>
    <phoneticPr fontId="7"/>
  </si>
  <si>
    <t>西口さくら緑地</t>
    <rPh sb="0" eb="2">
      <t>ニシグチ</t>
    </rPh>
    <rPh sb="5" eb="7">
      <t>リョクチ</t>
    </rPh>
    <phoneticPr fontId="7"/>
  </si>
  <si>
    <t>神奈川県川崎市幸区大宮町３１－５</t>
    <rPh sb="0" eb="7">
      <t>カナガワケンカワサキシ</t>
    </rPh>
    <rPh sb="7" eb="9">
      <t>サイワイク</t>
    </rPh>
    <rPh sb="9" eb="12">
      <t>オオミヤチョウ</t>
    </rPh>
    <phoneticPr fontId="7"/>
  </si>
  <si>
    <t>024021</t>
    <phoneticPr fontId="7"/>
  </si>
  <si>
    <t>葉積の風公園</t>
    <rPh sb="0" eb="1">
      <t>ハ</t>
    </rPh>
    <rPh sb="1" eb="2">
      <t>ツミ</t>
    </rPh>
    <rPh sb="3" eb="4">
      <t>カゼ</t>
    </rPh>
    <rPh sb="4" eb="6">
      <t>コウエン</t>
    </rPh>
    <phoneticPr fontId="7"/>
  </si>
  <si>
    <t>神奈川県川崎市麻生区片平１－３</t>
    <rPh sb="0" eb="7">
      <t>カナガワケンカワサキシ</t>
    </rPh>
    <rPh sb="7" eb="10">
      <t>アサオク</t>
    </rPh>
    <rPh sb="10" eb="12">
      <t>カタヒラ</t>
    </rPh>
    <phoneticPr fontId="7"/>
  </si>
  <si>
    <t>024022</t>
    <phoneticPr fontId="7"/>
  </si>
  <si>
    <t>古沢公園</t>
    <rPh sb="0" eb="2">
      <t>フルサワ</t>
    </rPh>
    <rPh sb="2" eb="4">
      <t>コウエン</t>
    </rPh>
    <phoneticPr fontId="7"/>
  </si>
  <si>
    <t>神奈川県川崎市麻生区古沢４７４－６</t>
    <rPh sb="0" eb="7">
      <t>カナガワケンカワサキシ</t>
    </rPh>
    <rPh sb="7" eb="10">
      <t>アサオク</t>
    </rPh>
    <rPh sb="10" eb="12">
      <t>フルサワ</t>
    </rPh>
    <phoneticPr fontId="7"/>
  </si>
  <si>
    <t>024023</t>
    <phoneticPr fontId="7"/>
  </si>
  <si>
    <t>百合丘やまぼうしポケットパーク</t>
    <rPh sb="0" eb="3">
      <t>ユリガオカ</t>
    </rPh>
    <phoneticPr fontId="7"/>
  </si>
  <si>
    <t>神奈川県川崎市麻生区百合丘１－７ー９</t>
    <rPh sb="0" eb="7">
      <t>カナガワケンカワサキシ</t>
    </rPh>
    <rPh sb="7" eb="10">
      <t>アサオク</t>
    </rPh>
    <rPh sb="10" eb="13">
      <t>ユリガオカ</t>
    </rPh>
    <phoneticPr fontId="7"/>
  </si>
  <si>
    <t>034586</t>
    <phoneticPr fontId="7"/>
  </si>
  <si>
    <t>034590</t>
    <phoneticPr fontId="7"/>
  </si>
  <si>
    <t>当麻宿さくら第２公園</t>
    <phoneticPr fontId="7"/>
  </si>
  <si>
    <t>当麻宿さくら第３公園</t>
    <phoneticPr fontId="7"/>
  </si>
  <si>
    <t>夢大通り公園</t>
    <phoneticPr fontId="7"/>
  </si>
  <si>
    <t>神奈川県相模原市南区当麻2396-5</t>
    <phoneticPr fontId="7"/>
  </si>
  <si>
    <t>034606</t>
    <phoneticPr fontId="7"/>
  </si>
  <si>
    <t>清新６丁目たけのこ公園</t>
    <phoneticPr fontId="7"/>
  </si>
  <si>
    <t>松原第２公園</t>
    <phoneticPr fontId="7"/>
  </si>
  <si>
    <t>034607</t>
  </si>
  <si>
    <t>034608</t>
  </si>
  <si>
    <t>緑道</t>
    <phoneticPr fontId="7"/>
  </si>
  <si>
    <t>辻堂東海岸二丁目緑地</t>
    <phoneticPr fontId="7"/>
  </si>
  <si>
    <t>神奈川県藤沢市辻堂東海岸二丁目７４５７番１４</t>
    <phoneticPr fontId="7"/>
  </si>
  <si>
    <t>上藤が谷公園</t>
    <phoneticPr fontId="7"/>
  </si>
  <si>
    <t>神奈川県藤沢市鵠沼藤が谷三丁目6948番1</t>
    <phoneticPr fontId="7"/>
  </si>
  <si>
    <t>075792</t>
    <phoneticPr fontId="7"/>
  </si>
  <si>
    <t>075793</t>
    <phoneticPr fontId="7"/>
  </si>
  <si>
    <t>神奈川県茅ヶ崎市赤松町5003</t>
    <phoneticPr fontId="7"/>
  </si>
  <si>
    <t>神奈川県茅ヶ崎市赤松町5004</t>
    <phoneticPr fontId="7"/>
  </si>
  <si>
    <t>殿山水泳プールの開場時間は、午前9時から午後5時</t>
    <phoneticPr fontId="7"/>
  </si>
  <si>
    <t>https://浜須賀殿山プール.com/index_pc.html</t>
    <phoneticPr fontId="7"/>
  </si>
  <si>
    <t>午前6時～午後6時45分</t>
    <phoneticPr fontId="7"/>
  </si>
  <si>
    <t>https://www.city.chigasaki.kanagawa.jp/kouen/1006491/1015429.html</t>
    <phoneticPr fontId="7"/>
  </si>
  <si>
    <t>中島中河原公園</t>
    <rPh sb="0" eb="5">
      <t>ナカジマナカガワラ</t>
    </rPh>
    <rPh sb="5" eb="7">
      <t>コウエン</t>
    </rPh>
    <phoneticPr fontId="7"/>
  </si>
  <si>
    <t>神奈川県茅ヶ崎市中島361番15</t>
    <rPh sb="0" eb="4">
      <t>カナガワケン</t>
    </rPh>
    <rPh sb="4" eb="8">
      <t>チガサキシ</t>
    </rPh>
    <rPh sb="8" eb="10">
      <t>ナカジマ</t>
    </rPh>
    <rPh sb="13" eb="14">
      <t>バン</t>
    </rPh>
    <phoneticPr fontId="7"/>
  </si>
  <si>
    <t>河童徳利ひろば</t>
    <rPh sb="0" eb="2">
      <t>カッパ</t>
    </rPh>
    <rPh sb="2" eb="4">
      <t>ドックリ</t>
    </rPh>
    <phoneticPr fontId="7"/>
  </si>
  <si>
    <t>神奈川県茅ヶ崎市西久保1649番1</t>
    <rPh sb="0" eb="4">
      <t>カナガワケン</t>
    </rPh>
    <rPh sb="4" eb="8">
      <t>チガサキシ</t>
    </rPh>
    <rPh sb="8" eb="11">
      <t>ニシクボ</t>
    </rPh>
    <rPh sb="15" eb="16">
      <t>バン</t>
    </rPh>
    <phoneticPr fontId="7"/>
  </si>
  <si>
    <t>096142</t>
    <phoneticPr fontId="7"/>
  </si>
  <si>
    <t>096143</t>
    <phoneticPr fontId="7"/>
  </si>
  <si>
    <t>http://www.city.miura.kanagawa.jp/doboku/siokazekouen.html</t>
    <phoneticPr fontId="7"/>
  </si>
  <si>
    <t>147019</t>
    <phoneticPr fontId="7"/>
  </si>
  <si>
    <t>上草柳さくら公園</t>
    <rPh sb="0" eb="3">
      <t>カミソウヤギ</t>
    </rPh>
    <rPh sb="6" eb="8">
      <t>コウエン</t>
    </rPh>
    <phoneticPr fontId="7"/>
  </si>
  <si>
    <t>大和市上草柳八丁目３９９番４３</t>
    <rPh sb="0" eb="9">
      <t>ヤマトシカミソウヤギハッチョウメ</t>
    </rPh>
    <rPh sb="12" eb="13">
      <t>バン</t>
    </rPh>
    <phoneticPr fontId="7"/>
  </si>
  <si>
    <t>神奈川県海老名市社家六丁目170-4</t>
    <rPh sb="10" eb="13">
      <t>ロクチョウメ</t>
    </rPh>
    <phoneticPr fontId="7"/>
  </si>
  <si>
    <t>上今泉中原児童公園</t>
    <phoneticPr fontId="7"/>
  </si>
  <si>
    <t>上今泉高架下公園</t>
    <phoneticPr fontId="7"/>
  </si>
  <si>
    <t>トンネル遊具</t>
    <phoneticPr fontId="7"/>
  </si>
  <si>
    <t>タイヤ遊具、その他遊具</t>
    <phoneticPr fontId="7"/>
  </si>
  <si>
    <t>167336</t>
    <phoneticPr fontId="7"/>
  </si>
  <si>
    <t>167337</t>
    <phoneticPr fontId="7"/>
  </si>
  <si>
    <t>167338</t>
    <phoneticPr fontId="7"/>
  </si>
  <si>
    <t>神奈川県海老名市河原口5-1191</t>
    <phoneticPr fontId="7"/>
  </si>
  <si>
    <t>神奈川県海老名市東柏ケ谷6-1450-101</t>
    <phoneticPr fontId="7"/>
  </si>
  <si>
    <t>神奈川県海老名市東柏ケ谷6-1452-7</t>
    <phoneticPr fontId="7"/>
  </si>
  <si>
    <t>神奈川県海老名市東柏ケ谷6-1480-13</t>
    <phoneticPr fontId="7"/>
  </si>
  <si>
    <t>神奈川県海老名市望地2-551</t>
    <phoneticPr fontId="7"/>
  </si>
  <si>
    <t>神奈川県海老名市社家二丁目3392-1</t>
    <rPh sb="10" eb="13">
      <t>ニチョウメ</t>
    </rPh>
    <phoneticPr fontId="7"/>
  </si>
  <si>
    <t>167427</t>
    <phoneticPr fontId="7"/>
  </si>
  <si>
    <t>泉第一公園</t>
    <rPh sb="0" eb="1">
      <t>イズミ</t>
    </rPh>
    <rPh sb="1" eb="3">
      <t>ダイイチ</t>
    </rPh>
    <rPh sb="3" eb="5">
      <t>コウエン</t>
    </rPh>
    <phoneticPr fontId="7"/>
  </si>
  <si>
    <t>神奈川県海老名市泉二丁目953-9</t>
    <rPh sb="0" eb="4">
      <t>カナガワケン</t>
    </rPh>
    <rPh sb="4" eb="8">
      <t>エビナシ</t>
    </rPh>
    <rPh sb="8" eb="9">
      <t>イズミ</t>
    </rPh>
    <rPh sb="9" eb="12">
      <t>ニチョウメ</t>
    </rPh>
    <phoneticPr fontId="7"/>
  </si>
  <si>
    <t>167431</t>
    <phoneticPr fontId="7"/>
  </si>
  <si>
    <t>相模が丘仲よし小道</t>
    <rPh sb="0" eb="2">
      <t>サガミ</t>
    </rPh>
    <rPh sb="3" eb="4">
      <t>オカ</t>
    </rPh>
    <rPh sb="4" eb="5">
      <t>ナカ</t>
    </rPh>
    <rPh sb="7" eb="9">
      <t>コミチ</t>
    </rPh>
    <phoneticPr fontId="7"/>
  </si>
  <si>
    <t>神奈川県座間市相模が丘3-671-1</t>
    <rPh sb="0" eb="4">
      <t>カナガワケン</t>
    </rPh>
    <rPh sb="4" eb="7">
      <t>ザマシ</t>
    </rPh>
    <rPh sb="7" eb="9">
      <t>サガミ</t>
    </rPh>
    <rPh sb="10" eb="11">
      <t>オカ</t>
    </rPh>
    <phoneticPr fontId="7"/>
  </si>
  <si>
    <t>緑道</t>
    <rPh sb="0" eb="1">
      <t>リョク</t>
    </rPh>
    <rPh sb="1" eb="2">
      <t>ドウ</t>
    </rPh>
    <phoneticPr fontId="7"/>
  </si>
  <si>
    <t>なかよし公園</t>
    <rPh sb="4" eb="6">
      <t>コウエン</t>
    </rPh>
    <phoneticPr fontId="7"/>
  </si>
  <si>
    <t>神奈川県座間市相模が丘3-652-1</t>
    <rPh sb="0" eb="4">
      <t>カナガワケン</t>
    </rPh>
    <rPh sb="4" eb="7">
      <t>ザマシ</t>
    </rPh>
    <rPh sb="7" eb="9">
      <t>サガミ</t>
    </rPh>
    <rPh sb="10" eb="11">
      <t>オカ</t>
    </rPh>
    <phoneticPr fontId="7"/>
  </si>
  <si>
    <t>スカイグリーンパーク</t>
    <phoneticPr fontId="7"/>
  </si>
  <si>
    <t>神奈川県座間市相武台1-4391-6</t>
    <rPh sb="0" eb="4">
      <t>カナガワケン</t>
    </rPh>
    <rPh sb="4" eb="7">
      <t>ザマシ</t>
    </rPh>
    <rPh sb="7" eb="10">
      <t>ソウブダイ</t>
    </rPh>
    <phoneticPr fontId="7"/>
  </si>
  <si>
    <t>177397</t>
    <phoneticPr fontId="7"/>
  </si>
  <si>
    <t>177398</t>
    <phoneticPr fontId="7"/>
  </si>
  <si>
    <t>177399</t>
    <phoneticPr fontId="7"/>
  </si>
  <si>
    <t>深谷中央５号緑地</t>
  </si>
  <si>
    <t>197556</t>
    <phoneticPr fontId="7"/>
  </si>
  <si>
    <t>http://www.town.hayama.lg.jp/soshiki/shougaigakushuu/2/2/7822/html</t>
    <phoneticPr fontId="7"/>
  </si>
  <si>
    <t>越公園</t>
    <phoneticPr fontId="7"/>
  </si>
  <si>
    <t>富士見が丘けやき公園</t>
    <phoneticPr fontId="7"/>
  </si>
  <si>
    <t>日帰り入浴施設</t>
    <rPh sb="0" eb="2">
      <t>ヒガエ</t>
    </rPh>
    <rPh sb="3" eb="5">
      <t>ニュウヨク</t>
    </rPh>
    <rPh sb="5" eb="7">
      <t>シセツ</t>
    </rPh>
    <phoneticPr fontId="7"/>
  </si>
  <si>
    <t>二ツ橋第二公園</t>
    <phoneticPr fontId="7"/>
  </si>
  <si>
    <t>瀬戸ケ谷町第五公園</t>
    <phoneticPr fontId="7"/>
  </si>
  <si>
    <t>舞岡川遊水地公園</t>
    <phoneticPr fontId="7"/>
  </si>
  <si>
    <t>打越公園</t>
    <phoneticPr fontId="7"/>
  </si>
  <si>
    <t>第4月曜日（祝日の場合は翌日火曜日）、年末年始</t>
    <phoneticPr fontId="7"/>
  </si>
  <si>
    <t>http://www.niiharu.jp/</t>
    <phoneticPr fontId="7"/>
  </si>
  <si>
    <t>幸ケ谷公園</t>
    <phoneticPr fontId="7"/>
  </si>
  <si>
    <t>坪呑公園</t>
    <phoneticPr fontId="7"/>
  </si>
  <si>
    <t>http://www.hama-midorinokyokai.or.jp/zoo/nogeyama/nogeyamapark.php</t>
    <phoneticPr fontId="7"/>
  </si>
  <si>
    <t>http://www1.tmtv.ne.jp/~satoyama/index.html</t>
    <phoneticPr fontId="7"/>
  </si>
  <si>
    <t>http://www.hama-midorinokyokai.or.jp/park/tomioka/</t>
    <phoneticPr fontId="7"/>
  </si>
  <si>
    <t>http://www.hama-midorinokyokai.or.jp/park/uminokouen/sports.php</t>
    <phoneticPr fontId="7"/>
  </si>
  <si>
    <t>和泉中央北あやめ公園</t>
    <phoneticPr fontId="7"/>
  </si>
  <si>
    <t>上倉田堀内前公園</t>
    <phoneticPr fontId="7"/>
  </si>
  <si>
    <t>小柴自然公園</t>
  </si>
  <si>
    <t>鶴見花月園公園</t>
    <phoneticPr fontId="7"/>
  </si>
  <si>
    <t>柏尾町みらい緑地</t>
    <phoneticPr fontId="7"/>
  </si>
  <si>
    <t>金沢八景権現山公園</t>
    <phoneticPr fontId="7"/>
  </si>
  <si>
    <t>※利用にあたっては、関連リンクをご確認ください。</t>
    <phoneticPr fontId="7"/>
  </si>
  <si>
    <t>012720</t>
    <phoneticPr fontId="7"/>
  </si>
  <si>
    <t>012721</t>
    <phoneticPr fontId="7"/>
  </si>
  <si>
    <t>012722</t>
    <phoneticPr fontId="7"/>
  </si>
  <si>
    <t>012723</t>
    <phoneticPr fontId="7"/>
  </si>
  <si>
    <t>012724</t>
    <phoneticPr fontId="7"/>
  </si>
  <si>
    <t>012725</t>
    <phoneticPr fontId="7"/>
  </si>
  <si>
    <t>平和中央公園</t>
    <phoneticPr fontId="7"/>
  </si>
  <si>
    <t>045077</t>
    <phoneticPr fontId="7"/>
  </si>
  <si>
    <t>野比かがみ田緑地</t>
    <rPh sb="0" eb="2">
      <t>ノビ</t>
    </rPh>
    <rPh sb="5" eb="6">
      <t>タ</t>
    </rPh>
    <rPh sb="6" eb="8">
      <t>リョクチ</t>
    </rPh>
    <phoneticPr fontId="7"/>
  </si>
  <si>
    <t>神奈川県横須賀市野比5-2886</t>
    <rPh sb="0" eb="4">
      <t>カナガワケン</t>
    </rPh>
    <rPh sb="4" eb="8">
      <t>ヨコスカシ</t>
    </rPh>
    <rPh sb="8" eb="10">
      <t>ノビ</t>
    </rPh>
    <phoneticPr fontId="7"/>
  </si>
  <si>
    <t>走水水源地公園</t>
    <rPh sb="0" eb="2">
      <t>ハシリミズ</t>
    </rPh>
    <rPh sb="2" eb="5">
      <t>スイゲンチ</t>
    </rPh>
    <rPh sb="5" eb="7">
      <t>コウエン</t>
    </rPh>
    <phoneticPr fontId="7"/>
  </si>
  <si>
    <t>神奈川県横須賀市走水1-88-1</t>
    <rPh sb="0" eb="4">
      <t>カナガワケン</t>
    </rPh>
    <rPh sb="4" eb="8">
      <t>ヨコスカシ</t>
    </rPh>
    <rPh sb="8" eb="10">
      <t>ハシリミズ</t>
    </rPh>
    <phoneticPr fontId="7"/>
  </si>
  <si>
    <t>045087</t>
    <phoneticPr fontId="7"/>
  </si>
  <si>
    <t>045088</t>
    <phoneticPr fontId="7"/>
  </si>
  <si>
    <t>上落合ふれあい公園</t>
    <rPh sb="0" eb="1">
      <t>ウエ</t>
    </rPh>
    <rPh sb="1" eb="3">
      <t>オチアイ</t>
    </rPh>
    <rPh sb="7" eb="9">
      <t>コウエン</t>
    </rPh>
    <phoneticPr fontId="7"/>
  </si>
  <si>
    <t>神奈川県厚木市上落合590-1</t>
    <rPh sb="4" eb="7">
      <t>アツギシ</t>
    </rPh>
    <rPh sb="7" eb="10">
      <t>カミオチアイ</t>
    </rPh>
    <phoneticPr fontId="7"/>
  </si>
  <si>
    <t>136731</t>
    <phoneticPr fontId="7"/>
  </si>
  <si>
    <t>大井中央公園</t>
    <rPh sb="0" eb="2">
      <t>オオイ</t>
    </rPh>
    <rPh sb="2" eb="4">
      <t>チュウオウ</t>
    </rPh>
    <rPh sb="4" eb="6">
      <t>コウエン</t>
    </rPh>
    <phoneticPr fontId="7"/>
  </si>
  <si>
    <t>神奈川県足柄上郡大井町大井中央284</t>
    <rPh sb="11" eb="13">
      <t>オオイ</t>
    </rPh>
    <rPh sb="13" eb="15">
      <t>チュウオウ</t>
    </rPh>
    <phoneticPr fontId="7"/>
  </si>
  <si>
    <t>257828</t>
    <phoneticPr fontId="7"/>
  </si>
  <si>
    <t>神奈川県鎌倉市今泉台2-1141-2（地番）</t>
    <phoneticPr fontId="7"/>
  </si>
  <si>
    <t>クライム遊具</t>
    <phoneticPr fontId="7"/>
  </si>
  <si>
    <t>西ガ谷ろば公園</t>
    <phoneticPr fontId="7"/>
  </si>
  <si>
    <t>065473</t>
    <phoneticPr fontId="7"/>
  </si>
  <si>
    <t>注：有＝「１」無＝「０」未確認・不明＝「－」</t>
    <rPh sb="0" eb="1">
      <t>チュウ</t>
    </rPh>
    <phoneticPr fontId="7"/>
  </si>
  <si>
    <t>神奈川県鎌倉市山崎1667</t>
    <phoneticPr fontId="7"/>
  </si>
  <si>
    <t>山ノ内宮下小路緑地</t>
    <rPh sb="0" eb="1">
      <t>ヤマ</t>
    </rPh>
    <rPh sb="2" eb="3">
      <t>ウチ</t>
    </rPh>
    <rPh sb="3" eb="5">
      <t>ミヤシタ</t>
    </rPh>
    <rPh sb="5" eb="7">
      <t>コウジ</t>
    </rPh>
    <rPh sb="7" eb="9">
      <t>リョクチ</t>
    </rPh>
    <phoneticPr fontId="7"/>
  </si>
  <si>
    <t>神奈川県鎌倉市山ノ内字宮下小路548-1外（地番）</t>
    <rPh sb="0" eb="4">
      <t>カナガワケン</t>
    </rPh>
    <rPh sb="4" eb="7">
      <t>カマクラシ</t>
    </rPh>
    <rPh sb="7" eb="8">
      <t>ヤマ</t>
    </rPh>
    <rPh sb="9" eb="10">
      <t>ウチ</t>
    </rPh>
    <rPh sb="10" eb="11">
      <t>アザ</t>
    </rPh>
    <rPh sb="20" eb="21">
      <t>ホカ</t>
    </rPh>
    <phoneticPr fontId="7"/>
  </si>
  <si>
    <t>065487</t>
    <phoneticPr fontId="7"/>
  </si>
  <si>
    <t>茅ケ崎東つくし公園</t>
    <phoneticPr fontId="7"/>
  </si>
  <si>
    <t>今井町大久保第二公園</t>
    <phoneticPr fontId="7"/>
  </si>
  <si>
    <t>常盤台第二公園</t>
  </si>
  <si>
    <t>012726</t>
  </si>
  <si>
    <t>012727</t>
  </si>
  <si>
    <t>012728</t>
  </si>
  <si>
    <t>012729</t>
  </si>
  <si>
    <t>012730</t>
  </si>
  <si>
    <t>012731</t>
  </si>
  <si>
    <t>012732</t>
  </si>
  <si>
    <t>012733</t>
  </si>
  <si>
    <t>012734</t>
  </si>
  <si>
    <t>鋼管通５丁目ふれあい緑地</t>
    <phoneticPr fontId="7"/>
  </si>
  <si>
    <t>神奈川県川崎市川崎区鋼管通５－２</t>
    <rPh sb="0" eb="7">
      <t>カナガワケンカワサキシ</t>
    </rPh>
    <phoneticPr fontId="7"/>
  </si>
  <si>
    <t>今井西町公園</t>
    <phoneticPr fontId="7"/>
  </si>
  <si>
    <t>神奈川県川崎市中原区今井西町２０－１２</t>
    <rPh sb="0" eb="7">
      <t>カナガワケンカワサキシ</t>
    </rPh>
    <phoneticPr fontId="7"/>
  </si>
  <si>
    <t>梶ヶ谷つつじポケットパーク</t>
    <phoneticPr fontId="7"/>
  </si>
  <si>
    <t>神奈川県川崎市高津区梶ケ谷梶ケ谷４－１４－２８</t>
    <rPh sb="0" eb="7">
      <t>カナガワケンカワサキシ</t>
    </rPh>
    <phoneticPr fontId="7"/>
  </si>
  <si>
    <t>野川子の神さくら公園</t>
    <rPh sb="0" eb="2">
      <t>ノガワ</t>
    </rPh>
    <rPh sb="2" eb="3">
      <t>コ</t>
    </rPh>
    <rPh sb="4" eb="5">
      <t>カミ</t>
    </rPh>
    <rPh sb="8" eb="10">
      <t>コウエン</t>
    </rPh>
    <phoneticPr fontId="7"/>
  </si>
  <si>
    <t>神奈川県川崎市宮前区南野川１－２７９３－６</t>
    <phoneticPr fontId="7"/>
  </si>
  <si>
    <t>宮崎さくらポケットパーク</t>
    <rPh sb="0" eb="2">
      <t>ミヤザキ</t>
    </rPh>
    <phoneticPr fontId="7"/>
  </si>
  <si>
    <t>神奈川県川崎市宮前区宮崎３－２－２６</t>
    <phoneticPr fontId="7"/>
  </si>
  <si>
    <t>鷺沼４丁目さるすべり公園</t>
    <rPh sb="0" eb="2">
      <t>サギヌマ</t>
    </rPh>
    <rPh sb="3" eb="5">
      <t>チョウメ</t>
    </rPh>
    <rPh sb="10" eb="12">
      <t>コウエン</t>
    </rPh>
    <phoneticPr fontId="7"/>
  </si>
  <si>
    <t>神奈川県川崎市宮前区鷺沼４－１７－１６</t>
    <phoneticPr fontId="7"/>
  </si>
  <si>
    <t>三田１丁目公園</t>
    <rPh sb="0" eb="2">
      <t>ミタ</t>
    </rPh>
    <rPh sb="3" eb="5">
      <t>チョウメ</t>
    </rPh>
    <rPh sb="5" eb="7">
      <t>コウエン</t>
    </rPh>
    <phoneticPr fontId="7"/>
  </si>
  <si>
    <t>神奈川県川崎市多摩区三田１－１８－５</t>
    <phoneticPr fontId="7"/>
  </si>
  <si>
    <t>中野島３丁目公園</t>
    <rPh sb="0" eb="3">
      <t>ナカノシマ</t>
    </rPh>
    <rPh sb="4" eb="8">
      <t>チョウメコウエン</t>
    </rPh>
    <phoneticPr fontId="7"/>
  </si>
  <si>
    <t>神奈川県川崎市多摩区中野島３－３１－１６</t>
    <rPh sb="0" eb="7">
      <t>カナガワケンカワサキシ</t>
    </rPh>
    <phoneticPr fontId="7"/>
  </si>
  <si>
    <t>宿河原第３公園</t>
    <rPh sb="0" eb="3">
      <t>シュクガワラ</t>
    </rPh>
    <rPh sb="3" eb="4">
      <t>ダイ</t>
    </rPh>
    <rPh sb="5" eb="7">
      <t>コウエン</t>
    </rPh>
    <phoneticPr fontId="7"/>
  </si>
  <si>
    <t>神奈川県川崎市多摩区宿河原４－８－１５</t>
    <rPh sb="0" eb="7">
      <t>カナガワケンカワサキシ</t>
    </rPh>
    <phoneticPr fontId="7"/>
  </si>
  <si>
    <t>万福寺やまぼうしポケットパーク</t>
    <rPh sb="0" eb="3">
      <t>マンプクジ</t>
    </rPh>
    <phoneticPr fontId="7"/>
  </si>
  <si>
    <t>神奈川県川崎市麻生区万福寺４－１５－２３</t>
    <rPh sb="0" eb="7">
      <t>カナガワケンカワサキシ</t>
    </rPh>
    <phoneticPr fontId="7"/>
  </si>
  <si>
    <t>古沢都古さくら公園</t>
    <phoneticPr fontId="7"/>
  </si>
  <si>
    <t>神奈川県川崎市麻生区古沢都古１７４－１５</t>
    <rPh sb="0" eb="7">
      <t>カナガワケンカワサキシ</t>
    </rPh>
    <phoneticPr fontId="7"/>
  </si>
  <si>
    <t>024024</t>
  </si>
  <si>
    <t>024025</t>
  </si>
  <si>
    <t>024026</t>
  </si>
  <si>
    <t>024027</t>
  </si>
  <si>
    <t>024028</t>
  </si>
  <si>
    <t>024029</t>
  </si>
  <si>
    <t>024030</t>
  </si>
  <si>
    <t>024031</t>
  </si>
  <si>
    <t>024032</t>
  </si>
  <si>
    <t>024033</t>
  </si>
  <si>
    <t>024034</t>
  </si>
  <si>
    <t>鳩川つつじ公園</t>
    <phoneticPr fontId="7"/>
  </si>
  <si>
    <t>塩田八景公園</t>
    <phoneticPr fontId="7"/>
  </si>
  <si>
    <t>金丸公園</t>
    <phoneticPr fontId="7"/>
  </si>
  <si>
    <t>峰山霊園</t>
    <phoneticPr fontId="7"/>
  </si>
  <si>
    <t>久里浜１丁目公園</t>
    <rPh sb="0" eb="3">
      <t>クリハマ</t>
    </rPh>
    <rPh sb="4" eb="6">
      <t>チョウメ</t>
    </rPh>
    <rPh sb="6" eb="8">
      <t>コウエン</t>
    </rPh>
    <phoneticPr fontId="7"/>
  </si>
  <si>
    <t>長坂緑地</t>
    <rPh sb="0" eb="2">
      <t>ナガサカ</t>
    </rPh>
    <rPh sb="2" eb="4">
      <t>リョクチ</t>
    </rPh>
    <phoneticPr fontId="7"/>
  </si>
  <si>
    <t>神奈川県横須賀市芦名3-1460</t>
    <phoneticPr fontId="7"/>
  </si>
  <si>
    <t>045089</t>
    <phoneticPr fontId="7"/>
  </si>
  <si>
    <t>遠藤笹窪谷公園</t>
    <rPh sb="0" eb="2">
      <t>エンドウ</t>
    </rPh>
    <rPh sb="2" eb="3">
      <t>ササ</t>
    </rPh>
    <rPh sb="3" eb="4">
      <t>クボ</t>
    </rPh>
    <rPh sb="4" eb="5">
      <t>タニ</t>
    </rPh>
    <rPh sb="5" eb="7">
      <t>コウエン</t>
    </rPh>
    <phoneticPr fontId="7"/>
  </si>
  <si>
    <t>神奈川県藤沢市遠藤字中尾4840番地</t>
    <rPh sb="0" eb="4">
      <t>カナガワケン</t>
    </rPh>
    <rPh sb="4" eb="7">
      <t>フジサワシ</t>
    </rPh>
    <rPh sb="7" eb="9">
      <t>エンドウ</t>
    </rPh>
    <rPh sb="9" eb="10">
      <t>アザ</t>
    </rPh>
    <rPh sb="10" eb="12">
      <t>ナカオ</t>
    </rPh>
    <rPh sb="16" eb="18">
      <t>バンチ</t>
    </rPh>
    <phoneticPr fontId="7"/>
  </si>
  <si>
    <t>風致公園</t>
    <rPh sb="0" eb="2">
      <t>フウチ</t>
    </rPh>
    <rPh sb="2" eb="4">
      <t>コウエン</t>
    </rPh>
    <phoneticPr fontId="7"/>
  </si>
  <si>
    <t>075794</t>
  </si>
  <si>
    <t>神奈川県小田原市千代297</t>
    <phoneticPr fontId="7"/>
  </si>
  <si>
    <t>神奈川県小田原市荻窪1579</t>
    <phoneticPr fontId="7"/>
  </si>
  <si>
    <t>紅沢南公園</t>
    <rPh sb="0" eb="1">
      <t>ベニ</t>
    </rPh>
    <rPh sb="1" eb="2">
      <t>サワ</t>
    </rPh>
    <rPh sb="2" eb="3">
      <t>ミナミ</t>
    </rPh>
    <rPh sb="3" eb="4">
      <t>エン</t>
    </rPh>
    <phoneticPr fontId="7"/>
  </si>
  <si>
    <t>神奈川県小田原市飯泉192番11</t>
    <rPh sb="0" eb="4">
      <t>カナガワケン</t>
    </rPh>
    <rPh sb="4" eb="8">
      <t>オダワラシ</t>
    </rPh>
    <rPh sb="8" eb="10">
      <t>イイズミ</t>
    </rPh>
    <rPh sb="13" eb="14">
      <t>バン</t>
    </rPh>
    <phoneticPr fontId="7"/>
  </si>
  <si>
    <t>久野多古境公園</t>
    <rPh sb="0" eb="2">
      <t>クノ</t>
    </rPh>
    <rPh sb="2" eb="4">
      <t>タコ</t>
    </rPh>
    <rPh sb="4" eb="5">
      <t>サカイ</t>
    </rPh>
    <rPh sb="5" eb="7">
      <t>コウエン</t>
    </rPh>
    <phoneticPr fontId="7"/>
  </si>
  <si>
    <t>神奈川県小田原市久野499番6</t>
    <rPh sb="0" eb="4">
      <t>カナガワケン</t>
    </rPh>
    <rPh sb="4" eb="8">
      <t>オダワラシ</t>
    </rPh>
    <rPh sb="8" eb="10">
      <t>クノ</t>
    </rPh>
    <rPh sb="13" eb="14">
      <t>バン</t>
    </rPh>
    <phoneticPr fontId="7"/>
  </si>
  <si>
    <t>鬼柳第二公園</t>
    <rPh sb="0" eb="2">
      <t>オニヤナギ</t>
    </rPh>
    <rPh sb="2" eb="4">
      <t>ダイニ</t>
    </rPh>
    <rPh sb="4" eb="5">
      <t>エン</t>
    </rPh>
    <phoneticPr fontId="7"/>
  </si>
  <si>
    <t>神奈川県小田原市鬼柳395番</t>
    <rPh sb="0" eb="4">
      <t>カナガワケン</t>
    </rPh>
    <rPh sb="4" eb="8">
      <t>オダワラシ</t>
    </rPh>
    <rPh sb="8" eb="10">
      <t>オニヤナギ</t>
    </rPh>
    <rPh sb="13" eb="14">
      <t>バン</t>
    </rPh>
    <phoneticPr fontId="7"/>
  </si>
  <si>
    <t>山根公園</t>
    <rPh sb="0" eb="2">
      <t>ヤマネ</t>
    </rPh>
    <rPh sb="2" eb="4">
      <t>コウエン</t>
    </rPh>
    <phoneticPr fontId="7"/>
  </si>
  <si>
    <t>神奈川県小田原市早川2-21-1</t>
    <rPh sb="0" eb="4">
      <t>カナガワケン</t>
    </rPh>
    <rPh sb="4" eb="8">
      <t>オダワラシ</t>
    </rPh>
    <rPh sb="8" eb="10">
      <t>ハヤカワ</t>
    </rPh>
    <phoneticPr fontId="7"/>
  </si>
  <si>
    <t>酒匂川左岸緑道</t>
    <rPh sb="0" eb="2">
      <t>サカワ</t>
    </rPh>
    <rPh sb="2" eb="3">
      <t>ガワ</t>
    </rPh>
    <rPh sb="3" eb="5">
      <t>サガン</t>
    </rPh>
    <rPh sb="5" eb="7">
      <t>リョクドウ</t>
    </rPh>
    <phoneticPr fontId="7"/>
  </si>
  <si>
    <t>神奈川県小田原市西酒匂1-1</t>
    <rPh sb="0" eb="4">
      <t>カナガワケン</t>
    </rPh>
    <rPh sb="4" eb="8">
      <t>オダワラシ</t>
    </rPh>
    <rPh sb="8" eb="11">
      <t>ニシサカワ</t>
    </rPh>
    <phoneticPr fontId="7"/>
  </si>
  <si>
    <t>小船森公園</t>
    <rPh sb="0" eb="2">
      <t>オブネ</t>
    </rPh>
    <rPh sb="2" eb="3">
      <t>モリ</t>
    </rPh>
    <rPh sb="3" eb="4">
      <t>エン</t>
    </rPh>
    <phoneticPr fontId="7"/>
  </si>
  <si>
    <t>神奈川県小田原市小船1224</t>
    <rPh sb="0" eb="4">
      <t>カナガワケン</t>
    </rPh>
    <rPh sb="4" eb="8">
      <t>オダワラシ</t>
    </rPh>
    <rPh sb="8" eb="10">
      <t>オブネ</t>
    </rPh>
    <phoneticPr fontId="7"/>
  </si>
  <si>
    <t>多古山の神公園</t>
    <rPh sb="0" eb="2">
      <t>タコ</t>
    </rPh>
    <rPh sb="2" eb="3">
      <t>ヤマ</t>
    </rPh>
    <rPh sb="4" eb="5">
      <t>カミ</t>
    </rPh>
    <rPh sb="5" eb="7">
      <t>コウエン</t>
    </rPh>
    <phoneticPr fontId="7"/>
  </si>
  <si>
    <t>神奈川県小田原市多古745-5</t>
    <rPh sb="0" eb="4">
      <t>カナガワケン</t>
    </rPh>
    <rPh sb="4" eb="8">
      <t>オダワラシ</t>
    </rPh>
    <rPh sb="8" eb="10">
      <t>タコ</t>
    </rPh>
    <phoneticPr fontId="7"/>
  </si>
  <si>
    <t>久野霊園</t>
    <rPh sb="0" eb="2">
      <t>クノ</t>
    </rPh>
    <rPh sb="2" eb="4">
      <t>レイエン</t>
    </rPh>
    <phoneticPr fontId="7"/>
  </si>
  <si>
    <t>085953</t>
  </si>
  <si>
    <t>085954</t>
  </si>
  <si>
    <t>085955</t>
  </si>
  <si>
    <t>085956</t>
  </si>
  <si>
    <t>085957</t>
  </si>
  <si>
    <t>085958</t>
  </si>
  <si>
    <t>085959</t>
  </si>
  <si>
    <t>085960</t>
  </si>
  <si>
    <t>9時から17時</t>
    <rPh sb="1" eb="2">
      <t>ジ</t>
    </rPh>
    <rPh sb="6" eb="7">
      <t>ジ</t>
    </rPh>
    <phoneticPr fontId="7"/>
  </si>
  <si>
    <t>鶴が台ぽかぽか公園</t>
    <rPh sb="0" eb="1">
      <t>ツル</t>
    </rPh>
    <rPh sb="2" eb="3">
      <t>ダイ</t>
    </rPh>
    <rPh sb="7" eb="9">
      <t>コウエン</t>
    </rPh>
    <phoneticPr fontId="7"/>
  </si>
  <si>
    <t>神奈川県茅ヶ崎市鶴が台1144番2</t>
    <rPh sb="0" eb="4">
      <t>カナガワケン</t>
    </rPh>
    <rPh sb="4" eb="8">
      <t>チガサキシ</t>
    </rPh>
    <rPh sb="8" eb="9">
      <t>ツル</t>
    </rPh>
    <rPh sb="10" eb="11">
      <t>ダイ</t>
    </rPh>
    <rPh sb="15" eb="16">
      <t>バン</t>
    </rPh>
    <phoneticPr fontId="7"/>
  </si>
  <si>
    <t>萩園辻東公園</t>
    <rPh sb="0" eb="2">
      <t>ハギゾノ</t>
    </rPh>
    <rPh sb="2" eb="3">
      <t>ツジ</t>
    </rPh>
    <rPh sb="3" eb="4">
      <t>ヒガシ</t>
    </rPh>
    <rPh sb="4" eb="6">
      <t>コウエン</t>
    </rPh>
    <phoneticPr fontId="7"/>
  </si>
  <si>
    <t>神奈川県茅ヶ崎市萩園2304番5</t>
    <rPh sb="0" eb="4">
      <t>カナガワケン</t>
    </rPh>
    <rPh sb="4" eb="8">
      <t>チガサキシ</t>
    </rPh>
    <rPh sb="8" eb="10">
      <t>ハギゾノ</t>
    </rPh>
    <rPh sb="14" eb="15">
      <t>バン</t>
    </rPh>
    <phoneticPr fontId="7"/>
  </si>
  <si>
    <t>萩園上ノ前公園</t>
    <rPh sb="0" eb="2">
      <t>ハギゾノ</t>
    </rPh>
    <rPh sb="2" eb="3">
      <t>カミ</t>
    </rPh>
    <rPh sb="4" eb="5">
      <t>マエ</t>
    </rPh>
    <rPh sb="5" eb="7">
      <t>コウエン</t>
    </rPh>
    <phoneticPr fontId="7"/>
  </si>
  <si>
    <t>神奈川県茅ヶ崎市萩園3865</t>
    <rPh sb="0" eb="4">
      <t>カナガワケン</t>
    </rPh>
    <rPh sb="4" eb="8">
      <t>チガサキシ</t>
    </rPh>
    <rPh sb="8" eb="10">
      <t>ハギゾノ</t>
    </rPh>
    <phoneticPr fontId="7"/>
  </si>
  <si>
    <t>096144</t>
  </si>
  <si>
    <t>096145</t>
  </si>
  <si>
    <t>096146</t>
  </si>
  <si>
    <t>秦野市</t>
    <rPh sb="0" eb="3">
      <t>ハダノシ</t>
    </rPh>
    <phoneticPr fontId="7"/>
  </si>
  <si>
    <t>ちむらはぎやま公園</t>
    <rPh sb="7" eb="9">
      <t>コウエン</t>
    </rPh>
    <phoneticPr fontId="7"/>
  </si>
  <si>
    <t>神奈川県秦野市千村五丁目107番4外</t>
    <phoneticPr fontId="7"/>
  </si>
  <si>
    <t>いまがわちょう東公園</t>
    <rPh sb="7" eb="10">
      <t>ヒガシコウエン</t>
    </rPh>
    <phoneticPr fontId="7"/>
  </si>
  <si>
    <t>神奈川県秦野市今川町131番59</t>
    <rPh sb="7" eb="10">
      <t>イマガワチョウ</t>
    </rPh>
    <phoneticPr fontId="7"/>
  </si>
  <si>
    <t>126499</t>
  </si>
  <si>
    <t>126500</t>
  </si>
  <si>
    <t>神奈川県厚木市飯山南4-14</t>
    <phoneticPr fontId="7"/>
  </si>
  <si>
    <t>神奈川県厚木市飯山南5-22</t>
    <phoneticPr fontId="7"/>
  </si>
  <si>
    <t>神奈川県厚木市飯山南5-7</t>
    <phoneticPr fontId="7"/>
  </si>
  <si>
    <t>神奈川県厚木市飯山南5-55</t>
    <phoneticPr fontId="7"/>
  </si>
  <si>
    <t>神奈川県厚木市飯山南5-4</t>
    <phoneticPr fontId="7"/>
  </si>
  <si>
    <t>神奈川県厚木市飯山南4-19</t>
    <phoneticPr fontId="7"/>
  </si>
  <si>
    <t>神奈川県厚木市飯山南5-37</t>
    <phoneticPr fontId="7"/>
  </si>
  <si>
    <t>神奈川県厚木市飯山南4-1</t>
    <phoneticPr fontId="7"/>
  </si>
  <si>
    <t>神奈川県厚木市飯山南4-16</t>
    <phoneticPr fontId="7"/>
  </si>
  <si>
    <t>神奈川県厚木市飯山南1-21</t>
    <phoneticPr fontId="7"/>
  </si>
  <si>
    <t>神奈川県厚木市飯山南2-28</t>
    <phoneticPr fontId="7"/>
  </si>
  <si>
    <t>神奈川県厚木市飯山南1-23</t>
    <phoneticPr fontId="7"/>
  </si>
  <si>
    <t>神奈川県厚木市飯山南1-5</t>
    <phoneticPr fontId="7"/>
  </si>
  <si>
    <t>神奈川県厚木市飯山南2-40</t>
    <phoneticPr fontId="7"/>
  </si>
  <si>
    <t>神奈川県厚木市飯山南5-71</t>
    <phoneticPr fontId="7"/>
  </si>
  <si>
    <t>神奈川県厚木市飯山南2-3</t>
    <phoneticPr fontId="7"/>
  </si>
  <si>
    <t>136732</t>
    <phoneticPr fontId="7"/>
  </si>
  <si>
    <t>瀬戸むつみ公園</t>
    <rPh sb="0" eb="2">
      <t>セト</t>
    </rPh>
    <rPh sb="5" eb="7">
      <t>コウエン</t>
    </rPh>
    <phoneticPr fontId="7"/>
  </si>
  <si>
    <t>神奈川県厚木市妻田北2-7</t>
    <rPh sb="4" eb="7">
      <t>アツギシ</t>
    </rPh>
    <phoneticPr fontId="7"/>
  </si>
  <si>
    <t>休憩所は12月29日～1月3日</t>
    <rPh sb="0" eb="3">
      <t>キュウケイジョ</t>
    </rPh>
    <rPh sb="6" eb="7">
      <t>ガツ</t>
    </rPh>
    <rPh sb="9" eb="10">
      <t>ニチ</t>
    </rPh>
    <rPh sb="12" eb="13">
      <t>ガツ</t>
    </rPh>
    <rPh sb="14" eb="15">
      <t>ニチ</t>
    </rPh>
    <phoneticPr fontId="7"/>
  </si>
  <si>
    <t>神奈川県大和市福田4-1</t>
    <phoneticPr fontId="7"/>
  </si>
  <si>
    <t>https://www.ebinasportspark.jp/</t>
    <phoneticPr fontId="7"/>
  </si>
  <si>
    <t>https://hokubu.ebinasportspark.jp/</t>
    <phoneticPr fontId="7"/>
  </si>
  <si>
    <t>https://www.ebinasportspark.jp/nakano/</t>
    <phoneticPr fontId="7"/>
  </si>
  <si>
    <t>午前9時～午後4時（多目的広場）</t>
    <rPh sb="0" eb="2">
      <t>ゴゼン</t>
    </rPh>
    <rPh sb="3" eb="4">
      <t>ジ</t>
    </rPh>
    <rPh sb="5" eb="7">
      <t>ゴゴ</t>
    </rPh>
    <rPh sb="8" eb="9">
      <t>ジ</t>
    </rPh>
    <rPh sb="10" eb="15">
      <t>タモクテキヒロバ</t>
    </rPh>
    <phoneticPr fontId="7"/>
  </si>
  <si>
    <t>多目的広場は午前9時から午後4時まで一般開放、午後5時から午後9時までが有料、要予約</t>
    <rPh sb="0" eb="5">
      <t>タモクテキヒロバ</t>
    </rPh>
    <rPh sb="6" eb="8">
      <t>ゴゼン</t>
    </rPh>
    <rPh sb="9" eb="10">
      <t>ジ</t>
    </rPh>
    <rPh sb="12" eb="14">
      <t>ゴゴ</t>
    </rPh>
    <rPh sb="15" eb="16">
      <t>ジ</t>
    </rPh>
    <rPh sb="18" eb="20">
      <t>イッパン</t>
    </rPh>
    <rPh sb="20" eb="22">
      <t>カイホウ</t>
    </rPh>
    <rPh sb="23" eb="25">
      <t>ゴゴ</t>
    </rPh>
    <rPh sb="26" eb="27">
      <t>ジ</t>
    </rPh>
    <rPh sb="29" eb="31">
      <t>ゴゴ</t>
    </rPh>
    <rPh sb="32" eb="33">
      <t>ジ</t>
    </rPh>
    <rPh sb="36" eb="38">
      <t>ユウリョウ</t>
    </rPh>
    <rPh sb="39" eb="40">
      <t>ヨウ</t>
    </rPh>
    <rPh sb="40" eb="42">
      <t>ヨヤク</t>
    </rPh>
    <phoneticPr fontId="7"/>
  </si>
  <si>
    <t>パークゴルフ場（有料施設）１回300円（小・中学生は150円、未就学児は無料）</t>
    <rPh sb="6" eb="7">
      <t>ジョウ</t>
    </rPh>
    <rPh sb="8" eb="10">
      <t>ユウリョウ</t>
    </rPh>
    <rPh sb="10" eb="12">
      <t>シセツ</t>
    </rPh>
    <rPh sb="14" eb="15">
      <t>カイ</t>
    </rPh>
    <rPh sb="18" eb="19">
      <t>エン</t>
    </rPh>
    <rPh sb="20" eb="21">
      <t>ショウ</t>
    </rPh>
    <rPh sb="22" eb="25">
      <t>チュウガクセイ</t>
    </rPh>
    <rPh sb="29" eb="30">
      <t>エン</t>
    </rPh>
    <rPh sb="31" eb="35">
      <t>ミシュウガクジ</t>
    </rPh>
    <rPh sb="36" eb="38">
      <t>ムリョウ</t>
    </rPh>
    <phoneticPr fontId="7"/>
  </si>
  <si>
    <t>大磯町</t>
  </si>
  <si>
    <t>http://www.oisopark.com/</t>
  </si>
  <si>
    <t>回転遊具</t>
    <phoneticPr fontId="7"/>
  </si>
  <si>
    <t>http://www.town.nakai.kanagawa.jp/forms/info/info.aspx?info_id=3778</t>
    <phoneticPr fontId="7"/>
  </si>
  <si>
    <t>http://www.town.nakai.kanagawa.jp/forms/info/info.aspx?info_id=3710</t>
    <phoneticPr fontId="7"/>
  </si>
  <si>
    <t>９時００分～２１時００分</t>
    <rPh sb="1" eb="2">
      <t>ジ</t>
    </rPh>
    <rPh sb="4" eb="5">
      <t>フン</t>
    </rPh>
    <rPh sb="8" eb="9">
      <t>ジ</t>
    </rPh>
    <rPh sb="11" eb="12">
      <t>フン</t>
    </rPh>
    <phoneticPr fontId="7"/>
  </si>
  <si>
    <t>河川と公園が連携するという整備手法をとった、初めての県立都市公園です。</t>
  </si>
  <si>
    <t>晴れた日には丹沢・大山の美しい山並みが望めます。</t>
  </si>
  <si>
    <t>年末年始12月29日から1月3日まで</t>
  </si>
  <si>
    <t>公園：7:00～20:00休憩所：9:30～19:30</t>
    <rPh sb="0" eb="2">
      <t>コウエン</t>
    </rPh>
    <rPh sb="13" eb="16">
      <t>キュウケイジョ</t>
    </rPh>
    <phoneticPr fontId="7"/>
  </si>
  <si>
    <t>スポーツ広場は毎週月曜日及び12月29日～1月3日、野球場は毎週月曜日及び12月29日～3月10日</t>
    <rPh sb="4" eb="6">
      <t>ヒロバ</t>
    </rPh>
    <rPh sb="7" eb="9">
      <t>マイシュウ</t>
    </rPh>
    <rPh sb="9" eb="12">
      <t>ゲツヨウビ</t>
    </rPh>
    <rPh sb="12" eb="13">
      <t>オヨ</t>
    </rPh>
    <rPh sb="16" eb="17">
      <t>ガツ</t>
    </rPh>
    <rPh sb="19" eb="20">
      <t>ニチ</t>
    </rPh>
    <rPh sb="22" eb="23">
      <t>ガツ</t>
    </rPh>
    <rPh sb="24" eb="25">
      <t>ニチ</t>
    </rPh>
    <rPh sb="26" eb="29">
      <t>ヤキュウジョウ</t>
    </rPh>
    <rPh sb="30" eb="32">
      <t>マイシュウ</t>
    </rPh>
    <rPh sb="32" eb="35">
      <t>ゲツヨウビ</t>
    </rPh>
    <rPh sb="35" eb="36">
      <t>オヨ</t>
    </rPh>
    <rPh sb="39" eb="40">
      <t>ガツ</t>
    </rPh>
    <rPh sb="42" eb="43">
      <t>ニチ</t>
    </rPh>
    <rPh sb="45" eb="46">
      <t>ガツ</t>
    </rPh>
    <rPh sb="48" eb="49">
      <t>ニチ</t>
    </rPh>
    <phoneticPr fontId="7"/>
  </si>
  <si>
    <t>4月から10月9:00～18:0011月から3月9:00～17:00</t>
    <rPh sb="1" eb="2">
      <t>ガツ</t>
    </rPh>
    <rPh sb="6" eb="7">
      <t>ガツ</t>
    </rPh>
    <rPh sb="19" eb="20">
      <t>ガツ</t>
    </rPh>
    <rPh sb="23" eb="24">
      <t>ガツ</t>
    </rPh>
    <phoneticPr fontId="7"/>
  </si>
  <si>
    <t>神奈川県海老名市柏ケ谷303-17</t>
  </si>
  <si>
    <t>月曜日※月曜日が祝日の場合は火曜日</t>
    <rPh sb="0" eb="3">
      <t>ゲツヨウビ</t>
    </rPh>
    <rPh sb="4" eb="7">
      <t>ゲツヨウビ</t>
    </rPh>
    <rPh sb="8" eb="10">
      <t>シュクジツ</t>
    </rPh>
    <rPh sb="11" eb="13">
      <t>バアイ</t>
    </rPh>
    <rPh sb="14" eb="17">
      <t>カヨウビ</t>
    </rPh>
    <phoneticPr fontId="7"/>
  </si>
  <si>
    <t>多目的広場：施設管理のため毎週火曜日休場、3月・4月は芝生養生のため休場</t>
  </si>
  <si>
    <t>1月～5月8：30～16：306月～8月8：00～18：009月～12月8：30～16：30</t>
  </si>
  <si>
    <t>多目的トイレ</t>
  </si>
  <si>
    <t>無料駐車場開場時間4～9月：平日9:00～19:00土休日8:00～19:0010～3月：平日9:00～18:00土休日8:00～18:00※イベント等により開場時間が変更になる場合があります。</t>
    <rPh sb="0" eb="2">
      <t>ムリョウ</t>
    </rPh>
    <rPh sb="2" eb="5">
      <t>チュウシャジョウ</t>
    </rPh>
    <rPh sb="5" eb="7">
      <t>カイジョウ</t>
    </rPh>
    <rPh sb="7" eb="9">
      <t>ジカン</t>
    </rPh>
    <rPh sb="12" eb="13">
      <t>ガツ</t>
    </rPh>
    <rPh sb="14" eb="16">
      <t>ヘイジツ</t>
    </rPh>
    <rPh sb="26" eb="27">
      <t>ド</t>
    </rPh>
    <rPh sb="27" eb="29">
      <t>キュウジツ</t>
    </rPh>
    <rPh sb="43" eb="44">
      <t>ガツ</t>
    </rPh>
    <rPh sb="45" eb="47">
      <t>ヘイジツ</t>
    </rPh>
    <rPh sb="57" eb="58">
      <t>ド</t>
    </rPh>
    <rPh sb="58" eb="60">
      <t>キュウジツ</t>
    </rPh>
    <rPh sb="75" eb="76">
      <t>トウ</t>
    </rPh>
    <rPh sb="79" eb="81">
      <t>カイジョウ</t>
    </rPh>
    <rPh sb="81" eb="83">
      <t>ジカン</t>
    </rPh>
    <rPh sb="84" eb="86">
      <t>ヘンコウ</t>
    </rPh>
    <rPh sb="89" eb="91">
      <t>バアイ</t>
    </rPh>
    <phoneticPr fontId="7"/>
  </si>
  <si>
    <t>8:30～17:00（霊園への車両入場は、16:30まで）※徒歩での入園は24時間可能。</t>
    <rPh sb="11" eb="13">
      <t>レイエン</t>
    </rPh>
    <rPh sb="15" eb="17">
      <t>シャリョウ</t>
    </rPh>
    <rPh sb="17" eb="19">
      <t>ニュウジョウ</t>
    </rPh>
    <rPh sb="30" eb="32">
      <t>トホ</t>
    </rPh>
    <rPh sb="34" eb="36">
      <t>ニュウエン</t>
    </rPh>
    <rPh sb="39" eb="41">
      <t>ジカン</t>
    </rPh>
    <rPh sb="41" eb="43">
      <t>カノウ</t>
    </rPh>
    <phoneticPr fontId="7"/>
  </si>
  <si>
    <t>公園は無休体育館・サッカー場共に12月28日から1月４日まで休場</t>
    <rPh sb="0" eb="2">
      <t>コウエン</t>
    </rPh>
    <rPh sb="3" eb="5">
      <t>ムキュウ</t>
    </rPh>
    <rPh sb="5" eb="8">
      <t>タイイクカン</t>
    </rPh>
    <rPh sb="13" eb="14">
      <t>ジョウ</t>
    </rPh>
    <rPh sb="14" eb="15">
      <t>トモ</t>
    </rPh>
    <rPh sb="18" eb="19">
      <t>ツキ</t>
    </rPh>
    <rPh sb="21" eb="22">
      <t>ニチ</t>
    </rPh>
    <rPh sb="25" eb="26">
      <t>ツキ</t>
    </rPh>
    <rPh sb="27" eb="28">
      <t>ニチ</t>
    </rPh>
    <rPh sb="30" eb="32">
      <t>キュウジョウ</t>
    </rPh>
    <phoneticPr fontId="7"/>
  </si>
  <si>
    <t>公園は24時間開園駐車場は原則4時～22時動物園は9:30～17時スポーツ施設はそれぞれ異なる</t>
    <rPh sb="0" eb="2">
      <t>コウエン</t>
    </rPh>
    <rPh sb="5" eb="7">
      <t>ジカン</t>
    </rPh>
    <rPh sb="7" eb="9">
      <t>カイエン</t>
    </rPh>
    <rPh sb="9" eb="12">
      <t>チュウシャジョウ</t>
    </rPh>
    <rPh sb="13" eb="15">
      <t>ゲンソク</t>
    </rPh>
    <rPh sb="16" eb="17">
      <t>ジ</t>
    </rPh>
    <rPh sb="20" eb="21">
      <t>ジ</t>
    </rPh>
    <rPh sb="21" eb="24">
      <t>ドウブツエン</t>
    </rPh>
    <rPh sb="32" eb="33">
      <t>ジ</t>
    </rPh>
    <rPh sb="37" eb="39">
      <t>シセツ</t>
    </rPh>
    <rPh sb="44" eb="45">
      <t>コト</t>
    </rPh>
    <phoneticPr fontId="7"/>
  </si>
  <si>
    <t>公園は無休動物園・体育館・管理事務所は毎週月曜日定休（月曜祝日の場合は営業し、一番近い平日が休館日）、管理事務所は12月29日から1月3日まで休み体育館・競技場・動物園は12月28日から1月4日まで休み球場は12/1～3/10休場</t>
    <rPh sb="0" eb="2">
      <t>コウエン</t>
    </rPh>
    <rPh sb="3" eb="5">
      <t>ムキュウ</t>
    </rPh>
    <rPh sb="5" eb="8">
      <t>ドウブツエン</t>
    </rPh>
    <rPh sb="9" eb="12">
      <t>タイイクカン</t>
    </rPh>
    <rPh sb="13" eb="15">
      <t>カンリ</t>
    </rPh>
    <rPh sb="15" eb="17">
      <t>ジム</t>
    </rPh>
    <rPh sb="17" eb="18">
      <t>ショ</t>
    </rPh>
    <rPh sb="19" eb="21">
      <t>マイシュウ</t>
    </rPh>
    <rPh sb="21" eb="24">
      <t>ゲツヨウビ</t>
    </rPh>
    <rPh sb="24" eb="26">
      <t>テイキュウ</t>
    </rPh>
    <rPh sb="27" eb="29">
      <t>ゲツヨウ</t>
    </rPh>
    <rPh sb="29" eb="30">
      <t>シュク</t>
    </rPh>
    <rPh sb="32" eb="34">
      <t>バアイ</t>
    </rPh>
    <rPh sb="35" eb="37">
      <t>エイギョウ</t>
    </rPh>
    <rPh sb="39" eb="41">
      <t>イチバン</t>
    </rPh>
    <rPh sb="41" eb="42">
      <t>チカ</t>
    </rPh>
    <rPh sb="43" eb="45">
      <t>ヘイジツ</t>
    </rPh>
    <rPh sb="46" eb="49">
      <t>キュウカンビ</t>
    </rPh>
    <rPh sb="51" eb="53">
      <t>カンリ</t>
    </rPh>
    <rPh sb="53" eb="55">
      <t>ジム</t>
    </rPh>
    <rPh sb="55" eb="56">
      <t>ショ</t>
    </rPh>
    <rPh sb="59" eb="60">
      <t>ツキ</t>
    </rPh>
    <rPh sb="62" eb="63">
      <t>ニチ</t>
    </rPh>
    <rPh sb="66" eb="67">
      <t>ツキ</t>
    </rPh>
    <rPh sb="68" eb="69">
      <t>ニチ</t>
    </rPh>
    <rPh sb="71" eb="72">
      <t>ヤス</t>
    </rPh>
    <rPh sb="73" eb="76">
      <t>タイイクカン</t>
    </rPh>
    <rPh sb="77" eb="80">
      <t>キョウギジョウ</t>
    </rPh>
    <rPh sb="81" eb="83">
      <t>ドウブツ</t>
    </rPh>
    <rPh sb="83" eb="84">
      <t>エン</t>
    </rPh>
    <rPh sb="87" eb="88">
      <t>ツキ</t>
    </rPh>
    <rPh sb="90" eb="91">
      <t>ヒ</t>
    </rPh>
    <rPh sb="94" eb="95">
      <t>ガツ</t>
    </rPh>
    <rPh sb="96" eb="97">
      <t>ヒ</t>
    </rPh>
    <rPh sb="99" eb="100">
      <t>ヤス</t>
    </rPh>
    <rPh sb="101" eb="103">
      <t>キュウジョウ</t>
    </rPh>
    <rPh sb="113" eb="115">
      <t>キュウジョウ</t>
    </rPh>
    <phoneticPr fontId="7"/>
  </si>
  <si>
    <t>午前8時30分～午後4時30分（1月～4月、10月～12月）午前8時00分～午後6時00分（5月～9月）</t>
  </si>
  <si>
    <t>いちご広場（東柏ケ谷四丁目広場）</t>
    <rPh sb="0" eb="5">
      <t>イチゴヒロバ</t>
    </rPh>
    <rPh sb="6" eb="10">
      <t>ヒガシカシワガヤ</t>
    </rPh>
    <rPh sb="10" eb="11">
      <t>４</t>
    </rPh>
    <rPh sb="11" eb="13">
      <t>チョウメ</t>
    </rPh>
    <rPh sb="13" eb="15">
      <t>ヒロバ</t>
    </rPh>
    <phoneticPr fontId="6"/>
  </si>
  <si>
    <t>４月１日～４月３０日午前９時～午後６時５月１日～８月３１日午前９時～午後７時９月１日～９月３０日午前９時～午後６時１０月１日～３月３１日午前９時～午後５時</t>
    <rPh sb="1" eb="2">
      <t>ガツ</t>
    </rPh>
    <rPh sb="3" eb="4">
      <t>ニチ</t>
    </rPh>
    <rPh sb="6" eb="7">
      <t>ガツ</t>
    </rPh>
    <rPh sb="9" eb="10">
      <t>ニチ</t>
    </rPh>
    <rPh sb="10" eb="12">
      <t>ゴゼン</t>
    </rPh>
    <rPh sb="13" eb="14">
      <t>ジ</t>
    </rPh>
    <rPh sb="15" eb="17">
      <t>ゴゴ</t>
    </rPh>
    <rPh sb="18" eb="19">
      <t>ジ</t>
    </rPh>
    <rPh sb="20" eb="21">
      <t>ガツ</t>
    </rPh>
    <rPh sb="22" eb="23">
      <t>ニチ</t>
    </rPh>
    <rPh sb="25" eb="26">
      <t>ガツ</t>
    </rPh>
    <rPh sb="28" eb="29">
      <t>ニチ</t>
    </rPh>
    <rPh sb="29" eb="31">
      <t>ゴゼン</t>
    </rPh>
    <rPh sb="32" eb="33">
      <t>ジ</t>
    </rPh>
    <rPh sb="34" eb="36">
      <t>ゴゴ</t>
    </rPh>
    <rPh sb="37" eb="38">
      <t>ジ</t>
    </rPh>
    <rPh sb="39" eb="40">
      <t>ガツ</t>
    </rPh>
    <rPh sb="41" eb="42">
      <t>ニチ</t>
    </rPh>
    <rPh sb="44" eb="45">
      <t>ガツ</t>
    </rPh>
    <rPh sb="47" eb="48">
      <t>ニチ</t>
    </rPh>
    <rPh sb="48" eb="50">
      <t>ゴゼン</t>
    </rPh>
    <rPh sb="51" eb="52">
      <t>ジ</t>
    </rPh>
    <rPh sb="53" eb="55">
      <t>ゴゴ</t>
    </rPh>
    <rPh sb="56" eb="57">
      <t>ジ</t>
    </rPh>
    <rPh sb="59" eb="60">
      <t>ガツ</t>
    </rPh>
    <rPh sb="61" eb="62">
      <t>ニチ</t>
    </rPh>
    <rPh sb="64" eb="65">
      <t>ガツ</t>
    </rPh>
    <rPh sb="67" eb="68">
      <t>ニチ</t>
    </rPh>
    <rPh sb="68" eb="70">
      <t>ゴゼン</t>
    </rPh>
    <rPh sb="71" eb="72">
      <t>ジ</t>
    </rPh>
    <rPh sb="73" eb="75">
      <t>ゴゴ</t>
    </rPh>
    <rPh sb="76" eb="77">
      <t>ジ</t>
    </rPh>
    <phoneticPr fontId="7"/>
  </si>
  <si>
    <t>月曜日（祝日の場合はその翌日）、祝日の翌日、年末年始（１２月２８日～翌年１月４日）</t>
    <rPh sb="0" eb="3">
      <t>ゲツヨウビ</t>
    </rPh>
    <rPh sb="4" eb="6">
      <t>シュクジツ</t>
    </rPh>
    <rPh sb="7" eb="9">
      <t>バアイ</t>
    </rPh>
    <rPh sb="12" eb="14">
      <t>ヨクジツ</t>
    </rPh>
    <rPh sb="16" eb="18">
      <t>シュクジツ</t>
    </rPh>
    <rPh sb="19" eb="21">
      <t>ヨクジツ</t>
    </rPh>
    <rPh sb="22" eb="24">
      <t>ネンマツ</t>
    </rPh>
    <rPh sb="24" eb="26">
      <t>ネンシ</t>
    </rPh>
    <rPh sb="29" eb="30">
      <t>ガツ</t>
    </rPh>
    <rPh sb="32" eb="33">
      <t>ニチ</t>
    </rPh>
    <rPh sb="34" eb="35">
      <t>ヨク</t>
    </rPh>
    <rPh sb="35" eb="36">
      <t>ネン</t>
    </rPh>
    <rPh sb="37" eb="38">
      <t>ガツ</t>
    </rPh>
    <rPh sb="39" eb="40">
      <t>ニチ</t>
    </rPh>
    <phoneticPr fontId="7"/>
  </si>
  <si>
    <t>無休駐車場利用は8：30～21:00毎月第4月曜日のみ8:00～19:00</t>
    <rPh sb="0" eb="2">
      <t>ムキュウ</t>
    </rPh>
    <rPh sb="2" eb="5">
      <t>チュウシャジョウ</t>
    </rPh>
    <rPh sb="5" eb="7">
      <t>リヨウ</t>
    </rPh>
    <rPh sb="18" eb="20">
      <t>マイツキ</t>
    </rPh>
    <rPh sb="20" eb="21">
      <t>ダイ</t>
    </rPh>
    <rPh sb="22" eb="25">
      <t>ゲツヨウビ</t>
    </rPh>
    <phoneticPr fontId="7"/>
  </si>
  <si>
    <t>無休体育館のみ毎月第4月曜日及び12/29～1/3の期間が休館日</t>
    <rPh sb="0" eb="2">
      <t>ムキュウ</t>
    </rPh>
    <rPh sb="2" eb="5">
      <t>タイイクカン</t>
    </rPh>
    <rPh sb="7" eb="9">
      <t>マイツキ</t>
    </rPh>
    <rPh sb="9" eb="10">
      <t>ダイ</t>
    </rPh>
    <rPh sb="11" eb="14">
      <t>ゲツヨウビ</t>
    </rPh>
    <rPh sb="14" eb="15">
      <t>オヨ</t>
    </rPh>
    <rPh sb="26" eb="28">
      <t>キカン</t>
    </rPh>
    <rPh sb="29" eb="32">
      <t>キュウカンビ</t>
    </rPh>
    <phoneticPr fontId="7"/>
  </si>
  <si>
    <t>無休駐車場利用は6：30～18:30</t>
    <rPh sb="0" eb="2">
      <t>ムキュウ</t>
    </rPh>
    <rPh sb="2" eb="5">
      <t>チュウシャジョウ</t>
    </rPh>
    <rPh sb="5" eb="7">
      <t>リヨウ</t>
    </rPh>
    <phoneticPr fontId="7"/>
  </si>
  <si>
    <t>イベント広場は有料貸出にて占有利用可能野球場、サッカー場は団体で使用する場合、別途予約が必要</t>
    <rPh sb="4" eb="6">
      <t>ヒロバ</t>
    </rPh>
    <rPh sb="7" eb="9">
      <t>ユウリョウ</t>
    </rPh>
    <rPh sb="9" eb="11">
      <t>カシダシ</t>
    </rPh>
    <rPh sb="13" eb="15">
      <t>センユウ</t>
    </rPh>
    <rPh sb="15" eb="17">
      <t>リヨウ</t>
    </rPh>
    <rPh sb="17" eb="19">
      <t>カノウ</t>
    </rPh>
    <rPh sb="19" eb="21">
      <t>ヤキュウ</t>
    </rPh>
    <rPh sb="21" eb="22">
      <t>ジョウ</t>
    </rPh>
    <rPh sb="27" eb="28">
      <t>ジョウ</t>
    </rPh>
    <rPh sb="29" eb="31">
      <t>ダンタイ</t>
    </rPh>
    <rPh sb="32" eb="34">
      <t>シヨウ</t>
    </rPh>
    <rPh sb="36" eb="38">
      <t>バアイ</t>
    </rPh>
    <rPh sb="39" eb="41">
      <t>ベット</t>
    </rPh>
    <rPh sb="41" eb="43">
      <t>ヨヤク</t>
    </rPh>
    <rPh sb="44" eb="46">
      <t>ヒツヨウ</t>
    </rPh>
    <phoneticPr fontId="7"/>
  </si>
  <si>
    <t>野球場http://www.town.aikawa.kanagawa.jp/shisetsu/sports/1427771495462.html体育館http://www.town.aikawa.kanagawa.jp/shisetsu/sports/1427771495501.html</t>
    <rPh sb="0" eb="3">
      <t>ヤキュウジョウ</t>
    </rPh>
    <rPh sb="72" eb="75">
      <t>タイイクカン</t>
    </rPh>
    <phoneticPr fontId="7"/>
  </si>
  <si>
    <t>•火曜日（火曜日が祝日の場合は開園し、水曜日と木曜日に休園します）•祝日の翌日（祝日の翌日が土、日、火の場合その次の平日に、祝日の翌日が月曜の場合、水曜が休場となります。）•年末年始（12月29日～1月3日）</t>
  </si>
  <si>
    <t>・火曜日（火曜日が祝日の場合は開園し、水曜日と木曜日に休園します）•祝日の翌日（祝日の翌日が土、日、火の場合その次の平日に、祝日の翌日が月曜の場合、水曜が休場となります。）•年末年始（12月29日～1月3日）</t>
  </si>
  <si>
    <t>ソフトボール場あり施設利用は要予約</t>
    <rPh sb="6" eb="7">
      <t>ジョウ</t>
    </rPh>
    <rPh sb="9" eb="11">
      <t>シセツ</t>
    </rPh>
    <rPh sb="11" eb="13">
      <t>リヨウ</t>
    </rPh>
    <rPh sb="14" eb="17">
      <t>ヨウヨヤク</t>
    </rPh>
    <phoneticPr fontId="7"/>
  </si>
  <si>
    <t>最終更新日</t>
    <rPh sb="0" eb="2">
      <t>サイシュウ</t>
    </rPh>
    <rPh sb="2" eb="4">
      <t>コウシン</t>
    </rPh>
    <rPh sb="4" eb="5">
      <t>ビ</t>
    </rPh>
    <phoneticPr fontId="7"/>
  </si>
  <si>
    <t>年末年始（12/29～1/3）</t>
    <phoneticPr fontId="7"/>
  </si>
  <si>
    <t>雲梯、回転遊具</t>
    <rPh sb="3" eb="5">
      <t>カイテン</t>
    </rPh>
    <rPh sb="5" eb="7">
      <t>ユウグ</t>
    </rPh>
    <phoneticPr fontId="7"/>
  </si>
  <si>
    <t>にいはる里山交流センター（旧奥津邸）の開園時間：9時－17時　（入園は16時30分まで）</t>
    <phoneticPr fontId="7"/>
  </si>
  <si>
    <t>◎入江町公園プールは、平成29年夏までで営業を終了しました。
 　 平成30年夏からは近接する子安小学校プールを市民の皆様にもご利用いただけるようになりました。
 　 詳細は以下ページ記載の【子安小学校プール市民利用に関すること】をご覧ください。
 　 http://www.city.yokohama.lg.jp/kyoiku/bunya/bunya17000.html</t>
    <phoneticPr fontId="7"/>
  </si>
  <si>
    <t>9:30～16:30 ※最終入園は16:00まで</t>
    <phoneticPr fontId="7"/>
  </si>
  <si>
    <t>月曜日(祝日の場合は翌日)、年末年始12/29-1/1 (但し、5月・10月は無休)</t>
    <phoneticPr fontId="7"/>
  </si>
  <si>
    <t xml:space="preserve">https://www.hama-midorinokyokai.or.jp/park/negishi/
</t>
    <phoneticPr fontId="7"/>
  </si>
  <si>
    <t>ちびっこ動物園は毎週月曜日（月曜が祝日や振替休日に当たる場合はその翌日が休園日となります）、12月29日～1月1日
※5・10月は無休</t>
    <rPh sb="4" eb="7">
      <t>ドウブツエン</t>
    </rPh>
    <phoneticPr fontId="7"/>
  </si>
  <si>
    <t xml:space="preserve">毎週火曜日（祝日の場合は開園。翌日休園。）、12/29～1/1
※5月・10月は無休
毎週火曜日（祝日の場合は開園。翌日休園。）、12/29～1/1
※5月・10月は無休
</t>
    <phoneticPr fontId="7"/>
  </si>
  <si>
    <t>毎週月曜日（祝日の場合は翌日休園）、12月29日～1月1日
※5月、10月は無休</t>
    <phoneticPr fontId="7"/>
  </si>
  <si>
    <t xml:space="preserve">https://www.hama-midorinokyokai.or.jp/park/gongenyama/
</t>
    <phoneticPr fontId="7"/>
  </si>
  <si>
    <t>宮崎大塚公園
 （旧 梶ヶ谷西第１公園）</t>
  </si>
  <si>
    <t>千年新町さくら公園（旧　千年第４公園）</t>
    <rPh sb="0" eb="2">
      <t>センネン</t>
    </rPh>
    <rPh sb="2" eb="4">
      <t>シンマチ</t>
    </rPh>
    <rPh sb="7" eb="9">
      <t>コウエン</t>
    </rPh>
    <rPh sb="10" eb="11">
      <t>キュウ</t>
    </rPh>
    <rPh sb="12" eb="14">
      <t>センネン</t>
    </rPh>
    <rPh sb="14" eb="15">
      <t>ダイ</t>
    </rPh>
    <rPh sb="16" eb="18">
      <t>コウエン</t>
    </rPh>
    <phoneticPr fontId="7"/>
  </si>
  <si>
    <t>下作延第３公園
 （旧 下作延第４公園）</t>
  </si>
  <si>
    <t>下平間あおば公園
 （旧 下平間西公園）</t>
  </si>
  <si>
    <t>小向仲野町緑道
 （旧 小向遊歩道公園）</t>
  </si>
  <si>
    <t>宿河原南公園
 （旧 宿河原第２公園）</t>
  </si>
  <si>
    <t>寺尾台第３公園
 （旧 生田馬場谷公園）</t>
  </si>
  <si>
    <t>錦ヶ丘北公園
 （旧 錦ヶ丘第２公園）</t>
  </si>
  <si>
    <t>錦ヶ丘南公園
 （旧 錦ヶ丘第１公園）</t>
  </si>
  <si>
    <t>有馬東公園
 （旧 有馬東第３公園）</t>
  </si>
  <si>
    <t>虹ヶ丘北公園
 （旧 虹ヶ丘東公園）</t>
  </si>
  <si>
    <t>宮前平第１公園
 （旧 宮前平第２公園）</t>
  </si>
  <si>
    <t>下小田中北島公園
 （旧 西中原公園）</t>
  </si>
  <si>
    <t>虹ヶ丘南公園
 （旧 虹ヶ丘西公園）</t>
  </si>
  <si>
    <t>北加瀬公園
 （旧 北加瀬第２公園）</t>
  </si>
  <si>
    <t>千代ヶ丘第１公園
 （旧 細山第１公園）</t>
  </si>
  <si>
    <t>上小田中公園
 （旧 上小田中第１公園）</t>
  </si>
  <si>
    <t>千年三笠公園
 （旧 千年第6公園）</t>
  </si>
  <si>
    <t>小倉緑道
 （旧 小倉公園）</t>
  </si>
  <si>
    <t>溝口北公園
 （旧 溝口北児童交通公園）</t>
  </si>
  <si>
    <t>東名土橋公園
 （旧 土橋第６公園）</t>
  </si>
  <si>
    <t>津田山公園
 （旧 津田山第1公園）</t>
  </si>
  <si>
    <t>千代ヶ丘第３公園
 （旧 細山第３公園）</t>
  </si>
  <si>
    <t>土橋４丁目公園
 （旧 土橋第５公園）</t>
  </si>
  <si>
    <t>宮前平第３公園
 （旧 宮前平第１公園）</t>
  </si>
  <si>
    <t>浜町第３公園
 （旧 鋼管通第２公園）</t>
  </si>
  <si>
    <t>宮前平第２公園
 （旧 宮前平第３公園）</t>
  </si>
  <si>
    <t>千代ヶ丘第２公園
 （旧 細山第２公園）</t>
  </si>
  <si>
    <t>土橋南公園
 （旧 鷺沼第２公園）</t>
  </si>
  <si>
    <t>ふじやま遺跡公園
 （旧 長尾第２公園）</t>
  </si>
  <si>
    <t>宮崎第３公園
 （旧 宮崎第１公園）</t>
  </si>
  <si>
    <t>土橋原台公園
 （旧 土橋第３公園）</t>
  </si>
  <si>
    <t>姥ヶ森公園
 （旧 東渡田第１公園）</t>
  </si>
  <si>
    <t>三田第７緑地
 （旧 三田第１緑地）</t>
  </si>
  <si>
    <t>中浜公園
 （旧 四谷公園）</t>
  </si>
  <si>
    <t>住吉西公園
 （旧 井田中ノ町公園）</t>
  </si>
  <si>
    <t>土橋２丁目公園
 （旧 土橋第２公園）</t>
  </si>
  <si>
    <t>鷺沼北公園
 （旧 土橋第４公園）</t>
  </si>
  <si>
    <t>土橋７丁目公園
 （旧 土橋第７公園）</t>
  </si>
  <si>
    <t>田島ふれあい公園
 （旧 東渡田第３公園）</t>
  </si>
  <si>
    <t>土橋１丁目公園
 （旧 土橋第１公園）</t>
  </si>
  <si>
    <t>江川ふれあい公園
 （旧 田町公園）</t>
  </si>
  <si>
    <t>四谷ゆめ公園
 （旧 四谷下町第２公園）</t>
  </si>
  <si>
    <t>弘法松公園
 （旧 百合丘第１公園）</t>
  </si>
  <si>
    <t>東名下公園
 （旧 東名宿河原第３公園）</t>
  </si>
  <si>
    <t>夢見ヶ崎公園
 （幸区市民健康の森）</t>
  </si>
  <si>
    <t>登戸第１緑地
 （旧 登戸第１号緑地）</t>
  </si>
  <si>
    <t>小向西町緑道
 （旧小向西町遊歩道公園）</t>
  </si>
  <si>
    <t>万福寺緑の保全地域
 （万福寺ふるさと緑地）</t>
  </si>
  <si>
    <t>井田山緑地
 （中原区市民健康の森）</t>
  </si>
  <si>
    <t>久末東緑地
 （久末ふれあいの森）</t>
  </si>
  <si>
    <t>小沢城址緑地
 （小沢城址ふれあいの森）</t>
  </si>
  <si>
    <t>おっ越し山緑地
 （おっ越し山ふれあいの森）</t>
  </si>
  <si>
    <t>宮崎第１公園
 （旧 宮崎第３公園）</t>
  </si>
  <si>
    <t>橘公園
 （旧 明津公園）</t>
  </si>
  <si>
    <t>さいわい緑道
 （旧 河原町緑道）</t>
  </si>
  <si>
    <t>浮島町公園
 （川崎区市民健康の森）</t>
  </si>
  <si>
    <t>東生田緑地
 （多摩区市民健康の森）</t>
  </si>
  <si>
    <t>菅生緑地
 （宮前区市民健康の森）</t>
  </si>
  <si>
    <t>王禅寺ふるさと公園
 （旧 川崎市制６０周年記念総合公園）</t>
  </si>
  <si>
    <t>プレイウォール、子供ハウス　水の広場、チビッコ広場</t>
    <rPh sb="14" eb="15">
      <t>ミズ</t>
    </rPh>
    <rPh sb="16" eb="18">
      <t>ヒロバ</t>
    </rPh>
    <rPh sb="23" eb="25">
      <t>ヒロバ</t>
    </rPh>
    <phoneticPr fontId="7"/>
  </si>
  <si>
    <t>平均台　多目的グラウンド、多目的広場、こども広場、中央広場</t>
    <rPh sb="4" eb="7">
      <t>タモクテキ</t>
    </rPh>
    <rPh sb="13" eb="16">
      <t>タモクテキ</t>
    </rPh>
    <rPh sb="16" eb="18">
      <t>ヒロバ</t>
    </rPh>
    <rPh sb="22" eb="24">
      <t>ヒロバ</t>
    </rPh>
    <rPh sb="25" eb="27">
      <t>チュウオウ</t>
    </rPh>
    <rPh sb="27" eb="29">
      <t>ヒロバ</t>
    </rPh>
    <phoneticPr fontId="7"/>
  </si>
  <si>
    <t>多目的グラウンド　※プールは夏季のみ</t>
    <rPh sb="0" eb="3">
      <t>タモクテキ</t>
    </rPh>
    <phoneticPr fontId="7"/>
  </si>
  <si>
    <t>動物のオブジェ　児童交通公園、白鳥池、蒸気機関車Ｄ52展示</t>
    <rPh sb="8" eb="10">
      <t>ジドウ</t>
    </rPh>
    <rPh sb="10" eb="12">
      <t>コウツウ</t>
    </rPh>
    <rPh sb="12" eb="14">
      <t>コウエン</t>
    </rPh>
    <rPh sb="15" eb="17">
      <t>ハクチョウ</t>
    </rPh>
    <rPh sb="17" eb="18">
      <t>イケ</t>
    </rPh>
    <rPh sb="19" eb="21">
      <t>ジョウキ</t>
    </rPh>
    <rPh sb="21" eb="24">
      <t>キカンシャ</t>
    </rPh>
    <rPh sb="27" eb="29">
      <t>テンジ</t>
    </rPh>
    <phoneticPr fontId="7"/>
  </si>
  <si>
    <t>動物のオブジェ　</t>
    <phoneticPr fontId="7"/>
  </si>
  <si>
    <t>平均台、のぼり棒、山型雲梯　ゲートボール場、わんぱく広場、多目的広場</t>
    <rPh sb="20" eb="21">
      <t>ジョウ</t>
    </rPh>
    <rPh sb="26" eb="28">
      <t>ヒロバ</t>
    </rPh>
    <rPh sb="29" eb="32">
      <t>タモクテキ</t>
    </rPh>
    <rPh sb="32" eb="34">
      <t>ヒロバ</t>
    </rPh>
    <phoneticPr fontId="7"/>
  </si>
  <si>
    <t>遊戯用電車　アイススケート場（冬季のみ）、広場、　※プールは夏季のみ、</t>
    <rPh sb="13" eb="14">
      <t>ジョウ</t>
    </rPh>
    <rPh sb="15" eb="17">
      <t>トウキ</t>
    </rPh>
    <rPh sb="21" eb="23">
      <t>ヒロバ</t>
    </rPh>
    <phoneticPr fontId="7"/>
  </si>
  <si>
    <t>動物園、動物のオブジェ　グリーンタワー相模原、ふれあい動物広場、フィールドアスレチック、スポーツ広場、広場、グラウンド（Ｈ29.6.1供用開始予定）</t>
    <rPh sb="19" eb="22">
      <t>サガミハラ</t>
    </rPh>
    <rPh sb="27" eb="29">
      <t>ドウブツ</t>
    </rPh>
    <rPh sb="29" eb="31">
      <t>ヒロバ</t>
    </rPh>
    <rPh sb="48" eb="50">
      <t>ヒロバ</t>
    </rPh>
    <rPh sb="51" eb="53">
      <t>ヒロバ</t>
    </rPh>
    <rPh sb="67" eb="69">
      <t>キョウヨウ</t>
    </rPh>
    <rPh sb="69" eb="71">
      <t>カイシ</t>
    </rPh>
    <rPh sb="71" eb="73">
      <t>ヨテイ</t>
    </rPh>
    <phoneticPr fontId="7"/>
  </si>
  <si>
    <t>8：30～17：00（5月～8月のみ19：00まで）※駐車場　約60台（8：10～17：10、5月～8月のみ19：10まで）</t>
    <phoneticPr fontId="7"/>
  </si>
  <si>
    <t>鎌倉海浜公園　由比ガ浜地区</t>
  </si>
  <si>
    <t>鎌倉海浜公園　稲村ガ崎地区</t>
  </si>
  <si>
    <t>鎌倉海浜公園　坂ノ下地区</t>
  </si>
  <si>
    <t>常時開園（管理事務所は8:30～17:15 (7,8月は7:30～18:00)）</t>
  </si>
  <si>
    <t>小塚公園  (通称:鶴巻公園)</t>
  </si>
  <si>
    <t>4月～9月　8時から18時　10月～3月　8時から17時</t>
    <phoneticPr fontId="7"/>
  </si>
  <si>
    <t xml:space="preserve">施設（テニスコート）：（4月から9月まで）午前8時から午後６時
（10月から3月まで）午前9時から午後５時 
</t>
    <rPh sb="0" eb="2">
      <t>シセツ</t>
    </rPh>
    <rPh sb="21" eb="23">
      <t>ゴゼン</t>
    </rPh>
    <rPh sb="27" eb="29">
      <t>ゴゴ</t>
    </rPh>
    <rPh sb="30" eb="31">
      <t>ジ</t>
    </rPh>
    <rPh sb="43" eb="45">
      <t>ゴゼン</t>
    </rPh>
    <rPh sb="49" eb="51">
      <t>ゴゴ</t>
    </rPh>
    <phoneticPr fontId="7"/>
  </si>
  <si>
    <t xml:space="preserve">管理事務所：午前９時から午後９時
</t>
    <rPh sb="0" eb="2">
      <t>カンリ</t>
    </rPh>
    <rPh sb="2" eb="4">
      <t>ジム</t>
    </rPh>
    <rPh sb="4" eb="5">
      <t>ショ</t>
    </rPh>
    <rPh sb="6" eb="8">
      <t>ゴゼン</t>
    </rPh>
    <rPh sb="9" eb="10">
      <t>ジ</t>
    </rPh>
    <rPh sb="12" eb="14">
      <t>ゴゴ</t>
    </rPh>
    <rPh sb="15" eb="16">
      <t>ジ</t>
    </rPh>
    <phoneticPr fontId="7"/>
  </si>
  <si>
    <t>施設（体育館、競技場、テニスコート）：午前９時から午後９時まで
施設（プール）：午前９時30分から午後８時30分まで
施設（野草園）：午前９時から午後４時30分まで</t>
    <rPh sb="0" eb="2">
      <t>シセツ</t>
    </rPh>
    <rPh sb="3" eb="6">
      <t>タイイクカン</t>
    </rPh>
    <rPh sb="7" eb="10">
      <t>キョウギジョウ</t>
    </rPh>
    <rPh sb="19" eb="21">
      <t>ゴゼン</t>
    </rPh>
    <rPh sb="22" eb="23">
      <t>ジ</t>
    </rPh>
    <rPh sb="25" eb="27">
      <t>ゴゴ</t>
    </rPh>
    <rPh sb="28" eb="29">
      <t>ジ</t>
    </rPh>
    <rPh sb="40" eb="42">
      <t>ゴゼン</t>
    </rPh>
    <rPh sb="43" eb="44">
      <t>ジ</t>
    </rPh>
    <rPh sb="46" eb="47">
      <t>フン</t>
    </rPh>
    <rPh sb="49" eb="51">
      <t>ゴゴ</t>
    </rPh>
    <rPh sb="52" eb="53">
      <t>ジ</t>
    </rPh>
    <rPh sb="55" eb="56">
      <t>フン</t>
    </rPh>
    <rPh sb="62" eb="64">
      <t>ヤソウ</t>
    </rPh>
    <rPh sb="64" eb="65">
      <t>エン</t>
    </rPh>
    <rPh sb="67" eb="69">
      <t>ゴゼン</t>
    </rPh>
    <rPh sb="70" eb="71">
      <t>ジ</t>
    </rPh>
    <rPh sb="73" eb="75">
      <t>ゴゴ</t>
    </rPh>
    <rPh sb="76" eb="77">
      <t>ジ</t>
    </rPh>
    <rPh sb="79" eb="80">
      <t>フン</t>
    </rPh>
    <phoneticPr fontId="7"/>
  </si>
  <si>
    <t>施設（体育館、プール、競技場、テニスコート）：月曜日（休日の場合は、火曜日）、休日の翌日（土、日曜日を除く）、年末年始
施設（野草園）：月曜日（休日に当たるときは、火曜日）、休日の翌日（土、日曜日に当たる日を除く）、12月1日〜2月28日（冬季閉園）、その他臨時に休園することがあります。</t>
    <rPh sb="0" eb="2">
      <t>シセツ</t>
    </rPh>
    <rPh sb="3" eb="6">
      <t>タイイクカン</t>
    </rPh>
    <rPh sb="11" eb="14">
      <t>キョウギジョウ</t>
    </rPh>
    <rPh sb="23" eb="26">
      <t>ゲツヨウビ</t>
    </rPh>
    <rPh sb="27" eb="29">
      <t>キュウジツ</t>
    </rPh>
    <rPh sb="30" eb="32">
      <t>バアイ</t>
    </rPh>
    <rPh sb="34" eb="37">
      <t>カヨウビ</t>
    </rPh>
    <rPh sb="39" eb="41">
      <t>キュウジツ</t>
    </rPh>
    <rPh sb="42" eb="44">
      <t>ヨクジツ</t>
    </rPh>
    <rPh sb="45" eb="46">
      <t>ド</t>
    </rPh>
    <rPh sb="47" eb="50">
      <t>ニチヨウビ</t>
    </rPh>
    <rPh sb="51" eb="52">
      <t>ノゾ</t>
    </rPh>
    <rPh sb="55" eb="57">
      <t>ネンマツ</t>
    </rPh>
    <rPh sb="57" eb="59">
      <t>ネンシ</t>
    </rPh>
    <rPh sb="63" eb="65">
      <t>ヤソウ</t>
    </rPh>
    <rPh sb="65" eb="66">
      <t>エン</t>
    </rPh>
    <phoneticPr fontId="7"/>
  </si>
  <si>
    <t>５月１日から９月３０日は９：００～１８：００
１０月１日から４月３０日は９：００～１７：００</t>
    <rPh sb="1" eb="2">
      <t>ガツ</t>
    </rPh>
    <rPh sb="3" eb="4">
      <t>ニチ</t>
    </rPh>
    <rPh sb="7" eb="8">
      <t>ガツ</t>
    </rPh>
    <rPh sb="10" eb="11">
      <t>ニチ</t>
    </rPh>
    <rPh sb="25" eb="26">
      <t>ガツ</t>
    </rPh>
    <rPh sb="27" eb="28">
      <t>ニチ</t>
    </rPh>
    <rPh sb="31" eb="32">
      <t>ガツ</t>
    </rPh>
    <rPh sb="34" eb="35">
      <t>ニチ</t>
    </rPh>
    <phoneticPr fontId="7"/>
  </si>
  <si>
    <t>中井中央公園は関東の富士見百景に選ばれており、４月と９月には夕日が富士山山頂に重なるダイヤモンド富士を見ることができます。
野球場、多目的広場、パークゴルフ場が有料施設となります。
利用方法、利用料金についてはホームページをご確認ください。</t>
    <rPh sb="0" eb="2">
      <t>ナカイ</t>
    </rPh>
    <rPh sb="2" eb="4">
      <t>チュウオウ</t>
    </rPh>
    <rPh sb="4" eb="6">
      <t>コウエン</t>
    </rPh>
    <rPh sb="7" eb="9">
      <t>カントウ</t>
    </rPh>
    <rPh sb="10" eb="13">
      <t>フジミ</t>
    </rPh>
    <rPh sb="13" eb="15">
      <t>ヒャッケイ</t>
    </rPh>
    <rPh sb="16" eb="17">
      <t>エラ</t>
    </rPh>
    <rPh sb="24" eb="25">
      <t>ガツ</t>
    </rPh>
    <rPh sb="27" eb="28">
      <t>ガツ</t>
    </rPh>
    <rPh sb="30" eb="32">
      <t>ユウヒ</t>
    </rPh>
    <rPh sb="33" eb="36">
      <t>フジサン</t>
    </rPh>
    <rPh sb="36" eb="38">
      <t>サンチョウ</t>
    </rPh>
    <rPh sb="39" eb="40">
      <t>カサ</t>
    </rPh>
    <rPh sb="48" eb="50">
      <t>フジ</t>
    </rPh>
    <rPh sb="51" eb="52">
      <t>ミ</t>
    </rPh>
    <rPh sb="62" eb="65">
      <t>ヤキュウジョウ</t>
    </rPh>
    <rPh sb="66" eb="69">
      <t>タモクテキ</t>
    </rPh>
    <rPh sb="69" eb="71">
      <t>ヒロバ</t>
    </rPh>
    <rPh sb="78" eb="79">
      <t>ジョウ</t>
    </rPh>
    <rPh sb="80" eb="82">
      <t>ユウリョウ</t>
    </rPh>
    <rPh sb="82" eb="84">
      <t>シセツ</t>
    </rPh>
    <rPh sb="91" eb="93">
      <t>リヨウ</t>
    </rPh>
    <rPh sb="93" eb="95">
      <t>ホウホウ</t>
    </rPh>
    <rPh sb="96" eb="98">
      <t>リヨウ</t>
    </rPh>
    <rPh sb="98" eb="100">
      <t>リョウキン</t>
    </rPh>
    <rPh sb="113" eb="115">
      <t>カクニン</t>
    </rPh>
    <phoneticPr fontId="7"/>
  </si>
  <si>
    <t>本郷ふれあい公園</t>
    <rPh sb="0" eb="2">
      <t>ホンゴウ</t>
    </rPh>
    <rPh sb="6" eb="8">
      <t>コウエン</t>
    </rPh>
    <phoneticPr fontId="7"/>
  </si>
  <si>
    <t>神奈川県海老名市本郷3611番地1</t>
    <rPh sb="0" eb="4">
      <t>カナガワケン</t>
    </rPh>
    <phoneticPr fontId="7"/>
  </si>
  <si>
    <t>海老名市</t>
  </si>
  <si>
    <t>地区公園</t>
  </si>
  <si>
    <t>（6月～9月）　　9：00～18：00
（10月～5月） 　9：00～17：00</t>
  </si>
  <si>
    <t>167432</t>
  </si>
  <si>
    <t>峯公園</t>
    <rPh sb="0" eb="1">
      <t>ミネ</t>
    </rPh>
    <phoneticPr fontId="7"/>
  </si>
  <si>
    <t>東横須賀まちかど公園</t>
    <rPh sb="8" eb="10">
      <t>コウエン</t>
    </rPh>
    <phoneticPr fontId="7"/>
  </si>
  <si>
    <t>州鼻南公園</t>
    <rPh sb="2" eb="3">
      <t>ミナミ</t>
    </rPh>
    <phoneticPr fontId="7"/>
  </si>
  <si>
    <t>洲鼻公園</t>
    <rPh sb="0" eb="2">
      <t>スバナ</t>
    </rPh>
    <phoneticPr fontId="7"/>
  </si>
  <si>
    <t>下沢まちかど公園</t>
    <phoneticPr fontId="7"/>
  </si>
  <si>
    <t>一の坪公園</t>
    <phoneticPr fontId="7"/>
  </si>
  <si>
    <t>宮ノ下公園</t>
    <phoneticPr fontId="7"/>
  </si>
  <si>
    <t>神奈川県小田原市前川191-11</t>
    <phoneticPr fontId="7"/>
  </si>
  <si>
    <t>神奈川県小田原市新屋138-6</t>
    <phoneticPr fontId="7"/>
  </si>
  <si>
    <t>神奈川県小田原市久野611-6</t>
    <phoneticPr fontId="7"/>
  </si>
  <si>
    <t>神奈川県小田原市栢山2439-3</t>
    <phoneticPr fontId="7"/>
  </si>
  <si>
    <t>神奈川県小田原市蓮正寺470-199</t>
    <phoneticPr fontId="7"/>
  </si>
  <si>
    <t>神奈川県小田原市早川1-6-6</t>
    <phoneticPr fontId="7"/>
  </si>
  <si>
    <t>神奈川県小田原市田島238-10</t>
    <phoneticPr fontId="7"/>
  </si>
  <si>
    <t>神奈川県小田原市南板橋2-223</t>
    <phoneticPr fontId="7"/>
  </si>
  <si>
    <t>螢田公園</t>
    <rPh sb="0" eb="1">
      <t>ホタル</t>
    </rPh>
    <phoneticPr fontId="7"/>
  </si>
  <si>
    <t>神奈川県小田原市板橋244-11</t>
    <phoneticPr fontId="7"/>
  </si>
  <si>
    <t>神奈川県小田原市板橋758-1</t>
    <phoneticPr fontId="7"/>
  </si>
  <si>
    <t>神奈川県小田原市小八幡1</t>
    <rPh sb="8" eb="9">
      <t>コ</t>
    </rPh>
    <rPh sb="9" eb="11">
      <t>ヤワタ</t>
    </rPh>
    <phoneticPr fontId="7"/>
  </si>
  <si>
    <t>神奈川県小田原市久野3798-5</t>
    <phoneticPr fontId="7"/>
  </si>
  <si>
    <t>神奈川県小田原市城山2,3丁目</t>
    <rPh sb="13" eb="15">
      <t>チョウメ</t>
    </rPh>
    <phoneticPr fontId="7"/>
  </si>
  <si>
    <t>ID</t>
  </si>
  <si>
    <t>地方公共団体名</t>
    <rPh sb="0" eb="2">
      <t>チホウ</t>
    </rPh>
    <rPh sb="2" eb="4">
      <t>コウキョウ</t>
    </rPh>
    <rPh sb="4" eb="6">
      <t>ダンタイ</t>
    </rPh>
    <rPh sb="6" eb="7">
      <t>メイ</t>
    </rPh>
    <phoneticPr fontId="5"/>
  </si>
  <si>
    <t>034609</t>
    <phoneticPr fontId="7"/>
  </si>
  <si>
    <t>記載例・入力方法</t>
    <rPh sb="0" eb="2">
      <t>キサイ</t>
    </rPh>
    <rPh sb="2" eb="3">
      <t>レイ</t>
    </rPh>
    <rPh sb="4" eb="6">
      <t>ニュウリョク</t>
    </rPh>
    <rPh sb="6" eb="8">
      <t>ホウホウ</t>
    </rPh>
    <phoneticPr fontId="7"/>
  </si>
  <si>
    <t>基本情報</t>
    <rPh sb="0" eb="2">
      <t>キホン</t>
    </rPh>
    <rPh sb="2" eb="4">
      <t>ジョウホウ</t>
    </rPh>
    <phoneticPr fontId="7"/>
  </si>
  <si>
    <t>設備</t>
    <rPh sb="0" eb="2">
      <t>セツビ</t>
    </rPh>
    <phoneticPr fontId="7"/>
  </si>
  <si>
    <t>遊具</t>
    <rPh sb="0" eb="2">
      <t>ユウグ</t>
    </rPh>
    <phoneticPr fontId="7"/>
  </si>
  <si>
    <t>スポーツ</t>
    <phoneticPr fontId="7"/>
  </si>
  <si>
    <t>動物ふれあい</t>
    <rPh sb="0" eb="2">
      <t>ドウブツ</t>
    </rPh>
    <phoneticPr fontId="7"/>
  </si>
  <si>
    <t>飲食</t>
    <rPh sb="0" eb="2">
      <t>インショク</t>
    </rPh>
    <phoneticPr fontId="7"/>
  </si>
  <si>
    <t>駐車場・駐輪場</t>
    <rPh sb="0" eb="3">
      <t>チュウシャジョウ</t>
    </rPh>
    <rPh sb="4" eb="7">
      <t>チュウリンジョウ</t>
    </rPh>
    <phoneticPr fontId="7"/>
  </si>
  <si>
    <t>開園日・時間など</t>
    <rPh sb="0" eb="2">
      <t>カイエン</t>
    </rPh>
    <rPh sb="2" eb="3">
      <t>ヒ</t>
    </rPh>
    <rPh sb="4" eb="6">
      <t>ジカン</t>
    </rPh>
    <phoneticPr fontId="7"/>
  </si>
  <si>
    <r>
      <t xml:space="preserve">公園種別
</t>
    </r>
    <r>
      <rPr>
        <sz val="8"/>
        <color rgb="FFFF0000"/>
        <rFont val="ＭＳ Ｐゴシック"/>
        <family val="3"/>
        <charset val="128"/>
      </rPr>
      <t>（必須）</t>
    </r>
    <phoneticPr fontId="7"/>
  </si>
  <si>
    <r>
      <t xml:space="preserve">トイレ
</t>
    </r>
    <r>
      <rPr>
        <sz val="8"/>
        <color rgb="FFFF0000"/>
        <rFont val="ＭＳ Ｐゴシック"/>
        <family val="3"/>
        <charset val="128"/>
      </rPr>
      <t>（必須）</t>
    </r>
    <phoneticPr fontId="7"/>
  </si>
  <si>
    <r>
      <t xml:space="preserve">多目的
トイレ
</t>
    </r>
    <r>
      <rPr>
        <sz val="8"/>
        <color rgb="FFFF0000"/>
        <rFont val="ＭＳ Ｐゴシック"/>
        <family val="3"/>
        <charset val="128"/>
      </rPr>
      <t>（必須）</t>
    </r>
    <phoneticPr fontId="7"/>
  </si>
  <si>
    <r>
      <t xml:space="preserve">水飲み・手洗い
</t>
    </r>
    <r>
      <rPr>
        <sz val="8"/>
        <color rgb="FFFF0000"/>
        <rFont val="ＭＳ Ｐゴシック"/>
        <family val="3"/>
        <charset val="128"/>
      </rPr>
      <t>（必須）</t>
    </r>
    <phoneticPr fontId="7"/>
  </si>
  <si>
    <t>－</t>
    <phoneticPr fontId="7"/>
  </si>
  <si>
    <t>「〇〇立」などの設置者情報を除いた公園の正式名称</t>
    <rPh sb="3" eb="4">
      <t>タテ</t>
    </rPh>
    <rPh sb="8" eb="10">
      <t>セッチ</t>
    </rPh>
    <rPh sb="10" eb="11">
      <t>シャ</t>
    </rPh>
    <rPh sb="11" eb="13">
      <t>ジョウホウ</t>
    </rPh>
    <rPh sb="14" eb="15">
      <t>ノゾ</t>
    </rPh>
    <rPh sb="17" eb="19">
      <t>コウエン</t>
    </rPh>
    <rPh sb="20" eb="22">
      <t>セイシキ</t>
    </rPh>
    <rPh sb="22" eb="24">
      <t>メイショウ</t>
    </rPh>
    <phoneticPr fontId="7"/>
  </si>
  <si>
    <t>県名から番地まで区切りなく記載。丁目以下は半角数字で記載しハイフンで接続</t>
    <rPh sb="0" eb="2">
      <t>ケンメイ</t>
    </rPh>
    <rPh sb="4" eb="6">
      <t>バンチ</t>
    </rPh>
    <rPh sb="8" eb="10">
      <t>クギ</t>
    </rPh>
    <rPh sb="13" eb="15">
      <t>キサイ</t>
    </rPh>
    <rPh sb="16" eb="20">
      <t>チョウメイカ</t>
    </rPh>
    <rPh sb="21" eb="23">
      <t>ハンカク</t>
    </rPh>
    <rPh sb="23" eb="25">
      <t>スウジ</t>
    </rPh>
    <rPh sb="26" eb="28">
      <t>キサイ</t>
    </rPh>
    <rPh sb="34" eb="36">
      <t>セツゾク</t>
    </rPh>
    <phoneticPr fontId="7"/>
  </si>
  <si>
    <t>西暦で記載</t>
    <rPh sb="0" eb="2">
      <t>セイレキ</t>
    </rPh>
    <rPh sb="3" eb="5">
      <t>キサイ</t>
    </rPh>
    <phoneticPr fontId="7"/>
  </si>
  <si>
    <t>半角数字で記載</t>
    <phoneticPr fontId="7"/>
  </si>
  <si>
    <t>都市公園法で定義する種別を選択</t>
    <rPh sb="0" eb="2">
      <t>トシ</t>
    </rPh>
    <rPh sb="2" eb="4">
      <t>コウエン</t>
    </rPh>
    <rPh sb="4" eb="5">
      <t>ホウ</t>
    </rPh>
    <rPh sb="6" eb="8">
      <t>テイギ</t>
    </rPh>
    <rPh sb="10" eb="12">
      <t>シュベツ</t>
    </rPh>
    <rPh sb="13" eb="15">
      <t>センタク</t>
    </rPh>
    <phoneticPr fontId="7"/>
  </si>
  <si>
    <t>車いす用設備等を備えるトイレ</t>
    <rPh sb="0" eb="1">
      <t>クルマ</t>
    </rPh>
    <rPh sb="3" eb="4">
      <t>ヨウ</t>
    </rPh>
    <rPh sb="4" eb="6">
      <t>セツビ</t>
    </rPh>
    <rPh sb="6" eb="7">
      <t>トウ</t>
    </rPh>
    <rPh sb="8" eb="9">
      <t>ソナ</t>
    </rPh>
    <phoneticPr fontId="7"/>
  </si>
  <si>
    <t>画像</t>
    <rPh sb="0" eb="2">
      <t>ガゾウ</t>
    </rPh>
    <phoneticPr fontId="7"/>
  </si>
  <si>
    <t>屋台・マーケット・コンサートなどの屋外イベントの会場となるスペース</t>
    <rPh sb="0" eb="2">
      <t>ヤタイ</t>
    </rPh>
    <rPh sb="17" eb="19">
      <t>オクガイ</t>
    </rPh>
    <rPh sb="24" eb="26">
      <t>カイジョウ</t>
    </rPh>
    <phoneticPr fontId="7"/>
  </si>
  <si>
    <t>避難場所（大規模火災等から身を守る場所）として県に報告があった公園</t>
    <rPh sb="0" eb="2">
      <t>ヒナン</t>
    </rPh>
    <rPh sb="2" eb="4">
      <t>バショ</t>
    </rPh>
    <rPh sb="5" eb="8">
      <t>ダイキボ</t>
    </rPh>
    <rPh sb="8" eb="10">
      <t>カサイ</t>
    </rPh>
    <rPh sb="10" eb="11">
      <t>トウ</t>
    </rPh>
    <rPh sb="13" eb="14">
      <t>ミ</t>
    </rPh>
    <rPh sb="15" eb="16">
      <t>マモ</t>
    </rPh>
    <rPh sb="17" eb="19">
      <t>バショ</t>
    </rPh>
    <rPh sb="23" eb="24">
      <t>ケン</t>
    </rPh>
    <rPh sb="25" eb="27">
      <t>ホウコク</t>
    </rPh>
    <rPh sb="31" eb="33">
      <t>コウエン</t>
    </rPh>
    <phoneticPr fontId="7"/>
  </si>
  <si>
    <t>公園の特徴、その他発信したい情報</t>
    <rPh sb="0" eb="2">
      <t>コウエン</t>
    </rPh>
    <rPh sb="3" eb="5">
      <t>トクチョウ</t>
    </rPh>
    <rPh sb="8" eb="9">
      <t>タ</t>
    </rPh>
    <rPh sb="9" eb="11">
      <t>ハッシン</t>
    </rPh>
    <rPh sb="14" eb="16">
      <t>ジョウホウ</t>
    </rPh>
    <phoneticPr fontId="7"/>
  </si>
  <si>
    <t>〇〇市</t>
    <rPh sb="2" eb="3">
      <t>シ</t>
    </rPh>
    <phoneticPr fontId="22"/>
  </si>
  <si>
    <t>〇×公園</t>
    <phoneticPr fontId="7"/>
  </si>
  <si>
    <t>神奈川県〇〇市××1-2-3</t>
    <rPh sb="6" eb="7">
      <t>シ</t>
    </rPh>
    <phoneticPr fontId="7"/>
  </si>
  <si>
    <t>近隣公園</t>
    <rPh sb="0" eb="2">
      <t>キンリン</t>
    </rPh>
    <rPh sb="2" eb="4">
      <t>コウエン</t>
    </rPh>
    <phoneticPr fontId="7"/>
  </si>
  <si>
    <r>
      <t>9</t>
    </r>
    <r>
      <rPr>
        <sz val="12"/>
        <rFont val="ＭＳ Ｐゴシック"/>
        <family val="3"/>
        <charset val="128"/>
      </rPr>
      <t>時～</t>
    </r>
    <r>
      <rPr>
        <sz val="12"/>
        <rFont val="Arial"/>
        <family val="2"/>
      </rPr>
      <t>17</t>
    </r>
    <r>
      <rPr>
        <sz val="12"/>
        <rFont val="ＭＳ Ｐゴシック"/>
        <family val="3"/>
        <charset val="128"/>
      </rPr>
      <t>時（乗り物利用は9時～16時、ただし昼休みを除く）土・日・祝日は昼休みも営業</t>
    </r>
    <rPh sb="1" eb="2">
      <t>ジ</t>
    </rPh>
    <rPh sb="5" eb="6">
      <t>ジ</t>
    </rPh>
    <rPh sb="7" eb="8">
      <t>ノ</t>
    </rPh>
    <rPh sb="9" eb="10">
      <t>モノ</t>
    </rPh>
    <rPh sb="10" eb="12">
      <t>リヨウ</t>
    </rPh>
    <rPh sb="14" eb="15">
      <t>ジ</t>
    </rPh>
    <rPh sb="18" eb="19">
      <t>ジ</t>
    </rPh>
    <rPh sb="23" eb="25">
      <t>ヒルヤス</t>
    </rPh>
    <rPh sb="27" eb="28">
      <t>ノゾ</t>
    </rPh>
    <rPh sb="30" eb="31">
      <t>ツチ</t>
    </rPh>
    <rPh sb="32" eb="33">
      <t>ニチ</t>
    </rPh>
    <rPh sb="34" eb="36">
      <t>シュクジツ</t>
    </rPh>
    <rPh sb="37" eb="39">
      <t>ヒルヤス</t>
    </rPh>
    <rPh sb="41" eb="43">
      <t>エイギョウ</t>
    </rPh>
    <phoneticPr fontId="7"/>
  </si>
  <si>
    <t>平成28年3月まで、毎週月曜日（祝日の場合は閉園）、祝日の翌日、年末年始休園日平成28年4月から毎週月曜日（月曜祝日の場合は開館し、火曜休館）、年末年始</t>
    <rPh sb="0" eb="2">
      <t>ヘイセイ</t>
    </rPh>
    <rPh sb="4" eb="5">
      <t>ネン</t>
    </rPh>
    <rPh sb="6" eb="7">
      <t>ガツ</t>
    </rPh>
    <rPh sb="10" eb="12">
      <t>マイシュウ</t>
    </rPh>
    <rPh sb="12" eb="15">
      <t>ゲツヨウビ</t>
    </rPh>
    <rPh sb="16" eb="18">
      <t>シュクジツ</t>
    </rPh>
    <rPh sb="19" eb="21">
      <t>バアイ</t>
    </rPh>
    <rPh sb="22" eb="24">
      <t>ヘイエン</t>
    </rPh>
    <rPh sb="26" eb="28">
      <t>シュクジツ</t>
    </rPh>
    <rPh sb="29" eb="31">
      <t>ヨクジツ</t>
    </rPh>
    <rPh sb="32" eb="34">
      <t>ネンマツ</t>
    </rPh>
    <rPh sb="34" eb="36">
      <t>ネンシ</t>
    </rPh>
    <rPh sb="36" eb="39">
      <t>キュウエンビ</t>
    </rPh>
    <rPh sb="39" eb="41">
      <t>ヘイセイ</t>
    </rPh>
    <rPh sb="43" eb="44">
      <t>ネン</t>
    </rPh>
    <rPh sb="45" eb="46">
      <t>ガツ</t>
    </rPh>
    <rPh sb="48" eb="53">
      <t>マイシュウゲツヨウビ</t>
    </rPh>
    <rPh sb="54" eb="56">
      <t>ゲツヨウ</t>
    </rPh>
    <rPh sb="56" eb="58">
      <t>シュクジツ</t>
    </rPh>
    <rPh sb="59" eb="61">
      <t>バアイ</t>
    </rPh>
    <rPh sb="62" eb="64">
      <t>カイカン</t>
    </rPh>
    <rPh sb="66" eb="68">
      <t>カヨウ</t>
    </rPh>
    <rPh sb="68" eb="70">
      <t>キュウカン</t>
    </rPh>
    <rPh sb="72" eb="74">
      <t>ネンマツ</t>
    </rPh>
    <rPh sb="74" eb="76">
      <t>ネンシ</t>
    </rPh>
    <phoneticPr fontId="7"/>
  </si>
  <si>
    <t>http://www.city.kamakura.kanagawa.jp/koen/kakukoen.html</t>
    <phoneticPr fontId="7"/>
  </si>
  <si>
    <t>桜の名所です。江戸時代の古民家があります。夏には〇〇祭りが開催されます。</t>
    <rPh sb="0" eb="1">
      <t>サクラ</t>
    </rPh>
    <rPh sb="2" eb="4">
      <t>メイショ</t>
    </rPh>
    <rPh sb="7" eb="9">
      <t>エド</t>
    </rPh>
    <rPh sb="9" eb="11">
      <t>ジダイ</t>
    </rPh>
    <rPh sb="12" eb="15">
      <t>コミンカ</t>
    </rPh>
    <rPh sb="21" eb="22">
      <t>ナツ</t>
    </rPh>
    <rPh sb="26" eb="27">
      <t>マツ</t>
    </rPh>
    <rPh sb="29" eb="31">
      <t>カイサイ</t>
    </rPh>
    <phoneticPr fontId="7"/>
  </si>
  <si>
    <t>■■町</t>
    <rPh sb="2" eb="3">
      <t>マチ</t>
    </rPh>
    <phoneticPr fontId="22"/>
  </si>
  <si>
    <t>■公園</t>
    <rPh sb="1" eb="3">
      <t>コウエン</t>
    </rPh>
    <phoneticPr fontId="7"/>
  </si>
  <si>
    <t>神奈川県■■町××1-3-4（地番）</t>
    <rPh sb="6" eb="7">
      <t>マチ</t>
    </rPh>
    <rPh sb="15" eb="17">
      <t>チバン</t>
    </rPh>
    <phoneticPr fontId="7"/>
  </si>
  <si>
    <t>街区公園</t>
    <rPh sb="0" eb="2">
      <t>ガイク</t>
    </rPh>
    <rPh sb="2" eb="4">
      <t>コウエン</t>
    </rPh>
    <phoneticPr fontId="7"/>
  </si>
  <si>
    <t>△市</t>
    <rPh sb="1" eb="2">
      <t>シ</t>
    </rPh>
    <phoneticPr fontId="7"/>
  </si>
  <si>
    <t>削除</t>
    <rPh sb="0" eb="2">
      <t>サクジョ</t>
    </rPh>
    <phoneticPr fontId="7"/>
  </si>
  <si>
    <t>神奈川県△市××1-2-4</t>
    <rPh sb="0" eb="4">
      <t>カナガワケン</t>
    </rPh>
    <rPh sb="5" eb="6">
      <t>シ</t>
    </rPh>
    <phoneticPr fontId="7"/>
  </si>
  <si>
    <r>
      <t xml:space="preserve">名称
</t>
    </r>
    <r>
      <rPr>
        <sz val="8"/>
        <color rgb="FFFF0000"/>
        <rFont val="ＭＳ Ｐゴシック"/>
        <family val="3"/>
        <charset val="128"/>
      </rPr>
      <t>（必須）</t>
    </r>
    <rPh sb="0" eb="2">
      <t>メイショウ</t>
    </rPh>
    <rPh sb="4" eb="6">
      <t>ヒッス</t>
    </rPh>
    <phoneticPr fontId="7"/>
  </si>
  <si>
    <r>
      <t xml:space="preserve">所在地
</t>
    </r>
    <r>
      <rPr>
        <sz val="8"/>
        <color rgb="FFFF0000"/>
        <rFont val="ＭＳ Ｐゴシック"/>
        <family val="3"/>
        <charset val="128"/>
      </rPr>
      <t>（必須）</t>
    </r>
    <rPh sb="0" eb="3">
      <t>ショザイチ</t>
    </rPh>
    <phoneticPr fontId="7"/>
  </si>
  <si>
    <r>
      <rPr>
        <sz val="8"/>
        <rFont val="ＭＳ Ｐゴシック"/>
        <family val="3"/>
        <charset val="128"/>
      </rPr>
      <t>面積</t>
    </r>
    <r>
      <rPr>
        <sz val="8"/>
        <color rgb="FFFF0000"/>
        <rFont val="ＭＳ Ｐゴシック"/>
        <family val="3"/>
        <charset val="128"/>
      </rPr>
      <t xml:space="preserve">
（必須）</t>
    </r>
    <phoneticPr fontId="7"/>
  </si>
  <si>
    <t>公園：3～5月、8～9月/午前8時30分～午後６時6～7月/午前8時30分～午後７時10～2月/午前8時30分～午後５時</t>
    <rPh sb="0" eb="1">
      <t>コウ</t>
    </rPh>
    <rPh sb="1" eb="2">
      <t>エン</t>
    </rPh>
    <rPh sb="13" eb="15">
      <t>ゴゼン</t>
    </rPh>
    <rPh sb="16" eb="17">
      <t>ジ</t>
    </rPh>
    <rPh sb="19" eb="20">
      <t>フン</t>
    </rPh>
    <rPh sb="21" eb="23">
      <t>ゴゴ</t>
    </rPh>
    <rPh sb="24" eb="25">
      <t>ジ</t>
    </rPh>
    <rPh sb="30" eb="32">
      <t>ゴゼン</t>
    </rPh>
    <rPh sb="33" eb="34">
      <t>ジ</t>
    </rPh>
    <rPh sb="36" eb="37">
      <t>フン</t>
    </rPh>
    <rPh sb="38" eb="40">
      <t>ゴゴ</t>
    </rPh>
    <rPh sb="41" eb="42">
      <t>ジ</t>
    </rPh>
    <rPh sb="48" eb="50">
      <t>ゴゼン</t>
    </rPh>
    <rPh sb="51" eb="52">
      <t>ジ</t>
    </rPh>
    <rPh sb="54" eb="55">
      <t>フン</t>
    </rPh>
    <rPh sb="56" eb="58">
      <t>ゴゴ</t>
    </rPh>
    <rPh sb="59" eb="60">
      <t>ジ</t>
    </rPh>
    <phoneticPr fontId="4"/>
  </si>
  <si>
    <t>公園：12月29日～1月3日</t>
    <rPh sb="0" eb="1">
      <t>コウ</t>
    </rPh>
    <rPh sb="1" eb="2">
      <t>エン</t>
    </rPh>
    <phoneticPr fontId="4"/>
  </si>
  <si>
    <t>パークセンター：午前8時30分～午後５時</t>
    <rPh sb="8" eb="10">
      <t>ゴゼン</t>
    </rPh>
    <rPh sb="11" eb="12">
      <t>ジ</t>
    </rPh>
    <rPh sb="14" eb="15">
      <t>フン</t>
    </rPh>
    <rPh sb="16" eb="18">
      <t>ゴゴ</t>
    </rPh>
    <rPh sb="19" eb="20">
      <t>ジ</t>
    </rPh>
    <phoneticPr fontId="4"/>
  </si>
  <si>
    <t>公園：無休パークセンター：年末年始その他各施設により異なる。</t>
    <rPh sb="0" eb="1">
      <t>コウ</t>
    </rPh>
    <rPh sb="1" eb="2">
      <t>エン</t>
    </rPh>
    <rPh sb="3" eb="5">
      <t>ムキュウ</t>
    </rPh>
    <rPh sb="13" eb="15">
      <t>ネンマツ</t>
    </rPh>
    <rPh sb="15" eb="17">
      <t>ネンシ</t>
    </rPh>
    <phoneticPr fontId="4"/>
  </si>
  <si>
    <t>日本の「さくら名所100選」に選ばれている公園で、78品種およそ1600本のさくらが来園者に親しまれています。</t>
    <rPh sb="21" eb="22">
      <t>コウ</t>
    </rPh>
    <rPh sb="22" eb="23">
      <t>エン</t>
    </rPh>
    <rPh sb="42" eb="43">
      <t>ライ</t>
    </rPh>
    <phoneticPr fontId="4"/>
  </si>
  <si>
    <t>管理事務所：午前8時30分～午後５時その他各施設により異なる。</t>
    <rPh sb="0" eb="2">
      <t>カンリ</t>
    </rPh>
    <rPh sb="2" eb="4">
      <t>ジム</t>
    </rPh>
    <rPh sb="4" eb="5">
      <t>ショ</t>
    </rPh>
    <rPh sb="6" eb="8">
      <t>ゴゼン</t>
    </rPh>
    <rPh sb="9" eb="10">
      <t>ジ</t>
    </rPh>
    <rPh sb="12" eb="13">
      <t>フン</t>
    </rPh>
    <rPh sb="14" eb="16">
      <t>ゴゴ</t>
    </rPh>
    <rPh sb="17" eb="18">
      <t>ジ</t>
    </rPh>
    <rPh sb="20" eb="21">
      <t>タ</t>
    </rPh>
    <rPh sb="21" eb="22">
      <t>カク</t>
    </rPh>
    <rPh sb="22" eb="24">
      <t>シセツ</t>
    </rPh>
    <rPh sb="27" eb="28">
      <t>コト</t>
    </rPh>
    <phoneticPr fontId="4"/>
  </si>
  <si>
    <t>公園：無休管理事務所：年末年始その他各施設により異なる。</t>
    <rPh sb="0" eb="1">
      <t>コウ</t>
    </rPh>
    <rPh sb="1" eb="2">
      <t>エン</t>
    </rPh>
    <rPh sb="3" eb="5">
      <t>ムキュウ</t>
    </rPh>
    <rPh sb="5" eb="7">
      <t>カンリ</t>
    </rPh>
    <rPh sb="7" eb="9">
      <t>ジム</t>
    </rPh>
    <rPh sb="9" eb="10">
      <t>ショ</t>
    </rPh>
    <rPh sb="17" eb="18">
      <t>タ</t>
    </rPh>
    <rPh sb="18" eb="19">
      <t>カク</t>
    </rPh>
    <rPh sb="19" eb="21">
      <t>シセツ</t>
    </rPh>
    <rPh sb="24" eb="25">
      <t>コト</t>
    </rPh>
    <phoneticPr fontId="4"/>
  </si>
  <si>
    <t>公園：無休管理事務所・ビジターセンター・ワークセンター：年末年始</t>
    <rPh sb="0" eb="1">
      <t>コウ</t>
    </rPh>
    <rPh sb="1" eb="2">
      <t>エン</t>
    </rPh>
    <rPh sb="3" eb="5">
      <t>ムキュウ</t>
    </rPh>
    <rPh sb="5" eb="7">
      <t>カンリ</t>
    </rPh>
    <rPh sb="7" eb="9">
      <t>ジム</t>
    </rPh>
    <rPh sb="9" eb="10">
      <t>ショ</t>
    </rPh>
    <phoneticPr fontId="4"/>
  </si>
  <si>
    <t>パークセンター：午前８時３０分～午後５時</t>
    <rPh sb="8" eb="10">
      <t>ゴゼン</t>
    </rPh>
    <rPh sb="16" eb="18">
      <t>ゴゴ</t>
    </rPh>
    <phoneticPr fontId="4"/>
  </si>
  <si>
    <t>公園：無休パークセンター：12月29日～1月3日</t>
    <rPh sb="0" eb="1">
      <t>コウ</t>
    </rPh>
    <rPh sb="1" eb="2">
      <t>エン</t>
    </rPh>
    <rPh sb="3" eb="5">
      <t>ムキュウ</t>
    </rPh>
    <phoneticPr fontId="4"/>
  </si>
  <si>
    <t>公園：無休管理事務所：無休</t>
    <rPh sb="0" eb="1">
      <t>コウ</t>
    </rPh>
    <rPh sb="1" eb="2">
      <t>エン</t>
    </rPh>
    <rPh sb="3" eb="5">
      <t>ムキュウ</t>
    </rPh>
    <rPh sb="5" eb="7">
      <t>カンリ</t>
    </rPh>
    <rPh sb="7" eb="9">
      <t>ジム</t>
    </rPh>
    <rPh sb="9" eb="10">
      <t>ショ</t>
    </rPh>
    <rPh sb="11" eb="13">
      <t>ムキュウ</t>
    </rPh>
    <phoneticPr fontId="4"/>
  </si>
  <si>
    <t>相模湖に面した豊かな水景色を望む一等地に位置している公園です。</t>
    <rPh sb="0" eb="2">
      <t>サガミ</t>
    </rPh>
    <rPh sb="2" eb="3">
      <t>コ</t>
    </rPh>
    <rPh sb="4" eb="5">
      <t>メン</t>
    </rPh>
    <rPh sb="26" eb="27">
      <t>コウ</t>
    </rPh>
    <rPh sb="27" eb="28">
      <t>エン</t>
    </rPh>
    <phoneticPr fontId="4"/>
  </si>
  <si>
    <t>管理事務所：午前8時30分～午後5時30分グリーンハウス：午前9時30分～午後4時30分</t>
    <rPh sb="0" eb="2">
      <t>カンリ</t>
    </rPh>
    <rPh sb="2" eb="4">
      <t>ジム</t>
    </rPh>
    <rPh sb="4" eb="5">
      <t>ショ</t>
    </rPh>
    <phoneticPr fontId="4"/>
  </si>
  <si>
    <t>公園：無休管理事務所：年末年始12月29日～1月3日グリーンハウス：毎週月曜日（祝日の場合は開館）祝日の翌日と12月28日～1月4日</t>
    <rPh sb="0" eb="1">
      <t>コウ</t>
    </rPh>
    <rPh sb="1" eb="2">
      <t>エン</t>
    </rPh>
    <rPh sb="3" eb="5">
      <t>ムキュウ</t>
    </rPh>
    <rPh sb="5" eb="7">
      <t>カンリ</t>
    </rPh>
    <rPh sb="7" eb="9">
      <t>ジム</t>
    </rPh>
    <rPh sb="9" eb="10">
      <t>ショ</t>
    </rPh>
    <phoneticPr fontId="4"/>
  </si>
  <si>
    <t>パークセンター：午前９時～午後5時</t>
    <rPh sb="8" eb="10">
      <t>ゴゼン</t>
    </rPh>
    <rPh sb="11" eb="12">
      <t>ジ</t>
    </rPh>
    <rPh sb="13" eb="15">
      <t>ゴゴ</t>
    </rPh>
    <rPh sb="16" eb="17">
      <t>ジ</t>
    </rPh>
    <phoneticPr fontId="4"/>
  </si>
  <si>
    <t>公園：無休パークセンター展示室と研修棟：第1・第3月曜日(祝日の場合翌日)の午前中は休館</t>
    <rPh sb="0" eb="1">
      <t>コウ</t>
    </rPh>
    <rPh sb="1" eb="2">
      <t>エン</t>
    </rPh>
    <rPh sb="3" eb="5">
      <t>ムキュウ</t>
    </rPh>
    <rPh sb="42" eb="44">
      <t>キュウカン</t>
    </rPh>
    <phoneticPr fontId="4"/>
  </si>
  <si>
    <t>公園：無休管理事務所：無休</t>
    <rPh sb="0" eb="2">
      <t>コウエン</t>
    </rPh>
    <rPh sb="3" eb="5">
      <t>ムキュウ</t>
    </rPh>
    <rPh sb="5" eb="7">
      <t>カンリ</t>
    </rPh>
    <rPh sb="7" eb="9">
      <t>ジム</t>
    </rPh>
    <rPh sb="9" eb="10">
      <t>ショ</t>
    </rPh>
    <rPh sb="11" eb="13">
      <t>ムキュウ</t>
    </rPh>
    <phoneticPr fontId="4"/>
  </si>
  <si>
    <t>横須賀港を望む高台に位置する史跡（三浦按針の墓（安針塚））や風景で名高い公園で、桜の名所としての優れた景観により「かながわの景勝50選」に選定されています。</t>
    <rPh sb="0" eb="3">
      <t>ヨコスカ</t>
    </rPh>
    <rPh sb="3" eb="4">
      <t>コウ</t>
    </rPh>
    <rPh sb="5" eb="6">
      <t>ノゾ</t>
    </rPh>
    <rPh sb="7" eb="9">
      <t>タカダイ</t>
    </rPh>
    <rPh sb="10" eb="12">
      <t>イチ</t>
    </rPh>
    <rPh sb="14" eb="16">
      <t>シセキ</t>
    </rPh>
    <rPh sb="17" eb="19">
      <t>ミウラ</t>
    </rPh>
    <rPh sb="19" eb="20">
      <t>アン</t>
    </rPh>
    <rPh sb="20" eb="21">
      <t>ハリ</t>
    </rPh>
    <rPh sb="22" eb="23">
      <t>ハカ</t>
    </rPh>
    <rPh sb="24" eb="25">
      <t>アン</t>
    </rPh>
    <rPh sb="25" eb="26">
      <t>ハリ</t>
    </rPh>
    <rPh sb="26" eb="27">
      <t>ツカ</t>
    </rPh>
    <rPh sb="30" eb="32">
      <t>フウケイ</t>
    </rPh>
    <rPh sb="33" eb="35">
      <t>ナダカ</t>
    </rPh>
    <rPh sb="36" eb="38">
      <t>コウエン</t>
    </rPh>
    <rPh sb="40" eb="41">
      <t>サクラ</t>
    </rPh>
    <rPh sb="42" eb="44">
      <t>メイショ</t>
    </rPh>
    <rPh sb="48" eb="49">
      <t>スグ</t>
    </rPh>
    <rPh sb="51" eb="53">
      <t>ケイカン</t>
    </rPh>
    <rPh sb="62" eb="64">
      <t>ケイショウ</t>
    </rPh>
    <rPh sb="66" eb="67">
      <t>セン</t>
    </rPh>
    <rPh sb="69" eb="71">
      <t>センテイ</t>
    </rPh>
    <phoneticPr fontId="4"/>
  </si>
  <si>
    <t>パークセンター：午前8時15分～午後５時15分</t>
    <rPh sb="8" eb="10">
      <t>ゴゼン</t>
    </rPh>
    <rPh sb="11" eb="12">
      <t>ジ</t>
    </rPh>
    <rPh sb="14" eb="15">
      <t>フン</t>
    </rPh>
    <rPh sb="16" eb="18">
      <t>ゴゴ</t>
    </rPh>
    <rPh sb="19" eb="20">
      <t>ジ</t>
    </rPh>
    <rPh sb="22" eb="23">
      <t>フン</t>
    </rPh>
    <phoneticPr fontId="4"/>
  </si>
  <si>
    <t>三浦半島の東端に位置する自然に恵まれた公園で、博物館や美術館をはじめ、多彩な施設を持ち、ボランティアによる活動も盛んです。浦賀水道を行き交う船や房総半島が一望できます。</t>
    <rPh sb="0" eb="2">
      <t>ミウラ</t>
    </rPh>
    <rPh sb="2" eb="4">
      <t>ハントウ</t>
    </rPh>
    <rPh sb="5" eb="7">
      <t>トウタン</t>
    </rPh>
    <rPh sb="8" eb="10">
      <t>イチ</t>
    </rPh>
    <rPh sb="12" eb="14">
      <t>シゼン</t>
    </rPh>
    <rPh sb="15" eb="16">
      <t>メグ</t>
    </rPh>
    <rPh sb="19" eb="21">
      <t>コウエン</t>
    </rPh>
    <rPh sb="23" eb="25">
      <t>ハクブツ</t>
    </rPh>
    <rPh sb="25" eb="26">
      <t>カン</t>
    </rPh>
    <rPh sb="27" eb="30">
      <t>ビジュツカン</t>
    </rPh>
    <rPh sb="35" eb="37">
      <t>タサイ</t>
    </rPh>
    <rPh sb="38" eb="40">
      <t>シセツ</t>
    </rPh>
    <rPh sb="41" eb="42">
      <t>モ</t>
    </rPh>
    <rPh sb="53" eb="55">
      <t>カツドウ</t>
    </rPh>
    <rPh sb="56" eb="57">
      <t>サカ</t>
    </rPh>
    <rPh sb="61" eb="63">
      <t>ウラガ</t>
    </rPh>
    <rPh sb="63" eb="65">
      <t>スイドウ</t>
    </rPh>
    <rPh sb="66" eb="67">
      <t>イ</t>
    </rPh>
    <rPh sb="68" eb="69">
      <t>カ</t>
    </rPh>
    <rPh sb="70" eb="71">
      <t>フネ</t>
    </rPh>
    <rPh sb="72" eb="74">
      <t>ボウソウ</t>
    </rPh>
    <rPh sb="74" eb="76">
      <t>ハントウ</t>
    </rPh>
    <rPh sb="77" eb="79">
      <t>イチボウ</t>
    </rPh>
    <phoneticPr fontId="4"/>
  </si>
  <si>
    <t>サーフビレッジ：午前８時30分〜午後５時30分（７・８月のみ午前８時30分～午後６時30分）その他各施設により異なる。</t>
    <rPh sb="8" eb="10">
      <t>ゴゼン</t>
    </rPh>
    <rPh sb="11" eb="12">
      <t>ジ</t>
    </rPh>
    <rPh sb="14" eb="15">
      <t>フン</t>
    </rPh>
    <rPh sb="16" eb="18">
      <t>ゴゴ</t>
    </rPh>
    <rPh sb="19" eb="20">
      <t>ジ</t>
    </rPh>
    <rPh sb="22" eb="23">
      <t>フン</t>
    </rPh>
    <rPh sb="30" eb="32">
      <t>ゴゼン</t>
    </rPh>
    <rPh sb="33" eb="34">
      <t>ジ</t>
    </rPh>
    <rPh sb="36" eb="37">
      <t>フン</t>
    </rPh>
    <rPh sb="38" eb="40">
      <t>ゴゴ</t>
    </rPh>
    <rPh sb="41" eb="42">
      <t>ジ</t>
    </rPh>
    <rPh sb="44" eb="45">
      <t>フン</t>
    </rPh>
    <rPh sb="48" eb="49">
      <t>タ</t>
    </rPh>
    <rPh sb="49" eb="50">
      <t>カク</t>
    </rPh>
    <rPh sb="50" eb="52">
      <t>シセツ</t>
    </rPh>
    <rPh sb="55" eb="56">
      <t>コト</t>
    </rPh>
    <phoneticPr fontId="4"/>
  </si>
  <si>
    <t>公園：無休サーフビレッジ：第1・第3月曜日、年末年始（12月29日～1月3日）※7・8月は無休その他各施設により異なる。</t>
    <rPh sb="0" eb="1">
      <t>コウ</t>
    </rPh>
    <rPh sb="1" eb="2">
      <t>エン</t>
    </rPh>
    <rPh sb="3" eb="5">
      <t>ムキュウ</t>
    </rPh>
    <rPh sb="49" eb="50">
      <t>タ</t>
    </rPh>
    <rPh sb="50" eb="51">
      <t>カク</t>
    </rPh>
    <rPh sb="51" eb="53">
      <t>シセツ</t>
    </rPh>
    <rPh sb="56" eb="57">
      <t>コト</t>
    </rPh>
    <phoneticPr fontId="4"/>
  </si>
  <si>
    <t>管理事務所午前８時30分～午後５時その他施設は施設により異なる。</t>
    <rPh sb="19" eb="20">
      <t>タ</t>
    </rPh>
    <rPh sb="20" eb="22">
      <t>シセツ</t>
    </rPh>
    <rPh sb="23" eb="25">
      <t>シセツ</t>
    </rPh>
    <rPh sb="28" eb="29">
      <t>コト</t>
    </rPh>
    <phoneticPr fontId="4"/>
  </si>
  <si>
    <t>公園：無休管理事務所：年末年始</t>
    <rPh sb="0" eb="1">
      <t>コウ</t>
    </rPh>
    <rPh sb="1" eb="2">
      <t>エン</t>
    </rPh>
    <rPh sb="3" eb="5">
      <t>ムキュウ</t>
    </rPh>
    <rPh sb="5" eb="7">
      <t>カンリ</t>
    </rPh>
    <rPh sb="7" eb="9">
      <t>ジム</t>
    </rPh>
    <rPh sb="9" eb="10">
      <t>ショ</t>
    </rPh>
    <rPh sb="11" eb="13">
      <t>ネンマツ</t>
    </rPh>
    <rPh sb="13" eb="15">
      <t>ネンシ</t>
    </rPh>
    <phoneticPr fontId="4"/>
  </si>
  <si>
    <t>パークセンター：午前８時30分～午後５時</t>
    <rPh sb="8" eb="10">
      <t>ゴゼン</t>
    </rPh>
    <rPh sb="11" eb="12">
      <t>ジ</t>
    </rPh>
    <rPh sb="14" eb="15">
      <t>フン</t>
    </rPh>
    <rPh sb="16" eb="18">
      <t>ゴゴ</t>
    </rPh>
    <rPh sb="19" eb="20">
      <t>ジ</t>
    </rPh>
    <phoneticPr fontId="4"/>
  </si>
  <si>
    <t>人が集い、遊びながら、里山の自然や季節の花とのふれあいを体験できる公園です。</t>
    <rPh sb="0" eb="1">
      <t>ヒト</t>
    </rPh>
    <rPh sb="2" eb="3">
      <t>ツド</t>
    </rPh>
    <rPh sb="5" eb="6">
      <t>アソ</t>
    </rPh>
    <rPh sb="11" eb="13">
      <t>サトヤマ</t>
    </rPh>
    <rPh sb="14" eb="16">
      <t>シゼン</t>
    </rPh>
    <rPh sb="17" eb="19">
      <t>キセツ</t>
    </rPh>
    <rPh sb="20" eb="21">
      <t>ハナ</t>
    </rPh>
    <rPh sb="28" eb="30">
      <t>タイケン</t>
    </rPh>
    <rPh sb="33" eb="34">
      <t>コウ</t>
    </rPh>
    <rPh sb="34" eb="35">
      <t>エン</t>
    </rPh>
    <phoneticPr fontId="4"/>
  </si>
  <si>
    <t>湘南汐見台公園</t>
    <rPh sb="0" eb="2">
      <t>ショウナン</t>
    </rPh>
    <phoneticPr fontId="4"/>
  </si>
  <si>
    <t>無休</t>
    <rPh sb="0" eb="2">
      <t>ムキュウ</t>
    </rPh>
    <phoneticPr fontId="4"/>
  </si>
  <si>
    <t>公園：無休パークセンター：年末年始</t>
    <rPh sb="0" eb="1">
      <t>コウ</t>
    </rPh>
    <rPh sb="1" eb="2">
      <t>エン</t>
    </rPh>
    <rPh sb="3" eb="5">
      <t>ムキュウ</t>
    </rPh>
    <rPh sb="13" eb="15">
      <t>ネンマツ</t>
    </rPh>
    <rPh sb="15" eb="17">
      <t>ネンシ</t>
    </rPh>
    <phoneticPr fontId="4"/>
  </si>
  <si>
    <t>里山の風景を残しながら造られた公園です。</t>
    <rPh sb="0" eb="2">
      <t>サトヤマ</t>
    </rPh>
    <rPh sb="3" eb="5">
      <t>フウケイ</t>
    </rPh>
    <rPh sb="6" eb="7">
      <t>ノコ</t>
    </rPh>
    <rPh sb="11" eb="12">
      <t>ツク</t>
    </rPh>
    <rPh sb="15" eb="16">
      <t>コウ</t>
    </rPh>
    <rPh sb="16" eb="17">
      <t>エン</t>
    </rPh>
    <phoneticPr fontId="4"/>
  </si>
  <si>
    <t>管理事務所：午前８時30分～午後17時</t>
    <rPh sb="9" eb="10">
      <t>ジ</t>
    </rPh>
    <phoneticPr fontId="4"/>
  </si>
  <si>
    <t>公園：無休管理事務所：12月29日～1月3日</t>
    <rPh sb="0" eb="2">
      <t>コウエン</t>
    </rPh>
    <rPh sb="3" eb="5">
      <t>ムキュウ</t>
    </rPh>
    <rPh sb="5" eb="7">
      <t>カンリ</t>
    </rPh>
    <rPh sb="7" eb="9">
      <t>ジム</t>
    </rPh>
    <rPh sb="9" eb="10">
      <t>ショ</t>
    </rPh>
    <rPh sb="13" eb="14">
      <t>ガツ</t>
    </rPh>
    <rPh sb="16" eb="17">
      <t>ニチ</t>
    </rPh>
    <rPh sb="19" eb="20">
      <t>ガツ</t>
    </rPh>
    <rPh sb="21" eb="22">
      <t>ニチ</t>
    </rPh>
    <phoneticPr fontId="4"/>
  </si>
  <si>
    <t>三浦半島の最南端に位置する公園で、太平洋を見渡す展望台と岩礁地帯をつなぐ園路脇にはハマユウやイソギクが季節を彩り、特に八重咲きスイセンは来園者に人気を博しています。</t>
    <rPh sb="0" eb="2">
      <t>ミウラ</t>
    </rPh>
    <rPh sb="2" eb="4">
      <t>ハントウ</t>
    </rPh>
    <rPh sb="5" eb="8">
      <t>サイナンタン</t>
    </rPh>
    <rPh sb="9" eb="11">
      <t>イチ</t>
    </rPh>
    <rPh sb="13" eb="15">
      <t>コウエン</t>
    </rPh>
    <rPh sb="17" eb="20">
      <t>タイヘイヨウ</t>
    </rPh>
    <rPh sb="21" eb="23">
      <t>ミワタ</t>
    </rPh>
    <rPh sb="24" eb="27">
      <t>テンボウダイ</t>
    </rPh>
    <rPh sb="28" eb="30">
      <t>ガンショウ</t>
    </rPh>
    <rPh sb="30" eb="32">
      <t>チタイ</t>
    </rPh>
    <rPh sb="36" eb="38">
      <t>エンロ</t>
    </rPh>
    <rPh sb="38" eb="39">
      <t>ワキ</t>
    </rPh>
    <rPh sb="51" eb="53">
      <t>キセツ</t>
    </rPh>
    <rPh sb="54" eb="55">
      <t>アヤ</t>
    </rPh>
    <rPh sb="57" eb="58">
      <t>トク</t>
    </rPh>
    <rPh sb="59" eb="60">
      <t>ハチ</t>
    </rPh>
    <rPh sb="60" eb="61">
      <t>ジュウ</t>
    </rPh>
    <rPh sb="61" eb="62">
      <t>サ</t>
    </rPh>
    <rPh sb="68" eb="71">
      <t>ライエンシャ</t>
    </rPh>
    <rPh sb="72" eb="74">
      <t>ニンキ</t>
    </rPh>
    <rPh sb="75" eb="76">
      <t>ハク</t>
    </rPh>
    <phoneticPr fontId="4"/>
  </si>
  <si>
    <t>パークセンター：午前9時～午後４時30分</t>
    <rPh sb="8" eb="10">
      <t>ゴゼン</t>
    </rPh>
    <rPh sb="11" eb="12">
      <t>ジ</t>
    </rPh>
    <rPh sb="13" eb="15">
      <t>ゴゴ</t>
    </rPh>
    <rPh sb="16" eb="17">
      <t>ジ</t>
    </rPh>
    <rPh sb="19" eb="20">
      <t>フン</t>
    </rPh>
    <phoneticPr fontId="4"/>
  </si>
  <si>
    <t>公園：無休パークセンター：12月29日～１月３日</t>
    <rPh sb="0" eb="1">
      <t>コウ</t>
    </rPh>
    <rPh sb="1" eb="2">
      <t>エン</t>
    </rPh>
    <rPh sb="3" eb="5">
      <t>ムキュウ</t>
    </rPh>
    <rPh sb="15" eb="16">
      <t>ガツ</t>
    </rPh>
    <rPh sb="18" eb="19">
      <t>ニチ</t>
    </rPh>
    <rPh sb="21" eb="22">
      <t>ガツ</t>
    </rPh>
    <rPh sb="23" eb="24">
      <t>ヒ</t>
    </rPh>
    <phoneticPr fontId="4"/>
  </si>
  <si>
    <t>表丹沢の山々と秦野盆地に囲まれた公園で、中心には丹沢の山から湧き出る水無川が流れています。</t>
    <rPh sb="16" eb="17">
      <t>コウ</t>
    </rPh>
    <rPh sb="17" eb="18">
      <t>エン</t>
    </rPh>
    <phoneticPr fontId="4"/>
  </si>
  <si>
    <t>管理事務所：午前８時３０分～午後５時</t>
    <rPh sb="0" eb="2">
      <t>カンリ</t>
    </rPh>
    <rPh sb="2" eb="4">
      <t>ジム</t>
    </rPh>
    <rPh sb="4" eb="5">
      <t>ショ</t>
    </rPh>
    <rPh sb="6" eb="8">
      <t>ゴゼン</t>
    </rPh>
    <rPh sb="9" eb="10">
      <t>ジ</t>
    </rPh>
    <rPh sb="12" eb="13">
      <t>フン</t>
    </rPh>
    <rPh sb="14" eb="16">
      <t>ゴゴ</t>
    </rPh>
    <rPh sb="17" eb="18">
      <t>ジ</t>
    </rPh>
    <phoneticPr fontId="4"/>
  </si>
  <si>
    <t>公園：12月29日～１月３日</t>
    <rPh sb="0" eb="2">
      <t>コウエン</t>
    </rPh>
    <rPh sb="5" eb="6">
      <t>ガツ</t>
    </rPh>
    <rPh sb="8" eb="9">
      <t>ニチ</t>
    </rPh>
    <rPh sb="11" eb="12">
      <t>ガツ</t>
    </rPh>
    <rPh sb="13" eb="14">
      <t>カ</t>
    </rPh>
    <phoneticPr fontId="4"/>
  </si>
  <si>
    <t>1年を通じて、豊かな自然の恵みを心と体で感じることができる公園です。</t>
    <rPh sb="29" eb="30">
      <t>コウ</t>
    </rPh>
    <rPh sb="30" eb="31">
      <t>エン</t>
    </rPh>
    <phoneticPr fontId="4"/>
  </si>
  <si>
    <t>いせはら塔の山緑地公園</t>
    <rPh sb="4" eb="5">
      <t>トウ</t>
    </rPh>
    <rPh sb="6" eb="7">
      <t>ヤマ</t>
    </rPh>
    <rPh sb="7" eb="9">
      <t>リョクチ</t>
    </rPh>
    <rPh sb="9" eb="11">
      <t>コウエン</t>
    </rPh>
    <phoneticPr fontId="4"/>
  </si>
  <si>
    <t>公園：無休パークセンター：12月29日～1月3日</t>
    <rPh sb="0" eb="1">
      <t>コウ</t>
    </rPh>
    <rPh sb="1" eb="2">
      <t>エン</t>
    </rPh>
    <rPh sb="3" eb="5">
      <t>ムキュウ</t>
    </rPh>
    <rPh sb="15" eb="16">
      <t>ガツ</t>
    </rPh>
    <rPh sb="18" eb="19">
      <t>ニチ</t>
    </rPh>
    <rPh sb="21" eb="22">
      <t>ガツ</t>
    </rPh>
    <rPh sb="23" eb="24">
      <t>ニチ</t>
    </rPh>
    <phoneticPr fontId="4"/>
  </si>
  <si>
    <t>谷戸の多様な自然環境を保全した公園です。</t>
    <rPh sb="0" eb="2">
      <t>ヤト</t>
    </rPh>
    <rPh sb="3" eb="5">
      <t>タヨウ</t>
    </rPh>
    <rPh sb="6" eb="8">
      <t>シゼン</t>
    </rPh>
    <rPh sb="8" eb="10">
      <t>カンキョウ</t>
    </rPh>
    <rPh sb="11" eb="13">
      <t>ホゼン</t>
    </rPh>
    <rPh sb="15" eb="16">
      <t>コウ</t>
    </rPh>
    <rPh sb="16" eb="17">
      <t>エン</t>
    </rPh>
    <phoneticPr fontId="4"/>
  </si>
  <si>
    <t>管理事務所：午前８時30分～午後17時</t>
    <rPh sb="0" eb="2">
      <t>カンリ</t>
    </rPh>
    <rPh sb="2" eb="4">
      <t>ジム</t>
    </rPh>
    <rPh sb="4" eb="5">
      <t>ショ</t>
    </rPh>
    <rPh sb="6" eb="8">
      <t>ゴゼン</t>
    </rPh>
    <rPh sb="9" eb="10">
      <t>ジ</t>
    </rPh>
    <rPh sb="12" eb="13">
      <t>フン</t>
    </rPh>
    <rPh sb="14" eb="16">
      <t>ゴゴ</t>
    </rPh>
    <rPh sb="18" eb="19">
      <t>ジ</t>
    </rPh>
    <phoneticPr fontId="4"/>
  </si>
  <si>
    <t>葉山御用邸に隣接する公園で、御用邸の馬場跡地を整備したものです。海水浴場に面しているため、夏は賑やかですが、秋の訪れとともに相模湾の眺望に恵まれた散策の地となります。</t>
    <rPh sb="0" eb="1">
      <t>ハ</t>
    </rPh>
    <rPh sb="1" eb="2">
      <t>ヤマ</t>
    </rPh>
    <rPh sb="2" eb="5">
      <t>ゴヨウテイ</t>
    </rPh>
    <rPh sb="6" eb="8">
      <t>リンセツ</t>
    </rPh>
    <rPh sb="10" eb="12">
      <t>コウエン</t>
    </rPh>
    <rPh sb="14" eb="17">
      <t>ゴヨウテイ</t>
    </rPh>
    <rPh sb="18" eb="20">
      <t>ババ</t>
    </rPh>
    <rPh sb="20" eb="22">
      <t>アトチ</t>
    </rPh>
    <rPh sb="23" eb="25">
      <t>セイビ</t>
    </rPh>
    <rPh sb="32" eb="34">
      <t>カイスイ</t>
    </rPh>
    <rPh sb="34" eb="36">
      <t>ヨクジョウ</t>
    </rPh>
    <rPh sb="37" eb="38">
      <t>メン</t>
    </rPh>
    <rPh sb="45" eb="46">
      <t>ナツ</t>
    </rPh>
    <rPh sb="47" eb="48">
      <t>ニギ</t>
    </rPh>
    <rPh sb="54" eb="55">
      <t>アキ</t>
    </rPh>
    <rPh sb="56" eb="57">
      <t>オトズ</t>
    </rPh>
    <rPh sb="62" eb="64">
      <t>サガミ</t>
    </rPh>
    <rPh sb="64" eb="65">
      <t>ワン</t>
    </rPh>
    <rPh sb="66" eb="68">
      <t>チョウボウ</t>
    </rPh>
    <rPh sb="69" eb="70">
      <t>メグ</t>
    </rPh>
    <rPh sb="73" eb="75">
      <t>サンサク</t>
    </rPh>
    <rPh sb="76" eb="77">
      <t>チ</t>
    </rPh>
    <phoneticPr fontId="4"/>
  </si>
  <si>
    <t>公園：無休</t>
    <rPh sb="0" eb="1">
      <t>コウ</t>
    </rPh>
    <rPh sb="1" eb="2">
      <t>エン</t>
    </rPh>
    <rPh sb="3" eb="5">
      <t>ムキュウ</t>
    </rPh>
    <phoneticPr fontId="4"/>
  </si>
  <si>
    <t>葉山町の西側に位置する緑地の保全を主な目的とした標高約140mの公園で、ハイキングコースからは、相模湾や富士山など素晴らしい眺望を楽しむことができます。</t>
    <rPh sb="0" eb="1">
      <t>ハ</t>
    </rPh>
    <rPh sb="1" eb="2">
      <t>ヤマ</t>
    </rPh>
    <rPh sb="2" eb="3">
      <t>マチ</t>
    </rPh>
    <rPh sb="4" eb="6">
      <t>ニシガワ</t>
    </rPh>
    <rPh sb="7" eb="9">
      <t>イチ</t>
    </rPh>
    <rPh sb="11" eb="13">
      <t>リョクチ</t>
    </rPh>
    <rPh sb="14" eb="16">
      <t>ホゼン</t>
    </rPh>
    <rPh sb="17" eb="18">
      <t>オモ</t>
    </rPh>
    <rPh sb="19" eb="21">
      <t>モクテキ</t>
    </rPh>
    <rPh sb="24" eb="26">
      <t>ヒョウコウ</t>
    </rPh>
    <rPh sb="26" eb="27">
      <t>ヤク</t>
    </rPh>
    <rPh sb="32" eb="34">
      <t>コウエン</t>
    </rPh>
    <rPh sb="48" eb="50">
      <t>サガミ</t>
    </rPh>
    <rPh sb="50" eb="51">
      <t>ワン</t>
    </rPh>
    <rPh sb="52" eb="55">
      <t>フジサン</t>
    </rPh>
    <rPh sb="57" eb="59">
      <t>スバ</t>
    </rPh>
    <rPh sb="62" eb="64">
      <t>チョウボウ</t>
    </rPh>
    <rPh sb="65" eb="66">
      <t>タノ</t>
    </rPh>
    <phoneticPr fontId="4"/>
  </si>
  <si>
    <t>旧三井別邸地区：午前８時30分～午後５時旧吉田茂邸地区：午前９時～午後５時</t>
    <rPh sb="8" eb="10">
      <t>ゴゼン</t>
    </rPh>
    <rPh sb="11" eb="12">
      <t>ジ</t>
    </rPh>
    <rPh sb="14" eb="15">
      <t>フン</t>
    </rPh>
    <rPh sb="16" eb="18">
      <t>ゴゴ</t>
    </rPh>
    <rPh sb="19" eb="20">
      <t>ジ</t>
    </rPh>
    <rPh sb="28" eb="30">
      <t>ゴゼン</t>
    </rPh>
    <rPh sb="31" eb="32">
      <t>ジ</t>
    </rPh>
    <rPh sb="33" eb="35">
      <t>ゴゴ</t>
    </rPh>
    <rPh sb="36" eb="37">
      <t>ジ</t>
    </rPh>
    <phoneticPr fontId="4"/>
  </si>
  <si>
    <t>公園：旧三井別邸地区・無休・旧吉田茂邸地区・年末年始（12月29日～１月３日）管理事務所：年末年始（12月29日～１月３日）</t>
    <rPh sb="0" eb="1">
      <t>コウ</t>
    </rPh>
    <rPh sb="1" eb="2">
      <t>エン</t>
    </rPh>
    <rPh sb="3" eb="4">
      <t>キュウ</t>
    </rPh>
    <rPh sb="4" eb="6">
      <t>ミツイ</t>
    </rPh>
    <rPh sb="6" eb="8">
      <t>ベッテイ</t>
    </rPh>
    <rPh sb="8" eb="10">
      <t>チク</t>
    </rPh>
    <rPh sb="11" eb="13">
      <t>ムキュウ</t>
    </rPh>
    <rPh sb="14" eb="15">
      <t>キュウ</t>
    </rPh>
    <rPh sb="15" eb="17">
      <t>ヨシダ</t>
    </rPh>
    <rPh sb="17" eb="18">
      <t>シゲル</t>
    </rPh>
    <rPh sb="18" eb="19">
      <t>テイ</t>
    </rPh>
    <rPh sb="19" eb="21">
      <t>チク</t>
    </rPh>
    <rPh sb="22" eb="24">
      <t>ネンマツ</t>
    </rPh>
    <rPh sb="24" eb="26">
      <t>ネンシ</t>
    </rPh>
    <rPh sb="29" eb="30">
      <t>ガツ</t>
    </rPh>
    <rPh sb="32" eb="33">
      <t>ニチ</t>
    </rPh>
    <rPh sb="35" eb="36">
      <t>ツキ</t>
    </rPh>
    <rPh sb="37" eb="38">
      <t>ヒ</t>
    </rPh>
    <rPh sb="39" eb="41">
      <t>カンリ</t>
    </rPh>
    <rPh sb="41" eb="43">
      <t>ジム</t>
    </rPh>
    <rPh sb="43" eb="44">
      <t>ショ</t>
    </rPh>
    <phoneticPr fontId="4"/>
  </si>
  <si>
    <t>湖畔展望館：午前９時～午後４時３０分</t>
    <rPh sb="0" eb="2">
      <t>コハン</t>
    </rPh>
    <rPh sb="2" eb="4">
      <t>テンボウ</t>
    </rPh>
    <rPh sb="4" eb="5">
      <t>カン</t>
    </rPh>
    <rPh sb="6" eb="8">
      <t>ゴゼン</t>
    </rPh>
    <rPh sb="11" eb="13">
      <t>ゴゴ</t>
    </rPh>
    <phoneticPr fontId="4"/>
  </si>
  <si>
    <t>公園：無休湖畔展望館：年末年始（12月29日～１月３日）</t>
    <rPh sb="0" eb="1">
      <t>コウ</t>
    </rPh>
    <rPh sb="1" eb="2">
      <t>エン</t>
    </rPh>
    <rPh sb="3" eb="5">
      <t>ムキュウ</t>
    </rPh>
    <rPh sb="5" eb="7">
      <t>コハン</t>
    </rPh>
    <rPh sb="7" eb="9">
      <t>テンボウ</t>
    </rPh>
    <rPh sb="9" eb="10">
      <t>カン</t>
    </rPh>
    <rPh sb="18" eb="19">
      <t>ガツ</t>
    </rPh>
    <rPh sb="21" eb="22">
      <t>ニチ</t>
    </rPh>
    <rPh sb="24" eb="25">
      <t>ガツ</t>
    </rPh>
    <rPh sb="26" eb="27">
      <t>ヒ</t>
    </rPh>
    <phoneticPr fontId="4"/>
  </si>
  <si>
    <t>「旧箱根離宮」跡地に広がる公園で、観光地「箱根」の中心かつ離宮跡地だけあって、公園からの眺めは秀逸です。</t>
    <rPh sb="13" eb="14">
      <t>コウ</t>
    </rPh>
    <rPh sb="14" eb="15">
      <t>エン</t>
    </rPh>
    <phoneticPr fontId="4"/>
  </si>
  <si>
    <t>公園：4月～9月/8時30分～18時、10月～翌3月/8時30分～17時パークセンター：4月～9月8時30分～17時10月～翌3月/8時30分～16時30分その他各施設により異なる。</t>
    <rPh sb="0" eb="1">
      <t>コウ</t>
    </rPh>
    <rPh sb="1" eb="2">
      <t>エン</t>
    </rPh>
    <rPh sb="80" eb="81">
      <t>タ</t>
    </rPh>
    <rPh sb="81" eb="84">
      <t>カクシセツ</t>
    </rPh>
    <rPh sb="87" eb="88">
      <t>コト</t>
    </rPh>
    <phoneticPr fontId="4"/>
  </si>
  <si>
    <t>公園：12月29日～１月３日</t>
    <rPh sb="0" eb="1">
      <t>コウ</t>
    </rPh>
    <rPh sb="1" eb="2">
      <t>エン</t>
    </rPh>
    <phoneticPr fontId="4"/>
  </si>
  <si>
    <t>公園管理事務所９時～16時30分</t>
    <rPh sb="0" eb="2">
      <t>コウエン</t>
    </rPh>
    <rPh sb="2" eb="4">
      <t>カンリ</t>
    </rPh>
    <rPh sb="4" eb="6">
      <t>ジム</t>
    </rPh>
    <rPh sb="6" eb="7">
      <t>ショ</t>
    </rPh>
    <rPh sb="8" eb="9">
      <t>ジ</t>
    </rPh>
    <rPh sb="12" eb="13">
      <t>ジ</t>
    </rPh>
    <rPh sb="15" eb="16">
      <t>プン</t>
    </rPh>
    <phoneticPr fontId="4"/>
  </si>
  <si>
    <t>月曜日（月曜日が祝日の場合は翌日）年末年始年末年始（12月29日～１月３日）</t>
    <rPh sb="0" eb="3">
      <t>ゲツヨウビ</t>
    </rPh>
    <rPh sb="4" eb="7">
      <t>ゲツヨウビ</t>
    </rPh>
    <rPh sb="8" eb="10">
      <t>シュクジツ</t>
    </rPh>
    <rPh sb="11" eb="13">
      <t>バアイ</t>
    </rPh>
    <rPh sb="14" eb="16">
      <t>ヨクジツ</t>
    </rPh>
    <rPh sb="17" eb="19">
      <t>ネンマツ</t>
    </rPh>
    <rPh sb="19" eb="21">
      <t>ネンシ</t>
    </rPh>
    <phoneticPr fontId="4"/>
  </si>
  <si>
    <t>都会にはない緑豊かで静かな環境の中でいつもの忙しさを忘れてのんびりとした時を過ごせる公園です。</t>
    <rPh sb="0" eb="2">
      <t>トカイ</t>
    </rPh>
    <rPh sb="6" eb="7">
      <t>ミドリ</t>
    </rPh>
    <rPh sb="7" eb="8">
      <t>ユタ</t>
    </rPh>
    <rPh sb="10" eb="11">
      <t>シズ</t>
    </rPh>
    <rPh sb="13" eb="15">
      <t>カンキョウ</t>
    </rPh>
    <rPh sb="16" eb="17">
      <t>ナカ</t>
    </rPh>
    <rPh sb="22" eb="23">
      <t>イソガ</t>
    </rPh>
    <rPh sb="26" eb="27">
      <t>ワス</t>
    </rPh>
    <rPh sb="36" eb="37">
      <t>トキ</t>
    </rPh>
    <rPh sb="38" eb="39">
      <t>ス</t>
    </rPh>
    <rPh sb="42" eb="44">
      <t>コウエン</t>
    </rPh>
    <phoneticPr fontId="4"/>
  </si>
  <si>
    <t>境川遊水地公園</t>
    <rPh sb="4" eb="5">
      <t>チ</t>
    </rPh>
    <phoneticPr fontId="7"/>
  </si>
  <si>
    <t>神奈川県横浜市旭区鶴ｹ峰二丁目21-12</t>
  </si>
  <si>
    <t>神奈川県横浜市港南区上大岡西三丁目14</t>
  </si>
  <si>
    <t>神奈川県横浜市青葉区藤が丘二丁目9-3</t>
  </si>
  <si>
    <t>神奈川県横浜市泉区下和泉五丁目13</t>
  </si>
  <si>
    <t>神奈川県横浜市西区浅間町3丁目204-9</t>
  </si>
  <si>
    <t>神奈川県横浜市保土ｹ谷区境木町15-38</t>
  </si>
  <si>
    <t>神奈川県横浜市南区永田北一丁目214-2</t>
  </si>
  <si>
    <t>神奈川県横浜市瀬谷区瀬谷二丁目1-3</t>
  </si>
  <si>
    <t>神奈川県横浜市鶴見区本町通三丁目152-11</t>
  </si>
  <si>
    <t>神奈川県横浜市瀬谷区三ﾂ境155-6</t>
  </si>
  <si>
    <t>神奈川県横浜市青葉区桂台二丁目38-20</t>
  </si>
  <si>
    <t>神奈川県横浜市鶴見区上の宮二丁目13</t>
  </si>
  <si>
    <t>神奈川県横浜市旭区二俣川1丁目55-21</t>
  </si>
  <si>
    <t>神奈川県横浜市青葉区荏田北二丁目11-47</t>
  </si>
  <si>
    <t>神奈川県横浜市港南区笹下七丁目27</t>
  </si>
  <si>
    <t>神奈川県横浜市青葉区美しが丘四丁目17-64</t>
  </si>
  <si>
    <t>神奈川県横浜市泉区新橋町628-14</t>
  </si>
  <si>
    <t>神奈川県横浜市緑区東本郷三丁目26</t>
  </si>
  <si>
    <t>神奈川県横浜市保土ｹ谷区岩崎町30</t>
  </si>
  <si>
    <t>神奈川県横浜市磯子区田中一丁目1</t>
  </si>
  <si>
    <t>神奈川県横浜市泉区中田北二丁目23</t>
  </si>
  <si>
    <t>神奈川県横浜市保土ｹ谷区峰岡町3丁目360-3</t>
  </si>
  <si>
    <t>神奈川県横浜市磯子区岡村八丁目11</t>
  </si>
  <si>
    <t>神奈川県横浜市緑区上山二丁目43</t>
  </si>
  <si>
    <t>神奈川県横浜市金沢区六浦南二丁目2</t>
  </si>
  <si>
    <t>神奈川県横浜市青葉区すすき野一丁目5-57</t>
  </si>
  <si>
    <t>神奈川県横浜市瀬谷区阿久和西一丁目22-2</t>
  </si>
  <si>
    <t>神奈川県横浜市青葉区市ｹ尾町1170-17</t>
  </si>
  <si>
    <t>神奈川県横浜市青葉区美しが丘三丁目63-19</t>
  </si>
  <si>
    <t>神奈川県横浜市旭区金が谷二丁目19</t>
  </si>
  <si>
    <t>神奈川県横浜市港北区高田東二丁目16番</t>
  </si>
  <si>
    <t>神奈川県横浜市南区六ﾂ川二丁目10-27</t>
  </si>
  <si>
    <t>神奈川県横浜市磯子区田中二丁目9</t>
  </si>
  <si>
    <t>神奈川県横浜市青葉区たちばな台二丁目15-30</t>
  </si>
  <si>
    <t>神奈川県横浜市港北区新吉田東六丁目5</t>
  </si>
  <si>
    <t>神奈川県横浜市磯子区岡村七丁目6</t>
  </si>
  <si>
    <t>神奈川県横浜市金沢区六浦南三丁目11</t>
  </si>
  <si>
    <t>神奈川県横浜市港南区東永谷二丁目13</t>
  </si>
  <si>
    <t>神奈川県横浜市港北区新吉田東四丁目8</t>
  </si>
  <si>
    <t>神奈川県横浜市旭区白根五丁目56</t>
  </si>
  <si>
    <t>神奈川県横浜市港北区新吉田東六丁目13</t>
  </si>
  <si>
    <t>神奈川県横浜市金沢区六浦東二丁目6</t>
  </si>
  <si>
    <t>神奈川県横浜市磯子区洋光台六丁目16</t>
  </si>
  <si>
    <t>神奈川県横浜市港北区下田町五丁目30</t>
  </si>
  <si>
    <t>神奈川県横浜市泉区領家三丁目13</t>
  </si>
  <si>
    <t>神奈川県横浜市旭区白根四丁目30</t>
  </si>
  <si>
    <t>神奈川県横浜市瀬谷区阿久和東三丁目8-7</t>
  </si>
  <si>
    <t>神奈川県横浜市南区六ﾂ川二丁目49-59</t>
  </si>
  <si>
    <t>神奈川県横浜市保土ｹ谷区新井町587-3</t>
  </si>
  <si>
    <t>神奈川県横浜市港南区大久保三丁目36番</t>
  </si>
  <si>
    <t>神奈川県横浜市磯子区磯子七丁目12</t>
  </si>
  <si>
    <t>神奈川県横浜市鶴見区東寺尾一丁目5</t>
  </si>
  <si>
    <t>神奈川県横浜市港北区菊名六丁目27</t>
  </si>
  <si>
    <t>神奈川県横浜市神奈川区片倉五丁目29</t>
  </si>
  <si>
    <t>神奈川県横浜市港北区樽町三丁目12</t>
  </si>
  <si>
    <t>神奈川県横浜市金沢区長浜一丁目7</t>
  </si>
  <si>
    <t>神奈川県横浜市戸塚区深谷町1200番8</t>
  </si>
  <si>
    <t>神奈川県横浜市緑区鴨居七丁目15</t>
  </si>
  <si>
    <t>神奈川県横浜市旭区白根六丁目19</t>
  </si>
  <si>
    <t>神奈川県横浜市港南区上永谷一丁目35</t>
  </si>
  <si>
    <t>神奈川県横浜市港南区日野南四丁目11</t>
  </si>
  <si>
    <t>神奈川県横浜市港北区下田町三丁目2</t>
  </si>
  <si>
    <t>神奈川県横浜市泉区和泉中央北三丁目14</t>
  </si>
  <si>
    <t>神奈川県横浜市瀬谷区宮沢二丁目71-1</t>
  </si>
  <si>
    <t>神奈川県横浜市港南区芹が谷四丁目30</t>
  </si>
  <si>
    <t>神奈川県横浜市旭区上白根三丁目27</t>
  </si>
  <si>
    <t>神奈川県横浜市鶴見区獅子ｹ谷一丁目55</t>
  </si>
  <si>
    <t>神奈川県横浜市旭区二俣川1丁目85-30</t>
  </si>
  <si>
    <t>神奈川県横浜市保土ｹ谷区星川一丁目17</t>
  </si>
  <si>
    <t>神奈川県横浜市瀬谷区二ﾂ橋町140-10</t>
  </si>
  <si>
    <t>神奈川県横浜市鶴見区北寺尾三丁目5</t>
  </si>
  <si>
    <t>神奈川県横浜市港南区日野二丁目60</t>
  </si>
  <si>
    <t>神奈川県横浜市港北区日吉本町五丁目9</t>
  </si>
  <si>
    <t>神奈川県横浜市港北区新吉田東三丁目637番の2</t>
  </si>
  <si>
    <t>神奈川県横浜市瀬谷区三ﾂ境165-8</t>
  </si>
  <si>
    <t>神奈川県横浜市港北区篠原東三丁目14</t>
  </si>
  <si>
    <t>神奈川県横浜市青葉区藤が丘一丁目4-36</t>
  </si>
  <si>
    <t>神奈川県横浜市旭区白根七丁目4</t>
  </si>
  <si>
    <t>神奈川県横浜市港北区篠原東一丁目5</t>
  </si>
  <si>
    <t>神奈川県横浜市港北区下田町三丁目4</t>
  </si>
  <si>
    <t>神奈川県横浜市港南区下永谷二丁目33</t>
  </si>
  <si>
    <t>神奈川県横浜市旭区金が谷一丁目3</t>
  </si>
  <si>
    <t>神奈川県横浜市南区永田東一丁目23</t>
  </si>
  <si>
    <t>神奈川県横浜市保土ｹ谷区上星川三丁目12-24</t>
  </si>
  <si>
    <t>神奈川県横浜市金沢区富岡西一丁目53</t>
  </si>
  <si>
    <t>神奈川県横浜市南区中里二丁目12</t>
  </si>
  <si>
    <t>神奈川県横浜市金沢区富岡東三丁目5</t>
  </si>
  <si>
    <t>神奈川県横浜市港南区丸山台四丁目5</t>
  </si>
  <si>
    <t>神奈川県横浜市港南区笹下三丁目34</t>
  </si>
  <si>
    <t>神奈川県横浜市港北区富士塚一丁目25</t>
  </si>
  <si>
    <t>神奈川県横浜市鶴見区東寺尾五丁目2</t>
  </si>
  <si>
    <t>神奈川県横浜市港南区下永谷六丁目11</t>
  </si>
  <si>
    <t>神奈川県横浜市旭区白根五丁目68</t>
  </si>
  <si>
    <t>神奈川県横浜市瀬谷区二ﾂ橋町4759-4</t>
  </si>
  <si>
    <t>神奈川県横浜市旭区笹野台四丁目35</t>
  </si>
  <si>
    <t>神奈川県横浜市鶴見区馬場三丁目27</t>
  </si>
  <si>
    <t>神奈川県横浜市鶴見区馬場四丁目21</t>
  </si>
  <si>
    <t>神奈川県横浜市神奈川区神大寺一丁目26</t>
  </si>
  <si>
    <t>神奈川県横浜市保土ｹ谷区霞台2-7</t>
  </si>
  <si>
    <t>神奈川県横浜市金沢区大道一丁目26</t>
  </si>
  <si>
    <t>神奈川県横浜市磯子区杉田六丁目24</t>
  </si>
  <si>
    <t>神奈川県横浜市瀬谷区橋戸三丁目46-21</t>
  </si>
  <si>
    <t>神奈川県横浜市港南区上永谷五丁目22</t>
  </si>
  <si>
    <t>神奈川県横浜市旭区二俣川1丁目8-11</t>
  </si>
  <si>
    <t>神奈川県横浜市戸塚区原宿三丁目367番316</t>
  </si>
  <si>
    <t>神奈川県横浜市港北区日吉五丁目1717-11</t>
  </si>
  <si>
    <t>神奈川県横浜市保土ｹ谷区仏向町1685-2</t>
  </si>
  <si>
    <t>神奈川県横浜市緑区上山二丁目38</t>
  </si>
  <si>
    <t>神奈川県横浜市港南区日野二丁目16</t>
  </si>
  <si>
    <t>神奈川県横浜市瀬谷区阿久和南二丁目5-11</t>
  </si>
  <si>
    <t>神奈川県横浜市南区榎町2丁目75-2</t>
  </si>
  <si>
    <t>神奈川県横浜市泉区和泉中央南四丁目5</t>
  </si>
  <si>
    <t>神奈川県横浜市港北区新吉田東一丁目53</t>
  </si>
  <si>
    <t>神奈川県横浜市金沢区六浦五丁目1667-6</t>
  </si>
  <si>
    <t>神奈川県横浜市金沢区西柴二丁目6</t>
  </si>
  <si>
    <t>神奈川県横浜市港北区篠原北一丁目3</t>
  </si>
  <si>
    <t>神奈川県横浜市鶴見区北寺尾七丁目2</t>
  </si>
  <si>
    <t>神奈川県横浜市南区別所七丁目10</t>
  </si>
  <si>
    <t>神奈川県横浜市港南区笹下三丁目38</t>
  </si>
  <si>
    <t>神奈川県横浜市港北区箕輪町一丁目33-5</t>
  </si>
  <si>
    <t>神奈川県横浜市瀬谷区橋戸二丁目36-15</t>
  </si>
  <si>
    <t>神奈川県横浜市保土ｹ谷区瀬戸ｹ谷町113-1</t>
  </si>
  <si>
    <t>神奈川県横浜市港北区日吉本町二丁目64</t>
  </si>
  <si>
    <t>神奈川県横浜市磯子区杉田八丁目51</t>
  </si>
  <si>
    <t>神奈川県横浜市保土ｹ谷区東川島町70-11</t>
  </si>
  <si>
    <t>神奈川県横浜市旭区中尾二丁目58-12</t>
  </si>
  <si>
    <t>神奈川県横浜市磯子区磯子四丁目13</t>
  </si>
  <si>
    <t>神奈川県横浜市緑区鴨居一丁目6</t>
  </si>
  <si>
    <t>神奈川県横浜市南区睦町2丁目199-14</t>
  </si>
  <si>
    <t>神奈川県横浜市神奈川区三ﾂ沢上町15</t>
  </si>
  <si>
    <t>神奈川県横浜市鶴見区駒岡五丁目6</t>
  </si>
  <si>
    <t>神奈川県横浜市港南区下永谷一丁目31</t>
  </si>
  <si>
    <t>神奈川県横浜市旭区上白根一丁目6</t>
  </si>
  <si>
    <t>神奈川県横浜市保土ｹ谷区新井町381-15</t>
  </si>
  <si>
    <t>神奈川県横浜市青葉区荏田西二丁目3-3</t>
  </si>
  <si>
    <t>神奈川県横浜市港南区日野一丁目2</t>
  </si>
  <si>
    <t>神奈川県横浜市鶴見区梶山一丁目28</t>
  </si>
  <si>
    <t>神奈川県横浜市港南区港南一丁目1171-10</t>
  </si>
  <si>
    <t>神奈川県横浜市港南区大久保三丁目38</t>
  </si>
  <si>
    <t>神奈川県横浜市金沢区釜利谷南二丁目13</t>
  </si>
  <si>
    <t>神奈川県横浜市瀬谷区阿久和西一丁目25-6</t>
  </si>
  <si>
    <t>神奈川県横浜市神奈川区三枚町133番10</t>
  </si>
  <si>
    <t>神奈川県横浜市戸塚区平戸四丁目2</t>
  </si>
  <si>
    <t>神奈川県横浜市瀬谷区阿久和南四丁目3</t>
  </si>
  <si>
    <t>神奈川県横浜市金沢区富岡西七丁目38</t>
  </si>
  <si>
    <t>神奈川県横浜市旭区金が谷二丁目25</t>
  </si>
  <si>
    <t>神奈川県横浜市鶴見区鶴見中央二丁目4</t>
  </si>
  <si>
    <t>神奈川県横浜市西区宮ｹ谷54-32</t>
  </si>
  <si>
    <t>神奈川県横浜市鶴見区梶山二丁目14</t>
  </si>
  <si>
    <t>神奈川県横浜市港北区日吉本町三丁目1</t>
  </si>
  <si>
    <t>神奈川県横浜市旭区白根四丁目425-8</t>
  </si>
  <si>
    <t>神奈川県横浜市南区大岡五丁目40</t>
  </si>
  <si>
    <t>神奈川県横浜市神奈川区片倉二丁目6</t>
  </si>
  <si>
    <t>神奈川県横浜市港南区上永谷五丁目23</t>
  </si>
  <si>
    <t>神奈川県横浜市保土ｹ谷区東川島町25-11</t>
  </si>
  <si>
    <t>神奈川県横浜市青葉区新石川一丁目22-57</t>
  </si>
  <si>
    <t>神奈川県横浜市青葉区藤が丘二丁目1-18</t>
  </si>
  <si>
    <t>神奈川県横浜市中区日ﾉ出町2丁目132-2</t>
  </si>
  <si>
    <t>神奈川県横浜市栄区小菅ｹ谷三丁目53</t>
  </si>
  <si>
    <t>神奈川県横浜市神奈川区片倉1丁目540-4</t>
  </si>
  <si>
    <t>神奈川県横浜市鶴見区矢向六丁目18</t>
  </si>
  <si>
    <t>神奈川県横浜市南区六ﾂ川一丁目106-2</t>
  </si>
  <si>
    <t>神奈川県横浜市南区永田東一丁目15</t>
  </si>
  <si>
    <t>神奈川県横浜市港南区笹下五丁目4</t>
  </si>
  <si>
    <t>神奈川県横浜市青葉区市ｹ尾町1157-14</t>
  </si>
  <si>
    <t>神奈川県横浜市港北区菊名七丁目4</t>
  </si>
  <si>
    <t>神奈川県横浜市瀬谷区橋戸一丁目27番10</t>
  </si>
  <si>
    <t>神奈川県横浜市南区中里三丁目317-3</t>
  </si>
  <si>
    <t>神奈川県横浜市磯子区岡村四丁目29</t>
  </si>
  <si>
    <t>神奈川県横浜市旭区白根八丁目33</t>
  </si>
  <si>
    <t>神奈川県横浜市保土ｹ谷区今井町531-11</t>
  </si>
  <si>
    <t>神奈川県横浜市戸塚区平戸一丁目12</t>
  </si>
  <si>
    <t>神奈川県横浜市栄区本郷台二丁目33</t>
  </si>
  <si>
    <t>神奈川県横浜市保土ｹ谷区法泉三丁目211-318</t>
  </si>
  <si>
    <t>神奈川県横浜市栄区小菅ｹ谷四丁目26番</t>
  </si>
  <si>
    <t>神奈川県横浜市磯子区磯子六丁目16</t>
  </si>
  <si>
    <t>神奈川県横浜市港北区日吉本町六丁目31</t>
  </si>
  <si>
    <t>神奈川県横浜市南区中里四丁目28</t>
  </si>
  <si>
    <t>神奈川県横浜市保土ｹ谷区川島町1505-13</t>
  </si>
  <si>
    <t>神奈川県横浜市泉区和泉中央南二丁目9</t>
  </si>
  <si>
    <t>神奈川県横浜市鶴見区尻手三丁目5</t>
  </si>
  <si>
    <t>神奈川県横浜市保土ｹ谷区狩場町334-45</t>
  </si>
  <si>
    <t>神奈川県横浜市戸塚区平戸二丁目34</t>
  </si>
  <si>
    <t>神奈川県横浜市旭区今宿二丁目10</t>
  </si>
  <si>
    <t>神奈川県横浜市港南区日野南三丁目11</t>
  </si>
  <si>
    <t>神奈川県横浜市磯子区森二丁目23</t>
  </si>
  <si>
    <t>神奈川県横浜市保土ｹ谷区新井町626-2</t>
  </si>
  <si>
    <t>神奈川県横浜市旭区中白根四丁目786-7</t>
  </si>
  <si>
    <t>神奈川県横浜市港北区高田東四丁目7番</t>
  </si>
  <si>
    <t>神奈川県横浜市港南区上永谷一丁目5301-168</t>
  </si>
  <si>
    <t>神奈川県横浜市青葉区あざみ野一丁目9-27</t>
  </si>
  <si>
    <t>神奈川県横浜市保土ｹ谷区瀬戸ｹ谷町138-59</t>
  </si>
  <si>
    <t>神奈川県横浜市南区別所四丁目8</t>
  </si>
  <si>
    <t>神奈川県横浜市南区南太田二丁目18</t>
  </si>
  <si>
    <t>神奈川県横浜市保土ｹ谷区仏向町1515-23</t>
  </si>
  <si>
    <t>神奈川県横浜市港北区富士塚一丁目22</t>
  </si>
  <si>
    <t>神奈川県横浜市西区境之谷3番5</t>
  </si>
  <si>
    <t>神奈川県横浜市南区別所三丁目435-16</t>
  </si>
  <si>
    <t>神奈川県横浜市磯子区森四丁目11</t>
  </si>
  <si>
    <t>神奈川県横浜市都筑区川和町1443番15</t>
  </si>
  <si>
    <t>神奈川県横浜市港南区上永谷六丁目3173-3</t>
  </si>
  <si>
    <t>神奈川県横浜市旭区今宿二丁目1</t>
  </si>
  <si>
    <t>神奈川県横浜市港北区高田西三丁目286-18</t>
  </si>
  <si>
    <t>神奈川県横浜市栄区小菅ｹ谷三丁目64</t>
  </si>
  <si>
    <t>神奈川県横浜市港南区丸山台四丁目8</t>
  </si>
  <si>
    <t>神奈川県横浜市青葉区美しが丘二丁目3-51</t>
  </si>
  <si>
    <t>神奈川県横浜市港北区仲手原一丁目18</t>
  </si>
  <si>
    <t>神奈川県横浜市神奈川区二ﾂ谷町2-2</t>
  </si>
  <si>
    <t>神奈川県横浜市保土ｹ谷区今井町488-2</t>
  </si>
  <si>
    <t>神奈川県横浜市港南区下永谷五丁目38</t>
  </si>
  <si>
    <t>神奈川県横浜市緑区鴨居二丁目27</t>
  </si>
  <si>
    <t>神奈川県横浜市緑区長津田みなみ台七丁目32-11</t>
  </si>
  <si>
    <t>神奈川県横浜市磯子区栗木一丁目12</t>
  </si>
  <si>
    <t>神奈川県横浜市磯子区岡村七丁目8</t>
  </si>
  <si>
    <t>神奈川県横浜市港南区芹が谷五丁目41</t>
  </si>
  <si>
    <t>神奈川県横浜市戸塚区汲沢二丁目23</t>
  </si>
  <si>
    <t>神奈川県横浜市港北区日吉本町五丁目144-4</t>
  </si>
  <si>
    <t>神奈川県横浜市鶴見区鶴見中央三丁目18</t>
  </si>
  <si>
    <t>神奈川県横浜市中区羽衣町3丁目64</t>
  </si>
  <si>
    <t>神奈川県横浜市西区北幸一丁目11-36</t>
  </si>
  <si>
    <t>神奈川県横浜市旭区白根五丁目9</t>
  </si>
  <si>
    <t>神奈川県横浜市港南区笹下三丁目5番</t>
  </si>
  <si>
    <t>神奈川県横浜市保土ｹ谷区仏向町1276-27</t>
  </si>
  <si>
    <t>神奈川県横浜市戸塚区汲沢二丁目1684番103</t>
  </si>
  <si>
    <t>神奈川県横浜市神奈川区入江一丁目24-11</t>
  </si>
  <si>
    <t>神奈川県横浜市緑区東本郷五丁目27</t>
  </si>
  <si>
    <t>神奈川県横浜市青葉区青葉台一丁目11-5</t>
  </si>
  <si>
    <t>神奈川県横浜市緑区長津田みなみ台五丁目1-8</t>
  </si>
  <si>
    <t>神奈川県横浜市青葉区新石川一丁目4-11</t>
  </si>
  <si>
    <t>神奈川県横浜市青葉区あざみ野南二丁目11-28</t>
  </si>
  <si>
    <t>神奈川県横浜市神奈川区三ﾂ沢中町21</t>
  </si>
  <si>
    <t>神奈川県横浜市港北区新吉田東五丁目6</t>
  </si>
  <si>
    <t>神奈川県横浜市栄区本郷台三丁目37番</t>
  </si>
  <si>
    <t>神奈川県横浜市神奈川区西寺尾二丁目37</t>
  </si>
  <si>
    <t>神奈川県横浜市緑区竹山一丁目2-7</t>
  </si>
  <si>
    <t>神奈川県横浜市港北区日吉本町五丁目16</t>
  </si>
  <si>
    <t>神奈川県横浜市戸塚区吉田町1371-14</t>
  </si>
  <si>
    <t>神奈川県横浜市港北区仲手原一丁目10番</t>
  </si>
  <si>
    <t>神奈川県横浜市港南区日野八丁目3</t>
  </si>
  <si>
    <t>神奈川県横浜市保土ｹ谷区宮田町3丁目303-2</t>
  </si>
  <si>
    <t>神奈川県横浜市中区野毛町3丁目160-5</t>
  </si>
  <si>
    <t>神奈川県横浜市磯子区岡村三丁目17</t>
  </si>
  <si>
    <t>神奈川県横浜市鶴見区矢向六丁目5</t>
  </si>
  <si>
    <t>神奈川県横浜市神奈川区松見町2丁目371-17</t>
  </si>
  <si>
    <t>神奈川県横浜市栄区小菅ｹ谷三丁目683-2</t>
  </si>
  <si>
    <t>神奈川県横浜市旭区二俣川2丁目31-10</t>
  </si>
  <si>
    <t>神奈川県横浜市金沢区釜利谷西一丁目14</t>
  </si>
  <si>
    <t>神奈川県横浜市港南区大久保三丁目526番41</t>
  </si>
  <si>
    <t>神奈川県横浜市鶴見区馬場一丁目20</t>
  </si>
  <si>
    <t>神奈川県横浜市鶴見区尻手二丁目312-8</t>
  </si>
  <si>
    <t>神奈川県横浜市南区堀ﾉ内町1丁目6-4</t>
  </si>
  <si>
    <t>神奈川県横浜市保土ｹ谷区岩井町94-8</t>
  </si>
  <si>
    <t>神奈川県横浜市保土ｹ谷区新井町500-10</t>
  </si>
  <si>
    <t>神奈川県横浜市磯子区岡村八丁目15</t>
  </si>
  <si>
    <t>神奈川県横浜市鶴見区上の宮一丁目34番3</t>
  </si>
  <si>
    <t>神奈川県横浜市鶴見区元宮二丁目769番24</t>
  </si>
  <si>
    <t>神奈川県横浜市戸塚区平戸五丁目1</t>
  </si>
  <si>
    <t>神奈川県横浜市鶴見区岸谷三丁目1735-5</t>
  </si>
  <si>
    <t>神奈川県横浜市中区本牧町2丁目315</t>
  </si>
  <si>
    <t>神奈川県横浜市栄区小菅ｹ谷一丁目10</t>
  </si>
  <si>
    <t>神奈川県横浜市南区別所四丁目13</t>
  </si>
  <si>
    <t>神奈川県横浜市港南区笹下五丁目2</t>
  </si>
  <si>
    <t>神奈川県横浜市鶴見区尻手二丁目8</t>
  </si>
  <si>
    <t>神奈川県横浜市磯子区森四丁目10</t>
  </si>
  <si>
    <t>神奈川県横浜市鶴見区馬場二丁目1065番7</t>
  </si>
  <si>
    <t>神奈川県横浜市泉区岡津町1387-65</t>
  </si>
  <si>
    <t>神奈川県横浜市港南区日野五丁目21</t>
  </si>
  <si>
    <t>神奈川県横浜市港北区大倉山三丁目11</t>
  </si>
  <si>
    <t>神奈川県横浜市鶴見区上末吉一丁目435-4</t>
  </si>
  <si>
    <t>神奈川県横浜市南区大岡四丁目2</t>
  </si>
  <si>
    <t>神奈川県横浜市港南区東永谷三丁目10</t>
  </si>
  <si>
    <t>神奈川県横浜市瀬谷区三ﾂ境42-1</t>
  </si>
  <si>
    <t>神奈川県横浜市旭区鶴ｹ峰一丁目7-37</t>
  </si>
  <si>
    <t>神奈川県横浜市港北区下田町四丁目2</t>
  </si>
  <si>
    <t>神奈川県横浜市磯子区磯子六丁目34</t>
  </si>
  <si>
    <t>神奈川県横浜市港南区大久保三丁目39</t>
  </si>
  <si>
    <t>神奈川県横浜市金沢区釜利谷東三丁目26</t>
  </si>
  <si>
    <t>神奈川県横浜市港南区笹下五丁目21</t>
  </si>
  <si>
    <t>神奈川県横浜市保土ｹ谷区初音ｹ丘35</t>
  </si>
  <si>
    <t>神奈川県横浜市神奈川区入江二丁目10</t>
  </si>
  <si>
    <t>神奈川県横浜市港北区高田西五丁目67-3</t>
  </si>
  <si>
    <t>神奈川県横浜市青葉区美しが丘西二丁目21-8</t>
  </si>
  <si>
    <t>神奈川県横浜市南区中村町4丁目286-2</t>
  </si>
  <si>
    <t>神奈川県横浜市鶴見区北寺尾五丁目1010-22</t>
  </si>
  <si>
    <t>神奈川県横浜市磯子区森四丁目3</t>
  </si>
  <si>
    <t>神奈川県横浜市南区六ﾂ川一丁目812-9</t>
  </si>
  <si>
    <t>神奈川県横浜市保土ｹ谷区天王町2丁目50-7</t>
  </si>
  <si>
    <t>神奈川県横浜市港北区日吉本町一丁目1901番9</t>
  </si>
  <si>
    <t>神奈川県横浜市鶴見区梶山二丁目553-7</t>
  </si>
  <si>
    <t>神奈川県横浜市港北区樽町一丁目22</t>
  </si>
  <si>
    <t>神奈川県横浜市緑区鴨居四丁目1039-2</t>
  </si>
  <si>
    <t>神奈川県横浜市金沢区六浦三丁目11</t>
  </si>
  <si>
    <t>神奈川県横浜市金沢区富岡西三丁目1304-55</t>
  </si>
  <si>
    <t>神奈川県横浜市港南区日野南一丁目32</t>
  </si>
  <si>
    <t>神奈川県横浜市保土ｹ谷区上星川三丁目21</t>
  </si>
  <si>
    <t>神奈川県横浜市港南区港南二丁目26</t>
  </si>
  <si>
    <t>神奈川県横浜市保土ｹ谷区仏向西2</t>
  </si>
  <si>
    <t>神奈川県横浜市神奈川区羽沢南二丁目44</t>
  </si>
  <si>
    <t>神奈川県横浜市南区六ﾂ川一丁目310-3</t>
  </si>
  <si>
    <t>神奈川県横浜市鶴見区鶴見中央四丁目29</t>
  </si>
  <si>
    <t>神奈川県横浜市磯子区田中二丁目5</t>
  </si>
  <si>
    <t>神奈川県横浜市鶴見区馬場四丁目12</t>
  </si>
  <si>
    <t>神奈川県横浜市旭区笹野台四丁目55</t>
  </si>
  <si>
    <t>神奈川県横浜市戸塚区南舞岡一丁目10</t>
  </si>
  <si>
    <t>神奈川県横浜市保土ｹ谷区境木本町238-5</t>
  </si>
  <si>
    <t>神奈川県横浜市金沢区東朝比奈一丁目42</t>
  </si>
  <si>
    <t>神奈川県横浜市瀬谷区三ﾂ境153-31</t>
  </si>
  <si>
    <t>神奈川県横浜市金沢区六浦三丁目4</t>
  </si>
  <si>
    <t>神奈川県横浜市泉区中田西四丁目27</t>
  </si>
  <si>
    <t>神奈川県横浜市保土ｹ谷区岩井町153</t>
  </si>
  <si>
    <t>神奈川県横浜市金沢区釜利谷南一丁目1363-10</t>
  </si>
  <si>
    <t>神奈川県横浜市緑区鴨居四丁目58</t>
  </si>
  <si>
    <t>神奈川県横浜市青葉区美しが丘五丁目26-8</t>
  </si>
  <si>
    <t>神奈川県横浜市港北区高田西三丁目264-59</t>
  </si>
  <si>
    <t>神奈川県横浜市戸塚区戸塚町5099番21</t>
  </si>
  <si>
    <t>神奈川県横浜市保土ｹ谷区今井町448-9</t>
  </si>
  <si>
    <t>神奈川県横浜市青葉区たちばな台一丁目11-10</t>
  </si>
  <si>
    <t>神奈川県横浜市瀬谷区三ﾂ境92-7</t>
  </si>
  <si>
    <t>神奈川県横浜市緑区霧が丘二丁目15-26</t>
  </si>
  <si>
    <t>神奈川県横浜市戸塚区南舞岡一丁目31</t>
  </si>
  <si>
    <t>神奈川県横浜市港北区日吉五丁目1308-10</t>
  </si>
  <si>
    <t>神奈川県横浜市港南区大久保三丁目1</t>
  </si>
  <si>
    <t>神奈川県横浜市港南区上永谷一丁目22</t>
  </si>
  <si>
    <t>神奈川県横浜市港南区上大岡東一丁目47</t>
  </si>
  <si>
    <t>神奈川県横浜市緑区白山一丁目103-10</t>
  </si>
  <si>
    <t>神奈川県横浜市港南区港南一丁目1020-1</t>
  </si>
  <si>
    <t>神奈川県横浜市南区永田東二丁目38</t>
  </si>
  <si>
    <t>神奈川県横浜市金沢区釜利谷東二丁目1</t>
  </si>
  <si>
    <t>神奈川県横浜市港南区芹が谷四丁目27</t>
  </si>
  <si>
    <t>神奈川県横浜市緑区東本郷四丁目18</t>
  </si>
  <si>
    <t>神奈川県横浜市神奈川区片倉五丁目26番</t>
  </si>
  <si>
    <t>神奈川県横浜市旭区今宿二丁目36</t>
  </si>
  <si>
    <t>神奈川県横浜市港南区日野中央二丁目37</t>
  </si>
  <si>
    <t>神奈川県横浜市磯子区杉田五丁目26</t>
  </si>
  <si>
    <t>神奈川県横浜市保土ｹ谷区西谷四丁目1139-12</t>
  </si>
  <si>
    <t>神奈川県横浜市神奈川区羽沢南一丁目20</t>
  </si>
  <si>
    <t>神奈川県横浜市保土ｹ谷区星川一丁目16-22</t>
  </si>
  <si>
    <t>神奈川県横浜市緑区長津田一丁目24</t>
  </si>
  <si>
    <t>神奈川県横浜市港北区綱島西六丁目13</t>
  </si>
  <si>
    <t>神奈川県横浜市港南区日野二丁目64</t>
  </si>
  <si>
    <t>神奈川県横浜市南区永田北三丁目7</t>
  </si>
  <si>
    <t>神奈川県横浜市港北区日吉本町三丁目1581-6</t>
  </si>
  <si>
    <t>神奈川県横浜市中区石川町5丁目220-30</t>
  </si>
  <si>
    <t>神奈川県横浜市港南区上大岡西三丁目9</t>
  </si>
  <si>
    <t>神奈川県横浜市金沢区東朝日奈一丁目59</t>
  </si>
  <si>
    <t>神奈川県横浜市港南区芹が谷五丁目35</t>
  </si>
  <si>
    <t>神奈川県横浜市緑区上山1丁目16番</t>
  </si>
  <si>
    <t>神奈川県横浜市保土ｹ谷区今井町495-8</t>
  </si>
  <si>
    <t>神奈川県横浜市栄区小菅ｹ谷三丁目2677-29</t>
  </si>
  <si>
    <t>神奈川県横浜市磯子区岡村七丁目33</t>
  </si>
  <si>
    <t>神奈川県横浜市都筑区南山田二丁目28-1</t>
  </si>
  <si>
    <t>神奈川県横浜市瀬谷区阿久和東二丁目53-3</t>
  </si>
  <si>
    <t>神奈川県横浜市磯子区岡村八丁目1188-5</t>
  </si>
  <si>
    <t>神奈川県横浜市泉区中田南三丁目6</t>
  </si>
  <si>
    <t>神奈川県横浜市旭区東希望ｹ丘58-16</t>
  </si>
  <si>
    <t>神奈川県横浜市港南区東永谷一丁目29</t>
  </si>
  <si>
    <t>神奈川県横浜市南区永田東三丁目11番</t>
  </si>
  <si>
    <t>神奈川県横浜市神奈川区西寺尾一丁目7</t>
  </si>
  <si>
    <t>神奈川県横浜市鶴見区鶴見中央四丁目10</t>
  </si>
  <si>
    <t>神奈川県横浜市南区中村町3丁目204-4</t>
  </si>
  <si>
    <t>神奈川県横浜市神奈川区東神奈川二丁目27-1</t>
  </si>
  <si>
    <t>神奈川県横浜市港北区新吉田東一丁目45</t>
  </si>
  <si>
    <t>神奈川県横浜市戸塚区汲沢三丁目2</t>
  </si>
  <si>
    <t>神奈川県横浜市港南区港南二丁目8</t>
  </si>
  <si>
    <t>神奈川県横浜市金沢区釜利谷南二丁目23</t>
  </si>
  <si>
    <t>神奈川県横浜市保土ｹ谷区月見台33</t>
  </si>
  <si>
    <t>神奈川県横浜市港南区芹が谷二丁目18</t>
  </si>
  <si>
    <t>神奈川県横浜市旭区上白根三丁目29</t>
  </si>
  <si>
    <t>神奈川県横浜市青葉区藤が丘二丁目20-11</t>
  </si>
  <si>
    <t>神奈川県横浜市南区六ﾂ川一丁目254-4</t>
  </si>
  <si>
    <t>神奈川県横浜市泉区中田東三丁目8</t>
  </si>
  <si>
    <t>神奈川県横浜市栄区鍛冶ｹ谷町517-16</t>
  </si>
  <si>
    <t>神奈川県横浜市磯子区杉田一丁目1</t>
  </si>
  <si>
    <t>神奈川県横浜市保土ｹ谷区峰岡町1丁目7-65</t>
  </si>
  <si>
    <t>神奈川県横浜市金沢区六浦二丁目10</t>
  </si>
  <si>
    <t>神奈川県横浜市鶴見区北寺尾三丁目14</t>
  </si>
  <si>
    <t>神奈川県横浜市南区別所三丁目19</t>
  </si>
  <si>
    <t>神奈川県横浜市南区永田東一丁目34</t>
  </si>
  <si>
    <t>神奈川県横浜市港南区芹が谷二丁目10</t>
  </si>
  <si>
    <t>神奈川県横浜市港北区日吉二丁目26</t>
  </si>
  <si>
    <t>神奈川県横浜市中区海岸通5丁目51番</t>
  </si>
  <si>
    <t>神奈川県横浜市鶴見区鶴見中央三丁目10</t>
  </si>
  <si>
    <t>神奈川県横浜市南区永田東二丁目1386-74</t>
  </si>
  <si>
    <t>神奈川県横浜市緑区中山三丁目1109-2</t>
  </si>
  <si>
    <t>神奈川県横浜市港南区日野南四丁目24</t>
  </si>
  <si>
    <t>神奈川県横浜市磯子区岡村三丁目25</t>
  </si>
  <si>
    <t>神奈川県横浜市南区別所五丁目26</t>
  </si>
  <si>
    <t>神奈川県横浜市磯子区丸山一丁目16</t>
  </si>
  <si>
    <t>神奈川県横浜市西区霞ｹ丘56-5</t>
  </si>
  <si>
    <t>神奈川県横浜市栄区小菅ｹ谷三丁目1140-5</t>
  </si>
  <si>
    <t>神奈川県横浜市港北区日吉本町六丁目57</t>
  </si>
  <si>
    <t>神奈川県横浜市緑区中山六丁目907-17</t>
  </si>
  <si>
    <t>神奈川県横浜市緑区東本郷六丁目5</t>
  </si>
  <si>
    <t>神奈川県横浜市鶴見区下末吉二丁目1</t>
  </si>
  <si>
    <t>神奈川県横浜市瀬谷区本郷四丁目17-1</t>
  </si>
  <si>
    <t>神奈川県横浜市中区北仲通6丁目127番</t>
  </si>
  <si>
    <t>神奈川県横浜市磯子区栗木二丁目9</t>
  </si>
  <si>
    <t>神奈川県横浜市旭区鶴ｹ峰本町二丁目49</t>
  </si>
  <si>
    <t>神奈川県横浜市港南区笹下四丁目12</t>
  </si>
  <si>
    <t>神奈川県横浜市保土ｹ谷区瀬戸ｹ谷町79-38</t>
  </si>
  <si>
    <t>神奈川県横浜市港北区新吉田東五丁目32</t>
  </si>
  <si>
    <t>神奈川県横浜市磯子区丸山一丁目6</t>
  </si>
  <si>
    <t>神奈川県横浜市港南区最戸二丁目12</t>
  </si>
  <si>
    <t>神奈川県横浜市港南区笹下六丁目38</t>
  </si>
  <si>
    <t>神奈川県横浜市緑区東本郷六丁目1255-13</t>
  </si>
  <si>
    <t>神奈川県横浜市港南区下永谷一丁目30</t>
  </si>
  <si>
    <t>神奈川県横浜市鶴見区矢向一丁目1番</t>
  </si>
  <si>
    <t>神奈川県横浜市鶴見区北寺尾六丁目6</t>
  </si>
  <si>
    <t>神奈川県横浜市金沢区大道二丁目26</t>
  </si>
  <si>
    <t>神奈川県横浜市金沢区大道一丁目66</t>
  </si>
  <si>
    <t>神奈川県横浜市港北区大倉山四丁目5</t>
  </si>
  <si>
    <t>神奈川県横浜市西区宮崎町58番</t>
  </si>
  <si>
    <t>神奈川県横浜市保土ｹ谷区瀬戸ｹ谷町223-48</t>
  </si>
  <si>
    <t>神奈川県横浜市鶴見区矢向一丁目5</t>
  </si>
  <si>
    <t>神奈川県横浜市保土ｹ谷区権太坂三丁目8</t>
  </si>
  <si>
    <t>神奈川県横浜市栄区鍛冶ｹ谷町452-334</t>
  </si>
  <si>
    <t>神奈川県横浜市神奈川区鶴屋町2丁目9-1</t>
  </si>
  <si>
    <t>神奈川県横浜市青葉区新石川四丁目17-36</t>
  </si>
  <si>
    <t>神奈川県横浜市保土ｹ谷区上菅田町662-23</t>
  </si>
  <si>
    <t>神奈川県横浜市神奈川区新子安二丁目14</t>
  </si>
  <si>
    <t>神奈川県横浜市保土ｹ谷区岩崎町39-23</t>
  </si>
  <si>
    <t>神奈川県横浜市金沢区西柴一丁目14</t>
  </si>
  <si>
    <t>神奈川県横浜市旭区中白根四丁目7</t>
  </si>
  <si>
    <t>神奈川県横浜市保土ｹ谷区川島町529-7</t>
  </si>
  <si>
    <t>神奈川県横浜市瀬谷区阿久和東一丁目44</t>
  </si>
  <si>
    <t>神奈川県横浜市港南区下永谷四丁目14</t>
  </si>
  <si>
    <t>神奈川県横浜市南区大岡四丁目4</t>
  </si>
  <si>
    <t>神奈川県横浜市港北区篠原東二丁目16</t>
  </si>
  <si>
    <t>神奈川県横浜市磯子区滝頭一丁目6</t>
  </si>
  <si>
    <t>神奈川県横浜市磯子区森四丁目15</t>
  </si>
  <si>
    <t>神奈川県横浜市磯子区杉田六丁目3</t>
  </si>
  <si>
    <t>神奈川県横浜市栄区小菅ｹ谷四丁目800-5</t>
  </si>
  <si>
    <t>神奈川県横浜市金沢区釜利谷西三丁目5</t>
  </si>
  <si>
    <t>神奈川県横浜市中区本牧満坂11番地2</t>
  </si>
  <si>
    <t>神奈川県横浜市鶴見区下末吉五丁目18</t>
  </si>
  <si>
    <t>神奈川県横浜市瀬谷区下瀬谷二丁目30-1</t>
  </si>
  <si>
    <t>神奈川県横浜市鶴見区矢向五丁目4</t>
  </si>
  <si>
    <t>神奈川県横浜市泉区岡津町115番3</t>
  </si>
  <si>
    <t>神奈川県横浜市戸塚区平戸五丁目35</t>
  </si>
  <si>
    <t>神奈川県横浜市保土ｹ谷区坂本町204-1</t>
  </si>
  <si>
    <t>神奈川県横浜市神奈川区松見町1丁目43-8</t>
  </si>
  <si>
    <t>神奈川県横浜市金沢区富岡西三丁目1</t>
  </si>
  <si>
    <t>神奈川県横浜市港南区上永谷四丁目16</t>
  </si>
  <si>
    <t>神奈川県横浜市緑区中山三丁目993-4</t>
  </si>
  <si>
    <t>神奈川県横浜市保土ｹ谷区仏向町1180番3</t>
  </si>
  <si>
    <t>神奈川県横浜市港南区芹が谷五丁目8</t>
  </si>
  <si>
    <t>神奈川県横浜市鶴見区生麦四丁目20</t>
  </si>
  <si>
    <t>神奈川県横浜市港南区日野中央三丁目2300-259</t>
  </si>
  <si>
    <t>神奈川県横浜市旭区笹野台四丁目39</t>
  </si>
  <si>
    <t>神奈川県横浜市港南区日限山一丁目2466-14</t>
  </si>
  <si>
    <t>神奈川県横浜市瀬谷区下瀬谷二丁目23</t>
  </si>
  <si>
    <t>神奈川県横浜市旭区中尾一丁目9</t>
  </si>
  <si>
    <t>神奈川県横浜市磯子区杉田八丁目3</t>
  </si>
  <si>
    <t>神奈川県横浜市神奈川区三ﾂ沢下町15</t>
  </si>
  <si>
    <t>神奈川県横浜市保土ｹ谷区法泉一丁目18</t>
  </si>
  <si>
    <t>神奈川県横浜市青葉区藤が丘一丁目16-28</t>
  </si>
  <si>
    <t>神奈川県横浜市金沢区六浦南二丁目8</t>
  </si>
  <si>
    <t>神奈川県横浜市瀬谷区阿久和東三丁目39-5</t>
  </si>
  <si>
    <t>神奈川県横浜市港南区笹下三丁目37</t>
  </si>
  <si>
    <t>神奈川県横浜市磯子区森六丁目3</t>
  </si>
  <si>
    <t>神奈川県横浜市旭区笹野台三丁目60</t>
  </si>
  <si>
    <t>神奈川県横浜市西区西戸部町3丁目280-3</t>
  </si>
  <si>
    <t>神奈川県横浜市瀬谷区阿久和西一丁目2-2</t>
  </si>
  <si>
    <t>神奈川県横浜市南区別所五丁目28</t>
  </si>
  <si>
    <t>神奈川県横浜市鶴見区梶山一丁目5</t>
  </si>
  <si>
    <t>神奈川県横浜市緑区中山六丁目844-1</t>
  </si>
  <si>
    <t>神奈川県横浜市瀬谷区南台一丁目29-11</t>
  </si>
  <si>
    <t>神奈川県横浜市金沢区富岡東三丁目9</t>
  </si>
  <si>
    <t>神奈川県横浜市鶴見区北寺尾六丁目7</t>
  </si>
  <si>
    <t>神奈川県横浜市南区別所二丁目10</t>
  </si>
  <si>
    <t>神奈川県横浜市栄区桂台西一丁目3</t>
  </si>
  <si>
    <t>神奈川県横浜市磯子区岡村七丁目35</t>
  </si>
  <si>
    <t>神奈川県横浜市磯子区森五丁目24</t>
  </si>
  <si>
    <t>神奈川県横浜市港北区下田町六丁目31</t>
  </si>
  <si>
    <t>神奈川県横浜市南区中島町3丁目62-2</t>
  </si>
  <si>
    <t>神奈川県横浜市港北区菊名三丁目8</t>
  </si>
  <si>
    <t>神奈川県横浜市鶴見区生麦五丁目7</t>
  </si>
  <si>
    <t>神奈川県横浜市青葉区たちばな台一丁目6-40</t>
  </si>
  <si>
    <t>神奈川県横浜市鶴見区北寺尾七丁目25</t>
  </si>
  <si>
    <t>神奈川県横浜市泉区中田南二丁目3</t>
  </si>
  <si>
    <t>神奈川県横浜市保土ｹ谷区岩間町1丁目5</t>
  </si>
  <si>
    <t>神奈川県横浜市港北区新羽町964番31番地</t>
  </si>
  <si>
    <t>神奈川県横浜市保土ｹ谷区新井町383-51</t>
  </si>
  <si>
    <t>神奈川県横浜市南区六ﾂ川二丁目65-5</t>
  </si>
  <si>
    <t>神奈川県横浜市南区中村町1丁目2-1</t>
  </si>
  <si>
    <t>神奈川県横浜市旭区白根三丁目20</t>
  </si>
  <si>
    <t>神奈川県横浜市港南区日野五丁目29</t>
  </si>
  <si>
    <t>神奈川県横浜市泉区中田西一丁目10</t>
  </si>
  <si>
    <t>神奈川県横浜市港北区高田西四丁目2654-29</t>
  </si>
  <si>
    <t>神奈川県横浜市神奈川区松ｹ丘10-1</t>
  </si>
  <si>
    <t>神奈川県横浜市港北区綱島西一丁目16</t>
  </si>
  <si>
    <t>神奈川県横浜市港北区高田東一丁目31番</t>
  </si>
  <si>
    <t>神奈川県横浜市旭区中尾一丁目19</t>
  </si>
  <si>
    <t>神奈川県横浜市港北区大曽根二丁目25</t>
  </si>
  <si>
    <t>神奈川県横浜市神奈川区西神奈川三丁目3</t>
  </si>
  <si>
    <t>神奈川県横浜市瀬谷区三ﾂ境7-8</t>
  </si>
  <si>
    <t>神奈川県横浜市港南区港南台九丁目32-6</t>
  </si>
  <si>
    <t>神奈川県横浜市神奈川区西寺尾四丁目24</t>
  </si>
  <si>
    <t>神奈川県横浜市港南区日野中央二丁目38</t>
  </si>
  <si>
    <t>神奈川県横浜市青葉区美しが丘二丁目4-79</t>
  </si>
  <si>
    <t>神奈川県横浜市南区永田北二丁目21</t>
  </si>
  <si>
    <t>神奈川県横浜市神奈川区六角橋六丁目24</t>
  </si>
  <si>
    <t>神奈川県横浜市旭区白根八丁目9</t>
  </si>
  <si>
    <t>神奈川県横浜市鶴見区元宮二丁目792-20</t>
  </si>
  <si>
    <t>神奈川県横浜市金沢区六浦南二丁目19</t>
  </si>
  <si>
    <t>神奈川県横浜市神奈川区西寺尾四丁目23</t>
  </si>
  <si>
    <t>神奈川県横浜市港南区日野三丁目1</t>
  </si>
  <si>
    <t>神奈川県横浜市南区共進町1丁目26-1</t>
  </si>
  <si>
    <t>神奈川県横浜市戸塚区平戸五丁目3</t>
  </si>
  <si>
    <t>神奈川県横浜市泉区中田南四丁目46</t>
  </si>
  <si>
    <t>神奈川県横浜市瀬谷区三ﾂ境141-2</t>
  </si>
  <si>
    <t>神奈川県横浜市青葉区すすき野一丁目3-38</t>
  </si>
  <si>
    <t>神奈川県横浜市南区堀ﾉ内町1丁目12-2</t>
  </si>
  <si>
    <t>神奈川県横浜市港南区日野南三丁目12</t>
  </si>
  <si>
    <t>神奈川県横浜市旭区白根八丁目4</t>
  </si>
  <si>
    <t>神奈川県横浜市神奈川区西寺尾二丁目1</t>
  </si>
  <si>
    <t>神奈川県横浜市金沢区西柴一丁目26</t>
  </si>
  <si>
    <t>神奈川県横浜市金沢区西柴一丁目76-7</t>
  </si>
  <si>
    <t>神奈川県横浜市港北区日吉本町一丁目1935-1</t>
  </si>
  <si>
    <t>神奈川県横浜市港南区大久保三丁目20</t>
  </si>
  <si>
    <t>神奈川県横浜市保土ｹ谷区仏向西47</t>
  </si>
  <si>
    <t>神奈川県横浜市金沢区六浦五丁目42</t>
  </si>
  <si>
    <t>神奈川県横浜市戸塚区平戸四丁目16</t>
  </si>
  <si>
    <t>神奈川県横浜市鶴見区獅子ｹ谷一丁目872-6</t>
  </si>
  <si>
    <t>神奈川県横浜市南区永田北三丁目1</t>
  </si>
  <si>
    <t>神奈川県横浜市神奈川区片倉四丁目11番</t>
  </si>
  <si>
    <t>神奈川県横浜市青葉区美しが丘西三丁目63-14</t>
  </si>
  <si>
    <t>神奈川県横浜市金沢区六浦二丁目7</t>
  </si>
  <si>
    <t>神奈川県横浜市南区睦町2丁目185-5</t>
  </si>
  <si>
    <t>神奈川県横浜市鶴見区上の宮2丁目10</t>
  </si>
  <si>
    <t>神奈川県横浜市西区浅間町4丁目349-1</t>
  </si>
  <si>
    <t>神奈川県横浜市港北区仲手原一丁目26</t>
  </si>
  <si>
    <t>神奈川県横浜市磯子区岡村八丁目7</t>
  </si>
  <si>
    <t>神奈川県横浜市中区寿町3丁目9-4</t>
  </si>
  <si>
    <t>神奈川県横浜市緑区白山二丁目2</t>
  </si>
  <si>
    <t>神奈川県横浜市南区中里三丁目371-49</t>
  </si>
  <si>
    <t>神奈川県横浜市南区永田南二丁目9</t>
  </si>
  <si>
    <t>神奈川県横浜市金沢区釜利谷東二丁目19</t>
  </si>
  <si>
    <t>神奈川県横浜市磯子区杉田三丁目22</t>
  </si>
  <si>
    <t>神奈川県横浜市保土ｹ谷区岩崎町31</t>
  </si>
  <si>
    <t>神奈川県横浜市保土ｹ谷区新井町378-4</t>
  </si>
  <si>
    <t>神奈川県横浜市戸塚区戸塚町3755-14</t>
  </si>
  <si>
    <t>神奈川県横浜市瀬谷区本郷二丁目39番地の4</t>
  </si>
  <si>
    <t>神奈川県横浜市鶴見区東寺尾五丁目15</t>
  </si>
  <si>
    <t>神奈川県横浜市鶴見区馬場三丁目7</t>
  </si>
  <si>
    <t>神奈川県横浜市保土ｹ谷区東川島町20-1</t>
  </si>
  <si>
    <t>神奈川県横浜市保土ｹ谷区初音ｹ丘31</t>
  </si>
  <si>
    <t>神奈川県横浜市保土ｹ谷区西谷三丁目862-3</t>
  </si>
  <si>
    <t>神奈川県横浜市金沢区富岡東一丁目26</t>
  </si>
  <si>
    <t>神奈川県横浜市金沢区寺前一丁目35番1</t>
  </si>
  <si>
    <t>神奈川県横浜市港北区高田西四丁目195-4</t>
  </si>
  <si>
    <t>神奈川県横浜市港南区芹が谷三丁目3</t>
  </si>
  <si>
    <t>神奈川県横浜市青葉区美しが丘西三丁目8-2</t>
  </si>
  <si>
    <t>神奈川県横浜市保土ｹ谷区東川島町22-2</t>
  </si>
  <si>
    <t>神奈川県横浜市旭区二俣川1丁目6-15</t>
  </si>
  <si>
    <t>神奈川県横浜市神奈川区松見町1丁目35-37</t>
  </si>
  <si>
    <t>神奈川県横浜市磯子区森四丁目4</t>
  </si>
  <si>
    <t>神奈川県横浜市金沢区釜利谷東一丁目56</t>
  </si>
  <si>
    <t>神奈川県横浜市保土ｹ谷区川島町973-7</t>
  </si>
  <si>
    <t>神奈川県横浜市旭区二俣川2丁目32-93</t>
  </si>
  <si>
    <t>神奈川県横浜市港北区新横浜三丁目1-11</t>
  </si>
  <si>
    <t>神奈川県横浜市西区紅葉ｹ丘2番3</t>
  </si>
  <si>
    <t>神奈川県横浜市港南区日野一丁目18</t>
  </si>
  <si>
    <t>神奈川県横浜市金沢区富岡東四丁目10</t>
  </si>
  <si>
    <t>神奈川県横浜市港南区芹が谷一丁目19</t>
  </si>
  <si>
    <t>神奈川県横浜市緑区中山一丁目331</t>
  </si>
  <si>
    <t>神奈川県横浜市磯子区杉田三丁目7</t>
  </si>
  <si>
    <t>神奈川県横浜市金沢区釜利谷東三丁目9</t>
  </si>
  <si>
    <t>神奈川県横浜市磯子区田中二丁目8</t>
  </si>
  <si>
    <t>神奈川県横浜市旭区今宿東町810-16</t>
  </si>
  <si>
    <t>神奈川県横浜市緑区中山六丁目796-175</t>
  </si>
  <si>
    <t>神奈川県横浜市戸塚区原宿三丁目33</t>
  </si>
  <si>
    <t>神奈川県横浜市保土ｹ谷区上菅田町1114-19</t>
  </si>
  <si>
    <t>神奈川県横浜市旭区上白根一丁目15</t>
  </si>
  <si>
    <t>神奈川県横浜市保土ｹ谷区川島町1204-2</t>
  </si>
  <si>
    <t>神奈川県横浜市南区別所七丁目7</t>
  </si>
  <si>
    <t>神奈川県横浜市青葉区すすき野一丁目1-8</t>
  </si>
  <si>
    <t>神奈川県横浜市鶴見区鶴見中央三丁目28</t>
  </si>
  <si>
    <t>神奈川県横浜市金沢区東朝比奈二丁目46</t>
  </si>
  <si>
    <t>神奈川県横浜市金沢区釜利谷東一丁目6</t>
  </si>
  <si>
    <t>神奈川県横浜市栄区元大橋一丁目26</t>
  </si>
  <si>
    <t>神奈川県横浜市港北区綱島西六丁目16</t>
  </si>
  <si>
    <t>神奈川県横浜市保土ｹ谷区東川島町35-70</t>
  </si>
  <si>
    <t>神奈川県横浜市金沢区釜利谷東三丁目18</t>
  </si>
  <si>
    <t>神奈川県横浜市西区北幸二丁目9</t>
  </si>
  <si>
    <t>神奈川県横浜市港北区大曽根二丁目11</t>
  </si>
  <si>
    <t>神奈川県横浜市南区井土ｹ谷中町98-24</t>
  </si>
  <si>
    <t>神奈川県横浜市神奈川区西寺尾四丁目13</t>
  </si>
  <si>
    <t>神奈川県横浜市青葉区新石川二丁目27-13</t>
  </si>
  <si>
    <t>神奈川県横浜市南区大岡三丁目23</t>
  </si>
  <si>
    <t>神奈川県横浜市南区睦町1丁目1-10</t>
  </si>
  <si>
    <t>神奈川県横浜市旭区上白根三丁目39</t>
  </si>
  <si>
    <t>神奈川県横浜市保土ｹ谷区和田一丁目15</t>
  </si>
  <si>
    <t>神奈川県横浜市南区永田北二丁目31</t>
  </si>
  <si>
    <t>神奈川県横浜市旭区笹野台四丁目23</t>
  </si>
  <si>
    <t>神奈川県横浜市緑区長津田みなみ台一丁目2-14</t>
  </si>
  <si>
    <t>神奈川県横浜市金沢区富岡西三丁目9</t>
  </si>
  <si>
    <t>神奈川県横浜市神奈川区六角橋五丁目10</t>
  </si>
  <si>
    <t>神奈川県横浜市神奈川区神大寺三丁目2</t>
  </si>
  <si>
    <t>神奈川県横浜市鶴見区駒岡四丁目38</t>
  </si>
  <si>
    <t>神奈川県横浜市金沢区寺前一丁目5</t>
  </si>
  <si>
    <t>神奈川県横浜市保土ｹ谷区狩場町475-53</t>
  </si>
  <si>
    <t>神奈川県横浜市金沢区東朝比奈三丁目2</t>
  </si>
  <si>
    <t>神奈川県横浜市南区中村町五丁目315-73</t>
  </si>
  <si>
    <t>010950</t>
    <phoneticPr fontId="7"/>
  </si>
  <si>
    <t>神奈川県横浜市泉区上飯田町2173-13</t>
  </si>
  <si>
    <t>神奈川県横浜市港南区笹下三丁目29</t>
  </si>
  <si>
    <t>神奈川県横浜市保土ｹ谷区新桜ｹ丘二丁目38番</t>
  </si>
  <si>
    <t>神奈川県横浜市緑区三保町3054番</t>
  </si>
  <si>
    <t>神奈川県横浜市南区中村町2丁目129-1</t>
  </si>
  <si>
    <t>神奈川県横浜市港南区港南一丁目15</t>
  </si>
  <si>
    <t>神奈川県横浜市金沢区東朝比奈三丁目15</t>
  </si>
  <si>
    <t>神奈川県横浜市栄区桂台南二丁目16</t>
  </si>
  <si>
    <t>神奈川県横浜市緑区竹山一丁目9-1</t>
  </si>
  <si>
    <t>神奈川県横浜市神奈川区神大寺二丁目5</t>
  </si>
  <si>
    <t>神奈川県横浜市瀬谷区三ﾂ境63-31</t>
  </si>
  <si>
    <t>神奈川県横浜市神奈川区新子安一丁目1-12</t>
  </si>
  <si>
    <t>神奈川県横浜市栄区小菅ｹ谷二丁目2</t>
  </si>
  <si>
    <t>神奈川県横浜市泉区下和泉二丁目10</t>
  </si>
  <si>
    <t>神奈川県横浜市鶴見区駒岡三丁目9</t>
  </si>
  <si>
    <t>神奈川県横浜市港南区日限山一丁目38</t>
  </si>
  <si>
    <t>神奈川県横浜市保土ｹ谷区境木町75-57</t>
  </si>
  <si>
    <t>神奈川県横浜市金沢区六浦三丁目15</t>
  </si>
  <si>
    <t>神奈川県横浜市南区中里三丁目272-7</t>
  </si>
  <si>
    <t>神奈川県横浜市神奈川区松見町3丁目502-1</t>
  </si>
  <si>
    <t>神奈川県横浜市青葉区藤が丘二丁目1-17</t>
  </si>
  <si>
    <t>神奈川県横浜市緑区鴨居三丁目24</t>
  </si>
  <si>
    <t>神奈川県横浜市鶴見区潮田町1丁目45-1</t>
  </si>
  <si>
    <t>神奈川県横浜市磯子区洋光台六丁目10</t>
  </si>
  <si>
    <t>神奈川県横浜市金沢区六浦東一丁目33</t>
  </si>
  <si>
    <t>神奈川県横浜市南区大岡五丁目24</t>
  </si>
  <si>
    <t>神奈川県横浜市金沢区長浜二丁目7</t>
  </si>
  <si>
    <t>神奈川県横浜市保土ｹ谷区瀬戸ｹ谷町51-5</t>
  </si>
  <si>
    <t>神奈川県横浜市金沢区大道一丁目42</t>
  </si>
  <si>
    <t>神奈川県横浜市瀬谷区三ﾂ境82-16</t>
  </si>
  <si>
    <t>神奈川県横浜市瀬谷区本郷三丁目61-4</t>
  </si>
  <si>
    <t>神奈川県横浜市旭区笹野台二丁目32</t>
  </si>
  <si>
    <t>神奈川県横浜市西区西戸部町3丁目262-1</t>
  </si>
  <si>
    <t>神奈川県横浜市金沢区六浦南二丁目4</t>
  </si>
  <si>
    <t>神奈川県横浜市旭区今宿町2664番34</t>
  </si>
  <si>
    <t>神奈川県横浜市港北区箕輪町一丁目14</t>
  </si>
  <si>
    <t>神奈川県横浜市港北区新吉田東八丁目2690-1</t>
  </si>
  <si>
    <t>神奈川県横浜市旭区中尾二丁目11</t>
  </si>
  <si>
    <t>神奈川県横浜市神奈川区松見町1丁目21-13</t>
  </si>
  <si>
    <t>神奈川県横浜市鶴見区岸谷一丁目12</t>
  </si>
  <si>
    <t>神奈川県横浜市港南区日野三丁目10</t>
  </si>
  <si>
    <t>神奈川県横浜市磯子区田中一丁目14</t>
  </si>
  <si>
    <t>神奈川県横浜市瀬谷区三ﾂ境179-27</t>
  </si>
  <si>
    <t>神奈川県横浜市南区大岡三丁目9</t>
  </si>
  <si>
    <t>神奈川県横浜市保土ｹ谷区新桜ｹ丘二丁目7番</t>
  </si>
  <si>
    <t>神奈川県横浜市磯子区杉田三丁目12</t>
  </si>
  <si>
    <t>神奈川県横浜市金沢区東朝比奈一丁目37</t>
  </si>
  <si>
    <t>神奈川県横浜市栄区本郷台三丁目2513-1</t>
  </si>
  <si>
    <t>神奈川県横浜市中区山元町5丁目208-1</t>
  </si>
  <si>
    <t>神奈川県横浜市磯子区中原三丁目7</t>
  </si>
  <si>
    <t>神奈川県横浜市保土ｹ谷区西谷一丁目728-5</t>
  </si>
  <si>
    <t>神奈川県横浜市瀬谷区相沢六丁目24-12</t>
  </si>
  <si>
    <t>神奈川県横浜市港南区芹が谷四丁目25</t>
  </si>
  <si>
    <t>神奈川県横浜市神奈川区新子安一丁目21</t>
  </si>
  <si>
    <t>神奈川県横浜市西区宮ｹ谷55-3</t>
  </si>
  <si>
    <t>神奈川県横浜市磯子区田中二丁目23</t>
  </si>
  <si>
    <t>神奈川県横浜市旭区上白根三丁目34</t>
  </si>
  <si>
    <t>神奈川県横浜市金沢区富岡西七丁目41</t>
  </si>
  <si>
    <t>神奈川県横浜市西区伊勢町3丁目133-8</t>
  </si>
  <si>
    <t>神奈川県横浜市南区真金町1丁目1</t>
  </si>
  <si>
    <t>神奈川県横浜市港北区日吉本町五丁目51</t>
  </si>
  <si>
    <t>神奈川県横浜市保土ｹ谷区仏向町1416-9</t>
  </si>
  <si>
    <t>神奈川県横浜市保土ｹ谷区岩井町1-6</t>
  </si>
  <si>
    <t>神奈川県横浜市金沢区六浦南三丁目9</t>
  </si>
  <si>
    <t>神奈川県横浜市鶴見区大黒町43番16</t>
  </si>
  <si>
    <t>神奈川県横浜市港北区箕輪町二丁目18</t>
  </si>
  <si>
    <t>神奈川県横浜市西区浅間町1丁目16-2</t>
  </si>
  <si>
    <t>神奈川県横浜市泉区中田南二丁目26</t>
  </si>
  <si>
    <t>神奈川県横浜市神奈川区東神奈川二丁目36-4</t>
  </si>
  <si>
    <t>神奈川県横浜市中区石川町5丁目188-1</t>
  </si>
  <si>
    <t>神奈川県横浜市鶴見区北寺尾三丁目10</t>
  </si>
  <si>
    <t>神奈川県横浜市港南区芹が谷二丁目13</t>
  </si>
  <si>
    <t>神奈川県横浜市保土ｹ谷区峰沢町105-21</t>
  </si>
  <si>
    <t>神奈川県横浜市保土ｹ谷区川島町759-1</t>
  </si>
  <si>
    <t>神奈川県横浜市南区永田南二丁目19</t>
  </si>
  <si>
    <t>神奈川県横浜市瀬谷区阿久和西二丁目28-12</t>
  </si>
  <si>
    <t>神奈川県横浜市栄区桂台南二丁目6</t>
  </si>
  <si>
    <t>神奈川県横浜市神奈川区片倉四丁目18</t>
  </si>
  <si>
    <t>神奈川県横浜市港北区箕輪町一丁目30</t>
  </si>
  <si>
    <t>神奈川県横浜市磯子区杉田八丁目28</t>
  </si>
  <si>
    <t>神奈川県横浜市港南区日野中央二丁目19</t>
  </si>
  <si>
    <t>神奈川県横浜市鶴見区鶴見中央一丁目14</t>
  </si>
  <si>
    <t>神奈川県横浜市金沢区釜利谷南四丁目8</t>
  </si>
  <si>
    <t>神奈川県横浜市磯子区岡村四丁目2</t>
  </si>
  <si>
    <t>神奈川県横浜市港北区富士塚二丁目24</t>
  </si>
  <si>
    <t>神奈川県横浜市戸塚区南舞岡一丁目19</t>
  </si>
  <si>
    <t>神奈川県横浜市中区根岸町2丁目42-2</t>
  </si>
  <si>
    <t>神奈川県横浜市南区六ﾂ川二丁目68-25</t>
  </si>
  <si>
    <t>神奈川県横浜市保土ｹ谷区岩井町123-14</t>
  </si>
  <si>
    <t>神奈川県横浜市港北区菊名三丁目234-11</t>
  </si>
  <si>
    <t>神奈川県横浜市保土ｹ谷区新井町556-85</t>
  </si>
  <si>
    <t>神奈川県横浜市鶴見区鶴見中央一丁目12</t>
  </si>
  <si>
    <t>神奈川県横浜市南区六ﾂ川三丁目8-20</t>
  </si>
  <si>
    <t>神奈川県横浜市金沢区西柴二丁目22</t>
  </si>
  <si>
    <t>神奈川県横浜市磯子区栗木三丁目8</t>
  </si>
  <si>
    <t>神奈川県横浜市中区千代崎町1丁目25-3</t>
  </si>
  <si>
    <t>神奈川県横浜市神奈川区新子安一丁目1-13</t>
  </si>
  <si>
    <t>神奈川県横浜市保土ｹ谷区西久保町186</t>
  </si>
  <si>
    <t>神奈川県横浜市旭区笹野台二丁目160-58</t>
  </si>
  <si>
    <t>神奈川県横浜市栄区桂台南一丁目16</t>
  </si>
  <si>
    <t>神奈川県横浜市南区清水ｹ丘49</t>
  </si>
  <si>
    <t>神奈川県横浜市南区中里二丁目16</t>
  </si>
  <si>
    <t>神奈川県横浜市保土ｹ谷区権太坂一丁目48</t>
  </si>
  <si>
    <t>神奈川県横浜市港北区大曽根二丁目45</t>
  </si>
  <si>
    <t>神奈川県横浜市港南区日野中央三丁目32</t>
  </si>
  <si>
    <t>神奈川県横浜市鶴見区東寺尾四丁目1</t>
  </si>
  <si>
    <t>神奈川県横浜市神奈川区三ﾂ沢南町16</t>
  </si>
  <si>
    <t>神奈川県横浜市磯子区滝頭一丁目9</t>
  </si>
  <si>
    <t>神奈川県横浜市神奈川区神大寺二丁目798-9</t>
  </si>
  <si>
    <t>神奈川県横浜市緑区上山二丁目28</t>
  </si>
  <si>
    <t>神奈川県横浜市金沢区六浦五丁目10</t>
  </si>
  <si>
    <t>神奈川県横浜市泉区白百合二丁目13</t>
  </si>
  <si>
    <t>神奈川県横浜市港南区上大岡東一丁目19</t>
  </si>
  <si>
    <t>神奈川県横浜市緑区長津田みなみ台七丁目13-1</t>
  </si>
  <si>
    <t>神奈川県横浜市中区新山下二丁目3-206</t>
  </si>
  <si>
    <t>神奈川県横浜市栄区桂台南二丁目21</t>
  </si>
  <si>
    <t>神奈川県横浜市金沢区六浦二丁目1</t>
  </si>
  <si>
    <t>神奈川県横浜市泉区中田西一丁目3</t>
  </si>
  <si>
    <t>神奈川県横浜市西区西戸部町2丁目216-2</t>
  </si>
  <si>
    <t>神奈川県横浜市南区永田北三丁目8</t>
  </si>
  <si>
    <t>神奈川県横浜市緑区白山四丁目13</t>
  </si>
  <si>
    <t>神奈川県横浜市港北区大倉山一丁目7</t>
  </si>
  <si>
    <t>神奈川県横浜市金沢区六浦南三丁目3</t>
  </si>
  <si>
    <t>神奈川県横浜市港北区大倉山二丁目24</t>
  </si>
  <si>
    <t>神奈川県横浜市戸塚区汲沢七丁目37</t>
  </si>
  <si>
    <t>神奈川県横浜市緑区鴨居四丁目84</t>
  </si>
  <si>
    <t>神奈川県横浜市港南区港南一丁目19</t>
  </si>
  <si>
    <t>神奈川県横浜市保土ｹ谷区新桜ｹ丘一丁目12番</t>
  </si>
  <si>
    <t>神奈川県横浜市港南区日野南六丁目31</t>
  </si>
  <si>
    <t>神奈川県横浜市旭区白根四丁目22</t>
  </si>
  <si>
    <t>神奈川県横浜市港北区高田東三丁目17番</t>
  </si>
  <si>
    <t>神奈川県横浜市保土ｹ谷区星川一丁目6</t>
  </si>
  <si>
    <t>神奈川県横浜市鶴見区獅子ｹ谷一丁目26</t>
  </si>
  <si>
    <t>神奈川県横浜市港北区大曽根一丁目5</t>
  </si>
  <si>
    <t>神奈川県横浜市西区藤棚町2丁目212-21</t>
  </si>
  <si>
    <t>神奈川県横浜市旭区白根七丁目30</t>
  </si>
  <si>
    <t>神奈川県横浜市港南区日野三丁目4</t>
  </si>
  <si>
    <t>神奈川県横浜市瀬谷区相沢六丁目53-2</t>
  </si>
  <si>
    <t>神奈川県横浜市保土ｹ谷区上菅田町876-42</t>
  </si>
  <si>
    <t>神奈川県横浜市港南区日野五丁目33</t>
  </si>
  <si>
    <t>神奈川県横浜市鶴見区矢向五丁目12</t>
  </si>
  <si>
    <t>神奈川県横浜市栄区小菅ｹ谷三丁目40</t>
  </si>
  <si>
    <t>神奈川県横浜市保土ｹ谷区初音ｹ丘17</t>
  </si>
  <si>
    <t>神奈川県横浜市鶴見区東寺尾三丁目24</t>
  </si>
  <si>
    <t>神奈川県横浜市旭区笹野台三丁目37</t>
  </si>
  <si>
    <t>神奈川県横浜市港北区綱島西三丁目23</t>
  </si>
  <si>
    <t>神奈川県横浜市神奈川区新子安一丁目6</t>
  </si>
  <si>
    <t>神奈川県横浜市神奈川区松見町4丁目1101-16</t>
  </si>
  <si>
    <t>神奈川県横浜市港南区日野八丁目30</t>
  </si>
  <si>
    <t>神奈川県横浜市保土ｹ谷区和田二丁目19</t>
  </si>
  <si>
    <t>神奈川県横浜市磯子区森二丁目3</t>
  </si>
  <si>
    <t>神奈川県横浜市泉区中田南五丁目18</t>
  </si>
  <si>
    <t>神奈川県横浜市南区井土ｹ谷中町146-10</t>
  </si>
  <si>
    <t>神奈川県横浜市鶴見区下野谷町1丁目17</t>
  </si>
  <si>
    <t>神奈川県横浜市鶴見区朝日町1丁目40-2</t>
  </si>
  <si>
    <t>神奈川県横浜市鶴見区上の宮一丁目30</t>
  </si>
  <si>
    <t>神奈川県横浜市瀬谷区二ﾂ橋町242-30</t>
  </si>
  <si>
    <t>神奈川県横浜市都筑区牛久保東一丁目27-9</t>
  </si>
  <si>
    <t>神奈川県横浜市都筑区茅ｹ崎南三丁目6</t>
  </si>
  <si>
    <t>神奈川県横浜市都筑区茅ｹ崎南四丁目3</t>
  </si>
  <si>
    <t>神奈川県横浜市都筑区東山田四丁目46</t>
  </si>
  <si>
    <t>神奈川県横浜市都筑区荏田南四丁目22</t>
  </si>
  <si>
    <t>神奈川県横浜市都筑区荏田東一丁目12</t>
  </si>
  <si>
    <t>神奈川県横浜市緑区白山一丁目96-3</t>
  </si>
  <si>
    <t>神奈川県横浜市都筑区荏田東四丁目37</t>
  </si>
  <si>
    <t>神奈川県横浜市都筑区荏田南二丁目14</t>
  </si>
  <si>
    <t>神奈川県横浜市都筑区北山田六丁目15</t>
  </si>
  <si>
    <t>神奈川県横浜市都筑区北山田一丁目15-10</t>
  </si>
  <si>
    <t>神奈川県横浜市都筑区荏田南五丁目13</t>
  </si>
  <si>
    <t>神奈川県横浜市都筑区牛久保西一丁目5</t>
  </si>
  <si>
    <t>神奈川県横浜市都筑区早渕一丁目35</t>
  </si>
  <si>
    <t>神奈川県横浜市都筑区荏田東三丁目14</t>
  </si>
  <si>
    <t>神奈川県横浜市都筑区荏田南一丁目5</t>
  </si>
  <si>
    <t>神奈川県横浜市都筑区荏田東二丁目6</t>
  </si>
  <si>
    <t>神奈川県横浜市保土ｹ谷区神戸町104-2</t>
  </si>
  <si>
    <t>神奈川県横浜市保土ｹ谷区常盤台8</t>
  </si>
  <si>
    <t>神奈川県横浜市南区井土ｹ谷下町9</t>
  </si>
  <si>
    <t>神奈川県横浜市鶴見区馬場七丁目7番</t>
  </si>
  <si>
    <t>神奈川県横浜市磯子区杉田五丁目24</t>
  </si>
  <si>
    <t>神奈川県横浜市栄区小菅ｹ谷四丁目7-1</t>
  </si>
  <si>
    <t>神奈川県横浜市金沢区富岡西七丁目37</t>
  </si>
  <si>
    <t>神奈川県横浜市保土ｹ谷区狩場町422-66</t>
  </si>
  <si>
    <t>神奈川県横浜市都筑区仲町台三丁目20</t>
  </si>
  <si>
    <t>神奈川県横浜市南区永田北一丁目8</t>
  </si>
  <si>
    <t>神奈川県横浜市都筑区仲町台五丁目6</t>
  </si>
  <si>
    <t>神奈川県横浜市南区別所五丁目16</t>
  </si>
  <si>
    <t>神奈川県横浜市南区山谷82番地31</t>
  </si>
  <si>
    <t>神奈川県横浜市都筑区中川七丁目4</t>
  </si>
  <si>
    <t>神奈川県横浜市緑区白山二丁目22</t>
  </si>
  <si>
    <t>神奈川県横浜市金沢区東朝比奈三丁目19</t>
  </si>
  <si>
    <t>神奈川県横浜市青葉区あかね台二丁目7-8</t>
  </si>
  <si>
    <t>神奈川県横浜市港北区菊名三丁目19</t>
  </si>
  <si>
    <t>神奈川県横浜市港南区港南三丁目17</t>
  </si>
  <si>
    <t>神奈川県横浜市金沢区高舟台二丁目36</t>
  </si>
  <si>
    <t>神奈川県横浜市鶴見区生麦三丁目467</t>
  </si>
  <si>
    <t>神奈川県横浜市中区海岸通5丁目52番</t>
  </si>
  <si>
    <t>神奈川県横浜市旭区今宿二丁目45</t>
  </si>
  <si>
    <t>神奈川県横浜市青葉区新石川四丁目29-62</t>
  </si>
  <si>
    <t>神奈川県横浜市南区六ﾂ川二丁目143-6</t>
  </si>
  <si>
    <t>神奈川県横浜市港南区大久保一丁目16</t>
  </si>
  <si>
    <t>神奈川県横浜市緑区鴨居一丁目14</t>
  </si>
  <si>
    <t>神奈川県横浜市保土ｹ谷区新井町316-1</t>
  </si>
  <si>
    <t>神奈川県横浜市南区永田東三丁目5</t>
  </si>
  <si>
    <t>神奈川県横浜市南区井土ｹ谷下町14</t>
  </si>
  <si>
    <t>神奈川県横浜市保土ｹ谷区川島町733</t>
  </si>
  <si>
    <t>神奈川県横浜市保土ｹ谷区桜ｹ丘二丁目398番6</t>
  </si>
  <si>
    <t>神奈川県横浜市青葉区あかね台二丁目27-6</t>
  </si>
  <si>
    <t>神奈川県横浜市都筑区中川四丁目7</t>
  </si>
  <si>
    <t>神奈川県横浜市中区新山下二丁目7番</t>
  </si>
  <si>
    <t>神奈川県横浜市金沢区釜利谷東二丁目7</t>
  </si>
  <si>
    <t>神奈川県横浜市西区宮ｹ谷25-13</t>
  </si>
  <si>
    <t>神奈川県横浜市金沢区六浦二丁目8</t>
  </si>
  <si>
    <t>神奈川県横浜市旭区中尾二丁目5</t>
  </si>
  <si>
    <t>神奈川県横浜市栄区本郷台一丁目6</t>
  </si>
  <si>
    <t>神奈川県横浜市都筑区北山田四丁目23</t>
  </si>
  <si>
    <t>神奈川県横浜市都筑区東山田四丁目22-1</t>
  </si>
  <si>
    <t>神奈川県横浜市都筑区茅ｹ崎東一丁目8</t>
  </si>
  <si>
    <t>神奈川県横浜市都筑区北山田六丁目37</t>
  </si>
  <si>
    <t>神奈川県横浜市泉区和泉中央南三丁目21</t>
  </si>
  <si>
    <t>神奈川県横浜市都筑区茅ｹ崎東二丁目6</t>
  </si>
  <si>
    <t>神奈川県横浜市保土ｹ谷区今井町509-3</t>
  </si>
  <si>
    <t>神奈川県横浜市港南区下永谷二丁目7</t>
  </si>
  <si>
    <t>神奈川県横浜市神奈川区西寺尾三丁目25</t>
  </si>
  <si>
    <t>神奈川県横浜市港南区日限山二丁目1</t>
  </si>
  <si>
    <t>神奈川県横浜市緑区東本郷五丁目4</t>
  </si>
  <si>
    <t>神奈川県横浜市南区六ﾂ川一丁目132-7</t>
  </si>
  <si>
    <t>神奈川県横浜市保土ｹ谷区瀬戸ｹ谷町24-2</t>
  </si>
  <si>
    <t>神奈川県横浜市金沢区釜利谷南三丁目18</t>
  </si>
  <si>
    <t>神奈川県横浜市港南区上大岡西三丁目8</t>
  </si>
  <si>
    <t>神奈川県横浜市泉区和泉が丘三丁目6</t>
  </si>
  <si>
    <t>神奈川県横浜市戸塚区平戸一丁目2</t>
  </si>
  <si>
    <t>神奈川県横浜市港南区日野南四丁目6</t>
  </si>
  <si>
    <t>神奈川県横浜市金沢区釜利谷東六丁目16</t>
  </si>
  <si>
    <t>神奈川県横浜市戸塚区原宿四丁目29</t>
  </si>
  <si>
    <t>神奈川県横浜市南区南太田二丁目12</t>
  </si>
  <si>
    <t>神奈川県横浜市金沢区釜利谷西三丁目28</t>
  </si>
  <si>
    <t>神奈川県横浜市保土ｹ谷区法泉二丁目20</t>
  </si>
  <si>
    <t>神奈川県横浜市戸塚区原宿一丁目30</t>
  </si>
  <si>
    <t>https://www.city.yokohama.lg.jp/kurashi/machizukuri-kankyo/midori-koen/koen/koen/sport/faqshisetsu.html</t>
    <phoneticPr fontId="7"/>
  </si>
  <si>
    <t>神奈川県横浜市神奈川区西寺尾二丁目15</t>
  </si>
  <si>
    <t>神奈川県横浜市神奈川区西寺尾四丁目21</t>
  </si>
  <si>
    <t>神奈川県横浜市金沢区六浦東二丁目18</t>
  </si>
  <si>
    <t>神奈川県横浜市栄区笠間三丁目17</t>
  </si>
  <si>
    <t>神奈川県横浜市戸塚区矢部町1420-13</t>
  </si>
  <si>
    <t>神奈川県横浜市港北区菊名四丁目4</t>
  </si>
  <si>
    <t>神奈川県横浜市栄区鍛冶ｹ谷二丁目5</t>
  </si>
  <si>
    <t>神奈川県横浜市泉区和泉中央南一丁目17</t>
  </si>
  <si>
    <t>神奈川県横浜市瀬谷区橋戸三丁目9-7</t>
  </si>
  <si>
    <t>神奈川県横浜市戸塚区原宿一丁目6</t>
  </si>
  <si>
    <t>神奈川県横浜市西区浅間町2丁目94</t>
  </si>
  <si>
    <t>神奈川県横浜市保土ｹ谷区瀬戸ｹ谷町151-7</t>
  </si>
  <si>
    <t>神奈川県横浜市金沢区釜利谷西一丁目15</t>
  </si>
  <si>
    <t>神奈川県横浜市栄区桂台南一丁目24</t>
  </si>
  <si>
    <t>神奈川県横浜市緑区竹山二丁目6-1</t>
  </si>
  <si>
    <t>神奈川県横浜市泉区新橋町1059番地</t>
  </si>
  <si>
    <t>神奈川県横浜市都筑区仲町台三丁目7</t>
  </si>
  <si>
    <t>神奈川県横浜市鶴見区馬場二丁目29</t>
  </si>
  <si>
    <t>神奈川県横浜市旭区笹野台四丁目11</t>
  </si>
  <si>
    <t>神奈川県横浜市港南区日野八丁目21</t>
  </si>
  <si>
    <t>神奈川県横浜市戸塚区上矢部町64-8</t>
  </si>
  <si>
    <t>神奈川県横浜市鶴見区仲通1丁目2-7</t>
  </si>
  <si>
    <t>神奈川県横浜市保土ｹ谷区和田一丁目287-3</t>
  </si>
  <si>
    <t>神奈川県横浜市磯子区磯子三丁目1134-93</t>
  </si>
  <si>
    <t>神奈川県横浜市港北区高田東二丁目32番</t>
  </si>
  <si>
    <t>神奈川県横浜市港南区東永谷三丁目15</t>
  </si>
  <si>
    <t>神奈川県横浜市金沢区六浦四丁目5</t>
  </si>
  <si>
    <t>神奈川県横浜市港南区笹下六丁目18</t>
  </si>
  <si>
    <t>神奈川県横浜市瀬谷区中屋敷三丁目3</t>
  </si>
  <si>
    <t>神奈川県横浜市鶴見区尻手一丁目9</t>
  </si>
  <si>
    <t>神奈川県横浜市旭区今宿町二丁目3</t>
  </si>
  <si>
    <t>神奈川県横浜市都筑区加賀原一丁目37</t>
  </si>
  <si>
    <t>神奈川県横浜市金沢区釜利谷南四丁目31</t>
  </si>
  <si>
    <t>神奈川県横浜市港南区丸山台二丁目28</t>
  </si>
  <si>
    <t>神奈川県横浜市鶴見区岸谷四丁目18番</t>
  </si>
  <si>
    <t>神奈川県横浜市金沢区六浦五丁目30</t>
  </si>
  <si>
    <t>神奈川県横浜市港北区仲手原二丁目44</t>
  </si>
  <si>
    <t>神奈川県横浜市金沢区六浦三丁目5</t>
  </si>
  <si>
    <t>神奈川県横浜市港南区日野七丁目32</t>
  </si>
  <si>
    <t>神奈川県横浜市栄区小菅ｹ谷一丁目16</t>
  </si>
  <si>
    <t>神奈川県横浜市金沢区寺前二丁目5</t>
  </si>
  <si>
    <t>神奈川県横浜市保土ｹ谷区岩間町1丁目2-2</t>
  </si>
  <si>
    <t>神奈川県横浜市磯子区杉田四丁目11</t>
  </si>
  <si>
    <t>神奈川県横浜市瀬谷区瀬谷五丁目13-13</t>
  </si>
  <si>
    <t>神奈川県横浜市都筑区勝田南二丁目9</t>
  </si>
  <si>
    <t>神奈川県横浜市保土ｹ谷区岩井町289</t>
  </si>
  <si>
    <t>神奈川県横浜市磯子区滝頭三丁目8</t>
  </si>
  <si>
    <t>神奈川県横浜市青葉区あざみ野三丁目2-2</t>
  </si>
  <si>
    <t>神奈川県横浜市西区浅間町2丁目109-12</t>
  </si>
  <si>
    <t>神奈川県横浜市旭区二俣川2丁目20-1</t>
  </si>
  <si>
    <t>神奈川県横浜市泉区西が岡二丁目4-1</t>
  </si>
  <si>
    <t>神奈川県横浜市瀬谷区橋戸三丁目50-6</t>
  </si>
  <si>
    <t>神奈川県横浜市保土ｹ谷区境木本町28</t>
  </si>
  <si>
    <t>神奈川県横浜市戸塚区平戸五丁目16</t>
  </si>
  <si>
    <t>神奈川県横浜市鶴見区上末吉三丁目3</t>
  </si>
  <si>
    <t>神奈川県横浜市戸塚区上矢部町771-11</t>
  </si>
  <si>
    <t>神奈川県横浜市港南区港南六丁目31</t>
  </si>
  <si>
    <t>神奈川県横浜市保土ｹ谷区瀬戸ｹ谷町138-92</t>
  </si>
  <si>
    <t>神奈川県横浜市南区六ﾂ川四丁目1157-3</t>
  </si>
  <si>
    <t>神奈川県横浜市泉区領家二丁目8</t>
  </si>
  <si>
    <t>神奈川県横浜市栄区小菅ｹ谷一丁目22</t>
  </si>
  <si>
    <t>神奈川県横浜市港南区最戸二丁目14</t>
  </si>
  <si>
    <t>神奈川県横浜市緑区中山一丁目329-26</t>
  </si>
  <si>
    <t>神奈川県横浜市港北区高田東三丁目32番</t>
  </si>
  <si>
    <t>神奈川県横浜市瀬谷区二ﾂ橋町224-2</t>
  </si>
  <si>
    <t>神奈川県横浜市栄区本郷台二丁目15</t>
  </si>
  <si>
    <t>神奈川県横浜市神奈川区西寺尾三丁目11</t>
  </si>
  <si>
    <t>神奈川県横浜市旭区中沢三丁目37</t>
  </si>
  <si>
    <t>神奈川県横浜市南区中村町3丁目196</t>
  </si>
  <si>
    <t>神奈川県横浜市栄区飯島町1296番23</t>
  </si>
  <si>
    <t>神奈川県横浜市鶴見区東寺尾一丁目30</t>
  </si>
  <si>
    <t>神奈川県横浜市瀬谷区下瀬谷二丁目42</t>
  </si>
  <si>
    <t>神奈川県横浜市鶴見区生麦四丁目16</t>
  </si>
  <si>
    <t>神奈川県横浜市都筑区東山田一丁目14-5</t>
  </si>
  <si>
    <t>神奈川県横浜市都筑区勝田南一丁目6</t>
  </si>
  <si>
    <t>神奈川県横浜市保土ｹ谷区霞台7</t>
  </si>
  <si>
    <t>神奈川県横浜市瀬谷区宮沢二丁目26</t>
  </si>
  <si>
    <t>神奈川県横浜市金沢区釜利谷東八丁目16</t>
  </si>
  <si>
    <t>神奈川県横浜市旭区中沢二丁目42番</t>
  </si>
  <si>
    <t>神奈川県横浜市金沢区東朝比奈二丁目19</t>
  </si>
  <si>
    <t>神奈川県横浜市南区別所三丁目5</t>
  </si>
  <si>
    <t>神奈川県横浜市青葉区市ｹ尾町1159-1</t>
  </si>
  <si>
    <t>神奈川県横浜市港北区箕輪町二丁目10</t>
  </si>
  <si>
    <t>神奈川県横浜市港北区下田町一丁目9</t>
  </si>
  <si>
    <t>神奈川県横浜市港南区下永谷五丁目12</t>
  </si>
  <si>
    <t>神奈川県横浜市神奈川区西寺尾三丁目17</t>
  </si>
  <si>
    <t>神奈川県横浜市保土ｹ谷区上菅田町951番70</t>
  </si>
  <si>
    <t>神奈川県横浜市港南区日野九丁目40</t>
  </si>
  <si>
    <t>神奈川県横浜市鶴見区下野谷町4丁目158-2</t>
  </si>
  <si>
    <t>神奈川県横浜市栄区庄戸三丁目10</t>
  </si>
  <si>
    <t>神奈川県横浜市磯子区杉田七丁目25</t>
  </si>
  <si>
    <t>神奈川県横浜市鶴見区駒岡四丁目2342-1</t>
  </si>
  <si>
    <t>神奈川県横浜市港北区日吉六丁目13</t>
  </si>
  <si>
    <t>神奈川県横浜市港北区綱島東五丁目354-1</t>
  </si>
  <si>
    <t>神奈川県横浜市緑区長津田一丁目22</t>
  </si>
  <si>
    <t>神奈川県横浜市瀬谷区三ﾂ境89-14</t>
  </si>
  <si>
    <t>神奈川県横浜市瀬谷区三ﾂ境179-23</t>
  </si>
  <si>
    <t>神奈川県横浜市保土ｹ谷区上菅田町144-138</t>
  </si>
  <si>
    <t>神奈川県横浜市神奈川区菅田町867番地の88</t>
  </si>
  <si>
    <t>神奈川県横浜市磯子区岡村四丁目17</t>
  </si>
  <si>
    <t>神奈川県横浜市都筑区牛久保一丁目12</t>
  </si>
  <si>
    <t>神奈川県横浜市港北区大曽根一丁目12</t>
  </si>
  <si>
    <t>神奈川県横浜市緑区長津田一丁目2</t>
  </si>
  <si>
    <t>神奈川県横浜市鶴見区東寺尾一丁目12</t>
  </si>
  <si>
    <t>神奈川県横浜市港南区日野九丁目11</t>
  </si>
  <si>
    <t>神奈川県横浜市港南区笹下六丁目31</t>
  </si>
  <si>
    <t>神奈川県横浜市金沢区釜利谷西二丁目3</t>
  </si>
  <si>
    <t>神奈川県横浜市鶴見区鶴見中央四丁目37</t>
  </si>
  <si>
    <t>神奈川県横浜市保土ｹ谷区西谷二丁目26</t>
  </si>
  <si>
    <t>神奈川県横浜市南区中村町2丁目116-4</t>
  </si>
  <si>
    <t>神奈川県横浜市緑区長津田町字中村4243番</t>
  </si>
  <si>
    <t>神奈川県横浜市旭区上白根三丁目10</t>
  </si>
  <si>
    <t>神奈川県横浜市瀬谷区阿久和東三丁目29</t>
  </si>
  <si>
    <t>神奈川県横浜市金沢区六浦南二丁目15</t>
  </si>
  <si>
    <t>神奈川県横浜市瀬谷区瀬谷四丁目15</t>
  </si>
  <si>
    <t>神奈川県横浜市泉区中田西三丁目14</t>
  </si>
  <si>
    <t>神奈川県横浜市南区別所五丁目8</t>
  </si>
  <si>
    <t>神奈川県横浜市神奈川区西神奈川三丁目15</t>
  </si>
  <si>
    <t>神奈川県横浜市西区浅間町4丁目336</t>
  </si>
  <si>
    <t>神奈川県横浜市鶴見区矢向二丁目9</t>
  </si>
  <si>
    <t>神奈川県横浜市栄区桂台西二丁目2</t>
  </si>
  <si>
    <t>神奈川県横浜市神奈川区三ﾂ沢中町27</t>
  </si>
  <si>
    <t>神奈川県横浜市保土ｹ谷区狩場町325-5</t>
  </si>
  <si>
    <t>神奈川県横浜市金沢区釜利谷南二丁目27</t>
  </si>
  <si>
    <t>神奈川県横浜市緑区鴨居四丁目13</t>
  </si>
  <si>
    <t>神奈川県横浜市南区井土ｹ谷上町158</t>
  </si>
  <si>
    <t>神奈川県横浜市金沢区釜利谷南四丁目19</t>
  </si>
  <si>
    <t>神奈川県横浜市旭区上白根二丁目48</t>
  </si>
  <si>
    <t>神奈川県横浜市南区睦町2丁目183</t>
  </si>
  <si>
    <t>神奈川県横浜市瀬谷区瀬谷六丁目6</t>
  </si>
  <si>
    <t>神奈川県横浜市旭区二俣川2丁目41-4</t>
  </si>
  <si>
    <t>神奈川県横浜市栄区小菅ｹ谷三丁目1</t>
  </si>
  <si>
    <t>神奈川県横浜市瀬谷区橋戸三丁目59</t>
  </si>
  <si>
    <t>神奈川県横浜市神奈川区三ﾂ沢中町19</t>
  </si>
  <si>
    <t>神奈川県横浜市栄区本郷台四丁目4</t>
  </si>
  <si>
    <t>神奈川県横浜市泉区弥生台6-1</t>
  </si>
  <si>
    <t>神奈川県横浜市保土ｹ谷区岩崎町43-7</t>
  </si>
  <si>
    <t>神奈川県横浜市鶴見区駒岡四丁目29</t>
  </si>
  <si>
    <t>神奈川県横浜市金沢区六浦南一丁目14</t>
  </si>
  <si>
    <t>神奈川県横浜市磯子区森二丁目16</t>
  </si>
  <si>
    <t>神奈川県横浜市泉区緑園一丁目13</t>
  </si>
  <si>
    <t>神奈川県横浜市金沢区泥亀二丁目8</t>
  </si>
  <si>
    <t>神奈川県横浜市保土ｹ谷区新井町192-39</t>
  </si>
  <si>
    <t>神奈川県横浜市鶴見区北寺尾四丁目20</t>
  </si>
  <si>
    <t>神奈川県横浜市南区南太田一丁目17</t>
  </si>
  <si>
    <t>神奈川県横浜市栄区本郷台二丁目2519番28</t>
  </si>
  <si>
    <t>神奈川県横浜市港北区新吉田東三丁目19</t>
  </si>
  <si>
    <t>神奈川県横浜市栄区上郷町21番2</t>
  </si>
  <si>
    <t>神奈川県横浜市栄区小山台二丁目21</t>
  </si>
  <si>
    <t>神奈川県横浜市港北区日吉六丁目6</t>
  </si>
  <si>
    <t>神奈川県横浜市青葉区荏田西二丁目34-12</t>
  </si>
  <si>
    <t>神奈川県横浜市港南区上永谷六丁目9</t>
  </si>
  <si>
    <t>神奈川県横浜市南区大岡四丁目38</t>
  </si>
  <si>
    <t>神奈川県横浜市戸塚区原宿一丁目21</t>
  </si>
  <si>
    <t>神奈川県横浜市神奈川区神奈川一丁目17-3</t>
  </si>
  <si>
    <t>神奈川県横浜市磯子区滝頭一丁目2</t>
  </si>
  <si>
    <t>神奈川県横浜市泉区上飯田町3486-6</t>
  </si>
  <si>
    <t>神奈川県横浜市西区浅間町3丁目170-3</t>
  </si>
  <si>
    <t>神奈川県横浜市港南区日野中央三丁目5</t>
  </si>
  <si>
    <t>神奈川県横浜市港北区日吉本町五丁目72</t>
  </si>
  <si>
    <t>神奈川県横浜市旭区今宿町字神成谷2540番53</t>
  </si>
  <si>
    <t>神奈川県横浜市鶴見区獅子ｹ谷一丁目13</t>
  </si>
  <si>
    <t>神奈川県横浜市栄区笠間二丁目11</t>
  </si>
  <si>
    <t>神奈川県横浜市瀬谷区阿久和東二丁目10</t>
  </si>
  <si>
    <t>神奈川県横浜市保土ｹ谷区川島町471-3</t>
  </si>
  <si>
    <t>神奈川県横浜市鶴見区馬場五丁目5</t>
  </si>
  <si>
    <t>神奈川県横浜市港南区下永谷一丁目10</t>
  </si>
  <si>
    <t>神奈川県横浜市都筑区早渕一丁目3</t>
  </si>
  <si>
    <t>神奈川県横浜市瀬谷区橋戸一丁目25-24</t>
  </si>
  <si>
    <t>神奈川県横浜市緑区上山三丁目42</t>
  </si>
  <si>
    <t>神奈川県横浜市鶴見区馬場二丁目23</t>
  </si>
  <si>
    <t>神奈川県横浜市都筑区仲町台四丁目13番</t>
  </si>
  <si>
    <t>神奈川県横浜市青葉区荏田西三丁目14-4</t>
  </si>
  <si>
    <t>神奈川県横浜市鶴見区駒岡三丁目30</t>
  </si>
  <si>
    <t>神奈川県横浜市保土ｹ谷区新桜ｹ丘一丁目43番</t>
  </si>
  <si>
    <t>神奈川県横浜市緑区長津田二丁目1782-34</t>
  </si>
  <si>
    <t>神奈川県横浜市鶴見区駒岡一丁目22</t>
  </si>
  <si>
    <t>神奈川県横浜市保土ｹ谷区峰岡町2丁目268</t>
  </si>
  <si>
    <t>神奈川県横浜市泉区中田南三丁目21</t>
  </si>
  <si>
    <t>神奈川県横浜市神奈川区三枚町279番地</t>
  </si>
  <si>
    <t>神奈川県横浜市保土ｹ谷区宮田町2丁目159</t>
  </si>
  <si>
    <t>神奈川県横浜市旭区鶴ｹ峰本町二丁目41</t>
  </si>
  <si>
    <t>神奈川県横浜市泉区和泉中央北一丁目13</t>
  </si>
  <si>
    <t>神奈川県横浜市金沢区能見台五丁目49-1</t>
  </si>
  <si>
    <t>神奈川県横浜市保土ｹ谷区常盤台86</t>
  </si>
  <si>
    <t>神奈川県横浜市保土ｹ谷区川島町字向台655-68</t>
  </si>
  <si>
    <t>神奈川県横浜市瀬谷区南台二丁目4-63</t>
  </si>
  <si>
    <t>神奈川県横浜市港北区新吉田東六丁目26</t>
  </si>
  <si>
    <t>神奈川県横浜市瀬谷区宮沢一丁目16</t>
  </si>
  <si>
    <t>神奈川県横浜市神奈川区子安台一丁目7</t>
  </si>
  <si>
    <t>神奈川県横浜市泉区領家四丁目18</t>
  </si>
  <si>
    <t>神奈川県横浜市神奈川区入江一丁目2</t>
  </si>
  <si>
    <t>神奈川県横浜市青葉区荏田西三丁目10-27</t>
  </si>
  <si>
    <t>神奈川県横浜市泉区西が岡一丁目23</t>
  </si>
  <si>
    <t>神奈川県横浜市栄区小菅ｹ谷一丁目2000-31</t>
  </si>
  <si>
    <t>神奈川県横浜市栄区小菅ｹ谷二丁目9番</t>
  </si>
  <si>
    <t>神奈川県横浜市青葉区あざみ野一丁目27-5</t>
  </si>
  <si>
    <t>神奈川県横浜市鶴見区駒岡一丁目10</t>
  </si>
  <si>
    <t>神奈川県横浜市鶴見区馬場四丁目40</t>
  </si>
  <si>
    <t>神奈川県横浜市青葉区美しが丘西二丁目16-1</t>
  </si>
  <si>
    <t>神奈川県横浜市金沢区並木二丁目11</t>
  </si>
  <si>
    <t>神奈川県横浜市金沢区並木三丁目9</t>
  </si>
  <si>
    <t>神奈川県横浜市金沢区並木一丁目15</t>
  </si>
  <si>
    <t>神奈川県横浜市磯子区栗木二丁目15</t>
  </si>
  <si>
    <t>神奈川県横浜市金沢区並木一丁目12</t>
  </si>
  <si>
    <t>神奈川県横浜市青葉区あかね台一丁目2-1</t>
  </si>
  <si>
    <t>神奈川県横浜市金沢区並木二丁目9</t>
  </si>
  <si>
    <t>神奈川県横浜市青葉区美しが丘西二丁目52-4</t>
  </si>
  <si>
    <t>神奈川県横浜市金沢区並木二丁目1</t>
  </si>
  <si>
    <t>神奈川県横浜市金沢区並木二丁目4</t>
  </si>
  <si>
    <t>神奈川県横浜市金沢区並木一丁目4</t>
  </si>
  <si>
    <t>神奈川県横浜市金沢区並木一丁目3</t>
  </si>
  <si>
    <t>神奈川県横浜市金沢区並木三丁目3</t>
  </si>
  <si>
    <t>神奈川県横浜市青葉区あかね台二丁目2-8</t>
  </si>
  <si>
    <t>神奈川県横浜市泉区緑園五丁目12</t>
  </si>
  <si>
    <t>神奈川県横浜市泉区西が岡二丁目22</t>
  </si>
  <si>
    <t>神奈川県横浜市旭区今宿町2669番地の8</t>
  </si>
  <si>
    <t>神奈川県横浜市神奈川区羽沢南一丁目4</t>
  </si>
  <si>
    <t>神奈川県横浜市金沢区富岡東二丁目5</t>
  </si>
  <si>
    <t>神奈川県横浜市瀬谷区下瀬谷三丁目57</t>
  </si>
  <si>
    <t>神奈川県横浜市金沢区富岡西六丁目29</t>
  </si>
  <si>
    <t>神奈川県横浜市都筑区牛久保東二丁目25</t>
  </si>
  <si>
    <t>神奈川県横浜市緑区長津田みなみ台七丁目33-8</t>
  </si>
  <si>
    <t>神奈川県横浜市磯子区洋光台五丁目18</t>
  </si>
  <si>
    <t>神奈川県横浜市保土ｹ谷区川島町694-1</t>
  </si>
  <si>
    <t>神奈川県横浜市金沢区釜利谷西六丁目17</t>
  </si>
  <si>
    <t>神奈川県横浜市金沢区富岡西五丁目41</t>
  </si>
  <si>
    <t>神奈川県横浜市保土ｹ谷区上菅田町87-4</t>
  </si>
  <si>
    <t>神奈川県横浜市金沢区釜利谷東五丁目9</t>
  </si>
  <si>
    <t>神奈川県横浜市保土ｹ谷区新桜ｹ丘一丁目63番</t>
  </si>
  <si>
    <t>神奈川県横浜市旭区中白根二丁目42</t>
  </si>
  <si>
    <t>神奈川県横浜市青葉区美しが丘三丁目14</t>
  </si>
  <si>
    <t>神奈川県横浜市青葉区新石川一丁目31-1</t>
  </si>
  <si>
    <t>神奈川県横浜市泉区西が岡三丁目1-1</t>
  </si>
  <si>
    <t>神奈川県横浜市栄区笠間四丁目7</t>
  </si>
  <si>
    <t>神奈川県横浜市磯子区丸山一丁目20</t>
  </si>
  <si>
    <t>神奈川県横浜市緑区竹山一丁目6-4</t>
  </si>
  <si>
    <t>神奈川県横浜市港南区丸山台二丁目8</t>
  </si>
  <si>
    <t>神奈川県横浜市鶴見区潮田町4丁目148-2</t>
  </si>
  <si>
    <t>神奈川県横浜市緑区中山三丁目500-19</t>
  </si>
  <si>
    <t>神奈川県横浜市鶴見区江ｹ崎町1番31</t>
  </si>
  <si>
    <t>神奈川県横浜市保土ｹ谷区天王町1丁目30-15</t>
  </si>
  <si>
    <t>神奈川県横浜市港南区上永谷三丁目21</t>
  </si>
  <si>
    <t>神奈川県横浜市港南区日野中央三丁目2300-258</t>
  </si>
  <si>
    <t>神奈川県横浜市金沢区釜利谷西六丁目31</t>
  </si>
  <si>
    <t>神奈川県横浜市西区東久保町69番</t>
  </si>
  <si>
    <t>神奈川県横浜市青葉区荏田北三丁目15</t>
  </si>
  <si>
    <t>神奈川県横浜市神奈川区三ﾂ沢下町52</t>
  </si>
  <si>
    <t>神奈川県横浜市栄区野七里一丁目10</t>
  </si>
  <si>
    <t>神奈川県横浜市南区六ﾂ川一丁目699-2</t>
  </si>
  <si>
    <t>神奈川県横浜市中区本郷町3丁目208番1</t>
  </si>
  <si>
    <t>神奈川県横浜市緑区上山三丁目16</t>
  </si>
  <si>
    <t>神奈川県横浜市青葉区荏田北二丁目5-6</t>
  </si>
  <si>
    <t>神奈川県横浜市緑区東本郷三丁目17</t>
  </si>
  <si>
    <t>神奈川県横浜市青葉区奈良三丁目4-1</t>
  </si>
  <si>
    <t>神奈川県横浜市青葉区奈良三丁目19-1</t>
  </si>
  <si>
    <t>神奈川県横浜市都筑区荏田南二丁目26</t>
  </si>
  <si>
    <t>神奈川県横浜市磯子区馬場町1</t>
  </si>
  <si>
    <t>神奈川県横浜市都筑区茅ｹ崎南五丁目11</t>
  </si>
  <si>
    <t>神奈川県横浜市青葉区あかね台二丁目20-1</t>
  </si>
  <si>
    <t>神奈川県横浜市鶴見区上末吉四丁目12</t>
  </si>
  <si>
    <t>神奈川県横浜市栄区本郷台三丁目35</t>
  </si>
  <si>
    <t>神奈川県横浜市港北区綱島東二丁目19</t>
  </si>
  <si>
    <t>神奈川県横浜市磯子区磯子五丁目7</t>
  </si>
  <si>
    <t>神奈川県横浜市旭区若葉台一丁目6</t>
  </si>
  <si>
    <t>神奈川県横浜市南区六ﾂ川二丁目3-104</t>
  </si>
  <si>
    <t>神奈川県横浜市青葉区市ｹ尾町1162-5</t>
  </si>
  <si>
    <t>神奈川県横浜市南区永田台45</t>
  </si>
  <si>
    <t>神奈川県横浜市都筑区中川一丁目2番</t>
  </si>
  <si>
    <t>神奈川県横浜市磯子区洋光台三丁目7</t>
  </si>
  <si>
    <t>神奈川県横浜市神奈川区二ﾂ谷町14-1</t>
  </si>
  <si>
    <t>神奈川県横浜市都筑区加賀原二丁目9</t>
  </si>
  <si>
    <t>神奈川県横浜市金沢区並木一丁目24</t>
  </si>
  <si>
    <t>神奈川県横浜市都筑区東山田四丁目36</t>
  </si>
  <si>
    <t>神奈川県横浜市栄区小山台一丁目19</t>
  </si>
  <si>
    <t>神奈川県横浜市旭区中沢二丁目4</t>
  </si>
  <si>
    <t>神奈川県横浜市保土ｹ谷区上菅田町951番4</t>
  </si>
  <si>
    <t>神奈川県横浜市磯子区栗木三丁目9</t>
  </si>
  <si>
    <t>神奈川県横浜市金沢区釜利谷西五丁目16</t>
  </si>
  <si>
    <t>神奈川県横浜市青葉区市ｹ尾町1178-8</t>
  </si>
  <si>
    <t>神奈川県横浜市旭区白根八丁目715-6</t>
  </si>
  <si>
    <t>神奈川県横浜市金沢区六浦南二丁目38</t>
  </si>
  <si>
    <t>神奈川県横浜市旭区中沢一丁目16</t>
  </si>
  <si>
    <t>神奈川県横浜市磯子区丸山二丁目24</t>
  </si>
  <si>
    <t>神奈川県横浜市港北区高田西五丁目2609-141</t>
  </si>
  <si>
    <t>神奈川県横浜市青葉区あざみ野南一丁目12-9</t>
  </si>
  <si>
    <t>神奈川県横浜市緑区長津田四丁目1975-10</t>
  </si>
  <si>
    <t>神奈川県横浜市鶴見区鶴見中央五丁目19</t>
  </si>
  <si>
    <t>神奈川県横浜市青葉区新石川三丁目11-1</t>
  </si>
  <si>
    <t>神奈川県横浜市南区永田東二丁目3</t>
  </si>
  <si>
    <t>神奈川県横浜市磯子区杉田七丁目2</t>
  </si>
  <si>
    <t>神奈川県横浜市港南区上永谷五丁目16</t>
  </si>
  <si>
    <t>神奈川県横浜市戸塚区原宿三丁目45</t>
  </si>
  <si>
    <t>神奈川県横浜市鶴見区岸谷二丁目6</t>
  </si>
  <si>
    <t>神奈川県横浜市緑区鴨居一丁目15</t>
  </si>
  <si>
    <t>神奈川県横浜市泉区上飯田町1896-26</t>
  </si>
  <si>
    <t>神奈川県横浜市磯子区洋光台四丁目11</t>
  </si>
  <si>
    <t>神奈川県横浜市青葉区美しが丘西三丁目42-1</t>
  </si>
  <si>
    <t>神奈川県横浜市磯子区杉田七丁目14</t>
  </si>
  <si>
    <t>神奈川県横浜市磯子区磯子五丁目1</t>
  </si>
  <si>
    <t>神奈川県横浜市港南区下永谷三丁目40</t>
  </si>
  <si>
    <t>神奈川県横浜市保土ｹ谷区狩場町164-51</t>
  </si>
  <si>
    <t>神奈川県横浜市西区宮ｹ谷6-6</t>
  </si>
  <si>
    <t>神奈川県横浜市磯子区洋光台四丁目29</t>
  </si>
  <si>
    <t>神奈川県横浜市磯子区氷取沢町60番28</t>
  </si>
  <si>
    <t>神奈川県横浜市戸塚区汲沢二丁目1684-48</t>
  </si>
  <si>
    <t>神奈川県横浜市保土ｹ谷区法泉一丁目119-62</t>
  </si>
  <si>
    <t>神奈川県横浜市南区井土ｹ谷下町34</t>
  </si>
  <si>
    <t>神奈川県横浜市旭区白根二丁目33</t>
  </si>
  <si>
    <t>神奈川県横浜市栄区桂台東7</t>
  </si>
  <si>
    <t>神奈川県横浜市青葉区美しが丘西一丁目5-8</t>
  </si>
  <si>
    <t>神奈川県横浜市保土ｹ谷区天王町1丁目14</t>
  </si>
  <si>
    <t>神奈川県横浜市港北区仲手原一丁目14</t>
  </si>
  <si>
    <t>神奈川県横浜市港南区東永谷三丁目57</t>
  </si>
  <si>
    <t>神奈川県横浜市金沢区能見台三丁目12-1</t>
  </si>
  <si>
    <t>神奈川県横浜市磯子区洋光台二丁目6</t>
  </si>
  <si>
    <t>神奈川県横浜市戸塚区南舞岡二丁目14</t>
  </si>
  <si>
    <t>神奈川県横浜市旭区今宿町2569番30</t>
  </si>
  <si>
    <t>神奈川県横浜市鶴見区上末吉二丁目7番</t>
  </si>
  <si>
    <t>神奈川県横浜市瀬谷区阿久和東二丁目42</t>
  </si>
  <si>
    <t>神奈川県横浜市青葉区市ｹ尾町1153-1</t>
  </si>
  <si>
    <t>神奈川県横浜市港南区日野八丁目27</t>
  </si>
  <si>
    <t>神奈川県横浜市磯子区洋光台三丁目19</t>
  </si>
  <si>
    <t>神奈川県横浜市瀬谷区本郷三丁目21-3</t>
  </si>
  <si>
    <t>神奈川県横浜市中区末吉町4丁目91-6</t>
  </si>
  <si>
    <t>神奈川県横浜市神奈川区松見町2丁目14-1</t>
  </si>
  <si>
    <t>神奈川県横浜市都筑区牛久保東二丁目3-13</t>
  </si>
  <si>
    <t>神奈川県横浜市保土ｹ谷区神戸町140-4</t>
  </si>
  <si>
    <t>神奈川県横浜市都筑区茅ｹ崎東二丁目22</t>
  </si>
  <si>
    <t>神奈川県横浜市都筑区北山田六丁目1</t>
  </si>
  <si>
    <t>神奈川県横浜市緑区長津田みなみ台六丁目15-1</t>
  </si>
  <si>
    <t>神奈川県横浜市緑区長津田みなみ台一丁目26-1</t>
  </si>
  <si>
    <t>神奈川県横浜市青葉区美しが丘西二丁目8-1</t>
  </si>
  <si>
    <t>神奈川県横浜市磯子区洋光台一丁目21</t>
  </si>
  <si>
    <t>神奈川県横浜市都筑区牛久保三丁目16</t>
  </si>
  <si>
    <t>神奈川県横浜市都筑区牛久保二丁目18</t>
  </si>
  <si>
    <t>神奈川県横浜市港南区芹が谷一丁目11</t>
  </si>
  <si>
    <t>神奈川県横浜市保土ｹ谷区仏向町1037-45</t>
  </si>
  <si>
    <t>神奈川県横浜市都筑区中川中央一丁目40</t>
  </si>
  <si>
    <t>神奈川県横浜市金沢区富岡西四丁目16</t>
  </si>
  <si>
    <t>神奈川県横浜市金沢区能見台二丁目8-6</t>
  </si>
  <si>
    <t>神奈川県横浜市栄区鍛治ｹ谷町452-5</t>
  </si>
  <si>
    <t>神奈川県横浜市南区南太田一丁目7</t>
  </si>
  <si>
    <t>神奈川県横浜市神奈川区六角橋六丁目1</t>
  </si>
  <si>
    <t>神奈川県横浜市青葉区あざみ野三丁目4-3</t>
  </si>
  <si>
    <t>神奈川県横浜市瀬谷区下瀬谷三丁目39</t>
  </si>
  <si>
    <t>神奈川県横浜市緑区霧が丘五丁目9</t>
  </si>
  <si>
    <t>神奈川県横浜市旭区中白根二丁目10</t>
  </si>
  <si>
    <t>神奈川県横浜市保土ｹ谷区仏向町1283-9</t>
  </si>
  <si>
    <t>神奈川県横浜市南区大岡四丁目16</t>
  </si>
  <si>
    <t>神奈川県横浜市旭区若葉台四丁目1</t>
  </si>
  <si>
    <t>神奈川県横浜市都筑区中川五丁目10</t>
  </si>
  <si>
    <t>神奈川県横浜市港南区下永谷四丁目1</t>
  </si>
  <si>
    <t>神奈川県横浜市緑区霧が丘二丁目6</t>
  </si>
  <si>
    <t>神奈川県横浜市都筑区東山田一丁目26</t>
  </si>
  <si>
    <t>神奈川県横浜市緑区鴨居七丁目3</t>
  </si>
  <si>
    <t>神奈川県横浜市青葉区市ｹ尾町1678-7</t>
  </si>
  <si>
    <t>神奈川県横浜市鶴見区東寺尾一丁目66番の1</t>
  </si>
  <si>
    <t>神奈川県横浜市緑区霧が丘四丁目15</t>
  </si>
  <si>
    <t>神奈川県横浜市都筑区北山田三丁目7</t>
  </si>
  <si>
    <t>神奈川県横浜市都筑区牛久保西四丁目12</t>
  </si>
  <si>
    <t>神奈川県横浜市青葉区奈良二丁目14-1</t>
  </si>
  <si>
    <t>神奈川県横浜市保土ｹ谷区境木本町54</t>
  </si>
  <si>
    <t>神奈川県横浜市金沢区能見台六丁目19-2</t>
  </si>
  <si>
    <t>神奈川県横浜市青葉区青葉台二丁目16-1</t>
  </si>
  <si>
    <t>神奈川県横浜市港南区下永谷六丁目15</t>
  </si>
  <si>
    <t>神奈川県横浜市神奈川区松見町1丁目27-20</t>
  </si>
  <si>
    <t>神奈川県横浜市都筑区荏田南三丁目22</t>
  </si>
  <si>
    <t>神奈川県横浜市都筑区茅ｹ崎南二丁目16-2</t>
  </si>
  <si>
    <t>神奈川県横浜市青葉区美しが丘三丁目68-1</t>
  </si>
  <si>
    <t>神奈川県横浜市青葉区荏子田二丁目24-8</t>
  </si>
  <si>
    <t>神奈川県横浜市港北区新横浜一丁目22-6</t>
  </si>
  <si>
    <t>神奈川県横浜市泉区中田南一丁目21</t>
  </si>
  <si>
    <t>神奈川県横浜市瀬谷区南台一丁目3-1</t>
  </si>
  <si>
    <t>神奈川県横浜市金沢区能見台五丁目29-1</t>
  </si>
  <si>
    <t>神奈川県横浜市神奈川区二ﾂ谷町6番地先</t>
  </si>
  <si>
    <t>神奈川県横浜市磯子区杉田二丁目27</t>
  </si>
  <si>
    <t>神奈川県横浜市金沢区釜利谷西四丁目5</t>
  </si>
  <si>
    <t>神奈川県横浜市戸塚区原宿一丁目38</t>
  </si>
  <si>
    <t>神奈川県横浜市鶴見区朝日町2丁目100-7</t>
  </si>
  <si>
    <t>神奈川県横浜市栄区桂台西二丁目42</t>
  </si>
  <si>
    <t>神奈川県横浜市緑区霧が丘四丁目21</t>
  </si>
  <si>
    <t>神奈川県横浜市旭区中沢二丁目34</t>
  </si>
  <si>
    <t>神奈川県横浜市保土ｹ谷区境木本町47</t>
  </si>
  <si>
    <t>神奈川県横浜市栄区笠間三丁目25</t>
  </si>
  <si>
    <t>神奈川県横浜市緑区竹山二丁目7</t>
  </si>
  <si>
    <t>神奈川県横浜市港南区港南台七丁目28</t>
  </si>
  <si>
    <t>神奈川県横浜市港南区港南台七丁目5</t>
  </si>
  <si>
    <t>神奈川県横浜市磯子区杉田五丁目621-2</t>
  </si>
  <si>
    <t>神奈川県横浜市保土ｹ谷区川島町792-1</t>
  </si>
  <si>
    <t>神奈川県横浜市港南区下永谷一丁目1</t>
  </si>
  <si>
    <t>神奈川県横浜市戸塚区原宿四丁目26</t>
  </si>
  <si>
    <t>神奈川県横浜市港南区丸山台三丁目7</t>
  </si>
  <si>
    <t>神奈川県横浜市泉区和泉中央南五丁目1</t>
  </si>
  <si>
    <t>神奈川県横浜市青葉区桂台二丁目34</t>
  </si>
  <si>
    <t>神奈川県横浜市港南区港南台一丁目31</t>
  </si>
  <si>
    <t>神奈川県横浜市緑区鴨居六丁目4</t>
  </si>
  <si>
    <t>神奈川県横浜市保土ｹ谷区瀬戸ｹ谷町207-14</t>
  </si>
  <si>
    <t>神奈川県横浜市港南区港南台三丁目8</t>
  </si>
  <si>
    <t>神奈川県横浜市青葉区あざみ野南二丁目12-1</t>
  </si>
  <si>
    <t>神奈川県横浜市瀬谷区相沢四丁目33-7</t>
  </si>
  <si>
    <t>神奈川県横浜市泉区緑園三丁目28</t>
  </si>
  <si>
    <t>神奈川県横浜市青葉区あざみ野南四丁目19-8</t>
  </si>
  <si>
    <t>神奈川県横浜市青葉区あざみ野南三丁目12-20</t>
  </si>
  <si>
    <t>神奈川県横浜市栄区鍛冶ｹ谷二丁目746-2</t>
  </si>
  <si>
    <t>神奈川県横浜市港南区日野南六丁目10</t>
  </si>
  <si>
    <t>神奈川県横浜市金沢区みず木町6</t>
  </si>
  <si>
    <t>神奈川県横浜市港北区日吉本町六丁目36</t>
  </si>
  <si>
    <t>神奈川県横浜市戸塚区原宿三丁目57</t>
  </si>
  <si>
    <t>神奈川県横浜市緑区霧が丘一丁目4</t>
  </si>
  <si>
    <t>神奈川県横浜市鶴見区鶴見中央二丁目10</t>
  </si>
  <si>
    <t>神奈川県横浜市保土ｹ谷区権太坂三丁目9</t>
  </si>
  <si>
    <t>神奈川県横浜市都筑区中川三丁目16</t>
  </si>
  <si>
    <t>神奈川県横浜市青葉区美しが丘西二丁目28-1</t>
  </si>
  <si>
    <t>神奈川県横浜市港南区港南台七丁目20</t>
  </si>
  <si>
    <t>神奈川県横浜市緑区霧が丘六丁目12</t>
  </si>
  <si>
    <t>神奈川県横浜市磯子区洋光台六丁目21</t>
  </si>
  <si>
    <t>神奈川県横浜市磯子区滝頭二丁目31</t>
  </si>
  <si>
    <t>神奈川県横浜市青葉区美しが丘西三丁目34</t>
  </si>
  <si>
    <t>神奈川県横浜市青葉区あかね台一丁目21-17</t>
  </si>
  <si>
    <t>神奈川県横浜市保土ｹ谷区仏向町1036-2</t>
  </si>
  <si>
    <t>神奈川県横浜市金沢区六浦三丁目41</t>
  </si>
  <si>
    <t>神奈川県横浜市青葉区美しが丘西二丁目37-1</t>
  </si>
  <si>
    <t>神奈川県横浜市泉区中田南四丁目7</t>
  </si>
  <si>
    <t>神奈川県横浜市金沢区六浦南三丁目26</t>
  </si>
  <si>
    <t>神奈川県横浜市金沢区釜利谷東一丁目26</t>
  </si>
  <si>
    <t>神奈川県横浜市金沢区釜利谷西一丁目1</t>
  </si>
  <si>
    <t>神奈川県横浜市金沢区富岡東六丁目30</t>
  </si>
  <si>
    <t>神奈川県横浜市都筑区南山田二丁目33</t>
  </si>
  <si>
    <t>神奈川県横浜市港南区港南台八丁目31</t>
  </si>
  <si>
    <t>神奈川県横浜市緑区白山四丁目69</t>
  </si>
  <si>
    <t>神奈川県横浜市青葉区桂台二丁目37-12</t>
  </si>
  <si>
    <t>神奈川県横浜市瀬谷区相沢六丁目8</t>
  </si>
  <si>
    <t>神奈川県横浜市栄区笠間四丁目13</t>
  </si>
  <si>
    <t>神奈川県横浜市金沢区西柴三丁目32</t>
  </si>
  <si>
    <t>神奈川県横浜市保土ｹ谷区岩井町444</t>
  </si>
  <si>
    <t>神奈川県横浜市泉区緑園六丁目23</t>
  </si>
  <si>
    <t>神奈川県横浜市保土ｹ谷区今井町412-11</t>
  </si>
  <si>
    <t>神奈川県横浜市青葉区荏子田一丁目7-1</t>
  </si>
  <si>
    <t>神奈川県横浜市泉区和泉中央南一丁目4</t>
  </si>
  <si>
    <t>神奈川県横浜市栄区庄戸五丁目12</t>
  </si>
  <si>
    <t>神奈川県横浜市泉区緑園二丁目11</t>
  </si>
  <si>
    <t>神奈川県横浜市青葉区奈良五丁目15-1</t>
  </si>
  <si>
    <t>神奈川県横浜市港南区港南台九丁目11</t>
  </si>
  <si>
    <t>神奈川県横浜市保土ｹ谷区岩井町336</t>
  </si>
  <si>
    <t>神奈川県横浜市港南区東永谷一丁目37</t>
  </si>
  <si>
    <t>神奈川県横浜市旭区上白根二丁目34</t>
  </si>
  <si>
    <t>神奈川県横浜市青葉区荏田北一丁目9</t>
  </si>
  <si>
    <t>神奈川県横浜市青葉区桂台二丁目19-1</t>
  </si>
  <si>
    <t>神奈川県横浜市磯子区磯子七丁目14</t>
  </si>
  <si>
    <t>神奈川県横浜市青葉区たちばな台二丁目10</t>
  </si>
  <si>
    <t>神奈川県横浜市旭区白根二丁目31</t>
  </si>
  <si>
    <t>神奈川県横浜市保土ｹ谷区仏向町845-25</t>
  </si>
  <si>
    <t>神奈川県横浜市保土ｹ谷区藤塚町17番</t>
  </si>
  <si>
    <t>神奈川県横浜市港北区綱島東三丁目9-31</t>
  </si>
  <si>
    <t>神奈川県横浜市青葉区美しが丘三丁目42</t>
  </si>
  <si>
    <t>神奈川県横浜市鶴見区元宮二丁目8</t>
  </si>
  <si>
    <t>神奈川県横浜市青葉区新石川一丁目15</t>
  </si>
  <si>
    <t>神奈川県横浜市緑区霧が丘一丁目21</t>
  </si>
  <si>
    <t>神奈川県横浜市戸塚区上倉田町1372-5</t>
  </si>
  <si>
    <t>神奈川県横浜市青葉区たちばな台一丁目12-7</t>
  </si>
  <si>
    <t>神奈川県横浜市港北区仲手原二丁目23</t>
  </si>
  <si>
    <t>神奈川県横浜市港南区港南台九丁目21</t>
  </si>
  <si>
    <t>神奈川県横浜市瀬谷区南瀬谷一丁目79-2</t>
  </si>
  <si>
    <t>神奈川県横浜市青葉区美しが丘西一丁目16-1</t>
  </si>
  <si>
    <t>神奈川県横浜市中区扇町1丁目1-1</t>
  </si>
  <si>
    <t>神奈川県横浜市港南区日野南五丁目43</t>
  </si>
  <si>
    <t>神奈川県横浜市瀬谷区阿久和東四丁目16-5</t>
  </si>
  <si>
    <t>神奈川県横浜市青葉区美しが丘西三丁目5-5</t>
  </si>
  <si>
    <t>神奈川県横浜市瀬谷区宮沢一丁目33</t>
  </si>
  <si>
    <t>神奈川県横浜市緑区長津田みなみ台五丁目28-2</t>
  </si>
  <si>
    <t>神奈川県横浜市港南区港南台六丁目25</t>
  </si>
  <si>
    <t>神奈川県横浜市瀬谷区橋戸一丁目28-3</t>
  </si>
  <si>
    <t>神奈川県横浜市港南区港南台八丁目17</t>
  </si>
  <si>
    <t>神奈川県横浜市磯子区中原三丁目5</t>
  </si>
  <si>
    <t>神奈川県横浜市保土ｹ谷区狩場町292-129</t>
  </si>
  <si>
    <t>神奈川県横浜市南区南太田二丁目31</t>
  </si>
  <si>
    <t>神奈川県横浜市青葉区美しが丘二丁目42</t>
  </si>
  <si>
    <t>神奈川県横浜市神奈川区三ﾂ沢上町11-18</t>
  </si>
  <si>
    <t>神奈川県横浜市港南区日限山三丁目30</t>
  </si>
  <si>
    <t>神奈川県横浜市金沢区富岡西四丁目56</t>
  </si>
  <si>
    <t>神奈川県横浜市鶴見区馬場三丁目11</t>
  </si>
  <si>
    <t>神奈川県横浜市磯子区森三丁目2</t>
  </si>
  <si>
    <t>神奈川県横浜市泉区下和泉一丁目8</t>
  </si>
  <si>
    <t>神奈川県横浜市瀬谷区瀬谷三丁目18-5</t>
  </si>
  <si>
    <t>神奈川県横浜市磯子区杉田五丁目9</t>
  </si>
  <si>
    <t>神奈川県横浜市保土ｹ谷区神戸町2</t>
  </si>
  <si>
    <t>神奈川県横浜市旭区鶴ｹ峰二丁目20地先</t>
  </si>
  <si>
    <t>神奈川県横浜市保土ｹ谷区境木本町65</t>
  </si>
  <si>
    <t>神奈川県横浜市金沢区六浦南五丁目11</t>
  </si>
  <si>
    <t>神奈川県横浜市青葉区荏子田二丁目17-8</t>
  </si>
  <si>
    <t>神奈川県横浜市青葉区青葉台一丁目12-1</t>
  </si>
  <si>
    <t>神奈川県横浜市金沢区泥亀一丁目26</t>
  </si>
  <si>
    <t>神奈川県横浜市金沢区六浦三丁目27</t>
  </si>
  <si>
    <t>神奈川県横浜市金沢区釜利谷南一丁目3</t>
  </si>
  <si>
    <t>神奈川県横浜市緑区東本郷五丁目941-92</t>
  </si>
  <si>
    <t>神奈川県横浜市泉区領家三丁目7</t>
  </si>
  <si>
    <t>神奈川県横浜市港南区港南台四丁目10</t>
  </si>
  <si>
    <t>神奈川県横浜市青葉区奈良町1566番350</t>
  </si>
  <si>
    <t>神奈川県横浜市港北区日吉本町六丁目49</t>
  </si>
  <si>
    <t>神奈川県横浜市磯子区岡村七丁目14</t>
  </si>
  <si>
    <t>神奈川県横浜市青葉区市ｹ尾町1639-1</t>
  </si>
  <si>
    <t>神奈川県横浜市中区根岸町3丁目176-97</t>
  </si>
  <si>
    <t>神奈川県横浜市保土ｹ谷区狩場町422-5</t>
  </si>
  <si>
    <t>神奈川県横浜市保土ｹ谷区狩場町26-11</t>
  </si>
  <si>
    <t>神奈川県横浜市港南区東永谷一丁目15</t>
  </si>
  <si>
    <t>神奈川県横浜市栄区野七里二丁目15</t>
  </si>
  <si>
    <t>神奈川県横浜市保土ｹ谷区川島町528</t>
  </si>
  <si>
    <t>神奈川県横浜市栄区桂台西一丁目36</t>
  </si>
  <si>
    <t>神奈川県横浜市金沢区六浦南三丁目27</t>
  </si>
  <si>
    <t>神奈川県横浜市鶴見区北寺尾六丁目24</t>
  </si>
  <si>
    <t>神奈川県横浜市磯子区磯子二丁目15</t>
  </si>
  <si>
    <t>神奈川県横浜市緑区東本郷六丁目1192-3</t>
  </si>
  <si>
    <t>神奈川県横浜市保土ｹ谷区釜台町11</t>
  </si>
  <si>
    <t>神奈川県横浜市中区新山下三丁目5-97</t>
  </si>
  <si>
    <t>神奈川県横浜市旭区若葉台二丁目19</t>
  </si>
  <si>
    <t>神奈川県横浜市鶴見区馬場二丁目8</t>
  </si>
  <si>
    <t>神奈川県横浜市保土ｹ谷区岩井町240-1</t>
  </si>
  <si>
    <t>神奈川県横浜市港南区上永谷一丁目34</t>
  </si>
  <si>
    <t>神奈川県横浜市瀬谷区二ﾂ橋町215-37</t>
  </si>
  <si>
    <t>神奈川県横浜市神奈川区神大寺三丁目5</t>
  </si>
  <si>
    <t>神奈川県横浜市港南区日野中央二丁目21</t>
  </si>
  <si>
    <t>神奈川県横浜市緑区中山一丁目366-8</t>
  </si>
  <si>
    <t>神奈川県横浜市磯子区丸山一丁目27</t>
  </si>
  <si>
    <t>神奈川県横浜市緑区東本郷四丁目654-6</t>
  </si>
  <si>
    <t>神奈川県横浜市鶴見区東寺尾六丁目26</t>
  </si>
  <si>
    <t>神奈川県横浜市保土ｹ谷区峰岡町1丁目17</t>
  </si>
  <si>
    <t>神奈川県横浜市鶴見区大黒町18番地の1</t>
  </si>
  <si>
    <t>神奈川県横浜市都筑区早渕三丁目42-5</t>
  </si>
  <si>
    <t>神奈川県横浜市南区睦町1丁目22-2</t>
  </si>
  <si>
    <t>神奈川県横浜市保土ｹ谷区上菅田町491-1</t>
  </si>
  <si>
    <t>神奈川県横浜市青葉区藤が丘一丁目10</t>
  </si>
  <si>
    <t>神奈川県横浜市青葉区藤が丘二丁目42</t>
  </si>
  <si>
    <t>神奈川県横浜市港北区北新横浜二丁目7番11</t>
  </si>
  <si>
    <t>神奈川県横浜市磯子区磯子八丁目12</t>
  </si>
  <si>
    <t>神奈川県横浜市港北区樽町一丁目458-1</t>
  </si>
  <si>
    <t>神奈川県横浜市港北区大倉山四丁目13</t>
  </si>
  <si>
    <t>神奈川県横浜市泉区緑園三丁目45</t>
  </si>
  <si>
    <t>神奈川県横浜市磯子区杉田三丁目25</t>
  </si>
  <si>
    <t>神奈川県横浜市磯子区栗木一丁目7</t>
  </si>
  <si>
    <t>神奈川県横浜市瀬谷区宮沢一丁目58</t>
  </si>
  <si>
    <t>神奈川県横浜市栄区本郷台四丁目41</t>
  </si>
  <si>
    <t>神奈川県横浜市緑区竹山四丁目1-9</t>
  </si>
  <si>
    <t>神奈川県横浜市港南区上大岡東二丁目9</t>
  </si>
  <si>
    <t>神奈川県横浜市港南区港南台二丁目17</t>
  </si>
  <si>
    <t>神奈川県横浜市鶴見区北寺尾七丁目442-1</t>
  </si>
  <si>
    <t>神奈川県横浜市港北区下田町四丁目1</t>
  </si>
  <si>
    <t>神奈川県横浜市泉区中田東四丁目58</t>
  </si>
  <si>
    <t>神奈川県横浜市瀬谷区本郷四丁目41-4</t>
  </si>
  <si>
    <t>神奈川県横浜市鶴見区上末吉二丁目6</t>
  </si>
  <si>
    <t>神奈川県横浜市瀬谷区中屋敷一丁目32-1</t>
  </si>
  <si>
    <t>神奈川県横浜市都筑区池辺町7008-1</t>
  </si>
  <si>
    <t>神奈川県横浜市栄区野七里二丁目24</t>
  </si>
  <si>
    <t>神奈川県横浜市青葉区美しが丘二丁目2-4</t>
  </si>
  <si>
    <t>神奈川県横浜市金沢区釜利谷東四丁目15</t>
  </si>
  <si>
    <t>神奈川県横浜市港南区日野南五丁目19</t>
  </si>
  <si>
    <t>神奈川県横浜市神奈川区星野町9番地</t>
  </si>
  <si>
    <t>神奈川県横浜市神奈川区松見町1丁目17番</t>
  </si>
  <si>
    <t>神奈川県横浜市青葉区たちばな台二丁目2-3</t>
  </si>
  <si>
    <t>神奈川県横浜市栄区本郷台五丁目29</t>
  </si>
  <si>
    <t>神奈川県横浜市青葉区藤が丘一丁目29-1</t>
  </si>
  <si>
    <t>神奈川県横浜市港南区日限山四丁目34</t>
  </si>
  <si>
    <t>神奈川県横浜市保土ｹ谷区東川島町4-5</t>
  </si>
  <si>
    <t>神奈川県横浜市金沢区釜利谷西一丁目42</t>
  </si>
  <si>
    <t>神奈川県横浜市緑区白山四丁目31</t>
  </si>
  <si>
    <t>神奈川県横浜市金沢区並木一丁目8</t>
  </si>
  <si>
    <t>神奈川県横浜市都筑区東山田三丁目15</t>
  </si>
  <si>
    <t>神奈川県横浜市戸塚区平戸四丁目31</t>
  </si>
  <si>
    <t>神奈川県横浜市旭区金が谷二丁目26</t>
  </si>
  <si>
    <t>神奈川県横浜市栄区庄戸二丁目16</t>
  </si>
  <si>
    <t>神奈川県横浜市港北区菊名三丁目11</t>
  </si>
  <si>
    <t>神奈川県横浜市青葉区荏子田三丁目21-5</t>
  </si>
  <si>
    <t>神奈川県横浜市港南区港南台五丁目17</t>
  </si>
  <si>
    <t>神奈川県横浜市都筑区茅ｹ崎中央57</t>
  </si>
  <si>
    <t>神奈川県横浜市青葉区美しが丘五丁目9</t>
  </si>
  <si>
    <t>神奈川県横浜市中区万代町3丁目6</t>
  </si>
  <si>
    <t>神奈川県横浜市神奈川区三ﾂ沢上町144-1</t>
  </si>
  <si>
    <t>神奈川県横浜市青葉区新石川二丁目25</t>
  </si>
  <si>
    <t>神奈川県横浜市金沢区六浦東一丁目25</t>
  </si>
  <si>
    <t>神奈川県横浜市保土ｹ谷区峰沢町311-15</t>
  </si>
  <si>
    <t>神奈川県横浜市金沢区富岡西五丁目7</t>
  </si>
  <si>
    <t>神奈川県横浜市金沢区泥亀一丁目28</t>
  </si>
  <si>
    <t>神奈川県横浜市緑区白山一丁目22</t>
  </si>
  <si>
    <t>神奈川県横浜市神奈川区松見町1丁目21-9</t>
  </si>
  <si>
    <t>神奈川県横浜市青葉区美しが丘四丁目42</t>
  </si>
  <si>
    <t>神奈川県横浜市金沢区釜利谷西二丁目35</t>
  </si>
  <si>
    <t>神奈川県横浜市青葉区あざみ野四丁目5-4</t>
  </si>
  <si>
    <t>神奈川県横浜市栄区庄戸五丁目15</t>
  </si>
  <si>
    <t>神奈川県横浜市神奈川区新子安一丁目38</t>
  </si>
  <si>
    <t>神奈川県横浜市保土ｹ谷区天王町2丁目42-26</t>
  </si>
  <si>
    <t>神奈川県横浜市青葉区すすき野二丁目3-5</t>
  </si>
  <si>
    <t>神奈川県横浜市青葉区すすき野二丁目8-5</t>
  </si>
  <si>
    <t>神奈川県横浜市泉区下和泉五丁目15</t>
  </si>
  <si>
    <t>神奈川県横浜市金沢区釜利谷南三丁目12</t>
  </si>
  <si>
    <t>神奈川県横浜市鶴見区獅子ｹ谷三丁目10</t>
  </si>
  <si>
    <t>神奈川県横浜市旭区今宿二丁目23</t>
  </si>
  <si>
    <t>神奈川県横浜市旭区若葉台二丁目8</t>
  </si>
  <si>
    <t>神奈川県横浜市鶴見区馬場四丁目16</t>
  </si>
  <si>
    <t>神奈川県横浜市緑区東本郷二丁目16</t>
  </si>
  <si>
    <t>神奈川県横浜市栄区笠間三丁目45</t>
  </si>
  <si>
    <t>神奈川県横浜市旭区鶴ｹ峰本町一丁目16</t>
  </si>
  <si>
    <t>神奈川県横浜市旭区若葉台二丁目23</t>
  </si>
  <si>
    <t>神奈川県横浜市保土ｹ谷区鎌谷町241</t>
  </si>
  <si>
    <t>神奈川県横浜市中区山手町97番地1</t>
  </si>
  <si>
    <t>神奈川県横浜市金沢区富岡東六丁目34</t>
  </si>
  <si>
    <t>神奈川県横浜市泉区下和泉四丁目19</t>
  </si>
  <si>
    <t>神奈川県横浜市瀬谷区阿久和南四丁目8</t>
  </si>
  <si>
    <t>神奈川県横浜市鶴見区朝日町1丁目61-1</t>
  </si>
  <si>
    <t>神奈川県横浜市金沢区富岡西七丁目35</t>
  </si>
  <si>
    <t>神奈川県横浜市保土ｹ谷区明神台7番2</t>
  </si>
  <si>
    <t>神奈川県横浜市鶴見区東寺尾五丁目22</t>
  </si>
  <si>
    <t>神奈川県横浜市栄区桂台南一丁目2</t>
  </si>
  <si>
    <t>神奈川県横浜市青葉区市ｹ尾町539</t>
  </si>
  <si>
    <t>神奈川県横浜市鶴見区大黒町43番17</t>
  </si>
  <si>
    <t>神奈川県横浜市青葉区市ｹ尾町499</t>
  </si>
  <si>
    <t>神奈川県横浜市磯子区洋光台四丁目2</t>
  </si>
  <si>
    <t>神奈川県横浜市瀬谷区二ﾂ橋町83-1</t>
  </si>
  <si>
    <t>神奈川県横浜市緑区東本郷三丁目48</t>
  </si>
  <si>
    <t>神奈川県横浜市鶴見区矢向一丁目2</t>
  </si>
  <si>
    <t>神奈川県横浜市旭区鶴ｹ峰二丁目1-1地先</t>
  </si>
  <si>
    <t>神奈川県横浜市鶴見区岸谷三丁目20</t>
  </si>
  <si>
    <t>神奈川県横浜市港北区下田町五丁目32</t>
  </si>
  <si>
    <t>神奈川県横浜市南区中村町4丁目269-2</t>
  </si>
  <si>
    <t>神奈川県横浜市栄区庄戸一丁目25</t>
  </si>
  <si>
    <t>神奈川県横浜市青葉区奈良三丁目16-1</t>
  </si>
  <si>
    <t>神奈川県横浜市保土ｹ谷区法泉三丁目283-108</t>
  </si>
  <si>
    <t>神奈川県横浜市栄区庄戸三丁目21</t>
  </si>
  <si>
    <t>神奈川県横浜市金沢区西柴四丁目24</t>
  </si>
  <si>
    <t>神奈川県横浜市港南区日限山二丁目15</t>
  </si>
  <si>
    <t>神奈川県横浜市金沢区富岡西一丁目57</t>
  </si>
  <si>
    <t>神奈川県横浜市金沢区東朝比奈二丁目15</t>
  </si>
  <si>
    <t>神奈川県横浜市旭区中白根三丁目1</t>
  </si>
  <si>
    <t>神奈川県横浜市中区本牧十二天2番</t>
  </si>
  <si>
    <t>神奈川県横浜市南区六ﾂ川三丁目85-4</t>
  </si>
  <si>
    <t>神奈川県横浜市栄区小菅ｹ谷四丁目488-11</t>
  </si>
  <si>
    <t>神奈川県横浜市保土ｹ谷区西谷四丁目1140地先</t>
  </si>
  <si>
    <t>神奈川県横浜市金沢区富岡西四丁目49</t>
  </si>
  <si>
    <t>神奈川県横浜市南区六ﾂ川三丁目69-1</t>
  </si>
  <si>
    <t>神奈川県横浜市保土ｹ谷区天王町2丁目42-30</t>
  </si>
  <si>
    <t>神奈川県横浜市戸塚区汲沢四丁目27</t>
  </si>
  <si>
    <t>神奈川県横浜市保土ｹ谷区峰岡町3丁目406</t>
  </si>
  <si>
    <t>神奈川県横浜市金沢区能見台三丁目31-1</t>
  </si>
  <si>
    <t>神奈川県横浜市港南区笹下五丁目3714-1</t>
  </si>
  <si>
    <t>神奈川県横浜市港南区笹下二丁目135</t>
  </si>
  <si>
    <t>神奈川県横浜市泉区和泉中央南二丁目33</t>
  </si>
  <si>
    <t>神奈川県横浜市泉区西が岡三丁目22</t>
  </si>
  <si>
    <t>神奈川県横浜市栄区庄戸四丁目13</t>
  </si>
  <si>
    <t>神奈川県横浜市瀬谷区南瀬谷二丁目13</t>
  </si>
  <si>
    <t>神奈川県横浜市青葉区あざみ野一丁目19</t>
  </si>
  <si>
    <t>神奈川県横浜市瀬谷区南台二丁目11</t>
  </si>
  <si>
    <t>012328</t>
    <phoneticPr fontId="7"/>
  </si>
  <si>
    <t>神奈川県横浜市緑区十日市場町1258-73</t>
  </si>
  <si>
    <t>神奈川県横浜市保土ｹ谷区新桜ｹ丘二丁目35番</t>
  </si>
  <si>
    <t>神奈川県横浜市青葉区あかね台一丁目25-1</t>
  </si>
  <si>
    <t>神奈川県横浜市緑区竹山二丁目3-8</t>
  </si>
  <si>
    <t>神奈川県横浜市中区新山下三丁目15</t>
  </si>
  <si>
    <t>神奈川県横浜市青葉区新石川四丁目17-1</t>
  </si>
  <si>
    <t>神奈川県横浜市磯子区磯子一丁目4</t>
  </si>
  <si>
    <t>神奈川県横浜市西区中央一丁目17</t>
  </si>
  <si>
    <t>神奈川県横浜市港南区芹が谷一丁目1263-2</t>
  </si>
  <si>
    <t>神奈川県横浜市金沢区釜利谷西三丁目42</t>
  </si>
  <si>
    <t>神奈川県横浜市保土ｹ谷区川辺町4-4</t>
  </si>
  <si>
    <t>神奈川県横浜市瀬谷区阿久和東一丁目4</t>
  </si>
  <si>
    <t>神奈川県横浜市青葉区あざみ野四丁目19</t>
  </si>
  <si>
    <t>神奈川県横浜市金沢区釜利谷西四丁目19</t>
  </si>
  <si>
    <t>神奈川県横浜市青葉区荏田西二丁目8-1</t>
  </si>
  <si>
    <t>神奈川県横浜市保土ｹ谷区西久保町1-8</t>
  </si>
  <si>
    <t>神奈川県横浜市港北区大倉山七丁目40-1</t>
  </si>
  <si>
    <t>神奈川県横浜市鶴見区駒岡四丁目28</t>
  </si>
  <si>
    <t>神奈川県横浜市青葉区すすき野一丁目2-1</t>
  </si>
  <si>
    <t>神奈川県横浜市旭区白根七丁目656</t>
  </si>
  <si>
    <t>神奈川県横浜市都筑区中川中央二丁目1番</t>
  </si>
  <si>
    <t>神奈川県横浜市鶴見区下末吉三丁目6番</t>
  </si>
  <si>
    <t>神奈川県横浜市保土ｹ谷区仏向西42</t>
  </si>
  <si>
    <t>神奈川県横浜市港北区高田西四丁目184-1</t>
  </si>
  <si>
    <t>神奈川県横浜市港南区港南四丁目2</t>
  </si>
  <si>
    <t>神奈川県横浜市栄区鍛冶ｹ谷二丁目11</t>
  </si>
  <si>
    <t>神奈川県横浜市栄区野七里一丁目38</t>
  </si>
  <si>
    <t>神奈川県横浜市鶴見区鶴見中央四丁目46-42</t>
  </si>
  <si>
    <t>神奈川県横浜市旭区笹野台三丁目6</t>
  </si>
  <si>
    <t>神奈川県横浜市保土ｹ谷区仏向西46</t>
  </si>
  <si>
    <t>神奈川県横浜市保土ｹ谷区星川二丁目16</t>
  </si>
  <si>
    <t>神奈川県横浜市栄区桂台南二丁目34番</t>
  </si>
  <si>
    <t>神奈川県横浜市都筑区中川二丁目2</t>
  </si>
  <si>
    <t>神奈川県横浜市泉区緑園五丁目1</t>
  </si>
  <si>
    <t>神奈川県横浜市港北区師岡町511番3</t>
  </si>
  <si>
    <t>神奈川県横浜市戸塚区平戸三丁目21</t>
  </si>
  <si>
    <t>神奈川県横浜市栄区本郷台一丁目14</t>
  </si>
  <si>
    <t>神奈川県横浜市緑区上山二丁目42</t>
  </si>
  <si>
    <t>神奈川県横浜市港南区日野南六丁目46</t>
  </si>
  <si>
    <t>神奈川県横浜市金沢区東朝比奈一丁目26</t>
  </si>
  <si>
    <t>神奈川県横浜市青葉区美しが丘四丁目18</t>
  </si>
  <si>
    <t>神奈川県横浜市青葉区荏田西一丁目4-2</t>
  </si>
  <si>
    <t>神奈川県横浜市戸塚区汲沢八丁目11</t>
  </si>
  <si>
    <t>神奈川県横浜市緑区竹山三丁目1-1</t>
  </si>
  <si>
    <t>神奈川県横浜市神奈川区片倉五丁目49</t>
  </si>
  <si>
    <t>神奈川県横浜市青葉区すすき野二丁目5-2</t>
  </si>
  <si>
    <t>神奈川県横浜市栄区笠間二丁目26</t>
  </si>
  <si>
    <t>神奈川県横浜市港南区日限山一丁目66</t>
  </si>
  <si>
    <t>神奈川県横浜市南区高根町4丁目23</t>
  </si>
  <si>
    <t>神奈川県横浜市保土ｹ谷区新桜ｹ丘一丁目42番</t>
  </si>
  <si>
    <t>神奈川県横浜市港南区下永谷四丁目5</t>
  </si>
  <si>
    <t>神奈川県横浜市青葉区市ｹ尾町1069-1</t>
  </si>
  <si>
    <t>神奈川県横浜市鶴見区馬場二丁目20</t>
  </si>
  <si>
    <t>神奈川県横浜市金沢区みず木町13-1</t>
  </si>
  <si>
    <t>神奈川県横浜市保土ｹ谷区上菅田町530-2</t>
  </si>
  <si>
    <t>神奈川県横浜市保土ｹ谷区川島町825-1</t>
  </si>
  <si>
    <t>神奈川県横浜市泉区西が岡一丁目1-1</t>
  </si>
  <si>
    <t>神奈川県横浜市鶴見区元宮二丁目5</t>
  </si>
  <si>
    <t>神奈川県横浜市青葉区荏田北二丁目19-1</t>
  </si>
  <si>
    <t>神奈川県横浜市泉区和泉中央南四丁目22</t>
  </si>
  <si>
    <t>神奈川県横浜市港南区上永谷四丁目2</t>
  </si>
  <si>
    <t>神奈川県横浜市神奈川区松見町3丁目891</t>
  </si>
  <si>
    <t>神奈川県横浜市磯子区洋光台五丁目2</t>
  </si>
  <si>
    <t>神奈川県横浜市金沢区釜利谷南二丁目58</t>
  </si>
  <si>
    <t>神奈川県横浜市瀬谷区本郷二丁目28-4</t>
  </si>
  <si>
    <t>神奈川県横浜市鶴見区栄町通2丁目22-1</t>
  </si>
  <si>
    <t>神奈川県横浜市青葉区あざみ野南三丁目1-1</t>
  </si>
  <si>
    <t>神奈川県横浜市鶴見区生麦三丁目555-70</t>
  </si>
  <si>
    <t>神奈川県横浜市金沢区釜利谷西五丁目29</t>
  </si>
  <si>
    <t>神奈川県横浜市青葉区桂台一丁目7</t>
  </si>
  <si>
    <t>神奈川県横浜市都筑区南山田三丁目28</t>
  </si>
  <si>
    <t>神奈川県横浜市青葉区あざみ野南一丁目4-1</t>
  </si>
  <si>
    <t>神奈川県横浜市鶴見区汐入町2丁目37-1</t>
  </si>
  <si>
    <t>神奈川県横浜市青葉区荏田西四丁目8-1</t>
  </si>
  <si>
    <t>神奈川県横浜市西区みなとみらい六丁目4番</t>
  </si>
  <si>
    <t>神奈川県横浜市神奈川区入江一丁目27-15</t>
  </si>
  <si>
    <t>神奈川県横浜市緑区霧が丘三丁目19</t>
  </si>
  <si>
    <t>神奈川県横浜市港北区日吉二丁目31</t>
  </si>
  <si>
    <t>神奈川県横浜市南区南太田四丁目15</t>
  </si>
  <si>
    <t>神奈川県横浜市港北区日吉本町五丁目62</t>
  </si>
  <si>
    <t>神奈川県横浜市青葉区たちばな台一丁目4-2</t>
  </si>
  <si>
    <t>神奈川県横浜市青葉区あかね台一丁目14-2</t>
  </si>
  <si>
    <t>神奈川県横浜市青葉区あざみ野二丁目25</t>
  </si>
  <si>
    <t>神奈川県横浜市金沢区釜利谷西六丁目41</t>
  </si>
  <si>
    <t>神奈川県横浜市西区みなとみらい五丁目2番</t>
  </si>
  <si>
    <t>神奈川県横浜市神奈川区西寺尾二丁目1503-2</t>
  </si>
  <si>
    <t>神奈川県横浜市戸塚区平戸町433-2</t>
  </si>
  <si>
    <t>神奈川県横浜市神奈川区広台太田町7番地</t>
  </si>
  <si>
    <t>神奈川県横浜市鶴見区駒岡一丁目8番1</t>
  </si>
  <si>
    <t>神奈川県横浜市緑区竹山四丁目5-2</t>
  </si>
  <si>
    <t>神奈川県横浜市鶴見区江ｹ崎町2</t>
  </si>
  <si>
    <t>神奈川県横浜市神奈川区神大寺三丁目25</t>
  </si>
  <si>
    <t>神奈川県横浜市鶴見区平安町2丁目17-1</t>
  </si>
  <si>
    <t>神奈川県横浜市緑区長津田みなみ台五丁目28番地の2</t>
  </si>
  <si>
    <t>神奈川県横浜市青葉区藤が丘二丁目18</t>
  </si>
  <si>
    <t>神奈川県横浜市旭区白根一丁目1</t>
  </si>
  <si>
    <t>神奈川県横浜市金沢区能見台六丁目37</t>
  </si>
  <si>
    <t>神奈川県横浜市瀬谷区二ﾂ橋町37-4</t>
  </si>
  <si>
    <t>神奈川県横浜市青葉区あざみ野三丁目15-1</t>
  </si>
  <si>
    <t>神奈川県横浜市青葉区新石川二丁目12-1</t>
  </si>
  <si>
    <t>神奈川県横浜市旭区若葉台二丁目1</t>
  </si>
  <si>
    <t>神奈川県横浜市青葉区市ｹ尾町490</t>
  </si>
  <si>
    <t>神奈川県横浜市保土ｹ谷区境木町92-1</t>
  </si>
  <si>
    <t>神奈川県横浜市磯子区洋光台一丁目3</t>
  </si>
  <si>
    <t>神奈川県横浜市磯子区洋光台二丁目2</t>
  </si>
  <si>
    <t>神奈川県横浜市都筑区荏田南二丁目27</t>
  </si>
  <si>
    <t>神奈川県横浜市保土ｹ谷区上星川二丁目42</t>
  </si>
  <si>
    <t>神奈川県横浜市金沢区釜利谷南三丁目22</t>
  </si>
  <si>
    <t>神奈川県横浜市泉区領家一丁目11</t>
  </si>
  <si>
    <t>神奈川県横浜市金沢区能見台六丁目9-1</t>
  </si>
  <si>
    <t>神奈川県横浜市港北区樽町二丁目753番地先</t>
  </si>
  <si>
    <t>神奈川県横浜市神奈川区幸ｹ谷3</t>
  </si>
  <si>
    <t>神奈川県横浜市都筑区北山田三丁目22</t>
  </si>
  <si>
    <t>神奈川県横浜市鶴見区東寺尾二丁目12</t>
  </si>
  <si>
    <t>神奈川県横浜市金沢区富岡西一丁目46</t>
  </si>
  <si>
    <t>神奈川県横浜市瀬谷区阿久和南二丁目21-9</t>
  </si>
  <si>
    <t>神奈川県横浜市都筑区中川二丁目7</t>
  </si>
  <si>
    <t>神奈川県横浜市都筑区北山田二丁目20</t>
  </si>
  <si>
    <t>神奈川県横浜市南区大岡二丁目893-2</t>
  </si>
  <si>
    <t>神奈川県横浜市保土ｹ谷区新井町99-2</t>
  </si>
  <si>
    <t>神奈川県横浜市港北区新羽町1669-6</t>
  </si>
  <si>
    <t>神奈川県横浜市金沢区寺前二丁目27</t>
  </si>
  <si>
    <t>神奈川県横浜市港北区箕輪町三丁目13</t>
  </si>
  <si>
    <t>神奈川県横浜市港南区日野南七丁目12</t>
  </si>
  <si>
    <t>神奈川県横浜市都筑区牛久保西二丁目28</t>
  </si>
  <si>
    <t>神奈川県横浜市緑区長津田みなみ台五丁目9-12</t>
  </si>
  <si>
    <t>神奈川県横浜市西区岡野二丁目9</t>
  </si>
  <si>
    <t>神奈川県横浜市都筑区荏田南四丁目9</t>
  </si>
  <si>
    <t>神奈川県横浜市青葉区すすき野一丁目11-1</t>
  </si>
  <si>
    <t>神奈川県横浜市港南区港南台六丁目8</t>
  </si>
  <si>
    <t>神奈川県横浜市港南区港南台一丁目3</t>
  </si>
  <si>
    <t>神奈川県横浜市青葉区美しが丘二丁目22</t>
  </si>
  <si>
    <t>神奈川県横浜市西区みなとみらい三丁目</t>
  </si>
  <si>
    <t>神奈川県横浜市青葉区荏子田一丁目13-3</t>
  </si>
  <si>
    <t>神奈川県横浜市南区宿町1丁目1</t>
  </si>
  <si>
    <t>神奈川県横浜市磯子区洋光台六丁目11</t>
  </si>
  <si>
    <t>神奈川県横浜市中区元町1丁目77-4</t>
  </si>
  <si>
    <t>神奈川県横浜市緑区東本郷四丁目28</t>
  </si>
  <si>
    <t>神奈川県横浜市港南区丸山台四丁目7</t>
  </si>
  <si>
    <t>神奈川県横浜市南区六ﾂ川一丁目409</t>
  </si>
  <si>
    <t>神奈川県横浜市神奈川区反町1丁目12</t>
  </si>
  <si>
    <t>神奈川県横浜市都筑区茅ｹ崎南四丁目7</t>
  </si>
  <si>
    <t>神奈川県横浜市金沢区能見台一丁目42-1</t>
  </si>
  <si>
    <t>神奈川県横浜市港北区大倉山七丁目1805</t>
  </si>
  <si>
    <t>神奈川県横浜市青葉区美しが丘西三丁目65-1</t>
  </si>
  <si>
    <t>神奈川県横浜市旭区白根三丁目26</t>
  </si>
  <si>
    <t>神奈川県横浜市金沢区釜利谷南二丁目6</t>
  </si>
  <si>
    <t>神奈川県横浜市西区紅葉ｹ丘57</t>
  </si>
  <si>
    <t>神奈川県横浜市都筑区茅ｹ崎東二丁目25</t>
  </si>
  <si>
    <t>神奈川県横浜市保土ｹ谷区仏向町614-2</t>
  </si>
  <si>
    <t>神奈川県横浜市都筑区加賀原一丁目4</t>
  </si>
  <si>
    <t>神奈川県横浜市南区六ﾂ川三丁目122</t>
  </si>
  <si>
    <t>神奈川県横浜市港南区港南台四丁目34</t>
  </si>
  <si>
    <t>神奈川県横浜市神奈川区子安台一丁目18</t>
  </si>
  <si>
    <t>神奈川県横浜市旭区若葉台二丁目14</t>
  </si>
  <si>
    <t>神奈川県横浜市保土ｹ谷区川島町1513-1</t>
  </si>
  <si>
    <t>神奈川県横浜市港北区菊名一丁目8-1</t>
  </si>
  <si>
    <t>神奈川県横浜市金沢区能見台三丁目50-1</t>
  </si>
  <si>
    <t>神奈川県横浜市泉区中田東一丁目41</t>
  </si>
  <si>
    <t>神奈川県横浜市磯子区洋光台六丁目37</t>
  </si>
  <si>
    <t>神奈川県横浜市瀬谷区南台二丁目3-20</t>
  </si>
  <si>
    <t>神奈川県横浜市都筑区加賀原一丁目49</t>
  </si>
  <si>
    <t>神奈川県横浜市鶴見区向井町2丁目71</t>
  </si>
  <si>
    <t>神奈川県横浜市都筑区東山田二丁目21</t>
  </si>
  <si>
    <t>神奈川県横浜市旭区若葉台四丁目35</t>
  </si>
  <si>
    <t>神奈川県横浜市磯子区杉田五丁目32</t>
  </si>
  <si>
    <t>神奈川県横浜市都筑区中川七丁目13</t>
  </si>
  <si>
    <t>神奈川県横浜市金沢区富岡東六丁目29</t>
  </si>
  <si>
    <t>神奈川県横浜市都筑区新栄町18番</t>
  </si>
  <si>
    <t>神奈川県横浜市金沢区富岡西6丁目3</t>
  </si>
  <si>
    <t>神奈川県横浜市港南区港南台八丁目4</t>
  </si>
  <si>
    <t>神奈川県横浜市神奈川区片倉二丁目42</t>
  </si>
  <si>
    <t>神奈川県横浜市瀬谷区阿久和東一丁目17-1</t>
  </si>
  <si>
    <t>神奈川県横浜市中区長者町5丁目55-2</t>
  </si>
  <si>
    <t>神奈川県横浜市瀬谷区本郷一丁目70-2</t>
  </si>
  <si>
    <t>神奈川県横浜市都筑区早渕二丁目6</t>
  </si>
  <si>
    <t>神奈川県横浜市都筑区北山田一丁目4</t>
  </si>
  <si>
    <t>神奈川県横浜市金沢区能見台五丁目11-1</t>
  </si>
  <si>
    <t>神奈川県横浜市青葉区奈良一丁目4-1</t>
  </si>
  <si>
    <t>神奈川県横浜市緑区霧が丘五丁目24</t>
  </si>
  <si>
    <t>神奈川県横浜市都筑区南山田一丁目5</t>
  </si>
  <si>
    <t>神奈川県横浜市港南区港南台三丁目5</t>
  </si>
  <si>
    <t>神奈川県横浜市神奈川区神之木台13</t>
    <phoneticPr fontId="7"/>
  </si>
  <si>
    <t>神奈川県横浜市金沢区富岡東四丁目12</t>
  </si>
  <si>
    <t>神奈川県横浜市金沢区富岡東四丁目13番</t>
  </si>
  <si>
    <t>神奈川県横浜市都筑区東山田三丁目4</t>
  </si>
  <si>
    <t>神奈川県横浜市瀬谷区阿久和西三丁目52-6</t>
  </si>
  <si>
    <t>神奈川県横浜市都筑区牛久保一丁目24</t>
  </si>
  <si>
    <t>神奈川県横浜市旭区若葉台三丁目1</t>
  </si>
  <si>
    <t>神奈川県横浜市港北区大倉山六丁目40</t>
  </si>
  <si>
    <t>神奈川県横浜市保土ｹ谷区常盤台42</t>
  </si>
  <si>
    <t>神奈川県横浜市金沢区柴町322</t>
  </si>
  <si>
    <t>神奈川県横浜市港南区日野中央二丁目2</t>
  </si>
  <si>
    <t>神奈川県横浜市都筑区勝田南一丁目20</t>
  </si>
  <si>
    <t>神奈川県横浜市緑区長津田みなみ台三丁目1</t>
  </si>
  <si>
    <t>https://midocomi.com/genkaidapark.html</t>
    <phoneticPr fontId="7"/>
  </si>
  <si>
    <t>神奈川県横浜市都筑区北山田四丁目27</t>
  </si>
  <si>
    <t>神奈川県横浜市都筑区荏田東三丁目21</t>
  </si>
  <si>
    <t>神奈川県横浜市都筑区中川四丁目19</t>
  </si>
  <si>
    <t>神奈川県横浜市磯子区岡村二丁目17</t>
  </si>
  <si>
    <t>神奈川県横浜市港北区大倉山二丁目10</t>
  </si>
  <si>
    <t>神奈川県横浜市港北区新横浜二丁目16-1</t>
  </si>
  <si>
    <t>神奈川県横浜市都筑区荏田南一丁目18</t>
  </si>
  <si>
    <t>神奈川県横浜市都筑区茅ｹ崎南一丁目4</t>
  </si>
  <si>
    <t>神奈川県横浜市南区清水ｹ丘73-1</t>
  </si>
  <si>
    <t>神奈川県横浜市保土ｹ谷区狩場町213</t>
  </si>
  <si>
    <t>神奈川県横浜市金沢区並木一丁目1</t>
  </si>
  <si>
    <t>神奈川県横浜市都筑区荏田東四丁目11</t>
  </si>
  <si>
    <t>神奈川県横浜市金沢区富岡東二丁目9</t>
  </si>
  <si>
    <t>神奈川県横浜市港南区上大岡東三丁目12-1</t>
  </si>
  <si>
    <t>神奈川県横浜市神奈川区三ﾂ沢西町3-1</t>
  </si>
  <si>
    <t>神奈川県横浜市旭区上白根町1175-1</t>
  </si>
  <si>
    <t>神奈川県横浜市金沢区釜利谷東五丁目15-1</t>
  </si>
  <si>
    <t>神奈川県横浜市神奈川区神大寺一丁目576番4</t>
  </si>
  <si>
    <t>神奈川県横浜市神奈川区西寺尾二丁目1193番119</t>
  </si>
  <si>
    <t>神奈川県横浜市港南区笹下四丁目4738番15</t>
  </si>
  <si>
    <t>神奈川県横浜市港南区笹下四丁目3567番26</t>
  </si>
  <si>
    <t>神奈川県横浜市磯子区杉田五丁目2212番の5</t>
  </si>
  <si>
    <t>神奈川県横浜市金沢区六浦東一丁目4842番22</t>
  </si>
  <si>
    <t>神奈川県横浜市金沢区富岡東一丁目3149番4</t>
  </si>
  <si>
    <t>神奈川県横浜市金沢区東朝比奈一丁目1789番の9</t>
  </si>
  <si>
    <t>神奈川県横浜市港北区篠原町2831番11</t>
  </si>
  <si>
    <t>神奈川県横浜市緑区長津田みなみ台一丁目2番25</t>
  </si>
  <si>
    <t>神奈川県横浜市緑区鴨居四丁目1136番の4</t>
  </si>
  <si>
    <t>神奈川県横浜市緑区三保町2467番85</t>
  </si>
  <si>
    <t>神奈川県横浜市青葉区奈良五丁目21番1</t>
  </si>
  <si>
    <t>神奈川県横浜市青葉区奈良五丁目19番38</t>
  </si>
  <si>
    <t>神奈川県横浜市都筑区大棚町472番1</t>
  </si>
  <si>
    <t>神奈川県横浜市泉区岡津町2623番</t>
  </si>
  <si>
    <t>神奈川県横浜市鶴見区下野谷町三丁目88番17</t>
  </si>
  <si>
    <t>神奈川県横浜市鶴見区江ｹ崎町1570番17</t>
  </si>
  <si>
    <t>神奈川県横浜市港南区芹が谷二丁目1060-12</t>
  </si>
  <si>
    <t>神奈川県横浜市港南区最戸一丁目85番</t>
  </si>
  <si>
    <t>神奈川県横浜市金沢区泥亀二丁目75番の1</t>
  </si>
  <si>
    <t>神奈川県横浜市戸塚区上柏尾町261番8</t>
  </si>
  <si>
    <t>神奈川県横浜市戸塚区戸塚町4247番24</t>
  </si>
  <si>
    <t>神奈川県横浜市戸塚区戸塚町5024番8</t>
  </si>
  <si>
    <t>神奈川県横浜市泉区上飯田町2070-3</t>
  </si>
  <si>
    <t>神奈川県横浜市瀬谷区瀬谷町4131-20</t>
  </si>
  <si>
    <t>神奈川県横浜市保土ｹ谷区仏向町1252番1</t>
  </si>
  <si>
    <t>神奈川県横浜市旭区今宿南町1962番2地先</t>
  </si>
  <si>
    <t>神奈川県横浜市港南区大久保二丁目421番19</t>
  </si>
  <si>
    <t>神奈川県横浜市都筑区荏田東四丁目4484-4</t>
  </si>
  <si>
    <t>神奈川県横浜市保土ｹ谷区今井町613番2</t>
  </si>
  <si>
    <t>神奈川県横浜市青葉区奈良町1566番の354</t>
  </si>
  <si>
    <t>神奈川県横浜市神奈川区六角橋四丁目720番4</t>
  </si>
  <si>
    <t>神奈川県横浜市栄区小菅ｹ谷二丁目5</t>
  </si>
  <si>
    <t>神奈川県横浜市瀬谷区阿久和東二丁目61番1</t>
  </si>
  <si>
    <t>神奈川県横浜市戸塚区矢部町3004番4</t>
  </si>
  <si>
    <t>神奈川県横浜市戸塚区吉田町3004番4</t>
  </si>
  <si>
    <t>神奈川県横浜市磯子区汐見台2丁目5番5</t>
  </si>
  <si>
    <t>神奈川県横浜市保土ｹ谷区上星川三丁目332番5</t>
  </si>
  <si>
    <t>神奈川県横浜市瀬谷区三ﾂ境65番9</t>
  </si>
  <si>
    <t>神奈川県横浜市磯子区岡村四丁目800番の1</t>
  </si>
  <si>
    <t>神奈川県横浜市泉区和泉中央北五丁目4620番の3</t>
  </si>
  <si>
    <t>神奈川県横浜市戸塚区上倉田町79番6</t>
  </si>
  <si>
    <t>神奈川県横浜市金沢区長浜116番の2</t>
  </si>
  <si>
    <t>神奈川県横浜市鶴見区鶴見一丁目1番1</t>
  </si>
  <si>
    <t>神奈川県横浜市戸塚区柏尾町1280番5</t>
  </si>
  <si>
    <t>神奈川県横浜市金沢区瀬戸4479番の3</t>
  </si>
  <si>
    <t>神奈川県横浜市磯子区汐見台1丁目4-1</t>
  </si>
  <si>
    <t>神奈川県横浜市栄区笠間二丁目2</t>
  </si>
  <si>
    <t>神奈川県横浜市保土ｹ谷区常盤台129-4</t>
  </si>
  <si>
    <t>神奈川県横浜市戸塚区舞岡町284</t>
  </si>
  <si>
    <t>神奈川県横浜市鶴見区東寺尾四丁目15</t>
  </si>
  <si>
    <t>神奈川県横浜市青葉区鴨志田町946-4</t>
  </si>
  <si>
    <t>神奈川県横浜市都筑区川向町2024番</t>
  </si>
  <si>
    <t>神奈川県横浜市戸塚区戸塚町335番8</t>
  </si>
  <si>
    <t>神奈川県横浜市瀬谷区下瀬谷二丁目9</t>
  </si>
  <si>
    <t>池袋第四公園</t>
  </si>
  <si>
    <t>神奈川県横浜市中区池袋58-13</t>
  </si>
  <si>
    <t>-</t>
    <phoneticPr fontId="10"/>
  </si>
  <si>
    <t>港南二丁目第三公園</t>
  </si>
  <si>
    <t>神奈川県横浜市港南区港南二丁目15番</t>
  </si>
  <si>
    <t>川和のさと公園</t>
  </si>
  <si>
    <t>神奈川県横浜市都筑区川和町3118番</t>
  </si>
  <si>
    <t>三保町西公園</t>
  </si>
  <si>
    <t>神奈川県横浜市緑区三保町356-1</t>
  </si>
  <si>
    <t>大場衛門ケ谷第二公園</t>
  </si>
  <si>
    <t>神奈川県横浜市青葉区大場町1206番1</t>
  </si>
  <si>
    <t>大平町公園</t>
  </si>
  <si>
    <t>神奈川県横浜市中区大平町42-3</t>
  </si>
  <si>
    <t>白山一丁目第三公園</t>
  </si>
  <si>
    <t>神奈川県横浜市緑区白山一丁目11ｰ11</t>
  </si>
  <si>
    <t>岸谷三丁目第二公園</t>
  </si>
  <si>
    <t>神奈川県横浜市鶴見区岸谷三丁目8</t>
  </si>
  <si>
    <t>西戸部羽沢西部公園</t>
  </si>
  <si>
    <t>神奈川県横浜市西区西戸部町1丁目57番50</t>
  </si>
  <si>
    <t>下作延５丁目中耕地公園</t>
    <phoneticPr fontId="7"/>
  </si>
  <si>
    <t>栗木台２丁目つつじ公園</t>
    <phoneticPr fontId="7"/>
  </si>
  <si>
    <t>登戸３号街区公園</t>
    <phoneticPr fontId="7"/>
  </si>
  <si>
    <t>谷戸きずな公園</t>
    <phoneticPr fontId="7"/>
  </si>
  <si>
    <t>街区公園</t>
    <rPh sb="0" eb="2">
      <t>ガイク</t>
    </rPh>
    <phoneticPr fontId="7"/>
  </si>
  <si>
    <t>船越３丁目都市緑地</t>
    <rPh sb="0" eb="2">
      <t>フナコシ</t>
    </rPh>
    <rPh sb="3" eb="5">
      <t>チョウメ</t>
    </rPh>
    <rPh sb="5" eb="7">
      <t>トシ</t>
    </rPh>
    <rPh sb="7" eb="9">
      <t>リョクチ</t>
    </rPh>
    <phoneticPr fontId="7"/>
  </si>
  <si>
    <t>神奈川県横須賀市船越町3-10-2</t>
    <rPh sb="0" eb="4">
      <t>カナガワケン</t>
    </rPh>
    <rPh sb="4" eb="8">
      <t>ヨコスカシ</t>
    </rPh>
    <rPh sb="8" eb="10">
      <t>フナコシ</t>
    </rPh>
    <rPh sb="10" eb="11">
      <t>マチ</t>
    </rPh>
    <phoneticPr fontId="7"/>
  </si>
  <si>
    <t>燈明堂緑地</t>
    <rPh sb="0" eb="2">
      <t>トウミョウ</t>
    </rPh>
    <rPh sb="2" eb="3">
      <t>ドウ</t>
    </rPh>
    <rPh sb="3" eb="5">
      <t>リョクチ</t>
    </rPh>
    <phoneticPr fontId="7"/>
  </si>
  <si>
    <t>神奈川県横須賀市西浦賀6-45-1</t>
    <rPh sb="0" eb="4">
      <t>カナガワケン</t>
    </rPh>
    <rPh sb="4" eb="8">
      <t>ヨコスカシ</t>
    </rPh>
    <rPh sb="8" eb="11">
      <t>ニシウラガ</t>
    </rPh>
    <phoneticPr fontId="7"/>
  </si>
  <si>
    <t>神奈川県横須賀市大矢部2-15-1外</t>
    <rPh sb="0" eb="4">
      <t>カナガワケン</t>
    </rPh>
    <rPh sb="4" eb="8">
      <t>ヨコスカシ</t>
    </rPh>
    <rPh sb="8" eb="11">
      <t>オオヤベ</t>
    </rPh>
    <rPh sb="17" eb="18">
      <t>ソト</t>
    </rPh>
    <phoneticPr fontId="7"/>
  </si>
  <si>
    <t>浦賀奉行所跡地</t>
    <rPh sb="0" eb="2">
      <t>ウラガ</t>
    </rPh>
    <rPh sb="2" eb="4">
      <t>ブギョウ</t>
    </rPh>
    <rPh sb="4" eb="5">
      <t>ショ</t>
    </rPh>
    <rPh sb="5" eb="7">
      <t>アトチ</t>
    </rPh>
    <phoneticPr fontId="7"/>
  </si>
  <si>
    <t>神奈川県横須賀市西浦賀町5-36-3</t>
    <rPh sb="0" eb="4">
      <t>カナガワケン</t>
    </rPh>
    <rPh sb="4" eb="8">
      <t>ヨコスカシ</t>
    </rPh>
    <rPh sb="8" eb="11">
      <t>ニシウラガ</t>
    </rPh>
    <rPh sb="11" eb="12">
      <t>マチ</t>
    </rPh>
    <phoneticPr fontId="7"/>
  </si>
  <si>
    <t>秋谷１丁目きらきら公園</t>
    <rPh sb="0" eb="2">
      <t>アキヤ</t>
    </rPh>
    <rPh sb="3" eb="5">
      <t>チョウメ</t>
    </rPh>
    <rPh sb="9" eb="11">
      <t>コウエン</t>
    </rPh>
    <phoneticPr fontId="7"/>
  </si>
  <si>
    <t>神奈川県横須賀市秋谷1-90-2</t>
    <rPh sb="0" eb="4">
      <t>カナガワケン</t>
    </rPh>
    <rPh sb="4" eb="8">
      <t>ヨコスカシ</t>
    </rPh>
    <rPh sb="8" eb="10">
      <t>アキヤ</t>
    </rPh>
    <phoneticPr fontId="7"/>
  </si>
  <si>
    <t>久里浜１丁目第２公園</t>
    <rPh sb="0" eb="3">
      <t>クリハマ</t>
    </rPh>
    <rPh sb="4" eb="6">
      <t>チョウメ</t>
    </rPh>
    <rPh sb="6" eb="7">
      <t>ダイ</t>
    </rPh>
    <rPh sb="8" eb="10">
      <t>コウエン</t>
    </rPh>
    <phoneticPr fontId="7"/>
  </si>
  <si>
    <t>神奈川県横須賀市久里浜1-416-8</t>
    <rPh sb="0" eb="4">
      <t>カナガワケン</t>
    </rPh>
    <rPh sb="4" eb="8">
      <t>ヨコスカシ</t>
    </rPh>
    <rPh sb="8" eb="11">
      <t>クリハマ</t>
    </rPh>
    <phoneticPr fontId="7"/>
  </si>
  <si>
    <t>近隣公園</t>
    <rPh sb="0" eb="2">
      <t>キンリン</t>
    </rPh>
    <phoneticPr fontId="7"/>
  </si>
  <si>
    <t>佐島の丘２丁目第２都市林</t>
    <rPh sb="0" eb="2">
      <t>サジマ</t>
    </rPh>
    <rPh sb="3" eb="4">
      <t>オカ</t>
    </rPh>
    <rPh sb="5" eb="7">
      <t>チョウメ</t>
    </rPh>
    <rPh sb="7" eb="8">
      <t>ダイ</t>
    </rPh>
    <rPh sb="9" eb="11">
      <t>トシ</t>
    </rPh>
    <rPh sb="11" eb="12">
      <t>ハヤシ</t>
    </rPh>
    <phoneticPr fontId="7"/>
  </si>
  <si>
    <t>神奈川県横須賀市佐島の丘1-792-14</t>
    <rPh sb="0" eb="4">
      <t>カナガワケン</t>
    </rPh>
    <rPh sb="4" eb="8">
      <t>ヨコスカシ</t>
    </rPh>
    <rPh sb="8" eb="10">
      <t>サジマ</t>
    </rPh>
    <rPh sb="11" eb="12">
      <t>オカ</t>
    </rPh>
    <phoneticPr fontId="7"/>
  </si>
  <si>
    <t>都市林</t>
    <rPh sb="0" eb="2">
      <t>トシ</t>
    </rPh>
    <phoneticPr fontId="7"/>
  </si>
  <si>
    <t>大神第4公園</t>
    <rPh sb="0" eb="2">
      <t>オオカミ</t>
    </rPh>
    <rPh sb="2" eb="3">
      <t>ダイ</t>
    </rPh>
    <rPh sb="4" eb="6">
      <t>コウエン</t>
    </rPh>
    <phoneticPr fontId="7"/>
  </si>
  <si>
    <t>大神第3公園</t>
    <rPh sb="0" eb="2">
      <t>オオカミ</t>
    </rPh>
    <rPh sb="2" eb="3">
      <t>ダイ</t>
    </rPh>
    <rPh sb="4" eb="6">
      <t>コウエン</t>
    </rPh>
    <phoneticPr fontId="7"/>
  </si>
  <si>
    <t>神奈川県平塚市大神760</t>
    <rPh sb="0" eb="4">
      <t>カナガワケン</t>
    </rPh>
    <rPh sb="4" eb="7">
      <t>ヒラツカシ</t>
    </rPh>
    <rPh sb="7" eb="9">
      <t>オオカミ</t>
    </rPh>
    <phoneticPr fontId="7"/>
  </si>
  <si>
    <t>菫平第2公園</t>
    <rPh sb="0" eb="2">
      <t>スミレダイラ</t>
    </rPh>
    <rPh sb="2" eb="3">
      <t>ダイ</t>
    </rPh>
    <rPh sb="4" eb="6">
      <t>コウエン</t>
    </rPh>
    <phoneticPr fontId="7"/>
  </si>
  <si>
    <t>神奈川県平塚市菫平193‐33</t>
    <rPh sb="0" eb="4">
      <t>カナガワケン</t>
    </rPh>
    <rPh sb="4" eb="7">
      <t>ヒラツカシ</t>
    </rPh>
    <rPh sb="7" eb="9">
      <t>スミレダイラ</t>
    </rPh>
    <phoneticPr fontId="7"/>
  </si>
  <si>
    <t>012735</t>
  </si>
  <si>
    <t>012736</t>
  </si>
  <si>
    <t>012737</t>
  </si>
  <si>
    <t>012738</t>
  </si>
  <si>
    <t>012739</t>
  </si>
  <si>
    <t>012740</t>
  </si>
  <si>
    <t>012741</t>
  </si>
  <si>
    <t>012742</t>
  </si>
  <si>
    <t>012743</t>
  </si>
  <si>
    <t>024035</t>
  </si>
  <si>
    <t>024036</t>
  </si>
  <si>
    <t>024037</t>
  </si>
  <si>
    <t>034609</t>
  </si>
  <si>
    <t>045090</t>
  </si>
  <si>
    <t>045091</t>
  </si>
  <si>
    <t>045092</t>
  </si>
  <si>
    <t>045093</t>
  </si>
  <si>
    <t>045094</t>
  </si>
  <si>
    <t>045095</t>
  </si>
  <si>
    <t>045096</t>
  </si>
  <si>
    <t>055197</t>
  </si>
  <si>
    <t>055198</t>
  </si>
  <si>
    <t>常盤うなぎ公園</t>
    <rPh sb="0" eb="2">
      <t>トキワ</t>
    </rPh>
    <rPh sb="5" eb="7">
      <t>コウエン</t>
    </rPh>
    <phoneticPr fontId="7"/>
  </si>
  <si>
    <t>鎌倉市常盤字下高知18番19（地番）　</t>
    <rPh sb="0" eb="3">
      <t>カマクラシ</t>
    </rPh>
    <rPh sb="3" eb="5">
      <t>トキワ</t>
    </rPh>
    <rPh sb="5" eb="6">
      <t>アザ</t>
    </rPh>
    <rPh sb="6" eb="9">
      <t>シモコウチ</t>
    </rPh>
    <rPh sb="11" eb="12">
      <t>バン</t>
    </rPh>
    <rPh sb="15" eb="17">
      <t>チバン</t>
    </rPh>
    <phoneticPr fontId="7"/>
  </si>
  <si>
    <t>065488</t>
  </si>
  <si>
    <t>鶴が台みどりの風公園</t>
    <phoneticPr fontId="7"/>
  </si>
  <si>
    <t>神奈川県茅ヶ崎市鶴が台528-5</t>
    <phoneticPr fontId="7"/>
  </si>
  <si>
    <t>東海岸南葵公園</t>
    <phoneticPr fontId="7"/>
  </si>
  <si>
    <t>神奈川県茅ヶ崎市東海岸南四丁目8978‐3</t>
    <rPh sb="12" eb="13">
      <t>４</t>
    </rPh>
    <phoneticPr fontId="7"/>
  </si>
  <si>
    <t>北５みんなの広場</t>
    <phoneticPr fontId="7"/>
  </si>
  <si>
    <t>神奈川県茅ヶ崎市東海岸北五丁目7674-1</t>
    <phoneticPr fontId="7"/>
  </si>
  <si>
    <t>096147</t>
  </si>
  <si>
    <t>096148</t>
  </si>
  <si>
    <t>096149</t>
  </si>
  <si>
    <t>逗子市蘆花記念公園</t>
    <rPh sb="0" eb="3">
      <t>ズシシ</t>
    </rPh>
    <phoneticPr fontId="7"/>
  </si>
  <si>
    <t>駐車場8：30～16：30</t>
    <rPh sb="0" eb="3">
      <t>チュウシャジョウ</t>
    </rPh>
    <phoneticPr fontId="7"/>
  </si>
  <si>
    <t>毎週月曜日（祝日の場合は開園）、年末年始</t>
    <rPh sb="0" eb="2">
      <t>マイシュウ</t>
    </rPh>
    <rPh sb="6" eb="8">
      <t>シュクジツ</t>
    </rPh>
    <rPh sb="12" eb="14">
      <t>カイエン</t>
    </rPh>
    <phoneticPr fontId="7"/>
  </si>
  <si>
    <t>月・火・木・金曜日</t>
    <rPh sb="2" eb="3">
      <t>カ</t>
    </rPh>
    <rPh sb="4" eb="5">
      <t>モク</t>
    </rPh>
    <rPh sb="6" eb="9">
      <t>キンヨウビ</t>
    </rPh>
    <phoneticPr fontId="7"/>
  </si>
  <si>
    <t>駐車場</t>
    <phoneticPr fontId="7"/>
  </si>
  <si>
    <t>中央の森２号緑地</t>
    <rPh sb="0" eb="2">
      <t>チュウオウ</t>
    </rPh>
    <rPh sb="3" eb="4">
      <t>モリ</t>
    </rPh>
    <rPh sb="5" eb="8">
      <t>ゴウリョクチ</t>
    </rPh>
    <phoneticPr fontId="7"/>
  </si>
  <si>
    <t>大和市深見西七丁目2-5</t>
    <rPh sb="0" eb="3">
      <t>ヤマトシ</t>
    </rPh>
    <rPh sb="3" eb="6">
      <t>フカミニシ</t>
    </rPh>
    <rPh sb="6" eb="9">
      <t>ナナチョウメ</t>
    </rPh>
    <phoneticPr fontId="7"/>
  </si>
  <si>
    <t>147020</t>
  </si>
  <si>
    <t>年末年始（多目的広場）</t>
    <rPh sb="0" eb="2">
      <t>ネンマツ</t>
    </rPh>
    <rPh sb="2" eb="4">
      <t>ネンシ</t>
    </rPh>
    <rPh sb="5" eb="8">
      <t>タモクテキ</t>
    </rPh>
    <rPh sb="8" eb="10">
      <t>ヒロバ</t>
    </rPh>
    <phoneticPr fontId="7"/>
  </si>
  <si>
    <t>神奈川県綾瀬市深谷南1-1408-62（地番）</t>
  </si>
  <si>
    <t>神奈川県綾瀬市上土棚北4-408-3（地番）</t>
  </si>
  <si>
    <t>神奈川県綾瀬市綾西2-1772-30（地番）</t>
  </si>
  <si>
    <t>神奈川県綾瀬市深谷中7-2272-16（地番）</t>
  </si>
  <si>
    <t>神奈川県綾瀬市小園355-27（地番）</t>
  </si>
  <si>
    <t>神奈川県綾瀬市寺尾西2-1189-33（地番）</t>
  </si>
  <si>
    <t>神奈川県綾瀬市寺尾中4-1574-16（地番）</t>
  </si>
  <si>
    <t>神奈川県綾瀬市寺尾中4-1579-32（地番）</t>
  </si>
  <si>
    <t>神奈川県綾瀬市寺尾釜田1-360-1（地番）</t>
  </si>
  <si>
    <t>神奈川県綾瀬市寺尾西3-1122-5（地番）</t>
  </si>
  <si>
    <t>神奈川県綾瀬市寺尾北2-2344-9（地番）</t>
  </si>
  <si>
    <t>神奈川県綾瀬市蓼川1-1025-4（地番）</t>
  </si>
  <si>
    <t>神奈川県綾瀬市大上1-5427-8（地番）</t>
  </si>
  <si>
    <t>神奈川県綾瀬市小園1233-1（地番）</t>
  </si>
  <si>
    <t>神奈川県綾瀬市寺尾西1-194-1（地番）</t>
  </si>
  <si>
    <t>神奈川県綾瀬市寺尾釜田3-182-16（地番）</t>
  </si>
  <si>
    <t>神奈川県綾瀬市上土棚南1-1527-3（地番）</t>
  </si>
  <si>
    <t>神奈川県綾瀬市寺尾釜田3-182-76（地番）</t>
  </si>
  <si>
    <t>神奈川県綾瀬市寺尾南3-725-7（地番）</t>
  </si>
  <si>
    <t>神奈川県綾瀬市落合北6-1396-21（地番）</t>
  </si>
  <si>
    <t>神奈川県綾瀬市寺尾本町3-755-3（地番）</t>
  </si>
  <si>
    <t>神奈川県綾瀬市寺尾中1-1451-2（地番）</t>
  </si>
  <si>
    <t>神奈川県綾瀬市寺尾釜田2-294-4（地番）</t>
  </si>
  <si>
    <t>神奈川県綾瀬市寺尾北3-1651-3（地番）</t>
  </si>
  <si>
    <t>神奈川県綾瀬市寺尾中1-1435-7（地番）</t>
  </si>
  <si>
    <t>神奈川県綾瀬市深谷上7-4630-16（地番）</t>
  </si>
  <si>
    <t>神奈川県綾瀬市吉岡1672-32（地番）</t>
  </si>
  <si>
    <t>神奈川県綾瀬市落合南9-607-2（地番）</t>
  </si>
  <si>
    <t>神奈川県綾瀬市小園1293-8（地番）</t>
  </si>
  <si>
    <t>神奈川県綾瀬市上土棚南1-1323-10（地番）</t>
  </si>
  <si>
    <t>神奈川県綾瀬市寺尾本町3-771-34（地番）</t>
  </si>
  <si>
    <t>神奈川県綾瀬市早川1345-4（地番）</t>
  </si>
  <si>
    <t>神奈川県綾瀬市吉岡2722-1（地番）</t>
  </si>
  <si>
    <t>神奈川県綾瀬市寺尾南3-696-40（地番）</t>
  </si>
  <si>
    <t>神奈川県綾瀬市寺尾釜田3-95-4（地番）</t>
  </si>
  <si>
    <t>神奈川県綾瀬市蓼川1-23-1（地番）</t>
  </si>
  <si>
    <t>神奈川県綾瀬市上土棚北2-324-54（地番）</t>
  </si>
  <si>
    <t>神奈川県綾瀬市大上2-640-3（地番）</t>
  </si>
  <si>
    <t>神奈川県綾瀬市寺尾北4-1724-7（地番）</t>
  </si>
  <si>
    <t>神奈川県綾瀬市深谷中7-2272-22（地番）</t>
  </si>
  <si>
    <t>神奈川県綾瀬市深谷上1-1-13（地番）</t>
  </si>
  <si>
    <t>神奈川県綾瀬市上土棚南4-1889-2（地番）</t>
  </si>
  <si>
    <t>神奈川県綾瀬市小園1324-1（地番）</t>
  </si>
  <si>
    <t>神奈川県綾瀬市上土棚南1-1351-4（地番）</t>
  </si>
  <si>
    <t>神奈川県綾瀬市上土棚南2-1491-1（地番）</t>
  </si>
  <si>
    <t>神奈川県綾瀬市小園1236-3（地番）</t>
  </si>
  <si>
    <t>神奈川県綾瀬市寺尾釜田2-280-15（地番）</t>
  </si>
  <si>
    <t>神奈川県綾瀬市吉岡1220-1（地番）</t>
  </si>
  <si>
    <t>神奈川県綾瀬市深谷南4-2410（地番）</t>
  </si>
  <si>
    <t>神奈川県綾瀬市上土棚中2-5-7（地番）</t>
  </si>
  <si>
    <t>神奈川県綾瀬市寺尾南3-717-2（地番）</t>
  </si>
  <si>
    <t>神奈川県綾瀬市上土棚中7-927-12（地番）</t>
  </si>
  <si>
    <t>神奈川県綾瀬市小園1390-12（地番）</t>
  </si>
  <si>
    <t>神奈川県綾瀬市寺尾台2-2133-24（地番）</t>
  </si>
  <si>
    <t>神奈川県綾瀬市深谷南2-907（地番）</t>
  </si>
  <si>
    <t>神奈川県綾瀬市吉岡東5-387-39（地番）</t>
  </si>
  <si>
    <t>神奈川県綾瀬市小園南2-191-94（地番）</t>
  </si>
  <si>
    <t>神奈川県綾瀬市蓼川2-1507-148（地番）</t>
  </si>
  <si>
    <t>神奈川県綾瀬市小園南1-1-23（地番）</t>
  </si>
  <si>
    <t>神奈川県綾瀬市深谷南4-2378（地番）</t>
  </si>
  <si>
    <t>神奈川県綾瀬市落合北7-1008-4（地番）</t>
  </si>
  <si>
    <t>神奈川県綾瀬市寺尾本町2-1310-8（地番）</t>
  </si>
  <si>
    <t>神奈川県綾瀬市落合南2-120-ｲ（地番）</t>
  </si>
  <si>
    <t>神奈川県綾瀬市寺尾台2-2140-5（地番）</t>
  </si>
  <si>
    <t>神奈川県綾瀬市寺尾南3-690-13（地番）</t>
  </si>
  <si>
    <t>神奈川県綾瀬市小園南1-423-151（地番）</t>
  </si>
  <si>
    <t>神奈川県綾瀬市綾西3-1912-120（地番）</t>
  </si>
  <si>
    <t>神奈川県綾瀬市吉岡3425-5（地番）</t>
  </si>
  <si>
    <t>神奈川県綾瀬市寺尾西1-73-2先（地番）</t>
  </si>
  <si>
    <t>神奈川県綾瀬市落合北4-503-1（地番）</t>
  </si>
  <si>
    <t>神奈川県綾瀬市寺尾中2-1257-8（地番）</t>
  </si>
  <si>
    <t>神奈川県綾瀬市早川2605-23（地番）</t>
  </si>
  <si>
    <t>神奈川県綾瀬市綾西4-1863-42（地番）</t>
  </si>
  <si>
    <t>神奈川県綾瀬市吉岡887-23（地番）</t>
  </si>
  <si>
    <t>神奈川県綾瀬市蓼川1-906-7（地番）</t>
  </si>
  <si>
    <t>神奈川県綾瀬市上土棚中5-2293-12（地番）</t>
  </si>
  <si>
    <t>神奈川県綾瀬市落合南4-1-1（地番）</t>
  </si>
  <si>
    <t>神奈川県綾瀬市深谷上6-4562-1（地番）</t>
  </si>
  <si>
    <t>神奈川県綾瀬市深谷上8-4729-7（地番）</t>
  </si>
  <si>
    <t>神奈川県綾瀬市蓼川3-1489-2（地番）</t>
  </si>
  <si>
    <t>神奈川県綾瀬市蓼川1-26-1（地番）</t>
  </si>
  <si>
    <t>神奈川県綾瀬市深谷上8-4729-16（地番）</t>
  </si>
  <si>
    <t>神奈川県綾瀬市綾西5-1502-89（地番）</t>
  </si>
  <si>
    <t>神奈川県綾瀬市寺尾釜田3-180-13（地番）</t>
  </si>
  <si>
    <t>神奈川県綾瀬市深谷南4-2413-2（地番）</t>
  </si>
  <si>
    <t>神奈川県綾瀬市大上5-258-1（地番）</t>
  </si>
  <si>
    <t>神奈川県綾瀬市小園1118-2（地番）</t>
  </si>
  <si>
    <t>神奈川県綾瀬市大上3-500-1（地番）</t>
  </si>
  <si>
    <t>神奈川県綾瀬市吉岡1912-123（地番）</t>
  </si>
  <si>
    <t>神奈川県綾瀬市吉岡887-24（地番）</t>
  </si>
  <si>
    <t>神奈川県綾瀬市深谷中2-20-8（地番）</t>
  </si>
  <si>
    <t>神奈川県綾瀬市小園南1-423-230（地番）</t>
  </si>
  <si>
    <t>神奈川県綾瀬市深谷南3-2206（地番）</t>
  </si>
  <si>
    <t>神奈川県綾瀬市吉岡919-2（地番）</t>
  </si>
  <si>
    <t>神奈川県綾瀬市寺尾台3-2011-2（地番）</t>
  </si>
  <si>
    <t>神奈川県綾瀬市早川城山4-4-1（地番）</t>
  </si>
  <si>
    <t>神奈川県綾瀬市上土棚中6-2009-103（地番）</t>
  </si>
  <si>
    <t>神奈川県綾瀬市深谷上1-10-13（地番）</t>
  </si>
  <si>
    <t>神奈川県綾瀬市小園1343-1（地番）</t>
  </si>
  <si>
    <t>神奈川県綾瀬市小園545-11（地番）</t>
  </si>
  <si>
    <t>神奈川県綾瀬市寺尾釜田1-350-1（地番）</t>
  </si>
  <si>
    <t>神奈川県綾瀬市早川2980-87（地番）</t>
  </si>
  <si>
    <t>神奈川県綾瀬市深谷南6-2171（地番）</t>
  </si>
  <si>
    <t>神奈川県綾瀬市綾西4-1824-190（地番）</t>
  </si>
  <si>
    <t>神奈川県綾瀬市深谷南4-2357-3（地番）</t>
  </si>
  <si>
    <t>神奈川県綾瀬市寺尾台2-2120-6先（地番）</t>
  </si>
  <si>
    <t>神奈川県綾瀬市上土棚南3-1959-10（地番）</t>
  </si>
  <si>
    <t>神奈川県綾瀬市寺尾台4-1975-1（地番）</t>
  </si>
  <si>
    <t>神奈川県綾瀬市寺尾本町1-204-3（地番）</t>
  </si>
  <si>
    <t>神奈川県綾瀬市早川城山2-24-7（地番）</t>
  </si>
  <si>
    <t>神奈川県綾瀬市寺尾北1-2255（地番）</t>
  </si>
  <si>
    <t>神奈川県綾瀬市深谷上1-7-16（地番）</t>
  </si>
  <si>
    <t>神奈川県綾瀬市深谷中5-3367-2（地番）</t>
  </si>
  <si>
    <t>神奈川県綾瀬市早川511-5（地番）</t>
  </si>
  <si>
    <t>神奈川県綾瀬市小園1426-1（地番）</t>
  </si>
  <si>
    <t>神奈川県綾瀬市綾西2-1800-124（地番）</t>
  </si>
  <si>
    <t>神奈川県綾瀬市深谷上2-13-6（地番）</t>
  </si>
  <si>
    <t>神奈川県綾瀬市早川城山1-18-1（地番）</t>
  </si>
  <si>
    <t>神奈川県綾瀬市落合南9-339（地番）</t>
  </si>
  <si>
    <t>神奈川県綾瀬市深谷中2-14-1（地番）</t>
  </si>
  <si>
    <t>神奈川県綾瀬市吉岡1332（地番）</t>
  </si>
  <si>
    <t>神奈川県綾瀬市大上2-555-9（地番）</t>
  </si>
  <si>
    <t>神奈川県綾瀬市深谷上3-4460（地番）</t>
  </si>
  <si>
    <t>神奈川県綾瀬市深谷上1-3-10（地番）</t>
  </si>
  <si>
    <t>神奈川県綾瀬市吉岡905-10（地番）</t>
  </si>
  <si>
    <t>神奈川県綾瀬市深谷上4-5234（地番）</t>
  </si>
  <si>
    <t>神奈川県綾瀬市早川城山3-4-1（地番）</t>
  </si>
  <si>
    <t>神奈川県綾瀬市本蓼川345（地番）</t>
  </si>
  <si>
    <t>神奈川県綾瀬市大上八丁目6292番10（地番）</t>
  </si>
  <si>
    <t>神奈川県綾瀬市深谷中2-18-17（地番）</t>
  </si>
  <si>
    <t>神奈川県綾瀬市吉岡3028-1（地番）</t>
  </si>
  <si>
    <t>神奈川県綾瀬市深谷中1-13-2（地番）</t>
  </si>
  <si>
    <t>神奈川県綾瀬市深谷中1-15-2（地番）</t>
  </si>
  <si>
    <t>ブランコ２基の内、1基はタイヤタイプ（※インクルーシブ遊具）</t>
    <rPh sb="5" eb="6">
      <t>キ</t>
    </rPh>
    <rPh sb="7" eb="8">
      <t>ウチ</t>
    </rPh>
    <rPh sb="10" eb="11">
      <t>キ</t>
    </rPh>
    <rPh sb="27" eb="29">
      <t>ユウグ</t>
    </rPh>
    <phoneticPr fontId="7"/>
  </si>
  <si>
    <t>パネル遊具（※インクルーシブ遊具）</t>
    <rPh sb="3" eb="5">
      <t>ユウグ</t>
    </rPh>
    <rPh sb="14" eb="16">
      <t>ユウグ</t>
    </rPh>
    <phoneticPr fontId="7"/>
  </si>
  <si>
    <t>https://www.town.samukawa.kanagawa.jp/soshiki/toshikensetsu/toshikeikaku/toshimidori/info/koenmidori/itirann/17233.html</t>
    <phoneticPr fontId="7"/>
  </si>
  <si>
    <t>緑道内の水路では、環境団体によるホタル復活プロジェクトが行われており、毎年5月下旬から6月上旬にかけて飛翔するホタルの観賞ができます。</t>
    <rPh sb="0" eb="3">
      <t>リョクドウナイ</t>
    </rPh>
    <rPh sb="4" eb="6">
      <t>スイロ</t>
    </rPh>
    <rPh sb="9" eb="13">
      <t>カンキョウダンタイ</t>
    </rPh>
    <rPh sb="19" eb="21">
      <t>フッカツ</t>
    </rPh>
    <rPh sb="28" eb="29">
      <t>オコナ</t>
    </rPh>
    <rPh sb="35" eb="37">
      <t>マイトシ</t>
    </rPh>
    <rPh sb="38" eb="39">
      <t>ガツ</t>
    </rPh>
    <rPh sb="39" eb="41">
      <t>ゲジュン</t>
    </rPh>
    <rPh sb="44" eb="47">
      <t>ガツジョウジュン</t>
    </rPh>
    <rPh sb="51" eb="53">
      <t>ヒショウ</t>
    </rPh>
    <rPh sb="59" eb="61">
      <t>カンショウ</t>
    </rPh>
    <phoneticPr fontId="7"/>
  </si>
  <si>
    <t>https://www.town.samukawa.kanagawa.jp/soshiki/toshikensetsu/toshikeikaku/toshimidori/info/koenmidori/itirann/itinomiya.html</t>
    <phoneticPr fontId="7"/>
  </si>
  <si>
    <t>https://www.town.samukawa.kanagawa.jp/soshiki/toshikensetsu/toshikeikaku/toshimidori/info/koenmidori/itirann/kouenn.html</t>
    <phoneticPr fontId="7"/>
  </si>
  <si>
    <t>https://www.town.samukawa.kanagawa.jp/soshiki/toshikensetsu/toshikeikaku/toshimidori/info/koenmidori/itirann/1369021922863.html</t>
    <phoneticPr fontId="7"/>
  </si>
  <si>
    <t>大磯町</t>
    <phoneticPr fontId="7"/>
  </si>
  <si>
    <t>明治記念大磯邸園</t>
    <rPh sb="0" eb="2">
      <t>メイジ</t>
    </rPh>
    <rPh sb="2" eb="4">
      <t>キネン</t>
    </rPh>
    <rPh sb="4" eb="6">
      <t>オオイソ</t>
    </rPh>
    <rPh sb="6" eb="7">
      <t>テイ</t>
    </rPh>
    <rPh sb="7" eb="8">
      <t>エン</t>
    </rPh>
    <phoneticPr fontId="7"/>
  </si>
  <si>
    <t>神奈川県中郡大磯町東小磯295ほか</t>
    <rPh sb="0" eb="4">
      <t>カナガワケン</t>
    </rPh>
    <rPh sb="4" eb="6">
      <t>ナカグン</t>
    </rPh>
    <rPh sb="6" eb="9">
      <t>オオイソマチ</t>
    </rPh>
    <rPh sb="9" eb="10">
      <t>ヒガシ</t>
    </rPh>
    <rPh sb="10" eb="12">
      <t>コイソ</t>
    </rPh>
    <phoneticPr fontId="7"/>
  </si>
  <si>
    <t>9時～16時30分</t>
    <rPh sb="1" eb="2">
      <t>ジ</t>
    </rPh>
    <rPh sb="5" eb="6">
      <t>ジ</t>
    </rPh>
    <rPh sb="8" eb="9">
      <t>フン</t>
    </rPh>
    <phoneticPr fontId="7"/>
  </si>
  <si>
    <t>毎週月曜日（月曜日が祝日の場合は開園し、翌日休園）、年末年始</t>
    <rPh sb="6" eb="9">
      <t>ゲツヨウビ</t>
    </rPh>
    <rPh sb="16" eb="18">
      <t>カイエン</t>
    </rPh>
    <rPh sb="26" eb="28">
      <t>ネンマツ</t>
    </rPh>
    <rPh sb="28" eb="30">
      <t>ネンシ</t>
    </rPh>
    <phoneticPr fontId="7"/>
  </si>
  <si>
    <t>ｈｔｔｐｓ：//www.meijikinen-oiso.jp/index.html</t>
    <phoneticPr fontId="7"/>
  </si>
  <si>
    <t>227717</t>
    <phoneticPr fontId="7"/>
  </si>
  <si>
    <t>神奈川県足柄上郡松田町神山225(地番)</t>
    <rPh sb="17" eb="19">
      <t>チバン</t>
    </rPh>
    <phoneticPr fontId="7"/>
  </si>
  <si>
    <t>神奈川県足柄上郡松田町松田惣領915-2(地番)</t>
    <phoneticPr fontId="7"/>
  </si>
  <si>
    <t>神奈川県足柄上郡松田町松田惣領1646(地番)</t>
    <phoneticPr fontId="7"/>
  </si>
  <si>
    <t>神奈川県足柄上郡松田町松田惣領15-1(地番)</t>
    <phoneticPr fontId="7"/>
  </si>
  <si>
    <t>神奈川県足柄上郡松田町松田惣領436(地番)</t>
    <phoneticPr fontId="7"/>
  </si>
  <si>
    <t>神奈川県足柄上郡松田町松田庶子2062(地番)</t>
    <phoneticPr fontId="7"/>
  </si>
  <si>
    <t>神奈川県足柄上郡松田町松田惣領885(地番)</t>
    <phoneticPr fontId="7"/>
  </si>
  <si>
    <t>神奈川県足柄上郡松田町松田惣領2964-1(地番)</t>
    <phoneticPr fontId="7"/>
  </si>
  <si>
    <t>クライム遊具、駐車場：1時間100円（上限500円）（※イベント開催期間は変更する場合があります）</t>
    <rPh sb="4" eb="6">
      <t>ミングユウグ</t>
    </rPh>
    <rPh sb="7" eb="10">
      <t>チュウシャジョウ</t>
    </rPh>
    <rPh sb="12" eb="14">
      <t>ジカン</t>
    </rPh>
    <rPh sb="17" eb="18">
      <t>エン</t>
    </rPh>
    <rPh sb="19" eb="21">
      <t>ジョウゲン</t>
    </rPh>
    <rPh sb="24" eb="25">
      <t>エン</t>
    </rPh>
    <rPh sb="32" eb="34">
      <t>カイサイ</t>
    </rPh>
    <rPh sb="34" eb="36">
      <t>キカン</t>
    </rPh>
    <rPh sb="37" eb="39">
      <t>ヘンコウ</t>
    </rPh>
    <rPh sb="41" eb="43">
      <t>バアイ</t>
    </rPh>
    <phoneticPr fontId="7"/>
  </si>
  <si>
    <t>神奈川県足柄上郡松田町松田惣領3235(地番)</t>
    <phoneticPr fontId="7"/>
  </si>
  <si>
    <t>街区公園</t>
    <rPh sb="0" eb="4">
      <t>ガイクコウエン</t>
    </rPh>
    <phoneticPr fontId="7"/>
  </si>
  <si>
    <t>神奈川県足柄上郡松田町松田惣領1672-4(地番)</t>
    <phoneticPr fontId="7"/>
  </si>
  <si>
    <t>神奈川県足柄上郡松田町神山442-4(地番)</t>
    <phoneticPr fontId="7"/>
  </si>
  <si>
    <t>神奈川県足柄上郡松田町松田庶子920-3(地番)</t>
    <phoneticPr fontId="7"/>
  </si>
  <si>
    <t>神奈川県足柄上郡松田町神山643､644-1(地番)</t>
    <phoneticPr fontId="7"/>
  </si>
  <si>
    <t>神奈川県足柄上郡松田町松田庶子130-1(地番)</t>
    <phoneticPr fontId="7"/>
  </si>
  <si>
    <t>雲梯</t>
    <rPh sb="0" eb="2">
      <t>ウンテイ</t>
    </rPh>
    <phoneticPr fontId="7"/>
  </si>
  <si>
    <t>神奈川県足柄上郡松田町松田惣領606-1､611-3(地番)</t>
    <phoneticPr fontId="7"/>
  </si>
  <si>
    <t>街区公園</t>
    <rPh sb="0" eb="2">
      <t>ガイク</t>
    </rPh>
    <rPh sb="2" eb="4">
      <t>コウエン</t>
    </rPh>
    <phoneticPr fontId="3"/>
  </si>
  <si>
    <t>神奈川県足柄上郡松田町松田庶子571-72(地番)</t>
    <phoneticPr fontId="7"/>
  </si>
  <si>
    <t>神奈川県足柄上郡松田町松田惣領556-5､558-4(地番)</t>
    <phoneticPr fontId="7"/>
  </si>
  <si>
    <t>湯の沢児童遊園地</t>
    <phoneticPr fontId="7"/>
  </si>
  <si>
    <t>神奈川県足柄上郡松田町寄121-26(地番)</t>
    <phoneticPr fontId="7"/>
  </si>
  <si>
    <t>神奈川県足柄上郡松田町寄字2-121-26､130-8(地番)</t>
    <phoneticPr fontId="7"/>
  </si>
  <si>
    <t>2024年4月7日よりスケートパークが利用できます。</t>
    <rPh sb="4" eb="5">
      <t>ネン</t>
    </rPh>
    <rPh sb="6" eb="7">
      <t>ガツ</t>
    </rPh>
    <rPh sb="8" eb="9">
      <t>ニチ</t>
    </rPh>
    <rPh sb="19" eb="21">
      <t>リヨウ</t>
    </rPh>
    <phoneticPr fontId="7"/>
  </si>
  <si>
    <t>湯河原町</t>
    <rPh sb="0" eb="4">
      <t>ユガワラマチ</t>
    </rPh>
    <phoneticPr fontId="7"/>
  </si>
  <si>
    <t>若宮公園</t>
    <rPh sb="0" eb="4">
      <t>ワカミヤコウエン</t>
    </rPh>
    <phoneticPr fontId="7"/>
  </si>
  <si>
    <t>神奈川県足柄下郡湯河原町中央1-19-1</t>
    <phoneticPr fontId="7"/>
  </si>
  <si>
    <t>317950</t>
    <phoneticPr fontId="7"/>
  </si>
  <si>
    <t>愛川町</t>
  </si>
  <si>
    <t>春日台第5公園（やなぎ公園）</t>
  </si>
  <si>
    <t>午前9時～午後9時</t>
  </si>
  <si>
    <t>相模川緑地公園</t>
  </si>
  <si>
    <t>午前9時～午後8時</t>
  </si>
  <si>
    <t>http://www.town.aikawa.kanagawa.jp/shisetsu/sports/1433376716761.html</t>
  </si>
  <si>
    <t>八菅山いこいの森</t>
  </si>
  <si>
    <t>12月29日〜1月3日</t>
  </si>
  <si>
    <t>http://www.town.aikawa.kanagawa.jp/shisetsu/sports/1427771495621.html</t>
  </si>
  <si>
    <t>清川村</t>
  </si>
  <si>
    <t>https://www.town.kiyokawa.kanagawa.jp/soshiki/kyoikuinkai/syakaikyoiku/410.html
https://www.town.kiyokawa.kanagawa.jp/soshiki/kyoikuinkai/syakaikyoiku/409.html</t>
  </si>
  <si>
    <t>藤沢市</t>
    <rPh sb="0" eb="3">
      <t>フジサワシ</t>
    </rPh>
    <phoneticPr fontId="7"/>
  </si>
  <si>
    <t>下土棚遊水地公園</t>
    <rPh sb="0" eb="3">
      <t>シモツチダナ</t>
    </rPh>
    <rPh sb="3" eb="6">
      <t>ユウスイチ</t>
    </rPh>
    <rPh sb="6" eb="8">
      <t>コウエン</t>
    </rPh>
    <phoneticPr fontId="7"/>
  </si>
  <si>
    <t>神奈川県藤沢市下土棚字大下１２７４番２</t>
    <rPh sb="0" eb="4">
      <t>カナガワケン</t>
    </rPh>
    <phoneticPr fontId="7"/>
  </si>
  <si>
    <t>地区公園</t>
    <rPh sb="0" eb="2">
      <t>チク</t>
    </rPh>
    <rPh sb="2" eb="4">
      <t>コウエン</t>
    </rPh>
    <phoneticPr fontId="7"/>
  </si>
  <si>
    <t>吉野町公園</t>
    <rPh sb="0" eb="2">
      <t>ヨシノ</t>
    </rPh>
    <rPh sb="2" eb="3">
      <t>チョウ</t>
    </rPh>
    <rPh sb="3" eb="5">
      <t>コウエン</t>
    </rPh>
    <phoneticPr fontId="7"/>
  </si>
  <si>
    <t>神奈川県藤沢市本町一丁目１２８９番１</t>
    <rPh sb="0" eb="4">
      <t>カナガワケン</t>
    </rPh>
    <phoneticPr fontId="7"/>
  </si>
  <si>
    <t>075795</t>
  </si>
  <si>
    <t>075796</t>
  </si>
  <si>
    <t>116268</t>
  </si>
  <si>
    <t>名向崎緑地</t>
  </si>
  <si>
    <t>神奈川県三崎町小網代1023-1</t>
  </si>
  <si>
    <t>神奈川県小田原市久野4859-7</t>
    <rPh sb="0" eb="4">
      <t>カナガワケン</t>
    </rPh>
    <rPh sb="4" eb="8">
      <t>オダワラシ</t>
    </rPh>
    <rPh sb="8" eb="10">
      <t>クノ</t>
    </rPh>
    <phoneticPr fontId="7"/>
  </si>
  <si>
    <t>水土日祝の8:45~17:00</t>
    <rPh sb="0" eb="1">
      <t>スイ</t>
    </rPh>
    <phoneticPr fontId="7"/>
  </si>
  <si>
    <t>駐車場開場時間は8：30～17：30</t>
    <rPh sb="4" eb="5">
      <t>ジョウ</t>
    </rPh>
    <phoneticPr fontId="7"/>
  </si>
  <si>
    <t>駐車場開場時間は5：30～21：30</t>
    <rPh sb="4" eb="5">
      <t>ジョウ</t>
    </rPh>
    <phoneticPr fontId="7"/>
  </si>
  <si>
    <t>月1～2日程度、年末年始（12/29～1/3）</t>
    <rPh sb="4" eb="7">
      <t>ニチテイド</t>
    </rPh>
    <phoneticPr fontId="7"/>
  </si>
  <si>
    <t>駐車場の利用時間は午前8時30分～午後5時（５月～10月は午後6時まで）</t>
    <rPh sb="0" eb="3">
      <t>チュウシャジョウ</t>
    </rPh>
    <rPh sb="4" eb="6">
      <t>リヨウ</t>
    </rPh>
    <rPh sb="6" eb="8">
      <t>ジカン</t>
    </rPh>
    <phoneticPr fontId="7"/>
  </si>
  <si>
    <t>神奈川県高座郡寒川町一之宮4-2693-26（地番）</t>
    <phoneticPr fontId="7"/>
  </si>
  <si>
    <t>神奈川県高座郡寒川町一之宮6-2027-27（地番）</t>
    <phoneticPr fontId="7"/>
  </si>
  <si>
    <t>神奈川県高座郡寒川町宮山1088-6（地番）</t>
    <phoneticPr fontId="7"/>
  </si>
  <si>
    <t>神奈川県高座郡寒川町小谷1-596-23（地番）</t>
    <phoneticPr fontId="7"/>
  </si>
  <si>
    <t>神奈川県高座郡寒川町宮山3615-21（地番）</t>
    <phoneticPr fontId="7"/>
  </si>
  <si>
    <t>神奈川県高座郡寒川町一之宮9-106-16（地番）</t>
    <phoneticPr fontId="7"/>
  </si>
  <si>
    <t>神奈川県高座郡寒川町小谷2-1180-29（地番）</t>
    <phoneticPr fontId="7"/>
  </si>
  <si>
    <t>神奈川県高座郡寒川町大曲1-6-11ほか（地番）</t>
    <phoneticPr fontId="7"/>
  </si>
  <si>
    <t>神奈川県高座郡寒川町倉見2011-30（地番）</t>
    <phoneticPr fontId="7"/>
  </si>
  <si>
    <t>神奈川県高座郡寒川町岡田1-19（地番）</t>
    <phoneticPr fontId="7"/>
  </si>
  <si>
    <t>神奈川県高座郡寒川町倉見2101-23（地番）</t>
    <phoneticPr fontId="7"/>
  </si>
  <si>
    <t>神奈川県高座郡寒川町宮山1305-11ほか（地番）</t>
    <phoneticPr fontId="7"/>
  </si>
  <si>
    <t>神奈川県高座郡寒川町宮山3504-12（地番）</t>
    <phoneticPr fontId="7"/>
  </si>
  <si>
    <t>神奈川県高座郡寒川町倉見1392-9ほか（地番）</t>
    <phoneticPr fontId="7"/>
  </si>
  <si>
    <t>神奈川県高座郡寒川町大曲2-96-1ほか（地番）</t>
    <phoneticPr fontId="7"/>
  </si>
  <si>
    <t>神奈川県高座郡寒川町一之宮7-1443-8ほか（地番）</t>
    <phoneticPr fontId="7"/>
  </si>
  <si>
    <t>神奈川県高座郡寒川町倉見2179-2ほか（地番）</t>
    <phoneticPr fontId="7"/>
  </si>
  <si>
    <t>神奈川県高座郡寒川町岡田7-2826-33ほか（地番）</t>
    <phoneticPr fontId="7"/>
  </si>
  <si>
    <t>神奈川県高座郡寒川町倉見411ほか（地番）</t>
    <phoneticPr fontId="7"/>
  </si>
  <si>
    <t>神奈川県高座郡寒川町岡田1-28（地番）</t>
    <phoneticPr fontId="7"/>
  </si>
  <si>
    <t>神奈川県高座郡寒川町宮山500-26（地番）</t>
    <phoneticPr fontId="7"/>
  </si>
  <si>
    <t>神奈川県高座郡寒川町岡田8-329-2ほか（地番）</t>
    <phoneticPr fontId="7"/>
  </si>
  <si>
    <t>神奈川県高座郡寒川町宮山1666-1（地番）</t>
    <phoneticPr fontId="7"/>
  </si>
  <si>
    <t>神奈川県高座郡寒川町岡田8-212-4（地番）</t>
    <phoneticPr fontId="7"/>
  </si>
  <si>
    <t>神奈川県高座郡寒川町宮山2041-1ほか（地番）</t>
    <phoneticPr fontId="7"/>
  </si>
  <si>
    <t>神奈川県高座郡寒川町岡田1-13（地番）</t>
    <phoneticPr fontId="7"/>
  </si>
  <si>
    <t>神奈川県高座郡寒川町田端569ほか（地番）</t>
    <phoneticPr fontId="7"/>
  </si>
  <si>
    <t>神奈川県高座郡寒川町一之宮9-155-1ほか（地番）</t>
    <phoneticPr fontId="7"/>
  </si>
  <si>
    <t>神奈川県高座郡寒川町宮山1303-1（地番）</t>
    <phoneticPr fontId="7"/>
  </si>
  <si>
    <t>神奈川県高座郡寒川町岡田7-2861-95ほか（地番）</t>
    <phoneticPr fontId="7"/>
  </si>
  <si>
    <t>神奈川県高座郡寒川町宮山3030-2ほか（地番）</t>
    <phoneticPr fontId="7"/>
  </si>
  <si>
    <t>神奈川県高座郡寒川町一之宮4-2179-2ほか（地番）</t>
    <phoneticPr fontId="7"/>
  </si>
  <si>
    <t>神奈川県高座郡寒川町倉見1082ほか（地番）</t>
    <phoneticPr fontId="7"/>
  </si>
  <si>
    <t>神奈川県高座郡寒川町一之宮7-1460-11（地番）</t>
    <phoneticPr fontId="7"/>
  </si>
  <si>
    <t>神奈川県高座郡寒川町一之宮7-1460-10（地番）</t>
    <phoneticPr fontId="7"/>
  </si>
  <si>
    <t>神奈川県高座郡寒川町一之宮7-1460-12（地番）</t>
    <phoneticPr fontId="7"/>
  </si>
  <si>
    <t>神奈川県高座郡寒川町一之宮3-2976-2ほか（地番）</t>
    <phoneticPr fontId="7"/>
  </si>
  <si>
    <t>神奈川県高座郡寒川町一之宮3-2172-1ほか（地番）</t>
    <phoneticPr fontId="7"/>
  </si>
  <si>
    <t>神奈川県高座郡寒川町宮山275ほか（地番）</t>
    <phoneticPr fontId="7"/>
  </si>
  <si>
    <t>神奈川県高座郡寒川町一之宮3003-1ほか（地番）</t>
    <phoneticPr fontId="7"/>
  </si>
  <si>
    <t>神奈川県高座郡寒川町小動621-3（地番）</t>
    <phoneticPr fontId="7"/>
  </si>
  <si>
    <t>神奈川県高座郡寒川町小谷2-753-94（地番）</t>
    <rPh sb="0" eb="4">
      <t>カナガワケン</t>
    </rPh>
    <rPh sb="4" eb="7">
      <t>コウザグン</t>
    </rPh>
    <rPh sb="7" eb="10">
      <t>サムカワマチ</t>
    </rPh>
    <rPh sb="10" eb="12">
      <t>コヤト</t>
    </rPh>
    <phoneticPr fontId="7"/>
  </si>
  <si>
    <t>神奈川県足柄下郡湯河原町宮上556</t>
    <phoneticPr fontId="7"/>
  </si>
  <si>
    <t>アスレチック遊具20基あり</t>
    <rPh sb="6" eb="8">
      <t>ユウグ</t>
    </rPh>
    <rPh sb="10" eb="11">
      <t>キ</t>
    </rPh>
    <phoneticPr fontId="7"/>
  </si>
  <si>
    <t>神奈川県横浜市中区本牧緑ｹ丘69-3</t>
  </si>
  <si>
    <t>日限山港南プラザ公園</t>
    <rPh sb="0" eb="3">
      <t>ヒギリヤマ</t>
    </rPh>
    <rPh sb="3" eb="5">
      <t>コウナン</t>
    </rPh>
    <rPh sb="8" eb="10">
      <t>コウエン</t>
    </rPh>
    <phoneticPr fontId="2"/>
  </si>
  <si>
    <t>西洗公園</t>
    <rPh sb="0" eb="1">
      <t>ニシ</t>
    </rPh>
    <rPh sb="1" eb="2">
      <t>アラ</t>
    </rPh>
    <rPh sb="2" eb="4">
      <t>コウエン</t>
    </rPh>
    <phoneticPr fontId="2"/>
  </si>
  <si>
    <t>神奈川県横浜市旭区今宿一丁目20</t>
  </si>
  <si>
    <t>日限山こどもスポーツ公園</t>
    <rPh sb="0" eb="3">
      <t>ヒギリヤマ</t>
    </rPh>
    <rPh sb="10" eb="12">
      <t>コウエン</t>
    </rPh>
    <phoneticPr fontId="2"/>
  </si>
  <si>
    <t>仏向原ふれあい公園</t>
    <rPh sb="0" eb="2">
      <t>ブッコウ</t>
    </rPh>
    <rPh sb="2" eb="3">
      <t>ハラ</t>
    </rPh>
    <rPh sb="7" eb="9">
      <t>コウエン</t>
    </rPh>
    <phoneticPr fontId="2"/>
  </si>
  <si>
    <t>帷子川緑道</t>
    <rPh sb="0" eb="2">
      <t>カタビラ</t>
    </rPh>
    <rPh sb="2" eb="3">
      <t>ガワ</t>
    </rPh>
    <rPh sb="3" eb="5">
      <t>リョクドウ</t>
    </rPh>
    <phoneticPr fontId="2"/>
  </si>
  <si>
    <t>大久保二丁目公園</t>
    <rPh sb="0" eb="3">
      <t>オオクボ</t>
    </rPh>
    <rPh sb="3" eb="6">
      <t>ニチョウメ</t>
    </rPh>
    <rPh sb="6" eb="8">
      <t>コウエン</t>
    </rPh>
    <phoneticPr fontId="2"/>
  </si>
  <si>
    <t>今井町大上公園</t>
    <rPh sb="0" eb="2">
      <t>イマイ</t>
    </rPh>
    <rPh sb="2" eb="3">
      <t>チョウ</t>
    </rPh>
    <rPh sb="3" eb="5">
      <t>オオカミ</t>
    </rPh>
    <rPh sb="5" eb="7">
      <t>コウエン</t>
    </rPh>
    <phoneticPr fontId="2"/>
  </si>
  <si>
    <t>奈良町さくら緑地</t>
    <rPh sb="0" eb="3">
      <t>ナラチョウ</t>
    </rPh>
    <rPh sb="6" eb="8">
      <t>リョクチ</t>
    </rPh>
    <phoneticPr fontId="2"/>
  </si>
  <si>
    <t>六角橋四丁目公園</t>
    <rPh sb="0" eb="2">
      <t>ロッカク</t>
    </rPh>
    <rPh sb="2" eb="3">
      <t>バシ</t>
    </rPh>
    <rPh sb="3" eb="6">
      <t>ヨンチョウメ</t>
    </rPh>
    <rPh sb="6" eb="8">
      <t>コウエン</t>
    </rPh>
    <phoneticPr fontId="2"/>
  </si>
  <si>
    <t>小菅ケ谷公園</t>
    <rPh sb="0" eb="4">
      <t>コスガヤ</t>
    </rPh>
    <rPh sb="4" eb="6">
      <t>コウエン</t>
    </rPh>
    <phoneticPr fontId="2"/>
  </si>
  <si>
    <t>阿久和富士見小金台公園</t>
    <rPh sb="0" eb="3">
      <t>アクワ</t>
    </rPh>
    <rPh sb="3" eb="6">
      <t>フジミ</t>
    </rPh>
    <rPh sb="6" eb="9">
      <t>コガネダイ</t>
    </rPh>
    <rPh sb="9" eb="11">
      <t>コウエン</t>
    </rPh>
    <phoneticPr fontId="2"/>
  </si>
  <si>
    <t>矢部トンネルの丘公園</t>
    <rPh sb="0" eb="2">
      <t>ヤベ</t>
    </rPh>
    <rPh sb="7" eb="8">
      <t>オカ</t>
    </rPh>
    <rPh sb="8" eb="10">
      <t>コウエン</t>
    </rPh>
    <phoneticPr fontId="2"/>
  </si>
  <si>
    <t>吉田電車の見える公園</t>
    <rPh sb="0" eb="2">
      <t>ヨシダ</t>
    </rPh>
    <rPh sb="2" eb="4">
      <t>デンシャ</t>
    </rPh>
    <rPh sb="5" eb="6">
      <t>ミ</t>
    </rPh>
    <rPh sb="8" eb="10">
      <t>コウエン</t>
    </rPh>
    <phoneticPr fontId="2"/>
  </si>
  <si>
    <t>汐見台二丁目公園</t>
    <rPh sb="0" eb="3">
      <t>シオミダイ</t>
    </rPh>
    <rPh sb="3" eb="6">
      <t>ニチョウメ</t>
    </rPh>
    <rPh sb="6" eb="8">
      <t>コウエン</t>
    </rPh>
    <phoneticPr fontId="2"/>
  </si>
  <si>
    <t>上星川三丁目公園</t>
    <rPh sb="0" eb="3">
      <t>カミホシカワ</t>
    </rPh>
    <rPh sb="3" eb="6">
      <t>サンチョウメ</t>
    </rPh>
    <rPh sb="6" eb="8">
      <t>コウエン</t>
    </rPh>
    <phoneticPr fontId="2"/>
  </si>
  <si>
    <t>三ツ境第九公園</t>
    <rPh sb="0" eb="1">
      <t>ミ</t>
    </rPh>
    <rPh sb="2" eb="3">
      <t>キョウ</t>
    </rPh>
    <rPh sb="3" eb="5">
      <t>ダイキュウ</t>
    </rPh>
    <rPh sb="5" eb="7">
      <t>コウエン</t>
    </rPh>
    <phoneticPr fontId="2"/>
  </si>
  <si>
    <t>岡村西公園</t>
    <rPh sb="0" eb="2">
      <t>オカムラ</t>
    </rPh>
    <rPh sb="2" eb="3">
      <t>ニシ</t>
    </rPh>
    <rPh sb="3" eb="5">
      <t>コウエン</t>
    </rPh>
    <phoneticPr fontId="2"/>
  </si>
  <si>
    <t>街区公園</t>
    <rPh sb="0" eb="2">
      <t>ガイク</t>
    </rPh>
    <rPh sb="2" eb="4">
      <t>コウエン</t>
    </rPh>
    <phoneticPr fontId="2"/>
  </si>
  <si>
    <t>広域公園</t>
    <rPh sb="0" eb="2">
      <t>コウイキ</t>
    </rPh>
    <rPh sb="2" eb="4">
      <t>コウエン</t>
    </rPh>
    <phoneticPr fontId="2"/>
  </si>
  <si>
    <t>都市緑地</t>
    <rPh sb="0" eb="2">
      <t>トシ</t>
    </rPh>
    <rPh sb="2" eb="4">
      <t>リョクチ</t>
    </rPh>
    <phoneticPr fontId="2"/>
  </si>
  <si>
    <t>汐見台一丁目公園</t>
    <rPh sb="0" eb="3">
      <t>シオミダイ</t>
    </rPh>
    <rPh sb="3" eb="6">
      <t>イッチョウメ</t>
    </rPh>
    <rPh sb="6" eb="8">
      <t>コウエン</t>
    </rPh>
    <phoneticPr fontId="2"/>
  </si>
  <si>
    <t>笠間岩井口公園</t>
    <rPh sb="0" eb="5">
      <t>カサマイワイグチ</t>
    </rPh>
    <rPh sb="5" eb="7">
      <t>コウエン</t>
    </rPh>
    <phoneticPr fontId="2"/>
  </si>
  <si>
    <t>舞岡八幡山しぜん公園</t>
    <rPh sb="0" eb="2">
      <t>マイオカ</t>
    </rPh>
    <rPh sb="2" eb="5">
      <t>ハチマンヤマ</t>
    </rPh>
    <rPh sb="8" eb="10">
      <t>コウエン</t>
    </rPh>
    <phoneticPr fontId="2"/>
  </si>
  <si>
    <t>総合公園</t>
    <rPh sb="0" eb="4">
      <t>ソウゴウコウエン</t>
    </rPh>
    <phoneticPr fontId="2"/>
  </si>
  <si>
    <t>東寺尾四丁目第二公園</t>
    <rPh sb="0" eb="3">
      <t>ヒガシテラオ</t>
    </rPh>
    <rPh sb="3" eb="6">
      <t>ヨンチョウメ</t>
    </rPh>
    <rPh sb="6" eb="10">
      <t>ダイニコウエン</t>
    </rPh>
    <phoneticPr fontId="2"/>
  </si>
  <si>
    <t>鴨志田上谷戸公園</t>
    <rPh sb="0" eb="3">
      <t>カモシダ</t>
    </rPh>
    <rPh sb="3" eb="4">
      <t>カミ</t>
    </rPh>
    <rPh sb="4" eb="6">
      <t>ヤト</t>
    </rPh>
    <rPh sb="6" eb="8">
      <t>コウエン</t>
    </rPh>
    <phoneticPr fontId="2"/>
  </si>
  <si>
    <t>街区公園</t>
    <rPh sb="0" eb="4">
      <t>ガイクコウエン</t>
    </rPh>
    <phoneticPr fontId="2"/>
  </si>
  <si>
    <t>川向ふれあい公園</t>
    <rPh sb="0" eb="2">
      <t>カワムカイ</t>
    </rPh>
    <rPh sb="6" eb="8">
      <t>コウエン</t>
    </rPh>
    <phoneticPr fontId="2"/>
  </si>
  <si>
    <t>四ノ区公園</t>
    <rPh sb="0" eb="1">
      <t>ヨン</t>
    </rPh>
    <rPh sb="2" eb="3">
      <t>ク</t>
    </rPh>
    <rPh sb="3" eb="5">
      <t>コウエン</t>
    </rPh>
    <phoneticPr fontId="2"/>
  </si>
  <si>
    <t>下瀬谷二丁目第二公園</t>
    <rPh sb="0" eb="3">
      <t>シモセヤ</t>
    </rPh>
    <rPh sb="3" eb="8">
      <t>ニチョウメダイニ</t>
    </rPh>
    <rPh sb="8" eb="10">
      <t>コウエン</t>
    </rPh>
    <phoneticPr fontId="2"/>
  </si>
  <si>
    <t>012744</t>
    <phoneticPr fontId="7"/>
  </si>
  <si>
    <t>横浜市</t>
    <rPh sb="0" eb="3">
      <t>ヨコハマシ</t>
    </rPh>
    <phoneticPr fontId="10"/>
  </si>
  <si>
    <t>北寺尾六丁目サムエル公園</t>
  </si>
  <si>
    <t>神奈川県横浜市鶴見区北寺尾六丁目4</t>
  </si>
  <si>
    <t>012745</t>
    <phoneticPr fontId="7"/>
  </si>
  <si>
    <t>岸谷四丁目第二公園</t>
  </si>
  <si>
    <t>神奈川県横浜市鶴見区岸谷四丁目34番</t>
  </si>
  <si>
    <t>012746</t>
    <phoneticPr fontId="7"/>
  </si>
  <si>
    <t>片倉一丁目第二公園</t>
  </si>
  <si>
    <t>神奈川県横浜市神奈川区片倉一丁目28</t>
  </si>
  <si>
    <t>012747</t>
    <phoneticPr fontId="7"/>
  </si>
  <si>
    <t>鳥山町馬込公園</t>
  </si>
  <si>
    <t>神奈川県横浜市港北区鳥山町331-2</t>
  </si>
  <si>
    <t>012748</t>
    <phoneticPr fontId="7"/>
  </si>
  <si>
    <t>岡津領家谷公園</t>
  </si>
  <si>
    <t>神奈川県横浜市泉区岡津町1330-7</t>
  </si>
  <si>
    <t>012749</t>
    <phoneticPr fontId="7"/>
  </si>
  <si>
    <t>森四丁目第六公園</t>
  </si>
  <si>
    <t>神奈川県横浜市磯子区森四丁目321番1</t>
  </si>
  <si>
    <t>012750</t>
    <phoneticPr fontId="7"/>
  </si>
  <si>
    <t>上の宮一丁目第二公園</t>
  </si>
  <si>
    <t>神奈川県横浜市鶴見区上の宮一丁目35番4</t>
  </si>
  <si>
    <t>012751</t>
    <phoneticPr fontId="7"/>
  </si>
  <si>
    <t>中尾町かがやき公園</t>
  </si>
  <si>
    <t>神奈川県横浜市旭区中尾町一丁目51番15</t>
    <rPh sb="17" eb="18">
      <t>バン</t>
    </rPh>
    <phoneticPr fontId="7"/>
  </si>
  <si>
    <t>012752</t>
    <phoneticPr fontId="7"/>
  </si>
  <si>
    <t>西戸部町二丁目第二公園</t>
  </si>
  <si>
    <t>神奈川県横浜市西区西戸部町二丁目144番1</t>
  </si>
  <si>
    <t>橘樹歴史公園</t>
    <phoneticPr fontId="7"/>
  </si>
  <si>
    <r>
      <rPr>
        <sz val="10"/>
        <color rgb="FFFF0000"/>
        <rFont val="ＭＳ Ｐゴシック"/>
        <family val="3"/>
        <charset val="128"/>
        <scheme val="major"/>
      </rPr>
      <t>神奈川県川崎市</t>
    </r>
    <r>
      <rPr>
        <sz val="10"/>
        <color theme="1"/>
        <rFont val="ＭＳ Ｐゴシック"/>
        <family val="3"/>
        <charset val="128"/>
        <scheme val="major"/>
      </rPr>
      <t>高津区下作延５丁目１番１９</t>
    </r>
    <rPh sb="0" eb="4">
      <t>カナガワケン</t>
    </rPh>
    <rPh sb="4" eb="7">
      <t>カワサキシ</t>
    </rPh>
    <phoneticPr fontId="7"/>
  </si>
  <si>
    <r>
      <rPr>
        <sz val="10"/>
        <color rgb="FFFF0000"/>
        <rFont val="ＭＳ Ｐゴシック"/>
        <family val="3"/>
        <charset val="128"/>
        <scheme val="major"/>
      </rPr>
      <t>神奈川県川崎市</t>
    </r>
    <r>
      <rPr>
        <sz val="10"/>
        <color theme="1"/>
        <rFont val="ＭＳ Ｐゴシック"/>
        <family val="3"/>
        <charset val="128"/>
        <scheme val="major"/>
      </rPr>
      <t>麻生区栗木台２丁目３番９号</t>
    </r>
    <rPh sb="0" eb="4">
      <t>カナガワケン</t>
    </rPh>
    <rPh sb="4" eb="7">
      <t>カワサキシ</t>
    </rPh>
    <phoneticPr fontId="7"/>
  </si>
  <si>
    <r>
      <rPr>
        <sz val="10"/>
        <color rgb="FFFF0000"/>
        <rFont val="ＭＳ Ｐゴシック"/>
        <family val="3"/>
        <charset val="128"/>
        <scheme val="major"/>
      </rPr>
      <t>神奈川県</t>
    </r>
    <r>
      <rPr>
        <sz val="10"/>
        <color theme="1"/>
        <rFont val="ＭＳ Ｐゴシック"/>
        <family val="3"/>
        <charset val="128"/>
        <scheme val="major"/>
      </rPr>
      <t>川崎市多摩区登戸３３５１番９</t>
    </r>
    <rPh sb="0" eb="4">
      <t>カナガワケン</t>
    </rPh>
    <rPh sb="4" eb="6">
      <t>カワサキ</t>
    </rPh>
    <rPh sb="6" eb="7">
      <t>シ</t>
    </rPh>
    <rPh sb="7" eb="9">
      <t>タマ</t>
    </rPh>
    <phoneticPr fontId="7"/>
  </si>
  <si>
    <t>024038</t>
    <phoneticPr fontId="7"/>
  </si>
  <si>
    <t>寺尾台２丁目まちかどポケットパーク</t>
    <rPh sb="0" eb="3">
      <t>テラオダイ</t>
    </rPh>
    <rPh sb="4" eb="6">
      <t>チョウメ</t>
    </rPh>
    <phoneticPr fontId="1"/>
  </si>
  <si>
    <t>神奈川県川崎市多摩区寺尾台二丁目4番63</t>
    <rPh sb="0" eb="4">
      <t>カナガワケン</t>
    </rPh>
    <rPh sb="4" eb="7">
      <t>カワサキシ</t>
    </rPh>
    <phoneticPr fontId="7"/>
  </si>
  <si>
    <t>024039</t>
    <phoneticPr fontId="7"/>
  </si>
  <si>
    <t>久本3丁目はなのき公園</t>
  </si>
  <si>
    <t>神奈川県川崎市高津区久本三丁目54-6</t>
    <rPh sb="0" eb="7">
      <t>カナガワケンカワサキシ</t>
    </rPh>
    <phoneticPr fontId="7"/>
  </si>
  <si>
    <t>024040</t>
    <phoneticPr fontId="7"/>
  </si>
  <si>
    <t>登戸いこい公園</t>
    <phoneticPr fontId="7"/>
  </si>
  <si>
    <t>神奈川県川崎市多摩区登戸2779番12</t>
    <rPh sb="0" eb="7">
      <t>カナガワケンカワサキシ</t>
    </rPh>
    <phoneticPr fontId="7"/>
  </si>
  <si>
    <t>024041</t>
    <phoneticPr fontId="7"/>
  </si>
  <si>
    <t>西長沢公園</t>
    <phoneticPr fontId="7"/>
  </si>
  <si>
    <t>神奈川県川崎市宮前区潮見台4番2号</t>
    <rPh sb="0" eb="7">
      <t>カナガワケンカワサキシ</t>
    </rPh>
    <phoneticPr fontId="7"/>
  </si>
  <si>
    <t>024042</t>
    <phoneticPr fontId="7"/>
  </si>
  <si>
    <t>田町緑道</t>
    <phoneticPr fontId="7"/>
  </si>
  <si>
    <t>神奈川県川崎市川崎区田町2丁目18番1</t>
    <rPh sb="0" eb="7">
      <t>カナガワケンカワサキシ</t>
    </rPh>
    <phoneticPr fontId="7"/>
  </si>
  <si>
    <t>024043</t>
    <phoneticPr fontId="7"/>
  </si>
  <si>
    <t>片平富士塚公園</t>
  </si>
  <si>
    <t>神奈川県川崎市麻生区片平1844番19</t>
    <rPh sb="0" eb="7">
      <t>カナガワケンカワサキシ</t>
    </rPh>
    <phoneticPr fontId="7"/>
  </si>
  <si>
    <t>024044</t>
    <phoneticPr fontId="7"/>
  </si>
  <si>
    <t>犬蔵ふれあい公園</t>
    <phoneticPr fontId="7"/>
  </si>
  <si>
    <t>神奈川県川崎市宮前区犬蔵2丁目16番</t>
    <rPh sb="0" eb="7">
      <t>カナガワケンカワサキシ</t>
    </rPh>
    <phoneticPr fontId="7"/>
  </si>
  <si>
    <r>
      <rPr>
        <sz val="10"/>
        <color rgb="FFFF0000"/>
        <rFont val="ＭＳ Ｐゴシック"/>
        <family val="3"/>
        <charset val="128"/>
      </rPr>
      <t>神奈川県</t>
    </r>
    <r>
      <rPr>
        <sz val="10"/>
        <color theme="1"/>
        <rFont val="ＭＳ Ｐゴシック"/>
        <family val="3"/>
        <charset val="128"/>
      </rPr>
      <t>相模原市中央区清新6丁目89-60</t>
    </r>
    <rPh sb="0" eb="4">
      <t>カナガワケン</t>
    </rPh>
    <phoneticPr fontId="7"/>
  </si>
  <si>
    <r>
      <rPr>
        <sz val="10"/>
        <color rgb="FFFF0000"/>
        <rFont val="ＭＳ Ｐゴシック"/>
        <family val="3"/>
        <charset val="128"/>
      </rPr>
      <t>神奈川県</t>
    </r>
    <r>
      <rPr>
        <sz val="10"/>
        <color theme="1"/>
        <rFont val="ＭＳ Ｐゴシック"/>
        <family val="3"/>
        <charset val="128"/>
      </rPr>
      <t>相模原市南区双葉1丁目5737-714</t>
    </r>
    <phoneticPr fontId="7"/>
  </si>
  <si>
    <r>
      <rPr>
        <sz val="10"/>
        <color rgb="FFFF0000"/>
        <rFont val="ＭＳ Ｐゴシック"/>
        <family val="3"/>
        <charset val="128"/>
      </rPr>
      <t>神奈川県</t>
    </r>
    <r>
      <rPr>
        <sz val="10"/>
        <color theme="1"/>
        <rFont val="ＭＳ Ｐゴシック"/>
        <family val="3"/>
        <charset val="128"/>
      </rPr>
      <t>相模原市緑区鳥屋1189-19</t>
    </r>
    <phoneticPr fontId="7"/>
  </si>
  <si>
    <t>大野台ピース公園</t>
    <rPh sb="0" eb="3">
      <t>オオノダイ</t>
    </rPh>
    <rPh sb="6" eb="8">
      <t>コウエン</t>
    </rPh>
    <phoneticPr fontId="7"/>
  </si>
  <si>
    <t>神奈川県相模原市大野台６丁目２２０９番５４１</t>
    <phoneticPr fontId="7"/>
  </si>
  <si>
    <t>本久こもれび公園</t>
    <rPh sb="0" eb="1">
      <t>ホン</t>
    </rPh>
    <rPh sb="1" eb="2">
      <t>ク</t>
    </rPh>
    <rPh sb="6" eb="8">
      <t>コウエン</t>
    </rPh>
    <phoneticPr fontId="7"/>
  </si>
  <si>
    <t>神奈川県相模原市中央区上溝３１５８番４</t>
    <phoneticPr fontId="7"/>
  </si>
  <si>
    <t>上鶴間８丁目緑地</t>
    <rPh sb="0" eb="3">
      <t>カミツルマ</t>
    </rPh>
    <rPh sb="4" eb="6">
      <t>チョウメ</t>
    </rPh>
    <rPh sb="6" eb="8">
      <t>リョクチ</t>
    </rPh>
    <phoneticPr fontId="7"/>
  </si>
  <si>
    <t>神奈川県相模原市南区上鶴間8丁目18番、20番</t>
    <phoneticPr fontId="7"/>
  </si>
  <si>
    <t>上鶴間４丁目緑地</t>
    <rPh sb="0" eb="3">
      <t>カミツルマ</t>
    </rPh>
    <rPh sb="4" eb="6">
      <t>チョウメ</t>
    </rPh>
    <rPh sb="6" eb="8">
      <t>リョクチ</t>
    </rPh>
    <phoneticPr fontId="7"/>
  </si>
  <si>
    <t>神奈川県相模原市南区上鶴間４丁目30番</t>
    <phoneticPr fontId="7"/>
  </si>
  <si>
    <t>下溝１号緑地</t>
    <phoneticPr fontId="7"/>
  </si>
  <si>
    <t>神奈川県相模原市南区下溝274</t>
    <phoneticPr fontId="7"/>
  </si>
  <si>
    <t>大野台７丁目緑地</t>
    <rPh sb="0" eb="3">
      <t>オオノダイ</t>
    </rPh>
    <rPh sb="4" eb="6">
      <t>チョウメ</t>
    </rPh>
    <rPh sb="6" eb="8">
      <t>リョクチ</t>
    </rPh>
    <phoneticPr fontId="7"/>
  </si>
  <si>
    <t>神奈川県相模原市中央区大野台7丁目2590番地1</t>
    <phoneticPr fontId="7"/>
  </si>
  <si>
    <t>古淵４丁目緑地</t>
    <phoneticPr fontId="7"/>
  </si>
  <si>
    <t>神奈川県相模原市南区古淵4丁目1769番地1</t>
    <phoneticPr fontId="7"/>
  </si>
  <si>
    <t>下溝２号緑地</t>
    <phoneticPr fontId="7"/>
  </si>
  <si>
    <t>神奈川県相模原市南区下溝袋沢2322番地2</t>
    <phoneticPr fontId="7"/>
  </si>
  <si>
    <t>鵜野森１丁目緑地</t>
    <phoneticPr fontId="7"/>
  </si>
  <si>
    <t>神奈川県相模原市南区鵜野森1丁目633－112</t>
    <phoneticPr fontId="7"/>
  </si>
  <si>
    <t>麻溝台緑地</t>
    <phoneticPr fontId="7"/>
  </si>
  <si>
    <t>神奈川県相模原市南区麻溝台704－1</t>
    <phoneticPr fontId="7"/>
  </si>
  <si>
    <t>下九沢緑地</t>
    <phoneticPr fontId="7"/>
  </si>
  <si>
    <t>神奈川県相模原市中央区下九沢1225－5</t>
    <phoneticPr fontId="7"/>
  </si>
  <si>
    <t>田名塩田１号緑地</t>
    <phoneticPr fontId="7"/>
  </si>
  <si>
    <t>神奈川県相模原市中央区田名塩田1丁目10204－1</t>
    <phoneticPr fontId="7"/>
  </si>
  <si>
    <t>田名塩田２号緑地</t>
    <phoneticPr fontId="7"/>
  </si>
  <si>
    <t>神奈川県相模原市中央区田名塩田2丁目222</t>
    <phoneticPr fontId="7"/>
  </si>
  <si>
    <t>田名塩田３号緑地</t>
    <phoneticPr fontId="7"/>
  </si>
  <si>
    <t>神奈川県相模原市中央区田名塩田3丁目361</t>
    <phoneticPr fontId="7"/>
  </si>
  <si>
    <t>水源緑地</t>
    <phoneticPr fontId="7"/>
  </si>
  <si>
    <t>神奈川県相模原市緑区城山1丁目101番2外</t>
    <phoneticPr fontId="7"/>
  </si>
  <si>
    <t>若葉台北面緑地</t>
    <phoneticPr fontId="7"/>
  </si>
  <si>
    <t>神奈川県相模原市緑区若葉台7丁目20番8外</t>
    <phoneticPr fontId="7"/>
  </si>
  <si>
    <t>地区計画地区施設緑地</t>
    <phoneticPr fontId="7"/>
  </si>
  <si>
    <t>神奈川県相模原市緑区若葉台1丁目9番19外</t>
    <phoneticPr fontId="7"/>
  </si>
  <si>
    <t>南側市街化区域内緑地</t>
    <phoneticPr fontId="7"/>
  </si>
  <si>
    <t>神奈川県相模原市緑区若葉台3丁目2番36外</t>
    <phoneticPr fontId="7"/>
  </si>
  <si>
    <t>道保川緑地</t>
    <phoneticPr fontId="7"/>
  </si>
  <si>
    <t>神奈川県相模原市南区磯部地内</t>
    <phoneticPr fontId="7"/>
  </si>
  <si>
    <t>034610</t>
  </si>
  <si>
    <t>034611</t>
  </si>
  <si>
    <t>034612</t>
  </si>
  <si>
    <t>034613</t>
  </si>
  <si>
    <t>034614</t>
  </si>
  <si>
    <t>034615</t>
  </si>
  <si>
    <t>034616</t>
  </si>
  <si>
    <t>034617</t>
  </si>
  <si>
    <t>034618</t>
  </si>
  <si>
    <t>034619</t>
  </si>
  <si>
    <t>034620</t>
  </si>
  <si>
    <t>034621</t>
  </si>
  <si>
    <t>034622</t>
  </si>
  <si>
    <t>034623</t>
  </si>
  <si>
    <t>034624</t>
  </si>
  <si>
    <t>034625</t>
  </si>
  <si>
    <t>034626</t>
  </si>
  <si>
    <t>034627</t>
  </si>
  <si>
    <t>034628</t>
  </si>
  <si>
    <t>大矢部みどりの公園</t>
    <rPh sb="0" eb="3">
      <t>オオヤベ</t>
    </rPh>
    <rPh sb="7" eb="9">
      <t>コウエン</t>
    </rPh>
    <phoneticPr fontId="7"/>
  </si>
  <si>
    <t>佐島の丘２丁目第３都市林</t>
    <rPh sb="0" eb="2">
      <t>サジマ</t>
    </rPh>
    <rPh sb="3" eb="4">
      <t>オカ</t>
    </rPh>
    <rPh sb="5" eb="7">
      <t>チョウメ</t>
    </rPh>
    <rPh sb="7" eb="8">
      <t>ダイ</t>
    </rPh>
    <rPh sb="9" eb="11">
      <t>トシ</t>
    </rPh>
    <rPh sb="11" eb="12">
      <t>ハヤシ</t>
    </rPh>
    <phoneticPr fontId="7"/>
  </si>
  <si>
    <t>神奈川県横須賀市佐島２</t>
    <rPh sb="8" eb="10">
      <t>サジマ</t>
    </rPh>
    <phoneticPr fontId="7"/>
  </si>
  <si>
    <t>045097</t>
  </si>
  <si>
    <r>
      <t>神奈川県平塚市万田</t>
    </r>
    <r>
      <rPr>
        <sz val="10"/>
        <color rgb="FFFF0000"/>
        <rFont val="ＭＳ Ｐゴシック"/>
        <family val="3"/>
        <charset val="128"/>
        <scheme val="major"/>
      </rPr>
      <t>一丁目</t>
    </r>
    <r>
      <rPr>
        <sz val="10"/>
        <color theme="1"/>
        <rFont val="ＭＳ Ｐゴシック"/>
        <family val="3"/>
        <charset val="128"/>
        <scheme val="major"/>
      </rPr>
      <t>18-2</t>
    </r>
    <rPh sb="9" eb="12">
      <t>イッチョウメ</t>
    </rPh>
    <phoneticPr fontId="7"/>
  </si>
  <si>
    <r>
      <t>神奈川県平塚市大神</t>
    </r>
    <r>
      <rPr>
        <sz val="10"/>
        <color rgb="FFFF0000"/>
        <rFont val="ＭＳ Ｐゴシック"/>
        <family val="3"/>
        <charset val="128"/>
        <scheme val="major"/>
      </rPr>
      <t>五丁目</t>
    </r>
    <r>
      <rPr>
        <sz val="10"/>
        <color theme="1"/>
        <rFont val="ＭＳ Ｐゴシック"/>
        <family val="3"/>
        <charset val="128"/>
        <scheme val="major"/>
      </rPr>
      <t>2336</t>
    </r>
    <rPh sb="9" eb="12">
      <t>ゴチョウメ</t>
    </rPh>
    <phoneticPr fontId="7"/>
  </si>
  <si>
    <r>
      <t>神奈川県平塚市大神</t>
    </r>
    <r>
      <rPr>
        <sz val="10"/>
        <color rgb="FFFF0000"/>
        <rFont val="ＭＳ Ｐゴシック"/>
        <family val="3"/>
        <charset val="128"/>
        <scheme val="major"/>
      </rPr>
      <t>九丁目</t>
    </r>
    <r>
      <rPr>
        <sz val="10"/>
        <color theme="1"/>
        <rFont val="ＭＳ Ｐゴシック"/>
        <family val="3"/>
        <charset val="128"/>
        <scheme val="major"/>
      </rPr>
      <t>2573-12</t>
    </r>
    <rPh sb="9" eb="12">
      <t>キュウチョウメ</t>
    </rPh>
    <phoneticPr fontId="7"/>
  </si>
  <si>
    <r>
      <t>神奈川県平塚市高根</t>
    </r>
    <r>
      <rPr>
        <sz val="10"/>
        <color rgb="FFFF0000"/>
        <rFont val="ＭＳ Ｐゴシック"/>
        <family val="3"/>
        <charset val="128"/>
        <scheme val="major"/>
      </rPr>
      <t>一丁目</t>
    </r>
    <r>
      <rPr>
        <sz val="10"/>
        <color theme="1"/>
        <rFont val="ＭＳ Ｐゴシック"/>
        <family val="3"/>
        <charset val="128"/>
        <scheme val="major"/>
      </rPr>
      <t>8-3</t>
    </r>
    <rPh sb="9" eb="12">
      <t>イッチョウメ</t>
    </rPh>
    <phoneticPr fontId="7"/>
  </si>
  <si>
    <r>
      <t>神奈川県平塚市高根</t>
    </r>
    <r>
      <rPr>
        <sz val="10"/>
        <color rgb="FFFF0000"/>
        <rFont val="ＭＳ Ｐゴシック"/>
        <family val="3"/>
        <charset val="128"/>
        <scheme val="major"/>
      </rPr>
      <t>一丁目</t>
    </r>
    <r>
      <rPr>
        <sz val="10"/>
        <color theme="1"/>
        <rFont val="ＭＳ Ｐゴシック"/>
        <family val="3"/>
        <charset val="128"/>
        <scheme val="major"/>
      </rPr>
      <t>48-15</t>
    </r>
    <rPh sb="9" eb="12">
      <t>イッチョウメ</t>
    </rPh>
    <phoneticPr fontId="7"/>
  </si>
  <si>
    <r>
      <t>神奈川県平塚市東八幡</t>
    </r>
    <r>
      <rPr>
        <sz val="10"/>
        <color rgb="FFFF0000"/>
        <rFont val="ＭＳ Ｐゴシック"/>
        <family val="3"/>
        <charset val="128"/>
        <scheme val="major"/>
      </rPr>
      <t>四丁目</t>
    </r>
    <r>
      <rPr>
        <sz val="10"/>
        <color theme="1"/>
        <rFont val="ＭＳ Ｐゴシック"/>
        <family val="3"/>
        <charset val="128"/>
        <scheme val="major"/>
      </rPr>
      <t>842-2</t>
    </r>
    <rPh sb="10" eb="13">
      <t>ヨンチョウメ</t>
    </rPh>
    <phoneticPr fontId="7"/>
  </si>
  <si>
    <r>
      <t>神奈川県平塚市</t>
    </r>
    <r>
      <rPr>
        <sz val="10"/>
        <color rgb="FFFF0000"/>
        <rFont val="ＭＳ Ｐゴシック"/>
        <family val="3"/>
        <charset val="128"/>
        <scheme val="major"/>
      </rPr>
      <t>纒</t>
    </r>
    <r>
      <rPr>
        <sz val="10"/>
        <color theme="1"/>
        <rFont val="ＭＳ Ｐゴシック"/>
        <family val="3"/>
        <charset val="128"/>
        <scheme val="major"/>
      </rPr>
      <t>72-6</t>
    </r>
    <phoneticPr fontId="7"/>
  </si>
  <si>
    <r>
      <t>神奈川県平塚市</t>
    </r>
    <r>
      <rPr>
        <sz val="10"/>
        <color rgb="FFFF0000"/>
        <rFont val="ＭＳ Ｐゴシック"/>
        <family val="3"/>
        <charset val="128"/>
        <scheme val="major"/>
      </rPr>
      <t>纒</t>
    </r>
    <r>
      <rPr>
        <sz val="10"/>
        <color theme="1"/>
        <rFont val="ＭＳ Ｐゴシック"/>
        <family val="3"/>
        <charset val="128"/>
        <scheme val="major"/>
      </rPr>
      <t>495-2</t>
    </r>
    <phoneticPr fontId="7"/>
  </si>
  <si>
    <r>
      <t>神奈川県平塚市万田</t>
    </r>
    <r>
      <rPr>
        <sz val="10"/>
        <color rgb="FFFF0000"/>
        <rFont val="ＭＳ Ｐゴシック"/>
        <family val="3"/>
        <charset val="128"/>
        <scheme val="major"/>
      </rPr>
      <t>二丁目</t>
    </r>
    <r>
      <rPr>
        <sz val="10"/>
        <color theme="1"/>
        <rFont val="ＭＳ Ｐゴシック"/>
        <family val="3"/>
        <charset val="128"/>
        <scheme val="major"/>
      </rPr>
      <t>441-26</t>
    </r>
    <rPh sb="9" eb="12">
      <t>ニチョウメ</t>
    </rPh>
    <phoneticPr fontId="7"/>
  </si>
  <si>
    <r>
      <t>神奈川県平塚市万田</t>
    </r>
    <r>
      <rPr>
        <sz val="10"/>
        <color rgb="FFFF0000"/>
        <rFont val="ＭＳ Ｐゴシック"/>
        <family val="3"/>
        <charset val="128"/>
        <scheme val="major"/>
      </rPr>
      <t>二丁目</t>
    </r>
    <r>
      <rPr>
        <sz val="10"/>
        <color theme="1"/>
        <rFont val="ＭＳ Ｐゴシック"/>
        <family val="3"/>
        <charset val="128"/>
        <scheme val="major"/>
      </rPr>
      <t>509-7</t>
    </r>
    <rPh sb="9" eb="12">
      <t>ニチョウメ</t>
    </rPh>
    <phoneticPr fontId="7"/>
  </si>
  <si>
    <r>
      <t>神奈川県平塚市万田</t>
    </r>
    <r>
      <rPr>
        <sz val="10"/>
        <color rgb="FFFF0000"/>
        <rFont val="ＭＳ Ｐゴシック"/>
        <family val="3"/>
        <charset val="128"/>
        <scheme val="major"/>
      </rPr>
      <t>二丁目</t>
    </r>
    <r>
      <rPr>
        <sz val="10"/>
        <color theme="1"/>
        <rFont val="ＭＳ Ｐゴシック"/>
        <family val="3"/>
        <charset val="128"/>
        <scheme val="major"/>
      </rPr>
      <t>349-4</t>
    </r>
    <rPh sb="9" eb="12">
      <t>ニチョウメ</t>
    </rPh>
    <phoneticPr fontId="7"/>
  </si>
  <si>
    <r>
      <t>神奈川県平塚市万田</t>
    </r>
    <r>
      <rPr>
        <sz val="10"/>
        <color rgb="FFFF0000"/>
        <rFont val="ＭＳ Ｐゴシック"/>
        <family val="3"/>
        <charset val="128"/>
        <scheme val="major"/>
      </rPr>
      <t>二丁目</t>
    </r>
    <r>
      <rPr>
        <sz val="10"/>
        <color theme="1"/>
        <rFont val="ＭＳ Ｐゴシック"/>
        <family val="3"/>
        <charset val="128"/>
        <scheme val="major"/>
      </rPr>
      <t>490</t>
    </r>
    <rPh sb="9" eb="12">
      <t>ニチョウメ</t>
    </rPh>
    <phoneticPr fontId="7"/>
  </si>
  <si>
    <r>
      <t>神奈川県平塚市万田</t>
    </r>
    <r>
      <rPr>
        <sz val="10"/>
        <color rgb="FFFF0000"/>
        <rFont val="ＭＳ Ｐゴシック"/>
        <family val="3"/>
        <charset val="128"/>
        <scheme val="major"/>
      </rPr>
      <t>三丁目</t>
    </r>
    <r>
      <rPr>
        <sz val="10"/>
        <color theme="1"/>
        <rFont val="ＭＳ Ｐゴシック"/>
        <family val="3"/>
        <charset val="128"/>
        <scheme val="major"/>
      </rPr>
      <t>821-3</t>
    </r>
    <rPh sb="9" eb="12">
      <t>サンチョウメ</t>
    </rPh>
    <phoneticPr fontId="7"/>
  </si>
  <si>
    <r>
      <t>神奈川県平塚市万田</t>
    </r>
    <r>
      <rPr>
        <sz val="10"/>
        <color rgb="FFFF0000"/>
        <rFont val="ＭＳ Ｐゴシック"/>
        <family val="3"/>
        <charset val="128"/>
        <scheme val="major"/>
      </rPr>
      <t>三丁目</t>
    </r>
    <r>
      <rPr>
        <sz val="10"/>
        <color theme="1"/>
        <rFont val="ＭＳ Ｐゴシック"/>
        <family val="3"/>
        <charset val="128"/>
        <scheme val="major"/>
      </rPr>
      <t>610-1</t>
    </r>
    <rPh sb="9" eb="12">
      <t>サンチョウメ</t>
    </rPh>
    <phoneticPr fontId="7"/>
  </si>
  <si>
    <r>
      <t>神奈川県平塚市万田</t>
    </r>
    <r>
      <rPr>
        <sz val="10"/>
        <color rgb="FFFF0000"/>
        <rFont val="ＭＳ Ｐゴシック"/>
        <family val="3"/>
        <charset val="128"/>
        <scheme val="major"/>
      </rPr>
      <t>三丁目</t>
    </r>
    <r>
      <rPr>
        <sz val="10"/>
        <color theme="1"/>
        <rFont val="ＭＳ Ｐゴシック"/>
        <family val="3"/>
        <charset val="128"/>
        <scheme val="major"/>
      </rPr>
      <t>1109-9</t>
    </r>
    <rPh sb="9" eb="12">
      <t>サンチョウメ</t>
    </rPh>
    <phoneticPr fontId="7"/>
  </si>
  <si>
    <r>
      <t>神奈川県平塚市万田</t>
    </r>
    <r>
      <rPr>
        <sz val="10"/>
        <color rgb="FFFF0000"/>
        <rFont val="ＭＳ Ｐゴシック"/>
        <family val="3"/>
        <charset val="128"/>
        <scheme val="major"/>
      </rPr>
      <t>一丁目</t>
    </r>
    <r>
      <rPr>
        <sz val="10"/>
        <color theme="1"/>
        <rFont val="ＭＳ Ｐゴシック"/>
        <family val="3"/>
        <charset val="128"/>
        <scheme val="major"/>
      </rPr>
      <t>312-4</t>
    </r>
    <rPh sb="9" eb="12">
      <t>イッチョウメ</t>
    </rPh>
    <phoneticPr fontId="7"/>
  </si>
  <si>
    <r>
      <t>神奈川県平塚市山下</t>
    </r>
    <r>
      <rPr>
        <sz val="10"/>
        <color rgb="FFFF0000"/>
        <rFont val="ＭＳ Ｐゴシック"/>
        <family val="3"/>
        <charset val="128"/>
        <scheme val="major"/>
      </rPr>
      <t>二丁目</t>
    </r>
    <r>
      <rPr>
        <sz val="10"/>
        <color theme="1"/>
        <rFont val="ＭＳ Ｐゴシック"/>
        <family val="3"/>
        <charset val="128"/>
        <scheme val="major"/>
      </rPr>
      <t>1096-2</t>
    </r>
    <rPh sb="9" eb="12">
      <t>ニチョウメ</t>
    </rPh>
    <phoneticPr fontId="7"/>
  </si>
  <si>
    <r>
      <t>神奈川県平塚市山下</t>
    </r>
    <r>
      <rPr>
        <sz val="10"/>
        <color rgb="FFFF0000"/>
        <rFont val="ＭＳ Ｐゴシック"/>
        <family val="3"/>
        <charset val="128"/>
        <scheme val="major"/>
      </rPr>
      <t>一丁目</t>
    </r>
    <r>
      <rPr>
        <sz val="10"/>
        <color theme="1"/>
        <rFont val="ＭＳ Ｐゴシック"/>
        <family val="3"/>
        <charset val="128"/>
        <scheme val="major"/>
      </rPr>
      <t>10-1</t>
    </r>
    <rPh sb="9" eb="12">
      <t>イッチョウメ</t>
    </rPh>
    <phoneticPr fontId="7"/>
  </si>
  <si>
    <r>
      <t>神奈川県平塚市山下</t>
    </r>
    <r>
      <rPr>
        <sz val="10"/>
        <color rgb="FFFF0000"/>
        <rFont val="ＭＳ Ｐゴシック"/>
        <family val="3"/>
        <charset val="128"/>
        <scheme val="major"/>
      </rPr>
      <t>三丁目</t>
    </r>
    <r>
      <rPr>
        <sz val="10"/>
        <color theme="1"/>
        <rFont val="ＭＳ Ｐゴシック"/>
        <family val="3"/>
        <charset val="128"/>
        <scheme val="major"/>
      </rPr>
      <t>791-3</t>
    </r>
    <rPh sb="9" eb="12">
      <t>サンチョウメ</t>
    </rPh>
    <phoneticPr fontId="7"/>
  </si>
  <si>
    <r>
      <t>神奈川県平塚市山下</t>
    </r>
    <r>
      <rPr>
        <sz val="10"/>
        <color rgb="FFFF0000"/>
        <rFont val="ＭＳ Ｐゴシック"/>
        <family val="3"/>
        <charset val="128"/>
        <scheme val="major"/>
      </rPr>
      <t>二丁目</t>
    </r>
    <r>
      <rPr>
        <sz val="10"/>
        <color theme="1"/>
        <rFont val="ＭＳ Ｐゴシック"/>
        <family val="3"/>
        <charset val="128"/>
        <scheme val="major"/>
      </rPr>
      <t>726-2</t>
    </r>
    <rPh sb="9" eb="12">
      <t>ニチョウメ</t>
    </rPh>
    <phoneticPr fontId="7"/>
  </si>
  <si>
    <r>
      <t>神奈川県平塚市北金目</t>
    </r>
    <r>
      <rPr>
        <sz val="10"/>
        <color rgb="FFFF0000"/>
        <rFont val="ＭＳ Ｐゴシック"/>
        <family val="3"/>
        <charset val="128"/>
        <scheme val="major"/>
      </rPr>
      <t>二丁目15-1</t>
    </r>
    <rPh sb="10" eb="13">
      <t>ニチョウメ</t>
    </rPh>
    <phoneticPr fontId="7"/>
  </si>
  <si>
    <r>
      <t>神奈川県平塚市大神</t>
    </r>
    <r>
      <rPr>
        <sz val="10"/>
        <color rgb="FFFF0000"/>
        <rFont val="ＭＳ Ｐゴシック"/>
        <family val="3"/>
        <charset val="128"/>
        <scheme val="major"/>
      </rPr>
      <t>三丁目</t>
    </r>
    <r>
      <rPr>
        <sz val="10"/>
        <color theme="1"/>
        <rFont val="ＭＳ Ｐゴシック"/>
        <family val="3"/>
        <charset val="128"/>
        <scheme val="major"/>
      </rPr>
      <t>2885-4</t>
    </r>
    <rPh sb="9" eb="12">
      <t>サンチョウメ</t>
    </rPh>
    <phoneticPr fontId="7"/>
  </si>
  <si>
    <r>
      <t>神奈川県平塚市</t>
    </r>
    <r>
      <rPr>
        <sz val="10"/>
        <color rgb="FFFF0000"/>
        <rFont val="ＭＳ Ｐゴシック"/>
        <family val="3"/>
        <charset val="128"/>
        <scheme val="major"/>
      </rPr>
      <t>千石河岸</t>
    </r>
    <r>
      <rPr>
        <sz val="10"/>
        <color theme="1"/>
        <rFont val="ＭＳ Ｐゴシック"/>
        <family val="3"/>
        <charset val="128"/>
        <scheme val="major"/>
      </rPr>
      <t>2000-20</t>
    </r>
    <rPh sb="7" eb="11">
      <t>センゴクカシ</t>
    </rPh>
    <phoneticPr fontId="7"/>
  </si>
  <si>
    <r>
      <t>神奈川県平塚市高村26-</t>
    </r>
    <r>
      <rPr>
        <sz val="10"/>
        <color rgb="FFFF0000"/>
        <rFont val="ＭＳ Ｐゴシック"/>
        <family val="3"/>
        <charset val="128"/>
        <scheme val="major"/>
      </rPr>
      <t>2</t>
    </r>
    <phoneticPr fontId="7"/>
  </si>
  <si>
    <r>
      <t>神奈川県平塚市万田</t>
    </r>
    <r>
      <rPr>
        <sz val="10"/>
        <color rgb="FFFF0000"/>
        <rFont val="ＭＳ Ｐゴシック"/>
        <family val="3"/>
        <charset val="128"/>
        <scheme val="major"/>
      </rPr>
      <t>三丁目</t>
    </r>
    <r>
      <rPr>
        <sz val="10"/>
        <color theme="1"/>
        <rFont val="ＭＳ Ｐゴシック"/>
        <family val="3"/>
        <charset val="128"/>
        <scheme val="major"/>
      </rPr>
      <t>1108</t>
    </r>
    <rPh sb="9" eb="12">
      <t>サンチョウメ</t>
    </rPh>
    <phoneticPr fontId="7"/>
  </si>
  <si>
    <r>
      <t>神奈川県平塚市南原</t>
    </r>
    <r>
      <rPr>
        <sz val="10"/>
        <color rgb="FFFF0000"/>
        <rFont val="ＭＳ Ｐゴシック"/>
        <family val="3"/>
        <charset val="128"/>
        <scheme val="major"/>
      </rPr>
      <t>三丁目</t>
    </r>
    <r>
      <rPr>
        <sz val="10"/>
        <color theme="1"/>
        <rFont val="ＭＳ Ｐゴシック"/>
        <family val="3"/>
        <charset val="128"/>
        <scheme val="major"/>
      </rPr>
      <t>446-1</t>
    </r>
    <rPh sb="9" eb="12">
      <t>サンチョウメ</t>
    </rPh>
    <phoneticPr fontId="7"/>
  </si>
  <si>
    <r>
      <t>神奈川県平塚市山下</t>
    </r>
    <r>
      <rPr>
        <sz val="10"/>
        <color rgb="FFFF0000"/>
        <rFont val="ＭＳ Ｐゴシック"/>
        <family val="3"/>
        <charset val="128"/>
        <scheme val="major"/>
      </rPr>
      <t>一丁目</t>
    </r>
    <r>
      <rPr>
        <sz val="10"/>
        <color theme="1"/>
        <rFont val="ＭＳ Ｐゴシック"/>
        <family val="3"/>
        <charset val="128"/>
        <scheme val="major"/>
      </rPr>
      <t>288-1</t>
    </r>
    <rPh sb="9" eb="12">
      <t>イッチョウメ</t>
    </rPh>
    <phoneticPr fontId="7"/>
  </si>
  <si>
    <r>
      <t>神奈川県平塚市</t>
    </r>
    <r>
      <rPr>
        <sz val="10"/>
        <color rgb="FFFF0000"/>
        <rFont val="ＭＳ Ｐゴシック"/>
        <family val="3"/>
        <charset val="128"/>
        <scheme val="major"/>
      </rPr>
      <t>纒</t>
    </r>
    <r>
      <rPr>
        <sz val="10"/>
        <color theme="1"/>
        <rFont val="ＭＳ Ｐゴシック"/>
        <family val="3"/>
        <charset val="128"/>
        <scheme val="major"/>
      </rPr>
      <t>65-5</t>
    </r>
    <phoneticPr fontId="7"/>
  </si>
  <si>
    <t>公園は24時間開園駐車場は原則７時３０分から21時１５分までひらつかサン・ライフアリーナは午前9時から午後9時まで天然芝サッカー場は午前8時から午後6時まで人工芝サッカー場は午前9時から午後9時まで</t>
    <rPh sb="0" eb="2">
      <t>コウエン</t>
    </rPh>
    <rPh sb="5" eb="7">
      <t>ジカン</t>
    </rPh>
    <rPh sb="7" eb="9">
      <t>カイエン</t>
    </rPh>
    <rPh sb="9" eb="12">
      <t>チュウシャジョウ</t>
    </rPh>
    <rPh sb="13" eb="15">
      <t>ゲンソク</t>
    </rPh>
    <rPh sb="16" eb="17">
      <t>ジ</t>
    </rPh>
    <rPh sb="19" eb="20">
      <t>フン</t>
    </rPh>
    <rPh sb="24" eb="25">
      <t>ジ</t>
    </rPh>
    <rPh sb="27" eb="28">
      <t>フン</t>
    </rPh>
    <rPh sb="45" eb="47">
      <t>ゴゼン</t>
    </rPh>
    <rPh sb="48" eb="49">
      <t>ジ</t>
    </rPh>
    <rPh sb="51" eb="53">
      <t>ゴゴ</t>
    </rPh>
    <rPh sb="54" eb="55">
      <t>ジ</t>
    </rPh>
    <rPh sb="57" eb="59">
      <t>テンネン</t>
    </rPh>
    <rPh sb="59" eb="60">
      <t>シバ</t>
    </rPh>
    <rPh sb="64" eb="65">
      <t>ジョウ</t>
    </rPh>
    <rPh sb="66" eb="68">
      <t>ゴゼン</t>
    </rPh>
    <rPh sb="69" eb="70">
      <t>ジ</t>
    </rPh>
    <rPh sb="72" eb="74">
      <t>ゴゴ</t>
    </rPh>
    <rPh sb="75" eb="76">
      <t>ジ</t>
    </rPh>
    <rPh sb="78" eb="80">
      <t>ジンコウ</t>
    </rPh>
    <rPh sb="80" eb="81">
      <t>シバ</t>
    </rPh>
    <rPh sb="85" eb="86">
      <t>ジョウ</t>
    </rPh>
    <rPh sb="87" eb="89">
      <t>ゴゼン</t>
    </rPh>
    <rPh sb="90" eb="91">
      <t>ジ</t>
    </rPh>
    <rPh sb="93" eb="95">
      <t>ゴゴ</t>
    </rPh>
    <rPh sb="96" eb="97">
      <t>ジ</t>
    </rPh>
    <phoneticPr fontId="7"/>
  </si>
  <si>
    <t>神奈川県平塚市大原1-1</t>
    <rPh sb="0" eb="4">
      <t>カナガワケン</t>
    </rPh>
    <rPh sb="4" eb="7">
      <t>ヒラツカシ</t>
    </rPh>
    <rPh sb="7" eb="9">
      <t>オオハラ</t>
    </rPh>
    <phoneticPr fontId="7"/>
  </si>
  <si>
    <t>岡崎上ノ入第2公園</t>
    <phoneticPr fontId="7"/>
  </si>
  <si>
    <t>神奈川県平塚市岡崎3335-37</t>
    <phoneticPr fontId="7"/>
  </si>
  <si>
    <t>055199</t>
  </si>
  <si>
    <t>065489</t>
    <phoneticPr fontId="7"/>
  </si>
  <si>
    <t>寺分かまきり公園</t>
    <rPh sb="0" eb="2">
      <t>テラブン</t>
    </rPh>
    <rPh sb="6" eb="8">
      <t>コウエン</t>
    </rPh>
    <phoneticPr fontId="7"/>
  </si>
  <si>
    <t>鎌倉市寺分字上陣出418番22</t>
    <rPh sb="0" eb="3">
      <t>カマクラシ</t>
    </rPh>
    <rPh sb="3" eb="5">
      <t>テラブン</t>
    </rPh>
    <rPh sb="5" eb="6">
      <t>アザ</t>
    </rPh>
    <rPh sb="6" eb="7">
      <t>カミ</t>
    </rPh>
    <rPh sb="7" eb="8">
      <t>ジン</t>
    </rPh>
    <rPh sb="8" eb="9">
      <t>デ</t>
    </rPh>
    <rPh sb="12" eb="13">
      <t>バン</t>
    </rPh>
    <phoneticPr fontId="7"/>
  </si>
  <si>
    <t>065490</t>
    <phoneticPr fontId="7"/>
  </si>
  <si>
    <t>台くわがた公園</t>
    <rPh sb="0" eb="1">
      <t>ダイ</t>
    </rPh>
    <rPh sb="5" eb="7">
      <t>コウエン</t>
    </rPh>
    <phoneticPr fontId="7"/>
  </si>
  <si>
    <t>鎌倉市台三丁目666番14</t>
    <rPh sb="0" eb="3">
      <t>カマクラシ</t>
    </rPh>
    <rPh sb="3" eb="4">
      <t>ダイ</t>
    </rPh>
    <rPh sb="4" eb="7">
      <t>3チョウメ</t>
    </rPh>
    <rPh sb="10" eb="11">
      <t>バン</t>
    </rPh>
    <phoneticPr fontId="7"/>
  </si>
  <si>
    <t>東羽根沢公園</t>
    <rPh sb="0" eb="1">
      <t>ヒガシ</t>
    </rPh>
    <rPh sb="1" eb="4">
      <t>ハネサワ</t>
    </rPh>
    <rPh sb="4" eb="6">
      <t>コウエン</t>
    </rPh>
    <phoneticPr fontId="1"/>
  </si>
  <si>
    <t>椎名谷東公園</t>
    <rPh sb="0" eb="3">
      <t>シイナタニ</t>
    </rPh>
    <rPh sb="3" eb="4">
      <t>ヒガシ</t>
    </rPh>
    <rPh sb="4" eb="6">
      <t>コウエン</t>
    </rPh>
    <phoneticPr fontId="1"/>
  </si>
  <si>
    <t>本町四丁目公園</t>
    <rPh sb="0" eb="2">
      <t>ホンマチ</t>
    </rPh>
    <rPh sb="2" eb="5">
      <t>ヨンチョウメ</t>
    </rPh>
    <rPh sb="5" eb="7">
      <t>コウエン</t>
    </rPh>
    <phoneticPr fontId="1"/>
  </si>
  <si>
    <t>西大友なかよし公園</t>
    <rPh sb="0" eb="3">
      <t>ニシオオトモ</t>
    </rPh>
    <rPh sb="7" eb="9">
      <t>コウエン</t>
    </rPh>
    <phoneticPr fontId="7"/>
  </si>
  <si>
    <t>神奈川県小田原市西大友９番２の一部</t>
    <rPh sb="0" eb="4">
      <t>カナガワケン</t>
    </rPh>
    <rPh sb="4" eb="8">
      <t>オダワラシ</t>
    </rPh>
    <rPh sb="8" eb="11">
      <t>ニシオオトモ</t>
    </rPh>
    <rPh sb="12" eb="13">
      <t>バン</t>
    </rPh>
    <rPh sb="15" eb="17">
      <t>イチブ</t>
    </rPh>
    <phoneticPr fontId="7"/>
  </si>
  <si>
    <t>085961</t>
  </si>
  <si>
    <t>松林公園</t>
    <rPh sb="0" eb="4">
      <t>ショウリンコウエン</t>
    </rPh>
    <phoneticPr fontId="7"/>
  </si>
  <si>
    <t>神奈川県茅ヶ崎市松林一丁目1534-4</t>
    <rPh sb="8" eb="10">
      <t>ショウリン</t>
    </rPh>
    <rPh sb="10" eb="13">
      <t>1チョウメ</t>
    </rPh>
    <phoneticPr fontId="7"/>
  </si>
  <si>
    <t>096150</t>
  </si>
  <si>
    <t>長谷てくてくの丘公園</t>
    <rPh sb="0" eb="2">
      <t>ハセ</t>
    </rPh>
    <rPh sb="7" eb="8">
      <t>オカ</t>
    </rPh>
    <rPh sb="8" eb="10">
      <t>コウエン</t>
    </rPh>
    <phoneticPr fontId="7"/>
  </si>
  <si>
    <t>神奈川県厚木市長谷字清水1182-17</t>
    <rPh sb="0" eb="4">
      <t>カナガワケン</t>
    </rPh>
    <rPh sb="4" eb="7">
      <t>アツギシ</t>
    </rPh>
    <rPh sb="7" eb="9">
      <t>ハセ</t>
    </rPh>
    <rPh sb="9" eb="10">
      <t>アザ</t>
    </rPh>
    <rPh sb="10" eb="12">
      <t>シミズ</t>
    </rPh>
    <phoneticPr fontId="7"/>
  </si>
  <si>
    <t>136733</t>
  </si>
  <si>
    <t>神奈川県大和市下鶴間2570番地先</t>
    <phoneticPr fontId="7"/>
  </si>
  <si>
    <t>177400</t>
    <phoneticPr fontId="7"/>
  </si>
  <si>
    <t>よつや公園</t>
    <rPh sb="3" eb="5">
      <t>コウエン</t>
    </rPh>
    <phoneticPr fontId="7"/>
  </si>
  <si>
    <t>神奈川県座間市四ツ谷6-2</t>
    <rPh sb="0" eb="4">
      <t>カナガワケン</t>
    </rPh>
    <rPh sb="4" eb="7">
      <t>ザマシ</t>
    </rPh>
    <rPh sb="7" eb="8">
      <t>ヨ</t>
    </rPh>
    <rPh sb="9" eb="10">
      <t>ヤ</t>
    </rPh>
    <phoneticPr fontId="7"/>
  </si>
  <si>
    <r>
      <t xml:space="preserve">１年中花が咲き乱れる屋外スポーツの拠点です。
</t>
    </r>
    <r>
      <rPr>
        <sz val="10"/>
        <color rgb="FFFF0000"/>
        <rFont val="ＭＳ Ｐゴシック"/>
        <family val="3"/>
        <charset val="128"/>
        <scheme val="major"/>
      </rPr>
      <t>トリム広場には、子どもたちが思いっきり遊べる大型複合遊具のほか、年齢や体力、障がいの有無に関わらず、すべての子どもが楽しく遊ぶことができる「インクルーシブ」を取り入れた遊具などがあります。このほか、大人も楽しめる健康遊具も集まり、休日のおでかけ場として幅広い年齢層が楽しめます。</t>
    </r>
    <rPh sb="1" eb="3">
      <t>ネンジュウ</t>
    </rPh>
    <rPh sb="3" eb="4">
      <t>ハナ</t>
    </rPh>
    <rPh sb="5" eb="6">
      <t>サ</t>
    </rPh>
    <rPh sb="7" eb="8">
      <t>ミダ</t>
    </rPh>
    <rPh sb="10" eb="12">
      <t>オクガイ</t>
    </rPh>
    <rPh sb="17" eb="19">
      <t>キョテン</t>
    </rPh>
    <rPh sb="134" eb="135">
      <t>アツ</t>
    </rPh>
    <rPh sb="156" eb="157">
      <t>タノ</t>
    </rPh>
    <phoneticPr fontId="7"/>
  </si>
  <si>
    <t>山王原公園</t>
    <rPh sb="0" eb="2">
      <t>サンノウ</t>
    </rPh>
    <rPh sb="2" eb="3">
      <t>ハラ</t>
    </rPh>
    <phoneticPr fontId="7"/>
  </si>
  <si>
    <t>綾瀬市早川2301番1（地番）</t>
    <rPh sb="0" eb="3">
      <t>アヤセシ</t>
    </rPh>
    <rPh sb="3" eb="5">
      <t>ハヤカワ</t>
    </rPh>
    <rPh sb="9" eb="10">
      <t>バン</t>
    </rPh>
    <rPh sb="12" eb="14">
      <t>チバン</t>
    </rPh>
    <phoneticPr fontId="7"/>
  </si>
  <si>
    <t>197557</t>
  </si>
  <si>
    <t>神奈川県三浦郡葉山町一色2123-1</t>
    <rPh sb="0" eb="4">
      <t>カナガワケン</t>
    </rPh>
    <rPh sb="4" eb="6">
      <t>ミウラ</t>
    </rPh>
    <rPh sb="6" eb="7">
      <t>グン</t>
    </rPh>
    <rPh sb="7" eb="10">
      <t>ハヤママチ</t>
    </rPh>
    <rPh sb="10" eb="12">
      <t>イッシキ</t>
    </rPh>
    <phoneticPr fontId="7"/>
  </si>
  <si>
    <t>神奈川県三浦郡葉山町長柄1888-1</t>
    <rPh sb="0" eb="4">
      <t>カナガワケン</t>
    </rPh>
    <rPh sb="4" eb="7">
      <t>ミウラグン</t>
    </rPh>
    <rPh sb="7" eb="10">
      <t>ハヤママチ</t>
    </rPh>
    <rPh sb="10" eb="12">
      <t>ナガエ</t>
    </rPh>
    <phoneticPr fontId="7"/>
  </si>
  <si>
    <t>ブランコ（※インクルーシブ遊具）
用意された項目に加え、コージードーム（インクルーシブ遊具）を令和６年に設置済み</t>
    <rPh sb="13" eb="15">
      <t>ユウグ</t>
    </rPh>
    <rPh sb="17" eb="19">
      <t>ヨウイ</t>
    </rPh>
    <rPh sb="22" eb="24">
      <t>コウモク</t>
    </rPh>
    <rPh sb="25" eb="26">
      <t>クワ</t>
    </rPh>
    <rPh sb="43" eb="45">
      <t>ユウグ</t>
    </rPh>
    <rPh sb="47" eb="49">
      <t>レイワ</t>
    </rPh>
    <rPh sb="50" eb="51">
      <t>ネン</t>
    </rPh>
    <rPh sb="52" eb="54">
      <t>セッチ</t>
    </rPh>
    <rPh sb="54" eb="55">
      <t>ズ</t>
    </rPh>
    <phoneticPr fontId="7"/>
  </si>
  <si>
    <t>川下橋公園</t>
    <rPh sb="0" eb="2">
      <t>カワシモ</t>
    </rPh>
    <rPh sb="2" eb="3">
      <t>バシ</t>
    </rPh>
    <rPh sb="3" eb="5">
      <t>コウエン</t>
    </rPh>
    <phoneticPr fontId="7"/>
  </si>
  <si>
    <t>神奈川県三浦郡葉山町長柄20-1</t>
    <rPh sb="10" eb="12">
      <t>ナガエ</t>
    </rPh>
    <phoneticPr fontId="7"/>
  </si>
  <si>
    <t>木の下公園</t>
    <rPh sb="0" eb="1">
      <t>キ</t>
    </rPh>
    <rPh sb="2" eb="3">
      <t>シタ</t>
    </rPh>
    <rPh sb="3" eb="5">
      <t>コウエン</t>
    </rPh>
    <phoneticPr fontId="7"/>
  </si>
  <si>
    <t>神奈川県三浦郡葉山町堀内763-1他</t>
    <rPh sb="9" eb="10">
      <t>マチ</t>
    </rPh>
    <rPh sb="10" eb="12">
      <t>ホリウチ</t>
    </rPh>
    <rPh sb="17" eb="18">
      <t>ホカ</t>
    </rPh>
    <phoneticPr fontId="7"/>
  </si>
  <si>
    <t>207621</t>
  </si>
  <si>
    <t>20762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8" x14ac:knownFonts="1">
    <font>
      <sz val="10"/>
      <color rgb="FF000000"/>
      <name val="Arial"/>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0"/>
      <name val="ＭＳ Ｐゴシック"/>
      <family val="3"/>
      <charset val="128"/>
    </font>
    <font>
      <sz val="6"/>
      <name val="ＭＳ Ｐゴシック"/>
      <family val="3"/>
      <charset val="128"/>
    </font>
    <font>
      <u/>
      <sz val="10"/>
      <color theme="10"/>
      <name val="Arial"/>
      <family val="2"/>
    </font>
    <font>
      <sz val="10"/>
      <name val="Arial"/>
      <family val="2"/>
    </font>
    <font>
      <sz val="6"/>
      <name val="ＭＳ Ｐゴシック"/>
      <family val="2"/>
      <charset val="128"/>
      <scheme val="minor"/>
    </font>
    <font>
      <sz val="10"/>
      <color rgb="FF000000"/>
      <name val="Arial"/>
      <family val="2"/>
    </font>
    <font>
      <sz val="6"/>
      <name val="Arial"/>
      <family val="2"/>
    </font>
    <font>
      <sz val="5.5"/>
      <name val="ＭＳ 明朝"/>
      <family val="1"/>
      <charset val="128"/>
    </font>
    <font>
      <sz val="10"/>
      <name val="ＭＳ Ｐゴシック"/>
      <family val="3"/>
      <charset val="128"/>
      <scheme val="major"/>
    </font>
    <font>
      <sz val="8"/>
      <name val="ＭＳ Ｐゴシック"/>
      <family val="3"/>
      <charset val="128"/>
      <scheme val="major"/>
    </font>
    <font>
      <sz val="10"/>
      <color rgb="FF000000"/>
      <name val="ＭＳ Ｐゴシック"/>
      <family val="3"/>
      <charset val="128"/>
    </font>
    <font>
      <sz val="8"/>
      <name val="ＭＳ Ｐゴシック"/>
      <family val="3"/>
      <charset val="128"/>
    </font>
    <font>
      <sz val="8"/>
      <color rgb="FFFF0000"/>
      <name val="ＭＳ Ｐゴシック"/>
      <family val="3"/>
      <charset val="128"/>
    </font>
    <font>
      <sz val="8"/>
      <name val="Arial"/>
      <family val="2"/>
    </font>
    <font>
      <sz val="8"/>
      <color rgb="FFFF0000"/>
      <name val="Arial"/>
      <family val="2"/>
    </font>
    <font>
      <sz val="12"/>
      <color theme="1"/>
      <name val="ＭＳ 明朝"/>
      <family val="1"/>
      <charset val="128"/>
    </font>
    <font>
      <sz val="6"/>
      <name val="ＭＳ 明朝"/>
      <family val="2"/>
      <charset val="128"/>
    </font>
    <font>
      <sz val="12"/>
      <name val="ＭＳ Ｐゴシック"/>
      <family val="3"/>
      <charset val="128"/>
    </font>
    <font>
      <sz val="12"/>
      <name val="Arial"/>
      <family val="2"/>
    </font>
    <font>
      <u/>
      <sz val="12"/>
      <color theme="10"/>
      <name val="Arial"/>
      <family val="2"/>
    </font>
    <font>
      <sz val="12"/>
      <color rgb="FFFF0000"/>
      <name val="ＭＳ 明朝"/>
      <family val="1"/>
      <charset val="128"/>
    </font>
    <font>
      <sz val="10"/>
      <color theme="1"/>
      <name val="ＭＳ Ｐゴシック"/>
      <family val="3"/>
      <charset val="128"/>
      <scheme val="major"/>
    </font>
    <font>
      <sz val="10"/>
      <name val="ＭＳ Ｐゴシック"/>
      <family val="3"/>
      <charset val="128"/>
      <scheme val="minor"/>
    </font>
    <font>
      <sz val="11"/>
      <color rgb="FFFF0000"/>
      <name val="ＭＳ Ｐゴシック"/>
      <family val="3"/>
      <charset val="128"/>
      <scheme val="minor"/>
    </font>
    <font>
      <sz val="10"/>
      <color rgb="FFFF0000"/>
      <name val="ＭＳ Ｐゴシック"/>
      <family val="3"/>
      <charset val="128"/>
      <scheme val="minor"/>
    </font>
    <font>
      <sz val="10"/>
      <color rgb="FFFF0000"/>
      <name val="ＭＳ Ｐゴシック"/>
      <family val="3"/>
      <charset val="128"/>
      <scheme val="major"/>
    </font>
    <font>
      <sz val="10"/>
      <color theme="1"/>
      <name val="ＭＳ Ｐゴシック"/>
      <family val="3"/>
      <charset val="128"/>
    </font>
    <font>
      <sz val="10"/>
      <color theme="1"/>
      <name val="ＭＳ Ｐゴシック"/>
      <family val="3"/>
      <charset val="128"/>
      <scheme val="minor"/>
    </font>
    <font>
      <sz val="9"/>
      <color theme="1"/>
      <name val="ＭＳ Ｐゴシック"/>
      <family val="3"/>
      <charset val="128"/>
      <scheme val="minor"/>
    </font>
    <font>
      <u/>
      <sz val="10"/>
      <color theme="1"/>
      <name val="ＭＳ Ｐゴシック"/>
      <family val="3"/>
      <charset val="128"/>
      <scheme val="minor"/>
    </font>
    <font>
      <sz val="11"/>
      <color theme="1"/>
      <name val="ＭＳ Ｐゴシック"/>
      <family val="3"/>
      <charset val="128"/>
      <scheme val="minor"/>
    </font>
    <font>
      <u/>
      <sz val="10"/>
      <color theme="1"/>
      <name val="Arial"/>
      <family val="2"/>
    </font>
    <font>
      <u/>
      <sz val="6"/>
      <color theme="1"/>
      <name val="ＭＳ Ｐゴシック"/>
      <family val="3"/>
      <charset val="128"/>
    </font>
    <font>
      <u/>
      <sz val="10"/>
      <color theme="1"/>
      <name val="ＭＳ Ｐゴシック"/>
      <family val="3"/>
      <charset val="128"/>
      <scheme val="major"/>
    </font>
    <font>
      <sz val="9"/>
      <color theme="1"/>
      <name val="ＭＳ Ｐゴシック"/>
      <family val="3"/>
      <charset val="128"/>
    </font>
    <font>
      <u/>
      <sz val="10"/>
      <color theme="1"/>
      <name val="ＭＳ Ｐゴシック"/>
      <family val="3"/>
      <charset val="128"/>
    </font>
    <font>
      <strike/>
      <sz val="10"/>
      <color theme="1"/>
      <name val="ＭＳ Ｐゴシック"/>
      <family val="3"/>
      <charset val="128"/>
      <scheme val="major"/>
    </font>
    <font>
      <sz val="9"/>
      <color rgb="FFFF0000"/>
      <name val="ＭＳ Ｐゴシック"/>
      <family val="3"/>
      <charset val="128"/>
      <scheme val="minor"/>
    </font>
    <font>
      <u/>
      <sz val="10"/>
      <color rgb="FFFF0000"/>
      <name val="ＭＳ Ｐゴシック"/>
      <family val="3"/>
      <charset val="128"/>
      <scheme val="minor"/>
    </font>
    <font>
      <sz val="10"/>
      <color rgb="FFFF0000"/>
      <name val="ＭＳ Ｐゴシック"/>
      <family val="2"/>
      <charset val="128"/>
      <scheme val="minor"/>
    </font>
    <font>
      <sz val="10"/>
      <color rgb="FFFF0000"/>
      <name val="ＭＳ Ｐゴシック"/>
      <family val="3"/>
      <charset val="128"/>
    </font>
    <font>
      <u/>
      <sz val="10"/>
      <color rgb="FFFF0000"/>
      <name val="ＭＳ Ｐゴシック"/>
      <family val="3"/>
      <charset val="128"/>
      <scheme val="major"/>
    </font>
  </fonts>
  <fills count="9">
    <fill>
      <patternFill patternType="none"/>
    </fill>
    <fill>
      <patternFill patternType="gray125"/>
    </fill>
    <fill>
      <patternFill patternType="solid">
        <fgColor rgb="FFFFFF00"/>
        <bgColor indexed="64"/>
      </patternFill>
    </fill>
    <fill>
      <patternFill patternType="solid">
        <fgColor theme="0" tint="-0.499984740745262"/>
        <bgColor indexed="64"/>
      </patternFill>
    </fill>
    <fill>
      <patternFill patternType="solid">
        <fgColor theme="1" tint="0.499984740745262"/>
        <bgColor indexed="64"/>
      </patternFill>
    </fill>
    <fill>
      <patternFill patternType="solid">
        <fgColor theme="0"/>
        <bgColor indexed="64"/>
      </patternFill>
    </fill>
    <fill>
      <patternFill patternType="solid">
        <fgColor theme="4" tint="0.79998168889431442"/>
        <bgColor indexed="64"/>
      </patternFill>
    </fill>
    <fill>
      <patternFill patternType="solid">
        <fgColor theme="6" tint="-0.249977111117893"/>
        <bgColor indexed="64"/>
      </patternFill>
    </fill>
    <fill>
      <patternFill patternType="solid">
        <fgColor theme="4" tint="0.59999389629810485"/>
        <bgColor indexed="64"/>
      </patternFill>
    </fill>
  </fills>
  <borders count="26">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right style="thin">
        <color auto="1"/>
      </right>
      <top style="thin">
        <color auto="1"/>
      </top>
      <bottom style="thin">
        <color auto="1"/>
      </bottom>
      <diagonal/>
    </border>
    <border>
      <left style="thin">
        <color auto="1"/>
      </left>
      <right style="thin">
        <color auto="1"/>
      </right>
      <top/>
      <bottom style="thin">
        <color auto="1"/>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bottom style="thin">
        <color auto="1"/>
      </bottom>
      <diagonal/>
    </border>
    <border>
      <left style="thin">
        <color auto="1"/>
      </left>
      <right style="medium">
        <color auto="1"/>
      </right>
      <top/>
      <bottom style="thin">
        <color auto="1"/>
      </bottom>
      <diagonal/>
    </border>
    <border>
      <left style="medium">
        <color auto="1"/>
      </left>
      <right style="thin">
        <color auto="1"/>
      </right>
      <top style="thin">
        <color auto="1"/>
      </top>
      <bottom style="thin">
        <color auto="1"/>
      </bottom>
      <diagonal/>
    </border>
    <border>
      <left style="thin">
        <color auto="1"/>
      </left>
      <right style="medium">
        <color auto="1"/>
      </right>
      <top/>
      <bottom/>
      <diagonal/>
    </border>
    <border>
      <left style="medium">
        <color auto="1"/>
      </left>
      <right style="thin">
        <color auto="1"/>
      </right>
      <top/>
      <bottom/>
      <diagonal/>
    </border>
    <border>
      <left style="medium">
        <color indexed="64"/>
      </left>
      <right/>
      <top/>
      <bottom/>
      <diagonal/>
    </border>
    <border>
      <left style="thin">
        <color auto="1"/>
      </left>
      <right/>
      <top/>
      <bottom/>
      <diagonal/>
    </border>
    <border>
      <left/>
      <right style="thin">
        <color indexed="64"/>
      </right>
      <top/>
      <bottom/>
      <diagonal/>
    </border>
    <border>
      <left style="medium">
        <color auto="1"/>
      </left>
      <right style="thin">
        <color auto="1"/>
      </right>
      <top style="thin">
        <color auto="1"/>
      </top>
      <bottom/>
      <diagonal/>
    </border>
    <border>
      <left style="thin">
        <color auto="1"/>
      </left>
      <right style="medium">
        <color auto="1"/>
      </right>
      <top style="thin">
        <color auto="1"/>
      </top>
      <bottom/>
      <diagonal/>
    </border>
    <border>
      <left style="medium">
        <color indexed="64"/>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s>
  <cellStyleXfs count="7">
    <xf numFmtId="0" fontId="0" fillId="0" borderId="0"/>
    <xf numFmtId="38" fontId="11" fillId="0" borderId="0" applyFont="0" applyFill="0" applyBorder="0" applyAlignment="0" applyProtection="0">
      <alignment vertical="center"/>
    </xf>
    <xf numFmtId="0" fontId="8" fillId="0" borderId="0" applyNumberFormat="0" applyFill="0" applyBorder="0" applyAlignment="0" applyProtection="0"/>
    <xf numFmtId="0" fontId="5" fillId="0" borderId="0">
      <alignment vertical="center"/>
    </xf>
    <xf numFmtId="0" fontId="11" fillId="0" borderId="0"/>
    <xf numFmtId="0" fontId="11" fillId="0" borderId="0"/>
    <xf numFmtId="0" fontId="3" fillId="0" borderId="0">
      <alignment vertical="center"/>
    </xf>
  </cellStyleXfs>
  <cellXfs count="299">
    <xf numFmtId="0" fontId="0" fillId="0" borderId="0" xfId="0"/>
    <xf numFmtId="0" fontId="6" fillId="0" borderId="0" xfId="0" applyFont="1" applyFill="1" applyBorder="1" applyAlignment="1"/>
    <xf numFmtId="0" fontId="6" fillId="0" borderId="0" xfId="0" applyFont="1" applyBorder="1"/>
    <xf numFmtId="0" fontId="6" fillId="0" borderId="0" xfId="0" applyFont="1" applyBorder="1" applyAlignment="1">
      <alignment vertical="top"/>
    </xf>
    <xf numFmtId="0" fontId="6" fillId="0" borderId="0" xfId="0" applyFont="1" applyBorder="1" applyAlignment="1">
      <alignment horizontal="left" vertical="top"/>
    </xf>
    <xf numFmtId="0" fontId="6" fillId="0" borderId="0" xfId="0" applyFont="1" applyBorder="1" applyAlignment="1"/>
    <xf numFmtId="0" fontId="0" fillId="0" borderId="0" xfId="0" applyBorder="1"/>
    <xf numFmtId="0" fontId="6" fillId="0" borderId="0" xfId="0" applyFont="1" applyFill="1" applyBorder="1"/>
    <xf numFmtId="0" fontId="14" fillId="0" borderId="0" xfId="0" applyFont="1" applyFill="1" applyBorder="1" applyAlignment="1">
      <alignment vertical="center"/>
    </xf>
    <xf numFmtId="0" fontId="14" fillId="0" borderId="0" xfId="0" applyFont="1" applyFill="1" applyAlignment="1">
      <alignment vertical="center"/>
    </xf>
    <xf numFmtId="0" fontId="14" fillId="0" borderId="0" xfId="0" applyFont="1" applyFill="1" applyAlignment="1">
      <alignment horizontal="right" vertical="center"/>
    </xf>
    <xf numFmtId="0" fontId="15" fillId="0" borderId="1"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0" xfId="0" applyFont="1" applyFill="1" applyAlignment="1">
      <alignment horizontal="center" vertical="center"/>
    </xf>
    <xf numFmtId="0" fontId="14" fillId="0" borderId="1" xfId="0" quotePrefix="1" applyFont="1" applyFill="1" applyBorder="1" applyAlignment="1" applyProtection="1">
      <alignment vertical="center"/>
    </xf>
    <xf numFmtId="0" fontId="6" fillId="0" borderId="1" xfId="0" quotePrefix="1" applyFont="1" applyFill="1" applyBorder="1" applyAlignment="1" applyProtection="1">
      <alignment vertical="center"/>
    </xf>
    <xf numFmtId="0" fontId="14" fillId="5" borderId="1" xfId="0" quotePrefix="1" applyFont="1" applyFill="1" applyBorder="1" applyAlignment="1" applyProtection="1">
      <alignment vertical="center"/>
    </xf>
    <xf numFmtId="0" fontId="14" fillId="5" borderId="0" xfId="0" applyFont="1" applyFill="1" applyBorder="1" applyAlignment="1">
      <alignment vertical="center"/>
    </xf>
    <xf numFmtId="0" fontId="14" fillId="2" borderId="0" xfId="0" applyFont="1" applyFill="1" applyAlignment="1">
      <alignment vertical="center"/>
    </xf>
    <xf numFmtId="0" fontId="6" fillId="0" borderId="1" xfId="0" quotePrefix="1" applyFont="1" applyFill="1" applyBorder="1" applyAlignment="1" applyProtection="1">
      <alignment vertical="center" shrinkToFit="1"/>
    </xf>
    <xf numFmtId="0" fontId="14" fillId="0" borderId="0" xfId="0" applyFont="1" applyFill="1" applyAlignment="1">
      <alignment vertical="center" shrinkToFit="1"/>
    </xf>
    <xf numFmtId="0" fontId="6" fillId="0" borderId="0" xfId="0" applyFont="1" applyFill="1" applyAlignment="1">
      <alignment vertical="center"/>
    </xf>
    <xf numFmtId="0" fontId="15" fillId="0" borderId="1" xfId="0" applyFont="1" applyFill="1" applyBorder="1" applyAlignment="1">
      <alignment horizontal="left" vertical="center"/>
    </xf>
    <xf numFmtId="0" fontId="16" fillId="0" borderId="0" xfId="4" applyFont="1" applyAlignment="1"/>
    <xf numFmtId="0" fontId="11" fillId="0" borderId="0" xfId="4" applyFont="1" applyAlignment="1"/>
    <xf numFmtId="0" fontId="11" fillId="0" borderId="5" xfId="4" applyFont="1" applyBorder="1" applyAlignment="1"/>
    <xf numFmtId="0" fontId="11" fillId="0" borderId="1" xfId="4" applyFont="1" applyBorder="1" applyAlignment="1"/>
    <xf numFmtId="0" fontId="17" fillId="5" borderId="13" xfId="4" applyFont="1" applyFill="1" applyBorder="1" applyAlignment="1">
      <alignment horizontal="center" vertical="center" wrapText="1"/>
    </xf>
    <xf numFmtId="0" fontId="17" fillId="8" borderId="6" xfId="4" applyFont="1" applyFill="1" applyBorder="1" applyAlignment="1">
      <alignment horizontal="center" vertical="center" wrapText="1"/>
    </xf>
    <xf numFmtId="0" fontId="19" fillId="5" borderId="6" xfId="4" applyFont="1" applyFill="1" applyBorder="1" applyAlignment="1">
      <alignment horizontal="center" vertical="center" wrapText="1"/>
    </xf>
    <xf numFmtId="0" fontId="17" fillId="8" borderId="14" xfId="4" applyFont="1" applyFill="1" applyBorder="1" applyAlignment="1">
      <alignment horizontal="center" vertical="center" wrapText="1"/>
    </xf>
    <xf numFmtId="0" fontId="17" fillId="8" borderId="15" xfId="4" applyFont="1" applyFill="1" applyBorder="1" applyAlignment="1">
      <alignment horizontal="center" vertical="center" wrapText="1"/>
    </xf>
    <xf numFmtId="0" fontId="17" fillId="8" borderId="1" xfId="4" applyFont="1" applyFill="1" applyBorder="1" applyAlignment="1">
      <alignment horizontal="center" vertical="center" wrapText="1"/>
    </xf>
    <xf numFmtId="0" fontId="17" fillId="8" borderId="2" xfId="4" applyFont="1" applyFill="1" applyBorder="1" applyAlignment="1">
      <alignment horizontal="center" vertical="center" wrapText="1"/>
    </xf>
    <xf numFmtId="0" fontId="17" fillId="0" borderId="13" xfId="4" applyFont="1" applyFill="1" applyBorder="1" applyAlignment="1">
      <alignment horizontal="left" vertical="center" wrapText="1"/>
    </xf>
    <xf numFmtId="0" fontId="19" fillId="0" borderId="4" xfId="4" applyFont="1" applyFill="1" applyBorder="1" applyAlignment="1">
      <alignment horizontal="center" vertical="center" wrapText="1"/>
    </xf>
    <xf numFmtId="0" fontId="17" fillId="0" borderId="4" xfId="4" applyFont="1" applyFill="1" applyBorder="1" applyAlignment="1">
      <alignment horizontal="center" vertical="center" wrapText="1"/>
    </xf>
    <xf numFmtId="0" fontId="17" fillId="0" borderId="1" xfId="4" applyFont="1" applyFill="1" applyBorder="1" applyAlignment="1">
      <alignment horizontal="center" vertical="center" wrapText="1"/>
    </xf>
    <xf numFmtId="0" fontId="19" fillId="0" borderId="1" xfId="4" applyFont="1" applyFill="1" applyBorder="1" applyAlignment="1">
      <alignment horizontal="center" vertical="center" wrapText="1"/>
    </xf>
    <xf numFmtId="0" fontId="17" fillId="0" borderId="16" xfId="4" applyFont="1" applyFill="1" applyBorder="1" applyAlignment="1">
      <alignment horizontal="center" vertical="center" wrapText="1"/>
    </xf>
    <xf numFmtId="0" fontId="17" fillId="0" borderId="17" xfId="4" applyFont="1" applyFill="1" applyBorder="1" applyAlignment="1">
      <alignment horizontal="center" vertical="center" wrapText="1"/>
    </xf>
    <xf numFmtId="0" fontId="17" fillId="0" borderId="18" xfId="4" applyFont="1" applyFill="1" applyBorder="1" applyAlignment="1">
      <alignment horizontal="center" vertical="center" wrapText="1"/>
    </xf>
    <xf numFmtId="0" fontId="17" fillId="0" borderId="19" xfId="4" applyFont="1" applyFill="1" applyBorder="1" applyAlignment="1">
      <alignment horizontal="center" vertical="center" wrapText="1"/>
    </xf>
    <xf numFmtId="0" fontId="17" fillId="0" borderId="2" xfId="4" applyFont="1" applyFill="1" applyBorder="1" applyAlignment="1">
      <alignment horizontal="center" vertical="center" wrapText="1"/>
    </xf>
    <xf numFmtId="0" fontId="19" fillId="0" borderId="17" xfId="4" applyFont="1" applyFill="1" applyBorder="1" applyAlignment="1">
      <alignment horizontal="center" vertical="center" wrapText="1"/>
    </xf>
    <xf numFmtId="0" fontId="19" fillId="0" borderId="16" xfId="4" applyFont="1" applyFill="1" applyBorder="1" applyAlignment="1">
      <alignment horizontal="center" vertical="center" wrapText="1"/>
    </xf>
    <xf numFmtId="0" fontId="19" fillId="0" borderId="20" xfId="4" applyFont="1" applyFill="1" applyBorder="1" applyAlignment="1">
      <alignment horizontal="center" vertical="center" wrapText="1"/>
    </xf>
    <xf numFmtId="0" fontId="11" fillId="0" borderId="0" xfId="4" applyFont="1" applyAlignment="1">
      <alignment horizontal="center"/>
    </xf>
    <xf numFmtId="0" fontId="16" fillId="5" borderId="17" xfId="4" applyFont="1" applyFill="1" applyBorder="1" applyAlignment="1">
      <alignment horizontal="center"/>
    </xf>
    <xf numFmtId="0" fontId="19" fillId="8" borderId="4" xfId="4" applyFont="1" applyFill="1" applyBorder="1" applyAlignment="1">
      <alignment horizontal="left" vertical="center" wrapText="1"/>
    </xf>
    <xf numFmtId="0" fontId="17" fillId="8" borderId="4" xfId="4" applyFont="1" applyFill="1" applyBorder="1" applyAlignment="1">
      <alignment horizontal="left" vertical="center" wrapText="1"/>
    </xf>
    <xf numFmtId="0" fontId="17" fillId="5" borderId="4" xfId="4" applyFont="1" applyFill="1" applyBorder="1" applyAlignment="1">
      <alignment horizontal="center" vertical="center" wrapText="1"/>
    </xf>
    <xf numFmtId="0" fontId="17" fillId="8" borderId="4" xfId="4" applyFont="1" applyFill="1" applyBorder="1" applyAlignment="1">
      <alignment horizontal="center" vertical="center" wrapText="1"/>
    </xf>
    <xf numFmtId="0" fontId="17" fillId="8" borderId="16" xfId="4" applyFont="1" applyFill="1" applyBorder="1" applyAlignment="1">
      <alignment horizontal="left" vertical="center" wrapText="1"/>
    </xf>
    <xf numFmtId="0" fontId="19" fillId="8" borderId="17" xfId="4" applyFont="1" applyFill="1" applyBorder="1" applyAlignment="1">
      <alignment horizontal="center" vertical="center" wrapText="1"/>
    </xf>
    <xf numFmtId="0" fontId="19" fillId="8" borderId="19" xfId="4" applyFont="1" applyFill="1" applyBorder="1" applyAlignment="1">
      <alignment horizontal="center" vertical="center" wrapText="1"/>
    </xf>
    <xf numFmtId="0" fontId="18" fillId="0" borderId="21" xfId="4" applyFont="1" applyFill="1" applyBorder="1" applyAlignment="1">
      <alignment horizontal="center" vertical="center" wrapText="1"/>
    </xf>
    <xf numFmtId="0" fontId="19" fillId="0" borderId="3" xfId="4" applyFont="1" applyFill="1" applyBorder="1" applyAlignment="1">
      <alignment horizontal="center" vertical="center" wrapText="1"/>
    </xf>
    <xf numFmtId="0" fontId="18" fillId="0" borderId="3" xfId="4" applyFont="1" applyFill="1" applyBorder="1" applyAlignment="1">
      <alignment horizontal="center" vertical="center" wrapText="1"/>
    </xf>
    <xf numFmtId="0" fontId="20" fillId="0" borderId="3" xfId="4" applyFont="1" applyFill="1" applyBorder="1" applyAlignment="1">
      <alignment horizontal="center" vertical="center" wrapText="1"/>
    </xf>
    <xf numFmtId="0" fontId="17" fillId="0" borderId="22" xfId="4" applyFont="1" applyFill="1" applyBorder="1" applyAlignment="1">
      <alignment horizontal="center" vertical="center" wrapText="1"/>
    </xf>
    <xf numFmtId="0" fontId="17" fillId="0" borderId="21" xfId="4" applyFont="1" applyFill="1" applyBorder="1" applyAlignment="1">
      <alignment horizontal="center" vertical="center" wrapText="1"/>
    </xf>
    <xf numFmtId="0" fontId="17" fillId="0" borderId="3" xfId="4" applyFont="1" applyFill="1" applyBorder="1" applyAlignment="1">
      <alignment horizontal="center" vertical="center" wrapText="1"/>
    </xf>
    <xf numFmtId="0" fontId="17" fillId="0" borderId="23" xfId="4" applyFont="1" applyFill="1" applyBorder="1" applyAlignment="1">
      <alignment horizontal="center" vertical="center" wrapText="1"/>
    </xf>
    <xf numFmtId="0" fontId="17" fillId="0" borderId="24" xfId="4" applyFont="1" applyFill="1" applyBorder="1" applyAlignment="1">
      <alignment horizontal="center" vertical="center" wrapText="1"/>
    </xf>
    <xf numFmtId="0" fontId="17" fillId="0" borderId="3" xfId="4" applyFont="1" applyFill="1" applyBorder="1" applyAlignment="1">
      <alignment horizontal="left" vertical="center" wrapText="1"/>
    </xf>
    <xf numFmtId="0" fontId="17" fillId="0" borderId="24" xfId="4" applyFont="1" applyFill="1" applyBorder="1" applyAlignment="1">
      <alignment horizontal="left" vertical="center" wrapText="1"/>
    </xf>
    <xf numFmtId="0" fontId="19" fillId="0" borderId="21" xfId="4" applyFont="1" applyFill="1" applyBorder="1" applyAlignment="1">
      <alignment horizontal="center" vertical="center" wrapText="1"/>
    </xf>
    <xf numFmtId="0" fontId="19" fillId="0" borderId="22" xfId="4" applyFont="1" applyFill="1" applyBorder="1" applyAlignment="1">
      <alignment horizontal="center" vertical="center" wrapText="1"/>
    </xf>
    <xf numFmtId="0" fontId="19" fillId="0" borderId="25" xfId="4" applyFont="1" applyFill="1" applyBorder="1" applyAlignment="1">
      <alignment horizontal="center" vertical="center" wrapText="1"/>
    </xf>
    <xf numFmtId="0" fontId="21" fillId="5" borderId="1" xfId="4" applyFont="1" applyFill="1" applyBorder="1" applyAlignment="1">
      <alignment horizontal="distributed" vertical="center"/>
    </xf>
    <xf numFmtId="0" fontId="23" fillId="5" borderId="1" xfId="4" applyFont="1" applyFill="1" applyBorder="1" applyAlignment="1">
      <alignment vertical="center" shrinkToFit="1"/>
    </xf>
    <xf numFmtId="0" fontId="23" fillId="5" borderId="1" xfId="4" applyFont="1" applyFill="1" applyBorder="1" applyAlignment="1">
      <alignment vertical="center" wrapText="1"/>
    </xf>
    <xf numFmtId="0" fontId="24" fillId="5" borderId="1" xfId="4" applyFont="1" applyFill="1" applyBorder="1" applyAlignment="1">
      <alignment vertical="center"/>
    </xf>
    <xf numFmtId="38" fontId="24" fillId="5" borderId="1" xfId="1" applyFont="1" applyFill="1" applyBorder="1" applyAlignment="1">
      <alignment vertical="center"/>
    </xf>
    <xf numFmtId="0" fontId="23" fillId="5" borderId="1" xfId="4" applyFont="1" applyFill="1" applyBorder="1" applyAlignment="1">
      <alignment horizontal="center" vertical="center"/>
    </xf>
    <xf numFmtId="0" fontId="24" fillId="5" borderId="1" xfId="4" applyFont="1" applyFill="1" applyBorder="1" applyAlignment="1">
      <alignment vertical="center" wrapText="1"/>
    </xf>
    <xf numFmtId="0" fontId="23" fillId="5" borderId="1" xfId="4" applyFont="1" applyFill="1" applyBorder="1" applyAlignment="1">
      <alignment vertical="top" wrapText="1"/>
    </xf>
    <xf numFmtId="0" fontId="25" fillId="5" borderId="1" xfId="2" applyFont="1" applyFill="1" applyBorder="1" applyAlignment="1">
      <alignment vertical="center"/>
    </xf>
    <xf numFmtId="0" fontId="21" fillId="0" borderId="1" xfId="4" applyFont="1" applyFill="1" applyBorder="1" applyAlignment="1">
      <alignment horizontal="left" vertical="center"/>
    </xf>
    <xf numFmtId="0" fontId="23" fillId="0" borderId="1" xfId="4" applyFont="1" applyFill="1" applyBorder="1" applyAlignment="1">
      <alignment vertical="center" wrapText="1"/>
    </xf>
    <xf numFmtId="0" fontId="24" fillId="0" borderId="1" xfId="4" applyFont="1" applyBorder="1" applyAlignment="1">
      <alignment vertical="center"/>
    </xf>
    <xf numFmtId="0" fontId="23" fillId="0" borderId="1" xfId="4" applyFont="1" applyFill="1" applyBorder="1" applyAlignment="1">
      <alignment horizontal="center" vertical="center"/>
    </xf>
    <xf numFmtId="0" fontId="24" fillId="3" borderId="1" xfId="4" applyFont="1" applyFill="1" applyBorder="1" applyAlignment="1">
      <alignment vertical="center"/>
    </xf>
    <xf numFmtId="0" fontId="24" fillId="3" borderId="1" xfId="4" applyFont="1" applyFill="1" applyBorder="1" applyAlignment="1">
      <alignment vertical="center" wrapText="1"/>
    </xf>
    <xf numFmtId="0" fontId="23" fillId="3" borderId="1" xfId="4" applyFont="1" applyFill="1" applyBorder="1" applyAlignment="1">
      <alignment vertical="top" wrapText="1"/>
    </xf>
    <xf numFmtId="0" fontId="25" fillId="3" borderId="1" xfId="2" applyFont="1" applyFill="1" applyBorder="1" applyAlignment="1">
      <alignment vertical="center"/>
    </xf>
    <xf numFmtId="0" fontId="23" fillId="3" borderId="1" xfId="4" applyFont="1" applyFill="1" applyBorder="1" applyAlignment="1">
      <alignment vertical="center"/>
    </xf>
    <xf numFmtId="0" fontId="21" fillId="0" borderId="1" xfId="4" applyFont="1" applyFill="1" applyBorder="1" applyAlignment="1">
      <alignment horizontal="distributed" vertical="center"/>
    </xf>
    <xf numFmtId="0" fontId="26" fillId="0" borderId="1" xfId="4" applyFont="1" applyFill="1" applyBorder="1" applyAlignment="1">
      <alignment horizontal="left" vertical="center"/>
    </xf>
    <xf numFmtId="0" fontId="23" fillId="0" borderId="1" xfId="4" applyFont="1" applyBorder="1" applyAlignment="1">
      <alignment horizontal="center" vertical="center"/>
    </xf>
    <xf numFmtId="0" fontId="15" fillId="5" borderId="1" xfId="0" applyFont="1" applyFill="1" applyBorder="1" applyAlignment="1">
      <alignment horizontal="center" vertical="center" wrapText="1"/>
    </xf>
    <xf numFmtId="0" fontId="14" fillId="5" borderId="0" xfId="0" applyFont="1" applyFill="1" applyAlignment="1">
      <alignment vertical="center"/>
    </xf>
    <xf numFmtId="0" fontId="27" fillId="0" borderId="1" xfId="0" applyFont="1" applyFill="1" applyBorder="1" applyAlignment="1" applyProtection="1">
      <alignment horizontal="left" vertical="center"/>
      <protection locked="0"/>
    </xf>
    <xf numFmtId="0" fontId="29" fillId="0" borderId="1" xfId="0" applyFont="1" applyBorder="1" applyAlignment="1">
      <alignment vertical="center"/>
    </xf>
    <xf numFmtId="0" fontId="30" fillId="5" borderId="1" xfId="0" applyFont="1" applyFill="1" applyBorder="1" applyAlignment="1" applyProtection="1">
      <alignment vertical="center"/>
      <protection locked="0"/>
    </xf>
    <xf numFmtId="0" fontId="27" fillId="6" borderId="1" xfId="0" applyFont="1" applyFill="1" applyBorder="1" applyAlignment="1" applyProtection="1">
      <alignment horizontal="left" vertical="center"/>
      <protection locked="0"/>
    </xf>
    <xf numFmtId="0" fontId="32" fillId="0" borderId="1" xfId="0" quotePrefix="1" applyFont="1" applyFill="1" applyBorder="1" applyAlignment="1" applyProtection="1">
      <alignment vertical="center"/>
    </xf>
    <xf numFmtId="0" fontId="32" fillId="0" borderId="1" xfId="0" applyFont="1" applyFill="1" applyBorder="1" applyAlignment="1" applyProtection="1">
      <alignment vertical="center"/>
      <protection locked="0"/>
    </xf>
    <xf numFmtId="0" fontId="32" fillId="3" borderId="1" xfId="0" applyFont="1" applyFill="1" applyBorder="1" applyAlignment="1" applyProtection="1">
      <alignment vertical="center"/>
      <protection locked="0"/>
    </xf>
    <xf numFmtId="0" fontId="27" fillId="0" borderId="0" xfId="0" applyFont="1" applyFill="1" applyBorder="1" applyAlignment="1">
      <alignment vertical="center"/>
    </xf>
    <xf numFmtId="0" fontId="31" fillId="0" borderId="0" xfId="0" applyFont="1" applyFill="1" applyBorder="1" applyAlignment="1">
      <alignment vertical="center"/>
    </xf>
    <xf numFmtId="0" fontId="6" fillId="2" borderId="1" xfId="0" quotePrefix="1" applyFont="1" applyFill="1" applyBorder="1" applyAlignment="1" applyProtection="1">
      <alignment vertical="center"/>
    </xf>
    <xf numFmtId="0" fontId="31" fillId="0" borderId="1" xfId="0" quotePrefix="1" applyFont="1" applyFill="1" applyBorder="1" applyAlignment="1" applyProtection="1">
      <alignment vertical="center"/>
    </xf>
    <xf numFmtId="0" fontId="14" fillId="0" borderId="0" xfId="5" applyFont="1" applyFill="1" applyBorder="1" applyAlignment="1">
      <alignment vertical="center"/>
    </xf>
    <xf numFmtId="0" fontId="14" fillId="0" borderId="0" xfId="4" applyFont="1" applyFill="1" applyAlignment="1">
      <alignment vertical="center"/>
    </xf>
    <xf numFmtId="0" fontId="14" fillId="0" borderId="1" xfId="4" quotePrefix="1" applyFont="1" applyFill="1" applyBorder="1" applyAlignment="1" applyProtection="1">
      <alignment vertical="center"/>
    </xf>
    <xf numFmtId="31" fontId="14" fillId="5" borderId="1" xfId="0" applyNumberFormat="1" applyFont="1" applyFill="1" applyBorder="1" applyAlignment="1">
      <alignment vertical="center"/>
    </xf>
    <xf numFmtId="31" fontId="14" fillId="0" borderId="0" xfId="0" applyNumberFormat="1" applyFont="1" applyFill="1" applyBorder="1" applyAlignment="1">
      <alignment vertical="center"/>
    </xf>
    <xf numFmtId="0" fontId="27" fillId="5" borderId="1" xfId="0" applyFont="1" applyFill="1" applyBorder="1" applyAlignment="1" applyProtection="1">
      <alignment horizontal="left" vertical="center"/>
      <protection locked="0"/>
    </xf>
    <xf numFmtId="0" fontId="32" fillId="5" borderId="1" xfId="0" applyFont="1" applyFill="1" applyBorder="1" applyAlignment="1" applyProtection="1">
      <alignment vertical="center"/>
      <protection locked="0"/>
    </xf>
    <xf numFmtId="0" fontId="27" fillId="0" borderId="1" xfId="0" applyFont="1" applyFill="1" applyBorder="1" applyAlignment="1" applyProtection="1">
      <alignment horizontal="right" vertical="center"/>
      <protection locked="0"/>
    </xf>
    <xf numFmtId="0" fontId="27" fillId="0" borderId="1" xfId="0" applyFont="1" applyFill="1" applyBorder="1" applyAlignment="1" applyProtection="1">
      <alignment vertical="center"/>
      <protection locked="0"/>
    </xf>
    <xf numFmtId="0" fontId="33" fillId="5" borderId="1" xfId="0" applyFont="1" applyFill="1" applyBorder="1" applyAlignment="1" applyProtection="1">
      <alignment vertical="center"/>
      <protection locked="0"/>
    </xf>
    <xf numFmtId="49" fontId="33" fillId="5" borderId="1" xfId="0" applyNumberFormat="1" applyFont="1" applyFill="1" applyBorder="1" applyAlignment="1" applyProtection="1">
      <alignment vertical="center"/>
      <protection locked="0"/>
    </xf>
    <xf numFmtId="0" fontId="33" fillId="0" borderId="1" xfId="0" applyFont="1" applyBorder="1" applyAlignment="1">
      <alignment vertical="center"/>
    </xf>
    <xf numFmtId="0" fontId="34" fillId="5" borderId="1" xfId="0" applyFont="1" applyFill="1" applyBorder="1" applyAlignment="1" applyProtection="1">
      <alignment vertical="center"/>
      <protection locked="0"/>
    </xf>
    <xf numFmtId="0" fontId="34" fillId="3" borderId="1" xfId="0" applyFont="1" applyFill="1" applyBorder="1" applyAlignment="1" applyProtection="1">
      <alignment vertical="center"/>
      <protection locked="0"/>
    </xf>
    <xf numFmtId="0" fontId="35" fillId="3" borderId="1" xfId="2" applyFont="1" applyFill="1" applyBorder="1" applyAlignment="1" applyProtection="1">
      <alignment vertical="center"/>
      <protection locked="0"/>
    </xf>
    <xf numFmtId="0" fontId="33" fillId="3" borderId="1" xfId="0" applyFont="1" applyFill="1" applyBorder="1" applyAlignment="1" applyProtection="1">
      <alignment vertical="center"/>
      <protection locked="0"/>
    </xf>
    <xf numFmtId="0" fontId="36" fillId="0" borderId="1" xfId="0" applyFont="1" applyBorder="1" applyAlignment="1">
      <alignment vertical="center"/>
    </xf>
    <xf numFmtId="0" fontId="33" fillId="5" borderId="1" xfId="0" applyFont="1" applyFill="1" applyBorder="1" applyAlignment="1" applyProtection="1">
      <alignment horizontal="left" vertical="center"/>
      <protection locked="0"/>
    </xf>
    <xf numFmtId="0" fontId="33" fillId="0" borderId="1" xfId="0" applyFont="1" applyFill="1" applyBorder="1" applyAlignment="1" applyProtection="1">
      <alignment vertical="center"/>
      <protection locked="0"/>
    </xf>
    <xf numFmtId="0" fontId="37" fillId="0" borderId="1" xfId="2" applyFont="1" applyFill="1" applyBorder="1" applyAlignment="1" applyProtection="1">
      <alignment vertical="center"/>
      <protection locked="0"/>
    </xf>
    <xf numFmtId="0" fontId="37" fillId="5" borderId="1" xfId="2" applyFont="1" applyFill="1" applyBorder="1" applyAlignment="1" applyProtection="1">
      <alignment vertical="center"/>
      <protection locked="0"/>
    </xf>
    <xf numFmtId="0" fontId="34" fillId="5" borderId="1" xfId="0" applyFont="1" applyFill="1" applyBorder="1" applyAlignment="1" applyProtection="1">
      <alignment horizontal="left" vertical="center"/>
      <protection locked="0"/>
    </xf>
    <xf numFmtId="0" fontId="35" fillId="5" borderId="1" xfId="2" applyFont="1" applyFill="1" applyBorder="1" applyAlignment="1" applyProtection="1">
      <alignment vertical="center"/>
      <protection locked="0"/>
    </xf>
    <xf numFmtId="0" fontId="37" fillId="5" borderId="1" xfId="2" applyFont="1" applyFill="1" applyBorder="1" applyAlignment="1" applyProtection="1">
      <alignment vertical="center" wrapText="1"/>
      <protection locked="0"/>
    </xf>
    <xf numFmtId="0" fontId="32" fillId="4" borderId="1" xfId="0" applyFont="1" applyFill="1" applyBorder="1" applyAlignment="1" applyProtection="1">
      <alignment vertical="center"/>
      <protection locked="0"/>
    </xf>
    <xf numFmtId="0" fontId="32" fillId="0" borderId="1" xfId="0" applyFont="1" applyFill="1" applyBorder="1" applyAlignment="1" applyProtection="1">
      <alignment horizontal="left" vertical="center"/>
      <protection locked="0"/>
    </xf>
    <xf numFmtId="0" fontId="32" fillId="0" borderId="1" xfId="0" applyFont="1" applyFill="1" applyBorder="1" applyAlignment="1">
      <alignment vertical="center"/>
    </xf>
    <xf numFmtId="0" fontId="32" fillId="4" borderId="0" xfId="0" applyFont="1" applyFill="1" applyBorder="1" applyAlignment="1">
      <alignment vertical="center"/>
    </xf>
    <xf numFmtId="0" fontId="32" fillId="0" borderId="3" xfId="0" applyFont="1" applyFill="1" applyBorder="1" applyAlignment="1">
      <alignment vertical="center"/>
    </xf>
    <xf numFmtId="0" fontId="32" fillId="0" borderId="3" xfId="0" applyFont="1" applyFill="1" applyBorder="1" applyAlignment="1" applyProtection="1">
      <alignment vertical="center"/>
      <protection locked="0"/>
    </xf>
    <xf numFmtId="0" fontId="32" fillId="4" borderId="3" xfId="0" applyFont="1" applyFill="1" applyBorder="1" applyAlignment="1" applyProtection="1">
      <alignment vertical="center"/>
      <protection locked="0"/>
    </xf>
    <xf numFmtId="0" fontId="32" fillId="4" borderId="1" xfId="0" applyFont="1" applyFill="1" applyBorder="1" applyAlignment="1">
      <alignment vertical="center"/>
    </xf>
    <xf numFmtId="0" fontId="32" fillId="0" borderId="1" xfId="0" applyFont="1" applyBorder="1" applyAlignment="1">
      <alignment vertical="center"/>
    </xf>
    <xf numFmtId="0" fontId="32" fillId="0" borderId="5" xfId="0" applyFont="1" applyFill="1" applyBorder="1" applyAlignment="1">
      <alignment vertical="center"/>
    </xf>
    <xf numFmtId="0" fontId="27" fillId="0" borderId="1" xfId="0" applyFont="1" applyFill="1" applyBorder="1" applyAlignment="1">
      <alignment horizontal="left" vertical="center"/>
    </xf>
    <xf numFmtId="0" fontId="27" fillId="0" borderId="1" xfId="0" applyFont="1" applyFill="1" applyBorder="1" applyAlignment="1">
      <alignment horizontal="right" vertical="center"/>
    </xf>
    <xf numFmtId="0" fontId="27" fillId="0" borderId="1" xfId="0" applyFont="1" applyFill="1" applyBorder="1" applyAlignment="1">
      <alignment vertical="center"/>
    </xf>
    <xf numFmtId="0" fontId="32" fillId="0" borderId="1" xfId="0" applyFont="1" applyFill="1" applyBorder="1" applyAlignment="1" applyProtection="1">
      <alignment horizontal="right" vertical="center"/>
      <protection locked="0"/>
    </xf>
    <xf numFmtId="0" fontId="38" fillId="0" borderId="1" xfId="2" applyFont="1" applyFill="1" applyBorder="1" applyAlignment="1" applyProtection="1">
      <alignment vertical="center"/>
      <protection locked="0"/>
    </xf>
    <xf numFmtId="0" fontId="32" fillId="5" borderId="1" xfId="0" applyFont="1" applyFill="1" applyBorder="1" applyAlignment="1" applyProtection="1">
      <alignment vertical="center" shrinkToFit="1"/>
      <protection locked="0"/>
    </xf>
    <xf numFmtId="0" fontId="32" fillId="0" borderId="1" xfId="0" applyFont="1" applyFill="1" applyBorder="1" applyAlignment="1" applyProtection="1">
      <alignment vertical="center" shrinkToFit="1"/>
      <protection locked="0"/>
    </xf>
    <xf numFmtId="0" fontId="27" fillId="3" borderId="1" xfId="0" applyFont="1" applyFill="1" applyBorder="1" applyAlignment="1" applyProtection="1">
      <alignment horizontal="right" vertical="center"/>
      <protection locked="0"/>
    </xf>
    <xf numFmtId="0" fontId="27" fillId="3" borderId="1" xfId="0" applyFont="1" applyFill="1" applyBorder="1" applyAlignment="1" applyProtection="1">
      <alignment vertical="center"/>
      <protection locked="0"/>
    </xf>
    <xf numFmtId="0" fontId="39" fillId="0" borderId="1" xfId="2" applyFont="1" applyFill="1" applyBorder="1" applyAlignment="1" applyProtection="1">
      <alignment vertical="center"/>
      <protection locked="0"/>
    </xf>
    <xf numFmtId="0" fontId="32" fillId="3" borderId="1" xfId="0" applyFont="1" applyFill="1" applyBorder="1" applyAlignment="1" applyProtection="1">
      <alignment horizontal="left" vertical="center"/>
      <protection locked="0"/>
    </xf>
    <xf numFmtId="0" fontId="32" fillId="0" borderId="1" xfId="0" applyFont="1" applyFill="1" applyBorder="1" applyAlignment="1" applyProtection="1">
      <alignment horizontal="center" vertical="center"/>
      <protection locked="0"/>
    </xf>
    <xf numFmtId="0" fontId="40" fillId="0" borderId="1" xfId="0" applyFont="1" applyFill="1" applyBorder="1" applyAlignment="1" applyProtection="1">
      <alignment vertical="center"/>
      <protection locked="0"/>
    </xf>
    <xf numFmtId="0" fontId="40" fillId="0" borderId="1" xfId="0" applyFont="1" applyFill="1" applyBorder="1" applyAlignment="1" applyProtection="1">
      <alignment horizontal="left" vertical="center"/>
      <protection locked="0"/>
    </xf>
    <xf numFmtId="0" fontId="32" fillId="3" borderId="1" xfId="0" applyFont="1" applyFill="1" applyBorder="1" applyAlignment="1" applyProtection="1">
      <alignment horizontal="center" vertical="center"/>
      <protection locked="0"/>
    </xf>
    <xf numFmtId="0" fontId="27" fillId="0" borderId="1" xfId="0" applyFont="1" applyFill="1" applyBorder="1" applyAlignment="1">
      <alignment vertical="center" wrapText="1"/>
    </xf>
    <xf numFmtId="0" fontId="41" fillId="0" borderId="1" xfId="2" applyFont="1" applyFill="1" applyBorder="1" applyAlignment="1" applyProtection="1">
      <alignment vertical="center"/>
      <protection locked="0"/>
    </xf>
    <xf numFmtId="38" fontId="32" fillId="0" borderId="1" xfId="0" applyNumberFormat="1" applyFont="1" applyFill="1" applyBorder="1" applyAlignment="1" applyProtection="1">
      <alignment vertical="center"/>
      <protection locked="0"/>
    </xf>
    <xf numFmtId="31" fontId="32" fillId="0" borderId="1" xfId="0" applyNumberFormat="1" applyFont="1" applyFill="1" applyBorder="1" applyAlignment="1">
      <alignment vertical="center"/>
    </xf>
    <xf numFmtId="0" fontId="32" fillId="0" borderId="0" xfId="0" applyFont="1" applyFill="1" applyBorder="1" applyAlignment="1">
      <alignment vertical="center"/>
    </xf>
    <xf numFmtId="0" fontId="32" fillId="0" borderId="0" xfId="0" applyFont="1" applyFill="1" applyAlignment="1">
      <alignment vertical="center"/>
    </xf>
    <xf numFmtId="0" fontId="42" fillId="0" borderId="1" xfId="0" applyFont="1" applyFill="1" applyBorder="1" applyAlignment="1" applyProtection="1">
      <alignment vertical="center"/>
      <protection locked="0"/>
    </xf>
    <xf numFmtId="0" fontId="32" fillId="5" borderId="7" xfId="0" applyFont="1" applyFill="1" applyBorder="1" applyAlignment="1">
      <alignment vertical="center"/>
    </xf>
    <xf numFmtId="0" fontId="32" fillId="0" borderId="8" xfId="0" applyFont="1" applyFill="1" applyBorder="1" applyAlignment="1">
      <alignment vertical="center"/>
    </xf>
    <xf numFmtId="0" fontId="32" fillId="0" borderId="6" xfId="0" applyFont="1" applyFill="1" applyBorder="1" applyAlignment="1">
      <alignment vertical="center"/>
    </xf>
    <xf numFmtId="0" fontId="32" fillId="0" borderId="7" xfId="0" applyFont="1" applyFill="1" applyBorder="1" applyAlignment="1">
      <alignment vertical="center"/>
    </xf>
    <xf numFmtId="0" fontId="32" fillId="7" borderId="8" xfId="0" applyFont="1" applyFill="1" applyBorder="1" applyAlignment="1">
      <alignment vertical="center"/>
    </xf>
    <xf numFmtId="0" fontId="32" fillId="7" borderId="6" xfId="0" applyFont="1" applyFill="1" applyBorder="1" applyAlignment="1">
      <alignment vertical="center"/>
    </xf>
    <xf numFmtId="0" fontId="32" fillId="7" borderId="7" xfId="0" applyFont="1" applyFill="1" applyBorder="1" applyAlignment="1">
      <alignment vertical="center"/>
    </xf>
    <xf numFmtId="0" fontId="32" fillId="5" borderId="9" xfId="0" applyFont="1" applyFill="1" applyBorder="1" applyAlignment="1">
      <alignment vertical="center"/>
    </xf>
    <xf numFmtId="0" fontId="32" fillId="0" borderId="9" xfId="0" applyFont="1" applyFill="1" applyBorder="1" applyAlignment="1">
      <alignment vertical="center"/>
    </xf>
    <xf numFmtId="0" fontId="32" fillId="7" borderId="5" xfId="0" applyFont="1" applyFill="1" applyBorder="1" applyAlignment="1">
      <alignment vertical="center"/>
    </xf>
    <xf numFmtId="0" fontId="32" fillId="7" borderId="1" xfId="0" applyFont="1" applyFill="1" applyBorder="1" applyAlignment="1">
      <alignment vertical="center"/>
    </xf>
    <xf numFmtId="0" fontId="32" fillId="7" borderId="9" xfId="0" applyFont="1" applyFill="1" applyBorder="1" applyAlignment="1">
      <alignment vertical="center"/>
    </xf>
    <xf numFmtId="0" fontId="32" fillId="0" borderId="2" xfId="0" applyFont="1" applyFill="1" applyBorder="1" applyAlignment="1" applyProtection="1">
      <alignment vertical="center"/>
      <protection locked="0"/>
    </xf>
    <xf numFmtId="0" fontId="32" fillId="3" borderId="2" xfId="0" applyFont="1" applyFill="1" applyBorder="1" applyAlignment="1" applyProtection="1">
      <alignment vertical="center"/>
      <protection locked="0"/>
    </xf>
    <xf numFmtId="0" fontId="27" fillId="4" borderId="1" xfId="0" applyFont="1" applyFill="1" applyBorder="1" applyAlignment="1" applyProtection="1">
      <alignment horizontal="right" vertical="center"/>
      <protection locked="0"/>
    </xf>
    <xf numFmtId="0" fontId="27" fillId="4" borderId="1" xfId="0" applyFont="1" applyFill="1" applyBorder="1" applyAlignment="1" applyProtection="1">
      <alignment vertical="center"/>
      <protection locked="0"/>
    </xf>
    <xf numFmtId="0" fontId="39" fillId="4" borderId="1" xfId="2" applyFont="1" applyFill="1" applyBorder="1" applyAlignment="1" applyProtection="1">
      <alignment vertical="center"/>
      <protection locked="0"/>
    </xf>
    <xf numFmtId="0" fontId="27" fillId="0" borderId="1" xfId="0" applyFont="1" applyFill="1" applyBorder="1" applyAlignment="1" applyProtection="1">
      <alignment horizontal="left" vertical="center" shrinkToFit="1"/>
      <protection locked="0"/>
    </xf>
    <xf numFmtId="0" fontId="27" fillId="0" borderId="1" xfId="0" applyFont="1" applyFill="1" applyBorder="1" applyAlignment="1" applyProtection="1">
      <alignment horizontal="right" vertical="center" shrinkToFit="1"/>
      <protection locked="0"/>
    </xf>
    <xf numFmtId="0" fontId="27" fillId="3" borderId="1" xfId="0" applyFont="1" applyFill="1" applyBorder="1" applyAlignment="1" applyProtection="1">
      <alignment horizontal="right" vertical="center" shrinkToFit="1"/>
      <protection locked="0"/>
    </xf>
    <xf numFmtId="0" fontId="27" fillId="3" borderId="1" xfId="0" applyFont="1" applyFill="1" applyBorder="1" applyAlignment="1" applyProtection="1">
      <alignment vertical="center" shrinkToFit="1"/>
      <protection locked="0"/>
    </xf>
    <xf numFmtId="0" fontId="27" fillId="0" borderId="1" xfId="0" applyFont="1" applyFill="1" applyBorder="1" applyAlignment="1" applyProtection="1">
      <alignment vertical="center" shrinkToFit="1"/>
      <protection locked="0"/>
    </xf>
    <xf numFmtId="0" fontId="27" fillId="5" borderId="1" xfId="0" applyFont="1" applyFill="1" applyBorder="1" applyAlignment="1" applyProtection="1">
      <alignment horizontal="right" vertical="center"/>
      <protection locked="0"/>
    </xf>
    <xf numFmtId="0" fontId="27" fillId="5" borderId="1" xfId="0" applyFont="1" applyFill="1" applyBorder="1" applyAlignment="1" applyProtection="1">
      <alignment vertical="center"/>
      <protection locked="0"/>
    </xf>
    <xf numFmtId="0" fontId="37" fillId="5" borderId="1" xfId="2" applyFont="1" applyFill="1" applyBorder="1" applyAlignment="1">
      <alignment vertical="center"/>
    </xf>
    <xf numFmtId="0" fontId="27" fillId="0" borderId="2" xfId="0" applyFont="1" applyFill="1" applyBorder="1" applyAlignment="1" applyProtection="1">
      <alignment horizontal="right" vertical="center"/>
      <protection locked="0"/>
    </xf>
    <xf numFmtId="0" fontId="27" fillId="0" borderId="5" xfId="0" applyFont="1" applyFill="1" applyBorder="1" applyAlignment="1" applyProtection="1">
      <alignment horizontal="right" vertical="center"/>
      <protection locked="0"/>
    </xf>
    <xf numFmtId="0" fontId="27" fillId="0" borderId="0" xfId="0" applyFont="1" applyFill="1" applyBorder="1" applyAlignment="1">
      <alignment horizontal="right" vertical="center"/>
    </xf>
    <xf numFmtId="0" fontId="39" fillId="3" borderId="1" xfId="2" applyFont="1" applyFill="1" applyBorder="1" applyAlignment="1" applyProtection="1">
      <alignment vertical="center"/>
      <protection locked="0"/>
    </xf>
    <xf numFmtId="0" fontId="32" fillId="0" borderId="0" xfId="0" applyFont="1" applyAlignment="1">
      <alignment vertical="center"/>
    </xf>
    <xf numFmtId="0" fontId="32" fillId="0" borderId="1" xfId="0" applyFont="1" applyBorder="1" applyAlignment="1" applyProtection="1">
      <alignment vertical="center"/>
      <protection locked="0"/>
    </xf>
    <xf numFmtId="0" fontId="32" fillId="0" borderId="4" xfId="0" applyFont="1" applyFill="1" applyBorder="1" applyAlignment="1" applyProtection="1">
      <alignment vertical="center"/>
      <protection locked="0"/>
    </xf>
    <xf numFmtId="0" fontId="32" fillId="3" borderId="1" xfId="0" applyFont="1" applyFill="1" applyBorder="1" applyAlignment="1" applyProtection="1">
      <alignment vertical="center" shrinkToFit="1"/>
      <protection locked="0"/>
    </xf>
    <xf numFmtId="0" fontId="32" fillId="0" borderId="1" xfId="0" applyFont="1" applyFill="1" applyBorder="1" applyAlignment="1" applyProtection="1">
      <alignment horizontal="left" vertical="center" shrinkToFit="1"/>
      <protection locked="0"/>
    </xf>
    <xf numFmtId="56" fontId="32" fillId="0" borderId="1" xfId="0" applyNumberFormat="1" applyFont="1" applyFill="1" applyBorder="1" applyAlignment="1" applyProtection="1">
      <alignment vertical="center" shrinkToFit="1"/>
      <protection locked="0"/>
    </xf>
    <xf numFmtId="1" fontId="27" fillId="0" borderId="1" xfId="0" applyNumberFormat="1" applyFont="1" applyFill="1" applyBorder="1" applyAlignment="1" applyProtection="1">
      <alignment horizontal="left" vertical="center"/>
      <protection locked="0"/>
    </xf>
    <xf numFmtId="20" fontId="27" fillId="0" borderId="1" xfId="0" applyNumberFormat="1" applyFont="1" applyFill="1" applyBorder="1" applyAlignment="1" applyProtection="1">
      <alignment vertical="center"/>
      <protection locked="0"/>
    </xf>
    <xf numFmtId="0" fontId="27" fillId="0" borderId="1" xfId="5" applyFont="1" applyFill="1" applyBorder="1" applyAlignment="1" applyProtection="1">
      <alignment horizontal="left" vertical="center"/>
      <protection locked="0"/>
    </xf>
    <xf numFmtId="0" fontId="27" fillId="0" borderId="1" xfId="5" applyFont="1" applyFill="1" applyBorder="1" applyAlignment="1" applyProtection="1">
      <alignment horizontal="right" vertical="center"/>
      <protection locked="0"/>
    </xf>
    <xf numFmtId="0" fontId="27" fillId="3" borderId="1" xfId="5" applyFont="1" applyFill="1" applyBorder="1" applyAlignment="1" applyProtection="1">
      <alignment horizontal="right" vertical="center"/>
      <protection locked="0"/>
    </xf>
    <xf numFmtId="0" fontId="27" fillId="3" borderId="1" xfId="5" applyFont="1" applyFill="1" applyBorder="1" applyAlignment="1" applyProtection="1">
      <alignment vertical="center"/>
      <protection locked="0"/>
    </xf>
    <xf numFmtId="0" fontId="27" fillId="0" borderId="1" xfId="5" applyFont="1" applyFill="1" applyBorder="1" applyAlignment="1" applyProtection="1">
      <alignment vertical="center"/>
      <protection locked="0"/>
    </xf>
    <xf numFmtId="0" fontId="27" fillId="0" borderId="1" xfId="5" applyFont="1" applyFill="1" applyBorder="1" applyAlignment="1" applyProtection="1">
      <alignment vertical="center" shrinkToFit="1"/>
      <protection locked="0"/>
    </xf>
    <xf numFmtId="0" fontId="27" fillId="5" borderId="1" xfId="4" applyFont="1" applyFill="1" applyBorder="1" applyAlignment="1" applyProtection="1">
      <alignment horizontal="left" vertical="center"/>
      <protection locked="0"/>
    </xf>
    <xf numFmtId="0" fontId="27" fillId="0" borderId="1" xfId="4" applyFont="1" applyFill="1" applyBorder="1" applyAlignment="1" applyProtection="1">
      <alignment horizontal="left" vertical="center"/>
      <protection locked="0"/>
    </xf>
    <xf numFmtId="0" fontId="27" fillId="0" borderId="1" xfId="4" applyFont="1" applyFill="1" applyBorder="1" applyAlignment="1" applyProtection="1">
      <alignment horizontal="right" vertical="center"/>
      <protection locked="0"/>
    </xf>
    <xf numFmtId="0" fontId="27" fillId="0" borderId="1" xfId="4" applyFont="1" applyFill="1" applyBorder="1" applyAlignment="1" applyProtection="1">
      <alignment vertical="center"/>
      <protection locked="0"/>
    </xf>
    <xf numFmtId="0" fontId="28" fillId="0" borderId="0" xfId="0" applyFont="1" applyFill="1" applyBorder="1" applyAlignment="1">
      <alignment vertical="center"/>
    </xf>
    <xf numFmtId="0" fontId="33" fillId="5" borderId="1" xfId="0" quotePrefix="1" applyFont="1" applyFill="1" applyBorder="1" applyAlignment="1" applyProtection="1">
      <alignment vertical="center"/>
    </xf>
    <xf numFmtId="0" fontId="33" fillId="6" borderId="1" xfId="0" applyFont="1" applyFill="1" applyBorder="1" applyAlignment="1" applyProtection="1">
      <alignment vertical="center"/>
      <protection locked="0"/>
    </xf>
    <xf numFmtId="0" fontId="33" fillId="5" borderId="1" xfId="0" applyFont="1" applyFill="1" applyBorder="1" applyAlignment="1" applyProtection="1">
      <alignment horizontal="right" vertical="center"/>
      <protection locked="0"/>
    </xf>
    <xf numFmtId="0" fontId="43" fillId="5" borderId="1" xfId="0" applyFont="1" applyFill="1" applyBorder="1" applyAlignment="1" applyProtection="1">
      <alignment vertical="center"/>
      <protection locked="0"/>
    </xf>
    <xf numFmtId="0" fontId="30" fillId="0" borderId="1" xfId="0" applyFont="1" applyBorder="1" applyAlignment="1">
      <alignment vertical="center"/>
    </xf>
    <xf numFmtId="0" fontId="30" fillId="5" borderId="1" xfId="0" applyFont="1" applyFill="1" applyBorder="1" applyAlignment="1" applyProtection="1">
      <alignment horizontal="right" vertical="center"/>
      <protection locked="0"/>
    </xf>
    <xf numFmtId="0" fontId="44" fillId="5" borderId="1" xfId="2" applyFont="1" applyFill="1" applyBorder="1" applyAlignment="1" applyProtection="1">
      <alignment vertical="center"/>
      <protection locked="0"/>
    </xf>
    <xf numFmtId="0" fontId="45" fillId="0" borderId="1" xfId="0" quotePrefix="1" applyFont="1" applyBorder="1" applyAlignment="1">
      <alignment vertical="center"/>
    </xf>
    <xf numFmtId="0" fontId="45" fillId="0" borderId="1" xfId="0" applyFont="1" applyBorder="1" applyAlignment="1">
      <alignment vertical="center"/>
    </xf>
    <xf numFmtId="0" fontId="30" fillId="0" borderId="1" xfId="0" applyFont="1" applyBorder="1" applyAlignment="1">
      <alignment horizontal="left" vertical="center" shrinkToFit="1"/>
    </xf>
    <xf numFmtId="0" fontId="45" fillId="6" borderId="1" xfId="0" applyFont="1" applyFill="1" applyBorder="1" applyAlignment="1">
      <alignment vertical="center"/>
    </xf>
    <xf numFmtId="0" fontId="32" fillId="5" borderId="1" xfId="0" quotePrefix="1" applyFont="1" applyFill="1" applyBorder="1" applyAlignment="1" applyProtection="1">
      <alignment vertical="center"/>
    </xf>
    <xf numFmtId="0" fontId="32" fillId="6" borderId="1" xfId="0" applyFont="1" applyFill="1" applyBorder="1" applyAlignment="1" applyProtection="1">
      <alignment vertical="center"/>
      <protection locked="0"/>
    </xf>
    <xf numFmtId="31" fontId="27" fillId="5" borderId="2" xfId="0" applyNumberFormat="1" applyFont="1" applyFill="1" applyBorder="1" applyAlignment="1">
      <alignment vertical="center"/>
    </xf>
    <xf numFmtId="0" fontId="46" fillId="0" borderId="1" xfId="0" applyFont="1" applyFill="1" applyBorder="1" applyAlignment="1" applyProtection="1">
      <alignment horizontal="right" vertical="center"/>
      <protection locked="0"/>
    </xf>
    <xf numFmtId="0" fontId="46" fillId="0" borderId="1" xfId="0" applyFont="1" applyFill="1" applyBorder="1" applyAlignment="1" applyProtection="1">
      <alignment vertical="center"/>
      <protection locked="0"/>
    </xf>
    <xf numFmtId="0" fontId="46" fillId="0" borderId="1" xfId="0" applyFont="1" applyFill="1" applyBorder="1" applyAlignment="1" applyProtection="1">
      <alignment vertical="center" shrinkToFit="1"/>
      <protection locked="0"/>
    </xf>
    <xf numFmtId="0" fontId="32" fillId="0" borderId="1" xfId="0" applyFont="1" applyFill="1" applyBorder="1" applyAlignment="1">
      <alignment horizontal="right" vertical="center"/>
    </xf>
    <xf numFmtId="0" fontId="32" fillId="6" borderId="3" xfId="0" applyFont="1" applyFill="1" applyBorder="1" applyAlignment="1" applyProtection="1">
      <alignment vertical="center"/>
      <protection locked="0"/>
    </xf>
    <xf numFmtId="0" fontId="32" fillId="0" borderId="3" xfId="0" applyFont="1" applyFill="1" applyBorder="1" applyAlignment="1">
      <alignment horizontal="right" vertical="center"/>
    </xf>
    <xf numFmtId="0" fontId="32" fillId="6" borderId="1" xfId="0" applyFont="1" applyFill="1" applyBorder="1" applyAlignment="1">
      <alignment vertical="center"/>
    </xf>
    <xf numFmtId="0" fontId="27" fillId="5" borderId="1" xfId="0" quotePrefix="1" applyFont="1" applyFill="1" applyBorder="1" applyAlignment="1" applyProtection="1">
      <alignment vertical="center"/>
    </xf>
    <xf numFmtId="0" fontId="27" fillId="6" borderId="1" xfId="0" applyFont="1" applyFill="1" applyBorder="1" applyAlignment="1">
      <alignment horizontal="left" vertical="center"/>
    </xf>
    <xf numFmtId="0" fontId="27" fillId="0" borderId="1" xfId="0" quotePrefix="1" applyFont="1" applyFill="1" applyBorder="1" applyAlignment="1" applyProtection="1">
      <alignment vertical="center"/>
    </xf>
    <xf numFmtId="0" fontId="31" fillId="6" borderId="1" xfId="0" applyFont="1" applyFill="1" applyBorder="1" applyAlignment="1">
      <alignment horizontal="left" vertical="center"/>
    </xf>
    <xf numFmtId="0" fontId="31" fillId="0" borderId="1" xfId="0" applyFont="1" applyFill="1" applyBorder="1" applyAlignment="1">
      <alignment vertical="center"/>
    </xf>
    <xf numFmtId="0" fontId="31" fillId="0" borderId="1" xfId="0" applyFont="1" applyFill="1" applyBorder="1" applyAlignment="1">
      <alignment horizontal="right" vertical="center"/>
    </xf>
    <xf numFmtId="0" fontId="31" fillId="0" borderId="1" xfId="0" applyFont="1" applyFill="1" applyBorder="1" applyAlignment="1">
      <alignment horizontal="left" vertical="center"/>
    </xf>
    <xf numFmtId="0" fontId="32" fillId="5" borderId="1" xfId="0" quotePrefix="1" applyFont="1" applyFill="1" applyBorder="1" applyAlignment="1">
      <alignment vertical="center"/>
    </xf>
    <xf numFmtId="0" fontId="32" fillId="0" borderId="1" xfId="0" applyFont="1" applyBorder="1" applyAlignment="1" applyProtection="1">
      <alignment horizontal="right" vertical="center"/>
      <protection locked="0"/>
    </xf>
    <xf numFmtId="0" fontId="14" fillId="0" borderId="0" xfId="0" applyFont="1" applyAlignment="1">
      <alignment vertical="center"/>
    </xf>
    <xf numFmtId="0" fontId="32" fillId="0" borderId="1" xfId="0" applyFont="1" applyBorder="1" applyAlignment="1" applyProtection="1">
      <alignment horizontal="left" vertical="center"/>
      <protection locked="0"/>
    </xf>
    <xf numFmtId="0" fontId="32" fillId="0" borderId="1" xfId="0" applyFont="1" applyBorder="1" applyAlignment="1">
      <alignment horizontal="right" vertical="center"/>
    </xf>
    <xf numFmtId="0" fontId="46" fillId="6" borderId="1" xfId="0" applyFont="1" applyFill="1" applyBorder="1" applyAlignment="1" applyProtection="1">
      <alignment vertical="center"/>
      <protection locked="0"/>
    </xf>
    <xf numFmtId="0" fontId="46" fillId="0" borderId="1" xfId="0" applyFont="1" applyBorder="1" applyAlignment="1" applyProtection="1">
      <alignment vertical="center"/>
      <protection locked="0"/>
    </xf>
    <xf numFmtId="0" fontId="46" fillId="0" borderId="1" xfId="0" applyFont="1" applyBorder="1" applyAlignment="1" applyProtection="1">
      <alignment horizontal="right" vertical="center"/>
      <protection locked="0"/>
    </xf>
    <xf numFmtId="0" fontId="46" fillId="3" borderId="1" xfId="0" applyFont="1" applyFill="1" applyBorder="1" applyAlignment="1" applyProtection="1">
      <alignment vertical="center"/>
      <protection locked="0"/>
    </xf>
    <xf numFmtId="0" fontId="31" fillId="0" borderId="0" xfId="0" applyFont="1" applyAlignment="1">
      <alignment vertical="center"/>
    </xf>
    <xf numFmtId="0" fontId="6" fillId="0" borderId="1" xfId="0" applyFont="1" applyFill="1" applyBorder="1" applyAlignment="1" applyProtection="1">
      <alignment horizontal="right" vertical="center"/>
      <protection locked="0"/>
    </xf>
    <xf numFmtId="0" fontId="32" fillId="6" borderId="1" xfId="0" applyFont="1" applyFill="1" applyBorder="1" applyAlignment="1" applyProtection="1">
      <alignment vertical="center" shrinkToFit="1"/>
      <protection locked="0"/>
    </xf>
    <xf numFmtId="0" fontId="32" fillId="0" borderId="1" xfId="0" applyFont="1" applyFill="1" applyBorder="1" applyAlignment="1" applyProtection="1">
      <alignment horizontal="right" vertical="center" shrinkToFit="1"/>
      <protection locked="0"/>
    </xf>
    <xf numFmtId="0" fontId="46" fillId="0" borderId="1" xfId="0" applyFont="1" applyFill="1" applyBorder="1" applyAlignment="1" applyProtection="1">
      <alignment horizontal="right" vertical="center" shrinkToFit="1"/>
      <protection locked="0"/>
    </xf>
    <xf numFmtId="0" fontId="27" fillId="6" borderId="1" xfId="0" applyFont="1" applyFill="1" applyBorder="1" applyAlignment="1">
      <alignment vertical="center"/>
    </xf>
    <xf numFmtId="0" fontId="46" fillId="0" borderId="1" xfId="0" applyFont="1" applyFill="1" applyBorder="1" applyAlignment="1" applyProtection="1">
      <alignment horizontal="left" vertical="center"/>
      <protection locked="0"/>
    </xf>
    <xf numFmtId="0" fontId="31" fillId="0" borderId="1" xfId="0" applyFont="1" applyFill="1" applyBorder="1" applyAlignment="1" applyProtection="1">
      <alignment horizontal="right" vertical="center"/>
      <protection locked="0"/>
    </xf>
    <xf numFmtId="0" fontId="27" fillId="5" borderId="0" xfId="0" quotePrefix="1" applyFont="1" applyFill="1" applyBorder="1" applyAlignment="1" applyProtection="1">
      <alignment vertical="center"/>
    </xf>
    <xf numFmtId="38" fontId="27" fillId="0" borderId="1" xfId="1" applyFont="1" applyFill="1" applyBorder="1" applyAlignment="1" applyProtection="1">
      <alignment horizontal="right" vertical="center"/>
      <protection locked="0"/>
    </xf>
    <xf numFmtId="0" fontId="31" fillId="0" borderId="1" xfId="0" applyFont="1" applyFill="1" applyBorder="1" applyAlignment="1" applyProtection="1">
      <alignment vertical="center"/>
      <protection locked="0"/>
    </xf>
    <xf numFmtId="0" fontId="27" fillId="5" borderId="1" xfId="0" quotePrefix="1" applyFont="1" applyFill="1" applyBorder="1" applyAlignment="1">
      <alignment vertical="center"/>
    </xf>
    <xf numFmtId="0" fontId="31" fillId="6" borderId="1" xfId="0" applyFont="1" applyFill="1" applyBorder="1" applyAlignment="1">
      <alignment vertical="center"/>
    </xf>
    <xf numFmtId="0" fontId="31" fillId="5" borderId="1" xfId="0" quotePrefix="1" applyFont="1" applyFill="1" applyBorder="1" applyAlignment="1">
      <alignment vertical="center"/>
    </xf>
    <xf numFmtId="0" fontId="46" fillId="5" borderId="1" xfId="0" quotePrefix="1" applyFont="1" applyFill="1" applyBorder="1" applyAlignment="1" applyProtection="1">
      <alignment vertical="center"/>
    </xf>
    <xf numFmtId="1" fontId="46" fillId="0" borderId="1" xfId="0" applyNumberFormat="1" applyFont="1" applyFill="1" applyBorder="1" applyAlignment="1" applyProtection="1">
      <alignment horizontal="right" vertical="center"/>
      <protection locked="0"/>
    </xf>
    <xf numFmtId="0" fontId="46" fillId="0" borderId="1" xfId="0" applyFont="1" applyFill="1" applyBorder="1" applyAlignment="1" applyProtection="1">
      <alignment horizontal="center" vertical="center"/>
      <protection locked="0"/>
    </xf>
    <xf numFmtId="38" fontId="32" fillId="0" borderId="1" xfId="1" quotePrefix="1" applyNumberFormat="1" applyFont="1" applyFill="1" applyBorder="1" applyAlignment="1">
      <alignment horizontal="right" vertical="center" shrinkToFit="1"/>
    </xf>
    <xf numFmtId="38" fontId="32" fillId="0" borderId="1" xfId="0" applyNumberFormat="1" applyFont="1" applyFill="1" applyBorder="1" applyAlignment="1" applyProtection="1">
      <alignment horizontal="right" vertical="center"/>
      <protection locked="0"/>
    </xf>
    <xf numFmtId="0" fontId="14" fillId="0" borderId="0" xfId="0" applyFont="1" applyFill="1" applyBorder="1" applyAlignment="1" applyProtection="1">
      <alignment vertical="center"/>
      <protection locked="0"/>
    </xf>
    <xf numFmtId="0" fontId="6" fillId="0" borderId="0" xfId="0" applyFont="1" applyFill="1" applyBorder="1" applyAlignment="1">
      <alignment vertical="center"/>
    </xf>
    <xf numFmtId="38" fontId="46" fillId="0" borderId="1" xfId="0" applyNumberFormat="1" applyFont="1" applyFill="1" applyBorder="1" applyAlignment="1" applyProtection="1">
      <alignment horizontal="right" vertical="center"/>
      <protection locked="0"/>
    </xf>
    <xf numFmtId="0" fontId="27" fillId="0" borderId="1" xfId="0" applyFont="1" applyBorder="1" applyAlignment="1" applyProtection="1">
      <alignment horizontal="left" vertical="center"/>
      <protection locked="0"/>
    </xf>
    <xf numFmtId="0" fontId="27" fillId="0" borderId="1" xfId="0" applyFont="1" applyBorder="1" applyAlignment="1" applyProtection="1">
      <alignment horizontal="right" vertical="center"/>
      <protection locked="0"/>
    </xf>
    <xf numFmtId="0" fontId="31" fillId="0" borderId="1" xfId="0" applyFont="1" applyBorder="1" applyAlignment="1" applyProtection="1">
      <alignment horizontal="right" vertical="center"/>
      <protection locked="0"/>
    </xf>
    <xf numFmtId="0" fontId="27" fillId="0" borderId="1" xfId="0" applyFont="1" applyBorder="1" applyAlignment="1" applyProtection="1">
      <alignment vertical="center"/>
      <protection locked="0"/>
    </xf>
    <xf numFmtId="0" fontId="6" fillId="5" borderId="1" xfId="0" quotePrefix="1" applyFont="1" applyFill="1" applyBorder="1" applyAlignment="1" applyProtection="1">
      <alignment vertical="center"/>
    </xf>
    <xf numFmtId="0" fontId="6" fillId="6" borderId="1" xfId="0" applyFont="1" applyFill="1" applyBorder="1" applyAlignment="1" applyProtection="1">
      <alignment vertical="center"/>
      <protection locked="0"/>
    </xf>
    <xf numFmtId="0" fontId="6" fillId="0" borderId="1" xfId="0" applyFont="1" applyFill="1" applyBorder="1" applyAlignment="1" applyProtection="1">
      <alignment vertical="center"/>
      <protection locked="0"/>
    </xf>
    <xf numFmtId="0" fontId="6" fillId="3" borderId="1" xfId="0" applyFont="1" applyFill="1" applyBorder="1" applyAlignment="1" applyProtection="1">
      <alignment vertical="center"/>
      <protection locked="0"/>
    </xf>
    <xf numFmtId="0" fontId="46" fillId="3" borderId="2" xfId="0" applyFont="1" applyFill="1" applyBorder="1" applyAlignment="1" applyProtection="1">
      <alignment vertical="center"/>
      <protection locked="0"/>
    </xf>
    <xf numFmtId="0" fontId="27" fillId="5" borderId="1" xfId="0" quotePrefix="1" applyFont="1" applyFill="1" applyBorder="1" applyAlignment="1" applyProtection="1">
      <alignment vertical="center" wrapText="1"/>
    </xf>
    <xf numFmtId="0" fontId="27" fillId="6" borderId="1" xfId="0" applyFont="1" applyFill="1" applyBorder="1" applyAlignment="1" applyProtection="1">
      <alignment horizontal="left" vertical="center" wrapText="1"/>
      <protection locked="0"/>
    </xf>
    <xf numFmtId="0" fontId="14" fillId="0" borderId="0" xfId="0" applyFont="1" applyFill="1" applyBorder="1" applyAlignment="1">
      <alignment vertical="center" wrapText="1"/>
    </xf>
    <xf numFmtId="0" fontId="31" fillId="5" borderId="1" xfId="0" quotePrefix="1" applyFont="1" applyFill="1" applyBorder="1" applyAlignment="1" applyProtection="1">
      <alignment vertical="center" wrapText="1"/>
    </xf>
    <xf numFmtId="0" fontId="31" fillId="6" borderId="1" xfId="0" applyFont="1" applyFill="1" applyBorder="1" applyAlignment="1" applyProtection="1">
      <alignment horizontal="left" vertical="center" wrapText="1"/>
      <protection locked="0"/>
    </xf>
    <xf numFmtId="0" fontId="14" fillId="0" borderId="1" xfId="0" applyFont="1" applyFill="1" applyBorder="1" applyAlignment="1">
      <alignment vertical="center"/>
    </xf>
    <xf numFmtId="0" fontId="27" fillId="0" borderId="1" xfId="0" applyFont="1" applyFill="1" applyBorder="1" applyAlignment="1" applyProtection="1">
      <alignment vertical="center" wrapText="1"/>
      <protection locked="0"/>
    </xf>
    <xf numFmtId="0" fontId="14" fillId="0" borderId="1" xfId="0" applyFont="1" applyFill="1" applyBorder="1" applyAlignment="1" applyProtection="1">
      <alignment horizontal="right" vertical="center"/>
      <protection locked="0"/>
    </xf>
    <xf numFmtId="0" fontId="31" fillId="6" borderId="1" xfId="0" applyFont="1" applyFill="1" applyBorder="1" applyAlignment="1" applyProtection="1">
      <alignment horizontal="left" vertical="center"/>
      <protection locked="0"/>
    </xf>
    <xf numFmtId="0" fontId="31" fillId="0" borderId="1" xfId="0" applyFont="1" applyFill="1" applyBorder="1" applyAlignment="1" applyProtection="1">
      <alignment horizontal="left" vertical="center"/>
      <protection locked="0"/>
    </xf>
    <xf numFmtId="0" fontId="31" fillId="0" borderId="1" xfId="0" applyFont="1" applyFill="1" applyBorder="1" applyAlignment="1" applyProtection="1">
      <alignment vertical="center" wrapText="1"/>
      <protection locked="0"/>
    </xf>
    <xf numFmtId="0" fontId="47" fillId="0" borderId="1" xfId="2" applyFont="1" applyFill="1" applyBorder="1" applyAlignment="1" applyProtection="1">
      <alignment vertical="center"/>
      <protection locked="0"/>
    </xf>
    <xf numFmtId="0" fontId="31" fillId="0" borderId="1" xfId="0" applyFont="1" applyBorder="1" applyAlignment="1" applyProtection="1">
      <alignment vertical="center"/>
      <protection locked="0"/>
    </xf>
    <xf numFmtId="0" fontId="27" fillId="5" borderId="0" xfId="0" quotePrefix="1" applyFont="1" applyFill="1" applyAlignment="1">
      <alignment vertical="center"/>
    </xf>
    <xf numFmtId="0" fontId="27" fillId="5" borderId="1" xfId="5" quotePrefix="1" applyFont="1" applyFill="1" applyBorder="1" applyAlignment="1" applyProtection="1">
      <alignment vertical="center"/>
    </xf>
    <xf numFmtId="0" fontId="27" fillId="6" borderId="1" xfId="5" applyFont="1" applyFill="1" applyBorder="1" applyAlignment="1" applyProtection="1">
      <alignment horizontal="left" vertical="center"/>
      <protection locked="0"/>
    </xf>
    <xf numFmtId="0" fontId="0" fillId="0" borderId="0" xfId="0" applyBorder="1" applyAlignment="1">
      <alignment vertical="center"/>
    </xf>
    <xf numFmtId="0" fontId="31" fillId="0" borderId="1" xfId="5" applyFont="1" applyFill="1" applyBorder="1" applyAlignment="1" applyProtection="1">
      <alignment horizontal="right" vertical="center"/>
      <protection locked="0"/>
    </xf>
    <xf numFmtId="0" fontId="16" fillId="0" borderId="10" xfId="4" applyFont="1" applyBorder="1" applyAlignment="1">
      <alignment horizontal="center"/>
    </xf>
    <xf numFmtId="0" fontId="16" fillId="0" borderId="11" xfId="4" applyFont="1" applyBorder="1" applyAlignment="1">
      <alignment horizontal="center"/>
    </xf>
    <xf numFmtId="0" fontId="16" fillId="0" borderId="12" xfId="4" applyFont="1" applyBorder="1" applyAlignment="1">
      <alignment horizontal="center"/>
    </xf>
    <xf numFmtId="0" fontId="11" fillId="0" borderId="11" xfId="4" applyFont="1" applyBorder="1" applyAlignment="1">
      <alignment horizontal="center"/>
    </xf>
    <xf numFmtId="0" fontId="11" fillId="0" borderId="12" xfId="4" applyFont="1" applyBorder="1" applyAlignment="1">
      <alignment horizontal="center"/>
    </xf>
  </cellXfs>
  <cellStyles count="7">
    <cellStyle name="ハイパーリンク" xfId="2" builtinId="8"/>
    <cellStyle name="桁区切り" xfId="1" builtinId="6"/>
    <cellStyle name="標準" xfId="0" builtinId="0"/>
    <cellStyle name="標準 2" xfId="3"/>
    <cellStyle name="標準 2 2" xfId="6"/>
    <cellStyle name="標準 3" xfId="4"/>
    <cellStyle name="標準 4" xfId="5"/>
  </cellStyles>
  <dxfs count="2">
    <dxf>
      <fill>
        <patternFill>
          <bgColor rgb="FFFFC000"/>
        </patternFill>
      </fill>
    </dxf>
    <dxf>
      <fill>
        <patternFill>
          <bgColor rgb="FFFFC0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5.xml"/><Relationship Id="rId13" Type="http://schemas.openxmlformats.org/officeDocument/2006/relationships/externalLink" Target="externalLinks/externalLink10.xml"/><Relationship Id="rId18" Type="http://schemas.openxmlformats.org/officeDocument/2006/relationships/externalLink" Target="externalLinks/externalLink15.xml"/><Relationship Id="rId26" Type="http://schemas.openxmlformats.org/officeDocument/2006/relationships/externalLink" Target="externalLinks/externalLink23.xml"/><Relationship Id="rId3" Type="http://schemas.openxmlformats.org/officeDocument/2006/relationships/worksheet" Target="worksheets/sheet3.xml"/><Relationship Id="rId21" Type="http://schemas.openxmlformats.org/officeDocument/2006/relationships/externalLink" Target="externalLinks/externalLink18.xml"/><Relationship Id="rId7" Type="http://schemas.openxmlformats.org/officeDocument/2006/relationships/externalLink" Target="externalLinks/externalLink4.xml"/><Relationship Id="rId12" Type="http://schemas.openxmlformats.org/officeDocument/2006/relationships/externalLink" Target="externalLinks/externalLink9.xml"/><Relationship Id="rId17" Type="http://schemas.openxmlformats.org/officeDocument/2006/relationships/externalLink" Target="externalLinks/externalLink14.xml"/><Relationship Id="rId25" Type="http://schemas.openxmlformats.org/officeDocument/2006/relationships/externalLink" Target="externalLinks/externalLink22.xml"/><Relationship Id="rId2" Type="http://schemas.openxmlformats.org/officeDocument/2006/relationships/worksheet" Target="worksheets/sheet2.xml"/><Relationship Id="rId16" Type="http://schemas.openxmlformats.org/officeDocument/2006/relationships/externalLink" Target="externalLinks/externalLink13.xml"/><Relationship Id="rId20" Type="http://schemas.openxmlformats.org/officeDocument/2006/relationships/externalLink" Target="externalLinks/externalLink17.xml"/><Relationship Id="rId29"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externalLink" Target="externalLinks/externalLink3.xml"/><Relationship Id="rId11" Type="http://schemas.openxmlformats.org/officeDocument/2006/relationships/externalLink" Target="externalLinks/externalLink8.xml"/><Relationship Id="rId24" Type="http://schemas.openxmlformats.org/officeDocument/2006/relationships/externalLink" Target="externalLinks/externalLink21.xml"/><Relationship Id="rId5" Type="http://schemas.openxmlformats.org/officeDocument/2006/relationships/externalLink" Target="externalLinks/externalLink2.xml"/><Relationship Id="rId15" Type="http://schemas.openxmlformats.org/officeDocument/2006/relationships/externalLink" Target="externalLinks/externalLink12.xml"/><Relationship Id="rId23" Type="http://schemas.openxmlformats.org/officeDocument/2006/relationships/externalLink" Target="externalLinks/externalLink20.xml"/><Relationship Id="rId28" Type="http://schemas.openxmlformats.org/officeDocument/2006/relationships/externalLink" Target="externalLinks/externalLink25.xml"/><Relationship Id="rId10" Type="http://schemas.openxmlformats.org/officeDocument/2006/relationships/externalLink" Target="externalLinks/externalLink7.xml"/><Relationship Id="rId19" Type="http://schemas.openxmlformats.org/officeDocument/2006/relationships/externalLink" Target="externalLinks/externalLink16.xml"/><Relationship Id="rId31" Type="http://schemas.openxmlformats.org/officeDocument/2006/relationships/sharedStrings" Target="sharedStrings.xml"/><Relationship Id="rId4" Type="http://schemas.openxmlformats.org/officeDocument/2006/relationships/externalLink" Target="externalLinks/externalLink1.xml"/><Relationship Id="rId9" Type="http://schemas.openxmlformats.org/officeDocument/2006/relationships/externalLink" Target="externalLinks/externalLink6.xml"/><Relationship Id="rId14" Type="http://schemas.openxmlformats.org/officeDocument/2006/relationships/externalLink" Target="externalLinks/externalLink11.xml"/><Relationship Id="rId22" Type="http://schemas.openxmlformats.org/officeDocument/2006/relationships/externalLink" Target="externalLinks/externalLink19.xml"/><Relationship Id="rId27" Type="http://schemas.openxmlformats.org/officeDocument/2006/relationships/externalLink" Target="externalLinks/externalLink24.xml"/><Relationship Id="rId30" Type="http://schemas.openxmlformats.org/officeDocument/2006/relationships/styles" Target="style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jpeg"/><Relationship Id="rId7" Type="http://schemas.openxmlformats.org/officeDocument/2006/relationships/image" Target="../media/image7.jpeg"/><Relationship Id="rId2" Type="http://schemas.openxmlformats.org/officeDocument/2006/relationships/image" Target="../media/image2.jpeg"/><Relationship Id="rId1" Type="http://schemas.openxmlformats.org/officeDocument/2006/relationships/image" Target="../media/image1.jpeg"/><Relationship Id="rId6" Type="http://schemas.openxmlformats.org/officeDocument/2006/relationships/image" Target="../media/image6.jpeg"/><Relationship Id="rId5" Type="http://schemas.openxmlformats.org/officeDocument/2006/relationships/image" Target="../media/image5.jpeg"/><Relationship Id="rId4" Type="http://schemas.openxmlformats.org/officeDocument/2006/relationships/image" Target="../media/image4.jpeg"/></Relationships>
</file>

<file path=xl/drawings/drawing1.xml><?xml version="1.0" encoding="utf-8"?>
<xdr:wsDr xmlns:xdr="http://schemas.openxmlformats.org/drawingml/2006/spreadsheetDrawing" xmlns:a="http://schemas.openxmlformats.org/drawingml/2006/main">
  <xdr:twoCellAnchor editAs="oneCell">
    <xdr:from>
      <xdr:col>9</xdr:col>
      <xdr:colOff>57150</xdr:colOff>
      <xdr:row>3</xdr:row>
      <xdr:rowOff>38100</xdr:rowOff>
    </xdr:from>
    <xdr:to>
      <xdr:col>9</xdr:col>
      <xdr:colOff>635222</xdr:colOff>
      <xdr:row>3</xdr:row>
      <xdr:rowOff>741022</xdr:rowOff>
    </xdr:to>
    <xdr:pic>
      <xdr:nvPicPr>
        <xdr:cNvPr id="2" name="図 1" descr="https://i0.wp.com/parkful.net/wp-content/uploads/2016/04/15_moving-360x230.jpg?resize=360%2C230"/>
        <xdr:cNvPicPr>
          <a:picLocks noChangeAspect="1" noChangeArrowheads="1"/>
        </xdr:cNvPicPr>
      </xdr:nvPicPr>
      <xdr:blipFill rotWithShape="1">
        <a:blip xmlns:r="http://schemas.openxmlformats.org/officeDocument/2006/relationships" r:embed="rId1" cstate="email">
          <a:extLst>
            <a:ext uri="{28A0092B-C50C-407E-A947-70E740481C1C}">
              <a14:useLocalDpi xmlns:a14="http://schemas.microsoft.com/office/drawing/2010/main"/>
            </a:ext>
          </a:extLst>
        </a:blip>
        <a:srcRect/>
        <a:stretch/>
      </xdr:blipFill>
      <xdr:spPr bwMode="auto">
        <a:xfrm>
          <a:off x="9726930" y="1028700"/>
          <a:ext cx="578072" cy="70292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0</xdr:col>
      <xdr:colOff>22412</xdr:colOff>
      <xdr:row>3</xdr:row>
      <xdr:rowOff>70036</xdr:rowOff>
    </xdr:from>
    <xdr:to>
      <xdr:col>20</xdr:col>
      <xdr:colOff>662554</xdr:colOff>
      <xdr:row>3</xdr:row>
      <xdr:rowOff>694204</xdr:rowOff>
    </xdr:to>
    <xdr:pic>
      <xdr:nvPicPr>
        <xdr:cNvPr id="3" name="図 2"/>
        <xdr:cNvPicPr>
          <a:picLocks noChangeAspect="1"/>
        </xdr:cNvPicPr>
      </xdr:nvPicPr>
      <xdr:blipFill rotWithShape="1">
        <a:blip xmlns:r="http://schemas.openxmlformats.org/officeDocument/2006/relationships" r:embed="rId2" cstate="email">
          <a:extLst>
            <a:ext uri="{28A0092B-C50C-407E-A947-70E740481C1C}">
              <a14:useLocalDpi xmlns:a14="http://schemas.microsoft.com/office/drawing/2010/main"/>
            </a:ext>
          </a:extLst>
        </a:blip>
        <a:srcRect/>
        <a:stretch/>
      </xdr:blipFill>
      <xdr:spPr>
        <a:xfrm>
          <a:off x="17487452" y="1060636"/>
          <a:ext cx="640142" cy="624168"/>
        </a:xfrm>
        <a:prstGeom prst="rect">
          <a:avLst/>
        </a:prstGeom>
      </xdr:spPr>
    </xdr:pic>
    <xdr:clientData/>
  </xdr:twoCellAnchor>
  <xdr:twoCellAnchor editAs="oneCell">
    <xdr:from>
      <xdr:col>29</xdr:col>
      <xdr:colOff>9525</xdr:colOff>
      <xdr:row>3</xdr:row>
      <xdr:rowOff>28575</xdr:rowOff>
    </xdr:from>
    <xdr:to>
      <xdr:col>30</xdr:col>
      <xdr:colOff>9525</xdr:colOff>
      <xdr:row>3</xdr:row>
      <xdr:rowOff>710682</xdr:rowOff>
    </xdr:to>
    <xdr:pic>
      <xdr:nvPicPr>
        <xdr:cNvPr id="4" name="図 3"/>
        <xdr:cNvPicPr>
          <a:picLocks noChangeAspect="1"/>
        </xdr:cNvPicPr>
      </xdr:nvPicPr>
      <xdr:blipFill rotWithShape="1">
        <a:blip xmlns:r="http://schemas.openxmlformats.org/officeDocument/2006/relationships" r:embed="rId3" cstate="email">
          <a:extLst>
            <a:ext uri="{28A0092B-C50C-407E-A947-70E740481C1C}">
              <a14:useLocalDpi xmlns:a14="http://schemas.microsoft.com/office/drawing/2010/main"/>
            </a:ext>
          </a:extLst>
        </a:blip>
        <a:srcRect/>
        <a:stretch/>
      </xdr:blipFill>
      <xdr:spPr>
        <a:xfrm>
          <a:off x="23852505" y="1019175"/>
          <a:ext cx="708660" cy="682107"/>
        </a:xfrm>
        <a:prstGeom prst="rect">
          <a:avLst/>
        </a:prstGeom>
      </xdr:spPr>
    </xdr:pic>
    <xdr:clientData/>
  </xdr:twoCellAnchor>
  <xdr:twoCellAnchor editAs="oneCell">
    <xdr:from>
      <xdr:col>12</xdr:col>
      <xdr:colOff>56031</xdr:colOff>
      <xdr:row>3</xdr:row>
      <xdr:rowOff>22412</xdr:rowOff>
    </xdr:from>
    <xdr:to>
      <xdr:col>12</xdr:col>
      <xdr:colOff>616324</xdr:colOff>
      <xdr:row>3</xdr:row>
      <xdr:rowOff>740434</xdr:rowOff>
    </xdr:to>
    <xdr:pic>
      <xdr:nvPicPr>
        <xdr:cNvPr id="5" name="図 4"/>
        <xdr:cNvPicPr>
          <a:picLocks noChangeAspect="1"/>
        </xdr:cNvPicPr>
      </xdr:nvPicPr>
      <xdr:blipFill rotWithShape="1">
        <a:blip xmlns:r="http://schemas.openxmlformats.org/officeDocument/2006/relationships" r:embed="rId4" cstate="email">
          <a:extLst>
            <a:ext uri="{28A0092B-C50C-407E-A947-70E740481C1C}">
              <a14:useLocalDpi xmlns:a14="http://schemas.microsoft.com/office/drawing/2010/main"/>
            </a:ext>
          </a:extLst>
        </a:blip>
        <a:srcRect/>
        <a:stretch/>
      </xdr:blipFill>
      <xdr:spPr>
        <a:xfrm>
          <a:off x="11851791" y="1013012"/>
          <a:ext cx="560293" cy="718022"/>
        </a:xfrm>
        <a:prstGeom prst="rect">
          <a:avLst/>
        </a:prstGeom>
      </xdr:spPr>
    </xdr:pic>
    <xdr:clientData/>
  </xdr:twoCellAnchor>
  <xdr:twoCellAnchor>
    <xdr:from>
      <xdr:col>6</xdr:col>
      <xdr:colOff>33618</xdr:colOff>
      <xdr:row>4</xdr:row>
      <xdr:rowOff>104775</xdr:rowOff>
    </xdr:from>
    <xdr:to>
      <xdr:col>9</xdr:col>
      <xdr:colOff>31377</xdr:colOff>
      <xdr:row>6</xdr:row>
      <xdr:rowOff>347383</xdr:rowOff>
    </xdr:to>
    <xdr:sp macro="" textlink="">
      <xdr:nvSpPr>
        <xdr:cNvPr id="6" name="四角形吹き出し 5"/>
        <xdr:cNvSpPr/>
      </xdr:nvSpPr>
      <xdr:spPr>
        <a:xfrm>
          <a:off x="7577418" y="2398395"/>
          <a:ext cx="2123739" cy="1507528"/>
        </a:xfrm>
        <a:prstGeom prst="wedgeRectCallout">
          <a:avLst>
            <a:gd name="adj1" fmla="val -19890"/>
            <a:gd name="adj2" fmla="val 41570"/>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ここからの記載は</a:t>
          </a:r>
          <a:endParaRPr kumimoji="1" lang="en-US" altLang="ja-JP" sz="1100">
            <a:solidFill>
              <a:sysClr val="windowText" lastClr="000000"/>
            </a:solidFill>
          </a:endParaRPr>
        </a:p>
        <a:p>
          <a:pPr algn="l"/>
          <a:r>
            <a:rPr kumimoji="1" lang="ja-JP" altLang="en-US" sz="1100">
              <a:solidFill>
                <a:sysClr val="windowText" lastClr="000000"/>
              </a:solidFill>
            </a:rPr>
            <a:t>有＝「１」</a:t>
          </a:r>
        </a:p>
        <a:p>
          <a:pPr algn="l"/>
          <a:r>
            <a:rPr kumimoji="1" lang="ja-JP" altLang="en-US" sz="1100">
              <a:solidFill>
                <a:sysClr val="windowText" lastClr="000000"/>
              </a:solidFill>
            </a:rPr>
            <a:t>無＝「０」</a:t>
          </a:r>
        </a:p>
        <a:p>
          <a:r>
            <a:rPr kumimoji="1" lang="ja-JP" altLang="ja-JP" sz="1100">
              <a:solidFill>
                <a:sysClr val="windowText" lastClr="000000"/>
              </a:solidFill>
              <a:effectLst/>
              <a:latin typeface="+mn-lt"/>
              <a:ea typeface="+mn-ea"/>
              <a:cs typeface="+mn-cs"/>
            </a:rPr>
            <a:t>未確認・不明＝「－」</a:t>
          </a:r>
          <a:endParaRPr lang="ja-JP" altLang="ja-JP">
            <a:solidFill>
              <a:sysClr val="windowText" lastClr="000000"/>
            </a:solidFill>
            <a:effectLst/>
          </a:endParaRPr>
        </a:p>
        <a:p>
          <a:pPr algn="l"/>
          <a:r>
            <a:rPr kumimoji="1" lang="en-US" altLang="ja-JP" sz="1100">
              <a:solidFill>
                <a:srgbClr val="FF0000"/>
              </a:solidFill>
            </a:rPr>
            <a:t>※</a:t>
          </a:r>
          <a:r>
            <a:rPr kumimoji="1" lang="ja-JP" altLang="en-US" sz="1100">
              <a:solidFill>
                <a:srgbClr val="FF0000"/>
              </a:solidFill>
            </a:rPr>
            <a:t>プルダウンリストから選択してください。数を入力していただく必要はありません</a:t>
          </a:r>
          <a:endParaRPr kumimoji="1" lang="en-US" altLang="ja-JP" sz="1100">
            <a:solidFill>
              <a:srgbClr val="FF0000"/>
            </a:solidFill>
          </a:endParaRPr>
        </a:p>
        <a:p>
          <a:pPr algn="l"/>
          <a:endParaRPr kumimoji="1" lang="ja-JP" altLang="en-US" sz="1100">
            <a:solidFill>
              <a:sysClr val="windowText" lastClr="000000"/>
            </a:solidFill>
          </a:endParaRPr>
        </a:p>
      </xdr:txBody>
    </xdr:sp>
    <xdr:clientData/>
  </xdr:twoCellAnchor>
  <xdr:twoCellAnchor>
    <xdr:from>
      <xdr:col>14</xdr:col>
      <xdr:colOff>476250</xdr:colOff>
      <xdr:row>4</xdr:row>
      <xdr:rowOff>390526</xdr:rowOff>
    </xdr:from>
    <xdr:to>
      <xdr:col>14</xdr:col>
      <xdr:colOff>591670</xdr:colOff>
      <xdr:row>6</xdr:row>
      <xdr:rowOff>54429</xdr:rowOff>
    </xdr:to>
    <xdr:cxnSp macro="">
      <xdr:nvCxnSpPr>
        <xdr:cNvPr id="7" name="直線矢印コネクタ 6"/>
        <xdr:cNvCxnSpPr/>
      </xdr:nvCxnSpPr>
      <xdr:spPr>
        <a:xfrm flipV="1">
          <a:off x="13689330" y="2684146"/>
          <a:ext cx="115420" cy="928823"/>
        </a:xfrm>
        <a:prstGeom prst="straightConnector1">
          <a:avLst/>
        </a:prstGeom>
        <a:ln>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editAs="oneCell">
    <xdr:from>
      <xdr:col>11</xdr:col>
      <xdr:colOff>27216</xdr:colOff>
      <xdr:row>3</xdr:row>
      <xdr:rowOff>40822</xdr:rowOff>
    </xdr:from>
    <xdr:to>
      <xdr:col>11</xdr:col>
      <xdr:colOff>662828</xdr:colOff>
      <xdr:row>3</xdr:row>
      <xdr:rowOff>775607</xdr:rowOff>
    </xdr:to>
    <xdr:pic>
      <xdr:nvPicPr>
        <xdr:cNvPr id="8" name="図 7"/>
        <xdr:cNvPicPr>
          <a:picLocks noChangeAspect="1"/>
        </xdr:cNvPicPr>
      </xdr:nvPicPr>
      <xdr:blipFill rotWithShape="1">
        <a:blip xmlns:r="http://schemas.openxmlformats.org/officeDocument/2006/relationships" r:embed="rId5" cstate="email">
          <a:extLst>
            <a:ext uri="{28A0092B-C50C-407E-A947-70E740481C1C}">
              <a14:useLocalDpi xmlns:a14="http://schemas.microsoft.com/office/drawing/2010/main"/>
            </a:ext>
          </a:extLst>
        </a:blip>
        <a:srcRect b="-2497"/>
        <a:stretch/>
      </xdr:blipFill>
      <xdr:spPr>
        <a:xfrm>
          <a:off x="11114316" y="1031422"/>
          <a:ext cx="635612" cy="734785"/>
        </a:xfrm>
        <a:prstGeom prst="rect">
          <a:avLst/>
        </a:prstGeom>
      </xdr:spPr>
    </xdr:pic>
    <xdr:clientData/>
  </xdr:twoCellAnchor>
  <xdr:twoCellAnchor editAs="oneCell">
    <xdr:from>
      <xdr:col>19</xdr:col>
      <xdr:colOff>40822</xdr:colOff>
      <xdr:row>3</xdr:row>
      <xdr:rowOff>54427</xdr:rowOff>
    </xdr:from>
    <xdr:to>
      <xdr:col>19</xdr:col>
      <xdr:colOff>649203</xdr:colOff>
      <xdr:row>3</xdr:row>
      <xdr:rowOff>762000</xdr:rowOff>
    </xdr:to>
    <xdr:pic>
      <xdr:nvPicPr>
        <xdr:cNvPr id="9" name="図 8"/>
        <xdr:cNvPicPr>
          <a:picLocks noChangeAspect="1"/>
        </xdr:cNvPicPr>
      </xdr:nvPicPr>
      <xdr:blipFill rotWithShape="1">
        <a:blip xmlns:r="http://schemas.openxmlformats.org/officeDocument/2006/relationships" r:embed="rId6" cstate="email">
          <a:extLst>
            <a:ext uri="{28A0092B-C50C-407E-A947-70E740481C1C}">
              <a14:useLocalDpi xmlns:a14="http://schemas.microsoft.com/office/drawing/2010/main"/>
            </a:ext>
          </a:extLst>
        </a:blip>
        <a:srcRect t="-1"/>
        <a:stretch/>
      </xdr:blipFill>
      <xdr:spPr>
        <a:xfrm>
          <a:off x="16797202" y="1045027"/>
          <a:ext cx="608381" cy="707573"/>
        </a:xfrm>
        <a:prstGeom prst="rect">
          <a:avLst/>
        </a:prstGeom>
      </xdr:spPr>
    </xdr:pic>
    <xdr:clientData/>
  </xdr:twoCellAnchor>
  <xdr:twoCellAnchor editAs="oneCell">
    <xdr:from>
      <xdr:col>18</xdr:col>
      <xdr:colOff>22411</xdr:colOff>
      <xdr:row>3</xdr:row>
      <xdr:rowOff>33617</xdr:rowOff>
    </xdr:from>
    <xdr:to>
      <xdr:col>18</xdr:col>
      <xdr:colOff>617924</xdr:colOff>
      <xdr:row>3</xdr:row>
      <xdr:rowOff>840441</xdr:rowOff>
    </xdr:to>
    <xdr:pic>
      <xdr:nvPicPr>
        <xdr:cNvPr id="10" name="図 9"/>
        <xdr:cNvPicPr>
          <a:picLocks noChangeAspect="1"/>
        </xdr:cNvPicPr>
      </xdr:nvPicPr>
      <xdr:blipFill rotWithShape="1">
        <a:blip xmlns:r="http://schemas.openxmlformats.org/officeDocument/2006/relationships" r:embed="rId7" cstate="email">
          <a:extLst>
            <a:ext uri="{28A0092B-C50C-407E-A947-70E740481C1C}">
              <a14:useLocalDpi xmlns:a14="http://schemas.microsoft.com/office/drawing/2010/main"/>
            </a:ext>
          </a:extLst>
        </a:blip>
        <a:srcRect/>
        <a:stretch/>
      </xdr:blipFill>
      <xdr:spPr>
        <a:xfrm>
          <a:off x="16070131" y="1024217"/>
          <a:ext cx="595513" cy="806824"/>
        </a:xfrm>
        <a:prstGeom prst="rect">
          <a:avLst/>
        </a:prstGeom>
      </xdr:spPr>
    </xdr:pic>
    <xdr:clientData/>
  </xdr:twoCellAnchor>
  <xdr:twoCellAnchor>
    <xdr:from>
      <xdr:col>0</xdr:col>
      <xdr:colOff>947057</xdr:colOff>
      <xdr:row>3</xdr:row>
      <xdr:rowOff>694765</xdr:rowOff>
    </xdr:from>
    <xdr:to>
      <xdr:col>1</xdr:col>
      <xdr:colOff>358588</xdr:colOff>
      <xdr:row>3</xdr:row>
      <xdr:rowOff>1192626</xdr:rowOff>
    </xdr:to>
    <xdr:cxnSp macro="">
      <xdr:nvCxnSpPr>
        <xdr:cNvPr id="11" name="直線矢印コネクタ 10"/>
        <xdr:cNvCxnSpPr/>
      </xdr:nvCxnSpPr>
      <xdr:spPr>
        <a:xfrm flipH="1">
          <a:off x="947057" y="1685365"/>
          <a:ext cx="478331" cy="497861"/>
        </a:xfrm>
        <a:prstGeom prst="straightConnector1">
          <a:avLst/>
        </a:prstGeom>
        <a:ln>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553090</xdr:colOff>
      <xdr:row>3</xdr:row>
      <xdr:rowOff>266542</xdr:rowOff>
    </xdr:from>
    <xdr:to>
      <xdr:col>1</xdr:col>
      <xdr:colOff>1573626</xdr:colOff>
      <xdr:row>3</xdr:row>
      <xdr:rowOff>755596</xdr:rowOff>
    </xdr:to>
    <xdr:sp macro="" textlink="">
      <xdr:nvSpPr>
        <xdr:cNvPr id="12" name="四角形吹き出し 11"/>
        <xdr:cNvSpPr/>
      </xdr:nvSpPr>
      <xdr:spPr>
        <a:xfrm>
          <a:off x="553090" y="1257142"/>
          <a:ext cx="2087336" cy="489054"/>
        </a:xfrm>
        <a:prstGeom prst="wedgeRectCallout">
          <a:avLst>
            <a:gd name="adj1" fmla="val -19890"/>
            <a:gd name="adj2" fmla="val 41570"/>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フィルターから市町村名を選択し、確認・入力をお願いします</a:t>
          </a:r>
          <a:endParaRPr kumimoji="1" lang="en-US" altLang="ja-JP" sz="1100">
            <a:solidFill>
              <a:sysClr val="windowText" lastClr="000000"/>
            </a:solidFill>
          </a:endParaRPr>
        </a:p>
        <a:p>
          <a:pPr algn="l"/>
          <a:endParaRPr kumimoji="1" lang="ja-JP" altLang="en-US" sz="1100">
            <a:solidFill>
              <a:sysClr val="windowText" lastClr="000000"/>
            </a:solidFill>
          </a:endParaRPr>
        </a:p>
      </xdr:txBody>
    </xdr:sp>
    <xdr:clientData/>
  </xdr:twoCellAnchor>
  <xdr:twoCellAnchor>
    <xdr:from>
      <xdr:col>1</xdr:col>
      <xdr:colOff>481854</xdr:colOff>
      <xdr:row>6</xdr:row>
      <xdr:rowOff>313764</xdr:rowOff>
    </xdr:from>
    <xdr:to>
      <xdr:col>1</xdr:col>
      <xdr:colOff>859653</xdr:colOff>
      <xdr:row>9</xdr:row>
      <xdr:rowOff>44823</xdr:rowOff>
    </xdr:to>
    <xdr:cxnSp macro="">
      <xdr:nvCxnSpPr>
        <xdr:cNvPr id="13" name="直線矢印コネクタ 12"/>
        <xdr:cNvCxnSpPr/>
      </xdr:nvCxnSpPr>
      <xdr:spPr>
        <a:xfrm flipH="1" flipV="1">
          <a:off x="1548654" y="3872304"/>
          <a:ext cx="377799" cy="759759"/>
        </a:xfrm>
        <a:prstGeom prst="straightConnector1">
          <a:avLst/>
        </a:prstGeom>
        <a:ln>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863653</xdr:colOff>
      <xdr:row>6</xdr:row>
      <xdr:rowOff>561094</xdr:rowOff>
    </xdr:from>
    <xdr:to>
      <xdr:col>3</xdr:col>
      <xdr:colOff>540285</xdr:colOff>
      <xdr:row>9</xdr:row>
      <xdr:rowOff>84844</xdr:rowOff>
    </xdr:to>
    <xdr:sp macro="" textlink="">
      <xdr:nvSpPr>
        <xdr:cNvPr id="14" name="四角形吹き出し 13"/>
        <xdr:cNvSpPr/>
      </xdr:nvSpPr>
      <xdr:spPr>
        <a:xfrm>
          <a:off x="3614473" y="4119634"/>
          <a:ext cx="2343632" cy="552450"/>
        </a:xfrm>
        <a:prstGeom prst="wedgeRectCallout">
          <a:avLst>
            <a:gd name="adj1" fmla="val -19890"/>
            <a:gd name="adj2" fmla="val 41570"/>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住居表示がなく地番を記載する場合は最後に「（地番）」と記載してください。</a:t>
          </a:r>
        </a:p>
      </xdr:txBody>
    </xdr:sp>
    <xdr:clientData/>
  </xdr:twoCellAnchor>
  <xdr:twoCellAnchor>
    <xdr:from>
      <xdr:col>11</xdr:col>
      <xdr:colOff>489858</xdr:colOff>
      <xdr:row>6</xdr:row>
      <xdr:rowOff>40821</xdr:rowOff>
    </xdr:from>
    <xdr:to>
      <xdr:col>16</xdr:col>
      <xdr:colOff>112058</xdr:colOff>
      <xdr:row>7</xdr:row>
      <xdr:rowOff>134471</xdr:rowOff>
    </xdr:to>
    <xdr:sp macro="" textlink="">
      <xdr:nvSpPr>
        <xdr:cNvPr id="15" name="四角形吹き出し 14"/>
        <xdr:cNvSpPr/>
      </xdr:nvSpPr>
      <xdr:spPr>
        <a:xfrm>
          <a:off x="11576958" y="3599361"/>
          <a:ext cx="3165500" cy="726110"/>
        </a:xfrm>
        <a:prstGeom prst="wedgeRectCallout">
          <a:avLst>
            <a:gd name="adj1" fmla="val -19890"/>
            <a:gd name="adj2" fmla="val 41570"/>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例えば、複合遊具にすべり台、ジャングルジムが含まれている場合は、すべり台、ジャングルジムの欄にも「１」をご記載ください</a:t>
          </a:r>
        </a:p>
      </xdr:txBody>
    </xdr:sp>
    <xdr:clientData/>
  </xdr:twoCellAnchor>
  <xdr:twoCellAnchor>
    <xdr:from>
      <xdr:col>11</xdr:col>
      <xdr:colOff>591670</xdr:colOff>
      <xdr:row>4</xdr:row>
      <xdr:rowOff>476250</xdr:rowOff>
    </xdr:from>
    <xdr:to>
      <xdr:col>12</xdr:col>
      <xdr:colOff>217715</xdr:colOff>
      <xdr:row>6</xdr:row>
      <xdr:rowOff>13607</xdr:rowOff>
    </xdr:to>
    <xdr:cxnSp macro="">
      <xdr:nvCxnSpPr>
        <xdr:cNvPr id="16" name="直線矢印コネクタ 15"/>
        <xdr:cNvCxnSpPr/>
      </xdr:nvCxnSpPr>
      <xdr:spPr>
        <a:xfrm flipH="1" flipV="1">
          <a:off x="11678770" y="2769870"/>
          <a:ext cx="334705" cy="802277"/>
        </a:xfrm>
        <a:prstGeom prst="straightConnector1">
          <a:avLst/>
        </a:prstGeom>
        <a:ln>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800</xdr:colOff>
      <xdr:row>5</xdr:row>
      <xdr:rowOff>465046</xdr:rowOff>
    </xdr:from>
    <xdr:to>
      <xdr:col>48</xdr:col>
      <xdr:colOff>888466</xdr:colOff>
      <xdr:row>6</xdr:row>
      <xdr:rowOff>410618</xdr:rowOff>
    </xdr:to>
    <xdr:sp macro="" textlink="">
      <xdr:nvSpPr>
        <xdr:cNvPr id="17" name="四角形吹き出し 16"/>
        <xdr:cNvSpPr/>
      </xdr:nvSpPr>
      <xdr:spPr>
        <a:xfrm>
          <a:off x="35182340" y="3391126"/>
          <a:ext cx="3013646" cy="578032"/>
        </a:xfrm>
        <a:prstGeom prst="wedgeRectCallout">
          <a:avLst>
            <a:gd name="adj1" fmla="val -19890"/>
            <a:gd name="adj2" fmla="val 41570"/>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時期により有料・無料が切り替わる駐車場は両方に１を記載ください。</a:t>
          </a:r>
        </a:p>
      </xdr:txBody>
    </xdr:sp>
    <xdr:clientData/>
  </xdr:twoCellAnchor>
  <xdr:twoCellAnchor>
    <xdr:from>
      <xdr:col>45</xdr:col>
      <xdr:colOff>625928</xdr:colOff>
      <xdr:row>4</xdr:row>
      <xdr:rowOff>408214</xdr:rowOff>
    </xdr:from>
    <xdr:to>
      <xdr:col>46</xdr:col>
      <xdr:colOff>81643</xdr:colOff>
      <xdr:row>5</xdr:row>
      <xdr:rowOff>462643</xdr:rowOff>
    </xdr:to>
    <xdr:cxnSp macro="">
      <xdr:nvCxnSpPr>
        <xdr:cNvPr id="18" name="直線矢印コネクタ 17"/>
        <xdr:cNvCxnSpPr/>
      </xdr:nvCxnSpPr>
      <xdr:spPr>
        <a:xfrm flipH="1" flipV="1">
          <a:off x="35807468" y="2701834"/>
          <a:ext cx="164375" cy="686889"/>
        </a:xfrm>
        <a:prstGeom prst="straightConnector1">
          <a:avLst/>
        </a:prstGeom>
        <a:ln>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6</xdr:col>
      <xdr:colOff>272143</xdr:colOff>
      <xdr:row>4</xdr:row>
      <xdr:rowOff>492578</xdr:rowOff>
    </xdr:from>
    <xdr:to>
      <xdr:col>46</xdr:col>
      <xdr:colOff>533400</xdr:colOff>
      <xdr:row>5</xdr:row>
      <xdr:rowOff>435429</xdr:rowOff>
    </xdr:to>
    <xdr:cxnSp macro="">
      <xdr:nvCxnSpPr>
        <xdr:cNvPr id="19" name="直線矢印コネクタ 18"/>
        <xdr:cNvCxnSpPr/>
      </xdr:nvCxnSpPr>
      <xdr:spPr>
        <a:xfrm flipV="1">
          <a:off x="36162343" y="2786198"/>
          <a:ext cx="261257" cy="575311"/>
        </a:xfrm>
        <a:prstGeom prst="straightConnector1">
          <a:avLst/>
        </a:prstGeom>
        <a:ln>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683558</xdr:colOff>
      <xdr:row>6</xdr:row>
      <xdr:rowOff>571500</xdr:rowOff>
    </xdr:from>
    <xdr:to>
      <xdr:col>6</xdr:col>
      <xdr:colOff>112059</xdr:colOff>
      <xdr:row>9</xdr:row>
      <xdr:rowOff>67235</xdr:rowOff>
    </xdr:to>
    <xdr:sp macro="" textlink="">
      <xdr:nvSpPr>
        <xdr:cNvPr id="20" name="四角形吹き出し 19"/>
        <xdr:cNvSpPr/>
      </xdr:nvSpPr>
      <xdr:spPr>
        <a:xfrm>
          <a:off x="6101378" y="4130040"/>
          <a:ext cx="1554481" cy="524435"/>
        </a:xfrm>
        <a:prstGeom prst="wedgeRectCallout">
          <a:avLst>
            <a:gd name="adj1" fmla="val -19890"/>
            <a:gd name="adj2" fmla="val 41570"/>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プルダウンリストから選択してください</a:t>
          </a:r>
          <a:endParaRPr kumimoji="1" lang="en-US" altLang="ja-JP" sz="1100">
            <a:solidFill>
              <a:sysClr val="windowText" lastClr="000000"/>
            </a:solidFill>
          </a:endParaRPr>
        </a:p>
        <a:p>
          <a:pPr algn="l"/>
          <a:endParaRPr kumimoji="1" lang="ja-JP" altLang="en-US" sz="1100">
            <a:solidFill>
              <a:sysClr val="windowText" lastClr="000000"/>
            </a:solidFill>
          </a:endParaRPr>
        </a:p>
      </xdr:txBody>
    </xdr:sp>
    <xdr:clientData/>
  </xdr:twoCellAnchor>
  <xdr:twoCellAnchor>
    <xdr:from>
      <xdr:col>5</xdr:col>
      <xdr:colOff>313766</xdr:colOff>
      <xdr:row>5</xdr:row>
      <xdr:rowOff>425824</xdr:rowOff>
    </xdr:from>
    <xdr:to>
      <xdr:col>5</xdr:col>
      <xdr:colOff>324970</xdr:colOff>
      <xdr:row>6</xdr:row>
      <xdr:rowOff>549089</xdr:rowOff>
    </xdr:to>
    <xdr:cxnSp macro="">
      <xdr:nvCxnSpPr>
        <xdr:cNvPr id="21" name="直線矢印コネクタ 20"/>
        <xdr:cNvCxnSpPr/>
      </xdr:nvCxnSpPr>
      <xdr:spPr>
        <a:xfrm flipH="1" flipV="1">
          <a:off x="7148906" y="3351904"/>
          <a:ext cx="11204" cy="755725"/>
        </a:xfrm>
        <a:prstGeom prst="straightConnector1">
          <a:avLst/>
        </a:prstGeom>
        <a:ln>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6</xdr:col>
      <xdr:colOff>201705</xdr:colOff>
      <xdr:row>5</xdr:row>
      <xdr:rowOff>571499</xdr:rowOff>
    </xdr:from>
    <xdr:to>
      <xdr:col>22</xdr:col>
      <xdr:colOff>459441</xdr:colOff>
      <xdr:row>8</xdr:row>
      <xdr:rowOff>190500</xdr:rowOff>
    </xdr:to>
    <xdr:sp macro="" textlink="">
      <xdr:nvSpPr>
        <xdr:cNvPr id="22" name="四角形吹き出し 21"/>
        <xdr:cNvSpPr/>
      </xdr:nvSpPr>
      <xdr:spPr>
        <a:xfrm>
          <a:off x="14832105" y="3497579"/>
          <a:ext cx="4509696" cy="1082041"/>
        </a:xfrm>
        <a:prstGeom prst="wedgeRectCallout">
          <a:avLst>
            <a:gd name="adj1" fmla="val -19890"/>
            <a:gd name="adj2" fmla="val 41570"/>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街区公園など小規模な公園について、基本的にローラースライダー以降のセルをグレーに着色しています。</a:t>
          </a:r>
          <a:endParaRPr kumimoji="1" lang="en-US" altLang="ja-JP" sz="1100">
            <a:solidFill>
              <a:sysClr val="windowText" lastClr="000000"/>
            </a:solidFill>
          </a:endParaRPr>
        </a:p>
        <a:p>
          <a:pPr algn="l"/>
          <a:r>
            <a:rPr kumimoji="1" lang="ja-JP" altLang="en-US" sz="1100">
              <a:solidFill>
                <a:sysClr val="windowText" lastClr="000000"/>
              </a:solidFill>
            </a:rPr>
            <a:t>グレーに着色されたセルは記載不要の項目ですが、もし該当する設備等がある場合や公園の特徴などを備考に記載いただける場合は、ご記載ください。</a:t>
          </a:r>
        </a:p>
      </xdr:txBody>
    </xdr:sp>
    <xdr:clientData/>
  </xdr:twoCellAnchor>
  <xdr:twoCellAnchor>
    <xdr:from>
      <xdr:col>15</xdr:col>
      <xdr:colOff>358588</xdr:colOff>
      <xdr:row>4</xdr:row>
      <xdr:rowOff>381000</xdr:rowOff>
    </xdr:from>
    <xdr:to>
      <xdr:col>15</xdr:col>
      <xdr:colOff>474008</xdr:colOff>
      <xdr:row>6</xdr:row>
      <xdr:rowOff>44903</xdr:rowOff>
    </xdr:to>
    <xdr:cxnSp macro="">
      <xdr:nvCxnSpPr>
        <xdr:cNvPr id="23" name="直線矢印コネクタ 22"/>
        <xdr:cNvCxnSpPr/>
      </xdr:nvCxnSpPr>
      <xdr:spPr>
        <a:xfrm flipV="1">
          <a:off x="14280328" y="2674620"/>
          <a:ext cx="115420" cy="928823"/>
        </a:xfrm>
        <a:prstGeom prst="straightConnector1">
          <a:avLst/>
        </a:prstGeom>
        <a:ln>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1208</xdr:colOff>
      <xdr:row>7</xdr:row>
      <xdr:rowOff>168087</xdr:rowOff>
    </xdr:from>
    <xdr:to>
      <xdr:col>2</xdr:col>
      <xdr:colOff>224119</xdr:colOff>
      <xdr:row>11</xdr:row>
      <xdr:rowOff>123265</xdr:rowOff>
    </xdr:to>
    <xdr:sp macro="" textlink="">
      <xdr:nvSpPr>
        <xdr:cNvPr id="24" name="四角形吹き出し 23"/>
        <xdr:cNvSpPr/>
      </xdr:nvSpPr>
      <xdr:spPr>
        <a:xfrm>
          <a:off x="1078008" y="4359087"/>
          <a:ext cx="1896931" cy="747658"/>
        </a:xfrm>
        <a:prstGeom prst="wedgeRectCallout">
          <a:avLst>
            <a:gd name="adj1" fmla="val -19890"/>
            <a:gd name="adj2" fmla="val 41570"/>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一覧から削除する場合は行を削除せず公園名に「削除」と記載してください。</a:t>
          </a:r>
          <a:endParaRPr kumimoji="1" lang="en-US" altLang="ja-JP" sz="1100">
            <a:solidFill>
              <a:sysClr val="windowText" lastClr="000000"/>
            </a:solidFill>
          </a:endParaRPr>
        </a:p>
        <a:p>
          <a:pPr algn="l"/>
          <a:endParaRPr kumimoji="1" lang="ja-JP" altLang="en-US" sz="1100">
            <a:solidFill>
              <a:sysClr val="windowText" lastClr="000000"/>
            </a:solidFill>
          </a:endParaRPr>
        </a:p>
      </xdr:txBody>
    </xdr:sp>
    <xdr:clientData/>
  </xdr:twoCellAnchor>
  <xdr:twoCellAnchor>
    <xdr:from>
      <xdr:col>2</xdr:col>
      <xdr:colOff>1669677</xdr:colOff>
      <xdr:row>5</xdr:row>
      <xdr:rowOff>504266</xdr:rowOff>
    </xdr:from>
    <xdr:to>
      <xdr:col>2</xdr:col>
      <xdr:colOff>1996249</xdr:colOff>
      <xdr:row>6</xdr:row>
      <xdr:rowOff>561094</xdr:rowOff>
    </xdr:to>
    <xdr:cxnSp macro="">
      <xdr:nvCxnSpPr>
        <xdr:cNvPr id="25" name="直線矢印コネクタ 24"/>
        <xdr:cNvCxnSpPr>
          <a:stCxn id="14" idx="0"/>
        </xdr:cNvCxnSpPr>
      </xdr:nvCxnSpPr>
      <xdr:spPr>
        <a:xfrm flipH="1" flipV="1">
          <a:off x="4420497" y="3430346"/>
          <a:ext cx="326572" cy="689288"/>
        </a:xfrm>
        <a:prstGeom prst="straightConnector1">
          <a:avLst/>
        </a:prstGeom>
        <a:ln>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0122\03_&#65321;&#65315;&#65332;&#25126;&#30053;&#65319;\51_&#12487;&#12540;&#12479;&#27963;&#29992;\01_&#12458;&#12540;&#12503;&#12531;&#12487;&#12540;&#12479;\02_&#12458;&#12540;&#12503;&#12531;&#12487;&#12540;&#12479;&#12469;&#12452;&#12488;\02_&#20844;&#22290;\01_&#24066;&#30010;&#26449;&#12487;&#12540;&#12479;&#26356;&#26032;\&#22238;&#31572;\14_&#22823;&#21644;&#24066;_02_&#20844;&#22290;&#12487;&#12540;&#12479;&#20837;&#21147;&#12501;&#12457;&#12540;&#12510;&#12483;&#12488;(&#22238;&#31572;).xlsx" TargetMode="External"/></Relationships>
</file>

<file path=xl/externalLinks/_rels/externalLink10.xml.rels><?xml version="1.0" encoding="UTF-8" standalone="yes"?>
<Relationships xmlns="http://schemas.openxmlformats.org/package/2006/relationships"><Relationship Id="rId1" Type="http://schemas.microsoft.com/office/2006/relationships/xlExternalLinkPath/xlPathMissing" Target="&#12304;&#37117;&#24066;&#35336;&#30011;&#35506;&#30906;&#35469;&#12305;01_&#20844;&#22290;&#12487;&#12540;&#12479;&#19968;&#35239;.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10_&#12487;&#12540;&#12479;&#36899;&#25658;&#25512;&#36914;&#65319;/42_&#12458;&#12540;&#12503;&#12531;&#12487;&#12540;&#12479;&#36939;&#29992;/02_&#12458;&#12540;&#12503;&#12531;&#12487;&#12540;&#12479;&#12469;&#12452;&#12488;/05_&#24066;&#30010;&#26449;&#20849;&#21516;&#20844;&#38283;&#12487;&#12540;&#12479;&#26356;&#26032;&#65288;&#24180;&#24230;&#26411;&#65289;/2024&#24180;&#24230;/02&#22238;&#31572;/01&#20844;&#22290;&#12487;&#12540;&#12479;&#31561;/&#9733;22&#22823;&#30959;&#30010;/&#22823;&#30959;&#30010;01_&#20844;&#22290;&#12487;&#12540;&#12479;&#19968;&#35239;.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10_&#12487;&#12540;&#12479;&#36899;&#25658;&#25512;&#36914;&#65319;/42_&#12458;&#12540;&#12503;&#12531;&#12487;&#12540;&#12479;&#36939;&#29992;/02_&#12458;&#12540;&#12503;&#12531;&#12487;&#12540;&#12479;&#12469;&#12452;&#12488;/05_&#24066;&#30010;&#26449;&#20849;&#21516;&#20844;&#38283;&#12487;&#12540;&#12479;&#26356;&#26032;&#65288;&#24180;&#24230;&#26411;&#65289;/2024&#24180;&#24230;/02&#22238;&#31572;/01&#20844;&#22290;&#12487;&#12540;&#12479;&#31561;/&#9733;31&#28271;&#27827;&#21407;&#30010;/&#28271;&#27827;&#21407;&#30010;01_&#20844;&#22290;&#12487;&#12540;&#12479;&#19968;&#35239;.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65319;\42_&#12458;&#12540;&#12503;&#12531;&#12487;&#12540;&#12479;&#36939;&#29992;\02_&#12458;&#12540;&#12503;&#12531;&#12487;&#12540;&#12479;&#12469;&#12452;&#12488;\05_&#24066;&#30010;&#26449;&#20849;&#21516;&#20844;&#38283;&#12487;&#12540;&#12479;&#26356;&#26032;&#65288;&#24180;&#24230;&#26411;&#65289;\2024&#24180;&#24230;\02&#22238;&#31572;\01&#20844;&#22290;&#12487;&#12540;&#12479;&#31561;\&#9734;&#9733;11&#19977;&#28006;&#24066;\&#12304;&#19977;&#28006;&#24066;&#12305;01_&#20844;&#22290;&#12487;&#12540;&#12479;&#19968;&#35239;.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65319;\42_&#12458;&#12540;&#12503;&#12531;&#12487;&#12540;&#12479;&#36939;&#29992;\02_&#12458;&#12540;&#12503;&#12531;&#12487;&#12540;&#12479;&#12469;&#12452;&#12488;\05_&#24066;&#30010;&#26449;&#20849;&#21516;&#20844;&#38283;&#12487;&#12540;&#12479;&#26356;&#26032;\2025&#24180;&#24230;\02_&#22238;&#31572;\01_&#20844;&#22290;&#12487;&#12540;&#12479;&#31561;\&#9734;&#9733;02&#24029;&#23822;&#24066;\&#12304;&#24029;&#23822;&#24066;&#12305;01_&#20844;&#22290;&#12487;&#12540;&#12479;&#19968;&#35239;v2.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65319;\42_&#12458;&#12540;&#12503;&#12531;&#12487;&#12540;&#12479;&#36939;&#29992;\02_&#12458;&#12540;&#12503;&#12531;&#12487;&#12540;&#12479;&#12469;&#12452;&#12488;\05_&#24066;&#30010;&#26449;&#20849;&#21516;&#20844;&#38283;&#12487;&#12540;&#12479;&#26356;&#26032;\2025&#24180;&#24230;\02_&#22238;&#31572;\01_&#20844;&#22290;&#12487;&#12540;&#12479;&#31561;\&#9734;&#9733;03&#30456;&#27169;&#21407;&#24066;\01_&#20844;&#22290;&#12487;&#12540;&#12479;&#19968;&#35239;.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65319;\42_&#12458;&#12540;&#12503;&#12531;&#12487;&#12540;&#12479;&#36939;&#29992;\02_&#12458;&#12540;&#12503;&#12531;&#12487;&#12540;&#12479;&#12469;&#12452;&#12488;\05_&#24066;&#30010;&#26449;&#20849;&#21516;&#20844;&#38283;&#12487;&#12540;&#12479;&#26356;&#26032;\2025&#24180;&#24230;\02_&#22238;&#31572;\01_&#20844;&#22290;&#12487;&#12540;&#12479;&#31561;\&#9734;&#9733;04&#27178;&#38920;&#36032;&#24066;\&#12304;&#27178;&#38920;&#36032;&#24066;&#65306;&#20462;&#27491;&#12354;&#12426;&#12305;01_&#20844;&#22290;&#12487;&#12540;&#12479;&#19968;&#35239;v2.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65319;\42_&#12458;&#12540;&#12503;&#12531;&#12487;&#12540;&#12479;&#36939;&#29992;\02_&#12458;&#12540;&#12503;&#12531;&#12487;&#12540;&#12479;&#12469;&#12452;&#12488;\05_&#24066;&#30010;&#26449;&#20849;&#21516;&#20844;&#38283;&#12487;&#12540;&#12479;&#26356;&#26032;\2025&#24180;&#24230;\02_&#22238;&#31572;\01_&#20844;&#22290;&#12487;&#12540;&#12479;&#31561;\&#9734;&#9733;06&#37772;&#20489;&#24066;\&#65288;&#26045;&#34892;&#65289;01_&#20844;&#22290;&#12487;&#12540;&#12479;&#19968;&#35239;.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02&#22238;&#31572;/01&#20844;&#22290;&#12487;&#12540;&#12479;&#31561;/&#9734;&#9733;08&#23567;&#30000;&#21407;&#24066;/&#23567;&#30000;&#21407;&#24066;01_&#20844;&#22290;&#12487;&#12540;&#12479;&#19968;&#35239;.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10_&#12487;&#12540;&#12479;&#36899;&#25658;&#25512;&#36914;&#65319;/42_&#12458;&#12540;&#12503;&#12531;&#12487;&#12540;&#12479;&#36939;&#29992;/02_&#12458;&#12540;&#12503;&#12531;&#12487;&#12540;&#12479;&#12469;&#12452;&#12488;/05_&#24066;&#30010;&#26449;&#20849;&#21516;&#20844;&#38283;&#12487;&#12540;&#12479;&#26356;&#26032;&#65288;&#24180;&#24230;&#26411;&#65289;/2024&#24180;&#24230;/02&#22238;&#31572;/01&#20844;&#22290;&#12487;&#12540;&#12479;&#31561;/&#9733;14&#22823;&#21644;&#24066;/&#22823;&#21644;&#24066;01_&#20844;&#22290;&#12487;&#12540;&#12479;&#19968;&#3523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0122\03_&#65321;&#65315;&#65332;&#25126;&#30053;&#65319;\23_&#12487;&#12540;&#12479;&#27963;&#29992;\01_&#12458;&#12540;&#12503;&#12531;&#12487;&#12540;&#12479;\02_&#12458;&#12540;&#12503;&#12531;&#12487;&#12540;&#12479;&#12469;&#12452;&#12488;\03_&#12487;&#12540;&#12479;&#26356;&#26032;&#65288;&#24180;&#24230;&#26411;&#65289;\01_&#24066;&#30010;&#26449;&#20849;&#36890;&#12486;&#12540;&#12510;\01_&#20844;&#22290;&#22238;&#31572;\02_&#65288;1&#65289;&#20844;&#22290;&#19968;&#35239;&#65288;&#24029;&#23822;&#24066;&#65289;.xlsx"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65319;\42_&#12458;&#12540;&#12503;&#12531;&#12487;&#12540;&#12479;&#36939;&#29992;\02_&#12458;&#12540;&#12503;&#12531;&#12487;&#12540;&#12479;&#12469;&#12452;&#12488;\05_&#24066;&#30010;&#26449;&#20849;&#21516;&#20844;&#38283;&#12487;&#12540;&#12479;&#26356;&#26032;\2025&#24180;&#24230;\02_&#22238;&#31572;\01_&#20844;&#22290;&#12487;&#12540;&#12479;&#31561;\&#9734;&#9733;17&#24231;&#38291;&#24066;\(&#20462;&#27491;&#12354;&#12426;)01_&#20844;&#22290;&#12487;&#12540;&#12479;&#19968;&#35239;v2.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65319;\42_&#12458;&#12540;&#12503;&#12531;&#12487;&#12540;&#12479;&#36939;&#29992;\02_&#12458;&#12540;&#12503;&#12531;&#12487;&#12540;&#12479;&#12469;&#12452;&#12488;\05_&#24066;&#30010;&#26449;&#20849;&#21516;&#20844;&#38283;&#12487;&#12540;&#12479;&#26356;&#26032;\2025&#24180;&#24230;\02_&#22238;&#31572;\01_&#20844;&#22290;&#12487;&#12540;&#12479;&#31561;\&#9734;&#9733;18&#21335;&#36275;&#26564;&#24066;\&#12304;&#21335;&#36275;&#26564;&#24066;&#12288;&#20462;&#27491;&#12354;&#12426;&#12305;01_&#20844;&#22290;&#12487;&#12540;&#12479;&#19968;&#35239;v2.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65319;\42_&#12458;&#12540;&#12503;&#12531;&#12487;&#12540;&#12479;&#36939;&#29992;\02_&#12458;&#12540;&#12503;&#12531;&#12487;&#12540;&#12479;&#12469;&#12452;&#12488;\05_&#24066;&#30010;&#26449;&#20849;&#21516;&#20844;&#38283;&#12487;&#12540;&#12479;&#26356;&#26032;\2025&#24180;&#24230;\02_&#22238;&#31572;\01_&#20844;&#22290;&#12487;&#12540;&#12479;&#31561;\&#9734;&#9733;20&#33865;&#23665;&#30010;\&#12304;&#33865;&#23665;&#30010;&#12305;01_&#20844;&#22290;&#12487;&#12540;&#12479;&#19968;&#35239;v2.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65319;\42_&#12458;&#12540;&#12503;&#12531;&#12487;&#12540;&#12479;&#36939;&#29992;\02_&#12458;&#12540;&#12503;&#12531;&#12487;&#12540;&#12479;&#12469;&#12452;&#12488;\05_&#24066;&#30010;&#26449;&#20849;&#21516;&#20844;&#38283;&#12487;&#12540;&#12479;&#26356;&#26032;\2025&#24180;&#24230;\02_&#22238;&#31572;\01_&#20844;&#22290;&#12487;&#12540;&#12479;&#31561;\&#9734;&#9733;23&#20108;&#23470;&#30010;\143421_&#20108;&#23470;&#30010;_01_&#20844;&#22290;&#12487;&#12540;&#12479;&#19968;&#35239;v2.XLSX"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65319;\42_&#12458;&#12540;&#12503;&#12531;&#12487;&#12540;&#12479;&#36939;&#29992;\02_&#12458;&#12540;&#12503;&#12531;&#12487;&#12540;&#12479;&#12469;&#12452;&#12488;\05_&#24066;&#30010;&#26449;&#20849;&#21516;&#20844;&#38283;&#12487;&#12540;&#12479;&#26356;&#26032;\2025&#24180;&#24230;\02_&#22238;&#31572;\01_&#20844;&#22290;&#12487;&#12540;&#12479;&#31561;\&#9734;&#9733;29&#31665;&#26681;&#30010;\&#12304;&#31665;&#26681;&#30010;&#20462;&#27491;&#12305;01_&#20844;&#22290;&#12487;&#12540;&#12479;&#19968;&#35239;v2.XLSX"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65319;\42_&#12458;&#12540;&#12503;&#12531;&#12487;&#12540;&#12479;&#36939;&#29992;\02_&#12458;&#12540;&#12503;&#12531;&#12487;&#12540;&#12479;&#12469;&#12452;&#12488;\05_&#24066;&#30010;&#26449;&#20849;&#21516;&#20844;&#38283;&#12487;&#12540;&#12479;&#26356;&#26032;\2025&#24180;&#24230;\02_&#22238;&#31572;\01_&#20844;&#22290;&#12487;&#12540;&#12479;&#31561;\&#9734;&#9733;32&#24859;&#24029;&#30010;\01_&#20844;&#22290;&#12487;&#12540;&#12479;&#19968;&#35239;v2.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02&#22238;&#31572;/01&#20844;&#22290;&#12487;&#12540;&#12479;&#31561;/&#9734;&#9733;25&#22823;&#20117;&#30010;/&#22823;&#20117;&#30010;01_&#20844;&#22290;&#12487;&#12540;&#12479;&#19968;&#35239;_&#22823;&#20117;&#30010;.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02&#22238;&#31572;/01&#20844;&#22290;&#12487;&#12540;&#12479;&#31561;/&#9734;&#9733;30&#30495;&#40372;&#30010;/&#30495;&#40372;&#30010;01_&#20844;&#22290;&#12487;&#12540;&#12479;&#19968;&#35239;.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10_&#12487;&#12540;&#12479;&#36899;&#25658;&#25512;&#36914;&#65319;/42_&#12458;&#12540;&#12503;&#12531;&#12487;&#12540;&#12479;&#36939;&#29992;/02_&#12458;&#12540;&#12503;&#12531;&#12487;&#12540;&#12479;&#12469;&#12452;&#12488;/05_&#24066;&#30010;&#26449;&#20849;&#21516;&#20844;&#38283;&#12487;&#12540;&#12479;&#26356;&#26032;&#65288;&#24180;&#24230;&#26411;&#65289;/2024&#24180;&#24230;/02&#22238;&#31572;/01&#20844;&#22290;&#12487;&#12540;&#12479;&#31561;/&#9733;00&#31070;&#22856;&#24029;&#30476;/01_&#20844;&#22290;&#12487;&#12540;&#12479;&#19968;&#35239;.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10_&#12487;&#12540;&#12479;&#36899;&#25658;&#25512;&#36914;&#65319;/42_&#12458;&#12540;&#12503;&#12531;&#12487;&#12540;&#12479;&#36939;&#29992;/02_&#12458;&#12540;&#12503;&#12531;&#12487;&#12540;&#12479;&#12469;&#12452;&#12488;/05_&#24066;&#30010;&#26449;&#20849;&#21516;&#20844;&#38283;&#12487;&#12540;&#12479;&#26356;&#26032;&#65288;&#24180;&#24230;&#26411;&#65289;/2024&#24180;&#24230;/02&#22238;&#31572;/01&#20844;&#22290;&#12487;&#12540;&#12479;&#31561;/&#9733;05&#24179;&#22618;&#24066;/&#12304;&#24179;&#22618;&#24066;&#12305;01_&#20844;&#22290;&#12487;&#12540;&#12479;&#19968;&#35239;.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10_&#12487;&#12540;&#12479;&#36899;&#25658;&#25512;&#36914;&#65319;/42_&#12458;&#12540;&#12503;&#12531;&#12487;&#12540;&#12479;&#36939;&#29992;/02_&#12458;&#12540;&#12503;&#12531;&#12487;&#12540;&#12479;&#12469;&#12452;&#12488;/05_&#24066;&#30010;&#26449;&#20849;&#21516;&#20844;&#38283;&#12487;&#12540;&#12479;&#26356;&#26032;&#65288;&#24180;&#24230;&#26411;&#65289;/2024&#24180;&#24230;/02&#22238;&#31572;/01&#20844;&#22290;&#12487;&#12540;&#12479;&#31561;/&#9733;10&#36887;&#23376;&#24066;/&#36887;&#23376;&#24066;01_&#20844;&#22290;&#12487;&#12540;&#12479;&#19968;&#35239;&#65288;&#20462;&#27491;&#65289;.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10_&#12487;&#12540;&#12479;&#36899;&#25658;&#25512;&#36914;&#65319;/42_&#12458;&#12540;&#12503;&#12531;&#12487;&#12540;&#12479;&#36939;&#29992;/02_&#12458;&#12540;&#12503;&#12531;&#12487;&#12540;&#12479;&#12469;&#12452;&#12488;/05_&#24066;&#30010;&#26449;&#20849;&#21516;&#20844;&#38283;&#12487;&#12540;&#12479;&#26356;&#26032;&#65288;&#24180;&#24230;&#26411;&#65289;/2024&#24180;&#24230;/02&#22238;&#31572;/01&#20844;&#22290;&#12487;&#12540;&#12479;&#31561;/&#9733;16&#28023;&#32769;&#21517;&#24066;/&#12304;&#28023;&#32769;&#21517;&#24066;&#12305;01_&#20844;&#22290;&#12487;&#12540;&#12479;&#19968;&#35239;&#65288;&#26045;&#34892;&#65289;.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10_&#12487;&#12540;&#12479;&#36899;&#25658;&#25512;&#36914;&#65319;/42_&#12458;&#12540;&#12503;&#12531;&#12487;&#12540;&#12479;&#36939;&#29992;/02_&#12458;&#12540;&#12503;&#12531;&#12487;&#12540;&#12479;&#12469;&#12452;&#12488;/05_&#24066;&#30010;&#26449;&#20849;&#21516;&#20844;&#38283;&#12487;&#12540;&#12479;&#26356;&#26032;&#65288;&#24180;&#24230;&#26411;&#65289;/2024&#24180;&#24230;/02&#22238;&#31572;/01&#20844;&#22290;&#12487;&#12540;&#12479;&#31561;/&#9733;19&#32190;&#28716;&#24066;/&#12304;&#32190;&#28716;&#24066;&#12305;01_&#20844;&#22290;&#12487;&#12540;&#12479;&#19968;&#3523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 val="記載例・入力方法"/>
      <sheetName val="公園一覧"/>
    </sheetNames>
    <sheetDataSet>
      <sheetData sheetId="0"/>
      <sheetData sheetId="1" refreshError="1"/>
      <sheetData sheetId="2"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 val="公園一覧"/>
      <sheetName val="記載例・入力方法"/>
    </sheetNames>
    <sheetDataSet>
      <sheetData sheetId="0"/>
      <sheetData sheetId="1" refreshError="1"/>
      <sheetData sheetId="2"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 val="公園一覧"/>
      <sheetName val="記載例・入力方法"/>
    </sheetNames>
    <sheetDataSet>
      <sheetData sheetId="0"/>
      <sheetData sheetId="1" refreshError="1"/>
      <sheetData sheetId="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 val="公園一覧"/>
      <sheetName val="記載例・入力方法"/>
    </sheetNames>
    <sheetDataSet>
      <sheetData sheetId="0"/>
      <sheetData sheetId="1" refreshError="1"/>
      <sheetData sheetId="2"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 val="記載例・入力方法"/>
      <sheetName val="公園一覧"/>
    </sheetNames>
    <sheetDataSet>
      <sheetData sheetId="0"/>
      <sheetData sheetId="1"/>
      <sheetData sheetId="2"/>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 val="公園一覧"/>
      <sheetName val="記載例・入力方法"/>
    </sheetNames>
    <sheetDataSet>
      <sheetData sheetId="0" refreshError="1"/>
      <sheetData sheetId="1" refreshError="1"/>
      <sheetData sheetId="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 val="公園一覧"/>
      <sheetName val="記載例・入力方法"/>
    </sheetNames>
    <sheetDataSet>
      <sheetData sheetId="0"/>
      <sheetData sheetId="1" refreshError="1"/>
      <sheetData sheetId="2"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 val="公園一覧"/>
      <sheetName val="記載例・入力方法"/>
    </sheetNames>
    <sheetDataSet>
      <sheetData sheetId="0"/>
      <sheetData sheetId="1" refreshError="1"/>
      <sheetData sheetId="2"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 val="公園一覧"/>
    </sheetNames>
    <sheetDataSet>
      <sheetData sheetId="0"/>
      <sheetData sheetId="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hyperlink" Target="https://www.city.yokohama.lg.jp/kurashi/machizukuri-kankyo/midori-koen/koen/koen/sport/faqshisetsu.html" TargetMode="External"/><Relationship Id="rId21" Type="http://schemas.openxmlformats.org/officeDocument/2006/relationships/hyperlink" Target="https://www.city.yokohama.lg.jp/kurashi/machizukuri-kankyo/midori-koen/koen/koen/sport/faqshisetsu.html" TargetMode="External"/><Relationship Id="rId42" Type="http://schemas.openxmlformats.org/officeDocument/2006/relationships/hyperlink" Target="https://www.city.yokohama.lg.jp/kurashi/machizukuri-kankyo/midori-koen/koen/koen/sport/faqshisetsu.html" TargetMode="External"/><Relationship Id="rId47" Type="http://schemas.openxmlformats.org/officeDocument/2006/relationships/hyperlink" Target="https://www.city.yokohama.lg.jp/kurashi/machizukuri-kankyo/midori-koen/koen/koen/sport/faqshisetsu.html" TargetMode="External"/><Relationship Id="rId63" Type="http://schemas.openxmlformats.org/officeDocument/2006/relationships/hyperlink" Target="https://www.city.chigasaki.kanagawa.jp/kouen/1006491/1006500.html" TargetMode="External"/><Relationship Id="rId68" Type="http://schemas.openxmlformats.org/officeDocument/2006/relationships/hyperlink" Target="https://www.city.chigasaki.kanagawa.jp/kouen/1006491/tsubaki/1006509.html" TargetMode="External"/><Relationship Id="rId2" Type="http://schemas.openxmlformats.org/officeDocument/2006/relationships/hyperlink" Target="https://www.ebinasportspark.jp/nakano/" TargetMode="External"/><Relationship Id="rId16" Type="http://schemas.openxmlformats.org/officeDocument/2006/relationships/hyperlink" Target="http://www.hama-midorinokyokai.or.jp/park/uminokouen/sports.php" TargetMode="External"/><Relationship Id="rId29" Type="http://schemas.openxmlformats.org/officeDocument/2006/relationships/hyperlink" Target="https://www.city.yokohama.lg.jp/kurashi/machizukuri-kankyo/midori-koen/koen/koen/sport/faqshisetsu.html" TargetMode="External"/><Relationship Id="rId11" Type="http://schemas.openxmlformats.org/officeDocument/2006/relationships/hyperlink" Target="http://www.hama-midorinokyokai.or.jp/zoo/nogeyama/nogeyamapark.php" TargetMode="External"/><Relationship Id="rId24" Type="http://schemas.openxmlformats.org/officeDocument/2006/relationships/hyperlink" Target="https://www.city.yokohama.lg.jp/kurashi/machizukuri-kankyo/midori-koen/koen/koen/sport/faqshisetsu.html" TargetMode="External"/><Relationship Id="rId32" Type="http://schemas.openxmlformats.org/officeDocument/2006/relationships/hyperlink" Target="https://www.city.yokohama.lg.jp/kurashi/machizukuri-kankyo/midori-koen/koen/koen/sport/faqshisetsu.html" TargetMode="External"/><Relationship Id="rId37" Type="http://schemas.openxmlformats.org/officeDocument/2006/relationships/hyperlink" Target="https://www.city.yokohama.lg.jp/kurashi/machizukuri-kankyo/midori-koen/koen/koen/sport/faqshisetsu.html" TargetMode="External"/><Relationship Id="rId40" Type="http://schemas.openxmlformats.org/officeDocument/2006/relationships/hyperlink" Target="https://www.city.yokohama.lg.jp/kurashi/machizukuri-kankyo/midori-koen/koen/koen/sport/faqshisetsu.html" TargetMode="External"/><Relationship Id="rId45" Type="http://schemas.openxmlformats.org/officeDocument/2006/relationships/hyperlink" Target="https://www.city.yokohama.lg.jp/kurashi/machizukuri-kankyo/midori-koen/koen/koen/sport/faqshisetsu.html" TargetMode="External"/><Relationship Id="rId53" Type="http://schemas.openxmlformats.org/officeDocument/2006/relationships/hyperlink" Target="https://www.city.yokohama.lg.jp/kurashi/machizukuri-kankyo/midori-koen/koen/koen/sport/faqshisetsu.html" TargetMode="External"/><Relationship Id="rId58" Type="http://schemas.openxmlformats.org/officeDocument/2006/relationships/hyperlink" Target="https://www.city.yokohama.lg.jp/kurashi/machizukuri-kankyo/midori-koen/koen/koen/sport/faqshisetsu.html" TargetMode="External"/><Relationship Id="rId66" Type="http://schemas.openxmlformats.org/officeDocument/2006/relationships/hyperlink" Target="https://&#27996;&#38920;&#36032;&#27583;&#23665;&#12503;&#12540;&#12523;.com/index_pc.html" TargetMode="External"/><Relationship Id="rId74" Type="http://schemas.openxmlformats.org/officeDocument/2006/relationships/hyperlink" Target="http://www.town.aikawa.kanagawa.jp/shisetsu/sports/1427771495621.html" TargetMode="External"/><Relationship Id="rId5" Type="http://schemas.openxmlformats.org/officeDocument/2006/relationships/hyperlink" Target="https://www.town.samukawa.kanagawa.jp/soshiki/toshikensetsu/toshikeikaku/toshimidori/info/koenmidori/itirann/itinomiya.html" TargetMode="External"/><Relationship Id="rId61" Type="http://schemas.openxmlformats.org/officeDocument/2006/relationships/hyperlink" Target="https://www.ys-park.jp/" TargetMode="External"/><Relationship Id="rId19" Type="http://schemas.openxmlformats.org/officeDocument/2006/relationships/hyperlink" Target="https://midocomi.com/genkaidapark.html" TargetMode="External"/><Relationship Id="rId14" Type="http://schemas.openxmlformats.org/officeDocument/2006/relationships/hyperlink" Target="http://www1.tmtv.ne.jp/~satoyama/index.html" TargetMode="External"/><Relationship Id="rId22" Type="http://schemas.openxmlformats.org/officeDocument/2006/relationships/hyperlink" Target="https://www.city.yokohama.lg.jp/kurashi/machizukuri-kankyo/midori-koen/koen/koen/sport/faqshisetsu.html" TargetMode="External"/><Relationship Id="rId27" Type="http://schemas.openxmlformats.org/officeDocument/2006/relationships/hyperlink" Target="https://www.city.yokohama.lg.jp/kurashi/machizukuri-kankyo/midori-koen/koen/koen/sport/faqshisetsu.html" TargetMode="External"/><Relationship Id="rId30" Type="http://schemas.openxmlformats.org/officeDocument/2006/relationships/hyperlink" Target="https://www.city.yokohama.lg.jp/kurashi/machizukuri-kankyo/midori-koen/koen/koen/sport/faqshisetsu.html" TargetMode="External"/><Relationship Id="rId35" Type="http://schemas.openxmlformats.org/officeDocument/2006/relationships/hyperlink" Target="https://www.city.yokohama.lg.jp/kurashi/machizukuri-kankyo/midori-koen/koen/koen/sport/faqshisetsu.html" TargetMode="External"/><Relationship Id="rId43" Type="http://schemas.openxmlformats.org/officeDocument/2006/relationships/hyperlink" Target="https://www.city.yokohama.lg.jp/kurashi/machizukuri-kankyo/midori-koen/koen/koen/sport/faqshisetsu.html" TargetMode="External"/><Relationship Id="rId48" Type="http://schemas.openxmlformats.org/officeDocument/2006/relationships/hyperlink" Target="https://www.city.yokohama.lg.jp/kurashi/machizukuri-kankyo/midori-koen/koen/koen/sport/faqshisetsu.html" TargetMode="External"/><Relationship Id="rId56" Type="http://schemas.openxmlformats.org/officeDocument/2006/relationships/hyperlink" Target="https://www.city.yokohama.lg.jp/kurashi/machizukuri-kankyo/midori-koen/koen/koen/sport/faqshisetsu.html" TargetMode="External"/><Relationship Id="rId64" Type="http://schemas.openxmlformats.org/officeDocument/2006/relationships/hyperlink" Target="https://www.city.chigasaki.kanagawa.jp/kouen/1006491/1015429.html" TargetMode="External"/><Relationship Id="rId69" Type="http://schemas.openxmlformats.org/officeDocument/2006/relationships/hyperlink" Target="http://www.city.miura.kanagawa.jp/doboku/siokazekouen.html" TargetMode="External"/><Relationship Id="rId8" Type="http://schemas.openxmlformats.org/officeDocument/2006/relationships/hyperlink" Target="https://www.town.samukawa.kanagawa.jp/soshiki/toshikensetsu/toshikeikaku/toshimidori/info/koenmidori/itirann/itinomiya.html" TargetMode="External"/><Relationship Id="rId51" Type="http://schemas.openxmlformats.org/officeDocument/2006/relationships/hyperlink" Target="https://www.city.yokohama.lg.jp/kurashi/machizukuri-kankyo/midori-koen/koen/koen/sport/faqshisetsu.html" TargetMode="External"/><Relationship Id="rId72" Type="http://schemas.openxmlformats.org/officeDocument/2006/relationships/hyperlink" Target="http://www.oisopark.com/" TargetMode="External"/><Relationship Id="rId3" Type="http://schemas.openxmlformats.org/officeDocument/2006/relationships/hyperlink" Target="https://hokubu.ebinasportspark.jp/" TargetMode="External"/><Relationship Id="rId12" Type="http://schemas.openxmlformats.org/officeDocument/2006/relationships/hyperlink" Target="http://sancho-yokohamaueki.com/" TargetMode="External"/><Relationship Id="rId17" Type="http://schemas.openxmlformats.org/officeDocument/2006/relationships/hyperlink" Target="http://www.hama-midorinokyokai.or.jp/zoo/zoorasia/" TargetMode="External"/><Relationship Id="rId25" Type="http://schemas.openxmlformats.org/officeDocument/2006/relationships/hyperlink" Target="https://www.city.yokohama.lg.jp/kurashi/machizukuri-kankyo/midori-koen/koen/koen/sport/faqshisetsu.html" TargetMode="External"/><Relationship Id="rId33" Type="http://schemas.openxmlformats.org/officeDocument/2006/relationships/hyperlink" Target="https://www.city.yokohama.lg.jp/kurashi/machizukuri-kankyo/midori-koen/koen/koen/sport/faqshisetsu.html" TargetMode="External"/><Relationship Id="rId38" Type="http://schemas.openxmlformats.org/officeDocument/2006/relationships/hyperlink" Target="https://www.city.yokohama.lg.jp/kurashi/machizukuri-kankyo/midori-koen/koen/koen/sport/faqshisetsu.html" TargetMode="External"/><Relationship Id="rId46" Type="http://schemas.openxmlformats.org/officeDocument/2006/relationships/hyperlink" Target="https://www.city.yokohama.lg.jp/kurashi/machizukuri-kankyo/midori-koen/koen/koen/sport/faqshisetsu.html" TargetMode="External"/><Relationship Id="rId59" Type="http://schemas.openxmlformats.org/officeDocument/2006/relationships/hyperlink" Target="http://www.niiharu.jp/" TargetMode="External"/><Relationship Id="rId67" Type="http://schemas.openxmlformats.org/officeDocument/2006/relationships/hyperlink" Target="https://www.city.chigasaki.kanagawa.jp/shisetsu_info/1002567/1002695.html" TargetMode="External"/><Relationship Id="rId20" Type="http://schemas.openxmlformats.org/officeDocument/2006/relationships/hyperlink" Target="https://www.hama-midorinokyokai.or.jp/park/gongenyama/" TargetMode="External"/><Relationship Id="rId41" Type="http://schemas.openxmlformats.org/officeDocument/2006/relationships/hyperlink" Target="https://www.city.yokohama.lg.jp/kurashi/machizukuri-kankyo/midori-koen/koen/koen/sport/faqshisetsu.html" TargetMode="External"/><Relationship Id="rId54" Type="http://schemas.openxmlformats.org/officeDocument/2006/relationships/hyperlink" Target="https://www.city.yokohama.lg.jp/kurashi/machizukuri-kankyo/midori-koen/koen/koen/sport/faqshisetsu.html" TargetMode="External"/><Relationship Id="rId62" Type="http://schemas.openxmlformats.org/officeDocument/2006/relationships/hyperlink" Target="https://www.city.chigasaki.kanagawa.jp/kouen/1006491/1006501.html" TargetMode="External"/><Relationship Id="rId70" Type="http://schemas.openxmlformats.org/officeDocument/2006/relationships/hyperlink" Target="http://www.town.hayama.lg.jp/soshiki/shougaigakushuu/2/2/7822/html" TargetMode="External"/><Relationship Id="rId75" Type="http://schemas.openxmlformats.org/officeDocument/2006/relationships/printerSettings" Target="../printerSettings/printerSettings1.bin"/><Relationship Id="rId1" Type="http://schemas.openxmlformats.org/officeDocument/2006/relationships/hyperlink" Target="https://www.ebinasportspark.jp/" TargetMode="External"/><Relationship Id="rId6" Type="http://schemas.openxmlformats.org/officeDocument/2006/relationships/hyperlink" Target="https://www.town.samukawa.kanagawa.jp/soshiki/toshikensetsu/toshikeikaku/toshimidori/info/koenmidori/itirann/1369021922863.html" TargetMode="External"/><Relationship Id="rId15" Type="http://schemas.openxmlformats.org/officeDocument/2006/relationships/hyperlink" Target="http://www.hama-midorinokyokai.or.jp/park/tomioka/" TargetMode="External"/><Relationship Id="rId23" Type="http://schemas.openxmlformats.org/officeDocument/2006/relationships/hyperlink" Target="https://www.city.yokohama.lg.jp/kurashi/machizukuri-kankyo/midori-koen/koen/koen/sport/faqshisetsu.html" TargetMode="External"/><Relationship Id="rId28" Type="http://schemas.openxmlformats.org/officeDocument/2006/relationships/hyperlink" Target="https://www.city.yokohama.lg.jp/kurashi/machizukuri-kankyo/midori-koen/koen/koen/sport/faqshisetsu.html" TargetMode="External"/><Relationship Id="rId36" Type="http://schemas.openxmlformats.org/officeDocument/2006/relationships/hyperlink" Target="https://www.city.yokohama.lg.jp/kurashi/machizukuri-kankyo/midori-koen/koen/koen/sport/faqshisetsu.html" TargetMode="External"/><Relationship Id="rId49" Type="http://schemas.openxmlformats.org/officeDocument/2006/relationships/hyperlink" Target="https://www.city.yokohama.lg.jp/kurashi/machizukuri-kankyo/midori-koen/koen/koen/sport/faqshisetsu.html" TargetMode="External"/><Relationship Id="rId57" Type="http://schemas.openxmlformats.org/officeDocument/2006/relationships/hyperlink" Target="https://www.city.yokohama.lg.jp/kurashi/machizukuri-kankyo/midori-koen/koen/koen/sport/faqshisetsu.html" TargetMode="External"/><Relationship Id="rId10" Type="http://schemas.openxmlformats.org/officeDocument/2006/relationships/hyperlink" Target="https://www.city.yokohama.lg.jp/kurashi/machizukuri-kankyo/midori-koen/koen/koen/sport/faqshisetsu.html" TargetMode="External"/><Relationship Id="rId31" Type="http://schemas.openxmlformats.org/officeDocument/2006/relationships/hyperlink" Target="https://www.city.yokohama.lg.jp/kurashi/machizukuri-kankyo/midori-koen/koen/koen/sport/faqshisetsu.html" TargetMode="External"/><Relationship Id="rId44" Type="http://schemas.openxmlformats.org/officeDocument/2006/relationships/hyperlink" Target="https://www.city.yokohama.lg.jp/kurashi/machizukuri-kankyo/midori-koen/koen/koen/sport/faqshisetsu.html" TargetMode="External"/><Relationship Id="rId52" Type="http://schemas.openxmlformats.org/officeDocument/2006/relationships/hyperlink" Target="https://www.city.yokohama.lg.jp/kurashi/machizukuri-kankyo/midori-koen/koen/koen/sport/faqshisetsu.html" TargetMode="External"/><Relationship Id="rId60" Type="http://schemas.openxmlformats.org/officeDocument/2006/relationships/hyperlink" Target="http://www.city.hiratsuka.kanagawa.jp/koen/sogo.html" TargetMode="External"/><Relationship Id="rId65" Type="http://schemas.openxmlformats.org/officeDocument/2006/relationships/hyperlink" Target="https://&#27996;&#38920;&#36032;&#27583;&#23665;&#12503;&#12540;&#12523;.com/index_pc.html" TargetMode="External"/><Relationship Id="rId73" Type="http://schemas.openxmlformats.org/officeDocument/2006/relationships/hyperlink" Target="http://www.town.aikawa.kanagawa.jp/shisetsu/sports/1433376716761.html" TargetMode="External"/><Relationship Id="rId4" Type="http://schemas.openxmlformats.org/officeDocument/2006/relationships/hyperlink" Target="https://www.town.samukawa.kanagawa.jp/soshiki/toshikensetsu/toshikeikaku/toshimidori/info/koenmidori/itirann/kouenn.html" TargetMode="External"/><Relationship Id="rId9" Type="http://schemas.openxmlformats.org/officeDocument/2006/relationships/hyperlink" Target="http://www.town.nakai.kanagawa.jp/forms/info/info.aspx?info_id=3710" TargetMode="External"/><Relationship Id="rId13" Type="http://schemas.openxmlformats.org/officeDocument/2006/relationships/hyperlink" Target="https://www.hama-midorinokyokai.or.jp/park/negishi/" TargetMode="External"/><Relationship Id="rId18" Type="http://schemas.openxmlformats.org/officeDocument/2006/relationships/hyperlink" Target="http://www.hama-midorinokyokai.or.jp/zoo/kanazawa/" TargetMode="External"/><Relationship Id="rId39" Type="http://schemas.openxmlformats.org/officeDocument/2006/relationships/hyperlink" Target="https://www.city.yokohama.lg.jp/kurashi/machizukuri-kankyo/midori-koen/koen/koen/sport/faqshisetsu.html" TargetMode="External"/><Relationship Id="rId34" Type="http://schemas.openxmlformats.org/officeDocument/2006/relationships/hyperlink" Target="https://www.city.yokohama.lg.jp/kurashi/machizukuri-kankyo/midori-koen/koen/koen/sport/faqshisetsu.html" TargetMode="External"/><Relationship Id="rId50" Type="http://schemas.openxmlformats.org/officeDocument/2006/relationships/hyperlink" Target="https://www.city.yokohama.lg.jp/kurashi/machizukuri-kankyo/midori-koen/koen/koen/sport/faqshisetsu.html" TargetMode="External"/><Relationship Id="rId55" Type="http://schemas.openxmlformats.org/officeDocument/2006/relationships/hyperlink" Target="https://www.city.yokohama.lg.jp/kurashi/machizukuri-kankyo/midori-koen/koen/koen/sport/faqshisetsu.html" TargetMode="External"/><Relationship Id="rId7" Type="http://schemas.openxmlformats.org/officeDocument/2006/relationships/hyperlink" Target="https://www.town.samukawa.kanagawa.jp/soshiki/toshikensetsu/toshikeikaku/toshimidori/info/koenmidori/itirann/17233.html" TargetMode="External"/><Relationship Id="rId71" Type="http://schemas.openxmlformats.org/officeDocument/2006/relationships/hyperlink" Target="http://www.town.hayama.lg.jp/asobi/kouen5776/html" TargetMode="External"/></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hyperlink" Target="http://www.city.kamakura.kanagawa.jp/koen/kakukoen.html" TargetMode="Externa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XFD45751"/>
  <sheetViews>
    <sheetView tabSelected="1" topLeftCell="BA8047" zoomScale="112" zoomScaleNormal="112" zoomScaleSheetLayoutView="112" zoomScalePageLayoutView="112" workbookViewId="0">
      <selection activeCell="BC8070" sqref="BC8070"/>
    </sheetView>
  </sheetViews>
  <sheetFormatPr defaultColWidth="14.44140625" defaultRowHeight="15.75" customHeight="1" x14ac:dyDescent="0.25"/>
  <cols>
    <col min="1" max="1" width="9.5546875" style="9" customWidth="1"/>
    <col min="2" max="2" width="15.44140625" style="92" customWidth="1"/>
    <col min="3" max="3" width="25.33203125" style="9" customWidth="1"/>
    <col min="4" max="4" width="41.5546875" style="9" customWidth="1"/>
    <col min="5" max="6" width="10.33203125" style="9" customWidth="1"/>
    <col min="7" max="7" width="18.44140625" style="9" customWidth="1"/>
    <col min="8" max="49" width="10.33203125" style="9" customWidth="1"/>
    <col min="50" max="51" width="39.33203125" style="9" customWidth="1"/>
    <col min="52" max="52" width="11.6640625" style="9" customWidth="1"/>
    <col min="53" max="53" width="69.109375" style="9" customWidth="1"/>
    <col min="54" max="54" width="17.109375" style="9" customWidth="1"/>
    <col min="55" max="16384" width="14.44140625" style="9"/>
  </cols>
  <sheetData>
    <row r="1" spans="1:54" s="13" customFormat="1" ht="47.1" customHeight="1" x14ac:dyDescent="0.25">
      <c r="A1" s="11" t="s">
        <v>22258</v>
      </c>
      <c r="B1" s="91" t="s">
        <v>22259</v>
      </c>
      <c r="C1" s="12" t="s">
        <v>21492</v>
      </c>
      <c r="D1" s="12" t="s">
        <v>19488</v>
      </c>
      <c r="E1" s="12" t="s">
        <v>14</v>
      </c>
      <c r="F1" s="12" t="s">
        <v>19757</v>
      </c>
      <c r="G1" s="12" t="s">
        <v>19758</v>
      </c>
      <c r="H1" s="12" t="s">
        <v>19759</v>
      </c>
      <c r="I1" s="12" t="s">
        <v>22120</v>
      </c>
      <c r="J1" s="12" t="s">
        <v>19760</v>
      </c>
      <c r="K1" s="22" t="s">
        <v>15</v>
      </c>
      <c r="L1" s="12" t="s">
        <v>16</v>
      </c>
      <c r="M1" s="12" t="s">
        <v>17</v>
      </c>
      <c r="N1" s="12" t="s">
        <v>18</v>
      </c>
      <c r="O1" s="12" t="s">
        <v>19</v>
      </c>
      <c r="P1" s="12" t="s">
        <v>20</v>
      </c>
      <c r="Q1" s="12" t="s">
        <v>21</v>
      </c>
      <c r="R1" s="12" t="s">
        <v>22</v>
      </c>
      <c r="S1" s="12" t="s">
        <v>23</v>
      </c>
      <c r="T1" s="12" t="s">
        <v>24</v>
      </c>
      <c r="U1" s="12" t="s">
        <v>25</v>
      </c>
      <c r="V1" s="12" t="s">
        <v>26</v>
      </c>
      <c r="W1" s="12" t="s">
        <v>27</v>
      </c>
      <c r="X1" s="12" t="s">
        <v>28</v>
      </c>
      <c r="Y1" s="12" t="s">
        <v>29</v>
      </c>
      <c r="Z1" s="12" t="s">
        <v>30</v>
      </c>
      <c r="AA1" s="12" t="s">
        <v>31</v>
      </c>
      <c r="AB1" s="12" t="s">
        <v>32</v>
      </c>
      <c r="AC1" s="12" t="s">
        <v>33</v>
      </c>
      <c r="AD1" s="12" t="s">
        <v>34</v>
      </c>
      <c r="AE1" s="12" t="s">
        <v>35</v>
      </c>
      <c r="AF1" s="12" t="s">
        <v>36</v>
      </c>
      <c r="AG1" s="12" t="s">
        <v>37</v>
      </c>
      <c r="AH1" s="12" t="s">
        <v>38</v>
      </c>
      <c r="AI1" s="12" t="s">
        <v>39</v>
      </c>
      <c r="AJ1" s="12" t="s">
        <v>40</v>
      </c>
      <c r="AK1" s="12" t="s">
        <v>41</v>
      </c>
      <c r="AL1" s="12" t="s">
        <v>42</v>
      </c>
      <c r="AM1" s="12" t="s">
        <v>43</v>
      </c>
      <c r="AN1" s="12" t="s">
        <v>44</v>
      </c>
      <c r="AO1" s="12" t="s">
        <v>45</v>
      </c>
      <c r="AP1" s="12" t="s">
        <v>46</v>
      </c>
      <c r="AQ1" s="12" t="s">
        <v>47</v>
      </c>
      <c r="AR1" s="12" t="s">
        <v>48</v>
      </c>
      <c r="AS1" s="12" t="s">
        <v>49</v>
      </c>
      <c r="AT1" s="12" t="s">
        <v>19477</v>
      </c>
      <c r="AU1" s="12" t="s">
        <v>50</v>
      </c>
      <c r="AV1" s="12" t="s">
        <v>51</v>
      </c>
      <c r="AW1" s="12" t="s">
        <v>52</v>
      </c>
      <c r="AX1" s="12" t="s">
        <v>53</v>
      </c>
      <c r="AY1" s="12" t="s">
        <v>54</v>
      </c>
      <c r="AZ1" s="12" t="s">
        <v>55</v>
      </c>
      <c r="BA1" s="12" t="s">
        <v>56</v>
      </c>
      <c r="BB1" s="12" t="s">
        <v>22138</v>
      </c>
    </row>
    <row r="2" spans="1:54" ht="13.95" customHeight="1" x14ac:dyDescent="0.25">
      <c r="A2" s="14" t="s">
        <v>57</v>
      </c>
      <c r="B2" s="96" t="s">
        <v>58</v>
      </c>
      <c r="C2" s="93" t="s">
        <v>22359</v>
      </c>
      <c r="D2" s="93" t="s">
        <v>59</v>
      </c>
      <c r="E2" s="93">
        <v>2007</v>
      </c>
      <c r="F2" s="93">
        <v>261292</v>
      </c>
      <c r="G2" s="93" t="s">
        <v>6</v>
      </c>
      <c r="H2" s="111">
        <v>1</v>
      </c>
      <c r="I2" s="111">
        <v>1</v>
      </c>
      <c r="J2" s="111">
        <v>1</v>
      </c>
      <c r="K2" s="111">
        <v>0</v>
      </c>
      <c r="L2" s="111">
        <v>0</v>
      </c>
      <c r="M2" s="111">
        <v>0</v>
      </c>
      <c r="N2" s="111">
        <v>0</v>
      </c>
      <c r="O2" s="111">
        <v>0</v>
      </c>
      <c r="P2" s="111">
        <v>0</v>
      </c>
      <c r="Q2" s="111">
        <v>0</v>
      </c>
      <c r="R2" s="111">
        <v>0</v>
      </c>
      <c r="S2" s="111">
        <v>0</v>
      </c>
      <c r="T2" s="111">
        <v>0</v>
      </c>
      <c r="U2" s="111">
        <v>0</v>
      </c>
      <c r="V2" s="111">
        <v>0</v>
      </c>
      <c r="W2" s="111">
        <v>1</v>
      </c>
      <c r="X2" s="111">
        <v>1</v>
      </c>
      <c r="Y2" s="111">
        <v>0</v>
      </c>
      <c r="Z2" s="111">
        <v>1</v>
      </c>
      <c r="AA2" s="111">
        <v>0</v>
      </c>
      <c r="AB2" s="111">
        <v>1</v>
      </c>
      <c r="AC2" s="111">
        <v>0</v>
      </c>
      <c r="AD2" s="111">
        <v>0</v>
      </c>
      <c r="AE2" s="111">
        <v>0</v>
      </c>
      <c r="AF2" s="111">
        <v>0</v>
      </c>
      <c r="AG2" s="111">
        <v>0</v>
      </c>
      <c r="AH2" s="111">
        <v>0</v>
      </c>
      <c r="AI2" s="111">
        <v>0</v>
      </c>
      <c r="AJ2" s="111">
        <v>0</v>
      </c>
      <c r="AK2" s="111">
        <v>0</v>
      </c>
      <c r="AL2" s="111">
        <v>0</v>
      </c>
      <c r="AM2" s="111">
        <v>0</v>
      </c>
      <c r="AN2" s="111">
        <v>0</v>
      </c>
      <c r="AO2" s="111">
        <v>1</v>
      </c>
      <c r="AP2" s="111">
        <v>0</v>
      </c>
      <c r="AQ2" s="111">
        <v>0</v>
      </c>
      <c r="AR2" s="111">
        <v>0</v>
      </c>
      <c r="AS2" s="111">
        <v>0</v>
      </c>
      <c r="AT2" s="111" t="s">
        <v>400</v>
      </c>
      <c r="AU2" s="111">
        <v>1</v>
      </c>
      <c r="AV2" s="111">
        <v>0</v>
      </c>
      <c r="AW2" s="111">
        <v>1</v>
      </c>
      <c r="AX2" s="112" t="s">
        <v>22303</v>
      </c>
      <c r="AY2" s="112" t="s">
        <v>22304</v>
      </c>
      <c r="AZ2" s="112" t="s">
        <v>60</v>
      </c>
      <c r="BA2" s="112" t="s">
        <v>22110</v>
      </c>
      <c r="BB2" s="107">
        <v>45884</v>
      </c>
    </row>
    <row r="3" spans="1:54" ht="13.95" customHeight="1" x14ac:dyDescent="0.25">
      <c r="A3" s="14" t="s">
        <v>61</v>
      </c>
      <c r="B3" s="96" t="s">
        <v>58</v>
      </c>
      <c r="C3" s="93" t="s">
        <v>62</v>
      </c>
      <c r="D3" s="93" t="s">
        <v>63</v>
      </c>
      <c r="E3" s="93">
        <v>1957</v>
      </c>
      <c r="F3" s="93">
        <v>296800</v>
      </c>
      <c r="G3" s="93" t="s">
        <v>6</v>
      </c>
      <c r="H3" s="111">
        <v>1</v>
      </c>
      <c r="I3" s="111">
        <v>1</v>
      </c>
      <c r="J3" s="111">
        <v>1</v>
      </c>
      <c r="K3" s="111">
        <v>1</v>
      </c>
      <c r="L3" s="111">
        <v>1</v>
      </c>
      <c r="M3" s="111">
        <v>1</v>
      </c>
      <c r="N3" s="111">
        <v>0</v>
      </c>
      <c r="O3" s="111">
        <v>1</v>
      </c>
      <c r="P3" s="111">
        <v>1</v>
      </c>
      <c r="Q3" s="111">
        <v>0</v>
      </c>
      <c r="R3" s="111">
        <v>0</v>
      </c>
      <c r="S3" s="111">
        <v>0</v>
      </c>
      <c r="T3" s="111">
        <v>0</v>
      </c>
      <c r="U3" s="111">
        <v>0</v>
      </c>
      <c r="V3" s="111">
        <v>0</v>
      </c>
      <c r="W3" s="111">
        <v>1</v>
      </c>
      <c r="X3" s="111">
        <v>1</v>
      </c>
      <c r="Y3" s="111">
        <v>0</v>
      </c>
      <c r="Z3" s="111">
        <v>1</v>
      </c>
      <c r="AA3" s="111">
        <v>0</v>
      </c>
      <c r="AB3" s="111">
        <v>1</v>
      </c>
      <c r="AC3" s="111">
        <v>0</v>
      </c>
      <c r="AD3" s="111">
        <v>0</v>
      </c>
      <c r="AE3" s="111">
        <v>0</v>
      </c>
      <c r="AF3" s="111">
        <v>1</v>
      </c>
      <c r="AG3" s="111">
        <v>0</v>
      </c>
      <c r="AH3" s="111">
        <v>0</v>
      </c>
      <c r="AI3" s="111">
        <v>0</v>
      </c>
      <c r="AJ3" s="111">
        <v>0</v>
      </c>
      <c r="AK3" s="111">
        <v>0</v>
      </c>
      <c r="AL3" s="111">
        <v>0</v>
      </c>
      <c r="AM3" s="111">
        <v>0</v>
      </c>
      <c r="AN3" s="111">
        <v>1</v>
      </c>
      <c r="AO3" s="111">
        <v>1</v>
      </c>
      <c r="AP3" s="111">
        <v>0</v>
      </c>
      <c r="AQ3" s="111">
        <v>0</v>
      </c>
      <c r="AR3" s="111">
        <v>0</v>
      </c>
      <c r="AS3" s="111">
        <v>0</v>
      </c>
      <c r="AT3" s="111">
        <v>1</v>
      </c>
      <c r="AU3" s="111">
        <v>0</v>
      </c>
      <c r="AV3" s="111">
        <v>1</v>
      </c>
      <c r="AW3" s="111">
        <v>1</v>
      </c>
      <c r="AX3" s="112" t="s">
        <v>22305</v>
      </c>
      <c r="AY3" s="112" t="s">
        <v>22306</v>
      </c>
      <c r="AZ3" s="112" t="s">
        <v>64</v>
      </c>
      <c r="BA3" s="112" t="s">
        <v>22307</v>
      </c>
      <c r="BB3" s="107">
        <v>45884</v>
      </c>
    </row>
    <row r="4" spans="1:54" ht="13.95" customHeight="1" x14ac:dyDescent="0.25">
      <c r="A4" s="14" t="s">
        <v>65</v>
      </c>
      <c r="B4" s="96" t="s">
        <v>58</v>
      </c>
      <c r="C4" s="93" t="s">
        <v>66</v>
      </c>
      <c r="D4" s="93" t="s">
        <v>67</v>
      </c>
      <c r="E4" s="93">
        <v>1957</v>
      </c>
      <c r="F4" s="93">
        <v>340000</v>
      </c>
      <c r="G4" s="93" t="s">
        <v>0</v>
      </c>
      <c r="H4" s="111">
        <v>1</v>
      </c>
      <c r="I4" s="111">
        <v>1</v>
      </c>
      <c r="J4" s="111">
        <v>1</v>
      </c>
      <c r="K4" s="111">
        <v>1</v>
      </c>
      <c r="L4" s="111">
        <v>1</v>
      </c>
      <c r="M4" s="111">
        <v>1</v>
      </c>
      <c r="N4" s="111">
        <v>1</v>
      </c>
      <c r="O4" s="111">
        <v>1</v>
      </c>
      <c r="P4" s="111">
        <v>1</v>
      </c>
      <c r="Q4" s="111">
        <v>0</v>
      </c>
      <c r="R4" s="111">
        <v>0</v>
      </c>
      <c r="S4" s="111">
        <v>0</v>
      </c>
      <c r="T4" s="111">
        <v>1</v>
      </c>
      <c r="U4" s="111">
        <v>0</v>
      </c>
      <c r="V4" s="111">
        <v>0</v>
      </c>
      <c r="W4" s="111">
        <v>1</v>
      </c>
      <c r="X4" s="111">
        <v>0</v>
      </c>
      <c r="Y4" s="111">
        <v>0</v>
      </c>
      <c r="Z4" s="111">
        <v>1</v>
      </c>
      <c r="AA4" s="111">
        <v>0</v>
      </c>
      <c r="AB4" s="111">
        <v>1</v>
      </c>
      <c r="AC4" s="111">
        <v>0</v>
      </c>
      <c r="AD4" s="111">
        <v>1</v>
      </c>
      <c r="AE4" s="111">
        <v>0</v>
      </c>
      <c r="AF4" s="111">
        <v>1</v>
      </c>
      <c r="AG4" s="111">
        <v>1</v>
      </c>
      <c r="AH4" s="111">
        <v>0</v>
      </c>
      <c r="AI4" s="111">
        <v>0</v>
      </c>
      <c r="AJ4" s="111">
        <v>0</v>
      </c>
      <c r="AK4" s="111">
        <v>0</v>
      </c>
      <c r="AL4" s="111">
        <v>0</v>
      </c>
      <c r="AM4" s="111">
        <v>1</v>
      </c>
      <c r="AN4" s="111">
        <v>1</v>
      </c>
      <c r="AO4" s="111">
        <v>1</v>
      </c>
      <c r="AP4" s="111">
        <v>0</v>
      </c>
      <c r="AQ4" s="111">
        <v>0</v>
      </c>
      <c r="AR4" s="111">
        <v>0</v>
      </c>
      <c r="AS4" s="111">
        <v>0</v>
      </c>
      <c r="AT4" s="111">
        <v>1</v>
      </c>
      <c r="AU4" s="111">
        <v>0</v>
      </c>
      <c r="AV4" s="111">
        <v>1</v>
      </c>
      <c r="AW4" s="111">
        <v>1</v>
      </c>
      <c r="AX4" s="112" t="s">
        <v>22308</v>
      </c>
      <c r="AY4" s="112" t="s">
        <v>22309</v>
      </c>
      <c r="AZ4" s="112" t="s">
        <v>68</v>
      </c>
      <c r="BA4" s="112" t="s">
        <v>69</v>
      </c>
      <c r="BB4" s="107">
        <v>45884</v>
      </c>
    </row>
    <row r="5" spans="1:54" ht="13.95" customHeight="1" x14ac:dyDescent="0.25">
      <c r="A5" s="14" t="s">
        <v>70</v>
      </c>
      <c r="B5" s="96" t="s">
        <v>58</v>
      </c>
      <c r="C5" s="93" t="s">
        <v>71</v>
      </c>
      <c r="D5" s="93" t="s">
        <v>72</v>
      </c>
      <c r="E5" s="93">
        <v>1988</v>
      </c>
      <c r="F5" s="93">
        <v>452800</v>
      </c>
      <c r="G5" s="93" t="s">
        <v>10</v>
      </c>
      <c r="H5" s="111">
        <v>1</v>
      </c>
      <c r="I5" s="111">
        <v>1</v>
      </c>
      <c r="J5" s="111">
        <v>1</v>
      </c>
      <c r="K5" s="111">
        <v>1</v>
      </c>
      <c r="L5" s="111">
        <v>0</v>
      </c>
      <c r="M5" s="111">
        <v>1</v>
      </c>
      <c r="N5" s="111">
        <v>0</v>
      </c>
      <c r="O5" s="111">
        <v>1</v>
      </c>
      <c r="P5" s="111">
        <v>1</v>
      </c>
      <c r="Q5" s="111">
        <v>0</v>
      </c>
      <c r="R5" s="111">
        <v>0</v>
      </c>
      <c r="S5" s="111">
        <v>0</v>
      </c>
      <c r="T5" s="111">
        <v>0</v>
      </c>
      <c r="U5" s="111">
        <v>0</v>
      </c>
      <c r="V5" s="111">
        <v>0</v>
      </c>
      <c r="W5" s="111">
        <v>0</v>
      </c>
      <c r="X5" s="111">
        <v>1</v>
      </c>
      <c r="Y5" s="111">
        <v>0</v>
      </c>
      <c r="Z5" s="111">
        <v>0</v>
      </c>
      <c r="AA5" s="111">
        <v>0</v>
      </c>
      <c r="AB5" s="111">
        <v>0</v>
      </c>
      <c r="AC5" s="111">
        <v>0</v>
      </c>
      <c r="AD5" s="111">
        <v>0</v>
      </c>
      <c r="AE5" s="111">
        <v>0</v>
      </c>
      <c r="AF5" s="111">
        <v>0</v>
      </c>
      <c r="AG5" s="111">
        <v>0</v>
      </c>
      <c r="AH5" s="111">
        <v>0</v>
      </c>
      <c r="AI5" s="111">
        <v>0</v>
      </c>
      <c r="AJ5" s="111">
        <v>0</v>
      </c>
      <c r="AK5" s="111">
        <v>0</v>
      </c>
      <c r="AL5" s="111">
        <v>0</v>
      </c>
      <c r="AM5" s="111">
        <v>0</v>
      </c>
      <c r="AN5" s="111">
        <v>1</v>
      </c>
      <c r="AO5" s="111">
        <v>1</v>
      </c>
      <c r="AP5" s="111">
        <v>0</v>
      </c>
      <c r="AQ5" s="111">
        <v>0</v>
      </c>
      <c r="AR5" s="111">
        <v>0</v>
      </c>
      <c r="AS5" s="111">
        <v>1</v>
      </c>
      <c r="AT5" s="111">
        <v>1</v>
      </c>
      <c r="AU5" s="111">
        <v>0</v>
      </c>
      <c r="AV5" s="111">
        <v>1</v>
      </c>
      <c r="AW5" s="111">
        <v>1</v>
      </c>
      <c r="AX5" s="112" t="s">
        <v>73</v>
      </c>
      <c r="AY5" s="112" t="s">
        <v>22310</v>
      </c>
      <c r="AZ5" s="112" t="s">
        <v>74</v>
      </c>
      <c r="BA5" s="112" t="s">
        <v>75</v>
      </c>
      <c r="BB5" s="107">
        <v>45884</v>
      </c>
    </row>
    <row r="6" spans="1:54" ht="13.95" customHeight="1" x14ac:dyDescent="0.25">
      <c r="A6" s="14" t="s">
        <v>76</v>
      </c>
      <c r="B6" s="96" t="s">
        <v>58</v>
      </c>
      <c r="C6" s="93" t="s">
        <v>77</v>
      </c>
      <c r="D6" s="93" t="s">
        <v>78</v>
      </c>
      <c r="E6" s="93">
        <v>1978</v>
      </c>
      <c r="F6" s="93">
        <v>117989</v>
      </c>
      <c r="G6" s="93" t="s">
        <v>10</v>
      </c>
      <c r="H6" s="111">
        <v>1</v>
      </c>
      <c r="I6" s="111">
        <v>1</v>
      </c>
      <c r="J6" s="111">
        <v>1</v>
      </c>
      <c r="K6" s="111">
        <v>1</v>
      </c>
      <c r="L6" s="111">
        <v>1</v>
      </c>
      <c r="M6" s="111">
        <v>1</v>
      </c>
      <c r="N6" s="111">
        <v>1</v>
      </c>
      <c r="O6" s="111">
        <v>1</v>
      </c>
      <c r="P6" s="111">
        <v>1</v>
      </c>
      <c r="Q6" s="111">
        <v>0</v>
      </c>
      <c r="R6" s="111">
        <v>0</v>
      </c>
      <c r="S6" s="111">
        <v>0</v>
      </c>
      <c r="T6" s="111">
        <v>0</v>
      </c>
      <c r="U6" s="111">
        <v>0</v>
      </c>
      <c r="V6" s="111">
        <v>0</v>
      </c>
      <c r="W6" s="111">
        <v>1</v>
      </c>
      <c r="X6" s="111">
        <v>0</v>
      </c>
      <c r="Y6" s="111">
        <v>0</v>
      </c>
      <c r="Z6" s="111">
        <v>0</v>
      </c>
      <c r="AA6" s="111">
        <v>0</v>
      </c>
      <c r="AB6" s="111">
        <v>0</v>
      </c>
      <c r="AC6" s="111">
        <v>0</v>
      </c>
      <c r="AD6" s="111">
        <v>0</v>
      </c>
      <c r="AE6" s="111">
        <v>0</v>
      </c>
      <c r="AF6" s="111">
        <v>0</v>
      </c>
      <c r="AG6" s="111">
        <v>0</v>
      </c>
      <c r="AH6" s="111">
        <v>0</v>
      </c>
      <c r="AI6" s="111">
        <v>0</v>
      </c>
      <c r="AJ6" s="111">
        <v>0</v>
      </c>
      <c r="AK6" s="111">
        <v>0</v>
      </c>
      <c r="AL6" s="111">
        <v>0</v>
      </c>
      <c r="AM6" s="111">
        <v>0</v>
      </c>
      <c r="AN6" s="111">
        <v>0</v>
      </c>
      <c r="AO6" s="111">
        <v>1</v>
      </c>
      <c r="AP6" s="111">
        <v>0</v>
      </c>
      <c r="AQ6" s="111">
        <v>0</v>
      </c>
      <c r="AR6" s="111">
        <v>0</v>
      </c>
      <c r="AS6" s="111">
        <v>0</v>
      </c>
      <c r="AT6" s="111">
        <v>1</v>
      </c>
      <c r="AU6" s="111">
        <v>1</v>
      </c>
      <c r="AV6" s="111">
        <v>1</v>
      </c>
      <c r="AW6" s="111">
        <v>1</v>
      </c>
      <c r="AX6" s="112" t="s">
        <v>22311</v>
      </c>
      <c r="AY6" s="112" t="s">
        <v>22312</v>
      </c>
      <c r="AZ6" s="112" t="s">
        <v>79</v>
      </c>
      <c r="BA6" s="112" t="s">
        <v>80</v>
      </c>
      <c r="BB6" s="107">
        <v>45884</v>
      </c>
    </row>
    <row r="7" spans="1:54" ht="13.95" customHeight="1" x14ac:dyDescent="0.25">
      <c r="A7" s="14" t="s">
        <v>81</v>
      </c>
      <c r="B7" s="96" t="s">
        <v>58</v>
      </c>
      <c r="C7" s="93" t="s">
        <v>82</v>
      </c>
      <c r="D7" s="93" t="s">
        <v>83</v>
      </c>
      <c r="E7" s="93">
        <v>1958</v>
      </c>
      <c r="F7" s="93">
        <v>25214</v>
      </c>
      <c r="G7" s="93" t="s">
        <v>7</v>
      </c>
      <c r="H7" s="111">
        <v>1</v>
      </c>
      <c r="I7" s="111">
        <v>1</v>
      </c>
      <c r="J7" s="111">
        <v>1</v>
      </c>
      <c r="K7" s="111">
        <v>0</v>
      </c>
      <c r="L7" s="111">
        <v>0</v>
      </c>
      <c r="M7" s="111">
        <v>0</v>
      </c>
      <c r="N7" s="111">
        <v>0</v>
      </c>
      <c r="O7" s="111">
        <v>0</v>
      </c>
      <c r="P7" s="111">
        <v>0</v>
      </c>
      <c r="Q7" s="111">
        <v>0</v>
      </c>
      <c r="R7" s="111">
        <v>0</v>
      </c>
      <c r="S7" s="111">
        <v>0</v>
      </c>
      <c r="T7" s="111">
        <v>0</v>
      </c>
      <c r="U7" s="111">
        <v>0</v>
      </c>
      <c r="V7" s="111">
        <v>0</v>
      </c>
      <c r="W7" s="111">
        <v>1</v>
      </c>
      <c r="X7" s="111">
        <v>0</v>
      </c>
      <c r="Y7" s="111">
        <v>0</v>
      </c>
      <c r="Z7" s="111">
        <v>0</v>
      </c>
      <c r="AA7" s="111">
        <v>0</v>
      </c>
      <c r="AB7" s="111">
        <v>0</v>
      </c>
      <c r="AC7" s="111">
        <v>0</v>
      </c>
      <c r="AD7" s="111">
        <v>0</v>
      </c>
      <c r="AE7" s="111">
        <v>0</v>
      </c>
      <c r="AF7" s="111">
        <v>0</v>
      </c>
      <c r="AG7" s="111">
        <v>0</v>
      </c>
      <c r="AH7" s="111">
        <v>0</v>
      </c>
      <c r="AI7" s="111">
        <v>0</v>
      </c>
      <c r="AJ7" s="111">
        <v>0</v>
      </c>
      <c r="AK7" s="111">
        <v>0</v>
      </c>
      <c r="AL7" s="111">
        <v>0</v>
      </c>
      <c r="AM7" s="111">
        <v>0</v>
      </c>
      <c r="AN7" s="111">
        <v>0</v>
      </c>
      <c r="AO7" s="111">
        <v>0</v>
      </c>
      <c r="AP7" s="111">
        <v>0</v>
      </c>
      <c r="AQ7" s="111">
        <v>0</v>
      </c>
      <c r="AR7" s="111">
        <v>0</v>
      </c>
      <c r="AS7" s="111">
        <v>1</v>
      </c>
      <c r="AT7" s="111" t="s">
        <v>400</v>
      </c>
      <c r="AU7" s="111">
        <v>1</v>
      </c>
      <c r="AV7" s="111">
        <v>1</v>
      </c>
      <c r="AW7" s="111">
        <v>1</v>
      </c>
      <c r="AX7" s="112" t="s">
        <v>73</v>
      </c>
      <c r="AY7" s="112" t="s">
        <v>22313</v>
      </c>
      <c r="AZ7" s="112" t="s">
        <v>84</v>
      </c>
      <c r="BA7" s="112" t="s">
        <v>22314</v>
      </c>
      <c r="BB7" s="107">
        <v>45884</v>
      </c>
    </row>
    <row r="8" spans="1:54" ht="13.95" customHeight="1" x14ac:dyDescent="0.25">
      <c r="A8" s="14" t="s">
        <v>85</v>
      </c>
      <c r="B8" s="96" t="s">
        <v>58</v>
      </c>
      <c r="C8" s="93" t="s">
        <v>86</v>
      </c>
      <c r="D8" s="93" t="s">
        <v>87</v>
      </c>
      <c r="E8" s="93">
        <v>1979</v>
      </c>
      <c r="F8" s="93">
        <v>260128</v>
      </c>
      <c r="G8" s="93" t="s">
        <v>6</v>
      </c>
      <c r="H8" s="111">
        <v>1</v>
      </c>
      <c r="I8" s="111">
        <v>1</v>
      </c>
      <c r="J8" s="111">
        <v>1</v>
      </c>
      <c r="K8" s="111">
        <v>1</v>
      </c>
      <c r="L8" s="111">
        <v>1</v>
      </c>
      <c r="M8" s="111">
        <v>1</v>
      </c>
      <c r="N8" s="111">
        <v>1</v>
      </c>
      <c r="O8" s="111">
        <v>1</v>
      </c>
      <c r="P8" s="111">
        <v>1</v>
      </c>
      <c r="Q8" s="111">
        <v>0</v>
      </c>
      <c r="R8" s="111">
        <v>0</v>
      </c>
      <c r="S8" s="111">
        <v>0</v>
      </c>
      <c r="T8" s="111">
        <v>0</v>
      </c>
      <c r="U8" s="111">
        <v>0</v>
      </c>
      <c r="V8" s="111">
        <v>0</v>
      </c>
      <c r="W8" s="111">
        <v>1</v>
      </c>
      <c r="X8" s="111">
        <v>1</v>
      </c>
      <c r="Y8" s="111">
        <v>0</v>
      </c>
      <c r="Z8" s="111">
        <v>0</v>
      </c>
      <c r="AA8" s="111">
        <v>0</v>
      </c>
      <c r="AB8" s="111">
        <v>0</v>
      </c>
      <c r="AC8" s="111">
        <v>0</v>
      </c>
      <c r="AD8" s="111">
        <v>0</v>
      </c>
      <c r="AE8" s="111">
        <v>0</v>
      </c>
      <c r="AF8" s="111">
        <v>0</v>
      </c>
      <c r="AG8" s="111">
        <v>0</v>
      </c>
      <c r="AH8" s="111">
        <v>0</v>
      </c>
      <c r="AI8" s="111">
        <v>0</v>
      </c>
      <c r="AJ8" s="111">
        <v>0</v>
      </c>
      <c r="AK8" s="111">
        <v>0</v>
      </c>
      <c r="AL8" s="111">
        <v>0</v>
      </c>
      <c r="AM8" s="111">
        <v>1</v>
      </c>
      <c r="AN8" s="111">
        <v>1</v>
      </c>
      <c r="AO8" s="111">
        <v>1</v>
      </c>
      <c r="AP8" s="111">
        <v>0</v>
      </c>
      <c r="AQ8" s="111">
        <v>1</v>
      </c>
      <c r="AR8" s="111">
        <v>0</v>
      </c>
      <c r="AS8" s="111">
        <v>1</v>
      </c>
      <c r="AT8" s="111">
        <v>1</v>
      </c>
      <c r="AU8" s="111">
        <v>1</v>
      </c>
      <c r="AV8" s="111">
        <v>1</v>
      </c>
      <c r="AW8" s="111">
        <v>1</v>
      </c>
      <c r="AX8" s="112" t="s">
        <v>22315</v>
      </c>
      <c r="AY8" s="112" t="s">
        <v>22316</v>
      </c>
      <c r="AZ8" s="112" t="s">
        <v>88</v>
      </c>
      <c r="BA8" s="112" t="s">
        <v>89</v>
      </c>
      <c r="BB8" s="107">
        <v>45884</v>
      </c>
    </row>
    <row r="9" spans="1:54" ht="13.95" customHeight="1" x14ac:dyDescent="0.25">
      <c r="A9" s="14" t="s">
        <v>90</v>
      </c>
      <c r="B9" s="96" t="s">
        <v>58</v>
      </c>
      <c r="C9" s="93" t="s">
        <v>91</v>
      </c>
      <c r="D9" s="93" t="s">
        <v>92</v>
      </c>
      <c r="E9" s="93">
        <v>1999</v>
      </c>
      <c r="F9" s="93">
        <v>949665</v>
      </c>
      <c r="G9" s="93" t="s">
        <v>4</v>
      </c>
      <c r="H9" s="111">
        <v>1</v>
      </c>
      <c r="I9" s="111">
        <v>1</v>
      </c>
      <c r="J9" s="111">
        <v>1</v>
      </c>
      <c r="K9" s="111">
        <v>1</v>
      </c>
      <c r="L9" s="111">
        <v>0</v>
      </c>
      <c r="M9" s="111">
        <v>1</v>
      </c>
      <c r="N9" s="111">
        <v>0</v>
      </c>
      <c r="O9" s="111">
        <v>0</v>
      </c>
      <c r="P9" s="111">
        <v>1</v>
      </c>
      <c r="Q9" s="111">
        <v>0</v>
      </c>
      <c r="R9" s="111">
        <v>0</v>
      </c>
      <c r="S9" s="111">
        <v>0</v>
      </c>
      <c r="T9" s="111">
        <v>1</v>
      </c>
      <c r="U9" s="111">
        <v>0</v>
      </c>
      <c r="V9" s="111">
        <v>0</v>
      </c>
      <c r="W9" s="111">
        <v>1</v>
      </c>
      <c r="X9" s="111">
        <v>0</v>
      </c>
      <c r="Y9" s="111">
        <v>0</v>
      </c>
      <c r="Z9" s="111">
        <v>0</v>
      </c>
      <c r="AA9" s="111">
        <v>0</v>
      </c>
      <c r="AB9" s="111">
        <v>0</v>
      </c>
      <c r="AC9" s="111">
        <v>0</v>
      </c>
      <c r="AD9" s="111">
        <v>0</v>
      </c>
      <c r="AE9" s="111">
        <v>0</v>
      </c>
      <c r="AF9" s="111">
        <v>0</v>
      </c>
      <c r="AG9" s="111">
        <v>0</v>
      </c>
      <c r="AH9" s="111">
        <v>0</v>
      </c>
      <c r="AI9" s="111">
        <v>0</v>
      </c>
      <c r="AJ9" s="111">
        <v>0</v>
      </c>
      <c r="AK9" s="111">
        <v>0</v>
      </c>
      <c r="AL9" s="111">
        <v>0</v>
      </c>
      <c r="AM9" s="111">
        <v>0</v>
      </c>
      <c r="AN9" s="111">
        <v>0</v>
      </c>
      <c r="AO9" s="111">
        <v>1</v>
      </c>
      <c r="AP9" s="111">
        <v>1</v>
      </c>
      <c r="AQ9" s="111">
        <v>0</v>
      </c>
      <c r="AR9" s="111">
        <v>0</v>
      </c>
      <c r="AS9" s="111">
        <v>1</v>
      </c>
      <c r="AT9" s="111" t="s">
        <v>400</v>
      </c>
      <c r="AU9" s="111">
        <v>1</v>
      </c>
      <c r="AV9" s="111">
        <v>0</v>
      </c>
      <c r="AW9" s="111">
        <v>1</v>
      </c>
      <c r="AX9" s="112" t="s">
        <v>22317</v>
      </c>
      <c r="AY9" s="112" t="s">
        <v>22318</v>
      </c>
      <c r="AZ9" s="112" t="s">
        <v>93</v>
      </c>
      <c r="BA9" s="112" t="s">
        <v>94</v>
      </c>
      <c r="BB9" s="107">
        <v>45884</v>
      </c>
    </row>
    <row r="10" spans="1:54" ht="13.95" customHeight="1" x14ac:dyDescent="0.25">
      <c r="A10" s="14" t="s">
        <v>95</v>
      </c>
      <c r="B10" s="96" t="s">
        <v>58</v>
      </c>
      <c r="C10" s="93" t="s">
        <v>96</v>
      </c>
      <c r="D10" s="93" t="s">
        <v>97</v>
      </c>
      <c r="E10" s="93">
        <v>1957</v>
      </c>
      <c r="F10" s="93">
        <v>47300</v>
      </c>
      <c r="G10" s="93" t="s">
        <v>7</v>
      </c>
      <c r="H10" s="111">
        <v>1</v>
      </c>
      <c r="I10" s="111">
        <v>1</v>
      </c>
      <c r="J10" s="111">
        <v>1</v>
      </c>
      <c r="K10" s="111">
        <v>0</v>
      </c>
      <c r="L10" s="111">
        <v>0</v>
      </c>
      <c r="M10" s="111">
        <v>0</v>
      </c>
      <c r="N10" s="111">
        <v>0</v>
      </c>
      <c r="O10" s="111">
        <v>0</v>
      </c>
      <c r="P10" s="111">
        <v>0</v>
      </c>
      <c r="Q10" s="111">
        <v>0</v>
      </c>
      <c r="R10" s="111">
        <v>0</v>
      </c>
      <c r="S10" s="111">
        <v>0</v>
      </c>
      <c r="T10" s="111">
        <v>0</v>
      </c>
      <c r="U10" s="111">
        <v>0</v>
      </c>
      <c r="V10" s="111">
        <v>0</v>
      </c>
      <c r="W10" s="111">
        <v>1</v>
      </c>
      <c r="X10" s="111">
        <v>0</v>
      </c>
      <c r="Y10" s="111">
        <v>0</v>
      </c>
      <c r="Z10" s="111">
        <v>0</v>
      </c>
      <c r="AA10" s="111">
        <v>0</v>
      </c>
      <c r="AB10" s="111">
        <v>0</v>
      </c>
      <c r="AC10" s="111">
        <v>0</v>
      </c>
      <c r="AD10" s="111">
        <v>0</v>
      </c>
      <c r="AE10" s="111">
        <v>0</v>
      </c>
      <c r="AF10" s="111">
        <v>0</v>
      </c>
      <c r="AG10" s="111">
        <v>0</v>
      </c>
      <c r="AH10" s="111">
        <v>0</v>
      </c>
      <c r="AI10" s="111">
        <v>0</v>
      </c>
      <c r="AJ10" s="111">
        <v>0</v>
      </c>
      <c r="AK10" s="111">
        <v>0</v>
      </c>
      <c r="AL10" s="111">
        <v>0</v>
      </c>
      <c r="AM10" s="111">
        <v>0</v>
      </c>
      <c r="AN10" s="111">
        <v>0</v>
      </c>
      <c r="AO10" s="111">
        <v>1</v>
      </c>
      <c r="AP10" s="111">
        <v>0</v>
      </c>
      <c r="AQ10" s="111">
        <v>0</v>
      </c>
      <c r="AR10" s="111">
        <v>0</v>
      </c>
      <c r="AS10" s="111">
        <v>0</v>
      </c>
      <c r="AT10" s="111" t="s">
        <v>400</v>
      </c>
      <c r="AU10" s="111">
        <v>0</v>
      </c>
      <c r="AV10" s="111">
        <v>0</v>
      </c>
      <c r="AW10" s="111">
        <v>0</v>
      </c>
      <c r="AX10" s="112" t="s">
        <v>98</v>
      </c>
      <c r="AY10" s="112" t="s">
        <v>22319</v>
      </c>
      <c r="AZ10" s="112" t="s">
        <v>99</v>
      </c>
      <c r="BA10" s="112" t="s">
        <v>22320</v>
      </c>
      <c r="BB10" s="107">
        <v>45884</v>
      </c>
    </row>
    <row r="11" spans="1:54" ht="13.95" customHeight="1" x14ac:dyDescent="0.25">
      <c r="A11" s="14" t="s">
        <v>100</v>
      </c>
      <c r="B11" s="96" t="s">
        <v>58</v>
      </c>
      <c r="C11" s="93" t="s">
        <v>19790</v>
      </c>
      <c r="D11" s="93" t="s">
        <v>101</v>
      </c>
      <c r="E11" s="93">
        <v>1975</v>
      </c>
      <c r="F11" s="93">
        <v>703647</v>
      </c>
      <c r="G11" s="93" t="s">
        <v>4</v>
      </c>
      <c r="H11" s="111">
        <v>1</v>
      </c>
      <c r="I11" s="111">
        <v>1</v>
      </c>
      <c r="J11" s="111">
        <v>1</v>
      </c>
      <c r="K11" s="111">
        <v>0</v>
      </c>
      <c r="L11" s="111">
        <v>0</v>
      </c>
      <c r="M11" s="111">
        <v>1</v>
      </c>
      <c r="N11" s="111">
        <v>0</v>
      </c>
      <c r="O11" s="111">
        <v>1</v>
      </c>
      <c r="P11" s="111">
        <v>1</v>
      </c>
      <c r="Q11" s="111">
        <v>0</v>
      </c>
      <c r="R11" s="111">
        <v>0</v>
      </c>
      <c r="S11" s="111">
        <v>0</v>
      </c>
      <c r="T11" s="111">
        <v>1</v>
      </c>
      <c r="U11" s="111">
        <v>1</v>
      </c>
      <c r="V11" s="111">
        <v>0</v>
      </c>
      <c r="W11" s="111">
        <v>1</v>
      </c>
      <c r="X11" s="111">
        <v>0</v>
      </c>
      <c r="Y11" s="111">
        <v>0</v>
      </c>
      <c r="Z11" s="111">
        <v>0</v>
      </c>
      <c r="AA11" s="111">
        <v>0</v>
      </c>
      <c r="AB11" s="111">
        <v>0</v>
      </c>
      <c r="AC11" s="111">
        <v>0</v>
      </c>
      <c r="AD11" s="111">
        <v>0</v>
      </c>
      <c r="AE11" s="111">
        <v>0</v>
      </c>
      <c r="AF11" s="111">
        <v>0</v>
      </c>
      <c r="AG11" s="111">
        <v>0</v>
      </c>
      <c r="AH11" s="111">
        <v>0</v>
      </c>
      <c r="AI11" s="111">
        <v>0</v>
      </c>
      <c r="AJ11" s="111">
        <v>0</v>
      </c>
      <c r="AK11" s="111">
        <v>0</v>
      </c>
      <c r="AL11" s="111">
        <v>0</v>
      </c>
      <c r="AM11" s="111">
        <v>1</v>
      </c>
      <c r="AN11" s="111">
        <v>0</v>
      </c>
      <c r="AO11" s="111">
        <v>1</v>
      </c>
      <c r="AP11" s="111">
        <v>1</v>
      </c>
      <c r="AQ11" s="111">
        <v>0</v>
      </c>
      <c r="AR11" s="111">
        <v>0</v>
      </c>
      <c r="AS11" s="111">
        <v>0</v>
      </c>
      <c r="AT11" s="111" t="s">
        <v>400</v>
      </c>
      <c r="AU11" s="111">
        <v>1</v>
      </c>
      <c r="AV11" s="111">
        <v>1</v>
      </c>
      <c r="AW11" s="111">
        <v>1</v>
      </c>
      <c r="AX11" s="112" t="s">
        <v>22321</v>
      </c>
      <c r="AY11" s="112" t="s">
        <v>22312</v>
      </c>
      <c r="AZ11" s="112" t="s">
        <v>102</v>
      </c>
      <c r="BA11" s="112" t="s">
        <v>22322</v>
      </c>
      <c r="BB11" s="107">
        <v>45884</v>
      </c>
    </row>
    <row r="12" spans="1:54" ht="13.95" customHeight="1" x14ac:dyDescent="0.25">
      <c r="A12" s="14" t="s">
        <v>103</v>
      </c>
      <c r="B12" s="96" t="s">
        <v>58</v>
      </c>
      <c r="C12" s="93" t="s">
        <v>104</v>
      </c>
      <c r="D12" s="93" t="s">
        <v>105</v>
      </c>
      <c r="E12" s="93">
        <v>1957</v>
      </c>
      <c r="F12" s="93">
        <v>173922</v>
      </c>
      <c r="G12" s="93" t="s">
        <v>4</v>
      </c>
      <c r="H12" s="111">
        <v>1</v>
      </c>
      <c r="I12" s="111">
        <v>1</v>
      </c>
      <c r="J12" s="111">
        <v>0</v>
      </c>
      <c r="K12" s="111">
        <v>1</v>
      </c>
      <c r="L12" s="111">
        <v>0</v>
      </c>
      <c r="M12" s="111">
        <v>1</v>
      </c>
      <c r="N12" s="111">
        <v>0</v>
      </c>
      <c r="O12" s="111">
        <v>0</v>
      </c>
      <c r="P12" s="111">
        <v>0</v>
      </c>
      <c r="Q12" s="111">
        <v>0</v>
      </c>
      <c r="R12" s="111">
        <v>0</v>
      </c>
      <c r="S12" s="111">
        <v>0</v>
      </c>
      <c r="T12" s="111">
        <v>0</v>
      </c>
      <c r="U12" s="111">
        <v>0</v>
      </c>
      <c r="V12" s="111">
        <v>0</v>
      </c>
      <c r="W12" s="111">
        <v>1</v>
      </c>
      <c r="X12" s="111">
        <v>1</v>
      </c>
      <c r="Y12" s="111">
        <v>0</v>
      </c>
      <c r="Z12" s="111">
        <v>1</v>
      </c>
      <c r="AA12" s="111">
        <v>0</v>
      </c>
      <c r="AB12" s="111">
        <v>0</v>
      </c>
      <c r="AC12" s="111">
        <v>0</v>
      </c>
      <c r="AD12" s="111">
        <v>0</v>
      </c>
      <c r="AE12" s="111">
        <v>0</v>
      </c>
      <c r="AF12" s="111">
        <v>0</v>
      </c>
      <c r="AG12" s="111">
        <v>0</v>
      </c>
      <c r="AH12" s="111">
        <v>0</v>
      </c>
      <c r="AI12" s="111">
        <v>0</v>
      </c>
      <c r="AJ12" s="111">
        <v>0</v>
      </c>
      <c r="AK12" s="111">
        <v>0</v>
      </c>
      <c r="AL12" s="111">
        <v>0</v>
      </c>
      <c r="AM12" s="111">
        <v>1</v>
      </c>
      <c r="AN12" s="111">
        <v>1</v>
      </c>
      <c r="AO12" s="111">
        <v>1</v>
      </c>
      <c r="AP12" s="111">
        <v>0</v>
      </c>
      <c r="AQ12" s="111">
        <v>0</v>
      </c>
      <c r="AR12" s="111">
        <v>0</v>
      </c>
      <c r="AS12" s="111">
        <v>0</v>
      </c>
      <c r="AT12" s="111" t="s">
        <v>400</v>
      </c>
      <c r="AU12" s="111">
        <v>0</v>
      </c>
      <c r="AV12" s="111">
        <v>1</v>
      </c>
      <c r="AW12" s="111">
        <v>1</v>
      </c>
      <c r="AX12" s="112" t="s">
        <v>22323</v>
      </c>
      <c r="AY12" s="112" t="s">
        <v>22324</v>
      </c>
      <c r="AZ12" s="112" t="s">
        <v>106</v>
      </c>
      <c r="BA12" s="112" t="s">
        <v>107</v>
      </c>
      <c r="BB12" s="107">
        <v>45884</v>
      </c>
    </row>
    <row r="13" spans="1:54" ht="13.95" customHeight="1" x14ac:dyDescent="0.25">
      <c r="A13" s="14" t="s">
        <v>108</v>
      </c>
      <c r="B13" s="96" t="s">
        <v>58</v>
      </c>
      <c r="C13" s="93" t="s">
        <v>109</v>
      </c>
      <c r="D13" s="93" t="s">
        <v>110</v>
      </c>
      <c r="E13" s="93">
        <v>1971</v>
      </c>
      <c r="F13" s="93">
        <v>199146</v>
      </c>
      <c r="G13" s="93" t="s">
        <v>6</v>
      </c>
      <c r="H13" s="111">
        <v>1</v>
      </c>
      <c r="I13" s="111">
        <v>1</v>
      </c>
      <c r="J13" s="111">
        <v>1</v>
      </c>
      <c r="K13" s="111">
        <v>1</v>
      </c>
      <c r="L13" s="111">
        <v>1</v>
      </c>
      <c r="M13" s="111">
        <v>1</v>
      </c>
      <c r="N13" s="111">
        <v>1</v>
      </c>
      <c r="O13" s="111">
        <v>1</v>
      </c>
      <c r="P13" s="111">
        <v>1</v>
      </c>
      <c r="Q13" s="111">
        <v>0</v>
      </c>
      <c r="R13" s="111">
        <v>0</v>
      </c>
      <c r="S13" s="111">
        <v>0</v>
      </c>
      <c r="T13" s="111">
        <v>0</v>
      </c>
      <c r="U13" s="111">
        <v>0</v>
      </c>
      <c r="V13" s="111">
        <v>0</v>
      </c>
      <c r="W13" s="111">
        <v>1</v>
      </c>
      <c r="X13" s="111">
        <v>0</v>
      </c>
      <c r="Y13" s="111">
        <v>0</v>
      </c>
      <c r="Z13" s="111">
        <v>0</v>
      </c>
      <c r="AA13" s="111">
        <v>0</v>
      </c>
      <c r="AB13" s="111">
        <v>0</v>
      </c>
      <c r="AC13" s="111">
        <v>0</v>
      </c>
      <c r="AD13" s="111">
        <v>0</v>
      </c>
      <c r="AE13" s="111">
        <v>0</v>
      </c>
      <c r="AF13" s="111">
        <v>1</v>
      </c>
      <c r="AG13" s="111">
        <v>0</v>
      </c>
      <c r="AH13" s="111">
        <v>0</v>
      </c>
      <c r="AI13" s="111">
        <v>0</v>
      </c>
      <c r="AJ13" s="111">
        <v>0</v>
      </c>
      <c r="AK13" s="111">
        <v>0</v>
      </c>
      <c r="AL13" s="111">
        <v>0</v>
      </c>
      <c r="AM13" s="111">
        <v>1</v>
      </c>
      <c r="AN13" s="111">
        <v>1</v>
      </c>
      <c r="AO13" s="111">
        <v>1</v>
      </c>
      <c r="AP13" s="111">
        <v>0</v>
      </c>
      <c r="AQ13" s="111">
        <v>0</v>
      </c>
      <c r="AR13" s="111">
        <v>0</v>
      </c>
      <c r="AS13" s="111">
        <v>0</v>
      </c>
      <c r="AT13" s="111" t="s">
        <v>400</v>
      </c>
      <c r="AU13" s="111">
        <v>0</v>
      </c>
      <c r="AV13" s="111">
        <v>1</v>
      </c>
      <c r="AW13" s="111">
        <v>1</v>
      </c>
      <c r="AX13" s="112" t="s">
        <v>22325</v>
      </c>
      <c r="AY13" s="112" t="s">
        <v>22326</v>
      </c>
      <c r="AZ13" s="112" t="s">
        <v>111</v>
      </c>
      <c r="BA13" s="112" t="s">
        <v>112</v>
      </c>
      <c r="BB13" s="107">
        <v>45884</v>
      </c>
    </row>
    <row r="14" spans="1:54" ht="13.95" customHeight="1" x14ac:dyDescent="0.25">
      <c r="A14" s="14" t="s">
        <v>113</v>
      </c>
      <c r="B14" s="96" t="s">
        <v>58</v>
      </c>
      <c r="C14" s="93" t="s">
        <v>114</v>
      </c>
      <c r="D14" s="93" t="s">
        <v>115</v>
      </c>
      <c r="E14" s="93">
        <v>2006</v>
      </c>
      <c r="F14" s="93">
        <v>155625</v>
      </c>
      <c r="G14" s="93" t="s">
        <v>4</v>
      </c>
      <c r="H14" s="111">
        <v>1</v>
      </c>
      <c r="I14" s="111">
        <v>1</v>
      </c>
      <c r="J14" s="111">
        <v>1</v>
      </c>
      <c r="K14" s="111">
        <v>0</v>
      </c>
      <c r="L14" s="111">
        <v>0</v>
      </c>
      <c r="M14" s="111">
        <v>1</v>
      </c>
      <c r="N14" s="111">
        <v>0</v>
      </c>
      <c r="O14" s="111">
        <v>0</v>
      </c>
      <c r="P14" s="111">
        <v>0</v>
      </c>
      <c r="Q14" s="111">
        <v>0</v>
      </c>
      <c r="R14" s="111">
        <v>0</v>
      </c>
      <c r="S14" s="111">
        <v>0</v>
      </c>
      <c r="T14" s="111">
        <v>0</v>
      </c>
      <c r="U14" s="111">
        <v>1</v>
      </c>
      <c r="V14" s="111">
        <v>0</v>
      </c>
      <c r="W14" s="111">
        <v>1</v>
      </c>
      <c r="X14" s="111">
        <v>0</v>
      </c>
      <c r="Y14" s="111">
        <v>0</v>
      </c>
      <c r="Z14" s="111">
        <v>0</v>
      </c>
      <c r="AA14" s="111">
        <v>0</v>
      </c>
      <c r="AB14" s="111">
        <v>0</v>
      </c>
      <c r="AC14" s="111">
        <v>0</v>
      </c>
      <c r="AD14" s="111">
        <v>0</v>
      </c>
      <c r="AE14" s="111">
        <v>0</v>
      </c>
      <c r="AF14" s="111">
        <v>0</v>
      </c>
      <c r="AG14" s="111">
        <v>0</v>
      </c>
      <c r="AH14" s="111">
        <v>0</v>
      </c>
      <c r="AI14" s="111">
        <v>0</v>
      </c>
      <c r="AJ14" s="111">
        <v>0</v>
      </c>
      <c r="AK14" s="111">
        <v>0</v>
      </c>
      <c r="AL14" s="111">
        <v>0</v>
      </c>
      <c r="AM14" s="111">
        <v>0</v>
      </c>
      <c r="AN14" s="111">
        <v>0</v>
      </c>
      <c r="AO14" s="111">
        <v>1</v>
      </c>
      <c r="AP14" s="111">
        <v>0</v>
      </c>
      <c r="AQ14" s="111">
        <v>0</v>
      </c>
      <c r="AR14" s="111">
        <v>0</v>
      </c>
      <c r="AS14" s="111">
        <v>0</v>
      </c>
      <c r="AT14" s="111" t="s">
        <v>400</v>
      </c>
      <c r="AU14" s="111">
        <v>1</v>
      </c>
      <c r="AV14" s="111">
        <v>0</v>
      </c>
      <c r="AW14" s="111">
        <v>0</v>
      </c>
      <c r="AX14" s="112" t="s">
        <v>22327</v>
      </c>
      <c r="AY14" s="112" t="s">
        <v>22312</v>
      </c>
      <c r="AZ14" s="112" t="s">
        <v>116</v>
      </c>
      <c r="BA14" s="112" t="s">
        <v>22328</v>
      </c>
      <c r="BB14" s="107">
        <v>45884</v>
      </c>
    </row>
    <row r="15" spans="1:54" ht="13.95" customHeight="1" x14ac:dyDescent="0.25">
      <c r="A15" s="14" t="s">
        <v>117</v>
      </c>
      <c r="B15" s="96" t="s">
        <v>58</v>
      </c>
      <c r="C15" s="93" t="s">
        <v>22329</v>
      </c>
      <c r="D15" s="93" t="s">
        <v>118</v>
      </c>
      <c r="E15" s="93">
        <v>1972</v>
      </c>
      <c r="F15" s="93">
        <v>15900</v>
      </c>
      <c r="G15" s="93" t="s">
        <v>3</v>
      </c>
      <c r="H15" s="111">
        <v>1</v>
      </c>
      <c r="I15" s="111">
        <v>1</v>
      </c>
      <c r="J15" s="111">
        <v>1</v>
      </c>
      <c r="K15" s="111">
        <v>1</v>
      </c>
      <c r="L15" s="111">
        <v>0</v>
      </c>
      <c r="M15" s="111">
        <v>1</v>
      </c>
      <c r="N15" s="111">
        <v>1</v>
      </c>
      <c r="O15" s="111">
        <v>1</v>
      </c>
      <c r="P15" s="111">
        <v>1</v>
      </c>
      <c r="Q15" s="111">
        <v>0</v>
      </c>
      <c r="R15" s="111">
        <v>0</v>
      </c>
      <c r="S15" s="111">
        <v>0</v>
      </c>
      <c r="T15" s="111">
        <v>0</v>
      </c>
      <c r="U15" s="111">
        <v>0</v>
      </c>
      <c r="V15" s="111">
        <v>0</v>
      </c>
      <c r="W15" s="111">
        <v>0</v>
      </c>
      <c r="X15" s="111">
        <v>0</v>
      </c>
      <c r="Y15" s="111">
        <v>0</v>
      </c>
      <c r="Z15" s="111">
        <v>0</v>
      </c>
      <c r="AA15" s="111">
        <v>0</v>
      </c>
      <c r="AB15" s="111">
        <v>1</v>
      </c>
      <c r="AC15" s="111">
        <v>0</v>
      </c>
      <c r="AD15" s="111">
        <v>1</v>
      </c>
      <c r="AE15" s="111">
        <v>0</v>
      </c>
      <c r="AF15" s="111">
        <v>0</v>
      </c>
      <c r="AG15" s="111">
        <v>0</v>
      </c>
      <c r="AH15" s="111">
        <v>0</v>
      </c>
      <c r="AI15" s="111">
        <v>0</v>
      </c>
      <c r="AJ15" s="111">
        <v>0</v>
      </c>
      <c r="AK15" s="111">
        <v>0</v>
      </c>
      <c r="AL15" s="111">
        <v>0</v>
      </c>
      <c r="AM15" s="111">
        <v>0</v>
      </c>
      <c r="AN15" s="111">
        <v>0</v>
      </c>
      <c r="AO15" s="111">
        <v>1</v>
      </c>
      <c r="AP15" s="111">
        <v>0</v>
      </c>
      <c r="AQ15" s="111">
        <v>0</v>
      </c>
      <c r="AR15" s="111">
        <v>0</v>
      </c>
      <c r="AS15" s="111">
        <v>0</v>
      </c>
      <c r="AT15" s="111" t="s">
        <v>400</v>
      </c>
      <c r="AU15" s="111">
        <v>0</v>
      </c>
      <c r="AV15" s="111">
        <v>0</v>
      </c>
      <c r="AW15" s="111">
        <v>1</v>
      </c>
      <c r="AX15" s="112"/>
      <c r="AY15" s="112" t="s">
        <v>22330</v>
      </c>
      <c r="AZ15" s="112" t="s">
        <v>120</v>
      </c>
      <c r="BA15" s="112" t="s">
        <v>121</v>
      </c>
      <c r="BB15" s="107">
        <v>45884</v>
      </c>
    </row>
    <row r="16" spans="1:54" ht="13.95" customHeight="1" x14ac:dyDescent="0.25">
      <c r="A16" s="14" t="s">
        <v>122</v>
      </c>
      <c r="B16" s="96" t="s">
        <v>58</v>
      </c>
      <c r="C16" s="93" t="s">
        <v>123</v>
      </c>
      <c r="D16" s="93" t="s">
        <v>124</v>
      </c>
      <c r="E16" s="93">
        <v>2001</v>
      </c>
      <c r="F16" s="93">
        <v>352136</v>
      </c>
      <c r="G16" s="93" t="s">
        <v>4</v>
      </c>
      <c r="H16" s="111">
        <v>1</v>
      </c>
      <c r="I16" s="111">
        <v>1</v>
      </c>
      <c r="J16" s="111">
        <v>1</v>
      </c>
      <c r="K16" s="111">
        <v>1</v>
      </c>
      <c r="L16" s="111">
        <v>0</v>
      </c>
      <c r="M16" s="111">
        <v>1</v>
      </c>
      <c r="N16" s="111">
        <v>0</v>
      </c>
      <c r="O16" s="111">
        <v>0</v>
      </c>
      <c r="P16" s="111">
        <v>1</v>
      </c>
      <c r="Q16" s="111">
        <v>0</v>
      </c>
      <c r="R16" s="111">
        <v>0</v>
      </c>
      <c r="S16" s="111">
        <v>0</v>
      </c>
      <c r="T16" s="111">
        <v>0</v>
      </c>
      <c r="U16" s="111">
        <v>1</v>
      </c>
      <c r="V16" s="111">
        <v>1</v>
      </c>
      <c r="W16" s="111">
        <v>1</v>
      </c>
      <c r="X16" s="111">
        <v>0</v>
      </c>
      <c r="Y16" s="111">
        <v>0</v>
      </c>
      <c r="Z16" s="111">
        <v>0</v>
      </c>
      <c r="AA16" s="111">
        <v>0</v>
      </c>
      <c r="AB16" s="111">
        <v>0</v>
      </c>
      <c r="AC16" s="111">
        <v>0</v>
      </c>
      <c r="AD16" s="111">
        <v>0</v>
      </c>
      <c r="AE16" s="111">
        <v>0</v>
      </c>
      <c r="AF16" s="111">
        <v>0</v>
      </c>
      <c r="AG16" s="111">
        <v>0</v>
      </c>
      <c r="AH16" s="111">
        <v>0</v>
      </c>
      <c r="AI16" s="111">
        <v>0</v>
      </c>
      <c r="AJ16" s="111">
        <v>0</v>
      </c>
      <c r="AK16" s="111">
        <v>0</v>
      </c>
      <c r="AL16" s="111">
        <v>0</v>
      </c>
      <c r="AM16" s="111">
        <v>0</v>
      </c>
      <c r="AN16" s="111">
        <v>0</v>
      </c>
      <c r="AO16" s="111">
        <v>1</v>
      </c>
      <c r="AP16" s="111">
        <v>1</v>
      </c>
      <c r="AQ16" s="111">
        <v>0</v>
      </c>
      <c r="AR16" s="111">
        <v>0</v>
      </c>
      <c r="AS16" s="111">
        <v>0</v>
      </c>
      <c r="AT16" s="111">
        <v>1</v>
      </c>
      <c r="AU16" s="111">
        <v>1</v>
      </c>
      <c r="AV16" s="111">
        <v>1</v>
      </c>
      <c r="AW16" s="111">
        <v>1</v>
      </c>
      <c r="AX16" s="112" t="s">
        <v>22327</v>
      </c>
      <c r="AY16" s="112" t="s">
        <v>22331</v>
      </c>
      <c r="AZ16" s="112" t="s">
        <v>125</v>
      </c>
      <c r="BA16" s="112" t="s">
        <v>22332</v>
      </c>
      <c r="BB16" s="107">
        <v>45884</v>
      </c>
    </row>
    <row r="17" spans="1:16384" ht="13.95" customHeight="1" x14ac:dyDescent="0.25">
      <c r="A17" s="14" t="s">
        <v>126</v>
      </c>
      <c r="B17" s="96" t="s">
        <v>58</v>
      </c>
      <c r="C17" s="93" t="s">
        <v>127</v>
      </c>
      <c r="D17" s="93" t="s">
        <v>128</v>
      </c>
      <c r="E17" s="93">
        <v>1958</v>
      </c>
      <c r="F17" s="93">
        <v>145600</v>
      </c>
      <c r="G17" s="93" t="s">
        <v>10</v>
      </c>
      <c r="H17" s="111">
        <v>1</v>
      </c>
      <c r="I17" s="111">
        <v>1</v>
      </c>
      <c r="J17" s="111">
        <v>1</v>
      </c>
      <c r="K17" s="111">
        <v>0</v>
      </c>
      <c r="L17" s="111">
        <v>0</v>
      </c>
      <c r="M17" s="111">
        <v>0</v>
      </c>
      <c r="N17" s="111">
        <v>0</v>
      </c>
      <c r="O17" s="111">
        <v>0</v>
      </c>
      <c r="P17" s="111">
        <v>0</v>
      </c>
      <c r="Q17" s="111">
        <v>0</v>
      </c>
      <c r="R17" s="111">
        <v>0</v>
      </c>
      <c r="S17" s="111">
        <v>0</v>
      </c>
      <c r="T17" s="111">
        <v>0</v>
      </c>
      <c r="U17" s="111">
        <v>0</v>
      </c>
      <c r="V17" s="111">
        <v>0</v>
      </c>
      <c r="W17" s="111">
        <v>1</v>
      </c>
      <c r="X17" s="111">
        <v>0</v>
      </c>
      <c r="Y17" s="111">
        <v>0</v>
      </c>
      <c r="Z17" s="111">
        <v>0</v>
      </c>
      <c r="AA17" s="111">
        <v>0</v>
      </c>
      <c r="AB17" s="111">
        <v>0</v>
      </c>
      <c r="AC17" s="111">
        <v>0</v>
      </c>
      <c r="AD17" s="111">
        <v>0</v>
      </c>
      <c r="AE17" s="111">
        <v>0</v>
      </c>
      <c r="AF17" s="111">
        <v>0</v>
      </c>
      <c r="AG17" s="111">
        <v>0</v>
      </c>
      <c r="AH17" s="111">
        <v>0</v>
      </c>
      <c r="AI17" s="111">
        <v>0</v>
      </c>
      <c r="AJ17" s="111">
        <v>0</v>
      </c>
      <c r="AK17" s="111">
        <v>0</v>
      </c>
      <c r="AL17" s="111">
        <v>0</v>
      </c>
      <c r="AM17" s="111">
        <v>0</v>
      </c>
      <c r="AN17" s="111">
        <v>0</v>
      </c>
      <c r="AO17" s="111">
        <v>1</v>
      </c>
      <c r="AP17" s="111">
        <v>0</v>
      </c>
      <c r="AQ17" s="111">
        <v>0</v>
      </c>
      <c r="AR17" s="111">
        <v>0</v>
      </c>
      <c r="AS17" s="111">
        <v>0</v>
      </c>
      <c r="AT17" s="111">
        <v>1</v>
      </c>
      <c r="AU17" s="111">
        <v>0</v>
      </c>
      <c r="AV17" s="111">
        <v>1</v>
      </c>
      <c r="AW17" s="111">
        <v>0</v>
      </c>
      <c r="AX17" s="112" t="s">
        <v>22333</v>
      </c>
      <c r="AY17" s="112" t="s">
        <v>22334</v>
      </c>
      <c r="AZ17" s="112" t="s">
        <v>129</v>
      </c>
      <c r="BA17" s="112" t="s">
        <v>22335</v>
      </c>
      <c r="BB17" s="107">
        <v>45884</v>
      </c>
      <c r="BC17" s="8"/>
      <c r="BD17" s="8"/>
      <c r="BE17" s="8"/>
      <c r="BF17" s="8"/>
      <c r="BG17" s="8"/>
      <c r="BH17" s="8"/>
      <c r="BI17" s="8"/>
      <c r="BJ17" s="8"/>
      <c r="BK17" s="8"/>
      <c r="BL17" s="8"/>
      <c r="BM17" s="8"/>
      <c r="BN17" s="8"/>
      <c r="BO17" s="8"/>
      <c r="BP17" s="8"/>
      <c r="BQ17" s="8"/>
      <c r="BR17" s="8"/>
      <c r="BS17" s="8"/>
      <c r="BT17" s="8"/>
      <c r="BU17" s="8"/>
      <c r="BV17" s="8"/>
      <c r="BW17" s="8"/>
      <c r="BX17" s="8"/>
      <c r="BY17" s="8"/>
      <c r="BZ17" s="8"/>
      <c r="CA17" s="8"/>
      <c r="CB17" s="8"/>
      <c r="CC17" s="8"/>
      <c r="CD17" s="8"/>
      <c r="CE17" s="8"/>
      <c r="CF17" s="8"/>
      <c r="CG17" s="8"/>
      <c r="CH17" s="8"/>
      <c r="CI17" s="8"/>
      <c r="CJ17" s="8"/>
      <c r="CK17" s="8"/>
      <c r="CL17" s="8"/>
      <c r="CM17" s="8"/>
      <c r="CN17" s="8"/>
      <c r="CO17" s="8"/>
      <c r="CP17" s="8"/>
      <c r="CQ17" s="8"/>
      <c r="CR17" s="8"/>
      <c r="CS17" s="8"/>
      <c r="CT17" s="8"/>
      <c r="CU17" s="8"/>
      <c r="CV17" s="8"/>
      <c r="CW17" s="8"/>
      <c r="CX17" s="8"/>
      <c r="CY17" s="8"/>
      <c r="CZ17" s="8"/>
      <c r="DA17" s="8"/>
      <c r="DB17" s="8"/>
      <c r="DC17" s="8"/>
      <c r="DD17" s="8"/>
      <c r="DE17" s="8"/>
      <c r="DF17" s="8"/>
      <c r="DG17" s="8"/>
      <c r="DH17" s="8"/>
      <c r="DI17" s="8"/>
      <c r="DJ17" s="8"/>
      <c r="DK17" s="8"/>
      <c r="DL17" s="8"/>
      <c r="DM17" s="8"/>
      <c r="DN17" s="8"/>
      <c r="DO17" s="8"/>
      <c r="DP17" s="8"/>
      <c r="DQ17" s="8"/>
      <c r="DR17" s="8"/>
      <c r="DS17" s="8"/>
      <c r="DT17" s="8"/>
      <c r="DU17" s="8"/>
      <c r="DV17" s="8"/>
      <c r="DW17" s="8"/>
      <c r="DX17" s="8"/>
      <c r="DY17" s="8"/>
      <c r="DZ17" s="8"/>
      <c r="EA17" s="8"/>
      <c r="EB17" s="8"/>
      <c r="EC17" s="8"/>
      <c r="ED17" s="8"/>
      <c r="EE17" s="8"/>
      <c r="EF17" s="8"/>
      <c r="EG17" s="8"/>
      <c r="EH17" s="8"/>
      <c r="EI17" s="8"/>
      <c r="EJ17" s="8"/>
      <c r="EK17" s="8"/>
      <c r="EL17" s="8"/>
      <c r="EM17" s="8"/>
      <c r="EN17" s="8"/>
      <c r="EO17" s="8"/>
      <c r="EP17" s="8"/>
      <c r="EQ17" s="8"/>
      <c r="ER17" s="8"/>
      <c r="ES17" s="8"/>
      <c r="ET17" s="8"/>
      <c r="EU17" s="8"/>
      <c r="EV17" s="8"/>
      <c r="EW17" s="8"/>
      <c r="EX17" s="8"/>
      <c r="EY17" s="8"/>
      <c r="EZ17" s="8"/>
      <c r="FA17" s="8"/>
      <c r="FB17" s="8"/>
      <c r="FC17" s="8"/>
      <c r="FD17" s="8"/>
      <c r="FE17" s="8"/>
      <c r="FF17" s="8"/>
      <c r="FG17" s="8"/>
      <c r="FH17" s="8"/>
      <c r="FI17" s="8"/>
      <c r="FJ17" s="8"/>
      <c r="FK17" s="8"/>
      <c r="FL17" s="8"/>
      <c r="FM17" s="8"/>
      <c r="FN17" s="8"/>
      <c r="FO17" s="8"/>
      <c r="FP17" s="8"/>
      <c r="FQ17" s="8"/>
      <c r="FR17" s="8"/>
      <c r="FS17" s="8"/>
      <c r="FT17" s="8"/>
      <c r="FU17" s="8"/>
      <c r="FV17" s="8"/>
      <c r="FW17" s="8"/>
      <c r="FX17" s="8"/>
      <c r="FY17" s="8"/>
      <c r="FZ17" s="8"/>
      <c r="GA17" s="8"/>
      <c r="GB17" s="8"/>
      <c r="GC17" s="8"/>
      <c r="GD17" s="8"/>
      <c r="GE17" s="8"/>
      <c r="GF17" s="8"/>
      <c r="GG17" s="8"/>
      <c r="GH17" s="8"/>
      <c r="GI17" s="8"/>
      <c r="GJ17" s="8"/>
      <c r="GK17" s="8"/>
      <c r="GL17" s="8"/>
      <c r="GM17" s="8"/>
      <c r="GN17" s="8"/>
      <c r="GO17" s="8"/>
      <c r="GP17" s="8"/>
      <c r="GQ17" s="8"/>
      <c r="GR17" s="8"/>
      <c r="GS17" s="8"/>
      <c r="GT17" s="8"/>
      <c r="GU17" s="8"/>
      <c r="GV17" s="8"/>
      <c r="GW17" s="8"/>
      <c r="GX17" s="8"/>
      <c r="GY17" s="8"/>
      <c r="GZ17" s="8"/>
      <c r="HA17" s="8"/>
      <c r="HB17" s="8"/>
      <c r="HC17" s="8"/>
      <c r="HD17" s="8"/>
      <c r="HE17" s="8"/>
      <c r="HF17" s="8"/>
      <c r="HG17" s="8"/>
      <c r="HH17" s="8"/>
      <c r="HI17" s="8"/>
      <c r="HJ17" s="8"/>
      <c r="HK17" s="8"/>
      <c r="HL17" s="8"/>
      <c r="HM17" s="8"/>
      <c r="HN17" s="8"/>
      <c r="HO17" s="8"/>
      <c r="HP17" s="8"/>
      <c r="HQ17" s="8"/>
      <c r="HR17" s="8"/>
      <c r="HS17" s="8"/>
      <c r="HT17" s="8"/>
      <c r="HU17" s="8"/>
      <c r="HV17" s="8"/>
      <c r="HW17" s="8"/>
      <c r="HX17" s="8"/>
      <c r="HY17" s="8"/>
      <c r="HZ17" s="8"/>
      <c r="IA17" s="8"/>
      <c r="IB17" s="8"/>
      <c r="IC17" s="8"/>
      <c r="ID17" s="8"/>
      <c r="IE17" s="8"/>
      <c r="IF17" s="8"/>
      <c r="IG17" s="8"/>
      <c r="IH17" s="8"/>
      <c r="II17" s="8"/>
      <c r="IJ17" s="8"/>
      <c r="IK17" s="8"/>
      <c r="IL17" s="8"/>
      <c r="IM17" s="8"/>
      <c r="IN17" s="8"/>
      <c r="IO17" s="8"/>
      <c r="IP17" s="8"/>
      <c r="IQ17" s="8"/>
      <c r="IR17" s="8"/>
      <c r="IS17" s="8"/>
      <c r="IT17" s="8"/>
      <c r="IU17" s="8"/>
      <c r="IV17" s="8"/>
      <c r="IW17" s="8"/>
      <c r="IX17" s="8"/>
      <c r="IY17" s="8"/>
      <c r="IZ17" s="8"/>
      <c r="JA17" s="8"/>
      <c r="JB17" s="8"/>
      <c r="JC17" s="8"/>
      <c r="JD17" s="8"/>
      <c r="JE17" s="8"/>
      <c r="JF17" s="8"/>
      <c r="JG17" s="8"/>
      <c r="JH17" s="8"/>
      <c r="JI17" s="8"/>
      <c r="JJ17" s="8"/>
      <c r="JK17" s="8"/>
      <c r="JL17" s="8"/>
      <c r="JM17" s="8"/>
      <c r="JN17" s="8"/>
      <c r="JO17" s="8"/>
      <c r="JP17" s="8"/>
      <c r="JQ17" s="8"/>
      <c r="JR17" s="8"/>
      <c r="JS17" s="8"/>
      <c r="JT17" s="8"/>
      <c r="JU17" s="8"/>
      <c r="JV17" s="8"/>
      <c r="JW17" s="8"/>
      <c r="JX17" s="8"/>
      <c r="JY17" s="8"/>
      <c r="JZ17" s="8"/>
      <c r="KA17" s="8"/>
      <c r="KB17" s="8"/>
      <c r="KC17" s="8"/>
      <c r="KD17" s="8"/>
      <c r="KE17" s="8"/>
      <c r="KF17" s="8"/>
      <c r="KG17" s="8"/>
      <c r="KH17" s="8"/>
      <c r="KI17" s="8"/>
      <c r="KJ17" s="8"/>
      <c r="KK17" s="8"/>
      <c r="KL17" s="8"/>
      <c r="KM17" s="8"/>
      <c r="KN17" s="8"/>
      <c r="KO17" s="8"/>
      <c r="KP17" s="8"/>
      <c r="KQ17" s="8"/>
      <c r="KR17" s="8"/>
      <c r="KS17" s="8"/>
      <c r="KT17" s="8"/>
      <c r="KU17" s="8"/>
      <c r="KV17" s="8"/>
      <c r="KW17" s="8"/>
      <c r="KX17" s="8"/>
      <c r="KY17" s="8"/>
      <c r="KZ17" s="8"/>
      <c r="LA17" s="8"/>
      <c r="LB17" s="8"/>
      <c r="LC17" s="8"/>
      <c r="LD17" s="8"/>
      <c r="LE17" s="8"/>
      <c r="LF17" s="8"/>
      <c r="LG17" s="8"/>
      <c r="LH17" s="8"/>
      <c r="LI17" s="8"/>
      <c r="LJ17" s="8"/>
      <c r="LK17" s="8"/>
      <c r="LL17" s="8"/>
      <c r="LM17" s="8"/>
      <c r="LN17" s="8"/>
      <c r="LO17" s="8"/>
      <c r="LP17" s="8"/>
      <c r="LQ17" s="8"/>
      <c r="LR17" s="8"/>
      <c r="LS17" s="8"/>
      <c r="LT17" s="8"/>
      <c r="LU17" s="8"/>
      <c r="LV17" s="8"/>
      <c r="LW17" s="8"/>
      <c r="LX17" s="8"/>
      <c r="LY17" s="8"/>
      <c r="LZ17" s="8"/>
      <c r="MA17" s="8"/>
      <c r="MB17" s="8"/>
      <c r="MC17" s="8"/>
      <c r="MD17" s="8"/>
      <c r="ME17" s="8"/>
      <c r="MF17" s="8"/>
      <c r="MG17" s="8"/>
      <c r="MH17" s="8"/>
      <c r="MI17" s="8"/>
      <c r="MJ17" s="8"/>
      <c r="MK17" s="8"/>
      <c r="ML17" s="8"/>
      <c r="MM17" s="8"/>
      <c r="MN17" s="8"/>
      <c r="MO17" s="8"/>
      <c r="MP17" s="8"/>
      <c r="MQ17" s="8"/>
      <c r="MR17" s="8"/>
      <c r="MS17" s="8"/>
      <c r="MT17" s="8"/>
      <c r="MU17" s="8"/>
      <c r="MV17" s="8"/>
      <c r="MW17" s="8"/>
      <c r="MX17" s="8"/>
      <c r="MY17" s="8"/>
      <c r="MZ17" s="8"/>
      <c r="NA17" s="8"/>
      <c r="NB17" s="8"/>
      <c r="NC17" s="8"/>
      <c r="ND17" s="8"/>
      <c r="NE17" s="8"/>
      <c r="NF17" s="8"/>
      <c r="NG17" s="8"/>
      <c r="NH17" s="8"/>
      <c r="NI17" s="8"/>
      <c r="NJ17" s="8"/>
      <c r="NK17" s="8"/>
      <c r="NL17" s="8"/>
      <c r="NM17" s="8"/>
      <c r="NN17" s="8"/>
      <c r="NO17" s="8"/>
      <c r="NP17" s="8"/>
      <c r="NQ17" s="8"/>
      <c r="NR17" s="8"/>
      <c r="NS17" s="8"/>
      <c r="NT17" s="8"/>
      <c r="NU17" s="8"/>
      <c r="NV17" s="8"/>
      <c r="NW17" s="8"/>
      <c r="NX17" s="8"/>
      <c r="NY17" s="8"/>
      <c r="NZ17" s="8"/>
      <c r="OA17" s="8"/>
      <c r="OB17" s="8"/>
      <c r="OC17" s="8"/>
      <c r="OD17" s="8"/>
      <c r="OE17" s="8"/>
      <c r="OF17" s="8"/>
      <c r="OG17" s="8"/>
      <c r="OH17" s="8"/>
      <c r="OI17" s="8"/>
      <c r="OJ17" s="8"/>
      <c r="OK17" s="8"/>
      <c r="OL17" s="8"/>
      <c r="OM17" s="8"/>
      <c r="ON17" s="8"/>
      <c r="OO17" s="8"/>
      <c r="OP17" s="8"/>
      <c r="OQ17" s="8"/>
      <c r="OR17" s="8"/>
      <c r="OS17" s="8"/>
      <c r="OT17" s="8"/>
      <c r="OU17" s="8"/>
      <c r="OV17" s="8"/>
      <c r="OW17" s="8"/>
      <c r="OX17" s="8"/>
      <c r="OY17" s="8"/>
      <c r="OZ17" s="8"/>
      <c r="PA17" s="8"/>
      <c r="PB17" s="8"/>
      <c r="PC17" s="8"/>
      <c r="PD17" s="8"/>
      <c r="PE17" s="8"/>
      <c r="PF17" s="8"/>
      <c r="PG17" s="8"/>
      <c r="PH17" s="8"/>
      <c r="PI17" s="8"/>
      <c r="PJ17" s="8"/>
      <c r="PK17" s="8"/>
      <c r="PL17" s="8"/>
      <c r="PM17" s="8"/>
      <c r="PN17" s="8"/>
      <c r="PO17" s="8"/>
      <c r="PP17" s="8"/>
      <c r="PQ17" s="8"/>
      <c r="PR17" s="8"/>
      <c r="PS17" s="8"/>
      <c r="PT17" s="8"/>
      <c r="PU17" s="8"/>
      <c r="PV17" s="8"/>
      <c r="PW17" s="8"/>
      <c r="PX17" s="8"/>
      <c r="PY17" s="8"/>
      <c r="PZ17" s="8"/>
      <c r="QA17" s="8"/>
      <c r="QB17" s="8"/>
      <c r="QC17" s="8"/>
      <c r="QD17" s="8"/>
      <c r="QE17" s="8"/>
      <c r="QF17" s="8"/>
      <c r="QG17" s="8"/>
      <c r="QH17" s="8"/>
      <c r="QI17" s="8"/>
      <c r="QJ17" s="8"/>
      <c r="QK17" s="8"/>
      <c r="QL17" s="8"/>
      <c r="QM17" s="8"/>
      <c r="QN17" s="8"/>
      <c r="QO17" s="8"/>
      <c r="QP17" s="8"/>
      <c r="QQ17" s="8"/>
      <c r="QR17" s="8"/>
      <c r="QS17" s="8"/>
      <c r="QT17" s="8"/>
      <c r="QU17" s="8"/>
      <c r="QV17" s="8"/>
      <c r="QW17" s="8"/>
      <c r="QX17" s="8"/>
      <c r="QY17" s="8"/>
      <c r="QZ17" s="8"/>
      <c r="RA17" s="8"/>
      <c r="RB17" s="8"/>
      <c r="RC17" s="8"/>
      <c r="RD17" s="8"/>
      <c r="RE17" s="8"/>
      <c r="RF17" s="8"/>
      <c r="RG17" s="8"/>
      <c r="RH17" s="8"/>
      <c r="RI17" s="8"/>
      <c r="RJ17" s="8"/>
      <c r="RK17" s="8"/>
      <c r="RL17" s="8"/>
      <c r="RM17" s="8"/>
      <c r="RN17" s="8"/>
      <c r="RO17" s="8"/>
      <c r="RP17" s="8"/>
      <c r="RQ17" s="8"/>
      <c r="RR17" s="8"/>
      <c r="RS17" s="8"/>
      <c r="RT17" s="8"/>
      <c r="RU17" s="8"/>
      <c r="RV17" s="8"/>
      <c r="RW17" s="8"/>
      <c r="RX17" s="8"/>
      <c r="RY17" s="8"/>
      <c r="RZ17" s="8"/>
      <c r="SA17" s="8"/>
      <c r="SB17" s="8"/>
      <c r="SC17" s="8"/>
      <c r="SD17" s="8"/>
      <c r="SE17" s="8"/>
      <c r="SF17" s="8"/>
      <c r="SG17" s="8"/>
      <c r="SH17" s="8"/>
      <c r="SI17" s="8"/>
      <c r="SJ17" s="8"/>
      <c r="SK17" s="8"/>
      <c r="SL17" s="8"/>
      <c r="SM17" s="8"/>
      <c r="SN17" s="8"/>
      <c r="SO17" s="8"/>
      <c r="SP17" s="8"/>
      <c r="SQ17" s="8"/>
      <c r="SR17" s="8"/>
      <c r="SS17" s="8"/>
      <c r="ST17" s="8"/>
      <c r="SU17" s="8"/>
      <c r="SV17" s="8"/>
      <c r="SW17" s="8"/>
      <c r="SX17" s="8"/>
      <c r="SY17" s="8"/>
      <c r="SZ17" s="8"/>
      <c r="TA17" s="8"/>
      <c r="TB17" s="8"/>
      <c r="TC17" s="8"/>
      <c r="TD17" s="8"/>
      <c r="TE17" s="8"/>
      <c r="TF17" s="8"/>
      <c r="TG17" s="8"/>
      <c r="TH17" s="8"/>
      <c r="TI17" s="8"/>
      <c r="TJ17" s="8"/>
      <c r="TK17" s="8"/>
      <c r="TL17" s="8"/>
      <c r="TM17" s="8"/>
      <c r="TN17" s="8"/>
      <c r="TO17" s="8"/>
      <c r="TP17" s="8"/>
      <c r="TQ17" s="8"/>
      <c r="TR17" s="8"/>
      <c r="TS17" s="8"/>
      <c r="TT17" s="8"/>
      <c r="TU17" s="8"/>
      <c r="TV17" s="8"/>
      <c r="TW17" s="8"/>
      <c r="TX17" s="8"/>
      <c r="TY17" s="8"/>
      <c r="TZ17" s="8"/>
      <c r="UA17" s="8"/>
      <c r="UB17" s="8"/>
      <c r="UC17" s="8"/>
      <c r="UD17" s="8"/>
      <c r="UE17" s="8"/>
      <c r="UF17" s="8"/>
      <c r="UG17" s="8"/>
      <c r="UH17" s="8"/>
      <c r="UI17" s="8"/>
      <c r="UJ17" s="8"/>
      <c r="UK17" s="8"/>
      <c r="UL17" s="8"/>
      <c r="UM17" s="8"/>
      <c r="UN17" s="8"/>
      <c r="UO17" s="8"/>
      <c r="UP17" s="8"/>
      <c r="UQ17" s="8"/>
      <c r="UR17" s="8"/>
      <c r="US17" s="8"/>
      <c r="UT17" s="8"/>
      <c r="UU17" s="8"/>
      <c r="UV17" s="8"/>
      <c r="UW17" s="8"/>
      <c r="UX17" s="8"/>
      <c r="UY17" s="8"/>
      <c r="UZ17" s="8"/>
      <c r="VA17" s="8"/>
      <c r="VB17" s="8"/>
      <c r="VC17" s="8"/>
      <c r="VD17" s="8"/>
      <c r="VE17" s="8"/>
      <c r="VF17" s="8"/>
      <c r="VG17" s="8"/>
      <c r="VH17" s="8"/>
      <c r="VI17" s="8"/>
      <c r="VJ17" s="8"/>
      <c r="VK17" s="8"/>
      <c r="VL17" s="8"/>
      <c r="VM17" s="8"/>
      <c r="VN17" s="8"/>
      <c r="VO17" s="8"/>
      <c r="VP17" s="8"/>
      <c r="VQ17" s="8"/>
      <c r="VR17" s="8"/>
      <c r="VS17" s="8"/>
      <c r="VT17" s="8"/>
      <c r="VU17" s="8"/>
      <c r="VV17" s="8"/>
      <c r="VW17" s="8"/>
      <c r="VX17" s="8"/>
      <c r="VY17" s="8"/>
      <c r="VZ17" s="8"/>
      <c r="WA17" s="8"/>
      <c r="WB17" s="8"/>
      <c r="WC17" s="8"/>
      <c r="WD17" s="8"/>
      <c r="WE17" s="8"/>
      <c r="WF17" s="8"/>
      <c r="WG17" s="8"/>
      <c r="WH17" s="8"/>
      <c r="WI17" s="8"/>
      <c r="WJ17" s="8"/>
      <c r="WK17" s="8"/>
      <c r="WL17" s="8"/>
      <c r="WM17" s="8"/>
      <c r="WN17" s="8"/>
      <c r="WO17" s="8"/>
      <c r="WP17" s="8"/>
      <c r="WQ17" s="8"/>
      <c r="WR17" s="8"/>
      <c r="WS17" s="8"/>
      <c r="WT17" s="8"/>
      <c r="WU17" s="8"/>
      <c r="WV17" s="8"/>
      <c r="WW17" s="8"/>
      <c r="WX17" s="8"/>
      <c r="WY17" s="8"/>
      <c r="WZ17" s="8"/>
      <c r="XA17" s="8"/>
      <c r="XB17" s="8"/>
      <c r="XC17" s="8"/>
      <c r="XD17" s="8"/>
      <c r="XE17" s="8"/>
      <c r="XF17" s="8"/>
      <c r="XG17" s="8"/>
      <c r="XH17" s="8"/>
      <c r="XI17" s="8"/>
      <c r="XJ17" s="8"/>
      <c r="XK17" s="8"/>
      <c r="XL17" s="8"/>
      <c r="XM17" s="8"/>
      <c r="XN17" s="8"/>
      <c r="XO17" s="8"/>
      <c r="XP17" s="8"/>
      <c r="XQ17" s="8"/>
      <c r="XR17" s="8"/>
      <c r="XS17" s="8"/>
      <c r="XT17" s="8"/>
      <c r="XU17" s="8"/>
      <c r="XV17" s="8"/>
      <c r="XW17" s="8"/>
      <c r="XX17" s="8"/>
      <c r="XY17" s="8"/>
      <c r="XZ17" s="8"/>
      <c r="YA17" s="8"/>
      <c r="YB17" s="8"/>
      <c r="YC17" s="8"/>
      <c r="YD17" s="8"/>
      <c r="YE17" s="8"/>
      <c r="YF17" s="8"/>
      <c r="YG17" s="8"/>
      <c r="YH17" s="8"/>
      <c r="YI17" s="8"/>
      <c r="YJ17" s="8"/>
      <c r="YK17" s="8"/>
      <c r="YL17" s="8"/>
      <c r="YM17" s="8"/>
      <c r="YN17" s="8"/>
      <c r="YO17" s="8"/>
      <c r="YP17" s="8"/>
      <c r="YQ17" s="8"/>
      <c r="YR17" s="8"/>
      <c r="YS17" s="8"/>
      <c r="YT17" s="8"/>
      <c r="YU17" s="8"/>
      <c r="YV17" s="8"/>
      <c r="YW17" s="8"/>
      <c r="YX17" s="8"/>
      <c r="YY17" s="8"/>
      <c r="YZ17" s="8"/>
      <c r="ZA17" s="8"/>
      <c r="ZB17" s="8"/>
      <c r="ZC17" s="8"/>
      <c r="ZD17" s="8"/>
      <c r="ZE17" s="8"/>
      <c r="ZF17" s="8"/>
      <c r="ZG17" s="8"/>
      <c r="ZH17" s="8"/>
      <c r="ZI17" s="8"/>
      <c r="ZJ17" s="8"/>
      <c r="ZK17" s="8"/>
      <c r="ZL17" s="8"/>
      <c r="ZM17" s="8"/>
      <c r="ZN17" s="8"/>
      <c r="ZO17" s="8"/>
      <c r="ZP17" s="8"/>
      <c r="ZQ17" s="8"/>
      <c r="ZR17" s="8"/>
      <c r="ZS17" s="8"/>
      <c r="ZT17" s="8"/>
      <c r="ZU17" s="8"/>
      <c r="ZV17" s="8"/>
      <c r="ZW17" s="8"/>
      <c r="ZX17" s="8"/>
      <c r="ZY17" s="8"/>
      <c r="ZZ17" s="8"/>
      <c r="AAA17" s="8"/>
      <c r="AAB17" s="8"/>
      <c r="AAC17" s="8"/>
      <c r="AAD17" s="8"/>
      <c r="AAE17" s="8"/>
      <c r="AAF17" s="8"/>
      <c r="AAG17" s="8"/>
      <c r="AAH17" s="8"/>
      <c r="AAI17" s="8"/>
      <c r="AAJ17" s="8"/>
      <c r="AAK17" s="8"/>
      <c r="AAL17" s="8"/>
      <c r="AAM17" s="8"/>
      <c r="AAN17" s="8"/>
      <c r="AAO17" s="8"/>
      <c r="AAP17" s="8"/>
      <c r="AAQ17" s="8"/>
      <c r="AAR17" s="8"/>
      <c r="AAS17" s="8"/>
      <c r="AAT17" s="8"/>
      <c r="AAU17" s="8"/>
      <c r="AAV17" s="8"/>
      <c r="AAW17" s="8"/>
      <c r="AAX17" s="8"/>
      <c r="AAY17" s="8"/>
      <c r="AAZ17" s="8"/>
      <c r="ABA17" s="8"/>
      <c r="ABB17" s="8"/>
      <c r="ABC17" s="8"/>
      <c r="ABD17" s="8"/>
      <c r="ABE17" s="8"/>
      <c r="ABF17" s="8"/>
      <c r="ABG17" s="8"/>
      <c r="ABH17" s="8"/>
      <c r="ABI17" s="8"/>
      <c r="ABJ17" s="8"/>
      <c r="ABK17" s="8"/>
      <c r="ABL17" s="8"/>
      <c r="ABM17" s="8"/>
      <c r="ABN17" s="8"/>
      <c r="ABO17" s="8"/>
      <c r="ABP17" s="8"/>
      <c r="ABQ17" s="8"/>
      <c r="ABR17" s="8"/>
      <c r="ABS17" s="8"/>
      <c r="ABT17" s="8"/>
      <c r="ABU17" s="8"/>
      <c r="ABV17" s="8"/>
      <c r="ABW17" s="8"/>
      <c r="ABX17" s="8"/>
      <c r="ABY17" s="8"/>
      <c r="ABZ17" s="8"/>
      <c r="ACA17" s="8"/>
      <c r="ACB17" s="8"/>
      <c r="ACC17" s="8"/>
      <c r="ACD17" s="8"/>
      <c r="ACE17" s="8"/>
      <c r="ACF17" s="8"/>
      <c r="ACG17" s="8"/>
      <c r="ACH17" s="8"/>
      <c r="ACI17" s="8"/>
      <c r="ACJ17" s="8"/>
      <c r="ACK17" s="8"/>
      <c r="ACL17" s="8"/>
      <c r="ACM17" s="8"/>
      <c r="ACN17" s="8"/>
      <c r="ACO17" s="8"/>
      <c r="ACP17" s="8"/>
      <c r="ACQ17" s="8"/>
      <c r="ACR17" s="8"/>
      <c r="ACS17" s="8"/>
      <c r="ACT17" s="8"/>
      <c r="ACU17" s="8"/>
      <c r="ACV17" s="8"/>
      <c r="ACW17" s="8"/>
      <c r="ACX17" s="8"/>
      <c r="ACY17" s="8"/>
      <c r="ACZ17" s="8"/>
      <c r="ADA17" s="8"/>
      <c r="ADB17" s="8"/>
      <c r="ADC17" s="8"/>
      <c r="ADD17" s="8"/>
      <c r="ADE17" s="8"/>
      <c r="ADF17" s="8"/>
      <c r="ADG17" s="8"/>
      <c r="ADH17" s="8"/>
      <c r="ADI17" s="8"/>
      <c r="ADJ17" s="8"/>
      <c r="ADK17" s="8"/>
      <c r="ADL17" s="8"/>
      <c r="ADM17" s="8"/>
      <c r="ADN17" s="8"/>
      <c r="ADO17" s="8"/>
      <c r="ADP17" s="8"/>
      <c r="ADQ17" s="8"/>
      <c r="ADR17" s="8"/>
      <c r="ADS17" s="8"/>
      <c r="ADT17" s="8"/>
      <c r="ADU17" s="8"/>
      <c r="ADV17" s="8"/>
      <c r="ADW17" s="8"/>
      <c r="ADX17" s="8"/>
      <c r="ADY17" s="8"/>
      <c r="ADZ17" s="8"/>
      <c r="AEA17" s="8"/>
      <c r="AEB17" s="8"/>
      <c r="AEC17" s="8"/>
      <c r="AED17" s="8"/>
      <c r="AEE17" s="8"/>
      <c r="AEF17" s="8"/>
      <c r="AEG17" s="8"/>
      <c r="AEH17" s="8"/>
      <c r="AEI17" s="8"/>
      <c r="AEJ17" s="8"/>
      <c r="AEK17" s="8"/>
      <c r="AEL17" s="8"/>
      <c r="AEM17" s="8"/>
      <c r="AEN17" s="8"/>
      <c r="AEO17" s="8"/>
      <c r="AEP17" s="8"/>
      <c r="AEQ17" s="8"/>
      <c r="AER17" s="8"/>
      <c r="AES17" s="8"/>
      <c r="AET17" s="8"/>
      <c r="AEU17" s="8"/>
      <c r="AEV17" s="8"/>
      <c r="AEW17" s="8"/>
      <c r="AEX17" s="8"/>
      <c r="AEY17" s="8"/>
      <c r="AEZ17" s="8"/>
      <c r="AFA17" s="8"/>
      <c r="AFB17" s="8"/>
      <c r="AFC17" s="8"/>
      <c r="AFD17" s="8"/>
      <c r="AFE17" s="8"/>
      <c r="AFF17" s="8"/>
      <c r="AFG17" s="8"/>
      <c r="AFH17" s="8"/>
      <c r="AFI17" s="8"/>
      <c r="AFJ17" s="8"/>
      <c r="AFK17" s="8"/>
      <c r="AFL17" s="8"/>
      <c r="AFM17" s="8"/>
      <c r="AFN17" s="8"/>
      <c r="AFO17" s="8"/>
      <c r="AFP17" s="8"/>
      <c r="AFQ17" s="8"/>
      <c r="AFR17" s="8"/>
      <c r="AFS17" s="8"/>
      <c r="AFT17" s="8"/>
      <c r="AFU17" s="8"/>
      <c r="AFV17" s="8"/>
      <c r="AFW17" s="8"/>
      <c r="AFX17" s="8"/>
      <c r="AFY17" s="8"/>
      <c r="AFZ17" s="8"/>
      <c r="AGA17" s="8"/>
      <c r="AGB17" s="8"/>
      <c r="AGC17" s="8"/>
      <c r="AGD17" s="8"/>
      <c r="AGE17" s="8"/>
      <c r="AGF17" s="8"/>
      <c r="AGG17" s="8"/>
      <c r="AGH17" s="8"/>
      <c r="AGI17" s="8"/>
      <c r="AGJ17" s="8"/>
      <c r="AGK17" s="8"/>
      <c r="AGL17" s="8"/>
      <c r="AGM17" s="8"/>
      <c r="AGN17" s="8"/>
      <c r="AGO17" s="8"/>
      <c r="AGP17" s="8"/>
      <c r="AGQ17" s="8"/>
      <c r="AGR17" s="8"/>
      <c r="AGS17" s="8"/>
      <c r="AGT17" s="8"/>
      <c r="AGU17" s="8"/>
      <c r="AGV17" s="8"/>
      <c r="AGW17" s="8"/>
      <c r="AGX17" s="8"/>
      <c r="AGY17" s="8"/>
      <c r="AGZ17" s="8"/>
      <c r="AHA17" s="8"/>
      <c r="AHB17" s="8"/>
      <c r="AHC17" s="8"/>
      <c r="AHD17" s="8"/>
      <c r="AHE17" s="8"/>
      <c r="AHF17" s="8"/>
      <c r="AHG17" s="8"/>
      <c r="AHH17" s="8"/>
      <c r="AHI17" s="8"/>
      <c r="AHJ17" s="8"/>
      <c r="AHK17" s="8"/>
      <c r="AHL17" s="8"/>
      <c r="AHM17" s="8"/>
      <c r="AHN17" s="8"/>
      <c r="AHO17" s="8"/>
      <c r="AHP17" s="8"/>
      <c r="AHQ17" s="8"/>
      <c r="AHR17" s="8"/>
      <c r="AHS17" s="8"/>
      <c r="AHT17" s="8"/>
      <c r="AHU17" s="8"/>
      <c r="AHV17" s="8"/>
      <c r="AHW17" s="8"/>
      <c r="AHX17" s="8"/>
      <c r="AHY17" s="8"/>
      <c r="AHZ17" s="8"/>
      <c r="AIA17" s="8"/>
      <c r="AIB17" s="8"/>
      <c r="AIC17" s="8"/>
      <c r="AID17" s="8"/>
      <c r="AIE17" s="8"/>
      <c r="AIF17" s="8"/>
      <c r="AIG17" s="8"/>
      <c r="AIH17" s="8"/>
      <c r="AII17" s="8"/>
      <c r="AIJ17" s="8"/>
      <c r="AIK17" s="8"/>
      <c r="AIL17" s="8"/>
      <c r="AIM17" s="8"/>
      <c r="AIN17" s="8"/>
      <c r="AIO17" s="8"/>
      <c r="AIP17" s="8"/>
      <c r="AIQ17" s="8"/>
      <c r="AIR17" s="8"/>
      <c r="AIS17" s="8"/>
      <c r="AIT17" s="8"/>
      <c r="AIU17" s="8"/>
      <c r="AIV17" s="8"/>
      <c r="AIW17" s="8"/>
      <c r="AIX17" s="8"/>
      <c r="AIY17" s="8"/>
      <c r="AIZ17" s="8"/>
      <c r="AJA17" s="8"/>
      <c r="AJB17" s="8"/>
      <c r="AJC17" s="8"/>
      <c r="AJD17" s="8"/>
      <c r="AJE17" s="8"/>
      <c r="AJF17" s="8"/>
      <c r="AJG17" s="8"/>
      <c r="AJH17" s="8"/>
      <c r="AJI17" s="8"/>
      <c r="AJJ17" s="8"/>
      <c r="AJK17" s="8"/>
      <c r="AJL17" s="8"/>
      <c r="AJM17" s="8"/>
      <c r="AJN17" s="8"/>
      <c r="AJO17" s="8"/>
      <c r="AJP17" s="8"/>
      <c r="AJQ17" s="8"/>
      <c r="AJR17" s="8"/>
      <c r="AJS17" s="8"/>
      <c r="AJT17" s="8"/>
      <c r="AJU17" s="8"/>
      <c r="AJV17" s="8"/>
      <c r="AJW17" s="8"/>
      <c r="AJX17" s="8"/>
      <c r="AJY17" s="8"/>
      <c r="AJZ17" s="8"/>
      <c r="AKA17" s="8"/>
      <c r="AKB17" s="8"/>
      <c r="AKC17" s="8"/>
      <c r="AKD17" s="8"/>
      <c r="AKE17" s="8"/>
      <c r="AKF17" s="8"/>
      <c r="AKG17" s="8"/>
      <c r="AKH17" s="8"/>
      <c r="AKI17" s="8"/>
      <c r="AKJ17" s="8"/>
      <c r="AKK17" s="8"/>
      <c r="AKL17" s="8"/>
      <c r="AKM17" s="8"/>
      <c r="AKN17" s="8"/>
      <c r="AKO17" s="8"/>
      <c r="AKP17" s="8"/>
      <c r="AKQ17" s="8"/>
      <c r="AKR17" s="8"/>
      <c r="AKS17" s="8"/>
      <c r="AKT17" s="8"/>
      <c r="AKU17" s="8"/>
      <c r="AKV17" s="8"/>
      <c r="AKW17" s="8"/>
      <c r="AKX17" s="8"/>
      <c r="AKY17" s="8"/>
      <c r="AKZ17" s="8"/>
      <c r="ALA17" s="8"/>
      <c r="ALB17" s="8"/>
      <c r="ALC17" s="8"/>
      <c r="ALD17" s="8"/>
      <c r="ALE17" s="8"/>
      <c r="ALF17" s="8"/>
      <c r="ALG17" s="8"/>
      <c r="ALH17" s="8"/>
      <c r="ALI17" s="8"/>
      <c r="ALJ17" s="8"/>
      <c r="ALK17" s="8"/>
      <c r="ALL17" s="8"/>
      <c r="ALM17" s="8"/>
      <c r="ALN17" s="8"/>
      <c r="ALO17" s="8"/>
      <c r="ALP17" s="8"/>
      <c r="ALQ17" s="8"/>
      <c r="ALR17" s="8"/>
      <c r="ALS17" s="8"/>
      <c r="ALT17" s="8"/>
      <c r="ALU17" s="8"/>
      <c r="ALV17" s="8"/>
      <c r="ALW17" s="8"/>
      <c r="ALX17" s="8"/>
      <c r="ALY17" s="8"/>
      <c r="ALZ17" s="8"/>
      <c r="AMA17" s="8"/>
      <c r="AMB17" s="8"/>
      <c r="AMC17" s="8"/>
      <c r="AMD17" s="8"/>
      <c r="AME17" s="8"/>
      <c r="AMF17" s="8"/>
      <c r="AMG17" s="8"/>
      <c r="AMH17" s="8"/>
      <c r="AMI17" s="8"/>
      <c r="AMJ17" s="8"/>
      <c r="AMK17" s="8"/>
      <c r="AML17" s="8"/>
      <c r="AMM17" s="8"/>
      <c r="AMN17" s="8"/>
      <c r="AMO17" s="8"/>
      <c r="AMP17" s="8"/>
      <c r="AMQ17" s="8"/>
      <c r="AMR17" s="8"/>
      <c r="AMS17" s="8"/>
      <c r="AMT17" s="8"/>
      <c r="AMU17" s="8"/>
      <c r="AMV17" s="8"/>
      <c r="AMW17" s="8"/>
      <c r="AMX17" s="8"/>
      <c r="AMY17" s="8"/>
      <c r="AMZ17" s="8"/>
      <c r="ANA17" s="8"/>
      <c r="ANB17" s="8"/>
      <c r="ANC17" s="8"/>
      <c r="AND17" s="8"/>
      <c r="ANE17" s="8"/>
      <c r="ANF17" s="8"/>
      <c r="ANG17" s="8"/>
      <c r="ANH17" s="8"/>
      <c r="ANI17" s="8"/>
      <c r="ANJ17" s="8"/>
      <c r="ANK17" s="8"/>
      <c r="ANL17" s="8"/>
      <c r="ANM17" s="8"/>
      <c r="ANN17" s="8"/>
      <c r="ANO17" s="8"/>
      <c r="ANP17" s="8"/>
      <c r="ANQ17" s="8"/>
      <c r="ANR17" s="8"/>
      <c r="ANS17" s="8"/>
      <c r="ANT17" s="8"/>
      <c r="ANU17" s="8"/>
      <c r="ANV17" s="8"/>
      <c r="ANW17" s="8"/>
      <c r="ANX17" s="8"/>
      <c r="ANY17" s="8"/>
      <c r="ANZ17" s="8"/>
      <c r="AOA17" s="8"/>
      <c r="AOB17" s="8"/>
      <c r="AOC17" s="8"/>
      <c r="AOD17" s="8"/>
      <c r="AOE17" s="8"/>
      <c r="AOF17" s="8"/>
      <c r="AOG17" s="8"/>
      <c r="AOH17" s="8"/>
      <c r="AOI17" s="8"/>
      <c r="AOJ17" s="8"/>
      <c r="AOK17" s="8"/>
      <c r="AOL17" s="8"/>
      <c r="AOM17" s="8"/>
      <c r="AON17" s="8"/>
      <c r="AOO17" s="8"/>
      <c r="AOP17" s="8"/>
      <c r="AOQ17" s="8"/>
      <c r="AOR17" s="8"/>
      <c r="AOS17" s="8"/>
      <c r="AOT17" s="8"/>
      <c r="AOU17" s="8"/>
      <c r="AOV17" s="8"/>
      <c r="AOW17" s="8"/>
      <c r="AOX17" s="8"/>
      <c r="AOY17" s="8"/>
      <c r="AOZ17" s="8"/>
      <c r="APA17" s="8"/>
      <c r="APB17" s="8"/>
      <c r="APC17" s="8"/>
      <c r="APD17" s="8"/>
      <c r="APE17" s="8"/>
      <c r="APF17" s="8"/>
      <c r="APG17" s="8"/>
      <c r="APH17" s="8"/>
      <c r="API17" s="8"/>
      <c r="APJ17" s="8"/>
      <c r="APK17" s="8"/>
      <c r="APL17" s="8"/>
      <c r="APM17" s="8"/>
      <c r="APN17" s="8"/>
      <c r="APO17" s="8"/>
      <c r="APP17" s="8"/>
      <c r="APQ17" s="8"/>
      <c r="APR17" s="8"/>
      <c r="APS17" s="8"/>
      <c r="APT17" s="8"/>
      <c r="APU17" s="8"/>
      <c r="APV17" s="8"/>
      <c r="APW17" s="8"/>
      <c r="APX17" s="8"/>
      <c r="APY17" s="8"/>
      <c r="APZ17" s="8"/>
      <c r="AQA17" s="8"/>
      <c r="AQB17" s="8"/>
      <c r="AQC17" s="8"/>
      <c r="AQD17" s="8"/>
      <c r="AQE17" s="8"/>
      <c r="AQF17" s="8"/>
      <c r="AQG17" s="8"/>
      <c r="AQH17" s="8"/>
      <c r="AQI17" s="8"/>
      <c r="AQJ17" s="8"/>
      <c r="AQK17" s="8"/>
      <c r="AQL17" s="8"/>
      <c r="AQM17" s="8"/>
      <c r="AQN17" s="8"/>
      <c r="AQO17" s="8"/>
      <c r="AQP17" s="8"/>
      <c r="AQQ17" s="8"/>
      <c r="AQR17" s="8"/>
      <c r="AQS17" s="8"/>
      <c r="AQT17" s="8"/>
      <c r="AQU17" s="8"/>
      <c r="AQV17" s="8"/>
      <c r="AQW17" s="8"/>
      <c r="AQX17" s="8"/>
      <c r="AQY17" s="8"/>
      <c r="AQZ17" s="8"/>
      <c r="ARA17" s="8"/>
      <c r="ARB17" s="8"/>
      <c r="ARC17" s="8"/>
      <c r="ARD17" s="8"/>
      <c r="ARE17" s="8"/>
      <c r="ARF17" s="8"/>
      <c r="ARG17" s="8"/>
      <c r="ARH17" s="8"/>
      <c r="ARI17" s="8"/>
      <c r="ARJ17" s="8"/>
      <c r="ARK17" s="8"/>
      <c r="ARL17" s="8"/>
      <c r="ARM17" s="8"/>
      <c r="ARN17" s="8"/>
      <c r="ARO17" s="8"/>
      <c r="ARP17" s="8"/>
      <c r="ARQ17" s="8"/>
      <c r="ARR17" s="8"/>
      <c r="ARS17" s="8"/>
      <c r="ART17" s="8"/>
      <c r="ARU17" s="8"/>
      <c r="ARV17" s="8"/>
      <c r="ARW17" s="8"/>
      <c r="ARX17" s="8"/>
      <c r="ARY17" s="8"/>
      <c r="ARZ17" s="8"/>
      <c r="ASA17" s="8"/>
      <c r="ASB17" s="8"/>
      <c r="ASC17" s="8"/>
      <c r="ASD17" s="8"/>
      <c r="ASE17" s="8"/>
      <c r="ASF17" s="8"/>
      <c r="ASG17" s="8"/>
      <c r="ASH17" s="8"/>
      <c r="ASI17" s="8"/>
      <c r="ASJ17" s="8"/>
      <c r="ASK17" s="8"/>
      <c r="ASL17" s="8"/>
      <c r="ASM17" s="8"/>
      <c r="ASN17" s="8"/>
      <c r="ASO17" s="8"/>
      <c r="ASP17" s="8"/>
      <c r="ASQ17" s="8"/>
      <c r="ASR17" s="8"/>
      <c r="ASS17" s="8"/>
      <c r="AST17" s="8"/>
      <c r="ASU17" s="8"/>
      <c r="ASV17" s="8"/>
      <c r="ASW17" s="8"/>
      <c r="ASX17" s="8"/>
      <c r="ASY17" s="8"/>
      <c r="ASZ17" s="8"/>
      <c r="ATA17" s="8"/>
      <c r="ATB17" s="8"/>
      <c r="ATC17" s="8"/>
      <c r="ATD17" s="8"/>
      <c r="ATE17" s="8"/>
      <c r="ATF17" s="8"/>
      <c r="ATG17" s="8"/>
      <c r="ATH17" s="8"/>
      <c r="ATI17" s="8"/>
      <c r="ATJ17" s="8"/>
      <c r="ATK17" s="8"/>
      <c r="ATL17" s="8"/>
      <c r="ATM17" s="8"/>
      <c r="ATN17" s="8"/>
      <c r="ATO17" s="8"/>
      <c r="ATP17" s="8"/>
      <c r="ATQ17" s="8"/>
      <c r="ATR17" s="8"/>
      <c r="ATS17" s="8"/>
      <c r="ATT17" s="8"/>
      <c r="ATU17" s="8"/>
      <c r="ATV17" s="8"/>
      <c r="ATW17" s="8"/>
      <c r="ATX17" s="8"/>
      <c r="ATY17" s="8"/>
      <c r="ATZ17" s="8"/>
      <c r="AUA17" s="8"/>
      <c r="AUB17" s="8"/>
      <c r="AUC17" s="8"/>
      <c r="AUD17" s="8"/>
      <c r="AUE17" s="8"/>
      <c r="AUF17" s="8"/>
      <c r="AUG17" s="8"/>
      <c r="AUH17" s="8"/>
      <c r="AUI17" s="8"/>
      <c r="AUJ17" s="8"/>
      <c r="AUK17" s="8"/>
      <c r="AUL17" s="8"/>
      <c r="AUM17" s="8"/>
      <c r="AUN17" s="8"/>
      <c r="AUO17" s="8"/>
      <c r="AUP17" s="8"/>
      <c r="AUQ17" s="8"/>
      <c r="AUR17" s="8"/>
      <c r="AUS17" s="8"/>
      <c r="AUT17" s="8"/>
      <c r="AUU17" s="8"/>
      <c r="AUV17" s="8"/>
      <c r="AUW17" s="8"/>
      <c r="AUX17" s="8"/>
      <c r="AUY17" s="8"/>
      <c r="AUZ17" s="8"/>
      <c r="AVA17" s="8"/>
      <c r="AVB17" s="8"/>
      <c r="AVC17" s="8"/>
      <c r="AVD17" s="8"/>
      <c r="AVE17" s="8"/>
      <c r="AVF17" s="8"/>
      <c r="AVG17" s="8"/>
      <c r="AVH17" s="8"/>
      <c r="AVI17" s="8"/>
      <c r="AVJ17" s="8"/>
      <c r="AVK17" s="8"/>
      <c r="AVL17" s="8"/>
      <c r="AVM17" s="8"/>
      <c r="AVN17" s="8"/>
      <c r="AVO17" s="8"/>
      <c r="AVP17" s="8"/>
      <c r="AVQ17" s="8"/>
      <c r="AVR17" s="8"/>
      <c r="AVS17" s="8"/>
      <c r="AVT17" s="8"/>
      <c r="AVU17" s="8"/>
      <c r="AVV17" s="8"/>
      <c r="AVW17" s="8"/>
      <c r="AVX17" s="8"/>
      <c r="AVY17" s="8"/>
      <c r="AVZ17" s="8"/>
      <c r="AWA17" s="8"/>
      <c r="AWB17" s="8"/>
      <c r="AWC17" s="8"/>
      <c r="AWD17" s="8"/>
      <c r="AWE17" s="8"/>
      <c r="AWF17" s="8"/>
      <c r="AWG17" s="8"/>
      <c r="AWH17" s="8"/>
      <c r="AWI17" s="8"/>
      <c r="AWJ17" s="8"/>
      <c r="AWK17" s="8"/>
      <c r="AWL17" s="8"/>
      <c r="AWM17" s="8"/>
      <c r="AWN17" s="8"/>
      <c r="AWO17" s="8"/>
      <c r="AWP17" s="8"/>
      <c r="AWQ17" s="8"/>
      <c r="AWR17" s="8"/>
      <c r="AWS17" s="8"/>
      <c r="AWT17" s="8"/>
      <c r="AWU17" s="8"/>
      <c r="AWV17" s="8"/>
      <c r="AWW17" s="8"/>
      <c r="AWX17" s="8"/>
      <c r="AWY17" s="8"/>
      <c r="AWZ17" s="8"/>
      <c r="AXA17" s="8"/>
      <c r="AXB17" s="8"/>
      <c r="AXC17" s="8"/>
      <c r="AXD17" s="8"/>
      <c r="AXE17" s="8"/>
      <c r="AXF17" s="8"/>
      <c r="AXG17" s="8"/>
      <c r="AXH17" s="8"/>
      <c r="AXI17" s="8"/>
      <c r="AXJ17" s="8"/>
      <c r="AXK17" s="8"/>
      <c r="AXL17" s="8"/>
      <c r="AXM17" s="8"/>
      <c r="AXN17" s="8"/>
      <c r="AXO17" s="8"/>
      <c r="AXP17" s="8"/>
      <c r="AXQ17" s="8"/>
      <c r="AXR17" s="8"/>
      <c r="AXS17" s="8"/>
      <c r="AXT17" s="8"/>
      <c r="AXU17" s="8"/>
      <c r="AXV17" s="8"/>
      <c r="AXW17" s="8"/>
      <c r="AXX17" s="8"/>
      <c r="AXY17" s="8"/>
      <c r="AXZ17" s="8"/>
      <c r="AYA17" s="8"/>
      <c r="AYB17" s="8"/>
      <c r="AYC17" s="8"/>
      <c r="AYD17" s="8"/>
      <c r="AYE17" s="8"/>
      <c r="AYF17" s="8"/>
      <c r="AYG17" s="8"/>
      <c r="AYH17" s="8"/>
      <c r="AYI17" s="8"/>
      <c r="AYJ17" s="8"/>
      <c r="AYK17" s="8"/>
      <c r="AYL17" s="8"/>
      <c r="AYM17" s="8"/>
      <c r="AYN17" s="8"/>
      <c r="AYO17" s="8"/>
      <c r="AYP17" s="8"/>
      <c r="AYQ17" s="8"/>
      <c r="AYR17" s="8"/>
      <c r="AYS17" s="8"/>
      <c r="AYT17" s="8"/>
      <c r="AYU17" s="8"/>
      <c r="AYV17" s="8"/>
      <c r="AYW17" s="8"/>
      <c r="AYX17" s="8"/>
      <c r="AYY17" s="8"/>
      <c r="AYZ17" s="8"/>
      <c r="AZA17" s="8"/>
      <c r="AZB17" s="8"/>
      <c r="AZC17" s="8"/>
      <c r="AZD17" s="8"/>
      <c r="AZE17" s="8"/>
      <c r="AZF17" s="8"/>
      <c r="AZG17" s="8"/>
      <c r="AZH17" s="8"/>
      <c r="AZI17" s="8"/>
      <c r="AZJ17" s="8"/>
      <c r="AZK17" s="8"/>
      <c r="AZL17" s="8"/>
      <c r="AZM17" s="8"/>
      <c r="AZN17" s="8"/>
      <c r="AZO17" s="8"/>
      <c r="AZP17" s="8"/>
      <c r="AZQ17" s="8"/>
      <c r="AZR17" s="8"/>
      <c r="AZS17" s="8"/>
      <c r="AZT17" s="8"/>
      <c r="AZU17" s="8"/>
      <c r="AZV17" s="8"/>
      <c r="AZW17" s="8"/>
      <c r="AZX17" s="8"/>
      <c r="AZY17" s="8"/>
      <c r="AZZ17" s="8"/>
      <c r="BAA17" s="8"/>
      <c r="BAB17" s="8"/>
      <c r="BAC17" s="8"/>
      <c r="BAD17" s="8"/>
      <c r="BAE17" s="8"/>
      <c r="BAF17" s="8"/>
      <c r="BAG17" s="8"/>
      <c r="BAH17" s="8"/>
      <c r="BAI17" s="8"/>
      <c r="BAJ17" s="8"/>
      <c r="BAK17" s="8"/>
      <c r="BAL17" s="8"/>
      <c r="BAM17" s="8"/>
      <c r="BAN17" s="8"/>
      <c r="BAO17" s="8"/>
      <c r="BAP17" s="8"/>
      <c r="BAQ17" s="8"/>
      <c r="BAR17" s="8"/>
      <c r="BAS17" s="8"/>
      <c r="BAT17" s="8"/>
      <c r="BAU17" s="8"/>
      <c r="BAV17" s="8"/>
      <c r="BAW17" s="8"/>
      <c r="BAX17" s="8"/>
      <c r="BAY17" s="8"/>
      <c r="BAZ17" s="8"/>
      <c r="BBA17" s="8"/>
      <c r="BBB17" s="8"/>
      <c r="BBC17" s="8"/>
      <c r="BBD17" s="8"/>
      <c r="BBE17" s="8"/>
      <c r="BBF17" s="8"/>
      <c r="BBG17" s="8"/>
      <c r="BBH17" s="8"/>
      <c r="BBI17" s="8"/>
      <c r="BBJ17" s="8"/>
      <c r="BBK17" s="8"/>
      <c r="BBL17" s="8"/>
      <c r="BBM17" s="8"/>
      <c r="BBN17" s="8"/>
      <c r="BBO17" s="8"/>
      <c r="BBP17" s="8"/>
      <c r="BBQ17" s="8"/>
      <c r="BBR17" s="8"/>
      <c r="BBS17" s="8"/>
      <c r="BBT17" s="8"/>
      <c r="BBU17" s="8"/>
      <c r="BBV17" s="8"/>
      <c r="BBW17" s="8"/>
      <c r="BBX17" s="8"/>
      <c r="BBY17" s="8"/>
      <c r="BBZ17" s="8"/>
      <c r="BCA17" s="8"/>
      <c r="BCB17" s="8"/>
      <c r="BCC17" s="8"/>
      <c r="BCD17" s="8"/>
      <c r="BCE17" s="8"/>
      <c r="BCF17" s="8"/>
      <c r="BCG17" s="8"/>
      <c r="BCH17" s="8"/>
      <c r="BCI17" s="8"/>
      <c r="BCJ17" s="8"/>
      <c r="BCK17" s="8"/>
      <c r="BCL17" s="8"/>
      <c r="BCM17" s="8"/>
      <c r="BCN17" s="8"/>
      <c r="BCO17" s="8"/>
      <c r="BCP17" s="8"/>
      <c r="BCQ17" s="8"/>
      <c r="BCR17" s="8"/>
      <c r="BCS17" s="8"/>
      <c r="BCT17" s="8"/>
      <c r="BCU17" s="8"/>
      <c r="BCV17" s="8"/>
      <c r="BCW17" s="8"/>
      <c r="BCX17" s="8"/>
      <c r="BCY17" s="8"/>
      <c r="BCZ17" s="8"/>
      <c r="BDA17" s="8"/>
      <c r="BDB17" s="8"/>
      <c r="BDC17" s="8"/>
      <c r="BDD17" s="8"/>
      <c r="BDE17" s="8"/>
      <c r="BDF17" s="8"/>
      <c r="BDG17" s="8"/>
      <c r="BDH17" s="8"/>
      <c r="BDI17" s="8"/>
      <c r="BDJ17" s="8"/>
      <c r="BDK17" s="8"/>
      <c r="BDL17" s="8"/>
      <c r="BDM17" s="8"/>
      <c r="BDN17" s="8"/>
      <c r="BDO17" s="8"/>
      <c r="BDP17" s="8"/>
      <c r="BDQ17" s="8"/>
      <c r="BDR17" s="8"/>
      <c r="BDS17" s="8"/>
      <c r="BDT17" s="8"/>
      <c r="BDU17" s="8"/>
      <c r="BDV17" s="8"/>
      <c r="BDW17" s="8"/>
      <c r="BDX17" s="8"/>
      <c r="BDY17" s="8"/>
      <c r="BDZ17" s="8"/>
      <c r="BEA17" s="8"/>
      <c r="BEB17" s="8"/>
      <c r="BEC17" s="8"/>
      <c r="BED17" s="8"/>
      <c r="BEE17" s="8"/>
      <c r="BEF17" s="8"/>
      <c r="BEG17" s="8"/>
      <c r="BEH17" s="8"/>
      <c r="BEI17" s="8"/>
      <c r="BEJ17" s="8"/>
      <c r="BEK17" s="8"/>
      <c r="BEL17" s="8"/>
      <c r="BEM17" s="8"/>
      <c r="BEN17" s="8"/>
      <c r="BEO17" s="8"/>
      <c r="BEP17" s="8"/>
      <c r="BEQ17" s="8"/>
      <c r="BER17" s="8"/>
      <c r="BES17" s="8"/>
      <c r="BET17" s="8"/>
      <c r="BEU17" s="8"/>
      <c r="BEV17" s="8"/>
      <c r="BEW17" s="8"/>
      <c r="BEX17" s="8"/>
      <c r="BEY17" s="8"/>
      <c r="BEZ17" s="8"/>
      <c r="BFA17" s="8"/>
      <c r="BFB17" s="8"/>
      <c r="BFC17" s="8"/>
      <c r="BFD17" s="8"/>
      <c r="BFE17" s="8"/>
      <c r="BFF17" s="8"/>
      <c r="BFG17" s="8"/>
      <c r="BFH17" s="8"/>
      <c r="BFI17" s="8"/>
      <c r="BFJ17" s="8"/>
      <c r="BFK17" s="8"/>
      <c r="BFL17" s="8"/>
      <c r="BFM17" s="8"/>
      <c r="BFN17" s="8"/>
      <c r="BFO17" s="8"/>
      <c r="BFP17" s="8"/>
      <c r="BFQ17" s="8"/>
      <c r="BFR17" s="8"/>
      <c r="BFS17" s="8"/>
      <c r="BFT17" s="8"/>
      <c r="BFU17" s="8"/>
      <c r="BFV17" s="8"/>
      <c r="BFW17" s="8"/>
      <c r="BFX17" s="8"/>
      <c r="BFY17" s="8"/>
      <c r="BFZ17" s="8"/>
      <c r="BGA17" s="8"/>
      <c r="BGB17" s="8"/>
      <c r="BGC17" s="8"/>
      <c r="BGD17" s="8"/>
      <c r="BGE17" s="8"/>
      <c r="BGF17" s="8"/>
      <c r="BGG17" s="8"/>
      <c r="BGH17" s="8"/>
      <c r="BGI17" s="8"/>
      <c r="BGJ17" s="8"/>
      <c r="BGK17" s="8"/>
      <c r="BGL17" s="8"/>
      <c r="BGM17" s="8"/>
      <c r="BGN17" s="8"/>
      <c r="BGO17" s="8"/>
      <c r="BGP17" s="8"/>
      <c r="BGQ17" s="8"/>
      <c r="BGR17" s="8"/>
      <c r="BGS17" s="8"/>
      <c r="BGT17" s="8"/>
      <c r="BGU17" s="8"/>
      <c r="BGV17" s="8"/>
      <c r="BGW17" s="8"/>
      <c r="BGX17" s="8"/>
      <c r="BGY17" s="8"/>
      <c r="BGZ17" s="8"/>
      <c r="BHA17" s="8"/>
      <c r="BHB17" s="8"/>
      <c r="BHC17" s="8"/>
      <c r="BHD17" s="8"/>
      <c r="BHE17" s="8"/>
      <c r="BHF17" s="8"/>
      <c r="BHG17" s="8"/>
      <c r="BHH17" s="8"/>
      <c r="BHI17" s="8"/>
      <c r="BHJ17" s="8"/>
      <c r="BHK17" s="8"/>
      <c r="BHL17" s="8"/>
      <c r="BHM17" s="8"/>
      <c r="BHN17" s="8"/>
      <c r="BHO17" s="8"/>
      <c r="BHP17" s="8"/>
      <c r="BHQ17" s="8"/>
      <c r="BHR17" s="8"/>
      <c r="BHS17" s="8"/>
      <c r="BHT17" s="8"/>
      <c r="BHU17" s="8"/>
      <c r="BHV17" s="8"/>
      <c r="BHW17" s="8"/>
      <c r="BHX17" s="8"/>
      <c r="BHY17" s="8"/>
      <c r="BHZ17" s="8"/>
      <c r="BIA17" s="8"/>
      <c r="BIB17" s="8"/>
      <c r="BIC17" s="8"/>
      <c r="BID17" s="8"/>
      <c r="BIE17" s="8"/>
      <c r="BIF17" s="8"/>
      <c r="BIG17" s="8"/>
      <c r="BIH17" s="8"/>
      <c r="BII17" s="8"/>
      <c r="BIJ17" s="8"/>
      <c r="BIK17" s="8"/>
      <c r="BIL17" s="8"/>
      <c r="BIM17" s="8"/>
      <c r="BIN17" s="8"/>
      <c r="BIO17" s="8"/>
      <c r="BIP17" s="8"/>
      <c r="BIQ17" s="8"/>
      <c r="BIR17" s="8"/>
      <c r="BIS17" s="8"/>
      <c r="BIT17" s="8"/>
      <c r="BIU17" s="8"/>
      <c r="BIV17" s="8"/>
      <c r="BIW17" s="8"/>
      <c r="BIX17" s="8"/>
      <c r="BIY17" s="8"/>
      <c r="BIZ17" s="8"/>
      <c r="BJA17" s="8"/>
      <c r="BJB17" s="8"/>
      <c r="BJC17" s="8"/>
      <c r="BJD17" s="8"/>
      <c r="BJE17" s="8"/>
      <c r="BJF17" s="8"/>
      <c r="BJG17" s="8"/>
      <c r="BJH17" s="8"/>
      <c r="BJI17" s="8"/>
      <c r="BJJ17" s="8"/>
      <c r="BJK17" s="8"/>
      <c r="BJL17" s="8"/>
      <c r="BJM17" s="8"/>
      <c r="BJN17" s="8"/>
      <c r="BJO17" s="8"/>
      <c r="BJP17" s="8"/>
      <c r="BJQ17" s="8"/>
      <c r="BJR17" s="8"/>
      <c r="BJS17" s="8"/>
      <c r="BJT17" s="8"/>
      <c r="BJU17" s="8"/>
      <c r="BJV17" s="8"/>
      <c r="BJW17" s="8"/>
      <c r="BJX17" s="8"/>
      <c r="BJY17" s="8"/>
      <c r="BJZ17" s="8"/>
      <c r="BKA17" s="8"/>
      <c r="BKB17" s="8"/>
      <c r="BKC17" s="8"/>
      <c r="BKD17" s="8"/>
      <c r="BKE17" s="8"/>
      <c r="BKF17" s="8"/>
      <c r="BKG17" s="8"/>
      <c r="BKH17" s="8"/>
      <c r="BKI17" s="8"/>
      <c r="BKJ17" s="8"/>
      <c r="BKK17" s="8"/>
      <c r="BKL17" s="8"/>
      <c r="BKM17" s="8"/>
      <c r="BKN17" s="8"/>
      <c r="BKO17" s="8"/>
      <c r="BKP17" s="8"/>
      <c r="BKQ17" s="8"/>
      <c r="BKR17" s="8"/>
      <c r="BKS17" s="8"/>
      <c r="BKT17" s="8"/>
      <c r="BKU17" s="8"/>
      <c r="BKV17" s="8"/>
      <c r="BKW17" s="8"/>
      <c r="BKX17" s="8"/>
      <c r="BKY17" s="8"/>
      <c r="BKZ17" s="8"/>
      <c r="BLA17" s="8"/>
      <c r="BLB17" s="8"/>
      <c r="BLC17" s="8"/>
      <c r="BLD17" s="8"/>
      <c r="BLE17" s="8"/>
      <c r="BLF17" s="8"/>
      <c r="BLG17" s="8"/>
      <c r="BLH17" s="8"/>
      <c r="BLI17" s="8"/>
      <c r="BLJ17" s="8"/>
      <c r="BLK17" s="8"/>
      <c r="BLL17" s="8"/>
      <c r="BLM17" s="8"/>
      <c r="BLN17" s="8"/>
      <c r="BLO17" s="8"/>
      <c r="BLP17" s="8"/>
      <c r="BLQ17" s="8"/>
      <c r="BLR17" s="8"/>
      <c r="BLS17" s="8"/>
      <c r="BLT17" s="8"/>
      <c r="BLU17" s="8"/>
      <c r="BLV17" s="8"/>
      <c r="BLW17" s="8"/>
      <c r="BLX17" s="8"/>
      <c r="BLY17" s="8"/>
      <c r="BLZ17" s="8"/>
      <c r="BMA17" s="8"/>
      <c r="BMB17" s="8"/>
      <c r="BMC17" s="8"/>
      <c r="BMD17" s="8"/>
      <c r="BME17" s="8"/>
      <c r="BMF17" s="8"/>
      <c r="BMG17" s="8"/>
      <c r="BMH17" s="8"/>
      <c r="BMI17" s="8"/>
      <c r="BMJ17" s="8"/>
      <c r="BMK17" s="8"/>
      <c r="BML17" s="8"/>
      <c r="BMM17" s="8"/>
      <c r="BMN17" s="8"/>
      <c r="BMO17" s="8"/>
      <c r="BMP17" s="8"/>
      <c r="BMQ17" s="8"/>
      <c r="BMR17" s="8"/>
      <c r="BMS17" s="8"/>
      <c r="BMT17" s="8"/>
      <c r="BMU17" s="8"/>
      <c r="BMV17" s="8"/>
      <c r="BMW17" s="8"/>
      <c r="BMX17" s="8"/>
      <c r="BMY17" s="8"/>
      <c r="BMZ17" s="8"/>
      <c r="BNA17" s="8"/>
      <c r="BNB17" s="8"/>
      <c r="BNC17" s="8"/>
      <c r="BND17" s="8"/>
      <c r="BNE17" s="8"/>
      <c r="BNF17" s="8"/>
      <c r="BNG17" s="8"/>
      <c r="BNH17" s="8"/>
      <c r="BNI17" s="8"/>
      <c r="BNJ17" s="8"/>
      <c r="BNK17" s="8"/>
      <c r="BNL17" s="8"/>
      <c r="BNM17" s="8"/>
      <c r="BNN17" s="8"/>
      <c r="BNO17" s="8"/>
      <c r="BNP17" s="8"/>
      <c r="BNQ17" s="8"/>
      <c r="BNR17" s="8"/>
      <c r="BNS17" s="8"/>
      <c r="BNT17" s="8"/>
      <c r="BNU17" s="8"/>
      <c r="BNV17" s="8"/>
      <c r="BNW17" s="8"/>
      <c r="BNX17" s="8"/>
      <c r="BNY17" s="8"/>
      <c r="BNZ17" s="8"/>
      <c r="BOA17" s="8"/>
      <c r="BOB17" s="8"/>
      <c r="BOC17" s="8"/>
      <c r="BOD17" s="8"/>
      <c r="BOE17" s="8"/>
      <c r="BOF17" s="8"/>
      <c r="BOG17" s="8"/>
      <c r="BOH17" s="8"/>
      <c r="BOI17" s="8"/>
      <c r="BOJ17" s="8"/>
      <c r="BOK17" s="8"/>
      <c r="BOL17" s="8"/>
      <c r="BOM17" s="8"/>
      <c r="BON17" s="8"/>
      <c r="BOO17" s="8"/>
      <c r="BOP17" s="8"/>
      <c r="BOQ17" s="8"/>
      <c r="BOR17" s="8"/>
      <c r="BOS17" s="8"/>
      <c r="BOT17" s="8"/>
      <c r="BOU17" s="8"/>
      <c r="BOV17" s="8"/>
      <c r="BOW17" s="8"/>
      <c r="BOX17" s="8"/>
      <c r="BOY17" s="8"/>
      <c r="BOZ17" s="8"/>
      <c r="BPA17" s="8"/>
      <c r="BPB17" s="8"/>
      <c r="BPC17" s="8"/>
      <c r="BPD17" s="8"/>
      <c r="BPE17" s="8"/>
      <c r="BPF17" s="8"/>
      <c r="BPG17" s="8"/>
      <c r="BPH17" s="8"/>
      <c r="BPI17" s="8"/>
      <c r="BPJ17" s="8"/>
      <c r="BPK17" s="8"/>
      <c r="BPL17" s="8"/>
      <c r="BPM17" s="8"/>
      <c r="BPN17" s="8"/>
      <c r="BPO17" s="8"/>
      <c r="BPP17" s="8"/>
      <c r="BPQ17" s="8"/>
      <c r="BPR17" s="8"/>
      <c r="BPS17" s="8"/>
      <c r="BPT17" s="8"/>
      <c r="BPU17" s="8"/>
      <c r="BPV17" s="8"/>
      <c r="BPW17" s="8"/>
      <c r="BPX17" s="8"/>
      <c r="BPY17" s="8"/>
      <c r="BPZ17" s="8"/>
      <c r="BQA17" s="8"/>
      <c r="BQB17" s="8"/>
      <c r="BQC17" s="8"/>
      <c r="BQD17" s="8"/>
      <c r="BQE17" s="8"/>
      <c r="BQF17" s="8"/>
      <c r="BQG17" s="8"/>
      <c r="BQH17" s="8"/>
      <c r="BQI17" s="8"/>
      <c r="BQJ17" s="8"/>
      <c r="BQK17" s="8"/>
      <c r="BQL17" s="8"/>
      <c r="BQM17" s="8"/>
      <c r="BQN17" s="8"/>
      <c r="BQO17" s="8"/>
      <c r="BQP17" s="8"/>
      <c r="BQQ17" s="8"/>
      <c r="BQR17" s="8"/>
      <c r="BQS17" s="8"/>
      <c r="BQT17" s="8"/>
      <c r="BQU17" s="8"/>
      <c r="BQV17" s="8"/>
      <c r="BQW17" s="8"/>
      <c r="BQX17" s="8"/>
      <c r="BQY17" s="8"/>
      <c r="BQZ17" s="8"/>
      <c r="BRA17" s="8"/>
      <c r="BRB17" s="8"/>
      <c r="BRC17" s="8"/>
      <c r="BRD17" s="8"/>
      <c r="BRE17" s="8"/>
      <c r="BRF17" s="8"/>
      <c r="BRG17" s="8"/>
      <c r="BRH17" s="8"/>
      <c r="BRI17" s="8"/>
      <c r="BRJ17" s="8"/>
      <c r="BRK17" s="8"/>
      <c r="BRL17" s="8"/>
      <c r="BRM17" s="8"/>
      <c r="BRN17" s="8"/>
      <c r="BRO17" s="8"/>
      <c r="BRP17" s="8"/>
      <c r="BRQ17" s="8"/>
      <c r="BRR17" s="8"/>
      <c r="BRS17" s="8"/>
      <c r="BRT17" s="8"/>
      <c r="BRU17" s="8"/>
      <c r="BRV17" s="8"/>
      <c r="BRW17" s="8"/>
      <c r="BRX17" s="8"/>
      <c r="BRY17" s="8"/>
      <c r="BRZ17" s="8"/>
      <c r="BSA17" s="8"/>
      <c r="BSB17" s="8"/>
      <c r="BSC17" s="8"/>
      <c r="BSD17" s="8"/>
      <c r="BSE17" s="8"/>
      <c r="BSF17" s="8"/>
      <c r="BSG17" s="8"/>
      <c r="BSH17" s="8"/>
      <c r="BSI17" s="8"/>
      <c r="BSJ17" s="8"/>
      <c r="BSK17" s="8"/>
      <c r="BSL17" s="8"/>
      <c r="BSM17" s="8"/>
      <c r="BSN17" s="8"/>
      <c r="BSO17" s="8"/>
      <c r="BSP17" s="8"/>
      <c r="BSQ17" s="8"/>
      <c r="BSR17" s="8"/>
      <c r="BSS17" s="8"/>
      <c r="BST17" s="8"/>
      <c r="BSU17" s="8"/>
      <c r="BSV17" s="8"/>
      <c r="BSW17" s="8"/>
      <c r="BSX17" s="8"/>
      <c r="BSY17" s="8"/>
      <c r="BSZ17" s="8"/>
      <c r="BTA17" s="8"/>
      <c r="BTB17" s="8"/>
      <c r="BTC17" s="8"/>
      <c r="BTD17" s="8"/>
      <c r="BTE17" s="8"/>
      <c r="BTF17" s="8"/>
      <c r="BTG17" s="8"/>
      <c r="BTH17" s="8"/>
      <c r="BTI17" s="8"/>
      <c r="BTJ17" s="8"/>
      <c r="BTK17" s="8"/>
      <c r="BTL17" s="8"/>
      <c r="BTM17" s="8"/>
      <c r="BTN17" s="8"/>
      <c r="BTO17" s="8"/>
      <c r="BTP17" s="8"/>
      <c r="BTQ17" s="8"/>
      <c r="BTR17" s="8"/>
      <c r="BTS17" s="8"/>
      <c r="BTT17" s="8"/>
      <c r="BTU17" s="8"/>
      <c r="BTV17" s="8"/>
      <c r="BTW17" s="8"/>
      <c r="BTX17" s="8"/>
      <c r="BTY17" s="8"/>
      <c r="BTZ17" s="8"/>
      <c r="BUA17" s="8"/>
      <c r="BUB17" s="8"/>
      <c r="BUC17" s="8"/>
      <c r="BUD17" s="8"/>
      <c r="BUE17" s="8"/>
      <c r="BUF17" s="8"/>
      <c r="BUG17" s="8"/>
      <c r="BUH17" s="8"/>
      <c r="BUI17" s="8"/>
      <c r="BUJ17" s="8"/>
      <c r="BUK17" s="8"/>
      <c r="BUL17" s="8"/>
      <c r="BUM17" s="8"/>
      <c r="BUN17" s="8"/>
      <c r="BUO17" s="8"/>
      <c r="BUP17" s="8"/>
      <c r="BUQ17" s="8"/>
      <c r="BUR17" s="8"/>
      <c r="BUS17" s="8"/>
      <c r="BUT17" s="8"/>
      <c r="BUU17" s="8"/>
      <c r="BUV17" s="8"/>
      <c r="BUW17" s="8"/>
      <c r="BUX17" s="8"/>
      <c r="BUY17" s="8"/>
      <c r="BUZ17" s="8"/>
      <c r="BVA17" s="8"/>
      <c r="BVB17" s="8"/>
      <c r="BVC17" s="8"/>
      <c r="BVD17" s="8"/>
      <c r="BVE17" s="8"/>
      <c r="BVF17" s="8"/>
      <c r="BVG17" s="8"/>
      <c r="BVH17" s="8"/>
      <c r="BVI17" s="8"/>
      <c r="BVJ17" s="8"/>
      <c r="BVK17" s="8"/>
      <c r="BVL17" s="8"/>
      <c r="BVM17" s="8"/>
      <c r="BVN17" s="8"/>
      <c r="BVO17" s="8"/>
      <c r="BVP17" s="8"/>
      <c r="BVQ17" s="8"/>
      <c r="BVR17" s="8"/>
      <c r="BVS17" s="8"/>
      <c r="BVT17" s="8"/>
      <c r="BVU17" s="8"/>
      <c r="BVV17" s="8"/>
      <c r="BVW17" s="8"/>
      <c r="BVX17" s="8"/>
      <c r="BVY17" s="8"/>
      <c r="BVZ17" s="8"/>
      <c r="BWA17" s="8"/>
      <c r="BWB17" s="8"/>
      <c r="BWC17" s="8"/>
      <c r="BWD17" s="8"/>
      <c r="BWE17" s="8"/>
      <c r="BWF17" s="8"/>
      <c r="BWG17" s="8"/>
      <c r="BWH17" s="8"/>
      <c r="BWI17" s="8"/>
      <c r="BWJ17" s="8"/>
      <c r="BWK17" s="8"/>
      <c r="BWL17" s="8"/>
      <c r="BWM17" s="8"/>
      <c r="BWN17" s="8"/>
      <c r="BWO17" s="8"/>
      <c r="BWP17" s="8"/>
      <c r="BWQ17" s="8"/>
      <c r="BWR17" s="8"/>
      <c r="BWS17" s="8"/>
      <c r="BWT17" s="8"/>
      <c r="BWU17" s="8"/>
      <c r="BWV17" s="8"/>
      <c r="BWW17" s="8"/>
      <c r="BWX17" s="8"/>
      <c r="BWY17" s="8"/>
      <c r="BWZ17" s="8"/>
      <c r="BXA17" s="8"/>
      <c r="BXB17" s="8"/>
      <c r="BXC17" s="8"/>
      <c r="BXD17" s="8"/>
      <c r="BXE17" s="8"/>
      <c r="BXF17" s="8"/>
      <c r="BXG17" s="8"/>
      <c r="BXH17" s="8"/>
      <c r="BXI17" s="8"/>
      <c r="BXJ17" s="8"/>
      <c r="BXK17" s="8"/>
      <c r="BXL17" s="8"/>
      <c r="BXM17" s="8"/>
      <c r="BXN17" s="8"/>
      <c r="BXO17" s="8"/>
      <c r="BXP17" s="8"/>
      <c r="BXQ17" s="8"/>
      <c r="BXR17" s="8"/>
      <c r="BXS17" s="8"/>
      <c r="BXT17" s="8"/>
      <c r="BXU17" s="8"/>
      <c r="BXV17" s="8"/>
      <c r="BXW17" s="8"/>
      <c r="BXX17" s="8"/>
      <c r="BXY17" s="8"/>
      <c r="BXZ17" s="8"/>
      <c r="BYA17" s="8"/>
      <c r="BYB17" s="8"/>
      <c r="BYC17" s="8"/>
      <c r="BYD17" s="8"/>
      <c r="BYE17" s="8"/>
      <c r="BYF17" s="8"/>
      <c r="BYG17" s="8"/>
      <c r="BYH17" s="8"/>
      <c r="BYI17" s="8"/>
      <c r="BYJ17" s="8"/>
      <c r="BYK17" s="8"/>
      <c r="BYL17" s="8"/>
      <c r="BYM17" s="8"/>
      <c r="BYN17" s="8"/>
      <c r="BYO17" s="8"/>
      <c r="BYP17" s="8"/>
      <c r="BYQ17" s="8"/>
      <c r="BYR17" s="8"/>
      <c r="BYS17" s="8"/>
      <c r="BYT17" s="8"/>
      <c r="BYU17" s="8"/>
      <c r="BYV17" s="8"/>
      <c r="BYW17" s="8"/>
      <c r="BYX17" s="8"/>
      <c r="BYY17" s="8"/>
      <c r="BYZ17" s="8"/>
      <c r="BZA17" s="8"/>
      <c r="BZB17" s="8"/>
      <c r="BZC17" s="8"/>
      <c r="BZD17" s="8"/>
      <c r="BZE17" s="8"/>
      <c r="BZF17" s="8"/>
      <c r="BZG17" s="8"/>
      <c r="BZH17" s="8"/>
      <c r="BZI17" s="8"/>
      <c r="BZJ17" s="8"/>
      <c r="BZK17" s="8"/>
      <c r="BZL17" s="8"/>
      <c r="BZM17" s="8"/>
      <c r="BZN17" s="8"/>
      <c r="BZO17" s="8"/>
      <c r="BZP17" s="8"/>
      <c r="BZQ17" s="8"/>
      <c r="BZR17" s="8"/>
      <c r="BZS17" s="8"/>
      <c r="BZT17" s="8"/>
      <c r="BZU17" s="8"/>
      <c r="BZV17" s="8"/>
      <c r="BZW17" s="8"/>
      <c r="BZX17" s="8"/>
      <c r="BZY17" s="8"/>
      <c r="BZZ17" s="8"/>
      <c r="CAA17" s="8"/>
      <c r="CAB17" s="8"/>
      <c r="CAC17" s="8"/>
      <c r="CAD17" s="8"/>
      <c r="CAE17" s="8"/>
      <c r="CAF17" s="8"/>
      <c r="CAG17" s="8"/>
      <c r="CAH17" s="8"/>
      <c r="CAI17" s="8"/>
      <c r="CAJ17" s="8"/>
      <c r="CAK17" s="8"/>
      <c r="CAL17" s="8"/>
      <c r="CAM17" s="8"/>
      <c r="CAN17" s="8"/>
      <c r="CAO17" s="8"/>
      <c r="CAP17" s="8"/>
      <c r="CAQ17" s="8"/>
      <c r="CAR17" s="8"/>
      <c r="CAS17" s="8"/>
      <c r="CAT17" s="8"/>
      <c r="CAU17" s="8"/>
      <c r="CAV17" s="8"/>
      <c r="CAW17" s="8"/>
      <c r="CAX17" s="8"/>
      <c r="CAY17" s="8"/>
      <c r="CAZ17" s="8"/>
      <c r="CBA17" s="8"/>
      <c r="CBB17" s="8"/>
      <c r="CBC17" s="8"/>
      <c r="CBD17" s="8"/>
      <c r="CBE17" s="8"/>
      <c r="CBF17" s="8"/>
      <c r="CBG17" s="8"/>
      <c r="CBH17" s="8"/>
      <c r="CBI17" s="8"/>
      <c r="CBJ17" s="8"/>
      <c r="CBK17" s="8"/>
      <c r="CBL17" s="8"/>
      <c r="CBM17" s="8"/>
      <c r="CBN17" s="8"/>
      <c r="CBO17" s="8"/>
      <c r="CBP17" s="8"/>
      <c r="CBQ17" s="8"/>
      <c r="CBR17" s="8"/>
      <c r="CBS17" s="8"/>
      <c r="CBT17" s="8"/>
      <c r="CBU17" s="8"/>
      <c r="CBV17" s="8"/>
      <c r="CBW17" s="8"/>
      <c r="CBX17" s="8"/>
      <c r="CBY17" s="8"/>
      <c r="CBZ17" s="8"/>
      <c r="CCA17" s="8"/>
      <c r="CCB17" s="8"/>
      <c r="CCC17" s="8"/>
      <c r="CCD17" s="8"/>
      <c r="CCE17" s="8"/>
      <c r="CCF17" s="8"/>
      <c r="CCG17" s="8"/>
      <c r="CCH17" s="8"/>
      <c r="CCI17" s="8"/>
      <c r="CCJ17" s="8"/>
      <c r="CCK17" s="8"/>
      <c r="CCL17" s="8"/>
      <c r="CCM17" s="8"/>
      <c r="CCN17" s="8"/>
      <c r="CCO17" s="8"/>
      <c r="CCP17" s="8"/>
      <c r="CCQ17" s="8"/>
      <c r="CCR17" s="8"/>
      <c r="CCS17" s="8"/>
      <c r="CCT17" s="8"/>
      <c r="CCU17" s="8"/>
      <c r="CCV17" s="8"/>
      <c r="CCW17" s="8"/>
      <c r="CCX17" s="8"/>
      <c r="CCY17" s="8"/>
      <c r="CCZ17" s="8"/>
      <c r="CDA17" s="8"/>
      <c r="CDB17" s="8"/>
      <c r="CDC17" s="8"/>
      <c r="CDD17" s="8"/>
      <c r="CDE17" s="8"/>
      <c r="CDF17" s="8"/>
      <c r="CDG17" s="8"/>
      <c r="CDH17" s="8"/>
      <c r="CDI17" s="8"/>
      <c r="CDJ17" s="8"/>
      <c r="CDK17" s="8"/>
      <c r="CDL17" s="8"/>
      <c r="CDM17" s="8"/>
      <c r="CDN17" s="8"/>
      <c r="CDO17" s="8"/>
      <c r="CDP17" s="8"/>
      <c r="CDQ17" s="8"/>
      <c r="CDR17" s="8"/>
      <c r="CDS17" s="8"/>
      <c r="CDT17" s="8"/>
      <c r="CDU17" s="8"/>
      <c r="CDV17" s="8"/>
      <c r="CDW17" s="8"/>
      <c r="CDX17" s="8"/>
      <c r="CDY17" s="8"/>
      <c r="CDZ17" s="8"/>
      <c r="CEA17" s="8"/>
      <c r="CEB17" s="8"/>
      <c r="CEC17" s="8"/>
      <c r="CED17" s="8"/>
      <c r="CEE17" s="8"/>
      <c r="CEF17" s="8"/>
      <c r="CEG17" s="8"/>
      <c r="CEH17" s="8"/>
      <c r="CEI17" s="8"/>
      <c r="CEJ17" s="8"/>
      <c r="CEK17" s="8"/>
      <c r="CEL17" s="8"/>
      <c r="CEM17" s="8"/>
      <c r="CEN17" s="8"/>
      <c r="CEO17" s="8"/>
      <c r="CEP17" s="8"/>
      <c r="CEQ17" s="8"/>
      <c r="CER17" s="8"/>
      <c r="CES17" s="8"/>
      <c r="CET17" s="8"/>
      <c r="CEU17" s="8"/>
      <c r="CEV17" s="8"/>
      <c r="CEW17" s="8"/>
      <c r="CEX17" s="8"/>
      <c r="CEY17" s="8"/>
      <c r="CEZ17" s="8"/>
      <c r="CFA17" s="8"/>
      <c r="CFB17" s="8"/>
      <c r="CFC17" s="8"/>
      <c r="CFD17" s="8"/>
      <c r="CFE17" s="8"/>
      <c r="CFF17" s="8"/>
      <c r="CFG17" s="8"/>
      <c r="CFH17" s="8"/>
      <c r="CFI17" s="8"/>
      <c r="CFJ17" s="8"/>
      <c r="CFK17" s="8"/>
      <c r="CFL17" s="8"/>
      <c r="CFM17" s="8"/>
      <c r="CFN17" s="8"/>
      <c r="CFO17" s="8"/>
      <c r="CFP17" s="8"/>
      <c r="CFQ17" s="8"/>
      <c r="CFR17" s="8"/>
      <c r="CFS17" s="8"/>
      <c r="CFT17" s="8"/>
      <c r="CFU17" s="8"/>
      <c r="CFV17" s="8"/>
      <c r="CFW17" s="8"/>
      <c r="CFX17" s="8"/>
      <c r="CFY17" s="8"/>
      <c r="CFZ17" s="8"/>
      <c r="CGA17" s="8"/>
      <c r="CGB17" s="8"/>
      <c r="CGC17" s="8"/>
      <c r="CGD17" s="8"/>
      <c r="CGE17" s="8"/>
      <c r="CGF17" s="8"/>
      <c r="CGG17" s="8"/>
      <c r="CGH17" s="8"/>
      <c r="CGI17" s="8"/>
      <c r="CGJ17" s="8"/>
      <c r="CGK17" s="8"/>
      <c r="CGL17" s="8"/>
      <c r="CGM17" s="8"/>
      <c r="CGN17" s="8"/>
      <c r="CGO17" s="8"/>
      <c r="CGP17" s="8"/>
      <c r="CGQ17" s="8"/>
      <c r="CGR17" s="8"/>
      <c r="CGS17" s="8"/>
      <c r="CGT17" s="8"/>
      <c r="CGU17" s="8"/>
      <c r="CGV17" s="8"/>
      <c r="CGW17" s="8"/>
      <c r="CGX17" s="8"/>
      <c r="CGY17" s="8"/>
      <c r="CGZ17" s="8"/>
      <c r="CHA17" s="8"/>
      <c r="CHB17" s="8"/>
      <c r="CHC17" s="8"/>
      <c r="CHD17" s="8"/>
      <c r="CHE17" s="8"/>
      <c r="CHF17" s="8"/>
      <c r="CHG17" s="8"/>
      <c r="CHH17" s="8"/>
      <c r="CHI17" s="8"/>
      <c r="CHJ17" s="8"/>
      <c r="CHK17" s="8"/>
      <c r="CHL17" s="8"/>
      <c r="CHM17" s="8"/>
      <c r="CHN17" s="8"/>
      <c r="CHO17" s="8"/>
      <c r="CHP17" s="8"/>
      <c r="CHQ17" s="8"/>
      <c r="CHR17" s="8"/>
      <c r="CHS17" s="8"/>
      <c r="CHT17" s="8"/>
      <c r="CHU17" s="8"/>
      <c r="CHV17" s="8"/>
      <c r="CHW17" s="8"/>
      <c r="CHX17" s="8"/>
      <c r="CHY17" s="8"/>
      <c r="CHZ17" s="8"/>
      <c r="CIA17" s="8"/>
      <c r="CIB17" s="8"/>
      <c r="CIC17" s="8"/>
      <c r="CID17" s="8"/>
      <c r="CIE17" s="8"/>
      <c r="CIF17" s="8"/>
      <c r="CIG17" s="8"/>
      <c r="CIH17" s="8"/>
      <c r="CII17" s="8"/>
      <c r="CIJ17" s="8"/>
      <c r="CIK17" s="8"/>
      <c r="CIL17" s="8"/>
      <c r="CIM17" s="8"/>
      <c r="CIN17" s="8"/>
      <c r="CIO17" s="8"/>
      <c r="CIP17" s="8"/>
      <c r="CIQ17" s="8"/>
      <c r="CIR17" s="8"/>
      <c r="CIS17" s="8"/>
      <c r="CIT17" s="8"/>
      <c r="CIU17" s="8"/>
      <c r="CIV17" s="8"/>
      <c r="CIW17" s="8"/>
      <c r="CIX17" s="8"/>
      <c r="CIY17" s="8"/>
      <c r="CIZ17" s="8"/>
      <c r="CJA17" s="8"/>
      <c r="CJB17" s="8"/>
      <c r="CJC17" s="8"/>
      <c r="CJD17" s="8"/>
      <c r="CJE17" s="8"/>
      <c r="CJF17" s="8"/>
      <c r="CJG17" s="8"/>
      <c r="CJH17" s="8"/>
      <c r="CJI17" s="8"/>
      <c r="CJJ17" s="8"/>
      <c r="CJK17" s="8"/>
      <c r="CJL17" s="8"/>
      <c r="CJM17" s="8"/>
      <c r="CJN17" s="8"/>
      <c r="CJO17" s="8"/>
      <c r="CJP17" s="8"/>
      <c r="CJQ17" s="8"/>
      <c r="CJR17" s="8"/>
      <c r="CJS17" s="8"/>
      <c r="CJT17" s="8"/>
      <c r="CJU17" s="8"/>
      <c r="CJV17" s="8"/>
      <c r="CJW17" s="8"/>
      <c r="CJX17" s="8"/>
      <c r="CJY17" s="8"/>
      <c r="CJZ17" s="8"/>
      <c r="CKA17" s="8"/>
      <c r="CKB17" s="8"/>
      <c r="CKC17" s="8"/>
      <c r="CKD17" s="8"/>
      <c r="CKE17" s="8"/>
      <c r="CKF17" s="8"/>
      <c r="CKG17" s="8"/>
      <c r="CKH17" s="8"/>
      <c r="CKI17" s="8"/>
      <c r="CKJ17" s="8"/>
      <c r="CKK17" s="8"/>
      <c r="CKL17" s="8"/>
      <c r="CKM17" s="8"/>
      <c r="CKN17" s="8"/>
      <c r="CKO17" s="8"/>
      <c r="CKP17" s="8"/>
      <c r="CKQ17" s="8"/>
      <c r="CKR17" s="8"/>
      <c r="CKS17" s="8"/>
      <c r="CKT17" s="8"/>
      <c r="CKU17" s="8"/>
      <c r="CKV17" s="8"/>
      <c r="CKW17" s="8"/>
      <c r="CKX17" s="8"/>
      <c r="CKY17" s="8"/>
      <c r="CKZ17" s="8"/>
      <c r="CLA17" s="8"/>
      <c r="CLB17" s="8"/>
      <c r="CLC17" s="8"/>
      <c r="CLD17" s="8"/>
      <c r="CLE17" s="8"/>
      <c r="CLF17" s="8"/>
      <c r="CLG17" s="8"/>
      <c r="CLH17" s="8"/>
      <c r="CLI17" s="8"/>
      <c r="CLJ17" s="8"/>
      <c r="CLK17" s="8"/>
      <c r="CLL17" s="8"/>
      <c r="CLM17" s="8"/>
      <c r="CLN17" s="8"/>
      <c r="CLO17" s="8"/>
      <c r="CLP17" s="8"/>
      <c r="CLQ17" s="8"/>
      <c r="CLR17" s="8"/>
      <c r="CLS17" s="8"/>
      <c r="CLT17" s="8"/>
      <c r="CLU17" s="8"/>
      <c r="CLV17" s="8"/>
      <c r="CLW17" s="8"/>
      <c r="CLX17" s="8"/>
      <c r="CLY17" s="8"/>
      <c r="CLZ17" s="8"/>
      <c r="CMA17" s="8"/>
      <c r="CMB17" s="8"/>
      <c r="CMC17" s="8"/>
      <c r="CMD17" s="8"/>
      <c r="CME17" s="8"/>
      <c r="CMF17" s="8"/>
      <c r="CMG17" s="8"/>
      <c r="CMH17" s="8"/>
      <c r="CMI17" s="8"/>
      <c r="CMJ17" s="8"/>
      <c r="CMK17" s="8"/>
      <c r="CML17" s="8"/>
      <c r="CMM17" s="8"/>
      <c r="CMN17" s="8"/>
      <c r="CMO17" s="8"/>
      <c r="CMP17" s="8"/>
      <c r="CMQ17" s="8"/>
      <c r="CMR17" s="8"/>
      <c r="CMS17" s="8"/>
      <c r="CMT17" s="8"/>
      <c r="CMU17" s="8"/>
      <c r="CMV17" s="8"/>
      <c r="CMW17" s="8"/>
      <c r="CMX17" s="8"/>
      <c r="CMY17" s="8"/>
      <c r="CMZ17" s="8"/>
      <c r="CNA17" s="8"/>
      <c r="CNB17" s="8"/>
      <c r="CNC17" s="8"/>
      <c r="CND17" s="8"/>
      <c r="CNE17" s="8"/>
      <c r="CNF17" s="8"/>
      <c r="CNG17" s="8"/>
      <c r="CNH17" s="8"/>
      <c r="CNI17" s="8"/>
      <c r="CNJ17" s="8"/>
      <c r="CNK17" s="8"/>
      <c r="CNL17" s="8"/>
      <c r="CNM17" s="8"/>
      <c r="CNN17" s="8"/>
      <c r="CNO17" s="8"/>
      <c r="CNP17" s="8"/>
      <c r="CNQ17" s="8"/>
      <c r="CNR17" s="8"/>
      <c r="CNS17" s="8"/>
      <c r="CNT17" s="8"/>
      <c r="CNU17" s="8"/>
      <c r="CNV17" s="8"/>
      <c r="CNW17" s="8"/>
      <c r="CNX17" s="8"/>
      <c r="CNY17" s="8"/>
      <c r="CNZ17" s="8"/>
      <c r="COA17" s="8"/>
      <c r="COB17" s="8"/>
      <c r="COC17" s="8"/>
      <c r="COD17" s="8"/>
      <c r="COE17" s="8"/>
      <c r="COF17" s="8"/>
      <c r="COG17" s="8"/>
      <c r="COH17" s="8"/>
      <c r="COI17" s="8"/>
      <c r="COJ17" s="8"/>
      <c r="COK17" s="8"/>
      <c r="COL17" s="8"/>
      <c r="COM17" s="8"/>
      <c r="CON17" s="8"/>
      <c r="COO17" s="8"/>
      <c r="COP17" s="8"/>
      <c r="COQ17" s="8"/>
      <c r="COR17" s="8"/>
      <c r="COS17" s="8"/>
      <c r="COT17" s="8"/>
      <c r="COU17" s="8"/>
      <c r="COV17" s="8"/>
      <c r="COW17" s="8"/>
      <c r="COX17" s="8"/>
      <c r="COY17" s="8"/>
      <c r="COZ17" s="8"/>
      <c r="CPA17" s="8"/>
      <c r="CPB17" s="8"/>
      <c r="CPC17" s="8"/>
      <c r="CPD17" s="8"/>
      <c r="CPE17" s="8"/>
      <c r="CPF17" s="8"/>
      <c r="CPG17" s="8"/>
      <c r="CPH17" s="8"/>
      <c r="CPI17" s="8"/>
      <c r="CPJ17" s="8"/>
      <c r="CPK17" s="8"/>
      <c r="CPL17" s="8"/>
      <c r="CPM17" s="8"/>
      <c r="CPN17" s="8"/>
      <c r="CPO17" s="8"/>
      <c r="CPP17" s="8"/>
      <c r="CPQ17" s="8"/>
      <c r="CPR17" s="8"/>
      <c r="CPS17" s="8"/>
      <c r="CPT17" s="8"/>
      <c r="CPU17" s="8"/>
      <c r="CPV17" s="8"/>
      <c r="CPW17" s="8"/>
      <c r="CPX17" s="8"/>
      <c r="CPY17" s="8"/>
      <c r="CPZ17" s="8"/>
      <c r="CQA17" s="8"/>
      <c r="CQB17" s="8"/>
      <c r="CQC17" s="8"/>
      <c r="CQD17" s="8"/>
      <c r="CQE17" s="8"/>
      <c r="CQF17" s="8"/>
      <c r="CQG17" s="8"/>
      <c r="CQH17" s="8"/>
      <c r="CQI17" s="8"/>
      <c r="CQJ17" s="8"/>
      <c r="CQK17" s="8"/>
      <c r="CQL17" s="8"/>
      <c r="CQM17" s="8"/>
      <c r="CQN17" s="8"/>
      <c r="CQO17" s="8"/>
      <c r="CQP17" s="8"/>
      <c r="CQQ17" s="8"/>
      <c r="CQR17" s="8"/>
      <c r="CQS17" s="8"/>
      <c r="CQT17" s="8"/>
      <c r="CQU17" s="8"/>
      <c r="CQV17" s="8"/>
      <c r="CQW17" s="8"/>
      <c r="CQX17" s="8"/>
      <c r="CQY17" s="8"/>
      <c r="CQZ17" s="8"/>
      <c r="CRA17" s="8"/>
      <c r="CRB17" s="8"/>
      <c r="CRC17" s="8"/>
      <c r="CRD17" s="8"/>
      <c r="CRE17" s="8"/>
      <c r="CRF17" s="8"/>
      <c r="CRG17" s="8"/>
      <c r="CRH17" s="8"/>
      <c r="CRI17" s="8"/>
      <c r="CRJ17" s="8"/>
      <c r="CRK17" s="8"/>
      <c r="CRL17" s="8"/>
      <c r="CRM17" s="8"/>
      <c r="CRN17" s="8"/>
      <c r="CRO17" s="8"/>
      <c r="CRP17" s="8"/>
      <c r="CRQ17" s="8"/>
      <c r="CRR17" s="8"/>
      <c r="CRS17" s="8"/>
      <c r="CRT17" s="8"/>
      <c r="CRU17" s="8"/>
      <c r="CRV17" s="8"/>
      <c r="CRW17" s="8"/>
      <c r="CRX17" s="8"/>
      <c r="CRY17" s="8"/>
      <c r="CRZ17" s="8"/>
      <c r="CSA17" s="8"/>
      <c r="CSB17" s="8"/>
      <c r="CSC17" s="8"/>
      <c r="CSD17" s="8"/>
      <c r="CSE17" s="8"/>
      <c r="CSF17" s="8"/>
      <c r="CSG17" s="8"/>
      <c r="CSH17" s="8"/>
      <c r="CSI17" s="8"/>
      <c r="CSJ17" s="8"/>
      <c r="CSK17" s="8"/>
      <c r="CSL17" s="8"/>
      <c r="CSM17" s="8"/>
      <c r="CSN17" s="8"/>
      <c r="CSO17" s="8"/>
      <c r="CSP17" s="8"/>
      <c r="CSQ17" s="8"/>
      <c r="CSR17" s="8"/>
      <c r="CSS17" s="8"/>
      <c r="CST17" s="8"/>
      <c r="CSU17" s="8"/>
      <c r="CSV17" s="8"/>
      <c r="CSW17" s="8"/>
      <c r="CSX17" s="8"/>
      <c r="CSY17" s="8"/>
      <c r="CSZ17" s="8"/>
      <c r="CTA17" s="8"/>
      <c r="CTB17" s="8"/>
      <c r="CTC17" s="8"/>
      <c r="CTD17" s="8"/>
      <c r="CTE17" s="8"/>
      <c r="CTF17" s="8"/>
      <c r="CTG17" s="8"/>
      <c r="CTH17" s="8"/>
      <c r="CTI17" s="8"/>
      <c r="CTJ17" s="8"/>
      <c r="CTK17" s="8"/>
      <c r="CTL17" s="8"/>
      <c r="CTM17" s="8"/>
      <c r="CTN17" s="8"/>
      <c r="CTO17" s="8"/>
      <c r="CTP17" s="8"/>
      <c r="CTQ17" s="8"/>
      <c r="CTR17" s="8"/>
      <c r="CTS17" s="8"/>
      <c r="CTT17" s="8"/>
      <c r="CTU17" s="8"/>
      <c r="CTV17" s="8"/>
      <c r="CTW17" s="8"/>
      <c r="CTX17" s="8"/>
      <c r="CTY17" s="8"/>
      <c r="CTZ17" s="8"/>
      <c r="CUA17" s="8"/>
      <c r="CUB17" s="8"/>
      <c r="CUC17" s="8"/>
      <c r="CUD17" s="8"/>
      <c r="CUE17" s="8"/>
      <c r="CUF17" s="8"/>
      <c r="CUG17" s="8"/>
      <c r="CUH17" s="8"/>
      <c r="CUI17" s="8"/>
      <c r="CUJ17" s="8"/>
      <c r="CUK17" s="8"/>
      <c r="CUL17" s="8"/>
      <c r="CUM17" s="8"/>
      <c r="CUN17" s="8"/>
      <c r="CUO17" s="8"/>
      <c r="CUP17" s="8"/>
      <c r="CUQ17" s="8"/>
      <c r="CUR17" s="8"/>
      <c r="CUS17" s="8"/>
      <c r="CUT17" s="8"/>
      <c r="CUU17" s="8"/>
      <c r="CUV17" s="8"/>
      <c r="CUW17" s="8"/>
      <c r="CUX17" s="8"/>
      <c r="CUY17" s="8"/>
      <c r="CUZ17" s="8"/>
      <c r="CVA17" s="8"/>
      <c r="CVB17" s="8"/>
      <c r="CVC17" s="8"/>
      <c r="CVD17" s="8"/>
      <c r="CVE17" s="8"/>
      <c r="CVF17" s="8"/>
      <c r="CVG17" s="8"/>
      <c r="CVH17" s="8"/>
      <c r="CVI17" s="8"/>
      <c r="CVJ17" s="8"/>
      <c r="CVK17" s="8"/>
      <c r="CVL17" s="8"/>
      <c r="CVM17" s="8"/>
      <c r="CVN17" s="8"/>
      <c r="CVO17" s="8"/>
      <c r="CVP17" s="8"/>
      <c r="CVQ17" s="8"/>
      <c r="CVR17" s="8"/>
      <c r="CVS17" s="8"/>
      <c r="CVT17" s="8"/>
      <c r="CVU17" s="8"/>
      <c r="CVV17" s="8"/>
      <c r="CVW17" s="8"/>
      <c r="CVX17" s="8"/>
      <c r="CVY17" s="8"/>
      <c r="CVZ17" s="8"/>
      <c r="CWA17" s="8"/>
      <c r="CWB17" s="8"/>
      <c r="CWC17" s="8"/>
      <c r="CWD17" s="8"/>
      <c r="CWE17" s="8"/>
      <c r="CWF17" s="8"/>
      <c r="CWG17" s="8"/>
      <c r="CWH17" s="8"/>
      <c r="CWI17" s="8"/>
      <c r="CWJ17" s="8"/>
      <c r="CWK17" s="8"/>
      <c r="CWL17" s="8"/>
      <c r="CWM17" s="8"/>
      <c r="CWN17" s="8"/>
      <c r="CWO17" s="8"/>
      <c r="CWP17" s="8"/>
      <c r="CWQ17" s="8"/>
      <c r="CWR17" s="8"/>
      <c r="CWS17" s="8"/>
      <c r="CWT17" s="8"/>
      <c r="CWU17" s="8"/>
      <c r="CWV17" s="8"/>
      <c r="CWW17" s="8"/>
      <c r="CWX17" s="8"/>
      <c r="CWY17" s="8"/>
      <c r="CWZ17" s="8"/>
      <c r="CXA17" s="8"/>
      <c r="CXB17" s="8"/>
      <c r="CXC17" s="8"/>
      <c r="CXD17" s="8"/>
      <c r="CXE17" s="8"/>
      <c r="CXF17" s="8"/>
      <c r="CXG17" s="8"/>
      <c r="CXH17" s="8"/>
      <c r="CXI17" s="8"/>
      <c r="CXJ17" s="8"/>
      <c r="CXK17" s="8"/>
      <c r="CXL17" s="8"/>
      <c r="CXM17" s="8"/>
      <c r="CXN17" s="8"/>
      <c r="CXO17" s="8"/>
      <c r="CXP17" s="8"/>
      <c r="CXQ17" s="8"/>
      <c r="CXR17" s="8"/>
      <c r="CXS17" s="8"/>
      <c r="CXT17" s="8"/>
      <c r="CXU17" s="8"/>
      <c r="CXV17" s="8"/>
      <c r="CXW17" s="8"/>
      <c r="CXX17" s="8"/>
      <c r="CXY17" s="8"/>
      <c r="CXZ17" s="8"/>
      <c r="CYA17" s="8"/>
      <c r="CYB17" s="8"/>
      <c r="CYC17" s="8"/>
      <c r="CYD17" s="8"/>
      <c r="CYE17" s="8"/>
      <c r="CYF17" s="8"/>
      <c r="CYG17" s="8"/>
      <c r="CYH17" s="8"/>
      <c r="CYI17" s="8"/>
      <c r="CYJ17" s="8"/>
      <c r="CYK17" s="8"/>
      <c r="CYL17" s="8"/>
      <c r="CYM17" s="8"/>
      <c r="CYN17" s="8"/>
      <c r="CYO17" s="8"/>
      <c r="CYP17" s="8"/>
      <c r="CYQ17" s="8"/>
      <c r="CYR17" s="8"/>
      <c r="CYS17" s="8"/>
      <c r="CYT17" s="8"/>
      <c r="CYU17" s="8"/>
      <c r="CYV17" s="8"/>
      <c r="CYW17" s="8"/>
      <c r="CYX17" s="8"/>
      <c r="CYY17" s="8"/>
      <c r="CYZ17" s="8"/>
      <c r="CZA17" s="8"/>
      <c r="CZB17" s="8"/>
      <c r="CZC17" s="8"/>
      <c r="CZD17" s="8"/>
      <c r="CZE17" s="8"/>
      <c r="CZF17" s="8"/>
      <c r="CZG17" s="8"/>
      <c r="CZH17" s="8"/>
      <c r="CZI17" s="8"/>
      <c r="CZJ17" s="8"/>
      <c r="CZK17" s="8"/>
      <c r="CZL17" s="8"/>
      <c r="CZM17" s="8"/>
      <c r="CZN17" s="8"/>
      <c r="CZO17" s="8"/>
      <c r="CZP17" s="8"/>
      <c r="CZQ17" s="8"/>
      <c r="CZR17" s="8"/>
      <c r="CZS17" s="8"/>
      <c r="CZT17" s="8"/>
      <c r="CZU17" s="8"/>
      <c r="CZV17" s="8"/>
      <c r="CZW17" s="8"/>
      <c r="CZX17" s="8"/>
      <c r="CZY17" s="8"/>
      <c r="CZZ17" s="8"/>
      <c r="DAA17" s="8"/>
      <c r="DAB17" s="8"/>
      <c r="DAC17" s="8"/>
      <c r="DAD17" s="8"/>
      <c r="DAE17" s="8"/>
      <c r="DAF17" s="8"/>
      <c r="DAG17" s="8"/>
      <c r="DAH17" s="8"/>
      <c r="DAI17" s="8"/>
      <c r="DAJ17" s="8"/>
      <c r="DAK17" s="8"/>
      <c r="DAL17" s="8"/>
      <c r="DAM17" s="8"/>
      <c r="DAN17" s="8"/>
      <c r="DAO17" s="8"/>
      <c r="DAP17" s="8"/>
      <c r="DAQ17" s="8"/>
      <c r="DAR17" s="8"/>
      <c r="DAS17" s="8"/>
      <c r="DAT17" s="8"/>
      <c r="DAU17" s="8"/>
      <c r="DAV17" s="8"/>
      <c r="DAW17" s="8"/>
      <c r="DAX17" s="8"/>
      <c r="DAY17" s="8"/>
      <c r="DAZ17" s="8"/>
      <c r="DBA17" s="8"/>
      <c r="DBB17" s="8"/>
      <c r="DBC17" s="8"/>
      <c r="DBD17" s="8"/>
      <c r="DBE17" s="8"/>
      <c r="DBF17" s="8"/>
      <c r="DBG17" s="8"/>
      <c r="DBH17" s="8"/>
      <c r="DBI17" s="8"/>
      <c r="DBJ17" s="8"/>
      <c r="DBK17" s="8"/>
      <c r="DBL17" s="8"/>
      <c r="DBM17" s="8"/>
      <c r="DBN17" s="8"/>
      <c r="DBO17" s="8"/>
      <c r="DBP17" s="8"/>
      <c r="DBQ17" s="8"/>
      <c r="DBR17" s="8"/>
      <c r="DBS17" s="8"/>
      <c r="DBT17" s="8"/>
      <c r="DBU17" s="8"/>
      <c r="DBV17" s="8"/>
      <c r="DBW17" s="8"/>
      <c r="DBX17" s="8"/>
      <c r="DBY17" s="8"/>
      <c r="DBZ17" s="8"/>
      <c r="DCA17" s="8"/>
      <c r="DCB17" s="8"/>
      <c r="DCC17" s="8"/>
      <c r="DCD17" s="8"/>
      <c r="DCE17" s="8"/>
      <c r="DCF17" s="8"/>
      <c r="DCG17" s="8"/>
      <c r="DCH17" s="8"/>
      <c r="DCI17" s="8"/>
      <c r="DCJ17" s="8"/>
      <c r="DCK17" s="8"/>
      <c r="DCL17" s="8"/>
      <c r="DCM17" s="8"/>
      <c r="DCN17" s="8"/>
      <c r="DCO17" s="8"/>
      <c r="DCP17" s="8"/>
      <c r="DCQ17" s="8"/>
      <c r="DCR17" s="8"/>
      <c r="DCS17" s="8"/>
      <c r="DCT17" s="8"/>
      <c r="DCU17" s="8"/>
      <c r="DCV17" s="8"/>
      <c r="DCW17" s="8"/>
      <c r="DCX17" s="8"/>
      <c r="DCY17" s="8"/>
      <c r="DCZ17" s="8"/>
      <c r="DDA17" s="8"/>
      <c r="DDB17" s="8"/>
      <c r="DDC17" s="8"/>
      <c r="DDD17" s="8"/>
      <c r="DDE17" s="8"/>
      <c r="DDF17" s="8"/>
      <c r="DDG17" s="8"/>
      <c r="DDH17" s="8"/>
      <c r="DDI17" s="8"/>
      <c r="DDJ17" s="8"/>
      <c r="DDK17" s="8"/>
      <c r="DDL17" s="8"/>
      <c r="DDM17" s="8"/>
      <c r="DDN17" s="8"/>
      <c r="DDO17" s="8"/>
      <c r="DDP17" s="8"/>
      <c r="DDQ17" s="8"/>
      <c r="DDR17" s="8"/>
      <c r="DDS17" s="8"/>
      <c r="DDT17" s="8"/>
      <c r="DDU17" s="8"/>
      <c r="DDV17" s="8"/>
      <c r="DDW17" s="8"/>
      <c r="DDX17" s="8"/>
      <c r="DDY17" s="8"/>
      <c r="DDZ17" s="8"/>
      <c r="DEA17" s="8"/>
      <c r="DEB17" s="8"/>
      <c r="DEC17" s="8"/>
      <c r="DED17" s="8"/>
      <c r="DEE17" s="8"/>
      <c r="DEF17" s="8"/>
      <c r="DEG17" s="8"/>
      <c r="DEH17" s="8"/>
      <c r="DEI17" s="8"/>
      <c r="DEJ17" s="8"/>
      <c r="DEK17" s="8"/>
      <c r="DEL17" s="8"/>
      <c r="DEM17" s="8"/>
      <c r="DEN17" s="8"/>
      <c r="DEO17" s="8"/>
      <c r="DEP17" s="8"/>
      <c r="DEQ17" s="8"/>
      <c r="DER17" s="8"/>
      <c r="DES17" s="8"/>
      <c r="DET17" s="8"/>
      <c r="DEU17" s="8"/>
      <c r="DEV17" s="8"/>
      <c r="DEW17" s="8"/>
      <c r="DEX17" s="8"/>
      <c r="DEY17" s="8"/>
      <c r="DEZ17" s="8"/>
      <c r="DFA17" s="8"/>
      <c r="DFB17" s="8"/>
      <c r="DFC17" s="8"/>
      <c r="DFD17" s="8"/>
      <c r="DFE17" s="8"/>
      <c r="DFF17" s="8"/>
      <c r="DFG17" s="8"/>
      <c r="DFH17" s="8"/>
      <c r="DFI17" s="8"/>
      <c r="DFJ17" s="8"/>
      <c r="DFK17" s="8"/>
      <c r="DFL17" s="8"/>
      <c r="DFM17" s="8"/>
      <c r="DFN17" s="8"/>
      <c r="DFO17" s="8"/>
      <c r="DFP17" s="8"/>
      <c r="DFQ17" s="8"/>
      <c r="DFR17" s="8"/>
      <c r="DFS17" s="8"/>
      <c r="DFT17" s="8"/>
      <c r="DFU17" s="8"/>
      <c r="DFV17" s="8"/>
      <c r="DFW17" s="8"/>
      <c r="DFX17" s="8"/>
      <c r="DFY17" s="8"/>
      <c r="DFZ17" s="8"/>
      <c r="DGA17" s="8"/>
      <c r="DGB17" s="8"/>
      <c r="DGC17" s="8"/>
      <c r="DGD17" s="8"/>
      <c r="DGE17" s="8"/>
      <c r="DGF17" s="8"/>
      <c r="DGG17" s="8"/>
      <c r="DGH17" s="8"/>
      <c r="DGI17" s="8"/>
      <c r="DGJ17" s="8"/>
      <c r="DGK17" s="8"/>
      <c r="DGL17" s="8"/>
      <c r="DGM17" s="8"/>
      <c r="DGN17" s="8"/>
      <c r="DGO17" s="8"/>
      <c r="DGP17" s="8"/>
      <c r="DGQ17" s="8"/>
      <c r="DGR17" s="8"/>
      <c r="DGS17" s="8"/>
      <c r="DGT17" s="8"/>
      <c r="DGU17" s="8"/>
      <c r="DGV17" s="8"/>
      <c r="DGW17" s="8"/>
      <c r="DGX17" s="8"/>
      <c r="DGY17" s="8"/>
      <c r="DGZ17" s="8"/>
      <c r="DHA17" s="8"/>
      <c r="DHB17" s="8"/>
      <c r="DHC17" s="8"/>
      <c r="DHD17" s="8"/>
      <c r="DHE17" s="8"/>
      <c r="DHF17" s="8"/>
      <c r="DHG17" s="8"/>
      <c r="DHH17" s="8"/>
      <c r="DHI17" s="8"/>
      <c r="DHJ17" s="8"/>
      <c r="DHK17" s="8"/>
      <c r="DHL17" s="8"/>
      <c r="DHM17" s="8"/>
      <c r="DHN17" s="8"/>
      <c r="DHO17" s="8"/>
      <c r="DHP17" s="8"/>
      <c r="DHQ17" s="8"/>
      <c r="DHR17" s="8"/>
      <c r="DHS17" s="8"/>
      <c r="DHT17" s="8"/>
      <c r="DHU17" s="8"/>
      <c r="DHV17" s="8"/>
      <c r="DHW17" s="8"/>
      <c r="DHX17" s="8"/>
      <c r="DHY17" s="8"/>
      <c r="DHZ17" s="8"/>
      <c r="DIA17" s="8"/>
      <c r="DIB17" s="8"/>
      <c r="DIC17" s="8"/>
      <c r="DID17" s="8"/>
      <c r="DIE17" s="8"/>
      <c r="DIF17" s="8"/>
      <c r="DIG17" s="8"/>
      <c r="DIH17" s="8"/>
      <c r="DII17" s="8"/>
      <c r="DIJ17" s="8"/>
      <c r="DIK17" s="8"/>
      <c r="DIL17" s="8"/>
      <c r="DIM17" s="8"/>
      <c r="DIN17" s="8"/>
      <c r="DIO17" s="8"/>
      <c r="DIP17" s="8"/>
      <c r="DIQ17" s="8"/>
      <c r="DIR17" s="8"/>
      <c r="DIS17" s="8"/>
      <c r="DIT17" s="8"/>
      <c r="DIU17" s="8"/>
      <c r="DIV17" s="8"/>
      <c r="DIW17" s="8"/>
      <c r="DIX17" s="8"/>
      <c r="DIY17" s="8"/>
      <c r="DIZ17" s="8"/>
      <c r="DJA17" s="8"/>
      <c r="DJB17" s="8"/>
      <c r="DJC17" s="8"/>
      <c r="DJD17" s="8"/>
      <c r="DJE17" s="8"/>
      <c r="DJF17" s="8"/>
      <c r="DJG17" s="8"/>
      <c r="DJH17" s="8"/>
      <c r="DJI17" s="8"/>
      <c r="DJJ17" s="8"/>
      <c r="DJK17" s="8"/>
      <c r="DJL17" s="8"/>
      <c r="DJM17" s="8"/>
      <c r="DJN17" s="8"/>
      <c r="DJO17" s="8"/>
      <c r="DJP17" s="8"/>
      <c r="DJQ17" s="8"/>
      <c r="DJR17" s="8"/>
      <c r="DJS17" s="8"/>
      <c r="DJT17" s="8"/>
      <c r="DJU17" s="8"/>
      <c r="DJV17" s="8"/>
      <c r="DJW17" s="8"/>
      <c r="DJX17" s="8"/>
      <c r="DJY17" s="8"/>
      <c r="DJZ17" s="8"/>
      <c r="DKA17" s="8"/>
      <c r="DKB17" s="8"/>
      <c r="DKC17" s="8"/>
      <c r="DKD17" s="8"/>
      <c r="DKE17" s="8"/>
      <c r="DKF17" s="8"/>
      <c r="DKG17" s="8"/>
      <c r="DKH17" s="8"/>
      <c r="DKI17" s="8"/>
      <c r="DKJ17" s="8"/>
      <c r="DKK17" s="8"/>
      <c r="DKL17" s="8"/>
      <c r="DKM17" s="8"/>
      <c r="DKN17" s="8"/>
      <c r="DKO17" s="8"/>
      <c r="DKP17" s="8"/>
      <c r="DKQ17" s="8"/>
      <c r="DKR17" s="8"/>
      <c r="DKS17" s="8"/>
      <c r="DKT17" s="8"/>
      <c r="DKU17" s="8"/>
      <c r="DKV17" s="8"/>
      <c r="DKW17" s="8"/>
      <c r="DKX17" s="8"/>
      <c r="DKY17" s="8"/>
      <c r="DKZ17" s="8"/>
      <c r="DLA17" s="8"/>
      <c r="DLB17" s="8"/>
      <c r="DLC17" s="8"/>
      <c r="DLD17" s="8"/>
      <c r="DLE17" s="8"/>
      <c r="DLF17" s="8"/>
      <c r="DLG17" s="8"/>
      <c r="DLH17" s="8"/>
      <c r="DLI17" s="8"/>
      <c r="DLJ17" s="8"/>
      <c r="DLK17" s="8"/>
      <c r="DLL17" s="8"/>
      <c r="DLM17" s="8"/>
      <c r="DLN17" s="8"/>
      <c r="DLO17" s="8"/>
      <c r="DLP17" s="8"/>
      <c r="DLQ17" s="8"/>
      <c r="DLR17" s="8"/>
      <c r="DLS17" s="8"/>
      <c r="DLT17" s="8"/>
      <c r="DLU17" s="8"/>
      <c r="DLV17" s="8"/>
      <c r="DLW17" s="8"/>
      <c r="DLX17" s="8"/>
      <c r="DLY17" s="8"/>
      <c r="DLZ17" s="8"/>
      <c r="DMA17" s="8"/>
      <c r="DMB17" s="8"/>
      <c r="DMC17" s="8"/>
      <c r="DMD17" s="8"/>
      <c r="DME17" s="8"/>
      <c r="DMF17" s="8"/>
      <c r="DMG17" s="8"/>
      <c r="DMH17" s="8"/>
      <c r="DMI17" s="8"/>
      <c r="DMJ17" s="8"/>
      <c r="DMK17" s="8"/>
      <c r="DML17" s="8"/>
      <c r="DMM17" s="8"/>
      <c r="DMN17" s="8"/>
      <c r="DMO17" s="8"/>
      <c r="DMP17" s="8"/>
      <c r="DMQ17" s="8"/>
      <c r="DMR17" s="8"/>
      <c r="DMS17" s="8"/>
      <c r="DMT17" s="8"/>
      <c r="DMU17" s="8"/>
      <c r="DMV17" s="8"/>
      <c r="DMW17" s="8"/>
      <c r="DMX17" s="8"/>
      <c r="DMY17" s="8"/>
      <c r="DMZ17" s="8"/>
      <c r="DNA17" s="8"/>
      <c r="DNB17" s="8"/>
      <c r="DNC17" s="8"/>
      <c r="DND17" s="8"/>
      <c r="DNE17" s="8"/>
      <c r="DNF17" s="8"/>
      <c r="DNG17" s="8"/>
      <c r="DNH17" s="8"/>
      <c r="DNI17" s="8"/>
      <c r="DNJ17" s="8"/>
      <c r="DNK17" s="8"/>
      <c r="DNL17" s="8"/>
      <c r="DNM17" s="8"/>
      <c r="DNN17" s="8"/>
      <c r="DNO17" s="8"/>
      <c r="DNP17" s="8"/>
      <c r="DNQ17" s="8"/>
      <c r="DNR17" s="8"/>
      <c r="DNS17" s="8"/>
      <c r="DNT17" s="8"/>
      <c r="DNU17" s="8"/>
      <c r="DNV17" s="8"/>
      <c r="DNW17" s="8"/>
      <c r="DNX17" s="8"/>
      <c r="DNY17" s="8"/>
      <c r="DNZ17" s="8"/>
      <c r="DOA17" s="8"/>
      <c r="DOB17" s="8"/>
      <c r="DOC17" s="8"/>
      <c r="DOD17" s="8"/>
      <c r="DOE17" s="8"/>
      <c r="DOF17" s="8"/>
      <c r="DOG17" s="8"/>
      <c r="DOH17" s="8"/>
      <c r="DOI17" s="8"/>
      <c r="DOJ17" s="8"/>
      <c r="DOK17" s="8"/>
      <c r="DOL17" s="8"/>
      <c r="DOM17" s="8"/>
      <c r="DON17" s="8"/>
      <c r="DOO17" s="8"/>
      <c r="DOP17" s="8"/>
      <c r="DOQ17" s="8"/>
      <c r="DOR17" s="8"/>
      <c r="DOS17" s="8"/>
      <c r="DOT17" s="8"/>
      <c r="DOU17" s="8"/>
      <c r="DOV17" s="8"/>
      <c r="DOW17" s="8"/>
      <c r="DOX17" s="8"/>
      <c r="DOY17" s="8"/>
      <c r="DOZ17" s="8"/>
      <c r="DPA17" s="8"/>
      <c r="DPB17" s="8"/>
      <c r="DPC17" s="8"/>
      <c r="DPD17" s="8"/>
      <c r="DPE17" s="8"/>
      <c r="DPF17" s="8"/>
      <c r="DPG17" s="8"/>
      <c r="DPH17" s="8"/>
      <c r="DPI17" s="8"/>
      <c r="DPJ17" s="8"/>
      <c r="DPK17" s="8"/>
      <c r="DPL17" s="8"/>
      <c r="DPM17" s="8"/>
      <c r="DPN17" s="8"/>
      <c r="DPO17" s="8"/>
      <c r="DPP17" s="8"/>
      <c r="DPQ17" s="8"/>
      <c r="DPR17" s="8"/>
      <c r="DPS17" s="8"/>
      <c r="DPT17" s="8"/>
      <c r="DPU17" s="8"/>
      <c r="DPV17" s="8"/>
      <c r="DPW17" s="8"/>
      <c r="DPX17" s="8"/>
      <c r="DPY17" s="8"/>
      <c r="DPZ17" s="8"/>
      <c r="DQA17" s="8"/>
      <c r="DQB17" s="8"/>
      <c r="DQC17" s="8"/>
      <c r="DQD17" s="8"/>
      <c r="DQE17" s="8"/>
      <c r="DQF17" s="8"/>
      <c r="DQG17" s="8"/>
      <c r="DQH17" s="8"/>
      <c r="DQI17" s="8"/>
      <c r="DQJ17" s="8"/>
      <c r="DQK17" s="8"/>
      <c r="DQL17" s="8"/>
      <c r="DQM17" s="8"/>
      <c r="DQN17" s="8"/>
      <c r="DQO17" s="8"/>
      <c r="DQP17" s="8"/>
      <c r="DQQ17" s="8"/>
      <c r="DQR17" s="8"/>
      <c r="DQS17" s="8"/>
      <c r="DQT17" s="8"/>
      <c r="DQU17" s="8"/>
      <c r="DQV17" s="8"/>
      <c r="DQW17" s="8"/>
      <c r="DQX17" s="8"/>
      <c r="DQY17" s="8"/>
      <c r="DQZ17" s="8"/>
      <c r="DRA17" s="8"/>
      <c r="DRB17" s="8"/>
      <c r="DRC17" s="8"/>
      <c r="DRD17" s="8"/>
      <c r="DRE17" s="8"/>
      <c r="DRF17" s="8"/>
      <c r="DRG17" s="8"/>
      <c r="DRH17" s="8"/>
      <c r="DRI17" s="8"/>
      <c r="DRJ17" s="8"/>
      <c r="DRK17" s="8"/>
      <c r="DRL17" s="8"/>
      <c r="DRM17" s="8"/>
      <c r="DRN17" s="8"/>
      <c r="DRO17" s="8"/>
      <c r="DRP17" s="8"/>
      <c r="DRQ17" s="8"/>
      <c r="DRR17" s="8"/>
      <c r="DRS17" s="8"/>
      <c r="DRT17" s="8"/>
      <c r="DRU17" s="8"/>
      <c r="DRV17" s="8"/>
      <c r="DRW17" s="8"/>
      <c r="DRX17" s="8"/>
      <c r="DRY17" s="8"/>
      <c r="DRZ17" s="8"/>
      <c r="DSA17" s="8"/>
      <c r="DSB17" s="8"/>
      <c r="DSC17" s="8"/>
      <c r="DSD17" s="8"/>
      <c r="DSE17" s="8"/>
      <c r="DSF17" s="8"/>
      <c r="DSG17" s="8"/>
      <c r="DSH17" s="8"/>
      <c r="DSI17" s="8"/>
      <c r="DSJ17" s="8"/>
      <c r="DSK17" s="8"/>
      <c r="DSL17" s="8"/>
      <c r="DSM17" s="8"/>
      <c r="DSN17" s="8"/>
      <c r="DSO17" s="8"/>
      <c r="DSP17" s="8"/>
      <c r="DSQ17" s="8"/>
      <c r="DSR17" s="8"/>
      <c r="DSS17" s="8"/>
      <c r="DST17" s="8"/>
      <c r="DSU17" s="8"/>
      <c r="DSV17" s="8"/>
      <c r="DSW17" s="8"/>
      <c r="DSX17" s="8"/>
      <c r="DSY17" s="8"/>
      <c r="DSZ17" s="8"/>
      <c r="DTA17" s="8"/>
      <c r="DTB17" s="8"/>
      <c r="DTC17" s="8"/>
      <c r="DTD17" s="8"/>
      <c r="DTE17" s="8"/>
      <c r="DTF17" s="8"/>
      <c r="DTG17" s="8"/>
      <c r="DTH17" s="8"/>
      <c r="DTI17" s="8"/>
      <c r="DTJ17" s="8"/>
      <c r="DTK17" s="8"/>
      <c r="DTL17" s="8"/>
      <c r="DTM17" s="8"/>
      <c r="DTN17" s="8"/>
      <c r="DTO17" s="8"/>
      <c r="DTP17" s="8"/>
      <c r="DTQ17" s="8"/>
      <c r="DTR17" s="8"/>
      <c r="DTS17" s="8"/>
      <c r="DTT17" s="8"/>
      <c r="DTU17" s="8"/>
      <c r="DTV17" s="8"/>
      <c r="DTW17" s="8"/>
      <c r="DTX17" s="8"/>
      <c r="DTY17" s="8"/>
      <c r="DTZ17" s="8"/>
      <c r="DUA17" s="8"/>
      <c r="DUB17" s="8"/>
      <c r="DUC17" s="8"/>
      <c r="DUD17" s="8"/>
      <c r="DUE17" s="8"/>
      <c r="DUF17" s="8"/>
      <c r="DUG17" s="8"/>
      <c r="DUH17" s="8"/>
      <c r="DUI17" s="8"/>
      <c r="DUJ17" s="8"/>
      <c r="DUK17" s="8"/>
      <c r="DUL17" s="8"/>
      <c r="DUM17" s="8"/>
      <c r="DUN17" s="8"/>
      <c r="DUO17" s="8"/>
      <c r="DUP17" s="8"/>
      <c r="DUQ17" s="8"/>
      <c r="DUR17" s="8"/>
      <c r="DUS17" s="8"/>
      <c r="DUT17" s="8"/>
      <c r="DUU17" s="8"/>
      <c r="DUV17" s="8"/>
      <c r="DUW17" s="8"/>
      <c r="DUX17" s="8"/>
      <c r="DUY17" s="8"/>
      <c r="DUZ17" s="8"/>
      <c r="DVA17" s="8"/>
      <c r="DVB17" s="8"/>
      <c r="DVC17" s="8"/>
      <c r="DVD17" s="8"/>
      <c r="DVE17" s="8"/>
      <c r="DVF17" s="8"/>
      <c r="DVG17" s="8"/>
      <c r="DVH17" s="8"/>
      <c r="DVI17" s="8"/>
      <c r="DVJ17" s="8"/>
      <c r="DVK17" s="8"/>
      <c r="DVL17" s="8"/>
      <c r="DVM17" s="8"/>
      <c r="DVN17" s="8"/>
      <c r="DVO17" s="8"/>
      <c r="DVP17" s="8"/>
      <c r="DVQ17" s="8"/>
      <c r="DVR17" s="8"/>
      <c r="DVS17" s="8"/>
      <c r="DVT17" s="8"/>
      <c r="DVU17" s="8"/>
      <c r="DVV17" s="8"/>
      <c r="DVW17" s="8"/>
      <c r="DVX17" s="8"/>
      <c r="DVY17" s="8"/>
      <c r="DVZ17" s="8"/>
      <c r="DWA17" s="8"/>
      <c r="DWB17" s="8"/>
      <c r="DWC17" s="8"/>
      <c r="DWD17" s="8"/>
      <c r="DWE17" s="8"/>
      <c r="DWF17" s="8"/>
      <c r="DWG17" s="8"/>
      <c r="DWH17" s="8"/>
      <c r="DWI17" s="8"/>
      <c r="DWJ17" s="8"/>
      <c r="DWK17" s="8"/>
      <c r="DWL17" s="8"/>
      <c r="DWM17" s="8"/>
      <c r="DWN17" s="8"/>
      <c r="DWO17" s="8"/>
      <c r="DWP17" s="8"/>
      <c r="DWQ17" s="8"/>
      <c r="DWR17" s="8"/>
      <c r="DWS17" s="8"/>
      <c r="DWT17" s="8"/>
      <c r="DWU17" s="8"/>
      <c r="DWV17" s="8"/>
      <c r="DWW17" s="8"/>
      <c r="DWX17" s="8"/>
      <c r="DWY17" s="8"/>
      <c r="DWZ17" s="8"/>
      <c r="DXA17" s="8"/>
      <c r="DXB17" s="8"/>
      <c r="DXC17" s="8"/>
      <c r="DXD17" s="8"/>
      <c r="DXE17" s="8"/>
      <c r="DXF17" s="8"/>
      <c r="DXG17" s="8"/>
      <c r="DXH17" s="8"/>
      <c r="DXI17" s="8"/>
      <c r="DXJ17" s="8"/>
      <c r="DXK17" s="8"/>
      <c r="DXL17" s="8"/>
      <c r="DXM17" s="8"/>
      <c r="DXN17" s="8"/>
      <c r="DXO17" s="8"/>
      <c r="DXP17" s="8"/>
      <c r="DXQ17" s="8"/>
      <c r="DXR17" s="8"/>
      <c r="DXS17" s="8"/>
      <c r="DXT17" s="8"/>
      <c r="DXU17" s="8"/>
      <c r="DXV17" s="8"/>
      <c r="DXW17" s="8"/>
      <c r="DXX17" s="8"/>
      <c r="DXY17" s="8"/>
      <c r="DXZ17" s="8"/>
      <c r="DYA17" s="8"/>
      <c r="DYB17" s="8"/>
      <c r="DYC17" s="8"/>
      <c r="DYD17" s="8"/>
      <c r="DYE17" s="8"/>
      <c r="DYF17" s="8"/>
      <c r="DYG17" s="8"/>
      <c r="DYH17" s="8"/>
      <c r="DYI17" s="8"/>
      <c r="DYJ17" s="8"/>
      <c r="DYK17" s="8"/>
      <c r="DYL17" s="8"/>
      <c r="DYM17" s="8"/>
      <c r="DYN17" s="8"/>
      <c r="DYO17" s="8"/>
      <c r="DYP17" s="8"/>
      <c r="DYQ17" s="8"/>
      <c r="DYR17" s="8"/>
      <c r="DYS17" s="8"/>
      <c r="DYT17" s="8"/>
      <c r="DYU17" s="8"/>
      <c r="DYV17" s="8"/>
      <c r="DYW17" s="8"/>
      <c r="DYX17" s="8"/>
      <c r="DYY17" s="8"/>
      <c r="DYZ17" s="8"/>
      <c r="DZA17" s="8"/>
      <c r="DZB17" s="8"/>
      <c r="DZC17" s="8"/>
      <c r="DZD17" s="8"/>
      <c r="DZE17" s="8"/>
      <c r="DZF17" s="8"/>
      <c r="DZG17" s="8"/>
      <c r="DZH17" s="8"/>
      <c r="DZI17" s="8"/>
      <c r="DZJ17" s="8"/>
      <c r="DZK17" s="8"/>
      <c r="DZL17" s="8"/>
      <c r="DZM17" s="8"/>
      <c r="DZN17" s="8"/>
      <c r="DZO17" s="8"/>
      <c r="DZP17" s="8"/>
      <c r="DZQ17" s="8"/>
      <c r="DZR17" s="8"/>
      <c r="DZS17" s="8"/>
      <c r="DZT17" s="8"/>
      <c r="DZU17" s="8"/>
      <c r="DZV17" s="8"/>
      <c r="DZW17" s="8"/>
      <c r="DZX17" s="8"/>
      <c r="DZY17" s="8"/>
      <c r="DZZ17" s="8"/>
      <c r="EAA17" s="8"/>
      <c r="EAB17" s="8"/>
      <c r="EAC17" s="8"/>
      <c r="EAD17" s="8"/>
      <c r="EAE17" s="8"/>
      <c r="EAF17" s="8"/>
      <c r="EAG17" s="8"/>
      <c r="EAH17" s="8"/>
      <c r="EAI17" s="8"/>
      <c r="EAJ17" s="8"/>
      <c r="EAK17" s="8"/>
      <c r="EAL17" s="8"/>
      <c r="EAM17" s="8"/>
      <c r="EAN17" s="8"/>
      <c r="EAO17" s="8"/>
      <c r="EAP17" s="8"/>
      <c r="EAQ17" s="8"/>
      <c r="EAR17" s="8"/>
      <c r="EAS17" s="8"/>
      <c r="EAT17" s="8"/>
      <c r="EAU17" s="8"/>
      <c r="EAV17" s="8"/>
      <c r="EAW17" s="8"/>
      <c r="EAX17" s="8"/>
      <c r="EAY17" s="8"/>
      <c r="EAZ17" s="8"/>
      <c r="EBA17" s="8"/>
      <c r="EBB17" s="8"/>
      <c r="EBC17" s="8"/>
      <c r="EBD17" s="8"/>
      <c r="EBE17" s="8"/>
      <c r="EBF17" s="8"/>
      <c r="EBG17" s="8"/>
      <c r="EBH17" s="8"/>
      <c r="EBI17" s="8"/>
      <c r="EBJ17" s="8"/>
      <c r="EBK17" s="8"/>
      <c r="EBL17" s="8"/>
      <c r="EBM17" s="8"/>
      <c r="EBN17" s="8"/>
      <c r="EBO17" s="8"/>
      <c r="EBP17" s="8"/>
      <c r="EBQ17" s="8"/>
      <c r="EBR17" s="8"/>
      <c r="EBS17" s="8"/>
      <c r="EBT17" s="8"/>
      <c r="EBU17" s="8"/>
      <c r="EBV17" s="8"/>
      <c r="EBW17" s="8"/>
      <c r="EBX17" s="8"/>
      <c r="EBY17" s="8"/>
      <c r="EBZ17" s="8"/>
      <c r="ECA17" s="8"/>
      <c r="ECB17" s="8"/>
      <c r="ECC17" s="8"/>
      <c r="ECD17" s="8"/>
      <c r="ECE17" s="8"/>
      <c r="ECF17" s="8"/>
      <c r="ECG17" s="8"/>
      <c r="ECH17" s="8"/>
      <c r="ECI17" s="8"/>
      <c r="ECJ17" s="8"/>
      <c r="ECK17" s="8"/>
      <c r="ECL17" s="8"/>
      <c r="ECM17" s="8"/>
      <c r="ECN17" s="8"/>
      <c r="ECO17" s="8"/>
      <c r="ECP17" s="8"/>
      <c r="ECQ17" s="8"/>
      <c r="ECR17" s="8"/>
      <c r="ECS17" s="8"/>
      <c r="ECT17" s="8"/>
      <c r="ECU17" s="8"/>
      <c r="ECV17" s="8"/>
      <c r="ECW17" s="8"/>
      <c r="ECX17" s="8"/>
      <c r="ECY17" s="8"/>
      <c r="ECZ17" s="8"/>
      <c r="EDA17" s="8"/>
      <c r="EDB17" s="8"/>
      <c r="EDC17" s="8"/>
      <c r="EDD17" s="8"/>
      <c r="EDE17" s="8"/>
      <c r="EDF17" s="8"/>
      <c r="EDG17" s="8"/>
      <c r="EDH17" s="8"/>
      <c r="EDI17" s="8"/>
      <c r="EDJ17" s="8"/>
      <c r="EDK17" s="8"/>
      <c r="EDL17" s="8"/>
      <c r="EDM17" s="8"/>
      <c r="EDN17" s="8"/>
      <c r="EDO17" s="8"/>
      <c r="EDP17" s="8"/>
      <c r="EDQ17" s="8"/>
      <c r="EDR17" s="8"/>
      <c r="EDS17" s="8"/>
      <c r="EDT17" s="8"/>
      <c r="EDU17" s="8"/>
      <c r="EDV17" s="8"/>
      <c r="EDW17" s="8"/>
      <c r="EDX17" s="8"/>
      <c r="EDY17" s="8"/>
      <c r="EDZ17" s="8"/>
      <c r="EEA17" s="8"/>
      <c r="EEB17" s="8"/>
      <c r="EEC17" s="8"/>
      <c r="EED17" s="8"/>
      <c r="EEE17" s="8"/>
      <c r="EEF17" s="8"/>
      <c r="EEG17" s="8"/>
      <c r="EEH17" s="8"/>
      <c r="EEI17" s="8"/>
      <c r="EEJ17" s="8"/>
      <c r="EEK17" s="8"/>
      <c r="EEL17" s="8"/>
      <c r="EEM17" s="8"/>
      <c r="EEN17" s="8"/>
      <c r="EEO17" s="8"/>
      <c r="EEP17" s="8"/>
      <c r="EEQ17" s="8"/>
      <c r="EER17" s="8"/>
      <c r="EES17" s="8"/>
      <c r="EET17" s="8"/>
      <c r="EEU17" s="8"/>
      <c r="EEV17" s="8"/>
      <c r="EEW17" s="8"/>
      <c r="EEX17" s="8"/>
      <c r="EEY17" s="8"/>
      <c r="EEZ17" s="8"/>
      <c r="EFA17" s="8"/>
      <c r="EFB17" s="8"/>
      <c r="EFC17" s="8"/>
      <c r="EFD17" s="8"/>
      <c r="EFE17" s="8"/>
      <c r="EFF17" s="8"/>
      <c r="EFG17" s="8"/>
      <c r="EFH17" s="8"/>
      <c r="EFI17" s="8"/>
      <c r="EFJ17" s="8"/>
      <c r="EFK17" s="8"/>
      <c r="EFL17" s="8"/>
      <c r="EFM17" s="8"/>
      <c r="EFN17" s="8"/>
      <c r="EFO17" s="8"/>
      <c r="EFP17" s="8"/>
      <c r="EFQ17" s="8"/>
      <c r="EFR17" s="8"/>
      <c r="EFS17" s="8"/>
      <c r="EFT17" s="8"/>
      <c r="EFU17" s="8"/>
      <c r="EFV17" s="8"/>
      <c r="EFW17" s="8"/>
      <c r="EFX17" s="8"/>
      <c r="EFY17" s="8"/>
      <c r="EFZ17" s="8"/>
      <c r="EGA17" s="8"/>
      <c r="EGB17" s="8"/>
      <c r="EGC17" s="8"/>
      <c r="EGD17" s="8"/>
      <c r="EGE17" s="8"/>
      <c r="EGF17" s="8"/>
      <c r="EGG17" s="8"/>
      <c r="EGH17" s="8"/>
      <c r="EGI17" s="8"/>
      <c r="EGJ17" s="8"/>
      <c r="EGK17" s="8"/>
      <c r="EGL17" s="8"/>
      <c r="EGM17" s="8"/>
      <c r="EGN17" s="8"/>
      <c r="EGO17" s="8"/>
      <c r="EGP17" s="8"/>
      <c r="EGQ17" s="8"/>
      <c r="EGR17" s="8"/>
      <c r="EGS17" s="8"/>
      <c r="EGT17" s="8"/>
      <c r="EGU17" s="8"/>
      <c r="EGV17" s="8"/>
      <c r="EGW17" s="8"/>
      <c r="EGX17" s="8"/>
      <c r="EGY17" s="8"/>
      <c r="EGZ17" s="8"/>
      <c r="EHA17" s="8"/>
      <c r="EHB17" s="8"/>
      <c r="EHC17" s="8"/>
      <c r="EHD17" s="8"/>
      <c r="EHE17" s="8"/>
      <c r="EHF17" s="8"/>
      <c r="EHG17" s="8"/>
      <c r="EHH17" s="8"/>
      <c r="EHI17" s="8"/>
      <c r="EHJ17" s="8"/>
      <c r="EHK17" s="8"/>
      <c r="EHL17" s="8"/>
      <c r="EHM17" s="8"/>
      <c r="EHN17" s="8"/>
      <c r="EHO17" s="8"/>
      <c r="EHP17" s="8"/>
      <c r="EHQ17" s="8"/>
      <c r="EHR17" s="8"/>
      <c r="EHS17" s="8"/>
      <c r="EHT17" s="8"/>
      <c r="EHU17" s="8"/>
      <c r="EHV17" s="8"/>
      <c r="EHW17" s="8"/>
      <c r="EHX17" s="8"/>
      <c r="EHY17" s="8"/>
      <c r="EHZ17" s="8"/>
      <c r="EIA17" s="8"/>
      <c r="EIB17" s="8"/>
      <c r="EIC17" s="8"/>
      <c r="EID17" s="8"/>
      <c r="EIE17" s="8"/>
      <c r="EIF17" s="8"/>
      <c r="EIG17" s="8"/>
      <c r="EIH17" s="8"/>
      <c r="EII17" s="8"/>
      <c r="EIJ17" s="8"/>
      <c r="EIK17" s="8"/>
      <c r="EIL17" s="8"/>
      <c r="EIM17" s="8"/>
      <c r="EIN17" s="8"/>
      <c r="EIO17" s="8"/>
      <c r="EIP17" s="8"/>
      <c r="EIQ17" s="8"/>
      <c r="EIR17" s="8"/>
      <c r="EIS17" s="8"/>
      <c r="EIT17" s="8"/>
      <c r="EIU17" s="8"/>
      <c r="EIV17" s="8"/>
      <c r="EIW17" s="8"/>
      <c r="EIX17" s="8"/>
      <c r="EIY17" s="8"/>
      <c r="EIZ17" s="8"/>
      <c r="EJA17" s="8"/>
      <c r="EJB17" s="8"/>
      <c r="EJC17" s="8"/>
      <c r="EJD17" s="8"/>
      <c r="EJE17" s="8"/>
      <c r="EJF17" s="8"/>
      <c r="EJG17" s="8"/>
      <c r="EJH17" s="8"/>
      <c r="EJI17" s="8"/>
      <c r="EJJ17" s="8"/>
      <c r="EJK17" s="8"/>
      <c r="EJL17" s="8"/>
      <c r="EJM17" s="8"/>
      <c r="EJN17" s="8"/>
      <c r="EJO17" s="8"/>
      <c r="EJP17" s="8"/>
      <c r="EJQ17" s="8"/>
      <c r="EJR17" s="8"/>
      <c r="EJS17" s="8"/>
      <c r="EJT17" s="8"/>
      <c r="EJU17" s="8"/>
      <c r="EJV17" s="8"/>
      <c r="EJW17" s="8"/>
      <c r="EJX17" s="8"/>
      <c r="EJY17" s="8"/>
      <c r="EJZ17" s="8"/>
      <c r="EKA17" s="8"/>
      <c r="EKB17" s="8"/>
      <c r="EKC17" s="8"/>
      <c r="EKD17" s="8"/>
      <c r="EKE17" s="8"/>
      <c r="EKF17" s="8"/>
      <c r="EKG17" s="8"/>
      <c r="EKH17" s="8"/>
      <c r="EKI17" s="8"/>
      <c r="EKJ17" s="8"/>
      <c r="EKK17" s="8"/>
      <c r="EKL17" s="8"/>
      <c r="EKM17" s="8"/>
      <c r="EKN17" s="8"/>
      <c r="EKO17" s="8"/>
      <c r="EKP17" s="8"/>
      <c r="EKQ17" s="8"/>
      <c r="EKR17" s="8"/>
      <c r="EKS17" s="8"/>
      <c r="EKT17" s="8"/>
      <c r="EKU17" s="8"/>
      <c r="EKV17" s="8"/>
      <c r="EKW17" s="8"/>
      <c r="EKX17" s="8"/>
      <c r="EKY17" s="8"/>
      <c r="EKZ17" s="8"/>
      <c r="ELA17" s="8"/>
      <c r="ELB17" s="8"/>
      <c r="ELC17" s="8"/>
      <c r="ELD17" s="8"/>
      <c r="ELE17" s="8"/>
      <c r="ELF17" s="8"/>
      <c r="ELG17" s="8"/>
      <c r="ELH17" s="8"/>
      <c r="ELI17" s="8"/>
      <c r="ELJ17" s="8"/>
      <c r="ELK17" s="8"/>
      <c r="ELL17" s="8"/>
      <c r="ELM17" s="8"/>
      <c r="ELN17" s="8"/>
      <c r="ELO17" s="8"/>
      <c r="ELP17" s="8"/>
      <c r="ELQ17" s="8"/>
      <c r="ELR17" s="8"/>
      <c r="ELS17" s="8"/>
      <c r="ELT17" s="8"/>
      <c r="ELU17" s="8"/>
      <c r="ELV17" s="8"/>
      <c r="ELW17" s="8"/>
      <c r="ELX17" s="8"/>
      <c r="ELY17" s="8"/>
      <c r="ELZ17" s="8"/>
      <c r="EMA17" s="8"/>
      <c r="EMB17" s="8"/>
      <c r="EMC17" s="8"/>
      <c r="EMD17" s="8"/>
      <c r="EME17" s="8"/>
      <c r="EMF17" s="8"/>
      <c r="EMG17" s="8"/>
      <c r="EMH17" s="8"/>
      <c r="EMI17" s="8"/>
      <c r="EMJ17" s="8"/>
      <c r="EMK17" s="8"/>
      <c r="EML17" s="8"/>
      <c r="EMM17" s="8"/>
      <c r="EMN17" s="8"/>
      <c r="EMO17" s="8"/>
      <c r="EMP17" s="8"/>
      <c r="EMQ17" s="8"/>
      <c r="EMR17" s="8"/>
      <c r="EMS17" s="8"/>
      <c r="EMT17" s="8"/>
      <c r="EMU17" s="8"/>
      <c r="EMV17" s="8"/>
      <c r="EMW17" s="8"/>
      <c r="EMX17" s="8"/>
      <c r="EMY17" s="8"/>
      <c r="EMZ17" s="8"/>
      <c r="ENA17" s="8"/>
      <c r="ENB17" s="8"/>
      <c r="ENC17" s="8"/>
      <c r="END17" s="8"/>
      <c r="ENE17" s="8"/>
      <c r="ENF17" s="8"/>
      <c r="ENG17" s="8"/>
      <c r="ENH17" s="8"/>
      <c r="ENI17" s="8"/>
      <c r="ENJ17" s="8"/>
      <c r="ENK17" s="8"/>
      <c r="ENL17" s="8"/>
      <c r="ENM17" s="8"/>
      <c r="ENN17" s="8"/>
      <c r="ENO17" s="8"/>
      <c r="ENP17" s="8"/>
      <c r="ENQ17" s="8"/>
      <c r="ENR17" s="8"/>
      <c r="ENS17" s="8"/>
      <c r="ENT17" s="8"/>
      <c r="ENU17" s="8"/>
      <c r="ENV17" s="8"/>
      <c r="ENW17" s="8"/>
      <c r="ENX17" s="8"/>
      <c r="ENY17" s="8"/>
      <c r="ENZ17" s="8"/>
      <c r="EOA17" s="8"/>
      <c r="EOB17" s="8"/>
      <c r="EOC17" s="8"/>
      <c r="EOD17" s="8"/>
      <c r="EOE17" s="8"/>
      <c r="EOF17" s="8"/>
      <c r="EOG17" s="8"/>
      <c r="EOH17" s="8"/>
      <c r="EOI17" s="8"/>
      <c r="EOJ17" s="8"/>
      <c r="EOK17" s="8"/>
      <c r="EOL17" s="8"/>
      <c r="EOM17" s="8"/>
      <c r="EON17" s="8"/>
      <c r="EOO17" s="8"/>
      <c r="EOP17" s="8"/>
      <c r="EOQ17" s="8"/>
      <c r="EOR17" s="8"/>
      <c r="EOS17" s="8"/>
      <c r="EOT17" s="8"/>
      <c r="EOU17" s="8"/>
      <c r="EOV17" s="8"/>
      <c r="EOW17" s="8"/>
      <c r="EOX17" s="8"/>
      <c r="EOY17" s="8"/>
      <c r="EOZ17" s="8"/>
      <c r="EPA17" s="8"/>
      <c r="EPB17" s="8"/>
      <c r="EPC17" s="8"/>
      <c r="EPD17" s="8"/>
      <c r="EPE17" s="8"/>
      <c r="EPF17" s="8"/>
      <c r="EPG17" s="8"/>
      <c r="EPH17" s="8"/>
      <c r="EPI17" s="8"/>
      <c r="EPJ17" s="8"/>
      <c r="EPK17" s="8"/>
      <c r="EPL17" s="8"/>
      <c r="EPM17" s="8"/>
      <c r="EPN17" s="8"/>
      <c r="EPO17" s="8"/>
      <c r="EPP17" s="8"/>
      <c r="EPQ17" s="8"/>
      <c r="EPR17" s="8"/>
      <c r="EPS17" s="8"/>
      <c r="EPT17" s="8"/>
      <c r="EPU17" s="8"/>
      <c r="EPV17" s="8"/>
      <c r="EPW17" s="8"/>
      <c r="EPX17" s="8"/>
      <c r="EPY17" s="8"/>
      <c r="EPZ17" s="8"/>
      <c r="EQA17" s="8"/>
      <c r="EQB17" s="8"/>
      <c r="EQC17" s="8"/>
      <c r="EQD17" s="8"/>
      <c r="EQE17" s="8"/>
      <c r="EQF17" s="8"/>
      <c r="EQG17" s="8"/>
      <c r="EQH17" s="8"/>
      <c r="EQI17" s="8"/>
      <c r="EQJ17" s="8"/>
      <c r="EQK17" s="8"/>
      <c r="EQL17" s="8"/>
      <c r="EQM17" s="8"/>
      <c r="EQN17" s="8"/>
      <c r="EQO17" s="8"/>
      <c r="EQP17" s="8"/>
      <c r="EQQ17" s="8"/>
      <c r="EQR17" s="8"/>
      <c r="EQS17" s="8"/>
      <c r="EQT17" s="8"/>
      <c r="EQU17" s="8"/>
      <c r="EQV17" s="8"/>
      <c r="EQW17" s="8"/>
      <c r="EQX17" s="8"/>
      <c r="EQY17" s="8"/>
      <c r="EQZ17" s="8"/>
      <c r="ERA17" s="8"/>
      <c r="ERB17" s="8"/>
      <c r="ERC17" s="8"/>
      <c r="ERD17" s="8"/>
      <c r="ERE17" s="8"/>
      <c r="ERF17" s="8"/>
      <c r="ERG17" s="8"/>
      <c r="ERH17" s="8"/>
      <c r="ERI17" s="8"/>
      <c r="ERJ17" s="8"/>
      <c r="ERK17" s="8"/>
      <c r="ERL17" s="8"/>
      <c r="ERM17" s="8"/>
      <c r="ERN17" s="8"/>
      <c r="ERO17" s="8"/>
      <c r="ERP17" s="8"/>
      <c r="ERQ17" s="8"/>
      <c r="ERR17" s="8"/>
      <c r="ERS17" s="8"/>
      <c r="ERT17" s="8"/>
      <c r="ERU17" s="8"/>
      <c r="ERV17" s="8"/>
      <c r="ERW17" s="8"/>
      <c r="ERX17" s="8"/>
      <c r="ERY17" s="8"/>
      <c r="ERZ17" s="8"/>
      <c r="ESA17" s="8"/>
      <c r="ESB17" s="8"/>
      <c r="ESC17" s="8"/>
      <c r="ESD17" s="8"/>
      <c r="ESE17" s="8"/>
      <c r="ESF17" s="8"/>
      <c r="ESG17" s="8"/>
      <c r="ESH17" s="8"/>
      <c r="ESI17" s="8"/>
      <c r="ESJ17" s="8"/>
      <c r="ESK17" s="8"/>
      <c r="ESL17" s="8"/>
      <c r="ESM17" s="8"/>
      <c r="ESN17" s="8"/>
      <c r="ESO17" s="8"/>
      <c r="ESP17" s="8"/>
      <c r="ESQ17" s="8"/>
      <c r="ESR17" s="8"/>
      <c r="ESS17" s="8"/>
      <c r="EST17" s="8"/>
      <c r="ESU17" s="8"/>
      <c r="ESV17" s="8"/>
      <c r="ESW17" s="8"/>
      <c r="ESX17" s="8"/>
      <c r="ESY17" s="8"/>
      <c r="ESZ17" s="8"/>
      <c r="ETA17" s="8"/>
      <c r="ETB17" s="8"/>
      <c r="ETC17" s="8"/>
      <c r="ETD17" s="8"/>
      <c r="ETE17" s="8"/>
      <c r="ETF17" s="8"/>
      <c r="ETG17" s="8"/>
      <c r="ETH17" s="8"/>
      <c r="ETI17" s="8"/>
      <c r="ETJ17" s="8"/>
      <c r="ETK17" s="8"/>
      <c r="ETL17" s="8"/>
      <c r="ETM17" s="8"/>
      <c r="ETN17" s="8"/>
      <c r="ETO17" s="8"/>
      <c r="ETP17" s="8"/>
      <c r="ETQ17" s="8"/>
      <c r="ETR17" s="8"/>
      <c r="ETS17" s="8"/>
      <c r="ETT17" s="8"/>
      <c r="ETU17" s="8"/>
      <c r="ETV17" s="8"/>
      <c r="ETW17" s="8"/>
      <c r="ETX17" s="8"/>
      <c r="ETY17" s="8"/>
      <c r="ETZ17" s="8"/>
      <c r="EUA17" s="8"/>
      <c r="EUB17" s="8"/>
      <c r="EUC17" s="8"/>
      <c r="EUD17" s="8"/>
      <c r="EUE17" s="8"/>
      <c r="EUF17" s="8"/>
      <c r="EUG17" s="8"/>
      <c r="EUH17" s="8"/>
      <c r="EUI17" s="8"/>
      <c r="EUJ17" s="8"/>
      <c r="EUK17" s="8"/>
      <c r="EUL17" s="8"/>
      <c r="EUM17" s="8"/>
      <c r="EUN17" s="8"/>
      <c r="EUO17" s="8"/>
      <c r="EUP17" s="8"/>
      <c r="EUQ17" s="8"/>
      <c r="EUR17" s="8"/>
      <c r="EUS17" s="8"/>
      <c r="EUT17" s="8"/>
      <c r="EUU17" s="8"/>
      <c r="EUV17" s="8"/>
      <c r="EUW17" s="8"/>
      <c r="EUX17" s="8"/>
      <c r="EUY17" s="8"/>
      <c r="EUZ17" s="8"/>
      <c r="EVA17" s="8"/>
      <c r="EVB17" s="8"/>
      <c r="EVC17" s="8"/>
      <c r="EVD17" s="8"/>
      <c r="EVE17" s="8"/>
      <c r="EVF17" s="8"/>
      <c r="EVG17" s="8"/>
      <c r="EVH17" s="8"/>
      <c r="EVI17" s="8"/>
      <c r="EVJ17" s="8"/>
      <c r="EVK17" s="8"/>
      <c r="EVL17" s="8"/>
      <c r="EVM17" s="8"/>
      <c r="EVN17" s="8"/>
      <c r="EVO17" s="8"/>
      <c r="EVP17" s="8"/>
      <c r="EVQ17" s="8"/>
      <c r="EVR17" s="8"/>
      <c r="EVS17" s="8"/>
      <c r="EVT17" s="8"/>
      <c r="EVU17" s="8"/>
      <c r="EVV17" s="8"/>
      <c r="EVW17" s="8"/>
      <c r="EVX17" s="8"/>
      <c r="EVY17" s="8"/>
      <c r="EVZ17" s="8"/>
      <c r="EWA17" s="8"/>
      <c r="EWB17" s="8"/>
      <c r="EWC17" s="8"/>
      <c r="EWD17" s="8"/>
      <c r="EWE17" s="8"/>
      <c r="EWF17" s="8"/>
      <c r="EWG17" s="8"/>
      <c r="EWH17" s="8"/>
      <c r="EWI17" s="8"/>
      <c r="EWJ17" s="8"/>
      <c r="EWK17" s="8"/>
      <c r="EWL17" s="8"/>
      <c r="EWM17" s="8"/>
      <c r="EWN17" s="8"/>
      <c r="EWO17" s="8"/>
      <c r="EWP17" s="8"/>
      <c r="EWQ17" s="8"/>
      <c r="EWR17" s="8"/>
      <c r="EWS17" s="8"/>
      <c r="EWT17" s="8"/>
      <c r="EWU17" s="8"/>
      <c r="EWV17" s="8"/>
      <c r="EWW17" s="8"/>
      <c r="EWX17" s="8"/>
      <c r="EWY17" s="8"/>
      <c r="EWZ17" s="8"/>
      <c r="EXA17" s="8"/>
      <c r="EXB17" s="8"/>
      <c r="EXC17" s="8"/>
      <c r="EXD17" s="8"/>
      <c r="EXE17" s="8"/>
      <c r="EXF17" s="8"/>
      <c r="EXG17" s="8"/>
      <c r="EXH17" s="8"/>
      <c r="EXI17" s="8"/>
      <c r="EXJ17" s="8"/>
      <c r="EXK17" s="8"/>
      <c r="EXL17" s="8"/>
      <c r="EXM17" s="8"/>
      <c r="EXN17" s="8"/>
      <c r="EXO17" s="8"/>
      <c r="EXP17" s="8"/>
      <c r="EXQ17" s="8"/>
      <c r="EXR17" s="8"/>
      <c r="EXS17" s="8"/>
      <c r="EXT17" s="8"/>
      <c r="EXU17" s="8"/>
      <c r="EXV17" s="8"/>
      <c r="EXW17" s="8"/>
      <c r="EXX17" s="8"/>
      <c r="EXY17" s="8"/>
      <c r="EXZ17" s="8"/>
      <c r="EYA17" s="8"/>
      <c r="EYB17" s="8"/>
      <c r="EYC17" s="8"/>
      <c r="EYD17" s="8"/>
      <c r="EYE17" s="8"/>
      <c r="EYF17" s="8"/>
      <c r="EYG17" s="8"/>
      <c r="EYH17" s="8"/>
      <c r="EYI17" s="8"/>
      <c r="EYJ17" s="8"/>
      <c r="EYK17" s="8"/>
      <c r="EYL17" s="8"/>
      <c r="EYM17" s="8"/>
      <c r="EYN17" s="8"/>
      <c r="EYO17" s="8"/>
      <c r="EYP17" s="8"/>
      <c r="EYQ17" s="8"/>
      <c r="EYR17" s="8"/>
      <c r="EYS17" s="8"/>
      <c r="EYT17" s="8"/>
      <c r="EYU17" s="8"/>
      <c r="EYV17" s="8"/>
      <c r="EYW17" s="8"/>
      <c r="EYX17" s="8"/>
      <c r="EYY17" s="8"/>
      <c r="EYZ17" s="8"/>
      <c r="EZA17" s="8"/>
      <c r="EZB17" s="8"/>
      <c r="EZC17" s="8"/>
      <c r="EZD17" s="8"/>
      <c r="EZE17" s="8"/>
      <c r="EZF17" s="8"/>
      <c r="EZG17" s="8"/>
      <c r="EZH17" s="8"/>
      <c r="EZI17" s="8"/>
      <c r="EZJ17" s="8"/>
      <c r="EZK17" s="8"/>
      <c r="EZL17" s="8"/>
      <c r="EZM17" s="8"/>
      <c r="EZN17" s="8"/>
      <c r="EZO17" s="8"/>
      <c r="EZP17" s="8"/>
      <c r="EZQ17" s="8"/>
      <c r="EZR17" s="8"/>
      <c r="EZS17" s="8"/>
      <c r="EZT17" s="8"/>
      <c r="EZU17" s="8"/>
      <c r="EZV17" s="8"/>
      <c r="EZW17" s="8"/>
      <c r="EZX17" s="8"/>
      <c r="EZY17" s="8"/>
      <c r="EZZ17" s="8"/>
      <c r="FAA17" s="8"/>
      <c r="FAB17" s="8"/>
      <c r="FAC17" s="8"/>
      <c r="FAD17" s="8"/>
      <c r="FAE17" s="8"/>
      <c r="FAF17" s="8"/>
      <c r="FAG17" s="8"/>
      <c r="FAH17" s="8"/>
      <c r="FAI17" s="8"/>
      <c r="FAJ17" s="8"/>
      <c r="FAK17" s="8"/>
      <c r="FAL17" s="8"/>
      <c r="FAM17" s="8"/>
      <c r="FAN17" s="8"/>
      <c r="FAO17" s="8"/>
      <c r="FAP17" s="8"/>
      <c r="FAQ17" s="8"/>
      <c r="FAR17" s="8"/>
      <c r="FAS17" s="8"/>
      <c r="FAT17" s="8"/>
      <c r="FAU17" s="8"/>
      <c r="FAV17" s="8"/>
      <c r="FAW17" s="8"/>
      <c r="FAX17" s="8"/>
      <c r="FAY17" s="8"/>
      <c r="FAZ17" s="8"/>
      <c r="FBA17" s="8"/>
      <c r="FBB17" s="8"/>
      <c r="FBC17" s="8"/>
      <c r="FBD17" s="8"/>
      <c r="FBE17" s="8"/>
      <c r="FBF17" s="8"/>
      <c r="FBG17" s="8"/>
      <c r="FBH17" s="8"/>
      <c r="FBI17" s="8"/>
      <c r="FBJ17" s="8"/>
      <c r="FBK17" s="8"/>
      <c r="FBL17" s="8"/>
      <c r="FBM17" s="8"/>
      <c r="FBN17" s="8"/>
      <c r="FBO17" s="8"/>
      <c r="FBP17" s="8"/>
      <c r="FBQ17" s="8"/>
      <c r="FBR17" s="8"/>
      <c r="FBS17" s="8"/>
      <c r="FBT17" s="8"/>
      <c r="FBU17" s="8"/>
      <c r="FBV17" s="8"/>
      <c r="FBW17" s="8"/>
      <c r="FBX17" s="8"/>
      <c r="FBY17" s="8"/>
      <c r="FBZ17" s="8"/>
      <c r="FCA17" s="8"/>
      <c r="FCB17" s="8"/>
      <c r="FCC17" s="8"/>
      <c r="FCD17" s="8"/>
      <c r="FCE17" s="8"/>
      <c r="FCF17" s="8"/>
      <c r="FCG17" s="8"/>
      <c r="FCH17" s="8"/>
      <c r="FCI17" s="8"/>
      <c r="FCJ17" s="8"/>
      <c r="FCK17" s="8"/>
      <c r="FCL17" s="8"/>
      <c r="FCM17" s="8"/>
      <c r="FCN17" s="8"/>
      <c r="FCO17" s="8"/>
      <c r="FCP17" s="8"/>
      <c r="FCQ17" s="8"/>
      <c r="FCR17" s="8"/>
      <c r="FCS17" s="8"/>
      <c r="FCT17" s="8"/>
      <c r="FCU17" s="8"/>
      <c r="FCV17" s="8"/>
      <c r="FCW17" s="8"/>
      <c r="FCX17" s="8"/>
      <c r="FCY17" s="8"/>
      <c r="FCZ17" s="8"/>
      <c r="FDA17" s="8"/>
      <c r="FDB17" s="8"/>
      <c r="FDC17" s="8"/>
      <c r="FDD17" s="8"/>
      <c r="FDE17" s="8"/>
      <c r="FDF17" s="8"/>
      <c r="FDG17" s="8"/>
      <c r="FDH17" s="8"/>
      <c r="FDI17" s="8"/>
      <c r="FDJ17" s="8"/>
      <c r="FDK17" s="8"/>
      <c r="FDL17" s="8"/>
      <c r="FDM17" s="8"/>
      <c r="FDN17" s="8"/>
      <c r="FDO17" s="8"/>
      <c r="FDP17" s="8"/>
      <c r="FDQ17" s="8"/>
      <c r="FDR17" s="8"/>
      <c r="FDS17" s="8"/>
      <c r="FDT17" s="8"/>
      <c r="FDU17" s="8"/>
      <c r="FDV17" s="8"/>
      <c r="FDW17" s="8"/>
      <c r="FDX17" s="8"/>
      <c r="FDY17" s="8"/>
      <c r="FDZ17" s="8"/>
      <c r="FEA17" s="8"/>
      <c r="FEB17" s="8"/>
      <c r="FEC17" s="8"/>
      <c r="FED17" s="8"/>
      <c r="FEE17" s="8"/>
      <c r="FEF17" s="8"/>
      <c r="FEG17" s="8"/>
      <c r="FEH17" s="8"/>
      <c r="FEI17" s="8"/>
      <c r="FEJ17" s="8"/>
      <c r="FEK17" s="8"/>
      <c r="FEL17" s="8"/>
      <c r="FEM17" s="8"/>
      <c r="FEN17" s="8"/>
      <c r="FEO17" s="8"/>
      <c r="FEP17" s="8"/>
      <c r="FEQ17" s="8"/>
      <c r="FER17" s="8"/>
      <c r="FES17" s="8"/>
      <c r="FET17" s="8"/>
      <c r="FEU17" s="8"/>
      <c r="FEV17" s="8"/>
      <c r="FEW17" s="8"/>
      <c r="FEX17" s="8"/>
      <c r="FEY17" s="8"/>
      <c r="FEZ17" s="8"/>
      <c r="FFA17" s="8"/>
      <c r="FFB17" s="8"/>
      <c r="FFC17" s="8"/>
      <c r="FFD17" s="8"/>
      <c r="FFE17" s="8"/>
      <c r="FFF17" s="8"/>
      <c r="FFG17" s="8"/>
      <c r="FFH17" s="8"/>
      <c r="FFI17" s="8"/>
      <c r="FFJ17" s="8"/>
      <c r="FFK17" s="8"/>
      <c r="FFL17" s="8"/>
      <c r="FFM17" s="8"/>
      <c r="FFN17" s="8"/>
      <c r="FFO17" s="8"/>
      <c r="FFP17" s="8"/>
      <c r="FFQ17" s="8"/>
      <c r="FFR17" s="8"/>
      <c r="FFS17" s="8"/>
      <c r="FFT17" s="8"/>
      <c r="FFU17" s="8"/>
      <c r="FFV17" s="8"/>
      <c r="FFW17" s="8"/>
      <c r="FFX17" s="8"/>
      <c r="FFY17" s="8"/>
      <c r="FFZ17" s="8"/>
      <c r="FGA17" s="8"/>
      <c r="FGB17" s="8"/>
      <c r="FGC17" s="8"/>
      <c r="FGD17" s="8"/>
      <c r="FGE17" s="8"/>
      <c r="FGF17" s="8"/>
      <c r="FGG17" s="8"/>
      <c r="FGH17" s="8"/>
      <c r="FGI17" s="8"/>
      <c r="FGJ17" s="8"/>
      <c r="FGK17" s="8"/>
      <c r="FGL17" s="8"/>
      <c r="FGM17" s="8"/>
      <c r="FGN17" s="8"/>
      <c r="FGO17" s="8"/>
      <c r="FGP17" s="8"/>
      <c r="FGQ17" s="8"/>
      <c r="FGR17" s="8"/>
      <c r="FGS17" s="8"/>
      <c r="FGT17" s="8"/>
      <c r="FGU17" s="8"/>
      <c r="FGV17" s="8"/>
      <c r="FGW17" s="8"/>
      <c r="FGX17" s="8"/>
      <c r="FGY17" s="8"/>
      <c r="FGZ17" s="8"/>
      <c r="FHA17" s="8"/>
      <c r="FHB17" s="8"/>
      <c r="FHC17" s="8"/>
      <c r="FHD17" s="8"/>
      <c r="FHE17" s="8"/>
      <c r="FHF17" s="8"/>
      <c r="FHG17" s="8"/>
      <c r="FHH17" s="8"/>
      <c r="FHI17" s="8"/>
      <c r="FHJ17" s="8"/>
      <c r="FHK17" s="8"/>
      <c r="FHL17" s="8"/>
      <c r="FHM17" s="8"/>
      <c r="FHN17" s="8"/>
      <c r="FHO17" s="8"/>
      <c r="FHP17" s="8"/>
      <c r="FHQ17" s="8"/>
      <c r="FHR17" s="8"/>
      <c r="FHS17" s="8"/>
      <c r="FHT17" s="8"/>
      <c r="FHU17" s="8"/>
      <c r="FHV17" s="8"/>
      <c r="FHW17" s="8"/>
      <c r="FHX17" s="8"/>
      <c r="FHY17" s="8"/>
      <c r="FHZ17" s="8"/>
      <c r="FIA17" s="8"/>
      <c r="FIB17" s="8"/>
      <c r="FIC17" s="8"/>
      <c r="FID17" s="8"/>
      <c r="FIE17" s="8"/>
      <c r="FIF17" s="8"/>
      <c r="FIG17" s="8"/>
      <c r="FIH17" s="8"/>
      <c r="FII17" s="8"/>
      <c r="FIJ17" s="8"/>
      <c r="FIK17" s="8"/>
      <c r="FIL17" s="8"/>
      <c r="FIM17" s="8"/>
      <c r="FIN17" s="8"/>
      <c r="FIO17" s="8"/>
      <c r="FIP17" s="8"/>
      <c r="FIQ17" s="8"/>
      <c r="FIR17" s="8"/>
      <c r="FIS17" s="8"/>
      <c r="FIT17" s="8"/>
      <c r="FIU17" s="8"/>
      <c r="FIV17" s="8"/>
      <c r="FIW17" s="8"/>
      <c r="FIX17" s="8"/>
      <c r="FIY17" s="8"/>
      <c r="FIZ17" s="8"/>
      <c r="FJA17" s="8"/>
      <c r="FJB17" s="8"/>
      <c r="FJC17" s="8"/>
      <c r="FJD17" s="8"/>
      <c r="FJE17" s="8"/>
      <c r="FJF17" s="8"/>
      <c r="FJG17" s="8"/>
      <c r="FJH17" s="8"/>
      <c r="FJI17" s="8"/>
      <c r="FJJ17" s="8"/>
      <c r="FJK17" s="8"/>
      <c r="FJL17" s="8"/>
      <c r="FJM17" s="8"/>
      <c r="FJN17" s="8"/>
      <c r="FJO17" s="8"/>
      <c r="FJP17" s="8"/>
      <c r="FJQ17" s="8"/>
      <c r="FJR17" s="8"/>
      <c r="FJS17" s="8"/>
      <c r="FJT17" s="8"/>
      <c r="FJU17" s="8"/>
      <c r="FJV17" s="8"/>
      <c r="FJW17" s="8"/>
      <c r="FJX17" s="8"/>
      <c r="FJY17" s="8"/>
      <c r="FJZ17" s="8"/>
      <c r="FKA17" s="8"/>
      <c r="FKB17" s="8"/>
      <c r="FKC17" s="8"/>
      <c r="FKD17" s="8"/>
      <c r="FKE17" s="8"/>
      <c r="FKF17" s="8"/>
      <c r="FKG17" s="8"/>
      <c r="FKH17" s="8"/>
      <c r="FKI17" s="8"/>
      <c r="FKJ17" s="8"/>
      <c r="FKK17" s="8"/>
      <c r="FKL17" s="8"/>
      <c r="FKM17" s="8"/>
      <c r="FKN17" s="8"/>
      <c r="FKO17" s="8"/>
      <c r="FKP17" s="8"/>
      <c r="FKQ17" s="8"/>
      <c r="FKR17" s="8"/>
      <c r="FKS17" s="8"/>
      <c r="FKT17" s="8"/>
      <c r="FKU17" s="8"/>
      <c r="FKV17" s="8"/>
      <c r="FKW17" s="8"/>
      <c r="FKX17" s="8"/>
      <c r="FKY17" s="8"/>
      <c r="FKZ17" s="8"/>
      <c r="FLA17" s="8"/>
      <c r="FLB17" s="8"/>
      <c r="FLC17" s="8"/>
      <c r="FLD17" s="8"/>
      <c r="FLE17" s="8"/>
      <c r="FLF17" s="8"/>
      <c r="FLG17" s="8"/>
      <c r="FLH17" s="8"/>
      <c r="FLI17" s="8"/>
      <c r="FLJ17" s="8"/>
      <c r="FLK17" s="8"/>
      <c r="FLL17" s="8"/>
      <c r="FLM17" s="8"/>
      <c r="FLN17" s="8"/>
      <c r="FLO17" s="8"/>
      <c r="FLP17" s="8"/>
      <c r="FLQ17" s="8"/>
      <c r="FLR17" s="8"/>
      <c r="FLS17" s="8"/>
      <c r="FLT17" s="8"/>
      <c r="FLU17" s="8"/>
      <c r="FLV17" s="8"/>
      <c r="FLW17" s="8"/>
      <c r="FLX17" s="8"/>
      <c r="FLY17" s="8"/>
      <c r="FLZ17" s="8"/>
      <c r="FMA17" s="8"/>
      <c r="FMB17" s="8"/>
      <c r="FMC17" s="8"/>
      <c r="FMD17" s="8"/>
      <c r="FME17" s="8"/>
      <c r="FMF17" s="8"/>
      <c r="FMG17" s="8"/>
      <c r="FMH17" s="8"/>
      <c r="FMI17" s="8"/>
      <c r="FMJ17" s="8"/>
      <c r="FMK17" s="8"/>
      <c r="FML17" s="8"/>
      <c r="FMM17" s="8"/>
      <c r="FMN17" s="8"/>
      <c r="FMO17" s="8"/>
      <c r="FMP17" s="8"/>
      <c r="FMQ17" s="8"/>
      <c r="FMR17" s="8"/>
      <c r="FMS17" s="8"/>
      <c r="FMT17" s="8"/>
      <c r="FMU17" s="8"/>
      <c r="FMV17" s="8"/>
      <c r="FMW17" s="8"/>
      <c r="FMX17" s="8"/>
      <c r="FMY17" s="8"/>
      <c r="FMZ17" s="8"/>
      <c r="FNA17" s="8"/>
      <c r="FNB17" s="8"/>
      <c r="FNC17" s="8"/>
      <c r="FND17" s="8"/>
      <c r="FNE17" s="8"/>
      <c r="FNF17" s="8"/>
      <c r="FNG17" s="8"/>
      <c r="FNH17" s="8"/>
      <c r="FNI17" s="8"/>
      <c r="FNJ17" s="8"/>
      <c r="FNK17" s="8"/>
      <c r="FNL17" s="8"/>
      <c r="FNM17" s="8"/>
      <c r="FNN17" s="8"/>
      <c r="FNO17" s="8"/>
      <c r="FNP17" s="8"/>
      <c r="FNQ17" s="8"/>
      <c r="FNR17" s="8"/>
      <c r="FNS17" s="8"/>
      <c r="FNT17" s="8"/>
      <c r="FNU17" s="8"/>
      <c r="FNV17" s="8"/>
      <c r="FNW17" s="8"/>
      <c r="FNX17" s="8"/>
      <c r="FNY17" s="8"/>
      <c r="FNZ17" s="8"/>
      <c r="FOA17" s="8"/>
      <c r="FOB17" s="8"/>
      <c r="FOC17" s="8"/>
      <c r="FOD17" s="8"/>
      <c r="FOE17" s="8"/>
      <c r="FOF17" s="8"/>
      <c r="FOG17" s="8"/>
      <c r="FOH17" s="8"/>
      <c r="FOI17" s="8"/>
      <c r="FOJ17" s="8"/>
      <c r="FOK17" s="8"/>
      <c r="FOL17" s="8"/>
      <c r="FOM17" s="8"/>
      <c r="FON17" s="8"/>
      <c r="FOO17" s="8"/>
      <c r="FOP17" s="8"/>
      <c r="FOQ17" s="8"/>
      <c r="FOR17" s="8"/>
      <c r="FOS17" s="8"/>
      <c r="FOT17" s="8"/>
      <c r="FOU17" s="8"/>
      <c r="FOV17" s="8"/>
      <c r="FOW17" s="8"/>
      <c r="FOX17" s="8"/>
      <c r="FOY17" s="8"/>
      <c r="FOZ17" s="8"/>
      <c r="FPA17" s="8"/>
      <c r="FPB17" s="8"/>
      <c r="FPC17" s="8"/>
      <c r="FPD17" s="8"/>
      <c r="FPE17" s="8"/>
      <c r="FPF17" s="8"/>
      <c r="FPG17" s="8"/>
      <c r="FPH17" s="8"/>
      <c r="FPI17" s="8"/>
      <c r="FPJ17" s="8"/>
      <c r="FPK17" s="8"/>
      <c r="FPL17" s="8"/>
      <c r="FPM17" s="8"/>
      <c r="FPN17" s="8"/>
      <c r="FPO17" s="8"/>
      <c r="FPP17" s="8"/>
      <c r="FPQ17" s="8"/>
      <c r="FPR17" s="8"/>
      <c r="FPS17" s="8"/>
      <c r="FPT17" s="8"/>
      <c r="FPU17" s="8"/>
      <c r="FPV17" s="8"/>
      <c r="FPW17" s="8"/>
      <c r="FPX17" s="8"/>
      <c r="FPY17" s="8"/>
      <c r="FPZ17" s="8"/>
      <c r="FQA17" s="8"/>
      <c r="FQB17" s="8"/>
      <c r="FQC17" s="8"/>
      <c r="FQD17" s="8"/>
      <c r="FQE17" s="8"/>
      <c r="FQF17" s="8"/>
      <c r="FQG17" s="8"/>
      <c r="FQH17" s="8"/>
      <c r="FQI17" s="8"/>
      <c r="FQJ17" s="8"/>
      <c r="FQK17" s="8"/>
      <c r="FQL17" s="8"/>
      <c r="FQM17" s="8"/>
      <c r="FQN17" s="8"/>
      <c r="FQO17" s="8"/>
      <c r="FQP17" s="8"/>
      <c r="FQQ17" s="8"/>
      <c r="FQR17" s="8"/>
      <c r="FQS17" s="8"/>
      <c r="FQT17" s="8"/>
      <c r="FQU17" s="8"/>
      <c r="FQV17" s="8"/>
      <c r="FQW17" s="8"/>
      <c r="FQX17" s="8"/>
      <c r="FQY17" s="8"/>
      <c r="FQZ17" s="8"/>
      <c r="FRA17" s="8"/>
      <c r="FRB17" s="8"/>
      <c r="FRC17" s="8"/>
      <c r="FRD17" s="8"/>
      <c r="FRE17" s="8"/>
      <c r="FRF17" s="8"/>
      <c r="FRG17" s="8"/>
      <c r="FRH17" s="8"/>
      <c r="FRI17" s="8"/>
      <c r="FRJ17" s="8"/>
      <c r="FRK17" s="8"/>
      <c r="FRL17" s="8"/>
      <c r="FRM17" s="8"/>
      <c r="FRN17" s="8"/>
      <c r="FRO17" s="8"/>
      <c r="FRP17" s="8"/>
      <c r="FRQ17" s="8"/>
      <c r="FRR17" s="8"/>
      <c r="FRS17" s="8"/>
      <c r="FRT17" s="8"/>
      <c r="FRU17" s="8"/>
      <c r="FRV17" s="8"/>
      <c r="FRW17" s="8"/>
      <c r="FRX17" s="8"/>
      <c r="FRY17" s="8"/>
      <c r="FRZ17" s="8"/>
      <c r="FSA17" s="8"/>
      <c r="FSB17" s="8"/>
      <c r="FSC17" s="8"/>
      <c r="FSD17" s="8"/>
      <c r="FSE17" s="8"/>
      <c r="FSF17" s="8"/>
      <c r="FSG17" s="8"/>
      <c r="FSH17" s="8"/>
      <c r="FSI17" s="8"/>
      <c r="FSJ17" s="8"/>
      <c r="FSK17" s="8"/>
      <c r="FSL17" s="8"/>
      <c r="FSM17" s="8"/>
      <c r="FSN17" s="8"/>
      <c r="FSO17" s="8"/>
      <c r="FSP17" s="8"/>
      <c r="FSQ17" s="8"/>
      <c r="FSR17" s="8"/>
      <c r="FSS17" s="8"/>
      <c r="FST17" s="8"/>
      <c r="FSU17" s="8"/>
      <c r="FSV17" s="8"/>
      <c r="FSW17" s="8"/>
      <c r="FSX17" s="8"/>
      <c r="FSY17" s="8"/>
      <c r="FSZ17" s="8"/>
      <c r="FTA17" s="8"/>
      <c r="FTB17" s="8"/>
      <c r="FTC17" s="8"/>
      <c r="FTD17" s="8"/>
      <c r="FTE17" s="8"/>
      <c r="FTF17" s="8"/>
      <c r="FTG17" s="8"/>
      <c r="FTH17" s="8"/>
      <c r="FTI17" s="8"/>
      <c r="FTJ17" s="8"/>
      <c r="FTK17" s="8"/>
      <c r="FTL17" s="8"/>
      <c r="FTM17" s="8"/>
      <c r="FTN17" s="8"/>
      <c r="FTO17" s="8"/>
      <c r="FTP17" s="8"/>
      <c r="FTQ17" s="8"/>
      <c r="FTR17" s="8"/>
      <c r="FTS17" s="8"/>
      <c r="FTT17" s="8"/>
      <c r="FTU17" s="8"/>
      <c r="FTV17" s="8"/>
      <c r="FTW17" s="8"/>
      <c r="FTX17" s="8"/>
      <c r="FTY17" s="8"/>
      <c r="FTZ17" s="8"/>
      <c r="FUA17" s="8"/>
      <c r="FUB17" s="8"/>
      <c r="FUC17" s="8"/>
      <c r="FUD17" s="8"/>
      <c r="FUE17" s="8"/>
      <c r="FUF17" s="8"/>
      <c r="FUG17" s="8"/>
      <c r="FUH17" s="8"/>
      <c r="FUI17" s="8"/>
      <c r="FUJ17" s="8"/>
      <c r="FUK17" s="8"/>
      <c r="FUL17" s="8"/>
      <c r="FUM17" s="8"/>
      <c r="FUN17" s="8"/>
      <c r="FUO17" s="8"/>
      <c r="FUP17" s="8"/>
      <c r="FUQ17" s="8"/>
      <c r="FUR17" s="8"/>
      <c r="FUS17" s="8"/>
      <c r="FUT17" s="8"/>
      <c r="FUU17" s="8"/>
      <c r="FUV17" s="8"/>
      <c r="FUW17" s="8"/>
      <c r="FUX17" s="8"/>
      <c r="FUY17" s="8"/>
      <c r="FUZ17" s="8"/>
      <c r="FVA17" s="8"/>
      <c r="FVB17" s="8"/>
      <c r="FVC17" s="8"/>
      <c r="FVD17" s="8"/>
      <c r="FVE17" s="8"/>
      <c r="FVF17" s="8"/>
      <c r="FVG17" s="8"/>
      <c r="FVH17" s="8"/>
      <c r="FVI17" s="8"/>
      <c r="FVJ17" s="8"/>
      <c r="FVK17" s="8"/>
      <c r="FVL17" s="8"/>
      <c r="FVM17" s="8"/>
      <c r="FVN17" s="8"/>
      <c r="FVO17" s="8"/>
      <c r="FVP17" s="8"/>
      <c r="FVQ17" s="8"/>
      <c r="FVR17" s="8"/>
      <c r="FVS17" s="8"/>
      <c r="FVT17" s="8"/>
      <c r="FVU17" s="8"/>
      <c r="FVV17" s="8"/>
      <c r="FVW17" s="8"/>
      <c r="FVX17" s="8"/>
      <c r="FVY17" s="8"/>
      <c r="FVZ17" s="8"/>
      <c r="FWA17" s="8"/>
      <c r="FWB17" s="8"/>
      <c r="FWC17" s="8"/>
      <c r="FWD17" s="8"/>
      <c r="FWE17" s="8"/>
      <c r="FWF17" s="8"/>
      <c r="FWG17" s="8"/>
      <c r="FWH17" s="8"/>
      <c r="FWI17" s="8"/>
      <c r="FWJ17" s="8"/>
      <c r="FWK17" s="8"/>
      <c r="FWL17" s="8"/>
      <c r="FWM17" s="8"/>
      <c r="FWN17" s="8"/>
      <c r="FWO17" s="8"/>
      <c r="FWP17" s="8"/>
      <c r="FWQ17" s="8"/>
      <c r="FWR17" s="8"/>
      <c r="FWS17" s="8"/>
      <c r="FWT17" s="8"/>
      <c r="FWU17" s="8"/>
      <c r="FWV17" s="8"/>
      <c r="FWW17" s="8"/>
      <c r="FWX17" s="8"/>
      <c r="FWY17" s="8"/>
      <c r="FWZ17" s="8"/>
      <c r="FXA17" s="8"/>
      <c r="FXB17" s="8"/>
      <c r="FXC17" s="8"/>
      <c r="FXD17" s="8"/>
      <c r="FXE17" s="8"/>
      <c r="FXF17" s="8"/>
      <c r="FXG17" s="8"/>
      <c r="FXH17" s="8"/>
      <c r="FXI17" s="8"/>
      <c r="FXJ17" s="8"/>
      <c r="FXK17" s="8"/>
      <c r="FXL17" s="8"/>
      <c r="FXM17" s="8"/>
      <c r="FXN17" s="8"/>
      <c r="FXO17" s="8"/>
      <c r="FXP17" s="8"/>
      <c r="FXQ17" s="8"/>
      <c r="FXR17" s="8"/>
      <c r="FXS17" s="8"/>
      <c r="FXT17" s="8"/>
      <c r="FXU17" s="8"/>
      <c r="FXV17" s="8"/>
      <c r="FXW17" s="8"/>
      <c r="FXX17" s="8"/>
      <c r="FXY17" s="8"/>
      <c r="FXZ17" s="8"/>
      <c r="FYA17" s="8"/>
      <c r="FYB17" s="8"/>
      <c r="FYC17" s="8"/>
      <c r="FYD17" s="8"/>
      <c r="FYE17" s="8"/>
      <c r="FYF17" s="8"/>
      <c r="FYG17" s="8"/>
      <c r="FYH17" s="8"/>
      <c r="FYI17" s="8"/>
      <c r="FYJ17" s="8"/>
      <c r="FYK17" s="8"/>
      <c r="FYL17" s="8"/>
      <c r="FYM17" s="8"/>
      <c r="FYN17" s="8"/>
      <c r="FYO17" s="8"/>
      <c r="FYP17" s="8"/>
      <c r="FYQ17" s="8"/>
      <c r="FYR17" s="8"/>
      <c r="FYS17" s="8"/>
      <c r="FYT17" s="8"/>
      <c r="FYU17" s="8"/>
      <c r="FYV17" s="8"/>
      <c r="FYW17" s="8"/>
      <c r="FYX17" s="8"/>
      <c r="FYY17" s="8"/>
      <c r="FYZ17" s="8"/>
      <c r="FZA17" s="8"/>
      <c r="FZB17" s="8"/>
      <c r="FZC17" s="8"/>
      <c r="FZD17" s="8"/>
      <c r="FZE17" s="8"/>
      <c r="FZF17" s="8"/>
      <c r="FZG17" s="8"/>
      <c r="FZH17" s="8"/>
      <c r="FZI17" s="8"/>
      <c r="FZJ17" s="8"/>
      <c r="FZK17" s="8"/>
      <c r="FZL17" s="8"/>
      <c r="FZM17" s="8"/>
      <c r="FZN17" s="8"/>
      <c r="FZO17" s="8"/>
      <c r="FZP17" s="8"/>
      <c r="FZQ17" s="8"/>
      <c r="FZR17" s="8"/>
      <c r="FZS17" s="8"/>
      <c r="FZT17" s="8"/>
      <c r="FZU17" s="8"/>
      <c r="FZV17" s="8"/>
      <c r="FZW17" s="8"/>
      <c r="FZX17" s="8"/>
      <c r="FZY17" s="8"/>
      <c r="FZZ17" s="8"/>
      <c r="GAA17" s="8"/>
      <c r="GAB17" s="8"/>
      <c r="GAC17" s="8"/>
      <c r="GAD17" s="8"/>
      <c r="GAE17" s="8"/>
      <c r="GAF17" s="8"/>
      <c r="GAG17" s="8"/>
      <c r="GAH17" s="8"/>
      <c r="GAI17" s="8"/>
      <c r="GAJ17" s="8"/>
      <c r="GAK17" s="8"/>
      <c r="GAL17" s="8"/>
      <c r="GAM17" s="8"/>
      <c r="GAN17" s="8"/>
      <c r="GAO17" s="8"/>
      <c r="GAP17" s="8"/>
      <c r="GAQ17" s="8"/>
      <c r="GAR17" s="8"/>
      <c r="GAS17" s="8"/>
      <c r="GAT17" s="8"/>
      <c r="GAU17" s="8"/>
      <c r="GAV17" s="8"/>
      <c r="GAW17" s="8"/>
      <c r="GAX17" s="8"/>
      <c r="GAY17" s="8"/>
      <c r="GAZ17" s="8"/>
      <c r="GBA17" s="8"/>
      <c r="GBB17" s="8"/>
      <c r="GBC17" s="8"/>
      <c r="GBD17" s="8"/>
      <c r="GBE17" s="8"/>
      <c r="GBF17" s="8"/>
      <c r="GBG17" s="8"/>
      <c r="GBH17" s="8"/>
      <c r="GBI17" s="8"/>
      <c r="GBJ17" s="8"/>
      <c r="GBK17" s="8"/>
      <c r="GBL17" s="8"/>
      <c r="GBM17" s="8"/>
      <c r="GBN17" s="8"/>
      <c r="GBO17" s="8"/>
      <c r="GBP17" s="8"/>
      <c r="GBQ17" s="8"/>
      <c r="GBR17" s="8"/>
      <c r="GBS17" s="8"/>
      <c r="GBT17" s="8"/>
      <c r="GBU17" s="8"/>
      <c r="GBV17" s="8"/>
      <c r="GBW17" s="8"/>
      <c r="GBX17" s="8"/>
      <c r="GBY17" s="8"/>
      <c r="GBZ17" s="8"/>
      <c r="GCA17" s="8"/>
      <c r="GCB17" s="8"/>
      <c r="GCC17" s="8"/>
      <c r="GCD17" s="8"/>
      <c r="GCE17" s="8"/>
      <c r="GCF17" s="8"/>
      <c r="GCG17" s="8"/>
      <c r="GCH17" s="8"/>
      <c r="GCI17" s="8"/>
      <c r="GCJ17" s="8"/>
      <c r="GCK17" s="8"/>
      <c r="GCL17" s="8"/>
      <c r="GCM17" s="8"/>
      <c r="GCN17" s="8"/>
      <c r="GCO17" s="8"/>
      <c r="GCP17" s="8"/>
      <c r="GCQ17" s="8"/>
      <c r="GCR17" s="8"/>
      <c r="GCS17" s="8"/>
      <c r="GCT17" s="8"/>
      <c r="GCU17" s="8"/>
      <c r="GCV17" s="8"/>
      <c r="GCW17" s="8"/>
      <c r="GCX17" s="8"/>
      <c r="GCY17" s="8"/>
      <c r="GCZ17" s="8"/>
      <c r="GDA17" s="8"/>
      <c r="GDB17" s="8"/>
      <c r="GDC17" s="8"/>
      <c r="GDD17" s="8"/>
      <c r="GDE17" s="8"/>
      <c r="GDF17" s="8"/>
      <c r="GDG17" s="8"/>
      <c r="GDH17" s="8"/>
      <c r="GDI17" s="8"/>
      <c r="GDJ17" s="8"/>
      <c r="GDK17" s="8"/>
      <c r="GDL17" s="8"/>
      <c r="GDM17" s="8"/>
      <c r="GDN17" s="8"/>
      <c r="GDO17" s="8"/>
      <c r="GDP17" s="8"/>
      <c r="GDQ17" s="8"/>
      <c r="GDR17" s="8"/>
      <c r="GDS17" s="8"/>
      <c r="GDT17" s="8"/>
      <c r="GDU17" s="8"/>
      <c r="GDV17" s="8"/>
      <c r="GDW17" s="8"/>
      <c r="GDX17" s="8"/>
      <c r="GDY17" s="8"/>
      <c r="GDZ17" s="8"/>
      <c r="GEA17" s="8"/>
      <c r="GEB17" s="8"/>
      <c r="GEC17" s="8"/>
      <c r="GED17" s="8"/>
      <c r="GEE17" s="8"/>
      <c r="GEF17" s="8"/>
      <c r="GEG17" s="8"/>
      <c r="GEH17" s="8"/>
      <c r="GEI17" s="8"/>
      <c r="GEJ17" s="8"/>
      <c r="GEK17" s="8"/>
      <c r="GEL17" s="8"/>
      <c r="GEM17" s="8"/>
      <c r="GEN17" s="8"/>
      <c r="GEO17" s="8"/>
      <c r="GEP17" s="8"/>
      <c r="GEQ17" s="8"/>
      <c r="GER17" s="8"/>
      <c r="GES17" s="8"/>
      <c r="GET17" s="8"/>
      <c r="GEU17" s="8"/>
      <c r="GEV17" s="8"/>
      <c r="GEW17" s="8"/>
      <c r="GEX17" s="8"/>
      <c r="GEY17" s="8"/>
      <c r="GEZ17" s="8"/>
      <c r="GFA17" s="8"/>
      <c r="GFB17" s="8"/>
      <c r="GFC17" s="8"/>
      <c r="GFD17" s="8"/>
      <c r="GFE17" s="8"/>
      <c r="GFF17" s="8"/>
      <c r="GFG17" s="8"/>
      <c r="GFH17" s="8"/>
      <c r="GFI17" s="8"/>
      <c r="GFJ17" s="8"/>
      <c r="GFK17" s="8"/>
      <c r="GFL17" s="8"/>
      <c r="GFM17" s="8"/>
      <c r="GFN17" s="8"/>
      <c r="GFO17" s="8"/>
      <c r="GFP17" s="8"/>
      <c r="GFQ17" s="8"/>
      <c r="GFR17" s="8"/>
      <c r="GFS17" s="8"/>
      <c r="GFT17" s="8"/>
      <c r="GFU17" s="8"/>
      <c r="GFV17" s="8"/>
      <c r="GFW17" s="8"/>
      <c r="GFX17" s="8"/>
      <c r="GFY17" s="8"/>
      <c r="GFZ17" s="8"/>
      <c r="GGA17" s="8"/>
      <c r="GGB17" s="8"/>
      <c r="GGC17" s="8"/>
      <c r="GGD17" s="8"/>
      <c r="GGE17" s="8"/>
      <c r="GGF17" s="8"/>
      <c r="GGG17" s="8"/>
      <c r="GGH17" s="8"/>
      <c r="GGI17" s="8"/>
      <c r="GGJ17" s="8"/>
      <c r="GGK17" s="8"/>
      <c r="GGL17" s="8"/>
      <c r="GGM17" s="8"/>
      <c r="GGN17" s="8"/>
      <c r="GGO17" s="8"/>
      <c r="GGP17" s="8"/>
      <c r="GGQ17" s="8"/>
      <c r="GGR17" s="8"/>
      <c r="GGS17" s="8"/>
      <c r="GGT17" s="8"/>
      <c r="GGU17" s="8"/>
      <c r="GGV17" s="8"/>
      <c r="GGW17" s="8"/>
      <c r="GGX17" s="8"/>
      <c r="GGY17" s="8"/>
      <c r="GGZ17" s="8"/>
      <c r="GHA17" s="8"/>
      <c r="GHB17" s="8"/>
      <c r="GHC17" s="8"/>
      <c r="GHD17" s="8"/>
      <c r="GHE17" s="8"/>
      <c r="GHF17" s="8"/>
      <c r="GHG17" s="8"/>
      <c r="GHH17" s="8"/>
      <c r="GHI17" s="8"/>
      <c r="GHJ17" s="8"/>
      <c r="GHK17" s="8"/>
      <c r="GHL17" s="8"/>
      <c r="GHM17" s="8"/>
      <c r="GHN17" s="8"/>
      <c r="GHO17" s="8"/>
      <c r="GHP17" s="8"/>
      <c r="GHQ17" s="8"/>
      <c r="GHR17" s="8"/>
      <c r="GHS17" s="8"/>
      <c r="GHT17" s="8"/>
      <c r="GHU17" s="8"/>
      <c r="GHV17" s="8"/>
      <c r="GHW17" s="8"/>
      <c r="GHX17" s="8"/>
      <c r="GHY17" s="8"/>
      <c r="GHZ17" s="8"/>
      <c r="GIA17" s="8"/>
      <c r="GIB17" s="8"/>
      <c r="GIC17" s="8"/>
      <c r="GID17" s="8"/>
      <c r="GIE17" s="8"/>
      <c r="GIF17" s="8"/>
      <c r="GIG17" s="8"/>
      <c r="GIH17" s="8"/>
      <c r="GII17" s="8"/>
      <c r="GIJ17" s="8"/>
      <c r="GIK17" s="8"/>
      <c r="GIL17" s="8"/>
      <c r="GIM17" s="8"/>
      <c r="GIN17" s="8"/>
      <c r="GIO17" s="8"/>
      <c r="GIP17" s="8"/>
      <c r="GIQ17" s="8"/>
      <c r="GIR17" s="8"/>
      <c r="GIS17" s="8"/>
      <c r="GIT17" s="8"/>
      <c r="GIU17" s="8"/>
      <c r="GIV17" s="8"/>
      <c r="GIW17" s="8"/>
      <c r="GIX17" s="8"/>
      <c r="GIY17" s="8"/>
      <c r="GIZ17" s="8"/>
      <c r="GJA17" s="8"/>
      <c r="GJB17" s="8"/>
      <c r="GJC17" s="8"/>
      <c r="GJD17" s="8"/>
      <c r="GJE17" s="8"/>
      <c r="GJF17" s="8"/>
      <c r="GJG17" s="8"/>
      <c r="GJH17" s="8"/>
      <c r="GJI17" s="8"/>
      <c r="GJJ17" s="8"/>
      <c r="GJK17" s="8"/>
      <c r="GJL17" s="8"/>
      <c r="GJM17" s="8"/>
      <c r="GJN17" s="8"/>
      <c r="GJO17" s="8"/>
      <c r="GJP17" s="8"/>
      <c r="GJQ17" s="8"/>
      <c r="GJR17" s="8"/>
      <c r="GJS17" s="8"/>
      <c r="GJT17" s="8"/>
      <c r="GJU17" s="8"/>
      <c r="GJV17" s="8"/>
      <c r="GJW17" s="8"/>
      <c r="GJX17" s="8"/>
      <c r="GJY17" s="8"/>
      <c r="GJZ17" s="8"/>
      <c r="GKA17" s="8"/>
      <c r="GKB17" s="8"/>
      <c r="GKC17" s="8"/>
      <c r="GKD17" s="8"/>
      <c r="GKE17" s="8"/>
      <c r="GKF17" s="8"/>
      <c r="GKG17" s="8"/>
      <c r="GKH17" s="8"/>
      <c r="GKI17" s="8"/>
      <c r="GKJ17" s="8"/>
      <c r="GKK17" s="8"/>
      <c r="GKL17" s="8"/>
      <c r="GKM17" s="8"/>
      <c r="GKN17" s="8"/>
      <c r="GKO17" s="8"/>
      <c r="GKP17" s="8"/>
      <c r="GKQ17" s="8"/>
      <c r="GKR17" s="8"/>
      <c r="GKS17" s="8"/>
      <c r="GKT17" s="8"/>
      <c r="GKU17" s="8"/>
      <c r="GKV17" s="8"/>
      <c r="GKW17" s="8"/>
      <c r="GKX17" s="8"/>
      <c r="GKY17" s="8"/>
      <c r="GKZ17" s="8"/>
      <c r="GLA17" s="8"/>
      <c r="GLB17" s="8"/>
      <c r="GLC17" s="8"/>
      <c r="GLD17" s="8"/>
      <c r="GLE17" s="8"/>
      <c r="GLF17" s="8"/>
      <c r="GLG17" s="8"/>
      <c r="GLH17" s="8"/>
      <c r="GLI17" s="8"/>
      <c r="GLJ17" s="8"/>
      <c r="GLK17" s="8"/>
      <c r="GLL17" s="8"/>
      <c r="GLM17" s="8"/>
      <c r="GLN17" s="8"/>
      <c r="GLO17" s="8"/>
      <c r="GLP17" s="8"/>
      <c r="GLQ17" s="8"/>
      <c r="GLR17" s="8"/>
      <c r="GLS17" s="8"/>
      <c r="GLT17" s="8"/>
      <c r="GLU17" s="8"/>
      <c r="GLV17" s="8"/>
      <c r="GLW17" s="8"/>
      <c r="GLX17" s="8"/>
      <c r="GLY17" s="8"/>
      <c r="GLZ17" s="8"/>
      <c r="GMA17" s="8"/>
      <c r="GMB17" s="8"/>
      <c r="GMC17" s="8"/>
      <c r="GMD17" s="8"/>
      <c r="GME17" s="8"/>
      <c r="GMF17" s="8"/>
      <c r="GMG17" s="8"/>
      <c r="GMH17" s="8"/>
      <c r="GMI17" s="8"/>
      <c r="GMJ17" s="8"/>
      <c r="GMK17" s="8"/>
      <c r="GML17" s="8"/>
      <c r="GMM17" s="8"/>
      <c r="GMN17" s="8"/>
      <c r="GMO17" s="8"/>
      <c r="GMP17" s="8"/>
      <c r="GMQ17" s="8"/>
      <c r="GMR17" s="8"/>
      <c r="GMS17" s="8"/>
      <c r="GMT17" s="8"/>
      <c r="GMU17" s="8"/>
      <c r="GMV17" s="8"/>
      <c r="GMW17" s="8"/>
      <c r="GMX17" s="8"/>
      <c r="GMY17" s="8"/>
      <c r="GMZ17" s="8"/>
      <c r="GNA17" s="8"/>
      <c r="GNB17" s="8"/>
      <c r="GNC17" s="8"/>
      <c r="GND17" s="8"/>
      <c r="GNE17" s="8"/>
      <c r="GNF17" s="8"/>
      <c r="GNG17" s="8"/>
      <c r="GNH17" s="8"/>
      <c r="GNI17" s="8"/>
      <c r="GNJ17" s="8"/>
      <c r="GNK17" s="8"/>
      <c r="GNL17" s="8"/>
      <c r="GNM17" s="8"/>
      <c r="GNN17" s="8"/>
      <c r="GNO17" s="8"/>
      <c r="GNP17" s="8"/>
      <c r="GNQ17" s="8"/>
      <c r="GNR17" s="8"/>
      <c r="GNS17" s="8"/>
      <c r="GNT17" s="8"/>
      <c r="GNU17" s="8"/>
      <c r="GNV17" s="8"/>
      <c r="GNW17" s="8"/>
      <c r="GNX17" s="8"/>
      <c r="GNY17" s="8"/>
      <c r="GNZ17" s="8"/>
      <c r="GOA17" s="8"/>
      <c r="GOB17" s="8"/>
      <c r="GOC17" s="8"/>
      <c r="GOD17" s="8"/>
      <c r="GOE17" s="8"/>
      <c r="GOF17" s="8"/>
      <c r="GOG17" s="8"/>
      <c r="GOH17" s="8"/>
      <c r="GOI17" s="8"/>
      <c r="GOJ17" s="8"/>
      <c r="GOK17" s="8"/>
      <c r="GOL17" s="8"/>
      <c r="GOM17" s="8"/>
      <c r="GON17" s="8"/>
      <c r="GOO17" s="8"/>
      <c r="GOP17" s="8"/>
      <c r="GOQ17" s="8"/>
      <c r="GOR17" s="8"/>
      <c r="GOS17" s="8"/>
      <c r="GOT17" s="8"/>
      <c r="GOU17" s="8"/>
      <c r="GOV17" s="8"/>
      <c r="GOW17" s="8"/>
      <c r="GOX17" s="8"/>
      <c r="GOY17" s="8"/>
      <c r="GOZ17" s="8"/>
      <c r="GPA17" s="8"/>
      <c r="GPB17" s="8"/>
      <c r="GPC17" s="8"/>
      <c r="GPD17" s="8"/>
      <c r="GPE17" s="8"/>
      <c r="GPF17" s="8"/>
      <c r="GPG17" s="8"/>
      <c r="GPH17" s="8"/>
      <c r="GPI17" s="8"/>
      <c r="GPJ17" s="8"/>
      <c r="GPK17" s="8"/>
      <c r="GPL17" s="8"/>
      <c r="GPM17" s="8"/>
      <c r="GPN17" s="8"/>
      <c r="GPO17" s="8"/>
      <c r="GPP17" s="8"/>
      <c r="GPQ17" s="8"/>
      <c r="GPR17" s="8"/>
      <c r="GPS17" s="8"/>
      <c r="GPT17" s="8"/>
      <c r="GPU17" s="8"/>
      <c r="GPV17" s="8"/>
      <c r="GPW17" s="8"/>
      <c r="GPX17" s="8"/>
      <c r="GPY17" s="8"/>
      <c r="GPZ17" s="8"/>
      <c r="GQA17" s="8"/>
      <c r="GQB17" s="8"/>
      <c r="GQC17" s="8"/>
      <c r="GQD17" s="8"/>
      <c r="GQE17" s="8"/>
      <c r="GQF17" s="8"/>
      <c r="GQG17" s="8"/>
      <c r="GQH17" s="8"/>
      <c r="GQI17" s="8"/>
      <c r="GQJ17" s="8"/>
      <c r="GQK17" s="8"/>
      <c r="GQL17" s="8"/>
      <c r="GQM17" s="8"/>
      <c r="GQN17" s="8"/>
      <c r="GQO17" s="8"/>
      <c r="GQP17" s="8"/>
      <c r="GQQ17" s="8"/>
      <c r="GQR17" s="8"/>
      <c r="GQS17" s="8"/>
      <c r="GQT17" s="8"/>
      <c r="GQU17" s="8"/>
      <c r="GQV17" s="8"/>
      <c r="GQW17" s="8"/>
      <c r="GQX17" s="8"/>
      <c r="GQY17" s="8"/>
      <c r="GQZ17" s="8"/>
      <c r="GRA17" s="8"/>
      <c r="GRB17" s="8"/>
      <c r="GRC17" s="8"/>
      <c r="GRD17" s="8"/>
      <c r="GRE17" s="8"/>
      <c r="GRF17" s="8"/>
      <c r="GRG17" s="8"/>
      <c r="GRH17" s="8"/>
      <c r="GRI17" s="8"/>
      <c r="GRJ17" s="8"/>
      <c r="GRK17" s="8"/>
      <c r="GRL17" s="8"/>
      <c r="GRM17" s="8"/>
      <c r="GRN17" s="8"/>
      <c r="GRO17" s="8"/>
      <c r="GRP17" s="8"/>
      <c r="GRQ17" s="8"/>
      <c r="GRR17" s="8"/>
      <c r="GRS17" s="8"/>
      <c r="GRT17" s="8"/>
      <c r="GRU17" s="8"/>
      <c r="GRV17" s="8"/>
      <c r="GRW17" s="8"/>
      <c r="GRX17" s="8"/>
      <c r="GRY17" s="8"/>
      <c r="GRZ17" s="8"/>
      <c r="GSA17" s="8"/>
      <c r="GSB17" s="8"/>
      <c r="GSC17" s="8"/>
      <c r="GSD17" s="8"/>
      <c r="GSE17" s="8"/>
      <c r="GSF17" s="8"/>
      <c r="GSG17" s="8"/>
      <c r="GSH17" s="8"/>
      <c r="GSI17" s="8"/>
      <c r="GSJ17" s="8"/>
      <c r="GSK17" s="8"/>
      <c r="GSL17" s="8"/>
      <c r="GSM17" s="8"/>
      <c r="GSN17" s="8"/>
      <c r="GSO17" s="8"/>
      <c r="GSP17" s="8"/>
      <c r="GSQ17" s="8"/>
      <c r="GSR17" s="8"/>
      <c r="GSS17" s="8"/>
      <c r="GST17" s="8"/>
      <c r="GSU17" s="8"/>
      <c r="GSV17" s="8"/>
      <c r="GSW17" s="8"/>
      <c r="GSX17" s="8"/>
      <c r="GSY17" s="8"/>
      <c r="GSZ17" s="8"/>
      <c r="GTA17" s="8"/>
      <c r="GTB17" s="8"/>
      <c r="GTC17" s="8"/>
      <c r="GTD17" s="8"/>
      <c r="GTE17" s="8"/>
      <c r="GTF17" s="8"/>
      <c r="GTG17" s="8"/>
      <c r="GTH17" s="8"/>
      <c r="GTI17" s="8"/>
      <c r="GTJ17" s="8"/>
      <c r="GTK17" s="8"/>
      <c r="GTL17" s="8"/>
      <c r="GTM17" s="8"/>
      <c r="GTN17" s="8"/>
      <c r="GTO17" s="8"/>
      <c r="GTP17" s="8"/>
      <c r="GTQ17" s="8"/>
      <c r="GTR17" s="8"/>
      <c r="GTS17" s="8"/>
      <c r="GTT17" s="8"/>
      <c r="GTU17" s="8"/>
      <c r="GTV17" s="8"/>
      <c r="GTW17" s="8"/>
      <c r="GTX17" s="8"/>
      <c r="GTY17" s="8"/>
      <c r="GTZ17" s="8"/>
      <c r="GUA17" s="8"/>
      <c r="GUB17" s="8"/>
      <c r="GUC17" s="8"/>
      <c r="GUD17" s="8"/>
      <c r="GUE17" s="8"/>
      <c r="GUF17" s="8"/>
      <c r="GUG17" s="8"/>
      <c r="GUH17" s="8"/>
      <c r="GUI17" s="8"/>
      <c r="GUJ17" s="8"/>
      <c r="GUK17" s="8"/>
      <c r="GUL17" s="8"/>
      <c r="GUM17" s="8"/>
      <c r="GUN17" s="8"/>
      <c r="GUO17" s="8"/>
      <c r="GUP17" s="8"/>
      <c r="GUQ17" s="8"/>
      <c r="GUR17" s="8"/>
      <c r="GUS17" s="8"/>
      <c r="GUT17" s="8"/>
      <c r="GUU17" s="8"/>
      <c r="GUV17" s="8"/>
      <c r="GUW17" s="8"/>
      <c r="GUX17" s="8"/>
      <c r="GUY17" s="8"/>
      <c r="GUZ17" s="8"/>
      <c r="GVA17" s="8"/>
      <c r="GVB17" s="8"/>
      <c r="GVC17" s="8"/>
      <c r="GVD17" s="8"/>
      <c r="GVE17" s="8"/>
      <c r="GVF17" s="8"/>
      <c r="GVG17" s="8"/>
      <c r="GVH17" s="8"/>
      <c r="GVI17" s="8"/>
      <c r="GVJ17" s="8"/>
      <c r="GVK17" s="8"/>
      <c r="GVL17" s="8"/>
      <c r="GVM17" s="8"/>
      <c r="GVN17" s="8"/>
      <c r="GVO17" s="8"/>
      <c r="GVP17" s="8"/>
      <c r="GVQ17" s="8"/>
      <c r="GVR17" s="8"/>
      <c r="GVS17" s="8"/>
      <c r="GVT17" s="8"/>
      <c r="GVU17" s="8"/>
      <c r="GVV17" s="8"/>
      <c r="GVW17" s="8"/>
      <c r="GVX17" s="8"/>
      <c r="GVY17" s="8"/>
      <c r="GVZ17" s="8"/>
      <c r="GWA17" s="8"/>
      <c r="GWB17" s="8"/>
      <c r="GWC17" s="8"/>
      <c r="GWD17" s="8"/>
      <c r="GWE17" s="8"/>
      <c r="GWF17" s="8"/>
      <c r="GWG17" s="8"/>
      <c r="GWH17" s="8"/>
      <c r="GWI17" s="8"/>
      <c r="GWJ17" s="8"/>
      <c r="GWK17" s="8"/>
      <c r="GWL17" s="8"/>
      <c r="GWM17" s="8"/>
      <c r="GWN17" s="8"/>
      <c r="GWO17" s="8"/>
      <c r="GWP17" s="8"/>
      <c r="GWQ17" s="8"/>
      <c r="GWR17" s="8"/>
      <c r="GWS17" s="8"/>
      <c r="GWT17" s="8"/>
      <c r="GWU17" s="8"/>
      <c r="GWV17" s="8"/>
      <c r="GWW17" s="8"/>
      <c r="GWX17" s="8"/>
      <c r="GWY17" s="8"/>
      <c r="GWZ17" s="8"/>
      <c r="GXA17" s="8"/>
      <c r="GXB17" s="8"/>
      <c r="GXC17" s="8"/>
      <c r="GXD17" s="8"/>
      <c r="GXE17" s="8"/>
      <c r="GXF17" s="8"/>
      <c r="GXG17" s="8"/>
      <c r="GXH17" s="8"/>
      <c r="GXI17" s="8"/>
      <c r="GXJ17" s="8"/>
      <c r="GXK17" s="8"/>
      <c r="GXL17" s="8"/>
      <c r="GXM17" s="8"/>
      <c r="GXN17" s="8"/>
      <c r="GXO17" s="8"/>
      <c r="GXP17" s="8"/>
      <c r="GXQ17" s="8"/>
      <c r="GXR17" s="8"/>
      <c r="GXS17" s="8"/>
      <c r="GXT17" s="8"/>
      <c r="GXU17" s="8"/>
      <c r="GXV17" s="8"/>
      <c r="GXW17" s="8"/>
      <c r="GXX17" s="8"/>
      <c r="GXY17" s="8"/>
      <c r="GXZ17" s="8"/>
      <c r="GYA17" s="8"/>
      <c r="GYB17" s="8"/>
      <c r="GYC17" s="8"/>
      <c r="GYD17" s="8"/>
      <c r="GYE17" s="8"/>
      <c r="GYF17" s="8"/>
      <c r="GYG17" s="8"/>
      <c r="GYH17" s="8"/>
      <c r="GYI17" s="8"/>
      <c r="GYJ17" s="8"/>
      <c r="GYK17" s="8"/>
      <c r="GYL17" s="8"/>
      <c r="GYM17" s="8"/>
      <c r="GYN17" s="8"/>
      <c r="GYO17" s="8"/>
      <c r="GYP17" s="8"/>
      <c r="GYQ17" s="8"/>
      <c r="GYR17" s="8"/>
      <c r="GYS17" s="8"/>
      <c r="GYT17" s="8"/>
      <c r="GYU17" s="8"/>
      <c r="GYV17" s="8"/>
      <c r="GYW17" s="8"/>
      <c r="GYX17" s="8"/>
      <c r="GYY17" s="8"/>
      <c r="GYZ17" s="8"/>
      <c r="GZA17" s="8"/>
      <c r="GZB17" s="8"/>
      <c r="GZC17" s="8"/>
      <c r="GZD17" s="8"/>
      <c r="GZE17" s="8"/>
      <c r="GZF17" s="8"/>
      <c r="GZG17" s="8"/>
      <c r="GZH17" s="8"/>
      <c r="GZI17" s="8"/>
      <c r="GZJ17" s="8"/>
      <c r="GZK17" s="8"/>
      <c r="GZL17" s="8"/>
      <c r="GZM17" s="8"/>
      <c r="GZN17" s="8"/>
      <c r="GZO17" s="8"/>
      <c r="GZP17" s="8"/>
      <c r="GZQ17" s="8"/>
      <c r="GZR17" s="8"/>
      <c r="GZS17" s="8"/>
      <c r="GZT17" s="8"/>
      <c r="GZU17" s="8"/>
      <c r="GZV17" s="8"/>
      <c r="GZW17" s="8"/>
      <c r="GZX17" s="8"/>
      <c r="GZY17" s="8"/>
      <c r="GZZ17" s="8"/>
      <c r="HAA17" s="8"/>
      <c r="HAB17" s="8"/>
      <c r="HAC17" s="8"/>
      <c r="HAD17" s="8"/>
      <c r="HAE17" s="8"/>
      <c r="HAF17" s="8"/>
      <c r="HAG17" s="8"/>
      <c r="HAH17" s="8"/>
      <c r="HAI17" s="8"/>
      <c r="HAJ17" s="8"/>
      <c r="HAK17" s="8"/>
      <c r="HAL17" s="8"/>
      <c r="HAM17" s="8"/>
      <c r="HAN17" s="8"/>
      <c r="HAO17" s="8"/>
      <c r="HAP17" s="8"/>
      <c r="HAQ17" s="8"/>
      <c r="HAR17" s="8"/>
      <c r="HAS17" s="8"/>
      <c r="HAT17" s="8"/>
      <c r="HAU17" s="8"/>
      <c r="HAV17" s="8"/>
      <c r="HAW17" s="8"/>
      <c r="HAX17" s="8"/>
      <c r="HAY17" s="8"/>
      <c r="HAZ17" s="8"/>
      <c r="HBA17" s="8"/>
      <c r="HBB17" s="8"/>
      <c r="HBC17" s="8"/>
      <c r="HBD17" s="8"/>
      <c r="HBE17" s="8"/>
      <c r="HBF17" s="8"/>
      <c r="HBG17" s="8"/>
      <c r="HBH17" s="8"/>
      <c r="HBI17" s="8"/>
      <c r="HBJ17" s="8"/>
      <c r="HBK17" s="8"/>
      <c r="HBL17" s="8"/>
      <c r="HBM17" s="8"/>
      <c r="HBN17" s="8"/>
      <c r="HBO17" s="8"/>
      <c r="HBP17" s="8"/>
      <c r="HBQ17" s="8"/>
      <c r="HBR17" s="8"/>
      <c r="HBS17" s="8"/>
      <c r="HBT17" s="8"/>
      <c r="HBU17" s="8"/>
      <c r="HBV17" s="8"/>
      <c r="HBW17" s="8"/>
      <c r="HBX17" s="8"/>
      <c r="HBY17" s="8"/>
      <c r="HBZ17" s="8"/>
      <c r="HCA17" s="8"/>
      <c r="HCB17" s="8"/>
      <c r="HCC17" s="8"/>
      <c r="HCD17" s="8"/>
      <c r="HCE17" s="8"/>
      <c r="HCF17" s="8"/>
      <c r="HCG17" s="8"/>
      <c r="HCH17" s="8"/>
      <c r="HCI17" s="8"/>
      <c r="HCJ17" s="8"/>
      <c r="HCK17" s="8"/>
      <c r="HCL17" s="8"/>
      <c r="HCM17" s="8"/>
      <c r="HCN17" s="8"/>
      <c r="HCO17" s="8"/>
      <c r="HCP17" s="8"/>
      <c r="HCQ17" s="8"/>
      <c r="HCR17" s="8"/>
      <c r="HCS17" s="8"/>
      <c r="HCT17" s="8"/>
      <c r="HCU17" s="8"/>
      <c r="HCV17" s="8"/>
      <c r="HCW17" s="8"/>
      <c r="HCX17" s="8"/>
      <c r="HCY17" s="8"/>
      <c r="HCZ17" s="8"/>
      <c r="HDA17" s="8"/>
      <c r="HDB17" s="8"/>
      <c r="HDC17" s="8"/>
      <c r="HDD17" s="8"/>
      <c r="HDE17" s="8"/>
      <c r="HDF17" s="8"/>
      <c r="HDG17" s="8"/>
      <c r="HDH17" s="8"/>
      <c r="HDI17" s="8"/>
      <c r="HDJ17" s="8"/>
      <c r="HDK17" s="8"/>
      <c r="HDL17" s="8"/>
      <c r="HDM17" s="8"/>
      <c r="HDN17" s="8"/>
      <c r="HDO17" s="8"/>
      <c r="HDP17" s="8"/>
      <c r="HDQ17" s="8"/>
      <c r="HDR17" s="8"/>
      <c r="HDS17" s="8"/>
      <c r="HDT17" s="8"/>
      <c r="HDU17" s="8"/>
      <c r="HDV17" s="8"/>
      <c r="HDW17" s="8"/>
      <c r="HDX17" s="8"/>
      <c r="HDY17" s="8"/>
      <c r="HDZ17" s="8"/>
      <c r="HEA17" s="8"/>
      <c r="HEB17" s="8"/>
      <c r="HEC17" s="8"/>
      <c r="HED17" s="8"/>
      <c r="HEE17" s="8"/>
      <c r="HEF17" s="8"/>
      <c r="HEG17" s="8"/>
      <c r="HEH17" s="8"/>
      <c r="HEI17" s="8"/>
      <c r="HEJ17" s="8"/>
      <c r="HEK17" s="8"/>
      <c r="HEL17" s="8"/>
      <c r="HEM17" s="8"/>
      <c r="HEN17" s="8"/>
      <c r="HEO17" s="8"/>
      <c r="HEP17" s="8"/>
      <c r="HEQ17" s="8"/>
      <c r="HER17" s="8"/>
      <c r="HES17" s="8"/>
      <c r="HET17" s="8"/>
      <c r="HEU17" s="8"/>
      <c r="HEV17" s="8"/>
      <c r="HEW17" s="8"/>
      <c r="HEX17" s="8"/>
      <c r="HEY17" s="8"/>
      <c r="HEZ17" s="8"/>
      <c r="HFA17" s="8"/>
      <c r="HFB17" s="8"/>
      <c r="HFC17" s="8"/>
      <c r="HFD17" s="8"/>
      <c r="HFE17" s="8"/>
      <c r="HFF17" s="8"/>
      <c r="HFG17" s="8"/>
      <c r="HFH17" s="8"/>
      <c r="HFI17" s="8"/>
      <c r="HFJ17" s="8"/>
      <c r="HFK17" s="8"/>
      <c r="HFL17" s="8"/>
      <c r="HFM17" s="8"/>
      <c r="HFN17" s="8"/>
      <c r="HFO17" s="8"/>
      <c r="HFP17" s="8"/>
      <c r="HFQ17" s="8"/>
      <c r="HFR17" s="8"/>
      <c r="HFS17" s="8"/>
      <c r="HFT17" s="8"/>
      <c r="HFU17" s="8"/>
      <c r="HFV17" s="8"/>
      <c r="HFW17" s="8"/>
      <c r="HFX17" s="8"/>
      <c r="HFY17" s="8"/>
      <c r="HFZ17" s="8"/>
      <c r="HGA17" s="8"/>
      <c r="HGB17" s="8"/>
      <c r="HGC17" s="8"/>
      <c r="HGD17" s="8"/>
      <c r="HGE17" s="8"/>
      <c r="HGF17" s="8"/>
      <c r="HGG17" s="8"/>
      <c r="HGH17" s="8"/>
      <c r="HGI17" s="8"/>
      <c r="HGJ17" s="8"/>
      <c r="HGK17" s="8"/>
      <c r="HGL17" s="8"/>
      <c r="HGM17" s="8"/>
      <c r="HGN17" s="8"/>
      <c r="HGO17" s="8"/>
      <c r="HGP17" s="8"/>
      <c r="HGQ17" s="8"/>
      <c r="HGR17" s="8"/>
      <c r="HGS17" s="8"/>
      <c r="HGT17" s="8"/>
      <c r="HGU17" s="8"/>
      <c r="HGV17" s="8"/>
      <c r="HGW17" s="8"/>
      <c r="HGX17" s="8"/>
      <c r="HGY17" s="8"/>
      <c r="HGZ17" s="8"/>
      <c r="HHA17" s="8"/>
      <c r="HHB17" s="8"/>
      <c r="HHC17" s="8"/>
      <c r="HHD17" s="8"/>
      <c r="HHE17" s="8"/>
      <c r="HHF17" s="8"/>
      <c r="HHG17" s="8"/>
      <c r="HHH17" s="8"/>
      <c r="HHI17" s="8"/>
      <c r="HHJ17" s="8"/>
      <c r="HHK17" s="8"/>
      <c r="HHL17" s="8"/>
      <c r="HHM17" s="8"/>
      <c r="HHN17" s="8"/>
      <c r="HHO17" s="8"/>
      <c r="HHP17" s="8"/>
      <c r="HHQ17" s="8"/>
      <c r="HHR17" s="8"/>
      <c r="HHS17" s="8"/>
      <c r="HHT17" s="8"/>
      <c r="HHU17" s="8"/>
      <c r="HHV17" s="8"/>
      <c r="HHW17" s="8"/>
      <c r="HHX17" s="8"/>
      <c r="HHY17" s="8"/>
      <c r="HHZ17" s="8"/>
      <c r="HIA17" s="8"/>
      <c r="HIB17" s="8"/>
      <c r="HIC17" s="8"/>
      <c r="HID17" s="8"/>
      <c r="HIE17" s="8"/>
      <c r="HIF17" s="8"/>
      <c r="HIG17" s="8"/>
      <c r="HIH17" s="8"/>
      <c r="HII17" s="8"/>
      <c r="HIJ17" s="8"/>
      <c r="HIK17" s="8"/>
      <c r="HIL17" s="8"/>
      <c r="HIM17" s="8"/>
      <c r="HIN17" s="8"/>
      <c r="HIO17" s="8"/>
      <c r="HIP17" s="8"/>
      <c r="HIQ17" s="8"/>
      <c r="HIR17" s="8"/>
      <c r="HIS17" s="8"/>
      <c r="HIT17" s="8"/>
      <c r="HIU17" s="8"/>
      <c r="HIV17" s="8"/>
      <c r="HIW17" s="8"/>
      <c r="HIX17" s="8"/>
      <c r="HIY17" s="8"/>
      <c r="HIZ17" s="8"/>
      <c r="HJA17" s="8"/>
      <c r="HJB17" s="8"/>
      <c r="HJC17" s="8"/>
      <c r="HJD17" s="8"/>
      <c r="HJE17" s="8"/>
      <c r="HJF17" s="8"/>
      <c r="HJG17" s="8"/>
      <c r="HJH17" s="8"/>
      <c r="HJI17" s="8"/>
      <c r="HJJ17" s="8"/>
      <c r="HJK17" s="8"/>
      <c r="HJL17" s="8"/>
      <c r="HJM17" s="8"/>
      <c r="HJN17" s="8"/>
      <c r="HJO17" s="8"/>
      <c r="HJP17" s="8"/>
      <c r="HJQ17" s="8"/>
      <c r="HJR17" s="8"/>
      <c r="HJS17" s="8"/>
      <c r="HJT17" s="8"/>
      <c r="HJU17" s="8"/>
      <c r="HJV17" s="8"/>
      <c r="HJW17" s="8"/>
      <c r="HJX17" s="8"/>
      <c r="HJY17" s="8"/>
      <c r="HJZ17" s="8"/>
      <c r="HKA17" s="8"/>
      <c r="HKB17" s="8"/>
      <c r="HKC17" s="8"/>
      <c r="HKD17" s="8"/>
      <c r="HKE17" s="8"/>
      <c r="HKF17" s="8"/>
      <c r="HKG17" s="8"/>
      <c r="HKH17" s="8"/>
      <c r="HKI17" s="8"/>
      <c r="HKJ17" s="8"/>
      <c r="HKK17" s="8"/>
      <c r="HKL17" s="8"/>
      <c r="HKM17" s="8"/>
      <c r="HKN17" s="8"/>
      <c r="HKO17" s="8"/>
      <c r="HKP17" s="8"/>
      <c r="HKQ17" s="8"/>
      <c r="HKR17" s="8"/>
      <c r="HKS17" s="8"/>
      <c r="HKT17" s="8"/>
      <c r="HKU17" s="8"/>
      <c r="HKV17" s="8"/>
      <c r="HKW17" s="8"/>
      <c r="HKX17" s="8"/>
      <c r="HKY17" s="8"/>
      <c r="HKZ17" s="8"/>
      <c r="HLA17" s="8"/>
      <c r="HLB17" s="8"/>
      <c r="HLC17" s="8"/>
      <c r="HLD17" s="8"/>
      <c r="HLE17" s="8"/>
      <c r="HLF17" s="8"/>
      <c r="HLG17" s="8"/>
      <c r="HLH17" s="8"/>
      <c r="HLI17" s="8"/>
      <c r="HLJ17" s="8"/>
      <c r="HLK17" s="8"/>
      <c r="HLL17" s="8"/>
      <c r="HLM17" s="8"/>
      <c r="HLN17" s="8"/>
      <c r="HLO17" s="8"/>
      <c r="HLP17" s="8"/>
      <c r="HLQ17" s="8"/>
      <c r="HLR17" s="8"/>
      <c r="HLS17" s="8"/>
      <c r="HLT17" s="8"/>
      <c r="HLU17" s="8"/>
      <c r="HLV17" s="8"/>
      <c r="HLW17" s="8"/>
      <c r="HLX17" s="8"/>
      <c r="HLY17" s="8"/>
      <c r="HLZ17" s="8"/>
      <c r="HMA17" s="8"/>
      <c r="HMB17" s="8"/>
      <c r="HMC17" s="8"/>
      <c r="HMD17" s="8"/>
      <c r="HME17" s="8"/>
      <c r="HMF17" s="8"/>
      <c r="HMG17" s="8"/>
      <c r="HMH17" s="8"/>
      <c r="HMI17" s="8"/>
      <c r="HMJ17" s="8"/>
      <c r="HMK17" s="8"/>
      <c r="HML17" s="8"/>
      <c r="HMM17" s="8"/>
      <c r="HMN17" s="8"/>
      <c r="HMO17" s="8"/>
      <c r="HMP17" s="8"/>
      <c r="HMQ17" s="8"/>
      <c r="HMR17" s="8"/>
      <c r="HMS17" s="8"/>
      <c r="HMT17" s="8"/>
      <c r="HMU17" s="8"/>
      <c r="HMV17" s="8"/>
      <c r="HMW17" s="8"/>
      <c r="HMX17" s="8"/>
      <c r="HMY17" s="8"/>
      <c r="HMZ17" s="8"/>
      <c r="HNA17" s="8"/>
      <c r="HNB17" s="8"/>
      <c r="HNC17" s="8"/>
      <c r="HND17" s="8"/>
      <c r="HNE17" s="8"/>
      <c r="HNF17" s="8"/>
      <c r="HNG17" s="8"/>
      <c r="HNH17" s="8"/>
      <c r="HNI17" s="8"/>
      <c r="HNJ17" s="8"/>
      <c r="HNK17" s="8"/>
      <c r="HNL17" s="8"/>
      <c r="HNM17" s="8"/>
      <c r="HNN17" s="8"/>
      <c r="HNO17" s="8"/>
      <c r="HNP17" s="8"/>
      <c r="HNQ17" s="8"/>
      <c r="HNR17" s="8"/>
      <c r="HNS17" s="8"/>
      <c r="HNT17" s="8"/>
      <c r="HNU17" s="8"/>
      <c r="HNV17" s="8"/>
      <c r="HNW17" s="8"/>
      <c r="HNX17" s="8"/>
      <c r="HNY17" s="8"/>
      <c r="HNZ17" s="8"/>
      <c r="HOA17" s="8"/>
      <c r="HOB17" s="8"/>
      <c r="HOC17" s="8"/>
      <c r="HOD17" s="8"/>
      <c r="HOE17" s="8"/>
      <c r="HOF17" s="8"/>
      <c r="HOG17" s="8"/>
      <c r="HOH17" s="8"/>
      <c r="HOI17" s="8"/>
      <c r="HOJ17" s="8"/>
      <c r="HOK17" s="8"/>
      <c r="HOL17" s="8"/>
      <c r="HOM17" s="8"/>
      <c r="HON17" s="8"/>
      <c r="HOO17" s="8"/>
      <c r="HOP17" s="8"/>
      <c r="HOQ17" s="8"/>
      <c r="HOR17" s="8"/>
      <c r="HOS17" s="8"/>
      <c r="HOT17" s="8"/>
      <c r="HOU17" s="8"/>
      <c r="HOV17" s="8"/>
      <c r="HOW17" s="8"/>
      <c r="HOX17" s="8"/>
      <c r="HOY17" s="8"/>
      <c r="HOZ17" s="8"/>
      <c r="HPA17" s="8"/>
      <c r="HPB17" s="8"/>
      <c r="HPC17" s="8"/>
      <c r="HPD17" s="8"/>
      <c r="HPE17" s="8"/>
      <c r="HPF17" s="8"/>
      <c r="HPG17" s="8"/>
      <c r="HPH17" s="8"/>
      <c r="HPI17" s="8"/>
      <c r="HPJ17" s="8"/>
      <c r="HPK17" s="8"/>
      <c r="HPL17" s="8"/>
      <c r="HPM17" s="8"/>
      <c r="HPN17" s="8"/>
      <c r="HPO17" s="8"/>
      <c r="HPP17" s="8"/>
      <c r="HPQ17" s="8"/>
      <c r="HPR17" s="8"/>
      <c r="HPS17" s="8"/>
      <c r="HPT17" s="8"/>
      <c r="HPU17" s="8"/>
      <c r="HPV17" s="8"/>
      <c r="HPW17" s="8"/>
      <c r="HPX17" s="8"/>
      <c r="HPY17" s="8"/>
      <c r="HPZ17" s="8"/>
      <c r="HQA17" s="8"/>
      <c r="HQB17" s="8"/>
      <c r="HQC17" s="8"/>
      <c r="HQD17" s="8"/>
      <c r="HQE17" s="8"/>
      <c r="HQF17" s="8"/>
      <c r="HQG17" s="8"/>
      <c r="HQH17" s="8"/>
      <c r="HQI17" s="8"/>
      <c r="HQJ17" s="8"/>
      <c r="HQK17" s="8"/>
      <c r="HQL17" s="8"/>
      <c r="HQM17" s="8"/>
      <c r="HQN17" s="8"/>
      <c r="HQO17" s="8"/>
      <c r="HQP17" s="8"/>
      <c r="HQQ17" s="8"/>
      <c r="HQR17" s="8"/>
      <c r="HQS17" s="8"/>
      <c r="HQT17" s="8"/>
      <c r="HQU17" s="8"/>
      <c r="HQV17" s="8"/>
      <c r="HQW17" s="8"/>
      <c r="HQX17" s="8"/>
      <c r="HQY17" s="8"/>
      <c r="HQZ17" s="8"/>
      <c r="HRA17" s="8"/>
      <c r="HRB17" s="8"/>
      <c r="HRC17" s="8"/>
      <c r="HRD17" s="8"/>
      <c r="HRE17" s="8"/>
      <c r="HRF17" s="8"/>
      <c r="HRG17" s="8"/>
      <c r="HRH17" s="8"/>
      <c r="HRI17" s="8"/>
      <c r="HRJ17" s="8"/>
      <c r="HRK17" s="8"/>
      <c r="HRL17" s="8"/>
      <c r="HRM17" s="8"/>
      <c r="HRN17" s="8"/>
      <c r="HRO17" s="8"/>
      <c r="HRP17" s="8"/>
      <c r="HRQ17" s="8"/>
      <c r="HRR17" s="8"/>
      <c r="HRS17" s="8"/>
      <c r="HRT17" s="8"/>
      <c r="HRU17" s="8"/>
      <c r="HRV17" s="8"/>
      <c r="HRW17" s="8"/>
      <c r="HRX17" s="8"/>
      <c r="HRY17" s="8"/>
      <c r="HRZ17" s="8"/>
      <c r="HSA17" s="8"/>
      <c r="HSB17" s="8"/>
      <c r="HSC17" s="8"/>
      <c r="HSD17" s="8"/>
      <c r="HSE17" s="8"/>
      <c r="HSF17" s="8"/>
      <c r="HSG17" s="8"/>
      <c r="HSH17" s="8"/>
      <c r="HSI17" s="8"/>
      <c r="HSJ17" s="8"/>
      <c r="HSK17" s="8"/>
      <c r="HSL17" s="8"/>
      <c r="HSM17" s="8"/>
      <c r="HSN17" s="8"/>
      <c r="HSO17" s="8"/>
      <c r="HSP17" s="8"/>
      <c r="HSQ17" s="8"/>
      <c r="HSR17" s="8"/>
      <c r="HSS17" s="8"/>
      <c r="HST17" s="8"/>
      <c r="HSU17" s="8"/>
      <c r="HSV17" s="8"/>
      <c r="HSW17" s="8"/>
      <c r="HSX17" s="8"/>
      <c r="HSY17" s="8"/>
      <c r="HSZ17" s="8"/>
      <c r="HTA17" s="8"/>
      <c r="HTB17" s="8"/>
      <c r="HTC17" s="8"/>
      <c r="HTD17" s="8"/>
      <c r="HTE17" s="8"/>
      <c r="HTF17" s="8"/>
      <c r="HTG17" s="8"/>
      <c r="HTH17" s="8"/>
      <c r="HTI17" s="8"/>
      <c r="HTJ17" s="8"/>
      <c r="HTK17" s="8"/>
      <c r="HTL17" s="8"/>
      <c r="HTM17" s="8"/>
      <c r="HTN17" s="8"/>
      <c r="HTO17" s="8"/>
      <c r="HTP17" s="8"/>
      <c r="HTQ17" s="8"/>
      <c r="HTR17" s="8"/>
      <c r="HTS17" s="8"/>
      <c r="HTT17" s="8"/>
      <c r="HTU17" s="8"/>
      <c r="HTV17" s="8"/>
      <c r="HTW17" s="8"/>
      <c r="HTX17" s="8"/>
      <c r="HTY17" s="8"/>
      <c r="HTZ17" s="8"/>
      <c r="HUA17" s="8"/>
      <c r="HUB17" s="8"/>
      <c r="HUC17" s="8"/>
      <c r="HUD17" s="8"/>
      <c r="HUE17" s="8"/>
      <c r="HUF17" s="8"/>
      <c r="HUG17" s="8"/>
      <c r="HUH17" s="8"/>
      <c r="HUI17" s="8"/>
      <c r="HUJ17" s="8"/>
      <c r="HUK17" s="8"/>
      <c r="HUL17" s="8"/>
      <c r="HUM17" s="8"/>
      <c r="HUN17" s="8"/>
      <c r="HUO17" s="8"/>
      <c r="HUP17" s="8"/>
      <c r="HUQ17" s="8"/>
      <c r="HUR17" s="8"/>
      <c r="HUS17" s="8"/>
      <c r="HUT17" s="8"/>
      <c r="HUU17" s="8"/>
      <c r="HUV17" s="8"/>
      <c r="HUW17" s="8"/>
      <c r="HUX17" s="8"/>
      <c r="HUY17" s="8"/>
      <c r="HUZ17" s="8"/>
      <c r="HVA17" s="8"/>
      <c r="HVB17" s="8"/>
      <c r="HVC17" s="8"/>
      <c r="HVD17" s="8"/>
      <c r="HVE17" s="8"/>
      <c r="HVF17" s="8"/>
      <c r="HVG17" s="8"/>
      <c r="HVH17" s="8"/>
      <c r="HVI17" s="8"/>
      <c r="HVJ17" s="8"/>
      <c r="HVK17" s="8"/>
      <c r="HVL17" s="8"/>
      <c r="HVM17" s="8"/>
      <c r="HVN17" s="8"/>
      <c r="HVO17" s="8"/>
      <c r="HVP17" s="8"/>
      <c r="HVQ17" s="8"/>
      <c r="HVR17" s="8"/>
      <c r="HVS17" s="8"/>
      <c r="HVT17" s="8"/>
      <c r="HVU17" s="8"/>
      <c r="HVV17" s="8"/>
      <c r="HVW17" s="8"/>
      <c r="HVX17" s="8"/>
      <c r="HVY17" s="8"/>
      <c r="HVZ17" s="8"/>
      <c r="HWA17" s="8"/>
      <c r="HWB17" s="8"/>
      <c r="HWC17" s="8"/>
      <c r="HWD17" s="8"/>
      <c r="HWE17" s="8"/>
      <c r="HWF17" s="8"/>
      <c r="HWG17" s="8"/>
      <c r="HWH17" s="8"/>
      <c r="HWI17" s="8"/>
      <c r="HWJ17" s="8"/>
      <c r="HWK17" s="8"/>
      <c r="HWL17" s="8"/>
      <c r="HWM17" s="8"/>
      <c r="HWN17" s="8"/>
      <c r="HWO17" s="8"/>
      <c r="HWP17" s="8"/>
      <c r="HWQ17" s="8"/>
      <c r="HWR17" s="8"/>
      <c r="HWS17" s="8"/>
      <c r="HWT17" s="8"/>
      <c r="HWU17" s="8"/>
      <c r="HWV17" s="8"/>
      <c r="HWW17" s="8"/>
      <c r="HWX17" s="8"/>
      <c r="HWY17" s="8"/>
      <c r="HWZ17" s="8"/>
      <c r="HXA17" s="8"/>
      <c r="HXB17" s="8"/>
      <c r="HXC17" s="8"/>
      <c r="HXD17" s="8"/>
      <c r="HXE17" s="8"/>
      <c r="HXF17" s="8"/>
      <c r="HXG17" s="8"/>
      <c r="HXH17" s="8"/>
      <c r="HXI17" s="8"/>
      <c r="HXJ17" s="8"/>
      <c r="HXK17" s="8"/>
      <c r="HXL17" s="8"/>
      <c r="HXM17" s="8"/>
      <c r="HXN17" s="8"/>
      <c r="HXO17" s="8"/>
      <c r="HXP17" s="8"/>
      <c r="HXQ17" s="8"/>
      <c r="HXR17" s="8"/>
      <c r="HXS17" s="8"/>
      <c r="HXT17" s="8"/>
      <c r="HXU17" s="8"/>
      <c r="HXV17" s="8"/>
      <c r="HXW17" s="8"/>
      <c r="HXX17" s="8"/>
      <c r="HXY17" s="8"/>
      <c r="HXZ17" s="8"/>
      <c r="HYA17" s="8"/>
      <c r="HYB17" s="8"/>
      <c r="HYC17" s="8"/>
      <c r="HYD17" s="8"/>
      <c r="HYE17" s="8"/>
      <c r="HYF17" s="8"/>
      <c r="HYG17" s="8"/>
      <c r="HYH17" s="8"/>
      <c r="HYI17" s="8"/>
      <c r="HYJ17" s="8"/>
      <c r="HYK17" s="8"/>
      <c r="HYL17" s="8"/>
      <c r="HYM17" s="8"/>
      <c r="HYN17" s="8"/>
      <c r="HYO17" s="8"/>
      <c r="HYP17" s="8"/>
      <c r="HYQ17" s="8"/>
      <c r="HYR17" s="8"/>
      <c r="HYS17" s="8"/>
      <c r="HYT17" s="8"/>
      <c r="HYU17" s="8"/>
      <c r="HYV17" s="8"/>
      <c r="HYW17" s="8"/>
      <c r="HYX17" s="8"/>
      <c r="HYY17" s="8"/>
      <c r="HYZ17" s="8"/>
      <c r="HZA17" s="8"/>
      <c r="HZB17" s="8"/>
      <c r="HZC17" s="8"/>
      <c r="HZD17" s="8"/>
      <c r="HZE17" s="8"/>
      <c r="HZF17" s="8"/>
      <c r="HZG17" s="8"/>
      <c r="HZH17" s="8"/>
      <c r="HZI17" s="8"/>
      <c r="HZJ17" s="8"/>
      <c r="HZK17" s="8"/>
      <c r="HZL17" s="8"/>
      <c r="HZM17" s="8"/>
      <c r="HZN17" s="8"/>
      <c r="HZO17" s="8"/>
      <c r="HZP17" s="8"/>
      <c r="HZQ17" s="8"/>
      <c r="HZR17" s="8"/>
      <c r="HZS17" s="8"/>
      <c r="HZT17" s="8"/>
      <c r="HZU17" s="8"/>
      <c r="HZV17" s="8"/>
      <c r="HZW17" s="8"/>
      <c r="HZX17" s="8"/>
      <c r="HZY17" s="8"/>
      <c r="HZZ17" s="8"/>
      <c r="IAA17" s="8"/>
      <c r="IAB17" s="8"/>
      <c r="IAC17" s="8"/>
      <c r="IAD17" s="8"/>
      <c r="IAE17" s="8"/>
      <c r="IAF17" s="8"/>
      <c r="IAG17" s="8"/>
      <c r="IAH17" s="8"/>
      <c r="IAI17" s="8"/>
      <c r="IAJ17" s="8"/>
      <c r="IAK17" s="8"/>
      <c r="IAL17" s="8"/>
      <c r="IAM17" s="8"/>
      <c r="IAN17" s="8"/>
      <c r="IAO17" s="8"/>
      <c r="IAP17" s="8"/>
      <c r="IAQ17" s="8"/>
      <c r="IAR17" s="8"/>
      <c r="IAS17" s="8"/>
      <c r="IAT17" s="8"/>
      <c r="IAU17" s="8"/>
      <c r="IAV17" s="8"/>
      <c r="IAW17" s="8"/>
      <c r="IAX17" s="8"/>
      <c r="IAY17" s="8"/>
      <c r="IAZ17" s="8"/>
      <c r="IBA17" s="8"/>
      <c r="IBB17" s="8"/>
      <c r="IBC17" s="8"/>
      <c r="IBD17" s="8"/>
      <c r="IBE17" s="8"/>
      <c r="IBF17" s="8"/>
      <c r="IBG17" s="8"/>
      <c r="IBH17" s="8"/>
      <c r="IBI17" s="8"/>
      <c r="IBJ17" s="8"/>
      <c r="IBK17" s="8"/>
      <c r="IBL17" s="8"/>
      <c r="IBM17" s="8"/>
      <c r="IBN17" s="8"/>
      <c r="IBO17" s="8"/>
      <c r="IBP17" s="8"/>
      <c r="IBQ17" s="8"/>
      <c r="IBR17" s="8"/>
      <c r="IBS17" s="8"/>
      <c r="IBT17" s="8"/>
      <c r="IBU17" s="8"/>
      <c r="IBV17" s="8"/>
      <c r="IBW17" s="8"/>
      <c r="IBX17" s="8"/>
      <c r="IBY17" s="8"/>
      <c r="IBZ17" s="8"/>
      <c r="ICA17" s="8"/>
      <c r="ICB17" s="8"/>
      <c r="ICC17" s="8"/>
      <c r="ICD17" s="8"/>
      <c r="ICE17" s="8"/>
      <c r="ICF17" s="8"/>
      <c r="ICG17" s="8"/>
      <c r="ICH17" s="8"/>
      <c r="ICI17" s="8"/>
      <c r="ICJ17" s="8"/>
      <c r="ICK17" s="8"/>
      <c r="ICL17" s="8"/>
      <c r="ICM17" s="8"/>
      <c r="ICN17" s="8"/>
      <c r="ICO17" s="8"/>
      <c r="ICP17" s="8"/>
      <c r="ICQ17" s="8"/>
      <c r="ICR17" s="8"/>
      <c r="ICS17" s="8"/>
      <c r="ICT17" s="8"/>
      <c r="ICU17" s="8"/>
      <c r="ICV17" s="8"/>
      <c r="ICW17" s="8"/>
      <c r="ICX17" s="8"/>
      <c r="ICY17" s="8"/>
      <c r="ICZ17" s="8"/>
      <c r="IDA17" s="8"/>
      <c r="IDB17" s="8"/>
      <c r="IDC17" s="8"/>
      <c r="IDD17" s="8"/>
      <c r="IDE17" s="8"/>
      <c r="IDF17" s="8"/>
      <c r="IDG17" s="8"/>
      <c r="IDH17" s="8"/>
      <c r="IDI17" s="8"/>
      <c r="IDJ17" s="8"/>
      <c r="IDK17" s="8"/>
      <c r="IDL17" s="8"/>
      <c r="IDM17" s="8"/>
      <c r="IDN17" s="8"/>
      <c r="IDO17" s="8"/>
      <c r="IDP17" s="8"/>
      <c r="IDQ17" s="8"/>
      <c r="IDR17" s="8"/>
      <c r="IDS17" s="8"/>
      <c r="IDT17" s="8"/>
      <c r="IDU17" s="8"/>
      <c r="IDV17" s="8"/>
      <c r="IDW17" s="8"/>
      <c r="IDX17" s="8"/>
      <c r="IDY17" s="8"/>
      <c r="IDZ17" s="8"/>
      <c r="IEA17" s="8"/>
      <c r="IEB17" s="8"/>
      <c r="IEC17" s="8"/>
      <c r="IED17" s="8"/>
      <c r="IEE17" s="8"/>
      <c r="IEF17" s="8"/>
      <c r="IEG17" s="8"/>
      <c r="IEH17" s="8"/>
      <c r="IEI17" s="8"/>
      <c r="IEJ17" s="8"/>
      <c r="IEK17" s="8"/>
      <c r="IEL17" s="8"/>
      <c r="IEM17" s="8"/>
      <c r="IEN17" s="8"/>
      <c r="IEO17" s="8"/>
      <c r="IEP17" s="8"/>
      <c r="IEQ17" s="8"/>
      <c r="IER17" s="8"/>
      <c r="IES17" s="8"/>
      <c r="IET17" s="8"/>
      <c r="IEU17" s="8"/>
      <c r="IEV17" s="8"/>
      <c r="IEW17" s="8"/>
      <c r="IEX17" s="8"/>
      <c r="IEY17" s="8"/>
      <c r="IEZ17" s="8"/>
      <c r="IFA17" s="8"/>
      <c r="IFB17" s="8"/>
      <c r="IFC17" s="8"/>
      <c r="IFD17" s="8"/>
      <c r="IFE17" s="8"/>
      <c r="IFF17" s="8"/>
      <c r="IFG17" s="8"/>
      <c r="IFH17" s="8"/>
      <c r="IFI17" s="8"/>
      <c r="IFJ17" s="8"/>
      <c r="IFK17" s="8"/>
      <c r="IFL17" s="8"/>
      <c r="IFM17" s="8"/>
      <c r="IFN17" s="8"/>
      <c r="IFO17" s="8"/>
      <c r="IFP17" s="8"/>
      <c r="IFQ17" s="8"/>
      <c r="IFR17" s="8"/>
      <c r="IFS17" s="8"/>
      <c r="IFT17" s="8"/>
      <c r="IFU17" s="8"/>
      <c r="IFV17" s="8"/>
      <c r="IFW17" s="8"/>
      <c r="IFX17" s="8"/>
      <c r="IFY17" s="8"/>
      <c r="IFZ17" s="8"/>
      <c r="IGA17" s="8"/>
      <c r="IGB17" s="8"/>
      <c r="IGC17" s="8"/>
      <c r="IGD17" s="8"/>
      <c r="IGE17" s="8"/>
      <c r="IGF17" s="8"/>
      <c r="IGG17" s="8"/>
      <c r="IGH17" s="8"/>
      <c r="IGI17" s="8"/>
      <c r="IGJ17" s="8"/>
      <c r="IGK17" s="8"/>
      <c r="IGL17" s="8"/>
      <c r="IGM17" s="8"/>
      <c r="IGN17" s="8"/>
      <c r="IGO17" s="8"/>
      <c r="IGP17" s="8"/>
      <c r="IGQ17" s="8"/>
      <c r="IGR17" s="8"/>
      <c r="IGS17" s="8"/>
      <c r="IGT17" s="8"/>
      <c r="IGU17" s="8"/>
      <c r="IGV17" s="8"/>
      <c r="IGW17" s="8"/>
      <c r="IGX17" s="8"/>
      <c r="IGY17" s="8"/>
      <c r="IGZ17" s="8"/>
      <c r="IHA17" s="8"/>
      <c r="IHB17" s="8"/>
      <c r="IHC17" s="8"/>
      <c r="IHD17" s="8"/>
      <c r="IHE17" s="8"/>
      <c r="IHF17" s="8"/>
      <c r="IHG17" s="8"/>
      <c r="IHH17" s="8"/>
      <c r="IHI17" s="8"/>
      <c r="IHJ17" s="8"/>
      <c r="IHK17" s="8"/>
      <c r="IHL17" s="8"/>
      <c r="IHM17" s="8"/>
      <c r="IHN17" s="8"/>
      <c r="IHO17" s="8"/>
      <c r="IHP17" s="8"/>
      <c r="IHQ17" s="8"/>
      <c r="IHR17" s="8"/>
      <c r="IHS17" s="8"/>
      <c r="IHT17" s="8"/>
      <c r="IHU17" s="8"/>
      <c r="IHV17" s="8"/>
      <c r="IHW17" s="8"/>
      <c r="IHX17" s="8"/>
      <c r="IHY17" s="8"/>
      <c r="IHZ17" s="8"/>
      <c r="IIA17" s="8"/>
      <c r="IIB17" s="8"/>
      <c r="IIC17" s="8"/>
      <c r="IID17" s="8"/>
      <c r="IIE17" s="8"/>
      <c r="IIF17" s="8"/>
      <c r="IIG17" s="8"/>
      <c r="IIH17" s="8"/>
      <c r="III17" s="8"/>
      <c r="IIJ17" s="8"/>
      <c r="IIK17" s="8"/>
      <c r="IIL17" s="8"/>
      <c r="IIM17" s="8"/>
      <c r="IIN17" s="8"/>
      <c r="IIO17" s="8"/>
      <c r="IIP17" s="8"/>
      <c r="IIQ17" s="8"/>
      <c r="IIR17" s="8"/>
      <c r="IIS17" s="8"/>
      <c r="IIT17" s="8"/>
      <c r="IIU17" s="8"/>
      <c r="IIV17" s="8"/>
      <c r="IIW17" s="8"/>
      <c r="IIX17" s="8"/>
      <c r="IIY17" s="8"/>
      <c r="IIZ17" s="8"/>
      <c r="IJA17" s="8"/>
      <c r="IJB17" s="8"/>
      <c r="IJC17" s="8"/>
      <c r="IJD17" s="8"/>
      <c r="IJE17" s="8"/>
      <c r="IJF17" s="8"/>
      <c r="IJG17" s="8"/>
      <c r="IJH17" s="8"/>
      <c r="IJI17" s="8"/>
      <c r="IJJ17" s="8"/>
      <c r="IJK17" s="8"/>
      <c r="IJL17" s="8"/>
      <c r="IJM17" s="8"/>
      <c r="IJN17" s="8"/>
      <c r="IJO17" s="8"/>
      <c r="IJP17" s="8"/>
      <c r="IJQ17" s="8"/>
      <c r="IJR17" s="8"/>
      <c r="IJS17" s="8"/>
      <c r="IJT17" s="8"/>
      <c r="IJU17" s="8"/>
      <c r="IJV17" s="8"/>
      <c r="IJW17" s="8"/>
      <c r="IJX17" s="8"/>
      <c r="IJY17" s="8"/>
      <c r="IJZ17" s="8"/>
      <c r="IKA17" s="8"/>
      <c r="IKB17" s="8"/>
      <c r="IKC17" s="8"/>
      <c r="IKD17" s="8"/>
      <c r="IKE17" s="8"/>
      <c r="IKF17" s="8"/>
      <c r="IKG17" s="8"/>
      <c r="IKH17" s="8"/>
      <c r="IKI17" s="8"/>
      <c r="IKJ17" s="8"/>
      <c r="IKK17" s="8"/>
      <c r="IKL17" s="8"/>
      <c r="IKM17" s="8"/>
      <c r="IKN17" s="8"/>
      <c r="IKO17" s="8"/>
      <c r="IKP17" s="8"/>
      <c r="IKQ17" s="8"/>
      <c r="IKR17" s="8"/>
      <c r="IKS17" s="8"/>
      <c r="IKT17" s="8"/>
      <c r="IKU17" s="8"/>
      <c r="IKV17" s="8"/>
      <c r="IKW17" s="8"/>
      <c r="IKX17" s="8"/>
      <c r="IKY17" s="8"/>
      <c r="IKZ17" s="8"/>
      <c r="ILA17" s="8"/>
      <c r="ILB17" s="8"/>
      <c r="ILC17" s="8"/>
      <c r="ILD17" s="8"/>
      <c r="ILE17" s="8"/>
      <c r="ILF17" s="8"/>
      <c r="ILG17" s="8"/>
      <c r="ILH17" s="8"/>
      <c r="ILI17" s="8"/>
      <c r="ILJ17" s="8"/>
      <c r="ILK17" s="8"/>
      <c r="ILL17" s="8"/>
      <c r="ILM17" s="8"/>
      <c r="ILN17" s="8"/>
      <c r="ILO17" s="8"/>
      <c r="ILP17" s="8"/>
      <c r="ILQ17" s="8"/>
      <c r="ILR17" s="8"/>
      <c r="ILS17" s="8"/>
      <c r="ILT17" s="8"/>
      <c r="ILU17" s="8"/>
      <c r="ILV17" s="8"/>
      <c r="ILW17" s="8"/>
      <c r="ILX17" s="8"/>
      <c r="ILY17" s="8"/>
      <c r="ILZ17" s="8"/>
      <c r="IMA17" s="8"/>
      <c r="IMB17" s="8"/>
      <c r="IMC17" s="8"/>
      <c r="IMD17" s="8"/>
      <c r="IME17" s="8"/>
      <c r="IMF17" s="8"/>
      <c r="IMG17" s="8"/>
      <c r="IMH17" s="8"/>
      <c r="IMI17" s="8"/>
      <c r="IMJ17" s="8"/>
      <c r="IMK17" s="8"/>
      <c r="IML17" s="8"/>
      <c r="IMM17" s="8"/>
      <c r="IMN17" s="8"/>
      <c r="IMO17" s="8"/>
      <c r="IMP17" s="8"/>
      <c r="IMQ17" s="8"/>
      <c r="IMR17" s="8"/>
      <c r="IMS17" s="8"/>
      <c r="IMT17" s="8"/>
      <c r="IMU17" s="8"/>
      <c r="IMV17" s="8"/>
      <c r="IMW17" s="8"/>
      <c r="IMX17" s="8"/>
      <c r="IMY17" s="8"/>
      <c r="IMZ17" s="8"/>
      <c r="INA17" s="8"/>
      <c r="INB17" s="8"/>
      <c r="INC17" s="8"/>
      <c r="IND17" s="8"/>
      <c r="INE17" s="8"/>
      <c r="INF17" s="8"/>
      <c r="ING17" s="8"/>
      <c r="INH17" s="8"/>
      <c r="INI17" s="8"/>
      <c r="INJ17" s="8"/>
      <c r="INK17" s="8"/>
      <c r="INL17" s="8"/>
      <c r="INM17" s="8"/>
      <c r="INN17" s="8"/>
      <c r="INO17" s="8"/>
      <c r="INP17" s="8"/>
      <c r="INQ17" s="8"/>
      <c r="INR17" s="8"/>
      <c r="INS17" s="8"/>
      <c r="INT17" s="8"/>
      <c r="INU17" s="8"/>
      <c r="INV17" s="8"/>
      <c r="INW17" s="8"/>
      <c r="INX17" s="8"/>
      <c r="INY17" s="8"/>
      <c r="INZ17" s="8"/>
      <c r="IOA17" s="8"/>
      <c r="IOB17" s="8"/>
      <c r="IOC17" s="8"/>
      <c r="IOD17" s="8"/>
      <c r="IOE17" s="8"/>
      <c r="IOF17" s="8"/>
      <c r="IOG17" s="8"/>
      <c r="IOH17" s="8"/>
      <c r="IOI17" s="8"/>
      <c r="IOJ17" s="8"/>
      <c r="IOK17" s="8"/>
      <c r="IOL17" s="8"/>
      <c r="IOM17" s="8"/>
      <c r="ION17" s="8"/>
      <c r="IOO17" s="8"/>
      <c r="IOP17" s="8"/>
      <c r="IOQ17" s="8"/>
      <c r="IOR17" s="8"/>
      <c r="IOS17" s="8"/>
      <c r="IOT17" s="8"/>
      <c r="IOU17" s="8"/>
      <c r="IOV17" s="8"/>
      <c r="IOW17" s="8"/>
      <c r="IOX17" s="8"/>
      <c r="IOY17" s="8"/>
      <c r="IOZ17" s="8"/>
      <c r="IPA17" s="8"/>
      <c r="IPB17" s="8"/>
      <c r="IPC17" s="8"/>
      <c r="IPD17" s="8"/>
      <c r="IPE17" s="8"/>
      <c r="IPF17" s="8"/>
      <c r="IPG17" s="8"/>
      <c r="IPH17" s="8"/>
      <c r="IPI17" s="8"/>
      <c r="IPJ17" s="8"/>
      <c r="IPK17" s="8"/>
      <c r="IPL17" s="8"/>
      <c r="IPM17" s="8"/>
      <c r="IPN17" s="8"/>
      <c r="IPO17" s="8"/>
      <c r="IPP17" s="8"/>
      <c r="IPQ17" s="8"/>
      <c r="IPR17" s="8"/>
      <c r="IPS17" s="8"/>
      <c r="IPT17" s="8"/>
      <c r="IPU17" s="8"/>
      <c r="IPV17" s="8"/>
      <c r="IPW17" s="8"/>
      <c r="IPX17" s="8"/>
      <c r="IPY17" s="8"/>
      <c r="IPZ17" s="8"/>
      <c r="IQA17" s="8"/>
      <c r="IQB17" s="8"/>
      <c r="IQC17" s="8"/>
      <c r="IQD17" s="8"/>
      <c r="IQE17" s="8"/>
      <c r="IQF17" s="8"/>
      <c r="IQG17" s="8"/>
      <c r="IQH17" s="8"/>
      <c r="IQI17" s="8"/>
      <c r="IQJ17" s="8"/>
      <c r="IQK17" s="8"/>
      <c r="IQL17" s="8"/>
      <c r="IQM17" s="8"/>
      <c r="IQN17" s="8"/>
      <c r="IQO17" s="8"/>
      <c r="IQP17" s="8"/>
      <c r="IQQ17" s="8"/>
      <c r="IQR17" s="8"/>
      <c r="IQS17" s="8"/>
      <c r="IQT17" s="8"/>
      <c r="IQU17" s="8"/>
      <c r="IQV17" s="8"/>
      <c r="IQW17" s="8"/>
      <c r="IQX17" s="8"/>
      <c r="IQY17" s="8"/>
      <c r="IQZ17" s="8"/>
      <c r="IRA17" s="8"/>
      <c r="IRB17" s="8"/>
      <c r="IRC17" s="8"/>
      <c r="IRD17" s="8"/>
      <c r="IRE17" s="8"/>
      <c r="IRF17" s="8"/>
      <c r="IRG17" s="8"/>
      <c r="IRH17" s="8"/>
      <c r="IRI17" s="8"/>
      <c r="IRJ17" s="8"/>
      <c r="IRK17" s="8"/>
      <c r="IRL17" s="8"/>
      <c r="IRM17" s="8"/>
      <c r="IRN17" s="8"/>
      <c r="IRO17" s="8"/>
      <c r="IRP17" s="8"/>
      <c r="IRQ17" s="8"/>
      <c r="IRR17" s="8"/>
      <c r="IRS17" s="8"/>
      <c r="IRT17" s="8"/>
      <c r="IRU17" s="8"/>
      <c r="IRV17" s="8"/>
      <c r="IRW17" s="8"/>
      <c r="IRX17" s="8"/>
      <c r="IRY17" s="8"/>
      <c r="IRZ17" s="8"/>
      <c r="ISA17" s="8"/>
      <c r="ISB17" s="8"/>
      <c r="ISC17" s="8"/>
      <c r="ISD17" s="8"/>
      <c r="ISE17" s="8"/>
      <c r="ISF17" s="8"/>
      <c r="ISG17" s="8"/>
      <c r="ISH17" s="8"/>
      <c r="ISI17" s="8"/>
      <c r="ISJ17" s="8"/>
      <c r="ISK17" s="8"/>
      <c r="ISL17" s="8"/>
      <c r="ISM17" s="8"/>
      <c r="ISN17" s="8"/>
      <c r="ISO17" s="8"/>
      <c r="ISP17" s="8"/>
      <c r="ISQ17" s="8"/>
      <c r="ISR17" s="8"/>
      <c r="ISS17" s="8"/>
      <c r="IST17" s="8"/>
      <c r="ISU17" s="8"/>
      <c r="ISV17" s="8"/>
      <c r="ISW17" s="8"/>
      <c r="ISX17" s="8"/>
      <c r="ISY17" s="8"/>
      <c r="ISZ17" s="8"/>
      <c r="ITA17" s="8"/>
      <c r="ITB17" s="8"/>
      <c r="ITC17" s="8"/>
      <c r="ITD17" s="8"/>
      <c r="ITE17" s="8"/>
      <c r="ITF17" s="8"/>
      <c r="ITG17" s="8"/>
      <c r="ITH17" s="8"/>
      <c r="ITI17" s="8"/>
      <c r="ITJ17" s="8"/>
      <c r="ITK17" s="8"/>
      <c r="ITL17" s="8"/>
      <c r="ITM17" s="8"/>
      <c r="ITN17" s="8"/>
      <c r="ITO17" s="8"/>
      <c r="ITP17" s="8"/>
      <c r="ITQ17" s="8"/>
      <c r="ITR17" s="8"/>
      <c r="ITS17" s="8"/>
      <c r="ITT17" s="8"/>
      <c r="ITU17" s="8"/>
      <c r="ITV17" s="8"/>
      <c r="ITW17" s="8"/>
      <c r="ITX17" s="8"/>
      <c r="ITY17" s="8"/>
      <c r="ITZ17" s="8"/>
      <c r="IUA17" s="8"/>
      <c r="IUB17" s="8"/>
      <c r="IUC17" s="8"/>
      <c r="IUD17" s="8"/>
      <c r="IUE17" s="8"/>
      <c r="IUF17" s="8"/>
      <c r="IUG17" s="8"/>
      <c r="IUH17" s="8"/>
      <c r="IUI17" s="8"/>
      <c r="IUJ17" s="8"/>
      <c r="IUK17" s="8"/>
      <c r="IUL17" s="8"/>
      <c r="IUM17" s="8"/>
      <c r="IUN17" s="8"/>
      <c r="IUO17" s="8"/>
      <c r="IUP17" s="8"/>
      <c r="IUQ17" s="8"/>
      <c r="IUR17" s="8"/>
      <c r="IUS17" s="8"/>
      <c r="IUT17" s="8"/>
      <c r="IUU17" s="8"/>
      <c r="IUV17" s="8"/>
      <c r="IUW17" s="8"/>
      <c r="IUX17" s="8"/>
      <c r="IUY17" s="8"/>
      <c r="IUZ17" s="8"/>
      <c r="IVA17" s="8"/>
      <c r="IVB17" s="8"/>
      <c r="IVC17" s="8"/>
      <c r="IVD17" s="8"/>
      <c r="IVE17" s="8"/>
      <c r="IVF17" s="8"/>
      <c r="IVG17" s="8"/>
      <c r="IVH17" s="8"/>
      <c r="IVI17" s="8"/>
      <c r="IVJ17" s="8"/>
      <c r="IVK17" s="8"/>
      <c r="IVL17" s="8"/>
      <c r="IVM17" s="8"/>
      <c r="IVN17" s="8"/>
      <c r="IVO17" s="8"/>
      <c r="IVP17" s="8"/>
      <c r="IVQ17" s="8"/>
      <c r="IVR17" s="8"/>
      <c r="IVS17" s="8"/>
      <c r="IVT17" s="8"/>
      <c r="IVU17" s="8"/>
      <c r="IVV17" s="8"/>
      <c r="IVW17" s="8"/>
      <c r="IVX17" s="8"/>
      <c r="IVY17" s="8"/>
      <c r="IVZ17" s="8"/>
      <c r="IWA17" s="8"/>
      <c r="IWB17" s="8"/>
      <c r="IWC17" s="8"/>
      <c r="IWD17" s="8"/>
      <c r="IWE17" s="8"/>
      <c r="IWF17" s="8"/>
      <c r="IWG17" s="8"/>
      <c r="IWH17" s="8"/>
      <c r="IWI17" s="8"/>
      <c r="IWJ17" s="8"/>
      <c r="IWK17" s="8"/>
      <c r="IWL17" s="8"/>
      <c r="IWM17" s="8"/>
      <c r="IWN17" s="8"/>
      <c r="IWO17" s="8"/>
      <c r="IWP17" s="8"/>
      <c r="IWQ17" s="8"/>
      <c r="IWR17" s="8"/>
      <c r="IWS17" s="8"/>
      <c r="IWT17" s="8"/>
      <c r="IWU17" s="8"/>
      <c r="IWV17" s="8"/>
      <c r="IWW17" s="8"/>
      <c r="IWX17" s="8"/>
      <c r="IWY17" s="8"/>
      <c r="IWZ17" s="8"/>
      <c r="IXA17" s="8"/>
      <c r="IXB17" s="8"/>
      <c r="IXC17" s="8"/>
      <c r="IXD17" s="8"/>
      <c r="IXE17" s="8"/>
      <c r="IXF17" s="8"/>
      <c r="IXG17" s="8"/>
      <c r="IXH17" s="8"/>
      <c r="IXI17" s="8"/>
      <c r="IXJ17" s="8"/>
      <c r="IXK17" s="8"/>
      <c r="IXL17" s="8"/>
      <c r="IXM17" s="8"/>
      <c r="IXN17" s="8"/>
      <c r="IXO17" s="8"/>
      <c r="IXP17" s="8"/>
      <c r="IXQ17" s="8"/>
      <c r="IXR17" s="8"/>
      <c r="IXS17" s="8"/>
      <c r="IXT17" s="8"/>
      <c r="IXU17" s="8"/>
      <c r="IXV17" s="8"/>
      <c r="IXW17" s="8"/>
      <c r="IXX17" s="8"/>
      <c r="IXY17" s="8"/>
      <c r="IXZ17" s="8"/>
      <c r="IYA17" s="8"/>
      <c r="IYB17" s="8"/>
      <c r="IYC17" s="8"/>
      <c r="IYD17" s="8"/>
      <c r="IYE17" s="8"/>
      <c r="IYF17" s="8"/>
      <c r="IYG17" s="8"/>
      <c r="IYH17" s="8"/>
      <c r="IYI17" s="8"/>
      <c r="IYJ17" s="8"/>
      <c r="IYK17" s="8"/>
      <c r="IYL17" s="8"/>
      <c r="IYM17" s="8"/>
      <c r="IYN17" s="8"/>
      <c r="IYO17" s="8"/>
      <c r="IYP17" s="8"/>
      <c r="IYQ17" s="8"/>
      <c r="IYR17" s="8"/>
      <c r="IYS17" s="8"/>
      <c r="IYT17" s="8"/>
      <c r="IYU17" s="8"/>
      <c r="IYV17" s="8"/>
      <c r="IYW17" s="8"/>
      <c r="IYX17" s="8"/>
      <c r="IYY17" s="8"/>
      <c r="IYZ17" s="8"/>
      <c r="IZA17" s="8"/>
      <c r="IZB17" s="8"/>
      <c r="IZC17" s="8"/>
      <c r="IZD17" s="8"/>
      <c r="IZE17" s="8"/>
      <c r="IZF17" s="8"/>
      <c r="IZG17" s="8"/>
      <c r="IZH17" s="8"/>
      <c r="IZI17" s="8"/>
      <c r="IZJ17" s="8"/>
      <c r="IZK17" s="8"/>
      <c r="IZL17" s="8"/>
      <c r="IZM17" s="8"/>
      <c r="IZN17" s="8"/>
      <c r="IZO17" s="8"/>
      <c r="IZP17" s="8"/>
      <c r="IZQ17" s="8"/>
      <c r="IZR17" s="8"/>
      <c r="IZS17" s="8"/>
      <c r="IZT17" s="8"/>
      <c r="IZU17" s="8"/>
      <c r="IZV17" s="8"/>
      <c r="IZW17" s="8"/>
      <c r="IZX17" s="8"/>
      <c r="IZY17" s="8"/>
      <c r="IZZ17" s="8"/>
      <c r="JAA17" s="8"/>
      <c r="JAB17" s="8"/>
      <c r="JAC17" s="8"/>
      <c r="JAD17" s="8"/>
      <c r="JAE17" s="8"/>
      <c r="JAF17" s="8"/>
      <c r="JAG17" s="8"/>
      <c r="JAH17" s="8"/>
      <c r="JAI17" s="8"/>
      <c r="JAJ17" s="8"/>
      <c r="JAK17" s="8"/>
      <c r="JAL17" s="8"/>
      <c r="JAM17" s="8"/>
      <c r="JAN17" s="8"/>
      <c r="JAO17" s="8"/>
      <c r="JAP17" s="8"/>
      <c r="JAQ17" s="8"/>
      <c r="JAR17" s="8"/>
      <c r="JAS17" s="8"/>
      <c r="JAT17" s="8"/>
      <c r="JAU17" s="8"/>
      <c r="JAV17" s="8"/>
      <c r="JAW17" s="8"/>
      <c r="JAX17" s="8"/>
      <c r="JAY17" s="8"/>
      <c r="JAZ17" s="8"/>
      <c r="JBA17" s="8"/>
      <c r="JBB17" s="8"/>
      <c r="JBC17" s="8"/>
      <c r="JBD17" s="8"/>
      <c r="JBE17" s="8"/>
      <c r="JBF17" s="8"/>
      <c r="JBG17" s="8"/>
      <c r="JBH17" s="8"/>
      <c r="JBI17" s="8"/>
      <c r="JBJ17" s="8"/>
      <c r="JBK17" s="8"/>
      <c r="JBL17" s="8"/>
      <c r="JBM17" s="8"/>
      <c r="JBN17" s="8"/>
      <c r="JBO17" s="8"/>
      <c r="JBP17" s="8"/>
      <c r="JBQ17" s="8"/>
      <c r="JBR17" s="8"/>
      <c r="JBS17" s="8"/>
      <c r="JBT17" s="8"/>
      <c r="JBU17" s="8"/>
      <c r="JBV17" s="8"/>
      <c r="JBW17" s="8"/>
      <c r="JBX17" s="8"/>
      <c r="JBY17" s="8"/>
      <c r="JBZ17" s="8"/>
      <c r="JCA17" s="8"/>
      <c r="JCB17" s="8"/>
      <c r="JCC17" s="8"/>
      <c r="JCD17" s="8"/>
      <c r="JCE17" s="8"/>
      <c r="JCF17" s="8"/>
      <c r="JCG17" s="8"/>
      <c r="JCH17" s="8"/>
      <c r="JCI17" s="8"/>
      <c r="JCJ17" s="8"/>
      <c r="JCK17" s="8"/>
      <c r="JCL17" s="8"/>
      <c r="JCM17" s="8"/>
      <c r="JCN17" s="8"/>
      <c r="JCO17" s="8"/>
      <c r="JCP17" s="8"/>
      <c r="JCQ17" s="8"/>
      <c r="JCR17" s="8"/>
      <c r="JCS17" s="8"/>
      <c r="JCT17" s="8"/>
      <c r="JCU17" s="8"/>
      <c r="JCV17" s="8"/>
      <c r="JCW17" s="8"/>
      <c r="JCX17" s="8"/>
      <c r="JCY17" s="8"/>
      <c r="JCZ17" s="8"/>
      <c r="JDA17" s="8"/>
      <c r="JDB17" s="8"/>
      <c r="JDC17" s="8"/>
      <c r="JDD17" s="8"/>
      <c r="JDE17" s="8"/>
      <c r="JDF17" s="8"/>
      <c r="JDG17" s="8"/>
      <c r="JDH17" s="8"/>
      <c r="JDI17" s="8"/>
      <c r="JDJ17" s="8"/>
      <c r="JDK17" s="8"/>
      <c r="JDL17" s="8"/>
      <c r="JDM17" s="8"/>
      <c r="JDN17" s="8"/>
      <c r="JDO17" s="8"/>
      <c r="JDP17" s="8"/>
      <c r="JDQ17" s="8"/>
      <c r="JDR17" s="8"/>
      <c r="JDS17" s="8"/>
      <c r="JDT17" s="8"/>
      <c r="JDU17" s="8"/>
      <c r="JDV17" s="8"/>
      <c r="JDW17" s="8"/>
      <c r="JDX17" s="8"/>
      <c r="JDY17" s="8"/>
      <c r="JDZ17" s="8"/>
      <c r="JEA17" s="8"/>
      <c r="JEB17" s="8"/>
      <c r="JEC17" s="8"/>
      <c r="JED17" s="8"/>
      <c r="JEE17" s="8"/>
      <c r="JEF17" s="8"/>
      <c r="JEG17" s="8"/>
      <c r="JEH17" s="8"/>
      <c r="JEI17" s="8"/>
      <c r="JEJ17" s="8"/>
      <c r="JEK17" s="8"/>
      <c r="JEL17" s="8"/>
      <c r="JEM17" s="8"/>
      <c r="JEN17" s="8"/>
      <c r="JEO17" s="8"/>
      <c r="JEP17" s="8"/>
      <c r="JEQ17" s="8"/>
      <c r="JER17" s="8"/>
      <c r="JES17" s="8"/>
      <c r="JET17" s="8"/>
      <c r="JEU17" s="8"/>
      <c r="JEV17" s="8"/>
      <c r="JEW17" s="8"/>
      <c r="JEX17" s="8"/>
      <c r="JEY17" s="8"/>
      <c r="JEZ17" s="8"/>
      <c r="JFA17" s="8"/>
      <c r="JFB17" s="8"/>
      <c r="JFC17" s="8"/>
      <c r="JFD17" s="8"/>
      <c r="JFE17" s="8"/>
      <c r="JFF17" s="8"/>
      <c r="JFG17" s="8"/>
      <c r="JFH17" s="8"/>
      <c r="JFI17" s="8"/>
      <c r="JFJ17" s="8"/>
      <c r="JFK17" s="8"/>
      <c r="JFL17" s="8"/>
      <c r="JFM17" s="8"/>
      <c r="JFN17" s="8"/>
      <c r="JFO17" s="8"/>
      <c r="JFP17" s="8"/>
      <c r="JFQ17" s="8"/>
      <c r="JFR17" s="8"/>
      <c r="JFS17" s="8"/>
      <c r="JFT17" s="8"/>
      <c r="JFU17" s="8"/>
      <c r="JFV17" s="8"/>
      <c r="JFW17" s="8"/>
      <c r="JFX17" s="8"/>
      <c r="JFY17" s="8"/>
      <c r="JFZ17" s="8"/>
      <c r="JGA17" s="8"/>
      <c r="JGB17" s="8"/>
      <c r="JGC17" s="8"/>
      <c r="JGD17" s="8"/>
      <c r="JGE17" s="8"/>
      <c r="JGF17" s="8"/>
      <c r="JGG17" s="8"/>
      <c r="JGH17" s="8"/>
      <c r="JGI17" s="8"/>
      <c r="JGJ17" s="8"/>
      <c r="JGK17" s="8"/>
      <c r="JGL17" s="8"/>
      <c r="JGM17" s="8"/>
      <c r="JGN17" s="8"/>
      <c r="JGO17" s="8"/>
      <c r="JGP17" s="8"/>
      <c r="JGQ17" s="8"/>
      <c r="JGR17" s="8"/>
      <c r="JGS17" s="8"/>
      <c r="JGT17" s="8"/>
      <c r="JGU17" s="8"/>
      <c r="JGV17" s="8"/>
      <c r="JGW17" s="8"/>
      <c r="JGX17" s="8"/>
      <c r="JGY17" s="8"/>
      <c r="JGZ17" s="8"/>
      <c r="JHA17" s="8"/>
      <c r="JHB17" s="8"/>
      <c r="JHC17" s="8"/>
      <c r="JHD17" s="8"/>
      <c r="JHE17" s="8"/>
      <c r="JHF17" s="8"/>
      <c r="JHG17" s="8"/>
      <c r="JHH17" s="8"/>
      <c r="JHI17" s="8"/>
      <c r="JHJ17" s="8"/>
      <c r="JHK17" s="8"/>
      <c r="JHL17" s="8"/>
      <c r="JHM17" s="8"/>
      <c r="JHN17" s="8"/>
      <c r="JHO17" s="8"/>
      <c r="JHP17" s="8"/>
      <c r="JHQ17" s="8"/>
      <c r="JHR17" s="8"/>
      <c r="JHS17" s="8"/>
      <c r="JHT17" s="8"/>
      <c r="JHU17" s="8"/>
      <c r="JHV17" s="8"/>
      <c r="JHW17" s="8"/>
      <c r="JHX17" s="8"/>
      <c r="JHY17" s="8"/>
      <c r="JHZ17" s="8"/>
      <c r="JIA17" s="8"/>
      <c r="JIB17" s="8"/>
      <c r="JIC17" s="8"/>
      <c r="JID17" s="8"/>
      <c r="JIE17" s="8"/>
      <c r="JIF17" s="8"/>
      <c r="JIG17" s="8"/>
      <c r="JIH17" s="8"/>
      <c r="JII17" s="8"/>
      <c r="JIJ17" s="8"/>
      <c r="JIK17" s="8"/>
      <c r="JIL17" s="8"/>
      <c r="JIM17" s="8"/>
      <c r="JIN17" s="8"/>
      <c r="JIO17" s="8"/>
      <c r="JIP17" s="8"/>
      <c r="JIQ17" s="8"/>
      <c r="JIR17" s="8"/>
      <c r="JIS17" s="8"/>
      <c r="JIT17" s="8"/>
      <c r="JIU17" s="8"/>
      <c r="JIV17" s="8"/>
      <c r="JIW17" s="8"/>
      <c r="JIX17" s="8"/>
      <c r="JIY17" s="8"/>
      <c r="JIZ17" s="8"/>
      <c r="JJA17" s="8"/>
      <c r="JJB17" s="8"/>
      <c r="JJC17" s="8"/>
      <c r="JJD17" s="8"/>
      <c r="JJE17" s="8"/>
      <c r="JJF17" s="8"/>
      <c r="JJG17" s="8"/>
      <c r="JJH17" s="8"/>
      <c r="JJI17" s="8"/>
      <c r="JJJ17" s="8"/>
      <c r="JJK17" s="8"/>
      <c r="JJL17" s="8"/>
      <c r="JJM17" s="8"/>
      <c r="JJN17" s="8"/>
      <c r="JJO17" s="8"/>
      <c r="JJP17" s="8"/>
      <c r="JJQ17" s="8"/>
      <c r="JJR17" s="8"/>
      <c r="JJS17" s="8"/>
      <c r="JJT17" s="8"/>
      <c r="JJU17" s="8"/>
      <c r="JJV17" s="8"/>
      <c r="JJW17" s="8"/>
      <c r="JJX17" s="8"/>
      <c r="JJY17" s="8"/>
      <c r="JJZ17" s="8"/>
      <c r="JKA17" s="8"/>
      <c r="JKB17" s="8"/>
      <c r="JKC17" s="8"/>
      <c r="JKD17" s="8"/>
      <c r="JKE17" s="8"/>
      <c r="JKF17" s="8"/>
      <c r="JKG17" s="8"/>
      <c r="JKH17" s="8"/>
      <c r="JKI17" s="8"/>
      <c r="JKJ17" s="8"/>
      <c r="JKK17" s="8"/>
      <c r="JKL17" s="8"/>
      <c r="JKM17" s="8"/>
      <c r="JKN17" s="8"/>
      <c r="JKO17" s="8"/>
      <c r="JKP17" s="8"/>
      <c r="JKQ17" s="8"/>
      <c r="JKR17" s="8"/>
      <c r="JKS17" s="8"/>
      <c r="JKT17" s="8"/>
      <c r="JKU17" s="8"/>
      <c r="JKV17" s="8"/>
      <c r="JKW17" s="8"/>
      <c r="JKX17" s="8"/>
      <c r="JKY17" s="8"/>
      <c r="JKZ17" s="8"/>
      <c r="JLA17" s="8"/>
      <c r="JLB17" s="8"/>
      <c r="JLC17" s="8"/>
      <c r="JLD17" s="8"/>
      <c r="JLE17" s="8"/>
      <c r="JLF17" s="8"/>
      <c r="JLG17" s="8"/>
      <c r="JLH17" s="8"/>
      <c r="JLI17" s="8"/>
      <c r="JLJ17" s="8"/>
      <c r="JLK17" s="8"/>
      <c r="JLL17" s="8"/>
      <c r="JLM17" s="8"/>
      <c r="JLN17" s="8"/>
      <c r="JLO17" s="8"/>
      <c r="JLP17" s="8"/>
      <c r="JLQ17" s="8"/>
      <c r="JLR17" s="8"/>
      <c r="JLS17" s="8"/>
      <c r="JLT17" s="8"/>
      <c r="JLU17" s="8"/>
      <c r="JLV17" s="8"/>
      <c r="JLW17" s="8"/>
      <c r="JLX17" s="8"/>
      <c r="JLY17" s="8"/>
      <c r="JLZ17" s="8"/>
      <c r="JMA17" s="8"/>
      <c r="JMB17" s="8"/>
      <c r="JMC17" s="8"/>
      <c r="JMD17" s="8"/>
      <c r="JME17" s="8"/>
      <c r="JMF17" s="8"/>
      <c r="JMG17" s="8"/>
      <c r="JMH17" s="8"/>
      <c r="JMI17" s="8"/>
      <c r="JMJ17" s="8"/>
      <c r="JMK17" s="8"/>
      <c r="JML17" s="8"/>
      <c r="JMM17" s="8"/>
      <c r="JMN17" s="8"/>
      <c r="JMO17" s="8"/>
      <c r="JMP17" s="8"/>
      <c r="JMQ17" s="8"/>
      <c r="JMR17" s="8"/>
      <c r="JMS17" s="8"/>
      <c r="JMT17" s="8"/>
      <c r="JMU17" s="8"/>
      <c r="JMV17" s="8"/>
      <c r="JMW17" s="8"/>
      <c r="JMX17" s="8"/>
      <c r="JMY17" s="8"/>
      <c r="JMZ17" s="8"/>
      <c r="JNA17" s="8"/>
      <c r="JNB17" s="8"/>
      <c r="JNC17" s="8"/>
      <c r="JND17" s="8"/>
      <c r="JNE17" s="8"/>
      <c r="JNF17" s="8"/>
      <c r="JNG17" s="8"/>
      <c r="JNH17" s="8"/>
      <c r="JNI17" s="8"/>
      <c r="JNJ17" s="8"/>
      <c r="JNK17" s="8"/>
      <c r="JNL17" s="8"/>
      <c r="JNM17" s="8"/>
      <c r="JNN17" s="8"/>
      <c r="JNO17" s="8"/>
      <c r="JNP17" s="8"/>
      <c r="JNQ17" s="8"/>
      <c r="JNR17" s="8"/>
      <c r="JNS17" s="8"/>
      <c r="JNT17" s="8"/>
      <c r="JNU17" s="8"/>
      <c r="JNV17" s="8"/>
      <c r="JNW17" s="8"/>
      <c r="JNX17" s="8"/>
      <c r="JNY17" s="8"/>
      <c r="JNZ17" s="8"/>
      <c r="JOA17" s="8"/>
      <c r="JOB17" s="8"/>
      <c r="JOC17" s="8"/>
      <c r="JOD17" s="8"/>
      <c r="JOE17" s="8"/>
      <c r="JOF17" s="8"/>
      <c r="JOG17" s="8"/>
      <c r="JOH17" s="8"/>
      <c r="JOI17" s="8"/>
      <c r="JOJ17" s="8"/>
      <c r="JOK17" s="8"/>
      <c r="JOL17" s="8"/>
      <c r="JOM17" s="8"/>
      <c r="JON17" s="8"/>
      <c r="JOO17" s="8"/>
      <c r="JOP17" s="8"/>
      <c r="JOQ17" s="8"/>
      <c r="JOR17" s="8"/>
      <c r="JOS17" s="8"/>
      <c r="JOT17" s="8"/>
      <c r="JOU17" s="8"/>
      <c r="JOV17" s="8"/>
      <c r="JOW17" s="8"/>
      <c r="JOX17" s="8"/>
      <c r="JOY17" s="8"/>
      <c r="JOZ17" s="8"/>
      <c r="JPA17" s="8"/>
      <c r="JPB17" s="8"/>
      <c r="JPC17" s="8"/>
      <c r="JPD17" s="8"/>
      <c r="JPE17" s="8"/>
      <c r="JPF17" s="8"/>
      <c r="JPG17" s="8"/>
      <c r="JPH17" s="8"/>
      <c r="JPI17" s="8"/>
      <c r="JPJ17" s="8"/>
      <c r="JPK17" s="8"/>
      <c r="JPL17" s="8"/>
      <c r="JPM17" s="8"/>
      <c r="JPN17" s="8"/>
      <c r="JPO17" s="8"/>
      <c r="JPP17" s="8"/>
      <c r="JPQ17" s="8"/>
      <c r="JPR17" s="8"/>
      <c r="JPS17" s="8"/>
      <c r="JPT17" s="8"/>
      <c r="JPU17" s="8"/>
      <c r="JPV17" s="8"/>
      <c r="JPW17" s="8"/>
      <c r="JPX17" s="8"/>
      <c r="JPY17" s="8"/>
      <c r="JPZ17" s="8"/>
      <c r="JQA17" s="8"/>
      <c r="JQB17" s="8"/>
      <c r="JQC17" s="8"/>
      <c r="JQD17" s="8"/>
      <c r="JQE17" s="8"/>
      <c r="JQF17" s="8"/>
      <c r="JQG17" s="8"/>
      <c r="JQH17" s="8"/>
      <c r="JQI17" s="8"/>
      <c r="JQJ17" s="8"/>
      <c r="JQK17" s="8"/>
      <c r="JQL17" s="8"/>
      <c r="JQM17" s="8"/>
      <c r="JQN17" s="8"/>
      <c r="JQO17" s="8"/>
      <c r="JQP17" s="8"/>
      <c r="JQQ17" s="8"/>
      <c r="JQR17" s="8"/>
      <c r="JQS17" s="8"/>
      <c r="JQT17" s="8"/>
      <c r="JQU17" s="8"/>
      <c r="JQV17" s="8"/>
      <c r="JQW17" s="8"/>
      <c r="JQX17" s="8"/>
      <c r="JQY17" s="8"/>
      <c r="JQZ17" s="8"/>
      <c r="JRA17" s="8"/>
      <c r="JRB17" s="8"/>
      <c r="JRC17" s="8"/>
      <c r="JRD17" s="8"/>
      <c r="JRE17" s="8"/>
      <c r="JRF17" s="8"/>
      <c r="JRG17" s="8"/>
      <c r="JRH17" s="8"/>
      <c r="JRI17" s="8"/>
      <c r="JRJ17" s="8"/>
      <c r="JRK17" s="8"/>
      <c r="JRL17" s="8"/>
      <c r="JRM17" s="8"/>
      <c r="JRN17" s="8"/>
      <c r="JRO17" s="8"/>
      <c r="JRP17" s="8"/>
      <c r="JRQ17" s="8"/>
      <c r="JRR17" s="8"/>
      <c r="JRS17" s="8"/>
      <c r="JRT17" s="8"/>
      <c r="JRU17" s="8"/>
      <c r="JRV17" s="8"/>
      <c r="JRW17" s="8"/>
      <c r="JRX17" s="8"/>
      <c r="JRY17" s="8"/>
      <c r="JRZ17" s="8"/>
      <c r="JSA17" s="8"/>
      <c r="JSB17" s="8"/>
      <c r="JSC17" s="8"/>
      <c r="JSD17" s="8"/>
      <c r="JSE17" s="8"/>
      <c r="JSF17" s="8"/>
      <c r="JSG17" s="8"/>
      <c r="JSH17" s="8"/>
      <c r="JSI17" s="8"/>
      <c r="JSJ17" s="8"/>
      <c r="JSK17" s="8"/>
      <c r="JSL17" s="8"/>
      <c r="JSM17" s="8"/>
      <c r="JSN17" s="8"/>
      <c r="JSO17" s="8"/>
      <c r="JSP17" s="8"/>
      <c r="JSQ17" s="8"/>
      <c r="JSR17" s="8"/>
      <c r="JSS17" s="8"/>
      <c r="JST17" s="8"/>
      <c r="JSU17" s="8"/>
      <c r="JSV17" s="8"/>
      <c r="JSW17" s="8"/>
      <c r="JSX17" s="8"/>
      <c r="JSY17" s="8"/>
      <c r="JSZ17" s="8"/>
      <c r="JTA17" s="8"/>
      <c r="JTB17" s="8"/>
      <c r="JTC17" s="8"/>
      <c r="JTD17" s="8"/>
      <c r="JTE17" s="8"/>
      <c r="JTF17" s="8"/>
      <c r="JTG17" s="8"/>
      <c r="JTH17" s="8"/>
      <c r="JTI17" s="8"/>
      <c r="JTJ17" s="8"/>
      <c r="JTK17" s="8"/>
      <c r="JTL17" s="8"/>
      <c r="JTM17" s="8"/>
      <c r="JTN17" s="8"/>
      <c r="JTO17" s="8"/>
      <c r="JTP17" s="8"/>
      <c r="JTQ17" s="8"/>
      <c r="JTR17" s="8"/>
      <c r="JTS17" s="8"/>
      <c r="JTT17" s="8"/>
      <c r="JTU17" s="8"/>
      <c r="JTV17" s="8"/>
      <c r="JTW17" s="8"/>
      <c r="JTX17" s="8"/>
      <c r="JTY17" s="8"/>
      <c r="JTZ17" s="8"/>
      <c r="JUA17" s="8"/>
      <c r="JUB17" s="8"/>
      <c r="JUC17" s="8"/>
      <c r="JUD17" s="8"/>
      <c r="JUE17" s="8"/>
      <c r="JUF17" s="8"/>
      <c r="JUG17" s="8"/>
      <c r="JUH17" s="8"/>
      <c r="JUI17" s="8"/>
      <c r="JUJ17" s="8"/>
      <c r="JUK17" s="8"/>
      <c r="JUL17" s="8"/>
      <c r="JUM17" s="8"/>
      <c r="JUN17" s="8"/>
      <c r="JUO17" s="8"/>
      <c r="JUP17" s="8"/>
      <c r="JUQ17" s="8"/>
      <c r="JUR17" s="8"/>
      <c r="JUS17" s="8"/>
      <c r="JUT17" s="8"/>
      <c r="JUU17" s="8"/>
      <c r="JUV17" s="8"/>
      <c r="JUW17" s="8"/>
      <c r="JUX17" s="8"/>
      <c r="JUY17" s="8"/>
      <c r="JUZ17" s="8"/>
      <c r="JVA17" s="8"/>
      <c r="JVB17" s="8"/>
      <c r="JVC17" s="8"/>
      <c r="JVD17" s="8"/>
      <c r="JVE17" s="8"/>
      <c r="JVF17" s="8"/>
      <c r="JVG17" s="8"/>
      <c r="JVH17" s="8"/>
      <c r="JVI17" s="8"/>
      <c r="JVJ17" s="8"/>
      <c r="JVK17" s="8"/>
      <c r="JVL17" s="8"/>
      <c r="JVM17" s="8"/>
      <c r="JVN17" s="8"/>
      <c r="JVO17" s="8"/>
      <c r="JVP17" s="8"/>
      <c r="JVQ17" s="8"/>
      <c r="JVR17" s="8"/>
      <c r="JVS17" s="8"/>
      <c r="JVT17" s="8"/>
      <c r="JVU17" s="8"/>
      <c r="JVV17" s="8"/>
      <c r="JVW17" s="8"/>
      <c r="JVX17" s="8"/>
      <c r="JVY17" s="8"/>
      <c r="JVZ17" s="8"/>
      <c r="JWA17" s="8"/>
      <c r="JWB17" s="8"/>
      <c r="JWC17" s="8"/>
      <c r="JWD17" s="8"/>
      <c r="JWE17" s="8"/>
      <c r="JWF17" s="8"/>
      <c r="JWG17" s="8"/>
      <c r="JWH17" s="8"/>
      <c r="JWI17" s="8"/>
      <c r="JWJ17" s="8"/>
      <c r="JWK17" s="8"/>
      <c r="JWL17" s="8"/>
      <c r="JWM17" s="8"/>
      <c r="JWN17" s="8"/>
      <c r="JWO17" s="8"/>
      <c r="JWP17" s="8"/>
      <c r="JWQ17" s="8"/>
      <c r="JWR17" s="8"/>
      <c r="JWS17" s="8"/>
      <c r="JWT17" s="8"/>
      <c r="JWU17" s="8"/>
      <c r="JWV17" s="8"/>
      <c r="JWW17" s="8"/>
      <c r="JWX17" s="8"/>
      <c r="JWY17" s="8"/>
      <c r="JWZ17" s="8"/>
      <c r="JXA17" s="8"/>
      <c r="JXB17" s="8"/>
      <c r="JXC17" s="8"/>
      <c r="JXD17" s="8"/>
      <c r="JXE17" s="8"/>
      <c r="JXF17" s="8"/>
      <c r="JXG17" s="8"/>
      <c r="JXH17" s="8"/>
      <c r="JXI17" s="8"/>
      <c r="JXJ17" s="8"/>
      <c r="JXK17" s="8"/>
      <c r="JXL17" s="8"/>
      <c r="JXM17" s="8"/>
      <c r="JXN17" s="8"/>
      <c r="JXO17" s="8"/>
      <c r="JXP17" s="8"/>
      <c r="JXQ17" s="8"/>
      <c r="JXR17" s="8"/>
      <c r="JXS17" s="8"/>
      <c r="JXT17" s="8"/>
      <c r="JXU17" s="8"/>
      <c r="JXV17" s="8"/>
      <c r="JXW17" s="8"/>
      <c r="JXX17" s="8"/>
      <c r="JXY17" s="8"/>
      <c r="JXZ17" s="8"/>
      <c r="JYA17" s="8"/>
      <c r="JYB17" s="8"/>
      <c r="JYC17" s="8"/>
      <c r="JYD17" s="8"/>
      <c r="JYE17" s="8"/>
      <c r="JYF17" s="8"/>
      <c r="JYG17" s="8"/>
      <c r="JYH17" s="8"/>
      <c r="JYI17" s="8"/>
      <c r="JYJ17" s="8"/>
      <c r="JYK17" s="8"/>
      <c r="JYL17" s="8"/>
      <c r="JYM17" s="8"/>
      <c r="JYN17" s="8"/>
      <c r="JYO17" s="8"/>
      <c r="JYP17" s="8"/>
      <c r="JYQ17" s="8"/>
      <c r="JYR17" s="8"/>
      <c r="JYS17" s="8"/>
      <c r="JYT17" s="8"/>
      <c r="JYU17" s="8"/>
      <c r="JYV17" s="8"/>
      <c r="JYW17" s="8"/>
      <c r="JYX17" s="8"/>
      <c r="JYY17" s="8"/>
      <c r="JYZ17" s="8"/>
      <c r="JZA17" s="8"/>
      <c r="JZB17" s="8"/>
      <c r="JZC17" s="8"/>
      <c r="JZD17" s="8"/>
      <c r="JZE17" s="8"/>
      <c r="JZF17" s="8"/>
      <c r="JZG17" s="8"/>
      <c r="JZH17" s="8"/>
      <c r="JZI17" s="8"/>
      <c r="JZJ17" s="8"/>
      <c r="JZK17" s="8"/>
      <c r="JZL17" s="8"/>
      <c r="JZM17" s="8"/>
      <c r="JZN17" s="8"/>
      <c r="JZO17" s="8"/>
      <c r="JZP17" s="8"/>
      <c r="JZQ17" s="8"/>
      <c r="JZR17" s="8"/>
      <c r="JZS17" s="8"/>
      <c r="JZT17" s="8"/>
      <c r="JZU17" s="8"/>
      <c r="JZV17" s="8"/>
      <c r="JZW17" s="8"/>
      <c r="JZX17" s="8"/>
      <c r="JZY17" s="8"/>
      <c r="JZZ17" s="8"/>
      <c r="KAA17" s="8"/>
      <c r="KAB17" s="8"/>
      <c r="KAC17" s="8"/>
      <c r="KAD17" s="8"/>
      <c r="KAE17" s="8"/>
      <c r="KAF17" s="8"/>
      <c r="KAG17" s="8"/>
      <c r="KAH17" s="8"/>
      <c r="KAI17" s="8"/>
      <c r="KAJ17" s="8"/>
      <c r="KAK17" s="8"/>
      <c r="KAL17" s="8"/>
      <c r="KAM17" s="8"/>
      <c r="KAN17" s="8"/>
      <c r="KAO17" s="8"/>
      <c r="KAP17" s="8"/>
      <c r="KAQ17" s="8"/>
      <c r="KAR17" s="8"/>
      <c r="KAS17" s="8"/>
      <c r="KAT17" s="8"/>
      <c r="KAU17" s="8"/>
      <c r="KAV17" s="8"/>
      <c r="KAW17" s="8"/>
      <c r="KAX17" s="8"/>
      <c r="KAY17" s="8"/>
      <c r="KAZ17" s="8"/>
      <c r="KBA17" s="8"/>
      <c r="KBB17" s="8"/>
      <c r="KBC17" s="8"/>
      <c r="KBD17" s="8"/>
      <c r="KBE17" s="8"/>
      <c r="KBF17" s="8"/>
      <c r="KBG17" s="8"/>
      <c r="KBH17" s="8"/>
      <c r="KBI17" s="8"/>
      <c r="KBJ17" s="8"/>
      <c r="KBK17" s="8"/>
      <c r="KBL17" s="8"/>
      <c r="KBM17" s="8"/>
      <c r="KBN17" s="8"/>
      <c r="KBO17" s="8"/>
      <c r="KBP17" s="8"/>
      <c r="KBQ17" s="8"/>
      <c r="KBR17" s="8"/>
      <c r="KBS17" s="8"/>
      <c r="KBT17" s="8"/>
      <c r="KBU17" s="8"/>
      <c r="KBV17" s="8"/>
      <c r="KBW17" s="8"/>
      <c r="KBX17" s="8"/>
      <c r="KBY17" s="8"/>
      <c r="KBZ17" s="8"/>
      <c r="KCA17" s="8"/>
      <c r="KCB17" s="8"/>
      <c r="KCC17" s="8"/>
      <c r="KCD17" s="8"/>
      <c r="KCE17" s="8"/>
      <c r="KCF17" s="8"/>
      <c r="KCG17" s="8"/>
      <c r="KCH17" s="8"/>
      <c r="KCI17" s="8"/>
      <c r="KCJ17" s="8"/>
      <c r="KCK17" s="8"/>
      <c r="KCL17" s="8"/>
      <c r="KCM17" s="8"/>
      <c r="KCN17" s="8"/>
      <c r="KCO17" s="8"/>
      <c r="KCP17" s="8"/>
      <c r="KCQ17" s="8"/>
      <c r="KCR17" s="8"/>
      <c r="KCS17" s="8"/>
      <c r="KCT17" s="8"/>
      <c r="KCU17" s="8"/>
      <c r="KCV17" s="8"/>
      <c r="KCW17" s="8"/>
      <c r="KCX17" s="8"/>
      <c r="KCY17" s="8"/>
      <c r="KCZ17" s="8"/>
      <c r="KDA17" s="8"/>
      <c r="KDB17" s="8"/>
      <c r="KDC17" s="8"/>
      <c r="KDD17" s="8"/>
      <c r="KDE17" s="8"/>
      <c r="KDF17" s="8"/>
      <c r="KDG17" s="8"/>
      <c r="KDH17" s="8"/>
      <c r="KDI17" s="8"/>
      <c r="KDJ17" s="8"/>
      <c r="KDK17" s="8"/>
      <c r="KDL17" s="8"/>
      <c r="KDM17" s="8"/>
      <c r="KDN17" s="8"/>
      <c r="KDO17" s="8"/>
      <c r="KDP17" s="8"/>
      <c r="KDQ17" s="8"/>
      <c r="KDR17" s="8"/>
      <c r="KDS17" s="8"/>
      <c r="KDT17" s="8"/>
      <c r="KDU17" s="8"/>
      <c r="KDV17" s="8"/>
      <c r="KDW17" s="8"/>
      <c r="KDX17" s="8"/>
      <c r="KDY17" s="8"/>
      <c r="KDZ17" s="8"/>
      <c r="KEA17" s="8"/>
      <c r="KEB17" s="8"/>
      <c r="KEC17" s="8"/>
      <c r="KED17" s="8"/>
      <c r="KEE17" s="8"/>
      <c r="KEF17" s="8"/>
      <c r="KEG17" s="8"/>
      <c r="KEH17" s="8"/>
      <c r="KEI17" s="8"/>
      <c r="KEJ17" s="8"/>
      <c r="KEK17" s="8"/>
      <c r="KEL17" s="8"/>
      <c r="KEM17" s="8"/>
      <c r="KEN17" s="8"/>
      <c r="KEO17" s="8"/>
      <c r="KEP17" s="8"/>
      <c r="KEQ17" s="8"/>
      <c r="KER17" s="8"/>
      <c r="KES17" s="8"/>
      <c r="KET17" s="8"/>
      <c r="KEU17" s="8"/>
      <c r="KEV17" s="8"/>
      <c r="KEW17" s="8"/>
      <c r="KEX17" s="8"/>
      <c r="KEY17" s="8"/>
      <c r="KEZ17" s="8"/>
      <c r="KFA17" s="8"/>
      <c r="KFB17" s="8"/>
      <c r="KFC17" s="8"/>
      <c r="KFD17" s="8"/>
      <c r="KFE17" s="8"/>
      <c r="KFF17" s="8"/>
      <c r="KFG17" s="8"/>
      <c r="KFH17" s="8"/>
      <c r="KFI17" s="8"/>
      <c r="KFJ17" s="8"/>
      <c r="KFK17" s="8"/>
      <c r="KFL17" s="8"/>
      <c r="KFM17" s="8"/>
      <c r="KFN17" s="8"/>
      <c r="KFO17" s="8"/>
      <c r="KFP17" s="8"/>
      <c r="KFQ17" s="8"/>
      <c r="KFR17" s="8"/>
      <c r="KFS17" s="8"/>
      <c r="KFT17" s="8"/>
      <c r="KFU17" s="8"/>
      <c r="KFV17" s="8"/>
      <c r="KFW17" s="8"/>
      <c r="KFX17" s="8"/>
      <c r="KFY17" s="8"/>
      <c r="KFZ17" s="8"/>
      <c r="KGA17" s="8"/>
      <c r="KGB17" s="8"/>
      <c r="KGC17" s="8"/>
      <c r="KGD17" s="8"/>
      <c r="KGE17" s="8"/>
      <c r="KGF17" s="8"/>
      <c r="KGG17" s="8"/>
      <c r="KGH17" s="8"/>
      <c r="KGI17" s="8"/>
      <c r="KGJ17" s="8"/>
      <c r="KGK17" s="8"/>
      <c r="KGL17" s="8"/>
      <c r="KGM17" s="8"/>
      <c r="KGN17" s="8"/>
      <c r="KGO17" s="8"/>
      <c r="KGP17" s="8"/>
      <c r="KGQ17" s="8"/>
      <c r="KGR17" s="8"/>
      <c r="KGS17" s="8"/>
      <c r="KGT17" s="8"/>
      <c r="KGU17" s="8"/>
      <c r="KGV17" s="8"/>
      <c r="KGW17" s="8"/>
      <c r="KGX17" s="8"/>
      <c r="KGY17" s="8"/>
      <c r="KGZ17" s="8"/>
      <c r="KHA17" s="8"/>
      <c r="KHB17" s="8"/>
      <c r="KHC17" s="8"/>
      <c r="KHD17" s="8"/>
      <c r="KHE17" s="8"/>
      <c r="KHF17" s="8"/>
      <c r="KHG17" s="8"/>
      <c r="KHH17" s="8"/>
      <c r="KHI17" s="8"/>
      <c r="KHJ17" s="8"/>
      <c r="KHK17" s="8"/>
      <c r="KHL17" s="8"/>
      <c r="KHM17" s="8"/>
      <c r="KHN17" s="8"/>
      <c r="KHO17" s="8"/>
      <c r="KHP17" s="8"/>
      <c r="KHQ17" s="8"/>
      <c r="KHR17" s="8"/>
      <c r="KHS17" s="8"/>
      <c r="KHT17" s="8"/>
      <c r="KHU17" s="8"/>
      <c r="KHV17" s="8"/>
      <c r="KHW17" s="8"/>
      <c r="KHX17" s="8"/>
      <c r="KHY17" s="8"/>
      <c r="KHZ17" s="8"/>
      <c r="KIA17" s="8"/>
      <c r="KIB17" s="8"/>
      <c r="KIC17" s="8"/>
      <c r="KID17" s="8"/>
      <c r="KIE17" s="8"/>
      <c r="KIF17" s="8"/>
      <c r="KIG17" s="8"/>
      <c r="KIH17" s="8"/>
      <c r="KII17" s="8"/>
      <c r="KIJ17" s="8"/>
      <c r="KIK17" s="8"/>
      <c r="KIL17" s="8"/>
      <c r="KIM17" s="8"/>
      <c r="KIN17" s="8"/>
      <c r="KIO17" s="8"/>
      <c r="KIP17" s="8"/>
      <c r="KIQ17" s="8"/>
      <c r="KIR17" s="8"/>
      <c r="KIS17" s="8"/>
      <c r="KIT17" s="8"/>
      <c r="KIU17" s="8"/>
      <c r="KIV17" s="8"/>
      <c r="KIW17" s="8"/>
      <c r="KIX17" s="8"/>
      <c r="KIY17" s="8"/>
      <c r="KIZ17" s="8"/>
      <c r="KJA17" s="8"/>
      <c r="KJB17" s="8"/>
      <c r="KJC17" s="8"/>
      <c r="KJD17" s="8"/>
      <c r="KJE17" s="8"/>
      <c r="KJF17" s="8"/>
      <c r="KJG17" s="8"/>
      <c r="KJH17" s="8"/>
      <c r="KJI17" s="8"/>
      <c r="KJJ17" s="8"/>
      <c r="KJK17" s="8"/>
      <c r="KJL17" s="8"/>
      <c r="KJM17" s="8"/>
      <c r="KJN17" s="8"/>
      <c r="KJO17" s="8"/>
      <c r="KJP17" s="8"/>
      <c r="KJQ17" s="8"/>
      <c r="KJR17" s="8"/>
      <c r="KJS17" s="8"/>
      <c r="KJT17" s="8"/>
      <c r="KJU17" s="8"/>
      <c r="KJV17" s="8"/>
      <c r="KJW17" s="8"/>
      <c r="KJX17" s="8"/>
      <c r="KJY17" s="8"/>
      <c r="KJZ17" s="8"/>
      <c r="KKA17" s="8"/>
      <c r="KKB17" s="8"/>
      <c r="KKC17" s="8"/>
      <c r="KKD17" s="8"/>
      <c r="KKE17" s="8"/>
      <c r="KKF17" s="8"/>
      <c r="KKG17" s="8"/>
      <c r="KKH17" s="8"/>
      <c r="KKI17" s="8"/>
      <c r="KKJ17" s="8"/>
      <c r="KKK17" s="8"/>
      <c r="KKL17" s="8"/>
      <c r="KKM17" s="8"/>
      <c r="KKN17" s="8"/>
      <c r="KKO17" s="8"/>
      <c r="KKP17" s="8"/>
      <c r="KKQ17" s="8"/>
      <c r="KKR17" s="8"/>
      <c r="KKS17" s="8"/>
      <c r="KKT17" s="8"/>
      <c r="KKU17" s="8"/>
      <c r="KKV17" s="8"/>
      <c r="KKW17" s="8"/>
      <c r="KKX17" s="8"/>
      <c r="KKY17" s="8"/>
      <c r="KKZ17" s="8"/>
      <c r="KLA17" s="8"/>
      <c r="KLB17" s="8"/>
      <c r="KLC17" s="8"/>
      <c r="KLD17" s="8"/>
      <c r="KLE17" s="8"/>
      <c r="KLF17" s="8"/>
      <c r="KLG17" s="8"/>
      <c r="KLH17" s="8"/>
      <c r="KLI17" s="8"/>
      <c r="KLJ17" s="8"/>
      <c r="KLK17" s="8"/>
      <c r="KLL17" s="8"/>
      <c r="KLM17" s="8"/>
      <c r="KLN17" s="8"/>
      <c r="KLO17" s="8"/>
      <c r="KLP17" s="8"/>
      <c r="KLQ17" s="8"/>
      <c r="KLR17" s="8"/>
      <c r="KLS17" s="8"/>
      <c r="KLT17" s="8"/>
      <c r="KLU17" s="8"/>
      <c r="KLV17" s="8"/>
      <c r="KLW17" s="8"/>
      <c r="KLX17" s="8"/>
      <c r="KLY17" s="8"/>
      <c r="KLZ17" s="8"/>
      <c r="KMA17" s="8"/>
      <c r="KMB17" s="8"/>
      <c r="KMC17" s="8"/>
      <c r="KMD17" s="8"/>
      <c r="KME17" s="8"/>
      <c r="KMF17" s="8"/>
      <c r="KMG17" s="8"/>
      <c r="KMH17" s="8"/>
      <c r="KMI17" s="8"/>
      <c r="KMJ17" s="8"/>
      <c r="KMK17" s="8"/>
      <c r="KML17" s="8"/>
      <c r="KMM17" s="8"/>
      <c r="KMN17" s="8"/>
      <c r="KMO17" s="8"/>
      <c r="KMP17" s="8"/>
      <c r="KMQ17" s="8"/>
      <c r="KMR17" s="8"/>
      <c r="KMS17" s="8"/>
      <c r="KMT17" s="8"/>
      <c r="KMU17" s="8"/>
      <c r="KMV17" s="8"/>
      <c r="KMW17" s="8"/>
      <c r="KMX17" s="8"/>
      <c r="KMY17" s="8"/>
      <c r="KMZ17" s="8"/>
      <c r="KNA17" s="8"/>
      <c r="KNB17" s="8"/>
      <c r="KNC17" s="8"/>
      <c r="KND17" s="8"/>
      <c r="KNE17" s="8"/>
      <c r="KNF17" s="8"/>
      <c r="KNG17" s="8"/>
      <c r="KNH17" s="8"/>
      <c r="KNI17" s="8"/>
      <c r="KNJ17" s="8"/>
      <c r="KNK17" s="8"/>
      <c r="KNL17" s="8"/>
      <c r="KNM17" s="8"/>
      <c r="KNN17" s="8"/>
      <c r="KNO17" s="8"/>
      <c r="KNP17" s="8"/>
      <c r="KNQ17" s="8"/>
      <c r="KNR17" s="8"/>
      <c r="KNS17" s="8"/>
      <c r="KNT17" s="8"/>
      <c r="KNU17" s="8"/>
      <c r="KNV17" s="8"/>
      <c r="KNW17" s="8"/>
      <c r="KNX17" s="8"/>
      <c r="KNY17" s="8"/>
      <c r="KNZ17" s="8"/>
      <c r="KOA17" s="8"/>
      <c r="KOB17" s="8"/>
      <c r="KOC17" s="8"/>
      <c r="KOD17" s="8"/>
      <c r="KOE17" s="8"/>
      <c r="KOF17" s="8"/>
      <c r="KOG17" s="8"/>
      <c r="KOH17" s="8"/>
      <c r="KOI17" s="8"/>
      <c r="KOJ17" s="8"/>
      <c r="KOK17" s="8"/>
      <c r="KOL17" s="8"/>
      <c r="KOM17" s="8"/>
      <c r="KON17" s="8"/>
      <c r="KOO17" s="8"/>
      <c r="KOP17" s="8"/>
      <c r="KOQ17" s="8"/>
      <c r="KOR17" s="8"/>
      <c r="KOS17" s="8"/>
      <c r="KOT17" s="8"/>
      <c r="KOU17" s="8"/>
      <c r="KOV17" s="8"/>
      <c r="KOW17" s="8"/>
      <c r="KOX17" s="8"/>
      <c r="KOY17" s="8"/>
      <c r="KOZ17" s="8"/>
      <c r="KPA17" s="8"/>
      <c r="KPB17" s="8"/>
      <c r="KPC17" s="8"/>
      <c r="KPD17" s="8"/>
      <c r="KPE17" s="8"/>
      <c r="KPF17" s="8"/>
      <c r="KPG17" s="8"/>
      <c r="KPH17" s="8"/>
      <c r="KPI17" s="8"/>
      <c r="KPJ17" s="8"/>
      <c r="KPK17" s="8"/>
      <c r="KPL17" s="8"/>
      <c r="KPM17" s="8"/>
      <c r="KPN17" s="8"/>
      <c r="KPO17" s="8"/>
      <c r="KPP17" s="8"/>
      <c r="KPQ17" s="8"/>
      <c r="KPR17" s="8"/>
      <c r="KPS17" s="8"/>
      <c r="KPT17" s="8"/>
      <c r="KPU17" s="8"/>
      <c r="KPV17" s="8"/>
      <c r="KPW17" s="8"/>
      <c r="KPX17" s="8"/>
      <c r="KPY17" s="8"/>
      <c r="KPZ17" s="8"/>
      <c r="KQA17" s="8"/>
      <c r="KQB17" s="8"/>
      <c r="KQC17" s="8"/>
      <c r="KQD17" s="8"/>
      <c r="KQE17" s="8"/>
      <c r="KQF17" s="8"/>
      <c r="KQG17" s="8"/>
      <c r="KQH17" s="8"/>
      <c r="KQI17" s="8"/>
      <c r="KQJ17" s="8"/>
      <c r="KQK17" s="8"/>
      <c r="KQL17" s="8"/>
      <c r="KQM17" s="8"/>
      <c r="KQN17" s="8"/>
      <c r="KQO17" s="8"/>
      <c r="KQP17" s="8"/>
      <c r="KQQ17" s="8"/>
      <c r="KQR17" s="8"/>
      <c r="KQS17" s="8"/>
      <c r="KQT17" s="8"/>
      <c r="KQU17" s="8"/>
      <c r="KQV17" s="8"/>
      <c r="KQW17" s="8"/>
      <c r="KQX17" s="8"/>
      <c r="KQY17" s="8"/>
      <c r="KQZ17" s="8"/>
      <c r="KRA17" s="8"/>
      <c r="KRB17" s="8"/>
      <c r="KRC17" s="8"/>
      <c r="KRD17" s="8"/>
      <c r="KRE17" s="8"/>
      <c r="KRF17" s="8"/>
      <c r="KRG17" s="8"/>
      <c r="KRH17" s="8"/>
      <c r="KRI17" s="8"/>
      <c r="KRJ17" s="8"/>
      <c r="KRK17" s="8"/>
      <c r="KRL17" s="8"/>
      <c r="KRM17" s="8"/>
      <c r="KRN17" s="8"/>
      <c r="KRO17" s="8"/>
      <c r="KRP17" s="8"/>
      <c r="KRQ17" s="8"/>
      <c r="KRR17" s="8"/>
      <c r="KRS17" s="8"/>
      <c r="KRT17" s="8"/>
      <c r="KRU17" s="8"/>
      <c r="KRV17" s="8"/>
      <c r="KRW17" s="8"/>
      <c r="KRX17" s="8"/>
      <c r="KRY17" s="8"/>
      <c r="KRZ17" s="8"/>
      <c r="KSA17" s="8"/>
      <c r="KSB17" s="8"/>
      <c r="KSC17" s="8"/>
      <c r="KSD17" s="8"/>
      <c r="KSE17" s="8"/>
      <c r="KSF17" s="8"/>
      <c r="KSG17" s="8"/>
      <c r="KSH17" s="8"/>
      <c r="KSI17" s="8"/>
      <c r="KSJ17" s="8"/>
      <c r="KSK17" s="8"/>
      <c r="KSL17" s="8"/>
      <c r="KSM17" s="8"/>
      <c r="KSN17" s="8"/>
      <c r="KSO17" s="8"/>
      <c r="KSP17" s="8"/>
      <c r="KSQ17" s="8"/>
      <c r="KSR17" s="8"/>
      <c r="KSS17" s="8"/>
      <c r="KST17" s="8"/>
      <c r="KSU17" s="8"/>
      <c r="KSV17" s="8"/>
      <c r="KSW17" s="8"/>
      <c r="KSX17" s="8"/>
      <c r="KSY17" s="8"/>
      <c r="KSZ17" s="8"/>
      <c r="KTA17" s="8"/>
      <c r="KTB17" s="8"/>
      <c r="KTC17" s="8"/>
      <c r="KTD17" s="8"/>
      <c r="KTE17" s="8"/>
      <c r="KTF17" s="8"/>
      <c r="KTG17" s="8"/>
      <c r="KTH17" s="8"/>
      <c r="KTI17" s="8"/>
      <c r="KTJ17" s="8"/>
      <c r="KTK17" s="8"/>
      <c r="KTL17" s="8"/>
      <c r="KTM17" s="8"/>
      <c r="KTN17" s="8"/>
      <c r="KTO17" s="8"/>
      <c r="KTP17" s="8"/>
      <c r="KTQ17" s="8"/>
      <c r="KTR17" s="8"/>
      <c r="KTS17" s="8"/>
      <c r="KTT17" s="8"/>
      <c r="KTU17" s="8"/>
      <c r="KTV17" s="8"/>
      <c r="KTW17" s="8"/>
      <c r="KTX17" s="8"/>
      <c r="KTY17" s="8"/>
      <c r="KTZ17" s="8"/>
      <c r="KUA17" s="8"/>
      <c r="KUB17" s="8"/>
      <c r="KUC17" s="8"/>
      <c r="KUD17" s="8"/>
      <c r="KUE17" s="8"/>
      <c r="KUF17" s="8"/>
      <c r="KUG17" s="8"/>
      <c r="KUH17" s="8"/>
      <c r="KUI17" s="8"/>
      <c r="KUJ17" s="8"/>
      <c r="KUK17" s="8"/>
      <c r="KUL17" s="8"/>
      <c r="KUM17" s="8"/>
      <c r="KUN17" s="8"/>
      <c r="KUO17" s="8"/>
      <c r="KUP17" s="8"/>
      <c r="KUQ17" s="8"/>
      <c r="KUR17" s="8"/>
      <c r="KUS17" s="8"/>
      <c r="KUT17" s="8"/>
      <c r="KUU17" s="8"/>
      <c r="KUV17" s="8"/>
      <c r="KUW17" s="8"/>
      <c r="KUX17" s="8"/>
      <c r="KUY17" s="8"/>
      <c r="KUZ17" s="8"/>
      <c r="KVA17" s="8"/>
      <c r="KVB17" s="8"/>
      <c r="KVC17" s="8"/>
      <c r="KVD17" s="8"/>
      <c r="KVE17" s="8"/>
      <c r="KVF17" s="8"/>
      <c r="KVG17" s="8"/>
      <c r="KVH17" s="8"/>
      <c r="KVI17" s="8"/>
      <c r="KVJ17" s="8"/>
      <c r="KVK17" s="8"/>
      <c r="KVL17" s="8"/>
      <c r="KVM17" s="8"/>
      <c r="KVN17" s="8"/>
      <c r="KVO17" s="8"/>
      <c r="KVP17" s="8"/>
      <c r="KVQ17" s="8"/>
      <c r="KVR17" s="8"/>
      <c r="KVS17" s="8"/>
      <c r="KVT17" s="8"/>
      <c r="KVU17" s="8"/>
      <c r="KVV17" s="8"/>
      <c r="KVW17" s="8"/>
      <c r="KVX17" s="8"/>
      <c r="KVY17" s="8"/>
      <c r="KVZ17" s="8"/>
      <c r="KWA17" s="8"/>
      <c r="KWB17" s="8"/>
      <c r="KWC17" s="8"/>
      <c r="KWD17" s="8"/>
      <c r="KWE17" s="8"/>
      <c r="KWF17" s="8"/>
      <c r="KWG17" s="8"/>
      <c r="KWH17" s="8"/>
      <c r="KWI17" s="8"/>
      <c r="KWJ17" s="8"/>
      <c r="KWK17" s="8"/>
      <c r="KWL17" s="8"/>
      <c r="KWM17" s="8"/>
      <c r="KWN17" s="8"/>
      <c r="KWO17" s="8"/>
      <c r="KWP17" s="8"/>
      <c r="KWQ17" s="8"/>
      <c r="KWR17" s="8"/>
      <c r="KWS17" s="8"/>
      <c r="KWT17" s="8"/>
      <c r="KWU17" s="8"/>
      <c r="KWV17" s="8"/>
      <c r="KWW17" s="8"/>
      <c r="KWX17" s="8"/>
      <c r="KWY17" s="8"/>
      <c r="KWZ17" s="8"/>
      <c r="KXA17" s="8"/>
      <c r="KXB17" s="8"/>
      <c r="KXC17" s="8"/>
      <c r="KXD17" s="8"/>
      <c r="KXE17" s="8"/>
      <c r="KXF17" s="8"/>
      <c r="KXG17" s="8"/>
      <c r="KXH17" s="8"/>
      <c r="KXI17" s="8"/>
      <c r="KXJ17" s="8"/>
      <c r="KXK17" s="8"/>
      <c r="KXL17" s="8"/>
      <c r="KXM17" s="8"/>
      <c r="KXN17" s="8"/>
      <c r="KXO17" s="8"/>
      <c r="KXP17" s="8"/>
      <c r="KXQ17" s="8"/>
      <c r="KXR17" s="8"/>
      <c r="KXS17" s="8"/>
      <c r="KXT17" s="8"/>
      <c r="KXU17" s="8"/>
      <c r="KXV17" s="8"/>
      <c r="KXW17" s="8"/>
      <c r="KXX17" s="8"/>
      <c r="KXY17" s="8"/>
      <c r="KXZ17" s="8"/>
      <c r="KYA17" s="8"/>
      <c r="KYB17" s="8"/>
      <c r="KYC17" s="8"/>
      <c r="KYD17" s="8"/>
      <c r="KYE17" s="8"/>
      <c r="KYF17" s="8"/>
      <c r="KYG17" s="8"/>
      <c r="KYH17" s="8"/>
      <c r="KYI17" s="8"/>
      <c r="KYJ17" s="8"/>
      <c r="KYK17" s="8"/>
      <c r="KYL17" s="8"/>
      <c r="KYM17" s="8"/>
      <c r="KYN17" s="8"/>
      <c r="KYO17" s="8"/>
      <c r="KYP17" s="8"/>
      <c r="KYQ17" s="8"/>
      <c r="KYR17" s="8"/>
      <c r="KYS17" s="8"/>
      <c r="KYT17" s="8"/>
      <c r="KYU17" s="8"/>
      <c r="KYV17" s="8"/>
      <c r="KYW17" s="8"/>
      <c r="KYX17" s="8"/>
      <c r="KYY17" s="8"/>
      <c r="KYZ17" s="8"/>
      <c r="KZA17" s="8"/>
      <c r="KZB17" s="8"/>
      <c r="KZC17" s="8"/>
      <c r="KZD17" s="8"/>
      <c r="KZE17" s="8"/>
      <c r="KZF17" s="8"/>
      <c r="KZG17" s="8"/>
      <c r="KZH17" s="8"/>
      <c r="KZI17" s="8"/>
      <c r="KZJ17" s="8"/>
      <c r="KZK17" s="8"/>
      <c r="KZL17" s="8"/>
      <c r="KZM17" s="8"/>
      <c r="KZN17" s="8"/>
      <c r="KZO17" s="8"/>
      <c r="KZP17" s="8"/>
      <c r="KZQ17" s="8"/>
      <c r="KZR17" s="8"/>
      <c r="KZS17" s="8"/>
      <c r="KZT17" s="8"/>
      <c r="KZU17" s="8"/>
      <c r="KZV17" s="8"/>
      <c r="KZW17" s="8"/>
      <c r="KZX17" s="8"/>
      <c r="KZY17" s="8"/>
      <c r="KZZ17" s="8"/>
      <c r="LAA17" s="8"/>
      <c r="LAB17" s="8"/>
      <c r="LAC17" s="8"/>
      <c r="LAD17" s="8"/>
      <c r="LAE17" s="8"/>
      <c r="LAF17" s="8"/>
      <c r="LAG17" s="8"/>
      <c r="LAH17" s="8"/>
      <c r="LAI17" s="8"/>
      <c r="LAJ17" s="8"/>
      <c r="LAK17" s="8"/>
      <c r="LAL17" s="8"/>
      <c r="LAM17" s="8"/>
      <c r="LAN17" s="8"/>
      <c r="LAO17" s="8"/>
      <c r="LAP17" s="8"/>
      <c r="LAQ17" s="8"/>
      <c r="LAR17" s="8"/>
      <c r="LAS17" s="8"/>
      <c r="LAT17" s="8"/>
      <c r="LAU17" s="8"/>
      <c r="LAV17" s="8"/>
      <c r="LAW17" s="8"/>
      <c r="LAX17" s="8"/>
      <c r="LAY17" s="8"/>
      <c r="LAZ17" s="8"/>
      <c r="LBA17" s="8"/>
      <c r="LBB17" s="8"/>
      <c r="LBC17" s="8"/>
      <c r="LBD17" s="8"/>
      <c r="LBE17" s="8"/>
      <c r="LBF17" s="8"/>
      <c r="LBG17" s="8"/>
      <c r="LBH17" s="8"/>
      <c r="LBI17" s="8"/>
      <c r="LBJ17" s="8"/>
      <c r="LBK17" s="8"/>
      <c r="LBL17" s="8"/>
      <c r="LBM17" s="8"/>
      <c r="LBN17" s="8"/>
      <c r="LBO17" s="8"/>
      <c r="LBP17" s="8"/>
      <c r="LBQ17" s="8"/>
      <c r="LBR17" s="8"/>
      <c r="LBS17" s="8"/>
      <c r="LBT17" s="8"/>
      <c r="LBU17" s="8"/>
      <c r="LBV17" s="8"/>
      <c r="LBW17" s="8"/>
      <c r="LBX17" s="8"/>
      <c r="LBY17" s="8"/>
      <c r="LBZ17" s="8"/>
      <c r="LCA17" s="8"/>
      <c r="LCB17" s="8"/>
      <c r="LCC17" s="8"/>
      <c r="LCD17" s="8"/>
      <c r="LCE17" s="8"/>
      <c r="LCF17" s="8"/>
      <c r="LCG17" s="8"/>
      <c r="LCH17" s="8"/>
      <c r="LCI17" s="8"/>
      <c r="LCJ17" s="8"/>
      <c r="LCK17" s="8"/>
      <c r="LCL17" s="8"/>
      <c r="LCM17" s="8"/>
      <c r="LCN17" s="8"/>
      <c r="LCO17" s="8"/>
      <c r="LCP17" s="8"/>
      <c r="LCQ17" s="8"/>
      <c r="LCR17" s="8"/>
      <c r="LCS17" s="8"/>
      <c r="LCT17" s="8"/>
      <c r="LCU17" s="8"/>
      <c r="LCV17" s="8"/>
      <c r="LCW17" s="8"/>
      <c r="LCX17" s="8"/>
      <c r="LCY17" s="8"/>
      <c r="LCZ17" s="8"/>
      <c r="LDA17" s="8"/>
      <c r="LDB17" s="8"/>
      <c r="LDC17" s="8"/>
      <c r="LDD17" s="8"/>
      <c r="LDE17" s="8"/>
      <c r="LDF17" s="8"/>
      <c r="LDG17" s="8"/>
      <c r="LDH17" s="8"/>
      <c r="LDI17" s="8"/>
      <c r="LDJ17" s="8"/>
      <c r="LDK17" s="8"/>
      <c r="LDL17" s="8"/>
      <c r="LDM17" s="8"/>
      <c r="LDN17" s="8"/>
      <c r="LDO17" s="8"/>
      <c r="LDP17" s="8"/>
      <c r="LDQ17" s="8"/>
      <c r="LDR17" s="8"/>
      <c r="LDS17" s="8"/>
      <c r="LDT17" s="8"/>
      <c r="LDU17" s="8"/>
      <c r="LDV17" s="8"/>
      <c r="LDW17" s="8"/>
      <c r="LDX17" s="8"/>
      <c r="LDY17" s="8"/>
      <c r="LDZ17" s="8"/>
      <c r="LEA17" s="8"/>
      <c r="LEB17" s="8"/>
      <c r="LEC17" s="8"/>
      <c r="LED17" s="8"/>
      <c r="LEE17" s="8"/>
      <c r="LEF17" s="8"/>
      <c r="LEG17" s="8"/>
      <c r="LEH17" s="8"/>
      <c r="LEI17" s="8"/>
      <c r="LEJ17" s="8"/>
      <c r="LEK17" s="8"/>
      <c r="LEL17" s="8"/>
      <c r="LEM17" s="8"/>
      <c r="LEN17" s="8"/>
      <c r="LEO17" s="8"/>
      <c r="LEP17" s="8"/>
      <c r="LEQ17" s="8"/>
      <c r="LER17" s="8"/>
      <c r="LES17" s="8"/>
      <c r="LET17" s="8"/>
      <c r="LEU17" s="8"/>
      <c r="LEV17" s="8"/>
      <c r="LEW17" s="8"/>
      <c r="LEX17" s="8"/>
      <c r="LEY17" s="8"/>
      <c r="LEZ17" s="8"/>
      <c r="LFA17" s="8"/>
      <c r="LFB17" s="8"/>
      <c r="LFC17" s="8"/>
      <c r="LFD17" s="8"/>
      <c r="LFE17" s="8"/>
      <c r="LFF17" s="8"/>
      <c r="LFG17" s="8"/>
      <c r="LFH17" s="8"/>
      <c r="LFI17" s="8"/>
      <c r="LFJ17" s="8"/>
      <c r="LFK17" s="8"/>
      <c r="LFL17" s="8"/>
      <c r="LFM17" s="8"/>
      <c r="LFN17" s="8"/>
      <c r="LFO17" s="8"/>
      <c r="LFP17" s="8"/>
      <c r="LFQ17" s="8"/>
      <c r="LFR17" s="8"/>
      <c r="LFS17" s="8"/>
      <c r="LFT17" s="8"/>
      <c r="LFU17" s="8"/>
      <c r="LFV17" s="8"/>
      <c r="LFW17" s="8"/>
      <c r="LFX17" s="8"/>
      <c r="LFY17" s="8"/>
      <c r="LFZ17" s="8"/>
      <c r="LGA17" s="8"/>
      <c r="LGB17" s="8"/>
      <c r="LGC17" s="8"/>
      <c r="LGD17" s="8"/>
      <c r="LGE17" s="8"/>
      <c r="LGF17" s="8"/>
      <c r="LGG17" s="8"/>
      <c r="LGH17" s="8"/>
      <c r="LGI17" s="8"/>
      <c r="LGJ17" s="8"/>
      <c r="LGK17" s="8"/>
      <c r="LGL17" s="8"/>
      <c r="LGM17" s="8"/>
      <c r="LGN17" s="8"/>
      <c r="LGO17" s="8"/>
      <c r="LGP17" s="8"/>
      <c r="LGQ17" s="8"/>
      <c r="LGR17" s="8"/>
      <c r="LGS17" s="8"/>
      <c r="LGT17" s="8"/>
      <c r="LGU17" s="8"/>
      <c r="LGV17" s="8"/>
      <c r="LGW17" s="8"/>
      <c r="LGX17" s="8"/>
      <c r="LGY17" s="8"/>
      <c r="LGZ17" s="8"/>
      <c r="LHA17" s="8"/>
      <c r="LHB17" s="8"/>
      <c r="LHC17" s="8"/>
      <c r="LHD17" s="8"/>
      <c r="LHE17" s="8"/>
      <c r="LHF17" s="8"/>
      <c r="LHG17" s="8"/>
      <c r="LHH17" s="8"/>
      <c r="LHI17" s="8"/>
      <c r="LHJ17" s="8"/>
      <c r="LHK17" s="8"/>
      <c r="LHL17" s="8"/>
      <c r="LHM17" s="8"/>
      <c r="LHN17" s="8"/>
      <c r="LHO17" s="8"/>
      <c r="LHP17" s="8"/>
      <c r="LHQ17" s="8"/>
      <c r="LHR17" s="8"/>
      <c r="LHS17" s="8"/>
      <c r="LHT17" s="8"/>
      <c r="LHU17" s="8"/>
      <c r="LHV17" s="8"/>
      <c r="LHW17" s="8"/>
      <c r="LHX17" s="8"/>
      <c r="LHY17" s="8"/>
      <c r="LHZ17" s="8"/>
      <c r="LIA17" s="8"/>
      <c r="LIB17" s="8"/>
      <c r="LIC17" s="8"/>
      <c r="LID17" s="8"/>
      <c r="LIE17" s="8"/>
      <c r="LIF17" s="8"/>
      <c r="LIG17" s="8"/>
      <c r="LIH17" s="8"/>
      <c r="LII17" s="8"/>
      <c r="LIJ17" s="8"/>
      <c r="LIK17" s="8"/>
      <c r="LIL17" s="8"/>
      <c r="LIM17" s="8"/>
      <c r="LIN17" s="8"/>
      <c r="LIO17" s="8"/>
      <c r="LIP17" s="8"/>
      <c r="LIQ17" s="8"/>
      <c r="LIR17" s="8"/>
      <c r="LIS17" s="8"/>
      <c r="LIT17" s="8"/>
      <c r="LIU17" s="8"/>
      <c r="LIV17" s="8"/>
      <c r="LIW17" s="8"/>
      <c r="LIX17" s="8"/>
      <c r="LIY17" s="8"/>
      <c r="LIZ17" s="8"/>
      <c r="LJA17" s="8"/>
      <c r="LJB17" s="8"/>
      <c r="LJC17" s="8"/>
      <c r="LJD17" s="8"/>
      <c r="LJE17" s="8"/>
      <c r="LJF17" s="8"/>
      <c r="LJG17" s="8"/>
      <c r="LJH17" s="8"/>
      <c r="LJI17" s="8"/>
      <c r="LJJ17" s="8"/>
      <c r="LJK17" s="8"/>
      <c r="LJL17" s="8"/>
      <c r="LJM17" s="8"/>
      <c r="LJN17" s="8"/>
      <c r="LJO17" s="8"/>
      <c r="LJP17" s="8"/>
      <c r="LJQ17" s="8"/>
      <c r="LJR17" s="8"/>
      <c r="LJS17" s="8"/>
      <c r="LJT17" s="8"/>
      <c r="LJU17" s="8"/>
      <c r="LJV17" s="8"/>
      <c r="LJW17" s="8"/>
      <c r="LJX17" s="8"/>
      <c r="LJY17" s="8"/>
      <c r="LJZ17" s="8"/>
      <c r="LKA17" s="8"/>
      <c r="LKB17" s="8"/>
      <c r="LKC17" s="8"/>
      <c r="LKD17" s="8"/>
      <c r="LKE17" s="8"/>
      <c r="LKF17" s="8"/>
      <c r="LKG17" s="8"/>
      <c r="LKH17" s="8"/>
      <c r="LKI17" s="8"/>
      <c r="LKJ17" s="8"/>
      <c r="LKK17" s="8"/>
      <c r="LKL17" s="8"/>
      <c r="LKM17" s="8"/>
      <c r="LKN17" s="8"/>
      <c r="LKO17" s="8"/>
      <c r="LKP17" s="8"/>
      <c r="LKQ17" s="8"/>
      <c r="LKR17" s="8"/>
      <c r="LKS17" s="8"/>
      <c r="LKT17" s="8"/>
      <c r="LKU17" s="8"/>
      <c r="LKV17" s="8"/>
      <c r="LKW17" s="8"/>
      <c r="LKX17" s="8"/>
      <c r="LKY17" s="8"/>
      <c r="LKZ17" s="8"/>
      <c r="LLA17" s="8"/>
      <c r="LLB17" s="8"/>
      <c r="LLC17" s="8"/>
      <c r="LLD17" s="8"/>
      <c r="LLE17" s="8"/>
      <c r="LLF17" s="8"/>
      <c r="LLG17" s="8"/>
      <c r="LLH17" s="8"/>
      <c r="LLI17" s="8"/>
      <c r="LLJ17" s="8"/>
      <c r="LLK17" s="8"/>
      <c r="LLL17" s="8"/>
      <c r="LLM17" s="8"/>
      <c r="LLN17" s="8"/>
      <c r="LLO17" s="8"/>
      <c r="LLP17" s="8"/>
      <c r="LLQ17" s="8"/>
      <c r="LLR17" s="8"/>
      <c r="LLS17" s="8"/>
      <c r="LLT17" s="8"/>
      <c r="LLU17" s="8"/>
      <c r="LLV17" s="8"/>
      <c r="LLW17" s="8"/>
      <c r="LLX17" s="8"/>
      <c r="LLY17" s="8"/>
      <c r="LLZ17" s="8"/>
      <c r="LMA17" s="8"/>
      <c r="LMB17" s="8"/>
      <c r="LMC17" s="8"/>
      <c r="LMD17" s="8"/>
      <c r="LME17" s="8"/>
      <c r="LMF17" s="8"/>
      <c r="LMG17" s="8"/>
      <c r="LMH17" s="8"/>
      <c r="LMI17" s="8"/>
      <c r="LMJ17" s="8"/>
      <c r="LMK17" s="8"/>
      <c r="LML17" s="8"/>
      <c r="LMM17" s="8"/>
      <c r="LMN17" s="8"/>
      <c r="LMO17" s="8"/>
      <c r="LMP17" s="8"/>
      <c r="LMQ17" s="8"/>
      <c r="LMR17" s="8"/>
      <c r="LMS17" s="8"/>
      <c r="LMT17" s="8"/>
      <c r="LMU17" s="8"/>
      <c r="LMV17" s="8"/>
      <c r="LMW17" s="8"/>
      <c r="LMX17" s="8"/>
      <c r="LMY17" s="8"/>
      <c r="LMZ17" s="8"/>
      <c r="LNA17" s="8"/>
      <c r="LNB17" s="8"/>
      <c r="LNC17" s="8"/>
      <c r="LND17" s="8"/>
      <c r="LNE17" s="8"/>
      <c r="LNF17" s="8"/>
      <c r="LNG17" s="8"/>
      <c r="LNH17" s="8"/>
      <c r="LNI17" s="8"/>
      <c r="LNJ17" s="8"/>
      <c r="LNK17" s="8"/>
      <c r="LNL17" s="8"/>
      <c r="LNM17" s="8"/>
      <c r="LNN17" s="8"/>
      <c r="LNO17" s="8"/>
      <c r="LNP17" s="8"/>
      <c r="LNQ17" s="8"/>
      <c r="LNR17" s="8"/>
      <c r="LNS17" s="8"/>
      <c r="LNT17" s="8"/>
      <c r="LNU17" s="8"/>
      <c r="LNV17" s="8"/>
      <c r="LNW17" s="8"/>
      <c r="LNX17" s="8"/>
      <c r="LNY17" s="8"/>
      <c r="LNZ17" s="8"/>
      <c r="LOA17" s="8"/>
      <c r="LOB17" s="8"/>
      <c r="LOC17" s="8"/>
      <c r="LOD17" s="8"/>
      <c r="LOE17" s="8"/>
      <c r="LOF17" s="8"/>
      <c r="LOG17" s="8"/>
      <c r="LOH17" s="8"/>
      <c r="LOI17" s="8"/>
      <c r="LOJ17" s="8"/>
      <c r="LOK17" s="8"/>
      <c r="LOL17" s="8"/>
      <c r="LOM17" s="8"/>
      <c r="LON17" s="8"/>
      <c r="LOO17" s="8"/>
      <c r="LOP17" s="8"/>
      <c r="LOQ17" s="8"/>
      <c r="LOR17" s="8"/>
      <c r="LOS17" s="8"/>
      <c r="LOT17" s="8"/>
      <c r="LOU17" s="8"/>
      <c r="LOV17" s="8"/>
      <c r="LOW17" s="8"/>
      <c r="LOX17" s="8"/>
      <c r="LOY17" s="8"/>
      <c r="LOZ17" s="8"/>
      <c r="LPA17" s="8"/>
      <c r="LPB17" s="8"/>
      <c r="LPC17" s="8"/>
      <c r="LPD17" s="8"/>
      <c r="LPE17" s="8"/>
      <c r="LPF17" s="8"/>
      <c r="LPG17" s="8"/>
      <c r="LPH17" s="8"/>
      <c r="LPI17" s="8"/>
      <c r="LPJ17" s="8"/>
      <c r="LPK17" s="8"/>
      <c r="LPL17" s="8"/>
      <c r="LPM17" s="8"/>
      <c r="LPN17" s="8"/>
      <c r="LPO17" s="8"/>
      <c r="LPP17" s="8"/>
      <c r="LPQ17" s="8"/>
      <c r="LPR17" s="8"/>
      <c r="LPS17" s="8"/>
      <c r="LPT17" s="8"/>
      <c r="LPU17" s="8"/>
      <c r="LPV17" s="8"/>
      <c r="LPW17" s="8"/>
      <c r="LPX17" s="8"/>
      <c r="LPY17" s="8"/>
      <c r="LPZ17" s="8"/>
      <c r="LQA17" s="8"/>
      <c r="LQB17" s="8"/>
      <c r="LQC17" s="8"/>
      <c r="LQD17" s="8"/>
      <c r="LQE17" s="8"/>
      <c r="LQF17" s="8"/>
      <c r="LQG17" s="8"/>
      <c r="LQH17" s="8"/>
      <c r="LQI17" s="8"/>
      <c r="LQJ17" s="8"/>
      <c r="LQK17" s="8"/>
      <c r="LQL17" s="8"/>
      <c r="LQM17" s="8"/>
      <c r="LQN17" s="8"/>
      <c r="LQO17" s="8"/>
      <c r="LQP17" s="8"/>
      <c r="LQQ17" s="8"/>
      <c r="LQR17" s="8"/>
      <c r="LQS17" s="8"/>
      <c r="LQT17" s="8"/>
      <c r="LQU17" s="8"/>
      <c r="LQV17" s="8"/>
      <c r="LQW17" s="8"/>
      <c r="LQX17" s="8"/>
      <c r="LQY17" s="8"/>
      <c r="LQZ17" s="8"/>
      <c r="LRA17" s="8"/>
      <c r="LRB17" s="8"/>
      <c r="LRC17" s="8"/>
      <c r="LRD17" s="8"/>
      <c r="LRE17" s="8"/>
      <c r="LRF17" s="8"/>
      <c r="LRG17" s="8"/>
      <c r="LRH17" s="8"/>
      <c r="LRI17" s="8"/>
      <c r="LRJ17" s="8"/>
      <c r="LRK17" s="8"/>
      <c r="LRL17" s="8"/>
      <c r="LRM17" s="8"/>
      <c r="LRN17" s="8"/>
      <c r="LRO17" s="8"/>
      <c r="LRP17" s="8"/>
      <c r="LRQ17" s="8"/>
      <c r="LRR17" s="8"/>
      <c r="LRS17" s="8"/>
      <c r="LRT17" s="8"/>
      <c r="LRU17" s="8"/>
      <c r="LRV17" s="8"/>
      <c r="LRW17" s="8"/>
      <c r="LRX17" s="8"/>
      <c r="LRY17" s="8"/>
      <c r="LRZ17" s="8"/>
      <c r="LSA17" s="8"/>
      <c r="LSB17" s="8"/>
      <c r="LSC17" s="8"/>
      <c r="LSD17" s="8"/>
      <c r="LSE17" s="8"/>
      <c r="LSF17" s="8"/>
      <c r="LSG17" s="8"/>
      <c r="LSH17" s="8"/>
      <c r="LSI17" s="8"/>
      <c r="LSJ17" s="8"/>
      <c r="LSK17" s="8"/>
      <c r="LSL17" s="8"/>
      <c r="LSM17" s="8"/>
      <c r="LSN17" s="8"/>
      <c r="LSO17" s="8"/>
      <c r="LSP17" s="8"/>
      <c r="LSQ17" s="8"/>
      <c r="LSR17" s="8"/>
      <c r="LSS17" s="8"/>
      <c r="LST17" s="8"/>
      <c r="LSU17" s="8"/>
      <c r="LSV17" s="8"/>
      <c r="LSW17" s="8"/>
      <c r="LSX17" s="8"/>
      <c r="LSY17" s="8"/>
      <c r="LSZ17" s="8"/>
      <c r="LTA17" s="8"/>
      <c r="LTB17" s="8"/>
      <c r="LTC17" s="8"/>
      <c r="LTD17" s="8"/>
      <c r="LTE17" s="8"/>
      <c r="LTF17" s="8"/>
      <c r="LTG17" s="8"/>
      <c r="LTH17" s="8"/>
      <c r="LTI17" s="8"/>
      <c r="LTJ17" s="8"/>
      <c r="LTK17" s="8"/>
      <c r="LTL17" s="8"/>
      <c r="LTM17" s="8"/>
      <c r="LTN17" s="8"/>
      <c r="LTO17" s="8"/>
      <c r="LTP17" s="8"/>
      <c r="LTQ17" s="8"/>
      <c r="LTR17" s="8"/>
      <c r="LTS17" s="8"/>
      <c r="LTT17" s="8"/>
      <c r="LTU17" s="8"/>
      <c r="LTV17" s="8"/>
      <c r="LTW17" s="8"/>
      <c r="LTX17" s="8"/>
      <c r="LTY17" s="8"/>
      <c r="LTZ17" s="8"/>
      <c r="LUA17" s="8"/>
      <c r="LUB17" s="8"/>
      <c r="LUC17" s="8"/>
      <c r="LUD17" s="8"/>
      <c r="LUE17" s="8"/>
      <c r="LUF17" s="8"/>
      <c r="LUG17" s="8"/>
      <c r="LUH17" s="8"/>
      <c r="LUI17" s="8"/>
      <c r="LUJ17" s="8"/>
      <c r="LUK17" s="8"/>
      <c r="LUL17" s="8"/>
      <c r="LUM17" s="8"/>
      <c r="LUN17" s="8"/>
      <c r="LUO17" s="8"/>
      <c r="LUP17" s="8"/>
      <c r="LUQ17" s="8"/>
      <c r="LUR17" s="8"/>
      <c r="LUS17" s="8"/>
      <c r="LUT17" s="8"/>
      <c r="LUU17" s="8"/>
      <c r="LUV17" s="8"/>
      <c r="LUW17" s="8"/>
      <c r="LUX17" s="8"/>
      <c r="LUY17" s="8"/>
      <c r="LUZ17" s="8"/>
      <c r="LVA17" s="8"/>
      <c r="LVB17" s="8"/>
      <c r="LVC17" s="8"/>
      <c r="LVD17" s="8"/>
      <c r="LVE17" s="8"/>
      <c r="LVF17" s="8"/>
      <c r="LVG17" s="8"/>
      <c r="LVH17" s="8"/>
      <c r="LVI17" s="8"/>
      <c r="LVJ17" s="8"/>
      <c r="LVK17" s="8"/>
      <c r="LVL17" s="8"/>
      <c r="LVM17" s="8"/>
      <c r="LVN17" s="8"/>
      <c r="LVO17" s="8"/>
      <c r="LVP17" s="8"/>
      <c r="LVQ17" s="8"/>
      <c r="LVR17" s="8"/>
      <c r="LVS17" s="8"/>
      <c r="LVT17" s="8"/>
      <c r="LVU17" s="8"/>
      <c r="LVV17" s="8"/>
      <c r="LVW17" s="8"/>
      <c r="LVX17" s="8"/>
      <c r="LVY17" s="8"/>
      <c r="LVZ17" s="8"/>
      <c r="LWA17" s="8"/>
      <c r="LWB17" s="8"/>
      <c r="LWC17" s="8"/>
      <c r="LWD17" s="8"/>
      <c r="LWE17" s="8"/>
      <c r="LWF17" s="8"/>
      <c r="LWG17" s="8"/>
      <c r="LWH17" s="8"/>
      <c r="LWI17" s="8"/>
      <c r="LWJ17" s="8"/>
      <c r="LWK17" s="8"/>
      <c r="LWL17" s="8"/>
      <c r="LWM17" s="8"/>
      <c r="LWN17" s="8"/>
      <c r="LWO17" s="8"/>
      <c r="LWP17" s="8"/>
      <c r="LWQ17" s="8"/>
      <c r="LWR17" s="8"/>
      <c r="LWS17" s="8"/>
      <c r="LWT17" s="8"/>
      <c r="LWU17" s="8"/>
      <c r="LWV17" s="8"/>
      <c r="LWW17" s="8"/>
      <c r="LWX17" s="8"/>
      <c r="LWY17" s="8"/>
      <c r="LWZ17" s="8"/>
      <c r="LXA17" s="8"/>
      <c r="LXB17" s="8"/>
      <c r="LXC17" s="8"/>
      <c r="LXD17" s="8"/>
      <c r="LXE17" s="8"/>
      <c r="LXF17" s="8"/>
      <c r="LXG17" s="8"/>
      <c r="LXH17" s="8"/>
      <c r="LXI17" s="8"/>
      <c r="LXJ17" s="8"/>
      <c r="LXK17" s="8"/>
      <c r="LXL17" s="8"/>
      <c r="LXM17" s="8"/>
      <c r="LXN17" s="8"/>
      <c r="LXO17" s="8"/>
      <c r="LXP17" s="8"/>
      <c r="LXQ17" s="8"/>
      <c r="LXR17" s="8"/>
      <c r="LXS17" s="8"/>
      <c r="LXT17" s="8"/>
      <c r="LXU17" s="8"/>
      <c r="LXV17" s="8"/>
      <c r="LXW17" s="8"/>
      <c r="LXX17" s="8"/>
      <c r="LXY17" s="8"/>
      <c r="LXZ17" s="8"/>
      <c r="LYA17" s="8"/>
      <c r="LYB17" s="8"/>
      <c r="LYC17" s="8"/>
      <c r="LYD17" s="8"/>
      <c r="LYE17" s="8"/>
      <c r="LYF17" s="8"/>
      <c r="LYG17" s="8"/>
      <c r="LYH17" s="8"/>
      <c r="LYI17" s="8"/>
      <c r="LYJ17" s="8"/>
      <c r="LYK17" s="8"/>
      <c r="LYL17" s="8"/>
      <c r="LYM17" s="8"/>
      <c r="LYN17" s="8"/>
      <c r="LYO17" s="8"/>
      <c r="LYP17" s="8"/>
      <c r="LYQ17" s="8"/>
      <c r="LYR17" s="8"/>
      <c r="LYS17" s="8"/>
      <c r="LYT17" s="8"/>
      <c r="LYU17" s="8"/>
      <c r="LYV17" s="8"/>
      <c r="LYW17" s="8"/>
      <c r="LYX17" s="8"/>
      <c r="LYY17" s="8"/>
      <c r="LYZ17" s="8"/>
      <c r="LZA17" s="8"/>
      <c r="LZB17" s="8"/>
      <c r="LZC17" s="8"/>
      <c r="LZD17" s="8"/>
      <c r="LZE17" s="8"/>
      <c r="LZF17" s="8"/>
      <c r="LZG17" s="8"/>
      <c r="LZH17" s="8"/>
      <c r="LZI17" s="8"/>
      <c r="LZJ17" s="8"/>
      <c r="LZK17" s="8"/>
      <c r="LZL17" s="8"/>
      <c r="LZM17" s="8"/>
      <c r="LZN17" s="8"/>
      <c r="LZO17" s="8"/>
      <c r="LZP17" s="8"/>
      <c r="LZQ17" s="8"/>
      <c r="LZR17" s="8"/>
      <c r="LZS17" s="8"/>
      <c r="LZT17" s="8"/>
      <c r="LZU17" s="8"/>
      <c r="LZV17" s="8"/>
      <c r="LZW17" s="8"/>
      <c r="LZX17" s="8"/>
      <c r="LZY17" s="8"/>
      <c r="LZZ17" s="8"/>
      <c r="MAA17" s="8"/>
      <c r="MAB17" s="8"/>
      <c r="MAC17" s="8"/>
      <c r="MAD17" s="8"/>
      <c r="MAE17" s="8"/>
      <c r="MAF17" s="8"/>
      <c r="MAG17" s="8"/>
      <c r="MAH17" s="8"/>
      <c r="MAI17" s="8"/>
      <c r="MAJ17" s="8"/>
      <c r="MAK17" s="8"/>
      <c r="MAL17" s="8"/>
      <c r="MAM17" s="8"/>
      <c r="MAN17" s="8"/>
      <c r="MAO17" s="8"/>
      <c r="MAP17" s="8"/>
      <c r="MAQ17" s="8"/>
      <c r="MAR17" s="8"/>
      <c r="MAS17" s="8"/>
      <c r="MAT17" s="8"/>
      <c r="MAU17" s="8"/>
      <c r="MAV17" s="8"/>
      <c r="MAW17" s="8"/>
      <c r="MAX17" s="8"/>
      <c r="MAY17" s="8"/>
      <c r="MAZ17" s="8"/>
      <c r="MBA17" s="8"/>
      <c r="MBB17" s="8"/>
      <c r="MBC17" s="8"/>
      <c r="MBD17" s="8"/>
      <c r="MBE17" s="8"/>
      <c r="MBF17" s="8"/>
      <c r="MBG17" s="8"/>
      <c r="MBH17" s="8"/>
      <c r="MBI17" s="8"/>
      <c r="MBJ17" s="8"/>
      <c r="MBK17" s="8"/>
      <c r="MBL17" s="8"/>
      <c r="MBM17" s="8"/>
      <c r="MBN17" s="8"/>
      <c r="MBO17" s="8"/>
      <c r="MBP17" s="8"/>
      <c r="MBQ17" s="8"/>
      <c r="MBR17" s="8"/>
      <c r="MBS17" s="8"/>
      <c r="MBT17" s="8"/>
      <c r="MBU17" s="8"/>
      <c r="MBV17" s="8"/>
      <c r="MBW17" s="8"/>
      <c r="MBX17" s="8"/>
      <c r="MBY17" s="8"/>
      <c r="MBZ17" s="8"/>
      <c r="MCA17" s="8"/>
      <c r="MCB17" s="8"/>
      <c r="MCC17" s="8"/>
      <c r="MCD17" s="8"/>
      <c r="MCE17" s="8"/>
      <c r="MCF17" s="8"/>
      <c r="MCG17" s="8"/>
      <c r="MCH17" s="8"/>
      <c r="MCI17" s="8"/>
      <c r="MCJ17" s="8"/>
      <c r="MCK17" s="8"/>
      <c r="MCL17" s="8"/>
      <c r="MCM17" s="8"/>
      <c r="MCN17" s="8"/>
      <c r="MCO17" s="8"/>
      <c r="MCP17" s="8"/>
      <c r="MCQ17" s="8"/>
      <c r="MCR17" s="8"/>
      <c r="MCS17" s="8"/>
      <c r="MCT17" s="8"/>
      <c r="MCU17" s="8"/>
      <c r="MCV17" s="8"/>
      <c r="MCW17" s="8"/>
      <c r="MCX17" s="8"/>
      <c r="MCY17" s="8"/>
      <c r="MCZ17" s="8"/>
      <c r="MDA17" s="8"/>
      <c r="MDB17" s="8"/>
      <c r="MDC17" s="8"/>
      <c r="MDD17" s="8"/>
      <c r="MDE17" s="8"/>
      <c r="MDF17" s="8"/>
      <c r="MDG17" s="8"/>
      <c r="MDH17" s="8"/>
      <c r="MDI17" s="8"/>
      <c r="MDJ17" s="8"/>
      <c r="MDK17" s="8"/>
      <c r="MDL17" s="8"/>
      <c r="MDM17" s="8"/>
      <c r="MDN17" s="8"/>
      <c r="MDO17" s="8"/>
      <c r="MDP17" s="8"/>
      <c r="MDQ17" s="8"/>
      <c r="MDR17" s="8"/>
      <c r="MDS17" s="8"/>
      <c r="MDT17" s="8"/>
      <c r="MDU17" s="8"/>
      <c r="MDV17" s="8"/>
      <c r="MDW17" s="8"/>
      <c r="MDX17" s="8"/>
      <c r="MDY17" s="8"/>
      <c r="MDZ17" s="8"/>
      <c r="MEA17" s="8"/>
      <c r="MEB17" s="8"/>
      <c r="MEC17" s="8"/>
      <c r="MED17" s="8"/>
      <c r="MEE17" s="8"/>
      <c r="MEF17" s="8"/>
      <c r="MEG17" s="8"/>
      <c r="MEH17" s="8"/>
      <c r="MEI17" s="8"/>
      <c r="MEJ17" s="8"/>
      <c r="MEK17" s="8"/>
      <c r="MEL17" s="8"/>
      <c r="MEM17" s="8"/>
      <c r="MEN17" s="8"/>
      <c r="MEO17" s="8"/>
      <c r="MEP17" s="8"/>
      <c r="MEQ17" s="8"/>
      <c r="MER17" s="8"/>
      <c r="MES17" s="8"/>
      <c r="MET17" s="8"/>
      <c r="MEU17" s="8"/>
      <c r="MEV17" s="8"/>
      <c r="MEW17" s="8"/>
      <c r="MEX17" s="8"/>
      <c r="MEY17" s="8"/>
      <c r="MEZ17" s="8"/>
      <c r="MFA17" s="8"/>
      <c r="MFB17" s="8"/>
      <c r="MFC17" s="8"/>
      <c r="MFD17" s="8"/>
      <c r="MFE17" s="8"/>
      <c r="MFF17" s="8"/>
      <c r="MFG17" s="8"/>
      <c r="MFH17" s="8"/>
      <c r="MFI17" s="8"/>
      <c r="MFJ17" s="8"/>
      <c r="MFK17" s="8"/>
      <c r="MFL17" s="8"/>
      <c r="MFM17" s="8"/>
      <c r="MFN17" s="8"/>
      <c r="MFO17" s="8"/>
      <c r="MFP17" s="8"/>
      <c r="MFQ17" s="8"/>
      <c r="MFR17" s="8"/>
      <c r="MFS17" s="8"/>
      <c r="MFT17" s="8"/>
      <c r="MFU17" s="8"/>
      <c r="MFV17" s="8"/>
      <c r="MFW17" s="8"/>
      <c r="MFX17" s="8"/>
      <c r="MFY17" s="8"/>
      <c r="MFZ17" s="8"/>
      <c r="MGA17" s="8"/>
      <c r="MGB17" s="8"/>
      <c r="MGC17" s="8"/>
      <c r="MGD17" s="8"/>
      <c r="MGE17" s="8"/>
      <c r="MGF17" s="8"/>
      <c r="MGG17" s="8"/>
      <c r="MGH17" s="8"/>
      <c r="MGI17" s="8"/>
      <c r="MGJ17" s="8"/>
      <c r="MGK17" s="8"/>
      <c r="MGL17" s="8"/>
      <c r="MGM17" s="8"/>
      <c r="MGN17" s="8"/>
      <c r="MGO17" s="8"/>
      <c r="MGP17" s="8"/>
      <c r="MGQ17" s="8"/>
      <c r="MGR17" s="8"/>
      <c r="MGS17" s="8"/>
      <c r="MGT17" s="8"/>
      <c r="MGU17" s="8"/>
      <c r="MGV17" s="8"/>
      <c r="MGW17" s="8"/>
      <c r="MGX17" s="8"/>
      <c r="MGY17" s="8"/>
      <c r="MGZ17" s="8"/>
      <c r="MHA17" s="8"/>
      <c r="MHB17" s="8"/>
      <c r="MHC17" s="8"/>
      <c r="MHD17" s="8"/>
      <c r="MHE17" s="8"/>
      <c r="MHF17" s="8"/>
      <c r="MHG17" s="8"/>
      <c r="MHH17" s="8"/>
      <c r="MHI17" s="8"/>
      <c r="MHJ17" s="8"/>
      <c r="MHK17" s="8"/>
      <c r="MHL17" s="8"/>
      <c r="MHM17" s="8"/>
      <c r="MHN17" s="8"/>
      <c r="MHO17" s="8"/>
      <c r="MHP17" s="8"/>
      <c r="MHQ17" s="8"/>
      <c r="MHR17" s="8"/>
      <c r="MHS17" s="8"/>
      <c r="MHT17" s="8"/>
      <c r="MHU17" s="8"/>
      <c r="MHV17" s="8"/>
      <c r="MHW17" s="8"/>
      <c r="MHX17" s="8"/>
      <c r="MHY17" s="8"/>
      <c r="MHZ17" s="8"/>
      <c r="MIA17" s="8"/>
      <c r="MIB17" s="8"/>
      <c r="MIC17" s="8"/>
      <c r="MID17" s="8"/>
      <c r="MIE17" s="8"/>
      <c r="MIF17" s="8"/>
      <c r="MIG17" s="8"/>
      <c r="MIH17" s="8"/>
      <c r="MII17" s="8"/>
      <c r="MIJ17" s="8"/>
      <c r="MIK17" s="8"/>
      <c r="MIL17" s="8"/>
      <c r="MIM17" s="8"/>
      <c r="MIN17" s="8"/>
      <c r="MIO17" s="8"/>
      <c r="MIP17" s="8"/>
      <c r="MIQ17" s="8"/>
      <c r="MIR17" s="8"/>
      <c r="MIS17" s="8"/>
      <c r="MIT17" s="8"/>
      <c r="MIU17" s="8"/>
      <c r="MIV17" s="8"/>
      <c r="MIW17" s="8"/>
      <c r="MIX17" s="8"/>
      <c r="MIY17" s="8"/>
      <c r="MIZ17" s="8"/>
      <c r="MJA17" s="8"/>
      <c r="MJB17" s="8"/>
      <c r="MJC17" s="8"/>
      <c r="MJD17" s="8"/>
      <c r="MJE17" s="8"/>
      <c r="MJF17" s="8"/>
      <c r="MJG17" s="8"/>
      <c r="MJH17" s="8"/>
      <c r="MJI17" s="8"/>
      <c r="MJJ17" s="8"/>
      <c r="MJK17" s="8"/>
      <c r="MJL17" s="8"/>
      <c r="MJM17" s="8"/>
      <c r="MJN17" s="8"/>
      <c r="MJO17" s="8"/>
      <c r="MJP17" s="8"/>
      <c r="MJQ17" s="8"/>
      <c r="MJR17" s="8"/>
      <c r="MJS17" s="8"/>
      <c r="MJT17" s="8"/>
      <c r="MJU17" s="8"/>
      <c r="MJV17" s="8"/>
      <c r="MJW17" s="8"/>
      <c r="MJX17" s="8"/>
      <c r="MJY17" s="8"/>
      <c r="MJZ17" s="8"/>
      <c r="MKA17" s="8"/>
      <c r="MKB17" s="8"/>
      <c r="MKC17" s="8"/>
      <c r="MKD17" s="8"/>
      <c r="MKE17" s="8"/>
      <c r="MKF17" s="8"/>
      <c r="MKG17" s="8"/>
      <c r="MKH17" s="8"/>
      <c r="MKI17" s="8"/>
      <c r="MKJ17" s="8"/>
      <c r="MKK17" s="8"/>
      <c r="MKL17" s="8"/>
      <c r="MKM17" s="8"/>
      <c r="MKN17" s="8"/>
      <c r="MKO17" s="8"/>
      <c r="MKP17" s="8"/>
      <c r="MKQ17" s="8"/>
      <c r="MKR17" s="8"/>
      <c r="MKS17" s="8"/>
      <c r="MKT17" s="8"/>
      <c r="MKU17" s="8"/>
      <c r="MKV17" s="8"/>
      <c r="MKW17" s="8"/>
      <c r="MKX17" s="8"/>
      <c r="MKY17" s="8"/>
      <c r="MKZ17" s="8"/>
      <c r="MLA17" s="8"/>
      <c r="MLB17" s="8"/>
      <c r="MLC17" s="8"/>
      <c r="MLD17" s="8"/>
      <c r="MLE17" s="8"/>
      <c r="MLF17" s="8"/>
      <c r="MLG17" s="8"/>
      <c r="MLH17" s="8"/>
      <c r="MLI17" s="8"/>
      <c r="MLJ17" s="8"/>
      <c r="MLK17" s="8"/>
      <c r="MLL17" s="8"/>
      <c r="MLM17" s="8"/>
      <c r="MLN17" s="8"/>
      <c r="MLO17" s="8"/>
      <c r="MLP17" s="8"/>
      <c r="MLQ17" s="8"/>
      <c r="MLR17" s="8"/>
      <c r="MLS17" s="8"/>
      <c r="MLT17" s="8"/>
      <c r="MLU17" s="8"/>
      <c r="MLV17" s="8"/>
      <c r="MLW17" s="8"/>
      <c r="MLX17" s="8"/>
      <c r="MLY17" s="8"/>
      <c r="MLZ17" s="8"/>
      <c r="MMA17" s="8"/>
      <c r="MMB17" s="8"/>
      <c r="MMC17" s="8"/>
      <c r="MMD17" s="8"/>
      <c r="MME17" s="8"/>
      <c r="MMF17" s="8"/>
      <c r="MMG17" s="8"/>
      <c r="MMH17" s="8"/>
      <c r="MMI17" s="8"/>
      <c r="MMJ17" s="8"/>
      <c r="MMK17" s="8"/>
      <c r="MML17" s="8"/>
      <c r="MMM17" s="8"/>
      <c r="MMN17" s="8"/>
      <c r="MMO17" s="8"/>
      <c r="MMP17" s="8"/>
      <c r="MMQ17" s="8"/>
      <c r="MMR17" s="8"/>
      <c r="MMS17" s="8"/>
      <c r="MMT17" s="8"/>
      <c r="MMU17" s="8"/>
      <c r="MMV17" s="8"/>
      <c r="MMW17" s="8"/>
      <c r="MMX17" s="8"/>
      <c r="MMY17" s="8"/>
      <c r="MMZ17" s="8"/>
      <c r="MNA17" s="8"/>
      <c r="MNB17" s="8"/>
      <c r="MNC17" s="8"/>
      <c r="MND17" s="8"/>
      <c r="MNE17" s="8"/>
      <c r="MNF17" s="8"/>
      <c r="MNG17" s="8"/>
      <c r="MNH17" s="8"/>
      <c r="MNI17" s="8"/>
      <c r="MNJ17" s="8"/>
      <c r="MNK17" s="8"/>
      <c r="MNL17" s="8"/>
      <c r="MNM17" s="8"/>
      <c r="MNN17" s="8"/>
      <c r="MNO17" s="8"/>
      <c r="MNP17" s="8"/>
      <c r="MNQ17" s="8"/>
      <c r="MNR17" s="8"/>
      <c r="MNS17" s="8"/>
      <c r="MNT17" s="8"/>
      <c r="MNU17" s="8"/>
      <c r="MNV17" s="8"/>
      <c r="MNW17" s="8"/>
      <c r="MNX17" s="8"/>
      <c r="MNY17" s="8"/>
      <c r="MNZ17" s="8"/>
      <c r="MOA17" s="8"/>
      <c r="MOB17" s="8"/>
      <c r="MOC17" s="8"/>
      <c r="MOD17" s="8"/>
      <c r="MOE17" s="8"/>
      <c r="MOF17" s="8"/>
      <c r="MOG17" s="8"/>
      <c r="MOH17" s="8"/>
      <c r="MOI17" s="8"/>
      <c r="MOJ17" s="8"/>
      <c r="MOK17" s="8"/>
      <c r="MOL17" s="8"/>
      <c r="MOM17" s="8"/>
      <c r="MON17" s="8"/>
      <c r="MOO17" s="8"/>
      <c r="MOP17" s="8"/>
      <c r="MOQ17" s="8"/>
      <c r="MOR17" s="8"/>
      <c r="MOS17" s="8"/>
      <c r="MOT17" s="8"/>
      <c r="MOU17" s="8"/>
      <c r="MOV17" s="8"/>
      <c r="MOW17" s="8"/>
      <c r="MOX17" s="8"/>
      <c r="MOY17" s="8"/>
      <c r="MOZ17" s="8"/>
      <c r="MPA17" s="8"/>
      <c r="MPB17" s="8"/>
      <c r="MPC17" s="8"/>
      <c r="MPD17" s="8"/>
      <c r="MPE17" s="8"/>
      <c r="MPF17" s="8"/>
      <c r="MPG17" s="8"/>
      <c r="MPH17" s="8"/>
      <c r="MPI17" s="8"/>
      <c r="MPJ17" s="8"/>
      <c r="MPK17" s="8"/>
      <c r="MPL17" s="8"/>
      <c r="MPM17" s="8"/>
      <c r="MPN17" s="8"/>
      <c r="MPO17" s="8"/>
      <c r="MPP17" s="8"/>
      <c r="MPQ17" s="8"/>
      <c r="MPR17" s="8"/>
      <c r="MPS17" s="8"/>
      <c r="MPT17" s="8"/>
      <c r="MPU17" s="8"/>
      <c r="MPV17" s="8"/>
      <c r="MPW17" s="8"/>
      <c r="MPX17" s="8"/>
      <c r="MPY17" s="8"/>
      <c r="MPZ17" s="8"/>
      <c r="MQA17" s="8"/>
      <c r="MQB17" s="8"/>
      <c r="MQC17" s="8"/>
      <c r="MQD17" s="8"/>
      <c r="MQE17" s="8"/>
      <c r="MQF17" s="8"/>
      <c r="MQG17" s="8"/>
      <c r="MQH17" s="8"/>
      <c r="MQI17" s="8"/>
      <c r="MQJ17" s="8"/>
      <c r="MQK17" s="8"/>
      <c r="MQL17" s="8"/>
      <c r="MQM17" s="8"/>
      <c r="MQN17" s="8"/>
      <c r="MQO17" s="8"/>
      <c r="MQP17" s="8"/>
      <c r="MQQ17" s="8"/>
      <c r="MQR17" s="8"/>
      <c r="MQS17" s="8"/>
      <c r="MQT17" s="8"/>
      <c r="MQU17" s="8"/>
      <c r="MQV17" s="8"/>
      <c r="MQW17" s="8"/>
      <c r="MQX17" s="8"/>
      <c r="MQY17" s="8"/>
      <c r="MQZ17" s="8"/>
      <c r="MRA17" s="8"/>
      <c r="MRB17" s="8"/>
      <c r="MRC17" s="8"/>
      <c r="MRD17" s="8"/>
      <c r="MRE17" s="8"/>
      <c r="MRF17" s="8"/>
      <c r="MRG17" s="8"/>
      <c r="MRH17" s="8"/>
      <c r="MRI17" s="8"/>
      <c r="MRJ17" s="8"/>
      <c r="MRK17" s="8"/>
      <c r="MRL17" s="8"/>
      <c r="MRM17" s="8"/>
      <c r="MRN17" s="8"/>
      <c r="MRO17" s="8"/>
      <c r="MRP17" s="8"/>
      <c r="MRQ17" s="8"/>
      <c r="MRR17" s="8"/>
      <c r="MRS17" s="8"/>
      <c r="MRT17" s="8"/>
      <c r="MRU17" s="8"/>
      <c r="MRV17" s="8"/>
      <c r="MRW17" s="8"/>
      <c r="MRX17" s="8"/>
      <c r="MRY17" s="8"/>
      <c r="MRZ17" s="8"/>
      <c r="MSA17" s="8"/>
      <c r="MSB17" s="8"/>
      <c r="MSC17" s="8"/>
      <c r="MSD17" s="8"/>
      <c r="MSE17" s="8"/>
      <c r="MSF17" s="8"/>
      <c r="MSG17" s="8"/>
      <c r="MSH17" s="8"/>
      <c r="MSI17" s="8"/>
      <c r="MSJ17" s="8"/>
      <c r="MSK17" s="8"/>
      <c r="MSL17" s="8"/>
      <c r="MSM17" s="8"/>
      <c r="MSN17" s="8"/>
      <c r="MSO17" s="8"/>
      <c r="MSP17" s="8"/>
      <c r="MSQ17" s="8"/>
      <c r="MSR17" s="8"/>
      <c r="MSS17" s="8"/>
      <c r="MST17" s="8"/>
      <c r="MSU17" s="8"/>
      <c r="MSV17" s="8"/>
      <c r="MSW17" s="8"/>
      <c r="MSX17" s="8"/>
      <c r="MSY17" s="8"/>
      <c r="MSZ17" s="8"/>
      <c r="MTA17" s="8"/>
      <c r="MTB17" s="8"/>
      <c r="MTC17" s="8"/>
      <c r="MTD17" s="8"/>
      <c r="MTE17" s="8"/>
      <c r="MTF17" s="8"/>
      <c r="MTG17" s="8"/>
      <c r="MTH17" s="8"/>
      <c r="MTI17" s="8"/>
      <c r="MTJ17" s="8"/>
      <c r="MTK17" s="8"/>
      <c r="MTL17" s="8"/>
      <c r="MTM17" s="8"/>
      <c r="MTN17" s="8"/>
      <c r="MTO17" s="8"/>
      <c r="MTP17" s="8"/>
      <c r="MTQ17" s="8"/>
      <c r="MTR17" s="8"/>
      <c r="MTS17" s="8"/>
      <c r="MTT17" s="8"/>
      <c r="MTU17" s="8"/>
      <c r="MTV17" s="8"/>
      <c r="MTW17" s="8"/>
      <c r="MTX17" s="8"/>
      <c r="MTY17" s="8"/>
      <c r="MTZ17" s="8"/>
      <c r="MUA17" s="8"/>
      <c r="MUB17" s="8"/>
      <c r="MUC17" s="8"/>
      <c r="MUD17" s="8"/>
      <c r="MUE17" s="8"/>
      <c r="MUF17" s="8"/>
      <c r="MUG17" s="8"/>
      <c r="MUH17" s="8"/>
      <c r="MUI17" s="8"/>
      <c r="MUJ17" s="8"/>
      <c r="MUK17" s="8"/>
      <c r="MUL17" s="8"/>
      <c r="MUM17" s="8"/>
      <c r="MUN17" s="8"/>
      <c r="MUO17" s="8"/>
      <c r="MUP17" s="8"/>
      <c r="MUQ17" s="8"/>
      <c r="MUR17" s="8"/>
      <c r="MUS17" s="8"/>
      <c r="MUT17" s="8"/>
      <c r="MUU17" s="8"/>
      <c r="MUV17" s="8"/>
      <c r="MUW17" s="8"/>
      <c r="MUX17" s="8"/>
      <c r="MUY17" s="8"/>
      <c r="MUZ17" s="8"/>
      <c r="MVA17" s="8"/>
      <c r="MVB17" s="8"/>
      <c r="MVC17" s="8"/>
      <c r="MVD17" s="8"/>
      <c r="MVE17" s="8"/>
      <c r="MVF17" s="8"/>
      <c r="MVG17" s="8"/>
      <c r="MVH17" s="8"/>
      <c r="MVI17" s="8"/>
      <c r="MVJ17" s="8"/>
      <c r="MVK17" s="8"/>
      <c r="MVL17" s="8"/>
      <c r="MVM17" s="8"/>
      <c r="MVN17" s="8"/>
      <c r="MVO17" s="8"/>
      <c r="MVP17" s="8"/>
      <c r="MVQ17" s="8"/>
      <c r="MVR17" s="8"/>
      <c r="MVS17" s="8"/>
      <c r="MVT17" s="8"/>
      <c r="MVU17" s="8"/>
      <c r="MVV17" s="8"/>
      <c r="MVW17" s="8"/>
      <c r="MVX17" s="8"/>
      <c r="MVY17" s="8"/>
      <c r="MVZ17" s="8"/>
      <c r="MWA17" s="8"/>
      <c r="MWB17" s="8"/>
      <c r="MWC17" s="8"/>
      <c r="MWD17" s="8"/>
      <c r="MWE17" s="8"/>
      <c r="MWF17" s="8"/>
      <c r="MWG17" s="8"/>
      <c r="MWH17" s="8"/>
      <c r="MWI17" s="8"/>
      <c r="MWJ17" s="8"/>
      <c r="MWK17" s="8"/>
      <c r="MWL17" s="8"/>
      <c r="MWM17" s="8"/>
      <c r="MWN17" s="8"/>
      <c r="MWO17" s="8"/>
      <c r="MWP17" s="8"/>
      <c r="MWQ17" s="8"/>
      <c r="MWR17" s="8"/>
      <c r="MWS17" s="8"/>
      <c r="MWT17" s="8"/>
      <c r="MWU17" s="8"/>
      <c r="MWV17" s="8"/>
      <c r="MWW17" s="8"/>
      <c r="MWX17" s="8"/>
      <c r="MWY17" s="8"/>
      <c r="MWZ17" s="8"/>
      <c r="MXA17" s="8"/>
      <c r="MXB17" s="8"/>
      <c r="MXC17" s="8"/>
      <c r="MXD17" s="8"/>
      <c r="MXE17" s="8"/>
      <c r="MXF17" s="8"/>
      <c r="MXG17" s="8"/>
      <c r="MXH17" s="8"/>
      <c r="MXI17" s="8"/>
      <c r="MXJ17" s="8"/>
      <c r="MXK17" s="8"/>
      <c r="MXL17" s="8"/>
      <c r="MXM17" s="8"/>
      <c r="MXN17" s="8"/>
      <c r="MXO17" s="8"/>
      <c r="MXP17" s="8"/>
      <c r="MXQ17" s="8"/>
      <c r="MXR17" s="8"/>
      <c r="MXS17" s="8"/>
      <c r="MXT17" s="8"/>
      <c r="MXU17" s="8"/>
      <c r="MXV17" s="8"/>
      <c r="MXW17" s="8"/>
      <c r="MXX17" s="8"/>
      <c r="MXY17" s="8"/>
      <c r="MXZ17" s="8"/>
      <c r="MYA17" s="8"/>
      <c r="MYB17" s="8"/>
      <c r="MYC17" s="8"/>
      <c r="MYD17" s="8"/>
      <c r="MYE17" s="8"/>
      <c r="MYF17" s="8"/>
      <c r="MYG17" s="8"/>
      <c r="MYH17" s="8"/>
      <c r="MYI17" s="8"/>
      <c r="MYJ17" s="8"/>
      <c r="MYK17" s="8"/>
      <c r="MYL17" s="8"/>
      <c r="MYM17" s="8"/>
      <c r="MYN17" s="8"/>
      <c r="MYO17" s="8"/>
      <c r="MYP17" s="8"/>
      <c r="MYQ17" s="8"/>
      <c r="MYR17" s="8"/>
      <c r="MYS17" s="8"/>
      <c r="MYT17" s="8"/>
      <c r="MYU17" s="8"/>
      <c r="MYV17" s="8"/>
      <c r="MYW17" s="8"/>
      <c r="MYX17" s="8"/>
      <c r="MYY17" s="8"/>
      <c r="MYZ17" s="8"/>
      <c r="MZA17" s="8"/>
      <c r="MZB17" s="8"/>
      <c r="MZC17" s="8"/>
      <c r="MZD17" s="8"/>
      <c r="MZE17" s="8"/>
      <c r="MZF17" s="8"/>
      <c r="MZG17" s="8"/>
      <c r="MZH17" s="8"/>
      <c r="MZI17" s="8"/>
      <c r="MZJ17" s="8"/>
      <c r="MZK17" s="8"/>
      <c r="MZL17" s="8"/>
      <c r="MZM17" s="8"/>
      <c r="MZN17" s="8"/>
      <c r="MZO17" s="8"/>
      <c r="MZP17" s="8"/>
      <c r="MZQ17" s="8"/>
      <c r="MZR17" s="8"/>
      <c r="MZS17" s="8"/>
      <c r="MZT17" s="8"/>
      <c r="MZU17" s="8"/>
      <c r="MZV17" s="8"/>
      <c r="MZW17" s="8"/>
      <c r="MZX17" s="8"/>
      <c r="MZY17" s="8"/>
      <c r="MZZ17" s="8"/>
      <c r="NAA17" s="8"/>
      <c r="NAB17" s="8"/>
      <c r="NAC17" s="8"/>
      <c r="NAD17" s="8"/>
      <c r="NAE17" s="8"/>
      <c r="NAF17" s="8"/>
      <c r="NAG17" s="8"/>
      <c r="NAH17" s="8"/>
      <c r="NAI17" s="8"/>
      <c r="NAJ17" s="8"/>
      <c r="NAK17" s="8"/>
      <c r="NAL17" s="8"/>
      <c r="NAM17" s="8"/>
      <c r="NAN17" s="8"/>
      <c r="NAO17" s="8"/>
      <c r="NAP17" s="8"/>
      <c r="NAQ17" s="8"/>
      <c r="NAR17" s="8"/>
      <c r="NAS17" s="8"/>
      <c r="NAT17" s="8"/>
      <c r="NAU17" s="8"/>
      <c r="NAV17" s="8"/>
      <c r="NAW17" s="8"/>
      <c r="NAX17" s="8"/>
      <c r="NAY17" s="8"/>
      <c r="NAZ17" s="8"/>
      <c r="NBA17" s="8"/>
      <c r="NBB17" s="8"/>
      <c r="NBC17" s="8"/>
      <c r="NBD17" s="8"/>
      <c r="NBE17" s="8"/>
      <c r="NBF17" s="8"/>
      <c r="NBG17" s="8"/>
      <c r="NBH17" s="8"/>
      <c r="NBI17" s="8"/>
      <c r="NBJ17" s="8"/>
      <c r="NBK17" s="8"/>
      <c r="NBL17" s="8"/>
      <c r="NBM17" s="8"/>
      <c r="NBN17" s="8"/>
      <c r="NBO17" s="8"/>
      <c r="NBP17" s="8"/>
      <c r="NBQ17" s="8"/>
      <c r="NBR17" s="8"/>
      <c r="NBS17" s="8"/>
      <c r="NBT17" s="8"/>
      <c r="NBU17" s="8"/>
      <c r="NBV17" s="8"/>
      <c r="NBW17" s="8"/>
      <c r="NBX17" s="8"/>
      <c r="NBY17" s="8"/>
      <c r="NBZ17" s="8"/>
      <c r="NCA17" s="8"/>
      <c r="NCB17" s="8"/>
      <c r="NCC17" s="8"/>
      <c r="NCD17" s="8"/>
      <c r="NCE17" s="8"/>
      <c r="NCF17" s="8"/>
      <c r="NCG17" s="8"/>
      <c r="NCH17" s="8"/>
      <c r="NCI17" s="8"/>
      <c r="NCJ17" s="8"/>
      <c r="NCK17" s="8"/>
      <c r="NCL17" s="8"/>
      <c r="NCM17" s="8"/>
      <c r="NCN17" s="8"/>
      <c r="NCO17" s="8"/>
      <c r="NCP17" s="8"/>
      <c r="NCQ17" s="8"/>
      <c r="NCR17" s="8"/>
      <c r="NCS17" s="8"/>
      <c r="NCT17" s="8"/>
      <c r="NCU17" s="8"/>
      <c r="NCV17" s="8"/>
      <c r="NCW17" s="8"/>
      <c r="NCX17" s="8"/>
      <c r="NCY17" s="8"/>
      <c r="NCZ17" s="8"/>
      <c r="NDA17" s="8"/>
      <c r="NDB17" s="8"/>
      <c r="NDC17" s="8"/>
      <c r="NDD17" s="8"/>
      <c r="NDE17" s="8"/>
      <c r="NDF17" s="8"/>
      <c r="NDG17" s="8"/>
      <c r="NDH17" s="8"/>
      <c r="NDI17" s="8"/>
      <c r="NDJ17" s="8"/>
      <c r="NDK17" s="8"/>
      <c r="NDL17" s="8"/>
      <c r="NDM17" s="8"/>
      <c r="NDN17" s="8"/>
      <c r="NDO17" s="8"/>
      <c r="NDP17" s="8"/>
      <c r="NDQ17" s="8"/>
      <c r="NDR17" s="8"/>
      <c r="NDS17" s="8"/>
      <c r="NDT17" s="8"/>
      <c r="NDU17" s="8"/>
      <c r="NDV17" s="8"/>
      <c r="NDW17" s="8"/>
      <c r="NDX17" s="8"/>
      <c r="NDY17" s="8"/>
      <c r="NDZ17" s="8"/>
      <c r="NEA17" s="8"/>
      <c r="NEB17" s="8"/>
      <c r="NEC17" s="8"/>
      <c r="NED17" s="8"/>
      <c r="NEE17" s="8"/>
      <c r="NEF17" s="8"/>
      <c r="NEG17" s="8"/>
      <c r="NEH17" s="8"/>
      <c r="NEI17" s="8"/>
      <c r="NEJ17" s="8"/>
      <c r="NEK17" s="8"/>
      <c r="NEL17" s="8"/>
      <c r="NEM17" s="8"/>
      <c r="NEN17" s="8"/>
      <c r="NEO17" s="8"/>
      <c r="NEP17" s="8"/>
      <c r="NEQ17" s="8"/>
      <c r="NER17" s="8"/>
      <c r="NES17" s="8"/>
      <c r="NET17" s="8"/>
      <c r="NEU17" s="8"/>
      <c r="NEV17" s="8"/>
      <c r="NEW17" s="8"/>
      <c r="NEX17" s="8"/>
      <c r="NEY17" s="8"/>
      <c r="NEZ17" s="8"/>
      <c r="NFA17" s="8"/>
      <c r="NFB17" s="8"/>
      <c r="NFC17" s="8"/>
      <c r="NFD17" s="8"/>
      <c r="NFE17" s="8"/>
      <c r="NFF17" s="8"/>
      <c r="NFG17" s="8"/>
      <c r="NFH17" s="8"/>
      <c r="NFI17" s="8"/>
      <c r="NFJ17" s="8"/>
      <c r="NFK17" s="8"/>
      <c r="NFL17" s="8"/>
      <c r="NFM17" s="8"/>
      <c r="NFN17" s="8"/>
      <c r="NFO17" s="8"/>
      <c r="NFP17" s="8"/>
      <c r="NFQ17" s="8"/>
      <c r="NFR17" s="8"/>
      <c r="NFS17" s="8"/>
      <c r="NFT17" s="8"/>
      <c r="NFU17" s="8"/>
      <c r="NFV17" s="8"/>
      <c r="NFW17" s="8"/>
      <c r="NFX17" s="8"/>
      <c r="NFY17" s="8"/>
      <c r="NFZ17" s="8"/>
      <c r="NGA17" s="8"/>
      <c r="NGB17" s="8"/>
      <c r="NGC17" s="8"/>
      <c r="NGD17" s="8"/>
      <c r="NGE17" s="8"/>
      <c r="NGF17" s="8"/>
      <c r="NGG17" s="8"/>
      <c r="NGH17" s="8"/>
      <c r="NGI17" s="8"/>
      <c r="NGJ17" s="8"/>
      <c r="NGK17" s="8"/>
      <c r="NGL17" s="8"/>
      <c r="NGM17" s="8"/>
      <c r="NGN17" s="8"/>
      <c r="NGO17" s="8"/>
      <c r="NGP17" s="8"/>
      <c r="NGQ17" s="8"/>
      <c r="NGR17" s="8"/>
      <c r="NGS17" s="8"/>
      <c r="NGT17" s="8"/>
      <c r="NGU17" s="8"/>
      <c r="NGV17" s="8"/>
      <c r="NGW17" s="8"/>
      <c r="NGX17" s="8"/>
      <c r="NGY17" s="8"/>
      <c r="NGZ17" s="8"/>
      <c r="NHA17" s="8"/>
      <c r="NHB17" s="8"/>
      <c r="NHC17" s="8"/>
      <c r="NHD17" s="8"/>
      <c r="NHE17" s="8"/>
      <c r="NHF17" s="8"/>
      <c r="NHG17" s="8"/>
      <c r="NHH17" s="8"/>
      <c r="NHI17" s="8"/>
      <c r="NHJ17" s="8"/>
      <c r="NHK17" s="8"/>
      <c r="NHL17" s="8"/>
      <c r="NHM17" s="8"/>
      <c r="NHN17" s="8"/>
      <c r="NHO17" s="8"/>
      <c r="NHP17" s="8"/>
      <c r="NHQ17" s="8"/>
      <c r="NHR17" s="8"/>
      <c r="NHS17" s="8"/>
      <c r="NHT17" s="8"/>
      <c r="NHU17" s="8"/>
      <c r="NHV17" s="8"/>
      <c r="NHW17" s="8"/>
      <c r="NHX17" s="8"/>
      <c r="NHY17" s="8"/>
      <c r="NHZ17" s="8"/>
      <c r="NIA17" s="8"/>
      <c r="NIB17" s="8"/>
      <c r="NIC17" s="8"/>
      <c r="NID17" s="8"/>
      <c r="NIE17" s="8"/>
      <c r="NIF17" s="8"/>
      <c r="NIG17" s="8"/>
      <c r="NIH17" s="8"/>
      <c r="NII17" s="8"/>
      <c r="NIJ17" s="8"/>
      <c r="NIK17" s="8"/>
      <c r="NIL17" s="8"/>
      <c r="NIM17" s="8"/>
      <c r="NIN17" s="8"/>
      <c r="NIO17" s="8"/>
      <c r="NIP17" s="8"/>
      <c r="NIQ17" s="8"/>
      <c r="NIR17" s="8"/>
      <c r="NIS17" s="8"/>
      <c r="NIT17" s="8"/>
      <c r="NIU17" s="8"/>
      <c r="NIV17" s="8"/>
      <c r="NIW17" s="8"/>
      <c r="NIX17" s="8"/>
      <c r="NIY17" s="8"/>
      <c r="NIZ17" s="8"/>
      <c r="NJA17" s="8"/>
      <c r="NJB17" s="8"/>
      <c r="NJC17" s="8"/>
      <c r="NJD17" s="8"/>
      <c r="NJE17" s="8"/>
      <c r="NJF17" s="8"/>
      <c r="NJG17" s="8"/>
      <c r="NJH17" s="8"/>
      <c r="NJI17" s="8"/>
      <c r="NJJ17" s="8"/>
      <c r="NJK17" s="8"/>
      <c r="NJL17" s="8"/>
      <c r="NJM17" s="8"/>
      <c r="NJN17" s="8"/>
      <c r="NJO17" s="8"/>
      <c r="NJP17" s="8"/>
      <c r="NJQ17" s="8"/>
      <c r="NJR17" s="8"/>
      <c r="NJS17" s="8"/>
      <c r="NJT17" s="8"/>
      <c r="NJU17" s="8"/>
      <c r="NJV17" s="8"/>
      <c r="NJW17" s="8"/>
      <c r="NJX17" s="8"/>
      <c r="NJY17" s="8"/>
      <c r="NJZ17" s="8"/>
      <c r="NKA17" s="8"/>
      <c r="NKB17" s="8"/>
      <c r="NKC17" s="8"/>
      <c r="NKD17" s="8"/>
      <c r="NKE17" s="8"/>
      <c r="NKF17" s="8"/>
      <c r="NKG17" s="8"/>
      <c r="NKH17" s="8"/>
      <c r="NKI17" s="8"/>
      <c r="NKJ17" s="8"/>
      <c r="NKK17" s="8"/>
      <c r="NKL17" s="8"/>
      <c r="NKM17" s="8"/>
      <c r="NKN17" s="8"/>
      <c r="NKO17" s="8"/>
      <c r="NKP17" s="8"/>
      <c r="NKQ17" s="8"/>
      <c r="NKR17" s="8"/>
      <c r="NKS17" s="8"/>
      <c r="NKT17" s="8"/>
      <c r="NKU17" s="8"/>
      <c r="NKV17" s="8"/>
      <c r="NKW17" s="8"/>
      <c r="NKX17" s="8"/>
      <c r="NKY17" s="8"/>
      <c r="NKZ17" s="8"/>
      <c r="NLA17" s="8"/>
      <c r="NLB17" s="8"/>
      <c r="NLC17" s="8"/>
      <c r="NLD17" s="8"/>
      <c r="NLE17" s="8"/>
      <c r="NLF17" s="8"/>
      <c r="NLG17" s="8"/>
      <c r="NLH17" s="8"/>
      <c r="NLI17" s="8"/>
      <c r="NLJ17" s="8"/>
      <c r="NLK17" s="8"/>
      <c r="NLL17" s="8"/>
      <c r="NLM17" s="8"/>
      <c r="NLN17" s="8"/>
      <c r="NLO17" s="8"/>
      <c r="NLP17" s="8"/>
      <c r="NLQ17" s="8"/>
      <c r="NLR17" s="8"/>
      <c r="NLS17" s="8"/>
      <c r="NLT17" s="8"/>
      <c r="NLU17" s="8"/>
      <c r="NLV17" s="8"/>
      <c r="NLW17" s="8"/>
      <c r="NLX17" s="8"/>
      <c r="NLY17" s="8"/>
      <c r="NLZ17" s="8"/>
      <c r="NMA17" s="8"/>
      <c r="NMB17" s="8"/>
      <c r="NMC17" s="8"/>
      <c r="NMD17" s="8"/>
      <c r="NME17" s="8"/>
      <c r="NMF17" s="8"/>
      <c r="NMG17" s="8"/>
      <c r="NMH17" s="8"/>
      <c r="NMI17" s="8"/>
      <c r="NMJ17" s="8"/>
      <c r="NMK17" s="8"/>
      <c r="NML17" s="8"/>
      <c r="NMM17" s="8"/>
      <c r="NMN17" s="8"/>
      <c r="NMO17" s="8"/>
      <c r="NMP17" s="8"/>
      <c r="NMQ17" s="8"/>
      <c r="NMR17" s="8"/>
      <c r="NMS17" s="8"/>
      <c r="NMT17" s="8"/>
      <c r="NMU17" s="8"/>
      <c r="NMV17" s="8"/>
      <c r="NMW17" s="8"/>
      <c r="NMX17" s="8"/>
      <c r="NMY17" s="8"/>
      <c r="NMZ17" s="8"/>
      <c r="NNA17" s="8"/>
      <c r="NNB17" s="8"/>
      <c r="NNC17" s="8"/>
      <c r="NND17" s="8"/>
      <c r="NNE17" s="8"/>
      <c r="NNF17" s="8"/>
      <c r="NNG17" s="8"/>
      <c r="NNH17" s="8"/>
      <c r="NNI17" s="8"/>
      <c r="NNJ17" s="8"/>
      <c r="NNK17" s="8"/>
      <c r="NNL17" s="8"/>
      <c r="NNM17" s="8"/>
      <c r="NNN17" s="8"/>
      <c r="NNO17" s="8"/>
      <c r="NNP17" s="8"/>
      <c r="NNQ17" s="8"/>
      <c r="NNR17" s="8"/>
      <c r="NNS17" s="8"/>
      <c r="NNT17" s="8"/>
      <c r="NNU17" s="8"/>
      <c r="NNV17" s="8"/>
      <c r="NNW17" s="8"/>
      <c r="NNX17" s="8"/>
      <c r="NNY17" s="8"/>
      <c r="NNZ17" s="8"/>
      <c r="NOA17" s="8"/>
      <c r="NOB17" s="8"/>
      <c r="NOC17" s="8"/>
      <c r="NOD17" s="8"/>
      <c r="NOE17" s="8"/>
      <c r="NOF17" s="8"/>
      <c r="NOG17" s="8"/>
      <c r="NOH17" s="8"/>
      <c r="NOI17" s="8"/>
      <c r="NOJ17" s="8"/>
      <c r="NOK17" s="8"/>
      <c r="NOL17" s="8"/>
      <c r="NOM17" s="8"/>
      <c r="NON17" s="8"/>
      <c r="NOO17" s="8"/>
      <c r="NOP17" s="8"/>
      <c r="NOQ17" s="8"/>
      <c r="NOR17" s="8"/>
      <c r="NOS17" s="8"/>
      <c r="NOT17" s="8"/>
      <c r="NOU17" s="8"/>
      <c r="NOV17" s="8"/>
      <c r="NOW17" s="8"/>
      <c r="NOX17" s="8"/>
      <c r="NOY17" s="8"/>
      <c r="NOZ17" s="8"/>
      <c r="NPA17" s="8"/>
      <c r="NPB17" s="8"/>
      <c r="NPC17" s="8"/>
      <c r="NPD17" s="8"/>
      <c r="NPE17" s="8"/>
      <c r="NPF17" s="8"/>
      <c r="NPG17" s="8"/>
      <c r="NPH17" s="8"/>
      <c r="NPI17" s="8"/>
      <c r="NPJ17" s="8"/>
      <c r="NPK17" s="8"/>
      <c r="NPL17" s="8"/>
      <c r="NPM17" s="8"/>
      <c r="NPN17" s="8"/>
      <c r="NPO17" s="8"/>
      <c r="NPP17" s="8"/>
      <c r="NPQ17" s="8"/>
      <c r="NPR17" s="8"/>
      <c r="NPS17" s="8"/>
      <c r="NPT17" s="8"/>
      <c r="NPU17" s="8"/>
      <c r="NPV17" s="8"/>
      <c r="NPW17" s="8"/>
      <c r="NPX17" s="8"/>
      <c r="NPY17" s="8"/>
      <c r="NPZ17" s="8"/>
      <c r="NQA17" s="8"/>
      <c r="NQB17" s="8"/>
      <c r="NQC17" s="8"/>
      <c r="NQD17" s="8"/>
      <c r="NQE17" s="8"/>
      <c r="NQF17" s="8"/>
      <c r="NQG17" s="8"/>
      <c r="NQH17" s="8"/>
      <c r="NQI17" s="8"/>
      <c r="NQJ17" s="8"/>
      <c r="NQK17" s="8"/>
      <c r="NQL17" s="8"/>
      <c r="NQM17" s="8"/>
      <c r="NQN17" s="8"/>
      <c r="NQO17" s="8"/>
      <c r="NQP17" s="8"/>
      <c r="NQQ17" s="8"/>
      <c r="NQR17" s="8"/>
      <c r="NQS17" s="8"/>
      <c r="NQT17" s="8"/>
      <c r="NQU17" s="8"/>
      <c r="NQV17" s="8"/>
      <c r="NQW17" s="8"/>
      <c r="NQX17" s="8"/>
      <c r="NQY17" s="8"/>
      <c r="NQZ17" s="8"/>
      <c r="NRA17" s="8"/>
      <c r="NRB17" s="8"/>
      <c r="NRC17" s="8"/>
      <c r="NRD17" s="8"/>
      <c r="NRE17" s="8"/>
      <c r="NRF17" s="8"/>
      <c r="NRG17" s="8"/>
      <c r="NRH17" s="8"/>
      <c r="NRI17" s="8"/>
      <c r="NRJ17" s="8"/>
      <c r="NRK17" s="8"/>
      <c r="NRL17" s="8"/>
      <c r="NRM17" s="8"/>
      <c r="NRN17" s="8"/>
      <c r="NRO17" s="8"/>
      <c r="NRP17" s="8"/>
      <c r="NRQ17" s="8"/>
      <c r="NRR17" s="8"/>
      <c r="NRS17" s="8"/>
      <c r="NRT17" s="8"/>
      <c r="NRU17" s="8"/>
      <c r="NRV17" s="8"/>
      <c r="NRW17" s="8"/>
      <c r="NRX17" s="8"/>
      <c r="NRY17" s="8"/>
      <c r="NRZ17" s="8"/>
      <c r="NSA17" s="8"/>
      <c r="NSB17" s="8"/>
      <c r="NSC17" s="8"/>
      <c r="NSD17" s="8"/>
      <c r="NSE17" s="8"/>
      <c r="NSF17" s="8"/>
      <c r="NSG17" s="8"/>
      <c r="NSH17" s="8"/>
      <c r="NSI17" s="8"/>
      <c r="NSJ17" s="8"/>
      <c r="NSK17" s="8"/>
      <c r="NSL17" s="8"/>
      <c r="NSM17" s="8"/>
      <c r="NSN17" s="8"/>
      <c r="NSO17" s="8"/>
      <c r="NSP17" s="8"/>
      <c r="NSQ17" s="8"/>
      <c r="NSR17" s="8"/>
      <c r="NSS17" s="8"/>
      <c r="NST17" s="8"/>
      <c r="NSU17" s="8"/>
      <c r="NSV17" s="8"/>
      <c r="NSW17" s="8"/>
      <c r="NSX17" s="8"/>
      <c r="NSY17" s="8"/>
      <c r="NSZ17" s="8"/>
      <c r="NTA17" s="8"/>
      <c r="NTB17" s="8"/>
      <c r="NTC17" s="8"/>
      <c r="NTD17" s="8"/>
      <c r="NTE17" s="8"/>
      <c r="NTF17" s="8"/>
      <c r="NTG17" s="8"/>
      <c r="NTH17" s="8"/>
      <c r="NTI17" s="8"/>
      <c r="NTJ17" s="8"/>
      <c r="NTK17" s="8"/>
      <c r="NTL17" s="8"/>
      <c r="NTM17" s="8"/>
      <c r="NTN17" s="8"/>
      <c r="NTO17" s="8"/>
      <c r="NTP17" s="8"/>
      <c r="NTQ17" s="8"/>
      <c r="NTR17" s="8"/>
      <c r="NTS17" s="8"/>
      <c r="NTT17" s="8"/>
      <c r="NTU17" s="8"/>
      <c r="NTV17" s="8"/>
      <c r="NTW17" s="8"/>
      <c r="NTX17" s="8"/>
      <c r="NTY17" s="8"/>
      <c r="NTZ17" s="8"/>
      <c r="NUA17" s="8"/>
      <c r="NUB17" s="8"/>
      <c r="NUC17" s="8"/>
      <c r="NUD17" s="8"/>
      <c r="NUE17" s="8"/>
      <c r="NUF17" s="8"/>
      <c r="NUG17" s="8"/>
      <c r="NUH17" s="8"/>
      <c r="NUI17" s="8"/>
      <c r="NUJ17" s="8"/>
      <c r="NUK17" s="8"/>
      <c r="NUL17" s="8"/>
      <c r="NUM17" s="8"/>
      <c r="NUN17" s="8"/>
      <c r="NUO17" s="8"/>
      <c r="NUP17" s="8"/>
      <c r="NUQ17" s="8"/>
      <c r="NUR17" s="8"/>
      <c r="NUS17" s="8"/>
      <c r="NUT17" s="8"/>
      <c r="NUU17" s="8"/>
      <c r="NUV17" s="8"/>
      <c r="NUW17" s="8"/>
      <c r="NUX17" s="8"/>
      <c r="NUY17" s="8"/>
      <c r="NUZ17" s="8"/>
      <c r="NVA17" s="8"/>
      <c r="NVB17" s="8"/>
      <c r="NVC17" s="8"/>
      <c r="NVD17" s="8"/>
      <c r="NVE17" s="8"/>
      <c r="NVF17" s="8"/>
      <c r="NVG17" s="8"/>
      <c r="NVH17" s="8"/>
      <c r="NVI17" s="8"/>
      <c r="NVJ17" s="8"/>
      <c r="NVK17" s="8"/>
      <c r="NVL17" s="8"/>
      <c r="NVM17" s="8"/>
      <c r="NVN17" s="8"/>
      <c r="NVO17" s="8"/>
      <c r="NVP17" s="8"/>
      <c r="NVQ17" s="8"/>
      <c r="NVR17" s="8"/>
      <c r="NVS17" s="8"/>
      <c r="NVT17" s="8"/>
      <c r="NVU17" s="8"/>
      <c r="NVV17" s="8"/>
      <c r="NVW17" s="8"/>
      <c r="NVX17" s="8"/>
      <c r="NVY17" s="8"/>
      <c r="NVZ17" s="8"/>
      <c r="NWA17" s="8"/>
      <c r="NWB17" s="8"/>
      <c r="NWC17" s="8"/>
      <c r="NWD17" s="8"/>
      <c r="NWE17" s="8"/>
      <c r="NWF17" s="8"/>
      <c r="NWG17" s="8"/>
      <c r="NWH17" s="8"/>
      <c r="NWI17" s="8"/>
      <c r="NWJ17" s="8"/>
      <c r="NWK17" s="8"/>
      <c r="NWL17" s="8"/>
      <c r="NWM17" s="8"/>
      <c r="NWN17" s="8"/>
      <c r="NWO17" s="8"/>
      <c r="NWP17" s="8"/>
      <c r="NWQ17" s="8"/>
      <c r="NWR17" s="8"/>
      <c r="NWS17" s="8"/>
      <c r="NWT17" s="8"/>
      <c r="NWU17" s="8"/>
      <c r="NWV17" s="8"/>
      <c r="NWW17" s="8"/>
      <c r="NWX17" s="8"/>
      <c r="NWY17" s="8"/>
      <c r="NWZ17" s="8"/>
      <c r="NXA17" s="8"/>
      <c r="NXB17" s="8"/>
      <c r="NXC17" s="8"/>
      <c r="NXD17" s="8"/>
      <c r="NXE17" s="8"/>
      <c r="NXF17" s="8"/>
      <c r="NXG17" s="8"/>
      <c r="NXH17" s="8"/>
      <c r="NXI17" s="8"/>
      <c r="NXJ17" s="8"/>
      <c r="NXK17" s="8"/>
      <c r="NXL17" s="8"/>
      <c r="NXM17" s="8"/>
      <c r="NXN17" s="8"/>
      <c r="NXO17" s="8"/>
      <c r="NXP17" s="8"/>
      <c r="NXQ17" s="8"/>
      <c r="NXR17" s="8"/>
      <c r="NXS17" s="8"/>
      <c r="NXT17" s="8"/>
      <c r="NXU17" s="8"/>
      <c r="NXV17" s="8"/>
      <c r="NXW17" s="8"/>
      <c r="NXX17" s="8"/>
      <c r="NXY17" s="8"/>
      <c r="NXZ17" s="8"/>
      <c r="NYA17" s="8"/>
      <c r="NYB17" s="8"/>
      <c r="NYC17" s="8"/>
      <c r="NYD17" s="8"/>
      <c r="NYE17" s="8"/>
      <c r="NYF17" s="8"/>
      <c r="NYG17" s="8"/>
      <c r="NYH17" s="8"/>
      <c r="NYI17" s="8"/>
      <c r="NYJ17" s="8"/>
      <c r="NYK17" s="8"/>
      <c r="NYL17" s="8"/>
      <c r="NYM17" s="8"/>
      <c r="NYN17" s="8"/>
      <c r="NYO17" s="8"/>
      <c r="NYP17" s="8"/>
      <c r="NYQ17" s="8"/>
      <c r="NYR17" s="8"/>
      <c r="NYS17" s="8"/>
      <c r="NYT17" s="8"/>
      <c r="NYU17" s="8"/>
      <c r="NYV17" s="8"/>
      <c r="NYW17" s="8"/>
      <c r="NYX17" s="8"/>
      <c r="NYY17" s="8"/>
      <c r="NYZ17" s="8"/>
      <c r="NZA17" s="8"/>
      <c r="NZB17" s="8"/>
      <c r="NZC17" s="8"/>
      <c r="NZD17" s="8"/>
      <c r="NZE17" s="8"/>
      <c r="NZF17" s="8"/>
      <c r="NZG17" s="8"/>
      <c r="NZH17" s="8"/>
      <c r="NZI17" s="8"/>
      <c r="NZJ17" s="8"/>
      <c r="NZK17" s="8"/>
      <c r="NZL17" s="8"/>
      <c r="NZM17" s="8"/>
      <c r="NZN17" s="8"/>
      <c r="NZO17" s="8"/>
      <c r="NZP17" s="8"/>
      <c r="NZQ17" s="8"/>
      <c r="NZR17" s="8"/>
      <c r="NZS17" s="8"/>
      <c r="NZT17" s="8"/>
      <c r="NZU17" s="8"/>
      <c r="NZV17" s="8"/>
      <c r="NZW17" s="8"/>
      <c r="NZX17" s="8"/>
      <c r="NZY17" s="8"/>
      <c r="NZZ17" s="8"/>
      <c r="OAA17" s="8"/>
      <c r="OAB17" s="8"/>
      <c r="OAC17" s="8"/>
      <c r="OAD17" s="8"/>
      <c r="OAE17" s="8"/>
      <c r="OAF17" s="8"/>
      <c r="OAG17" s="8"/>
      <c r="OAH17" s="8"/>
      <c r="OAI17" s="8"/>
      <c r="OAJ17" s="8"/>
      <c r="OAK17" s="8"/>
      <c r="OAL17" s="8"/>
      <c r="OAM17" s="8"/>
      <c r="OAN17" s="8"/>
      <c r="OAO17" s="8"/>
      <c r="OAP17" s="8"/>
      <c r="OAQ17" s="8"/>
      <c r="OAR17" s="8"/>
      <c r="OAS17" s="8"/>
      <c r="OAT17" s="8"/>
      <c r="OAU17" s="8"/>
      <c r="OAV17" s="8"/>
      <c r="OAW17" s="8"/>
      <c r="OAX17" s="8"/>
      <c r="OAY17" s="8"/>
      <c r="OAZ17" s="8"/>
      <c r="OBA17" s="8"/>
      <c r="OBB17" s="8"/>
      <c r="OBC17" s="8"/>
      <c r="OBD17" s="8"/>
      <c r="OBE17" s="8"/>
      <c r="OBF17" s="8"/>
      <c r="OBG17" s="8"/>
      <c r="OBH17" s="8"/>
      <c r="OBI17" s="8"/>
      <c r="OBJ17" s="8"/>
      <c r="OBK17" s="8"/>
      <c r="OBL17" s="8"/>
      <c r="OBM17" s="8"/>
      <c r="OBN17" s="8"/>
      <c r="OBO17" s="8"/>
      <c r="OBP17" s="8"/>
      <c r="OBQ17" s="8"/>
      <c r="OBR17" s="8"/>
      <c r="OBS17" s="8"/>
      <c r="OBT17" s="8"/>
      <c r="OBU17" s="8"/>
      <c r="OBV17" s="8"/>
      <c r="OBW17" s="8"/>
      <c r="OBX17" s="8"/>
      <c r="OBY17" s="8"/>
      <c r="OBZ17" s="8"/>
      <c r="OCA17" s="8"/>
      <c r="OCB17" s="8"/>
      <c r="OCC17" s="8"/>
      <c r="OCD17" s="8"/>
      <c r="OCE17" s="8"/>
      <c r="OCF17" s="8"/>
      <c r="OCG17" s="8"/>
      <c r="OCH17" s="8"/>
      <c r="OCI17" s="8"/>
      <c r="OCJ17" s="8"/>
      <c r="OCK17" s="8"/>
      <c r="OCL17" s="8"/>
      <c r="OCM17" s="8"/>
      <c r="OCN17" s="8"/>
      <c r="OCO17" s="8"/>
      <c r="OCP17" s="8"/>
      <c r="OCQ17" s="8"/>
      <c r="OCR17" s="8"/>
      <c r="OCS17" s="8"/>
      <c r="OCT17" s="8"/>
      <c r="OCU17" s="8"/>
      <c r="OCV17" s="8"/>
      <c r="OCW17" s="8"/>
      <c r="OCX17" s="8"/>
      <c r="OCY17" s="8"/>
      <c r="OCZ17" s="8"/>
      <c r="ODA17" s="8"/>
      <c r="ODB17" s="8"/>
      <c r="ODC17" s="8"/>
      <c r="ODD17" s="8"/>
      <c r="ODE17" s="8"/>
      <c r="ODF17" s="8"/>
      <c r="ODG17" s="8"/>
      <c r="ODH17" s="8"/>
      <c r="ODI17" s="8"/>
      <c r="ODJ17" s="8"/>
      <c r="ODK17" s="8"/>
      <c r="ODL17" s="8"/>
      <c r="ODM17" s="8"/>
      <c r="ODN17" s="8"/>
      <c r="ODO17" s="8"/>
      <c r="ODP17" s="8"/>
      <c r="ODQ17" s="8"/>
      <c r="ODR17" s="8"/>
      <c r="ODS17" s="8"/>
      <c r="ODT17" s="8"/>
      <c r="ODU17" s="8"/>
      <c r="ODV17" s="8"/>
      <c r="ODW17" s="8"/>
      <c r="ODX17" s="8"/>
      <c r="ODY17" s="8"/>
      <c r="ODZ17" s="8"/>
      <c r="OEA17" s="8"/>
      <c r="OEB17" s="8"/>
      <c r="OEC17" s="8"/>
      <c r="OED17" s="8"/>
      <c r="OEE17" s="8"/>
      <c r="OEF17" s="8"/>
      <c r="OEG17" s="8"/>
      <c r="OEH17" s="8"/>
      <c r="OEI17" s="8"/>
      <c r="OEJ17" s="8"/>
      <c r="OEK17" s="8"/>
      <c r="OEL17" s="8"/>
      <c r="OEM17" s="8"/>
      <c r="OEN17" s="8"/>
      <c r="OEO17" s="8"/>
      <c r="OEP17" s="8"/>
      <c r="OEQ17" s="8"/>
      <c r="OER17" s="8"/>
      <c r="OES17" s="8"/>
      <c r="OET17" s="8"/>
      <c r="OEU17" s="8"/>
      <c r="OEV17" s="8"/>
      <c r="OEW17" s="8"/>
      <c r="OEX17" s="8"/>
      <c r="OEY17" s="8"/>
      <c r="OEZ17" s="8"/>
      <c r="OFA17" s="8"/>
      <c r="OFB17" s="8"/>
      <c r="OFC17" s="8"/>
      <c r="OFD17" s="8"/>
      <c r="OFE17" s="8"/>
      <c r="OFF17" s="8"/>
      <c r="OFG17" s="8"/>
      <c r="OFH17" s="8"/>
      <c r="OFI17" s="8"/>
      <c r="OFJ17" s="8"/>
      <c r="OFK17" s="8"/>
      <c r="OFL17" s="8"/>
      <c r="OFM17" s="8"/>
      <c r="OFN17" s="8"/>
      <c r="OFO17" s="8"/>
      <c r="OFP17" s="8"/>
      <c r="OFQ17" s="8"/>
      <c r="OFR17" s="8"/>
      <c r="OFS17" s="8"/>
      <c r="OFT17" s="8"/>
      <c r="OFU17" s="8"/>
      <c r="OFV17" s="8"/>
      <c r="OFW17" s="8"/>
      <c r="OFX17" s="8"/>
      <c r="OFY17" s="8"/>
      <c r="OFZ17" s="8"/>
      <c r="OGA17" s="8"/>
      <c r="OGB17" s="8"/>
      <c r="OGC17" s="8"/>
      <c r="OGD17" s="8"/>
      <c r="OGE17" s="8"/>
      <c r="OGF17" s="8"/>
      <c r="OGG17" s="8"/>
      <c r="OGH17" s="8"/>
      <c r="OGI17" s="8"/>
      <c r="OGJ17" s="8"/>
      <c r="OGK17" s="8"/>
      <c r="OGL17" s="8"/>
      <c r="OGM17" s="8"/>
      <c r="OGN17" s="8"/>
      <c r="OGO17" s="8"/>
      <c r="OGP17" s="8"/>
      <c r="OGQ17" s="8"/>
      <c r="OGR17" s="8"/>
      <c r="OGS17" s="8"/>
      <c r="OGT17" s="8"/>
      <c r="OGU17" s="8"/>
      <c r="OGV17" s="8"/>
      <c r="OGW17" s="8"/>
      <c r="OGX17" s="8"/>
      <c r="OGY17" s="8"/>
      <c r="OGZ17" s="8"/>
      <c r="OHA17" s="8"/>
      <c r="OHB17" s="8"/>
      <c r="OHC17" s="8"/>
      <c r="OHD17" s="8"/>
      <c r="OHE17" s="8"/>
      <c r="OHF17" s="8"/>
      <c r="OHG17" s="8"/>
      <c r="OHH17" s="8"/>
      <c r="OHI17" s="8"/>
      <c r="OHJ17" s="8"/>
      <c r="OHK17" s="8"/>
      <c r="OHL17" s="8"/>
      <c r="OHM17" s="8"/>
      <c r="OHN17" s="8"/>
      <c r="OHO17" s="8"/>
      <c r="OHP17" s="8"/>
      <c r="OHQ17" s="8"/>
      <c r="OHR17" s="8"/>
      <c r="OHS17" s="8"/>
      <c r="OHT17" s="8"/>
      <c r="OHU17" s="8"/>
      <c r="OHV17" s="8"/>
      <c r="OHW17" s="8"/>
      <c r="OHX17" s="8"/>
      <c r="OHY17" s="8"/>
      <c r="OHZ17" s="8"/>
      <c r="OIA17" s="8"/>
      <c r="OIB17" s="8"/>
      <c r="OIC17" s="8"/>
      <c r="OID17" s="8"/>
      <c r="OIE17" s="8"/>
      <c r="OIF17" s="8"/>
      <c r="OIG17" s="8"/>
      <c r="OIH17" s="8"/>
      <c r="OII17" s="8"/>
      <c r="OIJ17" s="8"/>
      <c r="OIK17" s="8"/>
      <c r="OIL17" s="8"/>
      <c r="OIM17" s="8"/>
      <c r="OIN17" s="8"/>
      <c r="OIO17" s="8"/>
      <c r="OIP17" s="8"/>
      <c r="OIQ17" s="8"/>
      <c r="OIR17" s="8"/>
      <c r="OIS17" s="8"/>
      <c r="OIT17" s="8"/>
      <c r="OIU17" s="8"/>
      <c r="OIV17" s="8"/>
      <c r="OIW17" s="8"/>
      <c r="OIX17" s="8"/>
      <c r="OIY17" s="8"/>
      <c r="OIZ17" s="8"/>
      <c r="OJA17" s="8"/>
      <c r="OJB17" s="8"/>
      <c r="OJC17" s="8"/>
      <c r="OJD17" s="8"/>
      <c r="OJE17" s="8"/>
      <c r="OJF17" s="8"/>
      <c r="OJG17" s="8"/>
      <c r="OJH17" s="8"/>
      <c r="OJI17" s="8"/>
      <c r="OJJ17" s="8"/>
      <c r="OJK17" s="8"/>
      <c r="OJL17" s="8"/>
      <c r="OJM17" s="8"/>
      <c r="OJN17" s="8"/>
      <c r="OJO17" s="8"/>
      <c r="OJP17" s="8"/>
      <c r="OJQ17" s="8"/>
      <c r="OJR17" s="8"/>
      <c r="OJS17" s="8"/>
      <c r="OJT17" s="8"/>
      <c r="OJU17" s="8"/>
      <c r="OJV17" s="8"/>
      <c r="OJW17" s="8"/>
      <c r="OJX17" s="8"/>
      <c r="OJY17" s="8"/>
      <c r="OJZ17" s="8"/>
      <c r="OKA17" s="8"/>
      <c r="OKB17" s="8"/>
      <c r="OKC17" s="8"/>
      <c r="OKD17" s="8"/>
      <c r="OKE17" s="8"/>
      <c r="OKF17" s="8"/>
      <c r="OKG17" s="8"/>
      <c r="OKH17" s="8"/>
      <c r="OKI17" s="8"/>
      <c r="OKJ17" s="8"/>
      <c r="OKK17" s="8"/>
      <c r="OKL17" s="8"/>
      <c r="OKM17" s="8"/>
      <c r="OKN17" s="8"/>
      <c r="OKO17" s="8"/>
      <c r="OKP17" s="8"/>
      <c r="OKQ17" s="8"/>
      <c r="OKR17" s="8"/>
      <c r="OKS17" s="8"/>
      <c r="OKT17" s="8"/>
      <c r="OKU17" s="8"/>
      <c r="OKV17" s="8"/>
      <c r="OKW17" s="8"/>
      <c r="OKX17" s="8"/>
      <c r="OKY17" s="8"/>
      <c r="OKZ17" s="8"/>
      <c r="OLA17" s="8"/>
      <c r="OLB17" s="8"/>
      <c r="OLC17" s="8"/>
      <c r="OLD17" s="8"/>
      <c r="OLE17" s="8"/>
      <c r="OLF17" s="8"/>
      <c r="OLG17" s="8"/>
      <c r="OLH17" s="8"/>
      <c r="OLI17" s="8"/>
      <c r="OLJ17" s="8"/>
      <c r="OLK17" s="8"/>
      <c r="OLL17" s="8"/>
      <c r="OLM17" s="8"/>
      <c r="OLN17" s="8"/>
      <c r="OLO17" s="8"/>
      <c r="OLP17" s="8"/>
      <c r="OLQ17" s="8"/>
      <c r="OLR17" s="8"/>
      <c r="OLS17" s="8"/>
      <c r="OLT17" s="8"/>
      <c r="OLU17" s="8"/>
      <c r="OLV17" s="8"/>
      <c r="OLW17" s="8"/>
      <c r="OLX17" s="8"/>
      <c r="OLY17" s="8"/>
      <c r="OLZ17" s="8"/>
      <c r="OMA17" s="8"/>
      <c r="OMB17" s="8"/>
      <c r="OMC17" s="8"/>
      <c r="OMD17" s="8"/>
      <c r="OME17" s="8"/>
      <c r="OMF17" s="8"/>
      <c r="OMG17" s="8"/>
      <c r="OMH17" s="8"/>
      <c r="OMI17" s="8"/>
      <c r="OMJ17" s="8"/>
      <c r="OMK17" s="8"/>
      <c r="OML17" s="8"/>
      <c r="OMM17" s="8"/>
      <c r="OMN17" s="8"/>
      <c r="OMO17" s="8"/>
      <c r="OMP17" s="8"/>
      <c r="OMQ17" s="8"/>
      <c r="OMR17" s="8"/>
      <c r="OMS17" s="8"/>
      <c r="OMT17" s="8"/>
      <c r="OMU17" s="8"/>
      <c r="OMV17" s="8"/>
      <c r="OMW17" s="8"/>
      <c r="OMX17" s="8"/>
      <c r="OMY17" s="8"/>
      <c r="OMZ17" s="8"/>
      <c r="ONA17" s="8"/>
      <c r="ONB17" s="8"/>
      <c r="ONC17" s="8"/>
      <c r="OND17" s="8"/>
      <c r="ONE17" s="8"/>
      <c r="ONF17" s="8"/>
      <c r="ONG17" s="8"/>
      <c r="ONH17" s="8"/>
      <c r="ONI17" s="8"/>
      <c r="ONJ17" s="8"/>
      <c r="ONK17" s="8"/>
      <c r="ONL17" s="8"/>
      <c r="ONM17" s="8"/>
      <c r="ONN17" s="8"/>
      <c r="ONO17" s="8"/>
      <c r="ONP17" s="8"/>
      <c r="ONQ17" s="8"/>
      <c r="ONR17" s="8"/>
      <c r="ONS17" s="8"/>
      <c r="ONT17" s="8"/>
      <c r="ONU17" s="8"/>
      <c r="ONV17" s="8"/>
      <c r="ONW17" s="8"/>
      <c r="ONX17" s="8"/>
      <c r="ONY17" s="8"/>
      <c r="ONZ17" s="8"/>
      <c r="OOA17" s="8"/>
      <c r="OOB17" s="8"/>
      <c r="OOC17" s="8"/>
      <c r="OOD17" s="8"/>
      <c r="OOE17" s="8"/>
      <c r="OOF17" s="8"/>
      <c r="OOG17" s="8"/>
      <c r="OOH17" s="8"/>
      <c r="OOI17" s="8"/>
      <c r="OOJ17" s="8"/>
      <c r="OOK17" s="8"/>
      <c r="OOL17" s="8"/>
      <c r="OOM17" s="8"/>
      <c r="OON17" s="8"/>
      <c r="OOO17" s="8"/>
      <c r="OOP17" s="8"/>
      <c r="OOQ17" s="8"/>
      <c r="OOR17" s="8"/>
      <c r="OOS17" s="8"/>
      <c r="OOT17" s="8"/>
      <c r="OOU17" s="8"/>
      <c r="OOV17" s="8"/>
      <c r="OOW17" s="8"/>
      <c r="OOX17" s="8"/>
      <c r="OOY17" s="8"/>
      <c r="OOZ17" s="8"/>
      <c r="OPA17" s="8"/>
      <c r="OPB17" s="8"/>
      <c r="OPC17" s="8"/>
      <c r="OPD17" s="8"/>
      <c r="OPE17" s="8"/>
      <c r="OPF17" s="8"/>
      <c r="OPG17" s="8"/>
      <c r="OPH17" s="8"/>
      <c r="OPI17" s="8"/>
      <c r="OPJ17" s="8"/>
      <c r="OPK17" s="8"/>
      <c r="OPL17" s="8"/>
      <c r="OPM17" s="8"/>
      <c r="OPN17" s="8"/>
      <c r="OPO17" s="8"/>
      <c r="OPP17" s="8"/>
      <c r="OPQ17" s="8"/>
      <c r="OPR17" s="8"/>
      <c r="OPS17" s="8"/>
      <c r="OPT17" s="8"/>
      <c r="OPU17" s="8"/>
      <c r="OPV17" s="8"/>
      <c r="OPW17" s="8"/>
      <c r="OPX17" s="8"/>
      <c r="OPY17" s="8"/>
      <c r="OPZ17" s="8"/>
      <c r="OQA17" s="8"/>
      <c r="OQB17" s="8"/>
      <c r="OQC17" s="8"/>
      <c r="OQD17" s="8"/>
      <c r="OQE17" s="8"/>
      <c r="OQF17" s="8"/>
      <c r="OQG17" s="8"/>
      <c r="OQH17" s="8"/>
      <c r="OQI17" s="8"/>
      <c r="OQJ17" s="8"/>
      <c r="OQK17" s="8"/>
      <c r="OQL17" s="8"/>
      <c r="OQM17" s="8"/>
      <c r="OQN17" s="8"/>
      <c r="OQO17" s="8"/>
      <c r="OQP17" s="8"/>
      <c r="OQQ17" s="8"/>
      <c r="OQR17" s="8"/>
      <c r="OQS17" s="8"/>
      <c r="OQT17" s="8"/>
      <c r="OQU17" s="8"/>
      <c r="OQV17" s="8"/>
      <c r="OQW17" s="8"/>
      <c r="OQX17" s="8"/>
      <c r="OQY17" s="8"/>
      <c r="OQZ17" s="8"/>
      <c r="ORA17" s="8"/>
      <c r="ORB17" s="8"/>
      <c r="ORC17" s="8"/>
      <c r="ORD17" s="8"/>
      <c r="ORE17" s="8"/>
      <c r="ORF17" s="8"/>
      <c r="ORG17" s="8"/>
      <c r="ORH17" s="8"/>
      <c r="ORI17" s="8"/>
      <c r="ORJ17" s="8"/>
      <c r="ORK17" s="8"/>
      <c r="ORL17" s="8"/>
      <c r="ORM17" s="8"/>
      <c r="ORN17" s="8"/>
      <c r="ORO17" s="8"/>
      <c r="ORP17" s="8"/>
      <c r="ORQ17" s="8"/>
      <c r="ORR17" s="8"/>
      <c r="ORS17" s="8"/>
      <c r="ORT17" s="8"/>
      <c r="ORU17" s="8"/>
      <c r="ORV17" s="8"/>
      <c r="ORW17" s="8"/>
      <c r="ORX17" s="8"/>
      <c r="ORY17" s="8"/>
      <c r="ORZ17" s="8"/>
      <c r="OSA17" s="8"/>
      <c r="OSB17" s="8"/>
      <c r="OSC17" s="8"/>
      <c r="OSD17" s="8"/>
      <c r="OSE17" s="8"/>
      <c r="OSF17" s="8"/>
      <c r="OSG17" s="8"/>
      <c r="OSH17" s="8"/>
      <c r="OSI17" s="8"/>
      <c r="OSJ17" s="8"/>
      <c r="OSK17" s="8"/>
      <c r="OSL17" s="8"/>
      <c r="OSM17" s="8"/>
      <c r="OSN17" s="8"/>
      <c r="OSO17" s="8"/>
      <c r="OSP17" s="8"/>
      <c r="OSQ17" s="8"/>
      <c r="OSR17" s="8"/>
      <c r="OSS17" s="8"/>
      <c r="OST17" s="8"/>
      <c r="OSU17" s="8"/>
      <c r="OSV17" s="8"/>
      <c r="OSW17" s="8"/>
      <c r="OSX17" s="8"/>
      <c r="OSY17" s="8"/>
      <c r="OSZ17" s="8"/>
      <c r="OTA17" s="8"/>
      <c r="OTB17" s="8"/>
      <c r="OTC17" s="8"/>
      <c r="OTD17" s="8"/>
      <c r="OTE17" s="8"/>
      <c r="OTF17" s="8"/>
      <c r="OTG17" s="8"/>
      <c r="OTH17" s="8"/>
      <c r="OTI17" s="8"/>
      <c r="OTJ17" s="8"/>
      <c r="OTK17" s="8"/>
      <c r="OTL17" s="8"/>
      <c r="OTM17" s="8"/>
      <c r="OTN17" s="8"/>
      <c r="OTO17" s="8"/>
      <c r="OTP17" s="8"/>
      <c r="OTQ17" s="8"/>
      <c r="OTR17" s="8"/>
      <c r="OTS17" s="8"/>
      <c r="OTT17" s="8"/>
      <c r="OTU17" s="8"/>
      <c r="OTV17" s="8"/>
      <c r="OTW17" s="8"/>
      <c r="OTX17" s="8"/>
      <c r="OTY17" s="8"/>
      <c r="OTZ17" s="8"/>
      <c r="OUA17" s="8"/>
      <c r="OUB17" s="8"/>
      <c r="OUC17" s="8"/>
      <c r="OUD17" s="8"/>
      <c r="OUE17" s="8"/>
      <c r="OUF17" s="8"/>
      <c r="OUG17" s="8"/>
      <c r="OUH17" s="8"/>
      <c r="OUI17" s="8"/>
      <c r="OUJ17" s="8"/>
      <c r="OUK17" s="8"/>
      <c r="OUL17" s="8"/>
      <c r="OUM17" s="8"/>
      <c r="OUN17" s="8"/>
      <c r="OUO17" s="8"/>
      <c r="OUP17" s="8"/>
      <c r="OUQ17" s="8"/>
      <c r="OUR17" s="8"/>
      <c r="OUS17" s="8"/>
      <c r="OUT17" s="8"/>
      <c r="OUU17" s="8"/>
      <c r="OUV17" s="8"/>
      <c r="OUW17" s="8"/>
      <c r="OUX17" s="8"/>
      <c r="OUY17" s="8"/>
      <c r="OUZ17" s="8"/>
      <c r="OVA17" s="8"/>
      <c r="OVB17" s="8"/>
      <c r="OVC17" s="8"/>
      <c r="OVD17" s="8"/>
      <c r="OVE17" s="8"/>
      <c r="OVF17" s="8"/>
      <c r="OVG17" s="8"/>
      <c r="OVH17" s="8"/>
      <c r="OVI17" s="8"/>
      <c r="OVJ17" s="8"/>
      <c r="OVK17" s="8"/>
      <c r="OVL17" s="8"/>
      <c r="OVM17" s="8"/>
      <c r="OVN17" s="8"/>
      <c r="OVO17" s="8"/>
      <c r="OVP17" s="8"/>
      <c r="OVQ17" s="8"/>
      <c r="OVR17" s="8"/>
      <c r="OVS17" s="8"/>
      <c r="OVT17" s="8"/>
      <c r="OVU17" s="8"/>
      <c r="OVV17" s="8"/>
      <c r="OVW17" s="8"/>
      <c r="OVX17" s="8"/>
      <c r="OVY17" s="8"/>
      <c r="OVZ17" s="8"/>
      <c r="OWA17" s="8"/>
      <c r="OWB17" s="8"/>
      <c r="OWC17" s="8"/>
      <c r="OWD17" s="8"/>
      <c r="OWE17" s="8"/>
      <c r="OWF17" s="8"/>
      <c r="OWG17" s="8"/>
      <c r="OWH17" s="8"/>
      <c r="OWI17" s="8"/>
      <c r="OWJ17" s="8"/>
      <c r="OWK17" s="8"/>
      <c r="OWL17" s="8"/>
      <c r="OWM17" s="8"/>
      <c r="OWN17" s="8"/>
      <c r="OWO17" s="8"/>
      <c r="OWP17" s="8"/>
      <c r="OWQ17" s="8"/>
      <c r="OWR17" s="8"/>
      <c r="OWS17" s="8"/>
      <c r="OWT17" s="8"/>
      <c r="OWU17" s="8"/>
      <c r="OWV17" s="8"/>
      <c r="OWW17" s="8"/>
      <c r="OWX17" s="8"/>
      <c r="OWY17" s="8"/>
      <c r="OWZ17" s="8"/>
      <c r="OXA17" s="8"/>
      <c r="OXB17" s="8"/>
      <c r="OXC17" s="8"/>
      <c r="OXD17" s="8"/>
      <c r="OXE17" s="8"/>
      <c r="OXF17" s="8"/>
      <c r="OXG17" s="8"/>
      <c r="OXH17" s="8"/>
      <c r="OXI17" s="8"/>
      <c r="OXJ17" s="8"/>
      <c r="OXK17" s="8"/>
      <c r="OXL17" s="8"/>
      <c r="OXM17" s="8"/>
      <c r="OXN17" s="8"/>
      <c r="OXO17" s="8"/>
      <c r="OXP17" s="8"/>
      <c r="OXQ17" s="8"/>
      <c r="OXR17" s="8"/>
      <c r="OXS17" s="8"/>
      <c r="OXT17" s="8"/>
      <c r="OXU17" s="8"/>
      <c r="OXV17" s="8"/>
      <c r="OXW17" s="8"/>
      <c r="OXX17" s="8"/>
      <c r="OXY17" s="8"/>
      <c r="OXZ17" s="8"/>
      <c r="OYA17" s="8"/>
      <c r="OYB17" s="8"/>
      <c r="OYC17" s="8"/>
      <c r="OYD17" s="8"/>
      <c r="OYE17" s="8"/>
      <c r="OYF17" s="8"/>
      <c r="OYG17" s="8"/>
      <c r="OYH17" s="8"/>
      <c r="OYI17" s="8"/>
      <c r="OYJ17" s="8"/>
      <c r="OYK17" s="8"/>
      <c r="OYL17" s="8"/>
      <c r="OYM17" s="8"/>
      <c r="OYN17" s="8"/>
      <c r="OYO17" s="8"/>
      <c r="OYP17" s="8"/>
      <c r="OYQ17" s="8"/>
      <c r="OYR17" s="8"/>
      <c r="OYS17" s="8"/>
      <c r="OYT17" s="8"/>
      <c r="OYU17" s="8"/>
      <c r="OYV17" s="8"/>
      <c r="OYW17" s="8"/>
      <c r="OYX17" s="8"/>
      <c r="OYY17" s="8"/>
      <c r="OYZ17" s="8"/>
      <c r="OZA17" s="8"/>
      <c r="OZB17" s="8"/>
      <c r="OZC17" s="8"/>
      <c r="OZD17" s="8"/>
      <c r="OZE17" s="8"/>
      <c r="OZF17" s="8"/>
      <c r="OZG17" s="8"/>
      <c r="OZH17" s="8"/>
      <c r="OZI17" s="8"/>
      <c r="OZJ17" s="8"/>
      <c r="OZK17" s="8"/>
      <c r="OZL17" s="8"/>
      <c r="OZM17" s="8"/>
      <c r="OZN17" s="8"/>
      <c r="OZO17" s="8"/>
      <c r="OZP17" s="8"/>
      <c r="OZQ17" s="8"/>
      <c r="OZR17" s="8"/>
      <c r="OZS17" s="8"/>
      <c r="OZT17" s="8"/>
      <c r="OZU17" s="8"/>
      <c r="OZV17" s="8"/>
      <c r="OZW17" s="8"/>
      <c r="OZX17" s="8"/>
      <c r="OZY17" s="8"/>
      <c r="OZZ17" s="8"/>
      <c r="PAA17" s="8"/>
      <c r="PAB17" s="8"/>
      <c r="PAC17" s="8"/>
      <c r="PAD17" s="8"/>
      <c r="PAE17" s="8"/>
      <c r="PAF17" s="8"/>
      <c r="PAG17" s="8"/>
      <c r="PAH17" s="8"/>
      <c r="PAI17" s="8"/>
      <c r="PAJ17" s="8"/>
      <c r="PAK17" s="8"/>
      <c r="PAL17" s="8"/>
      <c r="PAM17" s="8"/>
      <c r="PAN17" s="8"/>
      <c r="PAO17" s="8"/>
      <c r="PAP17" s="8"/>
      <c r="PAQ17" s="8"/>
      <c r="PAR17" s="8"/>
      <c r="PAS17" s="8"/>
      <c r="PAT17" s="8"/>
      <c r="PAU17" s="8"/>
      <c r="PAV17" s="8"/>
      <c r="PAW17" s="8"/>
      <c r="PAX17" s="8"/>
      <c r="PAY17" s="8"/>
      <c r="PAZ17" s="8"/>
      <c r="PBA17" s="8"/>
      <c r="PBB17" s="8"/>
      <c r="PBC17" s="8"/>
      <c r="PBD17" s="8"/>
      <c r="PBE17" s="8"/>
      <c r="PBF17" s="8"/>
      <c r="PBG17" s="8"/>
      <c r="PBH17" s="8"/>
      <c r="PBI17" s="8"/>
      <c r="PBJ17" s="8"/>
      <c r="PBK17" s="8"/>
      <c r="PBL17" s="8"/>
      <c r="PBM17" s="8"/>
      <c r="PBN17" s="8"/>
      <c r="PBO17" s="8"/>
      <c r="PBP17" s="8"/>
      <c r="PBQ17" s="8"/>
      <c r="PBR17" s="8"/>
      <c r="PBS17" s="8"/>
      <c r="PBT17" s="8"/>
      <c r="PBU17" s="8"/>
      <c r="PBV17" s="8"/>
      <c r="PBW17" s="8"/>
      <c r="PBX17" s="8"/>
      <c r="PBY17" s="8"/>
      <c r="PBZ17" s="8"/>
      <c r="PCA17" s="8"/>
      <c r="PCB17" s="8"/>
      <c r="PCC17" s="8"/>
      <c r="PCD17" s="8"/>
      <c r="PCE17" s="8"/>
      <c r="PCF17" s="8"/>
      <c r="PCG17" s="8"/>
      <c r="PCH17" s="8"/>
      <c r="PCI17" s="8"/>
      <c r="PCJ17" s="8"/>
      <c r="PCK17" s="8"/>
      <c r="PCL17" s="8"/>
      <c r="PCM17" s="8"/>
      <c r="PCN17" s="8"/>
      <c r="PCO17" s="8"/>
      <c r="PCP17" s="8"/>
      <c r="PCQ17" s="8"/>
      <c r="PCR17" s="8"/>
      <c r="PCS17" s="8"/>
      <c r="PCT17" s="8"/>
      <c r="PCU17" s="8"/>
      <c r="PCV17" s="8"/>
      <c r="PCW17" s="8"/>
      <c r="PCX17" s="8"/>
      <c r="PCY17" s="8"/>
      <c r="PCZ17" s="8"/>
      <c r="PDA17" s="8"/>
      <c r="PDB17" s="8"/>
      <c r="PDC17" s="8"/>
      <c r="PDD17" s="8"/>
      <c r="PDE17" s="8"/>
      <c r="PDF17" s="8"/>
      <c r="PDG17" s="8"/>
      <c r="PDH17" s="8"/>
      <c r="PDI17" s="8"/>
      <c r="PDJ17" s="8"/>
      <c r="PDK17" s="8"/>
      <c r="PDL17" s="8"/>
      <c r="PDM17" s="8"/>
      <c r="PDN17" s="8"/>
      <c r="PDO17" s="8"/>
      <c r="PDP17" s="8"/>
      <c r="PDQ17" s="8"/>
      <c r="PDR17" s="8"/>
      <c r="PDS17" s="8"/>
      <c r="PDT17" s="8"/>
      <c r="PDU17" s="8"/>
      <c r="PDV17" s="8"/>
      <c r="PDW17" s="8"/>
      <c r="PDX17" s="8"/>
      <c r="PDY17" s="8"/>
      <c r="PDZ17" s="8"/>
      <c r="PEA17" s="8"/>
      <c r="PEB17" s="8"/>
      <c r="PEC17" s="8"/>
      <c r="PED17" s="8"/>
      <c r="PEE17" s="8"/>
      <c r="PEF17" s="8"/>
      <c r="PEG17" s="8"/>
      <c r="PEH17" s="8"/>
      <c r="PEI17" s="8"/>
      <c r="PEJ17" s="8"/>
      <c r="PEK17" s="8"/>
      <c r="PEL17" s="8"/>
      <c r="PEM17" s="8"/>
      <c r="PEN17" s="8"/>
      <c r="PEO17" s="8"/>
      <c r="PEP17" s="8"/>
      <c r="PEQ17" s="8"/>
      <c r="PER17" s="8"/>
      <c r="PES17" s="8"/>
      <c r="PET17" s="8"/>
      <c r="PEU17" s="8"/>
      <c r="PEV17" s="8"/>
      <c r="PEW17" s="8"/>
      <c r="PEX17" s="8"/>
      <c r="PEY17" s="8"/>
      <c r="PEZ17" s="8"/>
      <c r="PFA17" s="8"/>
      <c r="PFB17" s="8"/>
      <c r="PFC17" s="8"/>
      <c r="PFD17" s="8"/>
      <c r="PFE17" s="8"/>
      <c r="PFF17" s="8"/>
      <c r="PFG17" s="8"/>
      <c r="PFH17" s="8"/>
      <c r="PFI17" s="8"/>
      <c r="PFJ17" s="8"/>
      <c r="PFK17" s="8"/>
      <c r="PFL17" s="8"/>
      <c r="PFM17" s="8"/>
      <c r="PFN17" s="8"/>
      <c r="PFO17" s="8"/>
      <c r="PFP17" s="8"/>
      <c r="PFQ17" s="8"/>
      <c r="PFR17" s="8"/>
      <c r="PFS17" s="8"/>
      <c r="PFT17" s="8"/>
      <c r="PFU17" s="8"/>
      <c r="PFV17" s="8"/>
      <c r="PFW17" s="8"/>
      <c r="PFX17" s="8"/>
      <c r="PFY17" s="8"/>
      <c r="PFZ17" s="8"/>
      <c r="PGA17" s="8"/>
      <c r="PGB17" s="8"/>
      <c r="PGC17" s="8"/>
      <c r="PGD17" s="8"/>
      <c r="PGE17" s="8"/>
      <c r="PGF17" s="8"/>
      <c r="PGG17" s="8"/>
      <c r="PGH17" s="8"/>
      <c r="PGI17" s="8"/>
      <c r="PGJ17" s="8"/>
      <c r="PGK17" s="8"/>
      <c r="PGL17" s="8"/>
      <c r="PGM17" s="8"/>
      <c r="PGN17" s="8"/>
      <c r="PGO17" s="8"/>
      <c r="PGP17" s="8"/>
      <c r="PGQ17" s="8"/>
      <c r="PGR17" s="8"/>
      <c r="PGS17" s="8"/>
      <c r="PGT17" s="8"/>
      <c r="PGU17" s="8"/>
      <c r="PGV17" s="8"/>
      <c r="PGW17" s="8"/>
      <c r="PGX17" s="8"/>
      <c r="PGY17" s="8"/>
      <c r="PGZ17" s="8"/>
      <c r="PHA17" s="8"/>
      <c r="PHB17" s="8"/>
      <c r="PHC17" s="8"/>
      <c r="PHD17" s="8"/>
      <c r="PHE17" s="8"/>
      <c r="PHF17" s="8"/>
      <c r="PHG17" s="8"/>
      <c r="PHH17" s="8"/>
      <c r="PHI17" s="8"/>
      <c r="PHJ17" s="8"/>
      <c r="PHK17" s="8"/>
      <c r="PHL17" s="8"/>
      <c r="PHM17" s="8"/>
      <c r="PHN17" s="8"/>
      <c r="PHO17" s="8"/>
      <c r="PHP17" s="8"/>
      <c r="PHQ17" s="8"/>
      <c r="PHR17" s="8"/>
      <c r="PHS17" s="8"/>
      <c r="PHT17" s="8"/>
      <c r="PHU17" s="8"/>
      <c r="PHV17" s="8"/>
      <c r="PHW17" s="8"/>
      <c r="PHX17" s="8"/>
      <c r="PHY17" s="8"/>
      <c r="PHZ17" s="8"/>
      <c r="PIA17" s="8"/>
      <c r="PIB17" s="8"/>
      <c r="PIC17" s="8"/>
      <c r="PID17" s="8"/>
      <c r="PIE17" s="8"/>
      <c r="PIF17" s="8"/>
      <c r="PIG17" s="8"/>
      <c r="PIH17" s="8"/>
      <c r="PII17" s="8"/>
      <c r="PIJ17" s="8"/>
      <c r="PIK17" s="8"/>
      <c r="PIL17" s="8"/>
      <c r="PIM17" s="8"/>
      <c r="PIN17" s="8"/>
      <c r="PIO17" s="8"/>
      <c r="PIP17" s="8"/>
      <c r="PIQ17" s="8"/>
      <c r="PIR17" s="8"/>
      <c r="PIS17" s="8"/>
      <c r="PIT17" s="8"/>
      <c r="PIU17" s="8"/>
      <c r="PIV17" s="8"/>
      <c r="PIW17" s="8"/>
      <c r="PIX17" s="8"/>
      <c r="PIY17" s="8"/>
      <c r="PIZ17" s="8"/>
      <c r="PJA17" s="8"/>
      <c r="PJB17" s="8"/>
      <c r="PJC17" s="8"/>
      <c r="PJD17" s="8"/>
      <c r="PJE17" s="8"/>
      <c r="PJF17" s="8"/>
      <c r="PJG17" s="8"/>
      <c r="PJH17" s="8"/>
      <c r="PJI17" s="8"/>
      <c r="PJJ17" s="8"/>
      <c r="PJK17" s="8"/>
      <c r="PJL17" s="8"/>
      <c r="PJM17" s="8"/>
      <c r="PJN17" s="8"/>
      <c r="PJO17" s="8"/>
      <c r="PJP17" s="8"/>
      <c r="PJQ17" s="8"/>
      <c r="PJR17" s="8"/>
      <c r="PJS17" s="8"/>
      <c r="PJT17" s="8"/>
      <c r="PJU17" s="8"/>
      <c r="PJV17" s="8"/>
      <c r="PJW17" s="8"/>
      <c r="PJX17" s="8"/>
      <c r="PJY17" s="8"/>
      <c r="PJZ17" s="8"/>
      <c r="PKA17" s="8"/>
      <c r="PKB17" s="8"/>
      <c r="PKC17" s="8"/>
      <c r="PKD17" s="8"/>
      <c r="PKE17" s="8"/>
      <c r="PKF17" s="8"/>
      <c r="PKG17" s="8"/>
      <c r="PKH17" s="8"/>
      <c r="PKI17" s="8"/>
      <c r="PKJ17" s="8"/>
      <c r="PKK17" s="8"/>
      <c r="PKL17" s="8"/>
      <c r="PKM17" s="8"/>
      <c r="PKN17" s="8"/>
      <c r="PKO17" s="8"/>
      <c r="PKP17" s="8"/>
      <c r="PKQ17" s="8"/>
      <c r="PKR17" s="8"/>
      <c r="PKS17" s="8"/>
      <c r="PKT17" s="8"/>
      <c r="PKU17" s="8"/>
      <c r="PKV17" s="8"/>
      <c r="PKW17" s="8"/>
      <c r="PKX17" s="8"/>
      <c r="PKY17" s="8"/>
      <c r="PKZ17" s="8"/>
      <c r="PLA17" s="8"/>
      <c r="PLB17" s="8"/>
      <c r="PLC17" s="8"/>
      <c r="PLD17" s="8"/>
      <c r="PLE17" s="8"/>
      <c r="PLF17" s="8"/>
      <c r="PLG17" s="8"/>
      <c r="PLH17" s="8"/>
      <c r="PLI17" s="8"/>
      <c r="PLJ17" s="8"/>
      <c r="PLK17" s="8"/>
      <c r="PLL17" s="8"/>
      <c r="PLM17" s="8"/>
      <c r="PLN17" s="8"/>
      <c r="PLO17" s="8"/>
      <c r="PLP17" s="8"/>
      <c r="PLQ17" s="8"/>
      <c r="PLR17" s="8"/>
      <c r="PLS17" s="8"/>
      <c r="PLT17" s="8"/>
      <c r="PLU17" s="8"/>
      <c r="PLV17" s="8"/>
      <c r="PLW17" s="8"/>
      <c r="PLX17" s="8"/>
      <c r="PLY17" s="8"/>
      <c r="PLZ17" s="8"/>
      <c r="PMA17" s="8"/>
      <c r="PMB17" s="8"/>
      <c r="PMC17" s="8"/>
      <c r="PMD17" s="8"/>
      <c r="PME17" s="8"/>
      <c r="PMF17" s="8"/>
      <c r="PMG17" s="8"/>
      <c r="PMH17" s="8"/>
      <c r="PMI17" s="8"/>
      <c r="PMJ17" s="8"/>
      <c r="PMK17" s="8"/>
      <c r="PML17" s="8"/>
      <c r="PMM17" s="8"/>
      <c r="PMN17" s="8"/>
      <c r="PMO17" s="8"/>
      <c r="PMP17" s="8"/>
      <c r="PMQ17" s="8"/>
      <c r="PMR17" s="8"/>
      <c r="PMS17" s="8"/>
      <c r="PMT17" s="8"/>
      <c r="PMU17" s="8"/>
      <c r="PMV17" s="8"/>
      <c r="PMW17" s="8"/>
      <c r="PMX17" s="8"/>
      <c r="PMY17" s="8"/>
      <c r="PMZ17" s="8"/>
      <c r="PNA17" s="8"/>
      <c r="PNB17" s="8"/>
      <c r="PNC17" s="8"/>
      <c r="PND17" s="8"/>
      <c r="PNE17" s="8"/>
      <c r="PNF17" s="8"/>
      <c r="PNG17" s="8"/>
      <c r="PNH17" s="8"/>
      <c r="PNI17" s="8"/>
      <c r="PNJ17" s="8"/>
      <c r="PNK17" s="8"/>
      <c r="PNL17" s="8"/>
      <c r="PNM17" s="8"/>
      <c r="PNN17" s="8"/>
      <c r="PNO17" s="8"/>
      <c r="PNP17" s="8"/>
      <c r="PNQ17" s="8"/>
      <c r="PNR17" s="8"/>
      <c r="PNS17" s="8"/>
      <c r="PNT17" s="8"/>
      <c r="PNU17" s="8"/>
      <c r="PNV17" s="8"/>
      <c r="PNW17" s="8"/>
      <c r="PNX17" s="8"/>
      <c r="PNY17" s="8"/>
      <c r="PNZ17" s="8"/>
      <c r="POA17" s="8"/>
      <c r="POB17" s="8"/>
      <c r="POC17" s="8"/>
      <c r="POD17" s="8"/>
      <c r="POE17" s="8"/>
      <c r="POF17" s="8"/>
      <c r="POG17" s="8"/>
      <c r="POH17" s="8"/>
      <c r="POI17" s="8"/>
      <c r="POJ17" s="8"/>
      <c r="POK17" s="8"/>
      <c r="POL17" s="8"/>
      <c r="POM17" s="8"/>
      <c r="PON17" s="8"/>
      <c r="POO17" s="8"/>
      <c r="POP17" s="8"/>
      <c r="POQ17" s="8"/>
      <c r="POR17" s="8"/>
      <c r="POS17" s="8"/>
      <c r="POT17" s="8"/>
      <c r="POU17" s="8"/>
      <c r="POV17" s="8"/>
      <c r="POW17" s="8"/>
      <c r="POX17" s="8"/>
      <c r="POY17" s="8"/>
      <c r="POZ17" s="8"/>
      <c r="PPA17" s="8"/>
      <c r="PPB17" s="8"/>
      <c r="PPC17" s="8"/>
      <c r="PPD17" s="8"/>
      <c r="PPE17" s="8"/>
      <c r="PPF17" s="8"/>
      <c r="PPG17" s="8"/>
      <c r="PPH17" s="8"/>
      <c r="PPI17" s="8"/>
      <c r="PPJ17" s="8"/>
      <c r="PPK17" s="8"/>
      <c r="PPL17" s="8"/>
      <c r="PPM17" s="8"/>
      <c r="PPN17" s="8"/>
      <c r="PPO17" s="8"/>
      <c r="PPP17" s="8"/>
      <c r="PPQ17" s="8"/>
      <c r="PPR17" s="8"/>
      <c r="PPS17" s="8"/>
      <c r="PPT17" s="8"/>
      <c r="PPU17" s="8"/>
      <c r="PPV17" s="8"/>
      <c r="PPW17" s="8"/>
      <c r="PPX17" s="8"/>
      <c r="PPY17" s="8"/>
      <c r="PPZ17" s="8"/>
      <c r="PQA17" s="8"/>
      <c r="PQB17" s="8"/>
      <c r="PQC17" s="8"/>
      <c r="PQD17" s="8"/>
      <c r="PQE17" s="8"/>
      <c r="PQF17" s="8"/>
      <c r="PQG17" s="8"/>
      <c r="PQH17" s="8"/>
      <c r="PQI17" s="8"/>
      <c r="PQJ17" s="8"/>
      <c r="PQK17" s="8"/>
      <c r="PQL17" s="8"/>
      <c r="PQM17" s="8"/>
      <c r="PQN17" s="8"/>
      <c r="PQO17" s="8"/>
      <c r="PQP17" s="8"/>
      <c r="PQQ17" s="8"/>
      <c r="PQR17" s="8"/>
      <c r="PQS17" s="8"/>
      <c r="PQT17" s="8"/>
      <c r="PQU17" s="8"/>
      <c r="PQV17" s="8"/>
      <c r="PQW17" s="8"/>
      <c r="PQX17" s="8"/>
      <c r="PQY17" s="8"/>
      <c r="PQZ17" s="8"/>
      <c r="PRA17" s="8"/>
      <c r="PRB17" s="8"/>
      <c r="PRC17" s="8"/>
      <c r="PRD17" s="8"/>
      <c r="PRE17" s="8"/>
      <c r="PRF17" s="8"/>
      <c r="PRG17" s="8"/>
      <c r="PRH17" s="8"/>
      <c r="PRI17" s="8"/>
      <c r="PRJ17" s="8"/>
      <c r="PRK17" s="8"/>
      <c r="PRL17" s="8"/>
      <c r="PRM17" s="8"/>
      <c r="PRN17" s="8"/>
      <c r="PRO17" s="8"/>
      <c r="PRP17" s="8"/>
      <c r="PRQ17" s="8"/>
      <c r="PRR17" s="8"/>
      <c r="PRS17" s="8"/>
      <c r="PRT17" s="8"/>
      <c r="PRU17" s="8"/>
      <c r="PRV17" s="8"/>
      <c r="PRW17" s="8"/>
      <c r="PRX17" s="8"/>
      <c r="PRY17" s="8"/>
      <c r="PRZ17" s="8"/>
      <c r="PSA17" s="8"/>
      <c r="PSB17" s="8"/>
      <c r="PSC17" s="8"/>
      <c r="PSD17" s="8"/>
      <c r="PSE17" s="8"/>
      <c r="PSF17" s="8"/>
      <c r="PSG17" s="8"/>
      <c r="PSH17" s="8"/>
      <c r="PSI17" s="8"/>
      <c r="PSJ17" s="8"/>
      <c r="PSK17" s="8"/>
      <c r="PSL17" s="8"/>
      <c r="PSM17" s="8"/>
      <c r="PSN17" s="8"/>
      <c r="PSO17" s="8"/>
      <c r="PSP17" s="8"/>
      <c r="PSQ17" s="8"/>
      <c r="PSR17" s="8"/>
      <c r="PSS17" s="8"/>
      <c r="PST17" s="8"/>
      <c r="PSU17" s="8"/>
      <c r="PSV17" s="8"/>
      <c r="PSW17" s="8"/>
      <c r="PSX17" s="8"/>
      <c r="PSY17" s="8"/>
      <c r="PSZ17" s="8"/>
      <c r="PTA17" s="8"/>
      <c r="PTB17" s="8"/>
      <c r="PTC17" s="8"/>
      <c r="PTD17" s="8"/>
      <c r="PTE17" s="8"/>
      <c r="PTF17" s="8"/>
      <c r="PTG17" s="8"/>
      <c r="PTH17" s="8"/>
      <c r="PTI17" s="8"/>
      <c r="PTJ17" s="8"/>
      <c r="PTK17" s="8"/>
      <c r="PTL17" s="8"/>
      <c r="PTM17" s="8"/>
      <c r="PTN17" s="8"/>
      <c r="PTO17" s="8"/>
      <c r="PTP17" s="8"/>
      <c r="PTQ17" s="8"/>
      <c r="PTR17" s="8"/>
      <c r="PTS17" s="8"/>
      <c r="PTT17" s="8"/>
      <c r="PTU17" s="8"/>
      <c r="PTV17" s="8"/>
      <c r="PTW17" s="8"/>
      <c r="PTX17" s="8"/>
      <c r="PTY17" s="8"/>
      <c r="PTZ17" s="8"/>
      <c r="PUA17" s="8"/>
      <c r="PUB17" s="8"/>
      <c r="PUC17" s="8"/>
      <c r="PUD17" s="8"/>
      <c r="PUE17" s="8"/>
      <c r="PUF17" s="8"/>
      <c r="PUG17" s="8"/>
      <c r="PUH17" s="8"/>
      <c r="PUI17" s="8"/>
      <c r="PUJ17" s="8"/>
      <c r="PUK17" s="8"/>
      <c r="PUL17" s="8"/>
      <c r="PUM17" s="8"/>
      <c r="PUN17" s="8"/>
      <c r="PUO17" s="8"/>
      <c r="PUP17" s="8"/>
      <c r="PUQ17" s="8"/>
      <c r="PUR17" s="8"/>
      <c r="PUS17" s="8"/>
      <c r="PUT17" s="8"/>
      <c r="PUU17" s="8"/>
      <c r="PUV17" s="8"/>
      <c r="PUW17" s="8"/>
      <c r="PUX17" s="8"/>
      <c r="PUY17" s="8"/>
      <c r="PUZ17" s="8"/>
      <c r="PVA17" s="8"/>
      <c r="PVB17" s="8"/>
      <c r="PVC17" s="8"/>
      <c r="PVD17" s="8"/>
      <c r="PVE17" s="8"/>
      <c r="PVF17" s="8"/>
      <c r="PVG17" s="8"/>
      <c r="PVH17" s="8"/>
      <c r="PVI17" s="8"/>
      <c r="PVJ17" s="8"/>
      <c r="PVK17" s="8"/>
      <c r="PVL17" s="8"/>
      <c r="PVM17" s="8"/>
      <c r="PVN17" s="8"/>
      <c r="PVO17" s="8"/>
      <c r="PVP17" s="8"/>
      <c r="PVQ17" s="8"/>
      <c r="PVR17" s="8"/>
      <c r="PVS17" s="8"/>
      <c r="PVT17" s="8"/>
      <c r="PVU17" s="8"/>
      <c r="PVV17" s="8"/>
      <c r="PVW17" s="8"/>
      <c r="PVX17" s="8"/>
      <c r="PVY17" s="8"/>
      <c r="PVZ17" s="8"/>
      <c r="PWA17" s="8"/>
      <c r="PWB17" s="8"/>
      <c r="PWC17" s="8"/>
      <c r="PWD17" s="8"/>
      <c r="PWE17" s="8"/>
      <c r="PWF17" s="8"/>
      <c r="PWG17" s="8"/>
      <c r="PWH17" s="8"/>
      <c r="PWI17" s="8"/>
      <c r="PWJ17" s="8"/>
      <c r="PWK17" s="8"/>
      <c r="PWL17" s="8"/>
      <c r="PWM17" s="8"/>
      <c r="PWN17" s="8"/>
      <c r="PWO17" s="8"/>
      <c r="PWP17" s="8"/>
      <c r="PWQ17" s="8"/>
      <c r="PWR17" s="8"/>
      <c r="PWS17" s="8"/>
      <c r="PWT17" s="8"/>
      <c r="PWU17" s="8"/>
      <c r="PWV17" s="8"/>
      <c r="PWW17" s="8"/>
      <c r="PWX17" s="8"/>
      <c r="PWY17" s="8"/>
      <c r="PWZ17" s="8"/>
      <c r="PXA17" s="8"/>
      <c r="PXB17" s="8"/>
      <c r="PXC17" s="8"/>
      <c r="PXD17" s="8"/>
      <c r="PXE17" s="8"/>
      <c r="PXF17" s="8"/>
      <c r="PXG17" s="8"/>
      <c r="PXH17" s="8"/>
      <c r="PXI17" s="8"/>
      <c r="PXJ17" s="8"/>
      <c r="PXK17" s="8"/>
      <c r="PXL17" s="8"/>
      <c r="PXM17" s="8"/>
      <c r="PXN17" s="8"/>
      <c r="PXO17" s="8"/>
      <c r="PXP17" s="8"/>
      <c r="PXQ17" s="8"/>
      <c r="PXR17" s="8"/>
      <c r="PXS17" s="8"/>
      <c r="PXT17" s="8"/>
      <c r="PXU17" s="8"/>
      <c r="PXV17" s="8"/>
      <c r="PXW17" s="8"/>
      <c r="PXX17" s="8"/>
      <c r="PXY17" s="8"/>
      <c r="PXZ17" s="8"/>
      <c r="PYA17" s="8"/>
      <c r="PYB17" s="8"/>
      <c r="PYC17" s="8"/>
      <c r="PYD17" s="8"/>
      <c r="PYE17" s="8"/>
      <c r="PYF17" s="8"/>
      <c r="PYG17" s="8"/>
      <c r="PYH17" s="8"/>
      <c r="PYI17" s="8"/>
      <c r="PYJ17" s="8"/>
      <c r="PYK17" s="8"/>
      <c r="PYL17" s="8"/>
      <c r="PYM17" s="8"/>
      <c r="PYN17" s="8"/>
      <c r="PYO17" s="8"/>
      <c r="PYP17" s="8"/>
      <c r="PYQ17" s="8"/>
      <c r="PYR17" s="8"/>
      <c r="PYS17" s="8"/>
      <c r="PYT17" s="8"/>
      <c r="PYU17" s="8"/>
      <c r="PYV17" s="8"/>
      <c r="PYW17" s="8"/>
      <c r="PYX17" s="8"/>
      <c r="PYY17" s="8"/>
      <c r="PYZ17" s="8"/>
      <c r="PZA17" s="8"/>
      <c r="PZB17" s="8"/>
      <c r="PZC17" s="8"/>
      <c r="PZD17" s="8"/>
      <c r="PZE17" s="8"/>
      <c r="PZF17" s="8"/>
      <c r="PZG17" s="8"/>
      <c r="PZH17" s="8"/>
      <c r="PZI17" s="8"/>
      <c r="PZJ17" s="8"/>
      <c r="PZK17" s="8"/>
      <c r="PZL17" s="8"/>
      <c r="PZM17" s="8"/>
      <c r="PZN17" s="8"/>
      <c r="PZO17" s="8"/>
      <c r="PZP17" s="8"/>
      <c r="PZQ17" s="8"/>
      <c r="PZR17" s="8"/>
      <c r="PZS17" s="8"/>
      <c r="PZT17" s="8"/>
      <c r="PZU17" s="8"/>
      <c r="PZV17" s="8"/>
      <c r="PZW17" s="8"/>
      <c r="PZX17" s="8"/>
      <c r="PZY17" s="8"/>
      <c r="PZZ17" s="8"/>
      <c r="QAA17" s="8"/>
      <c r="QAB17" s="8"/>
      <c r="QAC17" s="8"/>
      <c r="QAD17" s="8"/>
      <c r="QAE17" s="8"/>
      <c r="QAF17" s="8"/>
      <c r="QAG17" s="8"/>
      <c r="QAH17" s="8"/>
      <c r="QAI17" s="8"/>
      <c r="QAJ17" s="8"/>
      <c r="QAK17" s="8"/>
      <c r="QAL17" s="8"/>
      <c r="QAM17" s="8"/>
      <c r="QAN17" s="8"/>
      <c r="QAO17" s="8"/>
      <c r="QAP17" s="8"/>
      <c r="QAQ17" s="8"/>
      <c r="QAR17" s="8"/>
      <c r="QAS17" s="8"/>
      <c r="QAT17" s="8"/>
      <c r="QAU17" s="8"/>
      <c r="QAV17" s="8"/>
      <c r="QAW17" s="8"/>
      <c r="QAX17" s="8"/>
      <c r="QAY17" s="8"/>
      <c r="QAZ17" s="8"/>
      <c r="QBA17" s="8"/>
      <c r="QBB17" s="8"/>
      <c r="QBC17" s="8"/>
      <c r="QBD17" s="8"/>
      <c r="QBE17" s="8"/>
      <c r="QBF17" s="8"/>
      <c r="QBG17" s="8"/>
      <c r="QBH17" s="8"/>
      <c r="QBI17" s="8"/>
      <c r="QBJ17" s="8"/>
      <c r="QBK17" s="8"/>
      <c r="QBL17" s="8"/>
      <c r="QBM17" s="8"/>
      <c r="QBN17" s="8"/>
      <c r="QBO17" s="8"/>
      <c r="QBP17" s="8"/>
      <c r="QBQ17" s="8"/>
      <c r="QBR17" s="8"/>
      <c r="QBS17" s="8"/>
      <c r="QBT17" s="8"/>
      <c r="QBU17" s="8"/>
      <c r="QBV17" s="8"/>
      <c r="QBW17" s="8"/>
      <c r="QBX17" s="8"/>
      <c r="QBY17" s="8"/>
      <c r="QBZ17" s="8"/>
      <c r="QCA17" s="8"/>
      <c r="QCB17" s="8"/>
      <c r="QCC17" s="8"/>
      <c r="QCD17" s="8"/>
      <c r="QCE17" s="8"/>
      <c r="QCF17" s="8"/>
      <c r="QCG17" s="8"/>
      <c r="QCH17" s="8"/>
      <c r="QCI17" s="8"/>
      <c r="QCJ17" s="8"/>
      <c r="QCK17" s="8"/>
      <c r="QCL17" s="8"/>
      <c r="QCM17" s="8"/>
      <c r="QCN17" s="8"/>
      <c r="QCO17" s="8"/>
      <c r="QCP17" s="8"/>
      <c r="QCQ17" s="8"/>
      <c r="QCR17" s="8"/>
      <c r="QCS17" s="8"/>
      <c r="QCT17" s="8"/>
      <c r="QCU17" s="8"/>
      <c r="QCV17" s="8"/>
      <c r="QCW17" s="8"/>
      <c r="QCX17" s="8"/>
      <c r="QCY17" s="8"/>
      <c r="QCZ17" s="8"/>
      <c r="QDA17" s="8"/>
      <c r="QDB17" s="8"/>
      <c r="QDC17" s="8"/>
      <c r="QDD17" s="8"/>
      <c r="QDE17" s="8"/>
      <c r="QDF17" s="8"/>
      <c r="QDG17" s="8"/>
      <c r="QDH17" s="8"/>
      <c r="QDI17" s="8"/>
      <c r="QDJ17" s="8"/>
      <c r="QDK17" s="8"/>
      <c r="QDL17" s="8"/>
      <c r="QDM17" s="8"/>
      <c r="QDN17" s="8"/>
      <c r="QDO17" s="8"/>
      <c r="QDP17" s="8"/>
      <c r="QDQ17" s="8"/>
      <c r="QDR17" s="8"/>
      <c r="QDS17" s="8"/>
      <c r="QDT17" s="8"/>
      <c r="QDU17" s="8"/>
      <c r="QDV17" s="8"/>
      <c r="QDW17" s="8"/>
      <c r="QDX17" s="8"/>
      <c r="QDY17" s="8"/>
      <c r="QDZ17" s="8"/>
      <c r="QEA17" s="8"/>
      <c r="QEB17" s="8"/>
      <c r="QEC17" s="8"/>
      <c r="QED17" s="8"/>
      <c r="QEE17" s="8"/>
      <c r="QEF17" s="8"/>
      <c r="QEG17" s="8"/>
      <c r="QEH17" s="8"/>
      <c r="QEI17" s="8"/>
      <c r="QEJ17" s="8"/>
      <c r="QEK17" s="8"/>
      <c r="QEL17" s="8"/>
      <c r="QEM17" s="8"/>
      <c r="QEN17" s="8"/>
      <c r="QEO17" s="8"/>
      <c r="QEP17" s="8"/>
      <c r="QEQ17" s="8"/>
      <c r="QER17" s="8"/>
      <c r="QES17" s="8"/>
      <c r="QET17" s="8"/>
      <c r="QEU17" s="8"/>
      <c r="QEV17" s="8"/>
      <c r="QEW17" s="8"/>
      <c r="QEX17" s="8"/>
      <c r="QEY17" s="8"/>
      <c r="QEZ17" s="8"/>
      <c r="QFA17" s="8"/>
      <c r="QFB17" s="8"/>
      <c r="QFC17" s="8"/>
      <c r="QFD17" s="8"/>
      <c r="QFE17" s="8"/>
      <c r="QFF17" s="8"/>
      <c r="QFG17" s="8"/>
      <c r="QFH17" s="8"/>
      <c r="QFI17" s="8"/>
      <c r="QFJ17" s="8"/>
      <c r="QFK17" s="8"/>
      <c r="QFL17" s="8"/>
      <c r="QFM17" s="8"/>
      <c r="QFN17" s="8"/>
      <c r="QFO17" s="8"/>
      <c r="QFP17" s="8"/>
      <c r="QFQ17" s="8"/>
      <c r="QFR17" s="8"/>
      <c r="QFS17" s="8"/>
      <c r="QFT17" s="8"/>
      <c r="QFU17" s="8"/>
      <c r="QFV17" s="8"/>
      <c r="QFW17" s="8"/>
      <c r="QFX17" s="8"/>
      <c r="QFY17" s="8"/>
      <c r="QFZ17" s="8"/>
      <c r="QGA17" s="8"/>
      <c r="QGB17" s="8"/>
      <c r="QGC17" s="8"/>
      <c r="QGD17" s="8"/>
      <c r="QGE17" s="8"/>
      <c r="QGF17" s="8"/>
      <c r="QGG17" s="8"/>
      <c r="QGH17" s="8"/>
      <c r="QGI17" s="8"/>
      <c r="QGJ17" s="8"/>
      <c r="QGK17" s="8"/>
      <c r="QGL17" s="8"/>
      <c r="QGM17" s="8"/>
      <c r="QGN17" s="8"/>
      <c r="QGO17" s="8"/>
      <c r="QGP17" s="8"/>
      <c r="QGQ17" s="8"/>
      <c r="QGR17" s="8"/>
      <c r="QGS17" s="8"/>
      <c r="QGT17" s="8"/>
      <c r="QGU17" s="8"/>
      <c r="QGV17" s="8"/>
      <c r="QGW17" s="8"/>
      <c r="QGX17" s="8"/>
      <c r="QGY17" s="8"/>
      <c r="QGZ17" s="8"/>
      <c r="QHA17" s="8"/>
      <c r="QHB17" s="8"/>
      <c r="QHC17" s="8"/>
      <c r="QHD17" s="8"/>
      <c r="QHE17" s="8"/>
      <c r="QHF17" s="8"/>
      <c r="QHG17" s="8"/>
      <c r="QHH17" s="8"/>
      <c r="QHI17" s="8"/>
      <c r="QHJ17" s="8"/>
      <c r="QHK17" s="8"/>
      <c r="QHL17" s="8"/>
      <c r="QHM17" s="8"/>
      <c r="QHN17" s="8"/>
      <c r="QHO17" s="8"/>
      <c r="QHP17" s="8"/>
      <c r="QHQ17" s="8"/>
      <c r="QHR17" s="8"/>
      <c r="QHS17" s="8"/>
      <c r="QHT17" s="8"/>
      <c r="QHU17" s="8"/>
      <c r="QHV17" s="8"/>
      <c r="QHW17" s="8"/>
      <c r="QHX17" s="8"/>
      <c r="QHY17" s="8"/>
      <c r="QHZ17" s="8"/>
      <c r="QIA17" s="8"/>
      <c r="QIB17" s="8"/>
      <c r="QIC17" s="8"/>
      <c r="QID17" s="8"/>
      <c r="QIE17" s="8"/>
      <c r="QIF17" s="8"/>
      <c r="QIG17" s="8"/>
      <c r="QIH17" s="8"/>
      <c r="QII17" s="8"/>
      <c r="QIJ17" s="8"/>
      <c r="QIK17" s="8"/>
      <c r="QIL17" s="8"/>
      <c r="QIM17" s="8"/>
      <c r="QIN17" s="8"/>
      <c r="QIO17" s="8"/>
      <c r="QIP17" s="8"/>
      <c r="QIQ17" s="8"/>
      <c r="QIR17" s="8"/>
      <c r="QIS17" s="8"/>
      <c r="QIT17" s="8"/>
      <c r="QIU17" s="8"/>
      <c r="QIV17" s="8"/>
      <c r="QIW17" s="8"/>
      <c r="QIX17" s="8"/>
      <c r="QIY17" s="8"/>
      <c r="QIZ17" s="8"/>
      <c r="QJA17" s="8"/>
      <c r="QJB17" s="8"/>
      <c r="QJC17" s="8"/>
      <c r="QJD17" s="8"/>
      <c r="QJE17" s="8"/>
      <c r="QJF17" s="8"/>
      <c r="QJG17" s="8"/>
      <c r="QJH17" s="8"/>
      <c r="QJI17" s="8"/>
      <c r="QJJ17" s="8"/>
      <c r="QJK17" s="8"/>
      <c r="QJL17" s="8"/>
      <c r="QJM17" s="8"/>
      <c r="QJN17" s="8"/>
      <c r="QJO17" s="8"/>
      <c r="QJP17" s="8"/>
      <c r="QJQ17" s="8"/>
      <c r="QJR17" s="8"/>
      <c r="QJS17" s="8"/>
      <c r="QJT17" s="8"/>
      <c r="QJU17" s="8"/>
      <c r="QJV17" s="8"/>
      <c r="QJW17" s="8"/>
      <c r="QJX17" s="8"/>
      <c r="QJY17" s="8"/>
      <c r="QJZ17" s="8"/>
      <c r="QKA17" s="8"/>
      <c r="QKB17" s="8"/>
      <c r="QKC17" s="8"/>
      <c r="QKD17" s="8"/>
      <c r="QKE17" s="8"/>
      <c r="QKF17" s="8"/>
      <c r="QKG17" s="8"/>
      <c r="QKH17" s="8"/>
      <c r="QKI17" s="8"/>
      <c r="QKJ17" s="8"/>
      <c r="QKK17" s="8"/>
      <c r="QKL17" s="8"/>
      <c r="QKM17" s="8"/>
      <c r="QKN17" s="8"/>
      <c r="QKO17" s="8"/>
      <c r="QKP17" s="8"/>
      <c r="QKQ17" s="8"/>
      <c r="QKR17" s="8"/>
      <c r="QKS17" s="8"/>
      <c r="QKT17" s="8"/>
      <c r="QKU17" s="8"/>
      <c r="QKV17" s="8"/>
      <c r="QKW17" s="8"/>
      <c r="QKX17" s="8"/>
      <c r="QKY17" s="8"/>
      <c r="QKZ17" s="8"/>
      <c r="QLA17" s="8"/>
      <c r="QLB17" s="8"/>
      <c r="QLC17" s="8"/>
      <c r="QLD17" s="8"/>
      <c r="QLE17" s="8"/>
      <c r="QLF17" s="8"/>
      <c r="QLG17" s="8"/>
      <c r="QLH17" s="8"/>
      <c r="QLI17" s="8"/>
      <c r="QLJ17" s="8"/>
      <c r="QLK17" s="8"/>
      <c r="QLL17" s="8"/>
      <c r="QLM17" s="8"/>
      <c r="QLN17" s="8"/>
      <c r="QLO17" s="8"/>
      <c r="QLP17" s="8"/>
      <c r="QLQ17" s="8"/>
      <c r="QLR17" s="8"/>
      <c r="QLS17" s="8"/>
      <c r="QLT17" s="8"/>
      <c r="QLU17" s="8"/>
      <c r="QLV17" s="8"/>
      <c r="QLW17" s="8"/>
      <c r="QLX17" s="8"/>
      <c r="QLY17" s="8"/>
      <c r="QLZ17" s="8"/>
      <c r="QMA17" s="8"/>
      <c r="QMB17" s="8"/>
      <c r="QMC17" s="8"/>
      <c r="QMD17" s="8"/>
      <c r="QME17" s="8"/>
      <c r="QMF17" s="8"/>
      <c r="QMG17" s="8"/>
      <c r="QMH17" s="8"/>
      <c r="QMI17" s="8"/>
      <c r="QMJ17" s="8"/>
      <c r="QMK17" s="8"/>
      <c r="QML17" s="8"/>
      <c r="QMM17" s="8"/>
      <c r="QMN17" s="8"/>
      <c r="QMO17" s="8"/>
      <c r="QMP17" s="8"/>
      <c r="QMQ17" s="8"/>
      <c r="QMR17" s="8"/>
      <c r="QMS17" s="8"/>
      <c r="QMT17" s="8"/>
      <c r="QMU17" s="8"/>
      <c r="QMV17" s="8"/>
      <c r="QMW17" s="8"/>
      <c r="QMX17" s="8"/>
      <c r="QMY17" s="8"/>
      <c r="QMZ17" s="8"/>
      <c r="QNA17" s="8"/>
      <c r="QNB17" s="8"/>
      <c r="QNC17" s="8"/>
      <c r="QND17" s="8"/>
      <c r="QNE17" s="8"/>
      <c r="QNF17" s="8"/>
      <c r="QNG17" s="8"/>
      <c r="QNH17" s="8"/>
      <c r="QNI17" s="8"/>
      <c r="QNJ17" s="8"/>
      <c r="QNK17" s="8"/>
      <c r="QNL17" s="8"/>
      <c r="QNM17" s="8"/>
      <c r="QNN17" s="8"/>
      <c r="QNO17" s="8"/>
      <c r="QNP17" s="8"/>
      <c r="QNQ17" s="8"/>
      <c r="QNR17" s="8"/>
      <c r="QNS17" s="8"/>
      <c r="QNT17" s="8"/>
      <c r="QNU17" s="8"/>
      <c r="QNV17" s="8"/>
      <c r="QNW17" s="8"/>
      <c r="QNX17" s="8"/>
      <c r="QNY17" s="8"/>
      <c r="QNZ17" s="8"/>
      <c r="QOA17" s="8"/>
      <c r="QOB17" s="8"/>
      <c r="QOC17" s="8"/>
      <c r="QOD17" s="8"/>
      <c r="QOE17" s="8"/>
      <c r="QOF17" s="8"/>
      <c r="QOG17" s="8"/>
      <c r="QOH17" s="8"/>
      <c r="QOI17" s="8"/>
      <c r="QOJ17" s="8"/>
      <c r="QOK17" s="8"/>
      <c r="QOL17" s="8"/>
      <c r="QOM17" s="8"/>
      <c r="QON17" s="8"/>
      <c r="QOO17" s="8"/>
      <c r="QOP17" s="8"/>
      <c r="QOQ17" s="8"/>
      <c r="QOR17" s="8"/>
      <c r="QOS17" s="8"/>
      <c r="QOT17" s="8"/>
      <c r="QOU17" s="8"/>
      <c r="QOV17" s="8"/>
      <c r="QOW17" s="8"/>
      <c r="QOX17" s="8"/>
      <c r="QOY17" s="8"/>
      <c r="QOZ17" s="8"/>
      <c r="QPA17" s="8"/>
      <c r="QPB17" s="8"/>
      <c r="QPC17" s="8"/>
      <c r="QPD17" s="8"/>
      <c r="QPE17" s="8"/>
      <c r="QPF17" s="8"/>
      <c r="QPG17" s="8"/>
      <c r="QPH17" s="8"/>
      <c r="QPI17" s="8"/>
      <c r="QPJ17" s="8"/>
      <c r="QPK17" s="8"/>
      <c r="QPL17" s="8"/>
      <c r="QPM17" s="8"/>
      <c r="QPN17" s="8"/>
      <c r="QPO17" s="8"/>
      <c r="QPP17" s="8"/>
      <c r="QPQ17" s="8"/>
      <c r="QPR17" s="8"/>
      <c r="QPS17" s="8"/>
      <c r="QPT17" s="8"/>
      <c r="QPU17" s="8"/>
      <c r="QPV17" s="8"/>
      <c r="QPW17" s="8"/>
      <c r="QPX17" s="8"/>
      <c r="QPY17" s="8"/>
      <c r="QPZ17" s="8"/>
      <c r="QQA17" s="8"/>
      <c r="QQB17" s="8"/>
      <c r="QQC17" s="8"/>
      <c r="QQD17" s="8"/>
      <c r="QQE17" s="8"/>
      <c r="QQF17" s="8"/>
      <c r="QQG17" s="8"/>
      <c r="QQH17" s="8"/>
      <c r="QQI17" s="8"/>
      <c r="QQJ17" s="8"/>
      <c r="QQK17" s="8"/>
      <c r="QQL17" s="8"/>
      <c r="QQM17" s="8"/>
      <c r="QQN17" s="8"/>
      <c r="QQO17" s="8"/>
      <c r="QQP17" s="8"/>
      <c r="QQQ17" s="8"/>
      <c r="QQR17" s="8"/>
      <c r="QQS17" s="8"/>
      <c r="QQT17" s="8"/>
      <c r="QQU17" s="8"/>
      <c r="QQV17" s="8"/>
      <c r="QQW17" s="8"/>
      <c r="QQX17" s="8"/>
      <c r="QQY17" s="8"/>
      <c r="QQZ17" s="8"/>
      <c r="QRA17" s="8"/>
      <c r="QRB17" s="8"/>
      <c r="QRC17" s="8"/>
      <c r="QRD17" s="8"/>
      <c r="QRE17" s="8"/>
      <c r="QRF17" s="8"/>
      <c r="QRG17" s="8"/>
      <c r="QRH17" s="8"/>
      <c r="QRI17" s="8"/>
      <c r="QRJ17" s="8"/>
      <c r="QRK17" s="8"/>
      <c r="QRL17" s="8"/>
      <c r="QRM17" s="8"/>
      <c r="QRN17" s="8"/>
      <c r="QRO17" s="8"/>
      <c r="QRP17" s="8"/>
      <c r="QRQ17" s="8"/>
      <c r="QRR17" s="8"/>
      <c r="QRS17" s="8"/>
      <c r="QRT17" s="8"/>
      <c r="QRU17" s="8"/>
      <c r="QRV17" s="8"/>
      <c r="QRW17" s="8"/>
      <c r="QRX17" s="8"/>
      <c r="QRY17" s="8"/>
      <c r="QRZ17" s="8"/>
      <c r="QSA17" s="8"/>
      <c r="QSB17" s="8"/>
      <c r="QSC17" s="8"/>
      <c r="QSD17" s="8"/>
      <c r="QSE17" s="8"/>
      <c r="QSF17" s="8"/>
      <c r="QSG17" s="8"/>
      <c r="QSH17" s="8"/>
      <c r="QSI17" s="8"/>
      <c r="QSJ17" s="8"/>
      <c r="QSK17" s="8"/>
      <c r="QSL17" s="8"/>
      <c r="QSM17" s="8"/>
      <c r="QSN17" s="8"/>
      <c r="QSO17" s="8"/>
      <c r="QSP17" s="8"/>
      <c r="QSQ17" s="8"/>
      <c r="QSR17" s="8"/>
      <c r="QSS17" s="8"/>
      <c r="QST17" s="8"/>
      <c r="QSU17" s="8"/>
      <c r="QSV17" s="8"/>
      <c r="QSW17" s="8"/>
      <c r="QSX17" s="8"/>
      <c r="QSY17" s="8"/>
      <c r="QSZ17" s="8"/>
      <c r="QTA17" s="8"/>
      <c r="QTB17" s="8"/>
      <c r="QTC17" s="8"/>
      <c r="QTD17" s="8"/>
      <c r="QTE17" s="8"/>
      <c r="QTF17" s="8"/>
      <c r="QTG17" s="8"/>
      <c r="QTH17" s="8"/>
      <c r="QTI17" s="8"/>
      <c r="QTJ17" s="8"/>
      <c r="QTK17" s="8"/>
      <c r="QTL17" s="8"/>
      <c r="QTM17" s="8"/>
      <c r="QTN17" s="8"/>
      <c r="QTO17" s="8"/>
      <c r="QTP17" s="8"/>
      <c r="QTQ17" s="8"/>
      <c r="QTR17" s="8"/>
      <c r="QTS17" s="8"/>
      <c r="QTT17" s="8"/>
      <c r="QTU17" s="8"/>
      <c r="QTV17" s="8"/>
      <c r="QTW17" s="8"/>
      <c r="QTX17" s="8"/>
      <c r="QTY17" s="8"/>
      <c r="QTZ17" s="8"/>
      <c r="QUA17" s="8"/>
      <c r="QUB17" s="8"/>
      <c r="QUC17" s="8"/>
      <c r="QUD17" s="8"/>
      <c r="QUE17" s="8"/>
      <c r="QUF17" s="8"/>
      <c r="QUG17" s="8"/>
      <c r="QUH17" s="8"/>
      <c r="QUI17" s="8"/>
      <c r="QUJ17" s="8"/>
      <c r="QUK17" s="8"/>
      <c r="QUL17" s="8"/>
      <c r="QUM17" s="8"/>
      <c r="QUN17" s="8"/>
      <c r="QUO17" s="8"/>
      <c r="QUP17" s="8"/>
      <c r="QUQ17" s="8"/>
      <c r="QUR17" s="8"/>
      <c r="QUS17" s="8"/>
      <c r="QUT17" s="8"/>
      <c r="QUU17" s="8"/>
      <c r="QUV17" s="8"/>
      <c r="QUW17" s="8"/>
      <c r="QUX17" s="8"/>
      <c r="QUY17" s="8"/>
      <c r="QUZ17" s="8"/>
      <c r="QVA17" s="8"/>
      <c r="QVB17" s="8"/>
      <c r="QVC17" s="8"/>
      <c r="QVD17" s="8"/>
      <c r="QVE17" s="8"/>
      <c r="QVF17" s="8"/>
      <c r="QVG17" s="8"/>
      <c r="QVH17" s="8"/>
      <c r="QVI17" s="8"/>
      <c r="QVJ17" s="8"/>
      <c r="QVK17" s="8"/>
      <c r="QVL17" s="8"/>
      <c r="QVM17" s="8"/>
      <c r="QVN17" s="8"/>
      <c r="QVO17" s="8"/>
      <c r="QVP17" s="8"/>
      <c r="QVQ17" s="8"/>
      <c r="QVR17" s="8"/>
      <c r="QVS17" s="8"/>
      <c r="QVT17" s="8"/>
      <c r="QVU17" s="8"/>
      <c r="QVV17" s="8"/>
      <c r="QVW17" s="8"/>
      <c r="QVX17" s="8"/>
      <c r="QVY17" s="8"/>
      <c r="QVZ17" s="8"/>
      <c r="QWA17" s="8"/>
      <c r="QWB17" s="8"/>
      <c r="QWC17" s="8"/>
      <c r="QWD17" s="8"/>
      <c r="QWE17" s="8"/>
      <c r="QWF17" s="8"/>
      <c r="QWG17" s="8"/>
      <c r="QWH17" s="8"/>
      <c r="QWI17" s="8"/>
      <c r="QWJ17" s="8"/>
      <c r="QWK17" s="8"/>
      <c r="QWL17" s="8"/>
      <c r="QWM17" s="8"/>
      <c r="QWN17" s="8"/>
      <c r="QWO17" s="8"/>
      <c r="QWP17" s="8"/>
      <c r="QWQ17" s="8"/>
      <c r="QWR17" s="8"/>
      <c r="QWS17" s="8"/>
      <c r="QWT17" s="8"/>
      <c r="QWU17" s="8"/>
      <c r="QWV17" s="8"/>
      <c r="QWW17" s="8"/>
      <c r="QWX17" s="8"/>
      <c r="QWY17" s="8"/>
      <c r="QWZ17" s="8"/>
      <c r="QXA17" s="8"/>
      <c r="QXB17" s="8"/>
      <c r="QXC17" s="8"/>
      <c r="QXD17" s="8"/>
      <c r="QXE17" s="8"/>
      <c r="QXF17" s="8"/>
      <c r="QXG17" s="8"/>
      <c r="QXH17" s="8"/>
      <c r="QXI17" s="8"/>
      <c r="QXJ17" s="8"/>
      <c r="QXK17" s="8"/>
      <c r="QXL17" s="8"/>
      <c r="QXM17" s="8"/>
      <c r="QXN17" s="8"/>
      <c r="QXO17" s="8"/>
      <c r="QXP17" s="8"/>
      <c r="QXQ17" s="8"/>
      <c r="QXR17" s="8"/>
      <c r="QXS17" s="8"/>
      <c r="QXT17" s="8"/>
      <c r="QXU17" s="8"/>
      <c r="QXV17" s="8"/>
      <c r="QXW17" s="8"/>
      <c r="QXX17" s="8"/>
      <c r="QXY17" s="8"/>
      <c r="QXZ17" s="8"/>
      <c r="QYA17" s="8"/>
      <c r="QYB17" s="8"/>
      <c r="QYC17" s="8"/>
      <c r="QYD17" s="8"/>
      <c r="QYE17" s="8"/>
      <c r="QYF17" s="8"/>
      <c r="QYG17" s="8"/>
      <c r="QYH17" s="8"/>
      <c r="QYI17" s="8"/>
      <c r="QYJ17" s="8"/>
      <c r="QYK17" s="8"/>
      <c r="QYL17" s="8"/>
      <c r="QYM17" s="8"/>
      <c r="QYN17" s="8"/>
      <c r="QYO17" s="8"/>
      <c r="QYP17" s="8"/>
      <c r="QYQ17" s="8"/>
      <c r="QYR17" s="8"/>
      <c r="QYS17" s="8"/>
      <c r="QYT17" s="8"/>
      <c r="QYU17" s="8"/>
      <c r="QYV17" s="8"/>
      <c r="QYW17" s="8"/>
      <c r="QYX17" s="8"/>
      <c r="QYY17" s="8"/>
      <c r="QYZ17" s="8"/>
      <c r="QZA17" s="8"/>
      <c r="QZB17" s="8"/>
      <c r="QZC17" s="8"/>
      <c r="QZD17" s="8"/>
      <c r="QZE17" s="8"/>
      <c r="QZF17" s="8"/>
      <c r="QZG17" s="8"/>
      <c r="QZH17" s="8"/>
      <c r="QZI17" s="8"/>
      <c r="QZJ17" s="8"/>
      <c r="QZK17" s="8"/>
      <c r="QZL17" s="8"/>
      <c r="QZM17" s="8"/>
      <c r="QZN17" s="8"/>
      <c r="QZO17" s="8"/>
      <c r="QZP17" s="8"/>
      <c r="QZQ17" s="8"/>
      <c r="QZR17" s="8"/>
      <c r="QZS17" s="8"/>
      <c r="QZT17" s="8"/>
      <c r="QZU17" s="8"/>
      <c r="QZV17" s="8"/>
      <c r="QZW17" s="8"/>
      <c r="QZX17" s="8"/>
      <c r="QZY17" s="8"/>
      <c r="QZZ17" s="8"/>
      <c r="RAA17" s="8"/>
      <c r="RAB17" s="8"/>
      <c r="RAC17" s="8"/>
      <c r="RAD17" s="8"/>
      <c r="RAE17" s="8"/>
      <c r="RAF17" s="8"/>
      <c r="RAG17" s="8"/>
      <c r="RAH17" s="8"/>
      <c r="RAI17" s="8"/>
      <c r="RAJ17" s="8"/>
      <c r="RAK17" s="8"/>
      <c r="RAL17" s="8"/>
      <c r="RAM17" s="8"/>
      <c r="RAN17" s="8"/>
      <c r="RAO17" s="8"/>
      <c r="RAP17" s="8"/>
      <c r="RAQ17" s="8"/>
      <c r="RAR17" s="8"/>
      <c r="RAS17" s="8"/>
      <c r="RAT17" s="8"/>
      <c r="RAU17" s="8"/>
      <c r="RAV17" s="8"/>
      <c r="RAW17" s="8"/>
      <c r="RAX17" s="8"/>
      <c r="RAY17" s="8"/>
      <c r="RAZ17" s="8"/>
      <c r="RBA17" s="8"/>
      <c r="RBB17" s="8"/>
      <c r="RBC17" s="8"/>
      <c r="RBD17" s="8"/>
      <c r="RBE17" s="8"/>
      <c r="RBF17" s="8"/>
      <c r="RBG17" s="8"/>
      <c r="RBH17" s="8"/>
      <c r="RBI17" s="8"/>
      <c r="RBJ17" s="8"/>
      <c r="RBK17" s="8"/>
      <c r="RBL17" s="8"/>
      <c r="RBM17" s="8"/>
      <c r="RBN17" s="8"/>
      <c r="RBO17" s="8"/>
      <c r="RBP17" s="8"/>
      <c r="RBQ17" s="8"/>
      <c r="RBR17" s="8"/>
      <c r="RBS17" s="8"/>
      <c r="RBT17" s="8"/>
      <c r="RBU17" s="8"/>
      <c r="RBV17" s="8"/>
      <c r="RBW17" s="8"/>
      <c r="RBX17" s="8"/>
      <c r="RBY17" s="8"/>
      <c r="RBZ17" s="8"/>
      <c r="RCA17" s="8"/>
      <c r="RCB17" s="8"/>
      <c r="RCC17" s="8"/>
      <c r="RCD17" s="8"/>
      <c r="RCE17" s="8"/>
      <c r="RCF17" s="8"/>
      <c r="RCG17" s="8"/>
      <c r="RCH17" s="8"/>
      <c r="RCI17" s="8"/>
      <c r="RCJ17" s="8"/>
      <c r="RCK17" s="8"/>
      <c r="RCL17" s="8"/>
      <c r="RCM17" s="8"/>
      <c r="RCN17" s="8"/>
      <c r="RCO17" s="8"/>
      <c r="RCP17" s="8"/>
      <c r="RCQ17" s="8"/>
      <c r="RCR17" s="8"/>
      <c r="RCS17" s="8"/>
      <c r="RCT17" s="8"/>
      <c r="RCU17" s="8"/>
      <c r="RCV17" s="8"/>
      <c r="RCW17" s="8"/>
      <c r="RCX17" s="8"/>
      <c r="RCY17" s="8"/>
      <c r="RCZ17" s="8"/>
      <c r="RDA17" s="8"/>
      <c r="RDB17" s="8"/>
      <c r="RDC17" s="8"/>
      <c r="RDD17" s="8"/>
      <c r="RDE17" s="8"/>
      <c r="RDF17" s="8"/>
      <c r="RDG17" s="8"/>
      <c r="RDH17" s="8"/>
      <c r="RDI17" s="8"/>
      <c r="RDJ17" s="8"/>
      <c r="RDK17" s="8"/>
      <c r="RDL17" s="8"/>
      <c r="RDM17" s="8"/>
      <c r="RDN17" s="8"/>
      <c r="RDO17" s="8"/>
      <c r="RDP17" s="8"/>
      <c r="RDQ17" s="8"/>
      <c r="RDR17" s="8"/>
      <c r="RDS17" s="8"/>
      <c r="RDT17" s="8"/>
      <c r="RDU17" s="8"/>
      <c r="RDV17" s="8"/>
      <c r="RDW17" s="8"/>
      <c r="RDX17" s="8"/>
      <c r="RDY17" s="8"/>
      <c r="RDZ17" s="8"/>
      <c r="REA17" s="8"/>
      <c r="REB17" s="8"/>
      <c r="REC17" s="8"/>
      <c r="RED17" s="8"/>
      <c r="REE17" s="8"/>
      <c r="REF17" s="8"/>
      <c r="REG17" s="8"/>
      <c r="REH17" s="8"/>
      <c r="REI17" s="8"/>
      <c r="REJ17" s="8"/>
      <c r="REK17" s="8"/>
      <c r="REL17" s="8"/>
      <c r="REM17" s="8"/>
      <c r="REN17" s="8"/>
      <c r="REO17" s="8"/>
      <c r="REP17" s="8"/>
      <c r="REQ17" s="8"/>
      <c r="RER17" s="8"/>
      <c r="RES17" s="8"/>
      <c r="RET17" s="8"/>
      <c r="REU17" s="8"/>
      <c r="REV17" s="8"/>
      <c r="REW17" s="8"/>
      <c r="REX17" s="8"/>
      <c r="REY17" s="8"/>
      <c r="REZ17" s="8"/>
      <c r="RFA17" s="8"/>
      <c r="RFB17" s="8"/>
      <c r="RFC17" s="8"/>
      <c r="RFD17" s="8"/>
      <c r="RFE17" s="8"/>
      <c r="RFF17" s="8"/>
      <c r="RFG17" s="8"/>
      <c r="RFH17" s="8"/>
      <c r="RFI17" s="8"/>
      <c r="RFJ17" s="8"/>
      <c r="RFK17" s="8"/>
      <c r="RFL17" s="8"/>
      <c r="RFM17" s="8"/>
      <c r="RFN17" s="8"/>
      <c r="RFO17" s="8"/>
      <c r="RFP17" s="8"/>
      <c r="RFQ17" s="8"/>
      <c r="RFR17" s="8"/>
      <c r="RFS17" s="8"/>
      <c r="RFT17" s="8"/>
      <c r="RFU17" s="8"/>
      <c r="RFV17" s="8"/>
      <c r="RFW17" s="8"/>
      <c r="RFX17" s="8"/>
      <c r="RFY17" s="8"/>
      <c r="RFZ17" s="8"/>
      <c r="RGA17" s="8"/>
      <c r="RGB17" s="8"/>
      <c r="RGC17" s="8"/>
      <c r="RGD17" s="8"/>
      <c r="RGE17" s="8"/>
      <c r="RGF17" s="8"/>
      <c r="RGG17" s="8"/>
      <c r="RGH17" s="8"/>
      <c r="RGI17" s="8"/>
      <c r="RGJ17" s="8"/>
      <c r="RGK17" s="8"/>
      <c r="RGL17" s="8"/>
      <c r="RGM17" s="8"/>
      <c r="RGN17" s="8"/>
      <c r="RGO17" s="8"/>
      <c r="RGP17" s="8"/>
      <c r="RGQ17" s="8"/>
      <c r="RGR17" s="8"/>
      <c r="RGS17" s="8"/>
      <c r="RGT17" s="8"/>
      <c r="RGU17" s="8"/>
      <c r="RGV17" s="8"/>
      <c r="RGW17" s="8"/>
      <c r="RGX17" s="8"/>
      <c r="RGY17" s="8"/>
      <c r="RGZ17" s="8"/>
      <c r="RHA17" s="8"/>
      <c r="RHB17" s="8"/>
      <c r="RHC17" s="8"/>
      <c r="RHD17" s="8"/>
      <c r="RHE17" s="8"/>
      <c r="RHF17" s="8"/>
      <c r="RHG17" s="8"/>
      <c r="RHH17" s="8"/>
      <c r="RHI17" s="8"/>
      <c r="RHJ17" s="8"/>
      <c r="RHK17" s="8"/>
      <c r="RHL17" s="8"/>
      <c r="RHM17" s="8"/>
      <c r="RHN17" s="8"/>
      <c r="RHO17" s="8"/>
      <c r="RHP17" s="8"/>
      <c r="RHQ17" s="8"/>
      <c r="RHR17" s="8"/>
      <c r="RHS17" s="8"/>
      <c r="RHT17" s="8"/>
      <c r="RHU17" s="8"/>
      <c r="RHV17" s="8"/>
      <c r="RHW17" s="8"/>
      <c r="RHX17" s="8"/>
      <c r="RHY17" s="8"/>
      <c r="RHZ17" s="8"/>
      <c r="RIA17" s="8"/>
      <c r="RIB17" s="8"/>
      <c r="RIC17" s="8"/>
      <c r="RID17" s="8"/>
      <c r="RIE17" s="8"/>
      <c r="RIF17" s="8"/>
      <c r="RIG17" s="8"/>
      <c r="RIH17" s="8"/>
      <c r="RII17" s="8"/>
      <c r="RIJ17" s="8"/>
      <c r="RIK17" s="8"/>
      <c r="RIL17" s="8"/>
      <c r="RIM17" s="8"/>
      <c r="RIN17" s="8"/>
      <c r="RIO17" s="8"/>
      <c r="RIP17" s="8"/>
      <c r="RIQ17" s="8"/>
      <c r="RIR17" s="8"/>
      <c r="RIS17" s="8"/>
      <c r="RIT17" s="8"/>
      <c r="RIU17" s="8"/>
      <c r="RIV17" s="8"/>
      <c r="RIW17" s="8"/>
      <c r="RIX17" s="8"/>
      <c r="RIY17" s="8"/>
      <c r="RIZ17" s="8"/>
      <c r="RJA17" s="8"/>
      <c r="RJB17" s="8"/>
      <c r="RJC17" s="8"/>
      <c r="RJD17" s="8"/>
      <c r="RJE17" s="8"/>
      <c r="RJF17" s="8"/>
      <c r="RJG17" s="8"/>
      <c r="RJH17" s="8"/>
      <c r="RJI17" s="8"/>
      <c r="RJJ17" s="8"/>
      <c r="RJK17" s="8"/>
      <c r="RJL17" s="8"/>
      <c r="RJM17" s="8"/>
      <c r="RJN17" s="8"/>
      <c r="RJO17" s="8"/>
      <c r="RJP17" s="8"/>
      <c r="RJQ17" s="8"/>
      <c r="RJR17" s="8"/>
      <c r="RJS17" s="8"/>
      <c r="RJT17" s="8"/>
      <c r="RJU17" s="8"/>
      <c r="RJV17" s="8"/>
      <c r="RJW17" s="8"/>
      <c r="RJX17" s="8"/>
      <c r="RJY17" s="8"/>
      <c r="RJZ17" s="8"/>
      <c r="RKA17" s="8"/>
      <c r="RKB17" s="8"/>
      <c r="RKC17" s="8"/>
      <c r="RKD17" s="8"/>
      <c r="RKE17" s="8"/>
      <c r="RKF17" s="8"/>
      <c r="RKG17" s="8"/>
      <c r="RKH17" s="8"/>
      <c r="RKI17" s="8"/>
      <c r="RKJ17" s="8"/>
      <c r="RKK17" s="8"/>
      <c r="RKL17" s="8"/>
      <c r="RKM17" s="8"/>
      <c r="RKN17" s="8"/>
      <c r="RKO17" s="8"/>
      <c r="RKP17" s="8"/>
      <c r="RKQ17" s="8"/>
      <c r="RKR17" s="8"/>
      <c r="RKS17" s="8"/>
      <c r="RKT17" s="8"/>
      <c r="RKU17" s="8"/>
      <c r="RKV17" s="8"/>
      <c r="RKW17" s="8"/>
      <c r="RKX17" s="8"/>
      <c r="RKY17" s="8"/>
      <c r="RKZ17" s="8"/>
      <c r="RLA17" s="8"/>
      <c r="RLB17" s="8"/>
      <c r="RLC17" s="8"/>
      <c r="RLD17" s="8"/>
      <c r="RLE17" s="8"/>
      <c r="RLF17" s="8"/>
      <c r="RLG17" s="8"/>
      <c r="RLH17" s="8"/>
      <c r="RLI17" s="8"/>
      <c r="RLJ17" s="8"/>
      <c r="RLK17" s="8"/>
      <c r="RLL17" s="8"/>
      <c r="RLM17" s="8"/>
      <c r="RLN17" s="8"/>
      <c r="RLO17" s="8"/>
      <c r="RLP17" s="8"/>
      <c r="RLQ17" s="8"/>
      <c r="RLR17" s="8"/>
      <c r="RLS17" s="8"/>
      <c r="RLT17" s="8"/>
      <c r="RLU17" s="8"/>
      <c r="RLV17" s="8"/>
      <c r="RLW17" s="8"/>
      <c r="RLX17" s="8"/>
      <c r="RLY17" s="8"/>
      <c r="RLZ17" s="8"/>
      <c r="RMA17" s="8"/>
      <c r="RMB17" s="8"/>
      <c r="RMC17" s="8"/>
      <c r="RMD17" s="8"/>
      <c r="RME17" s="8"/>
      <c r="RMF17" s="8"/>
      <c r="RMG17" s="8"/>
      <c r="RMH17" s="8"/>
      <c r="RMI17" s="8"/>
      <c r="RMJ17" s="8"/>
      <c r="RMK17" s="8"/>
      <c r="RML17" s="8"/>
      <c r="RMM17" s="8"/>
      <c r="RMN17" s="8"/>
      <c r="RMO17" s="8"/>
      <c r="RMP17" s="8"/>
      <c r="RMQ17" s="8"/>
      <c r="RMR17" s="8"/>
      <c r="RMS17" s="8"/>
      <c r="RMT17" s="8"/>
      <c r="RMU17" s="8"/>
      <c r="RMV17" s="8"/>
      <c r="RMW17" s="8"/>
      <c r="RMX17" s="8"/>
      <c r="RMY17" s="8"/>
      <c r="RMZ17" s="8"/>
      <c r="RNA17" s="8"/>
      <c r="RNB17" s="8"/>
      <c r="RNC17" s="8"/>
      <c r="RND17" s="8"/>
      <c r="RNE17" s="8"/>
      <c r="RNF17" s="8"/>
      <c r="RNG17" s="8"/>
      <c r="RNH17" s="8"/>
      <c r="RNI17" s="8"/>
      <c r="RNJ17" s="8"/>
      <c r="RNK17" s="8"/>
      <c r="RNL17" s="8"/>
      <c r="RNM17" s="8"/>
      <c r="RNN17" s="8"/>
      <c r="RNO17" s="8"/>
      <c r="RNP17" s="8"/>
      <c r="RNQ17" s="8"/>
      <c r="RNR17" s="8"/>
      <c r="RNS17" s="8"/>
      <c r="RNT17" s="8"/>
      <c r="RNU17" s="8"/>
      <c r="RNV17" s="8"/>
      <c r="RNW17" s="8"/>
      <c r="RNX17" s="8"/>
      <c r="RNY17" s="8"/>
      <c r="RNZ17" s="8"/>
      <c r="ROA17" s="8"/>
      <c r="ROB17" s="8"/>
      <c r="ROC17" s="8"/>
      <c r="ROD17" s="8"/>
      <c r="ROE17" s="8"/>
      <c r="ROF17" s="8"/>
      <c r="ROG17" s="8"/>
      <c r="ROH17" s="8"/>
      <c r="ROI17" s="8"/>
      <c r="ROJ17" s="8"/>
      <c r="ROK17" s="8"/>
      <c r="ROL17" s="8"/>
      <c r="ROM17" s="8"/>
      <c r="RON17" s="8"/>
      <c r="ROO17" s="8"/>
      <c r="ROP17" s="8"/>
      <c r="ROQ17" s="8"/>
      <c r="ROR17" s="8"/>
      <c r="ROS17" s="8"/>
      <c r="ROT17" s="8"/>
      <c r="ROU17" s="8"/>
      <c r="ROV17" s="8"/>
      <c r="ROW17" s="8"/>
      <c r="ROX17" s="8"/>
      <c r="ROY17" s="8"/>
      <c r="ROZ17" s="8"/>
      <c r="RPA17" s="8"/>
      <c r="RPB17" s="8"/>
      <c r="RPC17" s="8"/>
      <c r="RPD17" s="8"/>
      <c r="RPE17" s="8"/>
      <c r="RPF17" s="8"/>
      <c r="RPG17" s="8"/>
      <c r="RPH17" s="8"/>
      <c r="RPI17" s="8"/>
      <c r="RPJ17" s="8"/>
      <c r="RPK17" s="8"/>
      <c r="RPL17" s="8"/>
      <c r="RPM17" s="8"/>
      <c r="RPN17" s="8"/>
      <c r="RPO17" s="8"/>
      <c r="RPP17" s="8"/>
      <c r="RPQ17" s="8"/>
      <c r="RPR17" s="8"/>
      <c r="RPS17" s="8"/>
      <c r="RPT17" s="8"/>
      <c r="RPU17" s="8"/>
      <c r="RPV17" s="8"/>
      <c r="RPW17" s="8"/>
      <c r="RPX17" s="8"/>
      <c r="RPY17" s="8"/>
      <c r="RPZ17" s="8"/>
      <c r="RQA17" s="8"/>
      <c r="RQB17" s="8"/>
      <c r="RQC17" s="8"/>
      <c r="RQD17" s="8"/>
      <c r="RQE17" s="8"/>
      <c r="RQF17" s="8"/>
      <c r="RQG17" s="8"/>
      <c r="RQH17" s="8"/>
      <c r="RQI17" s="8"/>
      <c r="RQJ17" s="8"/>
      <c r="RQK17" s="8"/>
      <c r="RQL17" s="8"/>
      <c r="RQM17" s="8"/>
      <c r="RQN17" s="8"/>
      <c r="RQO17" s="8"/>
      <c r="RQP17" s="8"/>
      <c r="RQQ17" s="8"/>
      <c r="RQR17" s="8"/>
      <c r="RQS17" s="8"/>
      <c r="RQT17" s="8"/>
      <c r="RQU17" s="8"/>
      <c r="RQV17" s="8"/>
      <c r="RQW17" s="8"/>
      <c r="RQX17" s="8"/>
      <c r="RQY17" s="8"/>
      <c r="RQZ17" s="8"/>
      <c r="RRA17" s="8"/>
      <c r="RRB17" s="8"/>
      <c r="RRC17" s="8"/>
      <c r="RRD17" s="8"/>
      <c r="RRE17" s="8"/>
      <c r="RRF17" s="8"/>
      <c r="RRG17" s="8"/>
      <c r="RRH17" s="8"/>
      <c r="RRI17" s="8"/>
      <c r="RRJ17" s="8"/>
      <c r="RRK17" s="8"/>
      <c r="RRL17" s="8"/>
      <c r="RRM17" s="8"/>
      <c r="RRN17" s="8"/>
      <c r="RRO17" s="8"/>
      <c r="RRP17" s="8"/>
      <c r="RRQ17" s="8"/>
      <c r="RRR17" s="8"/>
      <c r="RRS17" s="8"/>
      <c r="RRT17" s="8"/>
      <c r="RRU17" s="8"/>
      <c r="RRV17" s="8"/>
      <c r="RRW17" s="8"/>
      <c r="RRX17" s="8"/>
      <c r="RRY17" s="8"/>
      <c r="RRZ17" s="8"/>
      <c r="RSA17" s="8"/>
      <c r="RSB17" s="8"/>
      <c r="RSC17" s="8"/>
      <c r="RSD17" s="8"/>
      <c r="RSE17" s="8"/>
      <c r="RSF17" s="8"/>
      <c r="RSG17" s="8"/>
      <c r="RSH17" s="8"/>
      <c r="RSI17" s="8"/>
      <c r="RSJ17" s="8"/>
      <c r="RSK17" s="8"/>
      <c r="RSL17" s="8"/>
      <c r="RSM17" s="8"/>
      <c r="RSN17" s="8"/>
      <c r="RSO17" s="8"/>
      <c r="RSP17" s="8"/>
      <c r="RSQ17" s="8"/>
      <c r="RSR17" s="8"/>
      <c r="RSS17" s="8"/>
      <c r="RST17" s="8"/>
      <c r="RSU17" s="8"/>
      <c r="RSV17" s="8"/>
      <c r="RSW17" s="8"/>
      <c r="RSX17" s="8"/>
      <c r="RSY17" s="8"/>
      <c r="RSZ17" s="8"/>
      <c r="RTA17" s="8"/>
      <c r="RTB17" s="8"/>
      <c r="RTC17" s="8"/>
      <c r="RTD17" s="8"/>
      <c r="RTE17" s="8"/>
      <c r="RTF17" s="8"/>
      <c r="RTG17" s="8"/>
      <c r="RTH17" s="8"/>
      <c r="RTI17" s="8"/>
      <c r="RTJ17" s="8"/>
      <c r="RTK17" s="8"/>
      <c r="RTL17" s="8"/>
      <c r="RTM17" s="8"/>
      <c r="RTN17" s="8"/>
      <c r="RTO17" s="8"/>
      <c r="RTP17" s="8"/>
      <c r="RTQ17" s="8"/>
      <c r="RTR17" s="8"/>
      <c r="RTS17" s="8"/>
      <c r="RTT17" s="8"/>
      <c r="RTU17" s="8"/>
      <c r="RTV17" s="8"/>
      <c r="RTW17" s="8"/>
      <c r="RTX17" s="8"/>
      <c r="RTY17" s="8"/>
      <c r="RTZ17" s="8"/>
      <c r="RUA17" s="8"/>
      <c r="RUB17" s="8"/>
      <c r="RUC17" s="8"/>
      <c r="RUD17" s="8"/>
      <c r="RUE17" s="8"/>
      <c r="RUF17" s="8"/>
      <c r="RUG17" s="8"/>
      <c r="RUH17" s="8"/>
      <c r="RUI17" s="8"/>
      <c r="RUJ17" s="8"/>
      <c r="RUK17" s="8"/>
      <c r="RUL17" s="8"/>
      <c r="RUM17" s="8"/>
      <c r="RUN17" s="8"/>
      <c r="RUO17" s="8"/>
      <c r="RUP17" s="8"/>
      <c r="RUQ17" s="8"/>
      <c r="RUR17" s="8"/>
      <c r="RUS17" s="8"/>
      <c r="RUT17" s="8"/>
      <c r="RUU17" s="8"/>
      <c r="RUV17" s="8"/>
      <c r="RUW17" s="8"/>
      <c r="RUX17" s="8"/>
      <c r="RUY17" s="8"/>
      <c r="RUZ17" s="8"/>
      <c r="RVA17" s="8"/>
      <c r="RVB17" s="8"/>
      <c r="RVC17" s="8"/>
      <c r="RVD17" s="8"/>
      <c r="RVE17" s="8"/>
      <c r="RVF17" s="8"/>
      <c r="RVG17" s="8"/>
      <c r="RVH17" s="8"/>
      <c r="RVI17" s="8"/>
      <c r="RVJ17" s="8"/>
      <c r="RVK17" s="8"/>
      <c r="RVL17" s="8"/>
      <c r="RVM17" s="8"/>
      <c r="RVN17" s="8"/>
      <c r="RVO17" s="8"/>
      <c r="RVP17" s="8"/>
      <c r="RVQ17" s="8"/>
      <c r="RVR17" s="8"/>
      <c r="RVS17" s="8"/>
      <c r="RVT17" s="8"/>
      <c r="RVU17" s="8"/>
      <c r="RVV17" s="8"/>
      <c r="RVW17" s="8"/>
      <c r="RVX17" s="8"/>
      <c r="RVY17" s="8"/>
      <c r="RVZ17" s="8"/>
      <c r="RWA17" s="8"/>
      <c r="RWB17" s="8"/>
      <c r="RWC17" s="8"/>
      <c r="RWD17" s="8"/>
      <c r="RWE17" s="8"/>
      <c r="RWF17" s="8"/>
      <c r="RWG17" s="8"/>
      <c r="RWH17" s="8"/>
      <c r="RWI17" s="8"/>
      <c r="RWJ17" s="8"/>
      <c r="RWK17" s="8"/>
      <c r="RWL17" s="8"/>
      <c r="RWM17" s="8"/>
      <c r="RWN17" s="8"/>
      <c r="RWO17" s="8"/>
      <c r="RWP17" s="8"/>
      <c r="RWQ17" s="8"/>
      <c r="RWR17" s="8"/>
      <c r="RWS17" s="8"/>
      <c r="RWT17" s="8"/>
      <c r="RWU17" s="8"/>
      <c r="RWV17" s="8"/>
      <c r="RWW17" s="8"/>
      <c r="RWX17" s="8"/>
      <c r="RWY17" s="8"/>
      <c r="RWZ17" s="8"/>
      <c r="RXA17" s="8"/>
      <c r="RXB17" s="8"/>
      <c r="RXC17" s="8"/>
      <c r="RXD17" s="8"/>
      <c r="RXE17" s="8"/>
      <c r="RXF17" s="8"/>
      <c r="RXG17" s="8"/>
      <c r="RXH17" s="8"/>
      <c r="RXI17" s="8"/>
      <c r="RXJ17" s="8"/>
      <c r="RXK17" s="8"/>
      <c r="RXL17" s="8"/>
      <c r="RXM17" s="8"/>
      <c r="RXN17" s="8"/>
      <c r="RXO17" s="8"/>
      <c r="RXP17" s="8"/>
      <c r="RXQ17" s="8"/>
      <c r="RXR17" s="8"/>
      <c r="RXS17" s="8"/>
      <c r="RXT17" s="8"/>
      <c r="RXU17" s="8"/>
      <c r="RXV17" s="8"/>
      <c r="RXW17" s="8"/>
      <c r="RXX17" s="8"/>
      <c r="RXY17" s="8"/>
      <c r="RXZ17" s="8"/>
      <c r="RYA17" s="8"/>
      <c r="RYB17" s="8"/>
      <c r="RYC17" s="8"/>
      <c r="RYD17" s="8"/>
      <c r="RYE17" s="8"/>
      <c r="RYF17" s="8"/>
      <c r="RYG17" s="8"/>
      <c r="RYH17" s="8"/>
      <c r="RYI17" s="8"/>
      <c r="RYJ17" s="8"/>
      <c r="RYK17" s="8"/>
      <c r="RYL17" s="8"/>
      <c r="RYM17" s="8"/>
      <c r="RYN17" s="8"/>
      <c r="RYO17" s="8"/>
      <c r="RYP17" s="8"/>
      <c r="RYQ17" s="8"/>
      <c r="RYR17" s="8"/>
      <c r="RYS17" s="8"/>
      <c r="RYT17" s="8"/>
      <c r="RYU17" s="8"/>
      <c r="RYV17" s="8"/>
      <c r="RYW17" s="8"/>
      <c r="RYX17" s="8"/>
      <c r="RYY17" s="8"/>
      <c r="RYZ17" s="8"/>
      <c r="RZA17" s="8"/>
      <c r="RZB17" s="8"/>
      <c r="RZC17" s="8"/>
      <c r="RZD17" s="8"/>
      <c r="RZE17" s="8"/>
      <c r="RZF17" s="8"/>
      <c r="RZG17" s="8"/>
      <c r="RZH17" s="8"/>
      <c r="RZI17" s="8"/>
      <c r="RZJ17" s="8"/>
      <c r="RZK17" s="8"/>
      <c r="RZL17" s="8"/>
      <c r="RZM17" s="8"/>
      <c r="RZN17" s="8"/>
      <c r="RZO17" s="8"/>
      <c r="RZP17" s="8"/>
      <c r="RZQ17" s="8"/>
      <c r="RZR17" s="8"/>
      <c r="RZS17" s="8"/>
      <c r="RZT17" s="8"/>
      <c r="RZU17" s="8"/>
      <c r="RZV17" s="8"/>
      <c r="RZW17" s="8"/>
      <c r="RZX17" s="8"/>
      <c r="RZY17" s="8"/>
      <c r="RZZ17" s="8"/>
      <c r="SAA17" s="8"/>
      <c r="SAB17" s="8"/>
      <c r="SAC17" s="8"/>
      <c r="SAD17" s="8"/>
      <c r="SAE17" s="8"/>
      <c r="SAF17" s="8"/>
      <c r="SAG17" s="8"/>
      <c r="SAH17" s="8"/>
      <c r="SAI17" s="8"/>
      <c r="SAJ17" s="8"/>
      <c r="SAK17" s="8"/>
      <c r="SAL17" s="8"/>
      <c r="SAM17" s="8"/>
      <c r="SAN17" s="8"/>
      <c r="SAO17" s="8"/>
      <c r="SAP17" s="8"/>
      <c r="SAQ17" s="8"/>
      <c r="SAR17" s="8"/>
      <c r="SAS17" s="8"/>
      <c r="SAT17" s="8"/>
      <c r="SAU17" s="8"/>
      <c r="SAV17" s="8"/>
      <c r="SAW17" s="8"/>
      <c r="SAX17" s="8"/>
      <c r="SAY17" s="8"/>
      <c r="SAZ17" s="8"/>
      <c r="SBA17" s="8"/>
      <c r="SBB17" s="8"/>
      <c r="SBC17" s="8"/>
      <c r="SBD17" s="8"/>
      <c r="SBE17" s="8"/>
      <c r="SBF17" s="8"/>
      <c r="SBG17" s="8"/>
      <c r="SBH17" s="8"/>
      <c r="SBI17" s="8"/>
      <c r="SBJ17" s="8"/>
      <c r="SBK17" s="8"/>
      <c r="SBL17" s="8"/>
      <c r="SBM17" s="8"/>
      <c r="SBN17" s="8"/>
      <c r="SBO17" s="8"/>
      <c r="SBP17" s="8"/>
      <c r="SBQ17" s="8"/>
      <c r="SBR17" s="8"/>
      <c r="SBS17" s="8"/>
      <c r="SBT17" s="8"/>
      <c r="SBU17" s="8"/>
      <c r="SBV17" s="8"/>
      <c r="SBW17" s="8"/>
      <c r="SBX17" s="8"/>
      <c r="SBY17" s="8"/>
      <c r="SBZ17" s="8"/>
      <c r="SCA17" s="8"/>
      <c r="SCB17" s="8"/>
      <c r="SCC17" s="8"/>
      <c r="SCD17" s="8"/>
      <c r="SCE17" s="8"/>
      <c r="SCF17" s="8"/>
      <c r="SCG17" s="8"/>
      <c r="SCH17" s="8"/>
      <c r="SCI17" s="8"/>
      <c r="SCJ17" s="8"/>
      <c r="SCK17" s="8"/>
      <c r="SCL17" s="8"/>
      <c r="SCM17" s="8"/>
      <c r="SCN17" s="8"/>
      <c r="SCO17" s="8"/>
      <c r="SCP17" s="8"/>
      <c r="SCQ17" s="8"/>
      <c r="SCR17" s="8"/>
      <c r="SCS17" s="8"/>
      <c r="SCT17" s="8"/>
      <c r="SCU17" s="8"/>
      <c r="SCV17" s="8"/>
      <c r="SCW17" s="8"/>
      <c r="SCX17" s="8"/>
      <c r="SCY17" s="8"/>
      <c r="SCZ17" s="8"/>
      <c r="SDA17" s="8"/>
      <c r="SDB17" s="8"/>
      <c r="SDC17" s="8"/>
      <c r="SDD17" s="8"/>
      <c r="SDE17" s="8"/>
      <c r="SDF17" s="8"/>
      <c r="SDG17" s="8"/>
      <c r="SDH17" s="8"/>
      <c r="SDI17" s="8"/>
      <c r="SDJ17" s="8"/>
      <c r="SDK17" s="8"/>
      <c r="SDL17" s="8"/>
      <c r="SDM17" s="8"/>
      <c r="SDN17" s="8"/>
      <c r="SDO17" s="8"/>
      <c r="SDP17" s="8"/>
      <c r="SDQ17" s="8"/>
      <c r="SDR17" s="8"/>
      <c r="SDS17" s="8"/>
      <c r="SDT17" s="8"/>
      <c r="SDU17" s="8"/>
      <c r="SDV17" s="8"/>
      <c r="SDW17" s="8"/>
      <c r="SDX17" s="8"/>
      <c r="SDY17" s="8"/>
      <c r="SDZ17" s="8"/>
      <c r="SEA17" s="8"/>
      <c r="SEB17" s="8"/>
      <c r="SEC17" s="8"/>
      <c r="SED17" s="8"/>
      <c r="SEE17" s="8"/>
      <c r="SEF17" s="8"/>
      <c r="SEG17" s="8"/>
      <c r="SEH17" s="8"/>
      <c r="SEI17" s="8"/>
      <c r="SEJ17" s="8"/>
      <c r="SEK17" s="8"/>
      <c r="SEL17" s="8"/>
      <c r="SEM17" s="8"/>
      <c r="SEN17" s="8"/>
      <c r="SEO17" s="8"/>
      <c r="SEP17" s="8"/>
      <c r="SEQ17" s="8"/>
      <c r="SER17" s="8"/>
      <c r="SES17" s="8"/>
      <c r="SET17" s="8"/>
      <c r="SEU17" s="8"/>
      <c r="SEV17" s="8"/>
      <c r="SEW17" s="8"/>
      <c r="SEX17" s="8"/>
      <c r="SEY17" s="8"/>
      <c r="SEZ17" s="8"/>
      <c r="SFA17" s="8"/>
      <c r="SFB17" s="8"/>
      <c r="SFC17" s="8"/>
      <c r="SFD17" s="8"/>
      <c r="SFE17" s="8"/>
      <c r="SFF17" s="8"/>
      <c r="SFG17" s="8"/>
      <c r="SFH17" s="8"/>
      <c r="SFI17" s="8"/>
      <c r="SFJ17" s="8"/>
      <c r="SFK17" s="8"/>
      <c r="SFL17" s="8"/>
      <c r="SFM17" s="8"/>
      <c r="SFN17" s="8"/>
      <c r="SFO17" s="8"/>
      <c r="SFP17" s="8"/>
      <c r="SFQ17" s="8"/>
      <c r="SFR17" s="8"/>
      <c r="SFS17" s="8"/>
      <c r="SFT17" s="8"/>
      <c r="SFU17" s="8"/>
      <c r="SFV17" s="8"/>
      <c r="SFW17" s="8"/>
      <c r="SFX17" s="8"/>
      <c r="SFY17" s="8"/>
      <c r="SFZ17" s="8"/>
      <c r="SGA17" s="8"/>
      <c r="SGB17" s="8"/>
      <c r="SGC17" s="8"/>
      <c r="SGD17" s="8"/>
      <c r="SGE17" s="8"/>
      <c r="SGF17" s="8"/>
      <c r="SGG17" s="8"/>
      <c r="SGH17" s="8"/>
      <c r="SGI17" s="8"/>
      <c r="SGJ17" s="8"/>
      <c r="SGK17" s="8"/>
      <c r="SGL17" s="8"/>
      <c r="SGM17" s="8"/>
      <c r="SGN17" s="8"/>
      <c r="SGO17" s="8"/>
      <c r="SGP17" s="8"/>
      <c r="SGQ17" s="8"/>
      <c r="SGR17" s="8"/>
      <c r="SGS17" s="8"/>
      <c r="SGT17" s="8"/>
      <c r="SGU17" s="8"/>
      <c r="SGV17" s="8"/>
      <c r="SGW17" s="8"/>
      <c r="SGX17" s="8"/>
      <c r="SGY17" s="8"/>
      <c r="SGZ17" s="8"/>
      <c r="SHA17" s="8"/>
      <c r="SHB17" s="8"/>
      <c r="SHC17" s="8"/>
      <c r="SHD17" s="8"/>
      <c r="SHE17" s="8"/>
      <c r="SHF17" s="8"/>
      <c r="SHG17" s="8"/>
      <c r="SHH17" s="8"/>
      <c r="SHI17" s="8"/>
      <c r="SHJ17" s="8"/>
      <c r="SHK17" s="8"/>
      <c r="SHL17" s="8"/>
      <c r="SHM17" s="8"/>
      <c r="SHN17" s="8"/>
      <c r="SHO17" s="8"/>
      <c r="SHP17" s="8"/>
      <c r="SHQ17" s="8"/>
      <c r="SHR17" s="8"/>
      <c r="SHS17" s="8"/>
      <c r="SHT17" s="8"/>
      <c r="SHU17" s="8"/>
      <c r="SHV17" s="8"/>
      <c r="SHW17" s="8"/>
      <c r="SHX17" s="8"/>
      <c r="SHY17" s="8"/>
      <c r="SHZ17" s="8"/>
      <c r="SIA17" s="8"/>
      <c r="SIB17" s="8"/>
      <c r="SIC17" s="8"/>
      <c r="SID17" s="8"/>
      <c r="SIE17" s="8"/>
      <c r="SIF17" s="8"/>
      <c r="SIG17" s="8"/>
      <c r="SIH17" s="8"/>
      <c r="SII17" s="8"/>
      <c r="SIJ17" s="8"/>
      <c r="SIK17" s="8"/>
      <c r="SIL17" s="8"/>
      <c r="SIM17" s="8"/>
      <c r="SIN17" s="8"/>
      <c r="SIO17" s="8"/>
      <c r="SIP17" s="8"/>
      <c r="SIQ17" s="8"/>
      <c r="SIR17" s="8"/>
      <c r="SIS17" s="8"/>
      <c r="SIT17" s="8"/>
      <c r="SIU17" s="8"/>
      <c r="SIV17" s="8"/>
      <c r="SIW17" s="8"/>
      <c r="SIX17" s="8"/>
      <c r="SIY17" s="8"/>
      <c r="SIZ17" s="8"/>
      <c r="SJA17" s="8"/>
      <c r="SJB17" s="8"/>
      <c r="SJC17" s="8"/>
      <c r="SJD17" s="8"/>
      <c r="SJE17" s="8"/>
      <c r="SJF17" s="8"/>
      <c r="SJG17" s="8"/>
      <c r="SJH17" s="8"/>
      <c r="SJI17" s="8"/>
      <c r="SJJ17" s="8"/>
      <c r="SJK17" s="8"/>
      <c r="SJL17" s="8"/>
      <c r="SJM17" s="8"/>
      <c r="SJN17" s="8"/>
      <c r="SJO17" s="8"/>
      <c r="SJP17" s="8"/>
      <c r="SJQ17" s="8"/>
      <c r="SJR17" s="8"/>
      <c r="SJS17" s="8"/>
      <c r="SJT17" s="8"/>
      <c r="SJU17" s="8"/>
      <c r="SJV17" s="8"/>
      <c r="SJW17" s="8"/>
      <c r="SJX17" s="8"/>
      <c r="SJY17" s="8"/>
      <c r="SJZ17" s="8"/>
      <c r="SKA17" s="8"/>
      <c r="SKB17" s="8"/>
      <c r="SKC17" s="8"/>
      <c r="SKD17" s="8"/>
      <c r="SKE17" s="8"/>
      <c r="SKF17" s="8"/>
      <c r="SKG17" s="8"/>
      <c r="SKH17" s="8"/>
      <c r="SKI17" s="8"/>
      <c r="SKJ17" s="8"/>
      <c r="SKK17" s="8"/>
      <c r="SKL17" s="8"/>
      <c r="SKM17" s="8"/>
      <c r="SKN17" s="8"/>
      <c r="SKO17" s="8"/>
      <c r="SKP17" s="8"/>
      <c r="SKQ17" s="8"/>
      <c r="SKR17" s="8"/>
      <c r="SKS17" s="8"/>
      <c r="SKT17" s="8"/>
      <c r="SKU17" s="8"/>
      <c r="SKV17" s="8"/>
      <c r="SKW17" s="8"/>
      <c r="SKX17" s="8"/>
      <c r="SKY17" s="8"/>
      <c r="SKZ17" s="8"/>
      <c r="SLA17" s="8"/>
      <c r="SLB17" s="8"/>
      <c r="SLC17" s="8"/>
      <c r="SLD17" s="8"/>
      <c r="SLE17" s="8"/>
      <c r="SLF17" s="8"/>
      <c r="SLG17" s="8"/>
      <c r="SLH17" s="8"/>
      <c r="SLI17" s="8"/>
      <c r="SLJ17" s="8"/>
      <c r="SLK17" s="8"/>
      <c r="SLL17" s="8"/>
      <c r="SLM17" s="8"/>
      <c r="SLN17" s="8"/>
      <c r="SLO17" s="8"/>
      <c r="SLP17" s="8"/>
      <c r="SLQ17" s="8"/>
      <c r="SLR17" s="8"/>
      <c r="SLS17" s="8"/>
      <c r="SLT17" s="8"/>
      <c r="SLU17" s="8"/>
      <c r="SLV17" s="8"/>
      <c r="SLW17" s="8"/>
      <c r="SLX17" s="8"/>
      <c r="SLY17" s="8"/>
      <c r="SLZ17" s="8"/>
      <c r="SMA17" s="8"/>
      <c r="SMB17" s="8"/>
      <c r="SMC17" s="8"/>
      <c r="SMD17" s="8"/>
      <c r="SME17" s="8"/>
      <c r="SMF17" s="8"/>
      <c r="SMG17" s="8"/>
      <c r="SMH17" s="8"/>
      <c r="SMI17" s="8"/>
      <c r="SMJ17" s="8"/>
      <c r="SMK17" s="8"/>
      <c r="SML17" s="8"/>
      <c r="SMM17" s="8"/>
      <c r="SMN17" s="8"/>
      <c r="SMO17" s="8"/>
      <c r="SMP17" s="8"/>
      <c r="SMQ17" s="8"/>
      <c r="SMR17" s="8"/>
      <c r="SMS17" s="8"/>
      <c r="SMT17" s="8"/>
      <c r="SMU17" s="8"/>
      <c r="SMV17" s="8"/>
      <c r="SMW17" s="8"/>
      <c r="SMX17" s="8"/>
      <c r="SMY17" s="8"/>
      <c r="SMZ17" s="8"/>
      <c r="SNA17" s="8"/>
      <c r="SNB17" s="8"/>
      <c r="SNC17" s="8"/>
      <c r="SND17" s="8"/>
      <c r="SNE17" s="8"/>
      <c r="SNF17" s="8"/>
      <c r="SNG17" s="8"/>
      <c r="SNH17" s="8"/>
      <c r="SNI17" s="8"/>
      <c r="SNJ17" s="8"/>
      <c r="SNK17" s="8"/>
      <c r="SNL17" s="8"/>
      <c r="SNM17" s="8"/>
      <c r="SNN17" s="8"/>
      <c r="SNO17" s="8"/>
      <c r="SNP17" s="8"/>
      <c r="SNQ17" s="8"/>
      <c r="SNR17" s="8"/>
      <c r="SNS17" s="8"/>
      <c r="SNT17" s="8"/>
      <c r="SNU17" s="8"/>
      <c r="SNV17" s="8"/>
      <c r="SNW17" s="8"/>
      <c r="SNX17" s="8"/>
      <c r="SNY17" s="8"/>
      <c r="SNZ17" s="8"/>
      <c r="SOA17" s="8"/>
      <c r="SOB17" s="8"/>
      <c r="SOC17" s="8"/>
      <c r="SOD17" s="8"/>
      <c r="SOE17" s="8"/>
      <c r="SOF17" s="8"/>
      <c r="SOG17" s="8"/>
      <c r="SOH17" s="8"/>
      <c r="SOI17" s="8"/>
      <c r="SOJ17" s="8"/>
      <c r="SOK17" s="8"/>
      <c r="SOL17" s="8"/>
      <c r="SOM17" s="8"/>
      <c r="SON17" s="8"/>
      <c r="SOO17" s="8"/>
      <c r="SOP17" s="8"/>
      <c r="SOQ17" s="8"/>
      <c r="SOR17" s="8"/>
      <c r="SOS17" s="8"/>
      <c r="SOT17" s="8"/>
      <c r="SOU17" s="8"/>
      <c r="SOV17" s="8"/>
      <c r="SOW17" s="8"/>
      <c r="SOX17" s="8"/>
      <c r="SOY17" s="8"/>
      <c r="SOZ17" s="8"/>
      <c r="SPA17" s="8"/>
      <c r="SPB17" s="8"/>
      <c r="SPC17" s="8"/>
      <c r="SPD17" s="8"/>
      <c r="SPE17" s="8"/>
      <c r="SPF17" s="8"/>
      <c r="SPG17" s="8"/>
      <c r="SPH17" s="8"/>
      <c r="SPI17" s="8"/>
      <c r="SPJ17" s="8"/>
      <c r="SPK17" s="8"/>
      <c r="SPL17" s="8"/>
      <c r="SPM17" s="8"/>
      <c r="SPN17" s="8"/>
      <c r="SPO17" s="8"/>
      <c r="SPP17" s="8"/>
      <c r="SPQ17" s="8"/>
      <c r="SPR17" s="8"/>
      <c r="SPS17" s="8"/>
      <c r="SPT17" s="8"/>
      <c r="SPU17" s="8"/>
      <c r="SPV17" s="8"/>
      <c r="SPW17" s="8"/>
      <c r="SPX17" s="8"/>
      <c r="SPY17" s="8"/>
      <c r="SPZ17" s="8"/>
      <c r="SQA17" s="8"/>
      <c r="SQB17" s="8"/>
      <c r="SQC17" s="8"/>
      <c r="SQD17" s="8"/>
      <c r="SQE17" s="8"/>
      <c r="SQF17" s="8"/>
      <c r="SQG17" s="8"/>
      <c r="SQH17" s="8"/>
      <c r="SQI17" s="8"/>
      <c r="SQJ17" s="8"/>
      <c r="SQK17" s="8"/>
      <c r="SQL17" s="8"/>
      <c r="SQM17" s="8"/>
      <c r="SQN17" s="8"/>
      <c r="SQO17" s="8"/>
      <c r="SQP17" s="8"/>
      <c r="SQQ17" s="8"/>
      <c r="SQR17" s="8"/>
      <c r="SQS17" s="8"/>
      <c r="SQT17" s="8"/>
      <c r="SQU17" s="8"/>
      <c r="SQV17" s="8"/>
      <c r="SQW17" s="8"/>
      <c r="SQX17" s="8"/>
      <c r="SQY17" s="8"/>
      <c r="SQZ17" s="8"/>
      <c r="SRA17" s="8"/>
      <c r="SRB17" s="8"/>
      <c r="SRC17" s="8"/>
      <c r="SRD17" s="8"/>
      <c r="SRE17" s="8"/>
      <c r="SRF17" s="8"/>
      <c r="SRG17" s="8"/>
      <c r="SRH17" s="8"/>
      <c r="SRI17" s="8"/>
      <c r="SRJ17" s="8"/>
      <c r="SRK17" s="8"/>
      <c r="SRL17" s="8"/>
      <c r="SRM17" s="8"/>
      <c r="SRN17" s="8"/>
      <c r="SRO17" s="8"/>
      <c r="SRP17" s="8"/>
      <c r="SRQ17" s="8"/>
      <c r="SRR17" s="8"/>
      <c r="SRS17" s="8"/>
      <c r="SRT17" s="8"/>
      <c r="SRU17" s="8"/>
      <c r="SRV17" s="8"/>
      <c r="SRW17" s="8"/>
      <c r="SRX17" s="8"/>
      <c r="SRY17" s="8"/>
      <c r="SRZ17" s="8"/>
      <c r="SSA17" s="8"/>
      <c r="SSB17" s="8"/>
      <c r="SSC17" s="8"/>
      <c r="SSD17" s="8"/>
      <c r="SSE17" s="8"/>
      <c r="SSF17" s="8"/>
      <c r="SSG17" s="8"/>
      <c r="SSH17" s="8"/>
      <c r="SSI17" s="8"/>
      <c r="SSJ17" s="8"/>
      <c r="SSK17" s="8"/>
      <c r="SSL17" s="8"/>
      <c r="SSM17" s="8"/>
      <c r="SSN17" s="8"/>
      <c r="SSO17" s="8"/>
      <c r="SSP17" s="8"/>
      <c r="SSQ17" s="8"/>
      <c r="SSR17" s="8"/>
      <c r="SSS17" s="8"/>
      <c r="SST17" s="8"/>
      <c r="SSU17" s="8"/>
      <c r="SSV17" s="8"/>
      <c r="SSW17" s="8"/>
      <c r="SSX17" s="8"/>
      <c r="SSY17" s="8"/>
      <c r="SSZ17" s="8"/>
      <c r="STA17" s="8"/>
      <c r="STB17" s="8"/>
      <c r="STC17" s="8"/>
      <c r="STD17" s="8"/>
      <c r="STE17" s="8"/>
      <c r="STF17" s="8"/>
      <c r="STG17" s="8"/>
      <c r="STH17" s="8"/>
      <c r="STI17" s="8"/>
      <c r="STJ17" s="8"/>
      <c r="STK17" s="8"/>
      <c r="STL17" s="8"/>
      <c r="STM17" s="8"/>
      <c r="STN17" s="8"/>
      <c r="STO17" s="8"/>
      <c r="STP17" s="8"/>
      <c r="STQ17" s="8"/>
      <c r="STR17" s="8"/>
      <c r="STS17" s="8"/>
      <c r="STT17" s="8"/>
      <c r="STU17" s="8"/>
      <c r="STV17" s="8"/>
      <c r="STW17" s="8"/>
      <c r="STX17" s="8"/>
      <c r="STY17" s="8"/>
      <c r="STZ17" s="8"/>
      <c r="SUA17" s="8"/>
      <c r="SUB17" s="8"/>
      <c r="SUC17" s="8"/>
      <c r="SUD17" s="8"/>
      <c r="SUE17" s="8"/>
      <c r="SUF17" s="8"/>
      <c r="SUG17" s="8"/>
      <c r="SUH17" s="8"/>
      <c r="SUI17" s="8"/>
      <c r="SUJ17" s="8"/>
      <c r="SUK17" s="8"/>
      <c r="SUL17" s="8"/>
      <c r="SUM17" s="8"/>
      <c r="SUN17" s="8"/>
      <c r="SUO17" s="8"/>
      <c r="SUP17" s="8"/>
      <c r="SUQ17" s="8"/>
      <c r="SUR17" s="8"/>
      <c r="SUS17" s="8"/>
      <c r="SUT17" s="8"/>
      <c r="SUU17" s="8"/>
      <c r="SUV17" s="8"/>
      <c r="SUW17" s="8"/>
      <c r="SUX17" s="8"/>
      <c r="SUY17" s="8"/>
      <c r="SUZ17" s="8"/>
      <c r="SVA17" s="8"/>
      <c r="SVB17" s="8"/>
      <c r="SVC17" s="8"/>
      <c r="SVD17" s="8"/>
      <c r="SVE17" s="8"/>
      <c r="SVF17" s="8"/>
      <c r="SVG17" s="8"/>
      <c r="SVH17" s="8"/>
      <c r="SVI17" s="8"/>
      <c r="SVJ17" s="8"/>
      <c r="SVK17" s="8"/>
      <c r="SVL17" s="8"/>
      <c r="SVM17" s="8"/>
      <c r="SVN17" s="8"/>
      <c r="SVO17" s="8"/>
      <c r="SVP17" s="8"/>
      <c r="SVQ17" s="8"/>
      <c r="SVR17" s="8"/>
      <c r="SVS17" s="8"/>
      <c r="SVT17" s="8"/>
      <c r="SVU17" s="8"/>
      <c r="SVV17" s="8"/>
      <c r="SVW17" s="8"/>
      <c r="SVX17" s="8"/>
      <c r="SVY17" s="8"/>
      <c r="SVZ17" s="8"/>
      <c r="SWA17" s="8"/>
      <c r="SWB17" s="8"/>
      <c r="SWC17" s="8"/>
      <c r="SWD17" s="8"/>
      <c r="SWE17" s="8"/>
      <c r="SWF17" s="8"/>
      <c r="SWG17" s="8"/>
      <c r="SWH17" s="8"/>
      <c r="SWI17" s="8"/>
      <c r="SWJ17" s="8"/>
      <c r="SWK17" s="8"/>
      <c r="SWL17" s="8"/>
      <c r="SWM17" s="8"/>
      <c r="SWN17" s="8"/>
      <c r="SWO17" s="8"/>
      <c r="SWP17" s="8"/>
      <c r="SWQ17" s="8"/>
      <c r="SWR17" s="8"/>
      <c r="SWS17" s="8"/>
      <c r="SWT17" s="8"/>
      <c r="SWU17" s="8"/>
      <c r="SWV17" s="8"/>
      <c r="SWW17" s="8"/>
      <c r="SWX17" s="8"/>
      <c r="SWY17" s="8"/>
      <c r="SWZ17" s="8"/>
      <c r="SXA17" s="8"/>
      <c r="SXB17" s="8"/>
      <c r="SXC17" s="8"/>
      <c r="SXD17" s="8"/>
      <c r="SXE17" s="8"/>
      <c r="SXF17" s="8"/>
      <c r="SXG17" s="8"/>
      <c r="SXH17" s="8"/>
      <c r="SXI17" s="8"/>
      <c r="SXJ17" s="8"/>
      <c r="SXK17" s="8"/>
      <c r="SXL17" s="8"/>
      <c r="SXM17" s="8"/>
      <c r="SXN17" s="8"/>
      <c r="SXO17" s="8"/>
      <c r="SXP17" s="8"/>
      <c r="SXQ17" s="8"/>
      <c r="SXR17" s="8"/>
      <c r="SXS17" s="8"/>
      <c r="SXT17" s="8"/>
      <c r="SXU17" s="8"/>
      <c r="SXV17" s="8"/>
      <c r="SXW17" s="8"/>
      <c r="SXX17" s="8"/>
      <c r="SXY17" s="8"/>
      <c r="SXZ17" s="8"/>
      <c r="SYA17" s="8"/>
      <c r="SYB17" s="8"/>
      <c r="SYC17" s="8"/>
      <c r="SYD17" s="8"/>
      <c r="SYE17" s="8"/>
      <c r="SYF17" s="8"/>
      <c r="SYG17" s="8"/>
      <c r="SYH17" s="8"/>
      <c r="SYI17" s="8"/>
      <c r="SYJ17" s="8"/>
      <c r="SYK17" s="8"/>
      <c r="SYL17" s="8"/>
      <c r="SYM17" s="8"/>
      <c r="SYN17" s="8"/>
      <c r="SYO17" s="8"/>
      <c r="SYP17" s="8"/>
      <c r="SYQ17" s="8"/>
      <c r="SYR17" s="8"/>
      <c r="SYS17" s="8"/>
      <c r="SYT17" s="8"/>
      <c r="SYU17" s="8"/>
      <c r="SYV17" s="8"/>
      <c r="SYW17" s="8"/>
      <c r="SYX17" s="8"/>
      <c r="SYY17" s="8"/>
      <c r="SYZ17" s="8"/>
      <c r="SZA17" s="8"/>
      <c r="SZB17" s="8"/>
      <c r="SZC17" s="8"/>
      <c r="SZD17" s="8"/>
      <c r="SZE17" s="8"/>
      <c r="SZF17" s="8"/>
      <c r="SZG17" s="8"/>
      <c r="SZH17" s="8"/>
      <c r="SZI17" s="8"/>
      <c r="SZJ17" s="8"/>
      <c r="SZK17" s="8"/>
      <c r="SZL17" s="8"/>
      <c r="SZM17" s="8"/>
      <c r="SZN17" s="8"/>
      <c r="SZO17" s="8"/>
      <c r="SZP17" s="8"/>
      <c r="SZQ17" s="8"/>
      <c r="SZR17" s="8"/>
      <c r="SZS17" s="8"/>
      <c r="SZT17" s="8"/>
      <c r="SZU17" s="8"/>
      <c r="SZV17" s="8"/>
      <c r="SZW17" s="8"/>
      <c r="SZX17" s="8"/>
      <c r="SZY17" s="8"/>
      <c r="SZZ17" s="8"/>
      <c r="TAA17" s="8"/>
      <c r="TAB17" s="8"/>
      <c r="TAC17" s="8"/>
      <c r="TAD17" s="8"/>
      <c r="TAE17" s="8"/>
      <c r="TAF17" s="8"/>
      <c r="TAG17" s="8"/>
      <c r="TAH17" s="8"/>
      <c r="TAI17" s="8"/>
      <c r="TAJ17" s="8"/>
      <c r="TAK17" s="8"/>
      <c r="TAL17" s="8"/>
      <c r="TAM17" s="8"/>
      <c r="TAN17" s="8"/>
      <c r="TAO17" s="8"/>
      <c r="TAP17" s="8"/>
      <c r="TAQ17" s="8"/>
      <c r="TAR17" s="8"/>
      <c r="TAS17" s="8"/>
      <c r="TAT17" s="8"/>
      <c r="TAU17" s="8"/>
      <c r="TAV17" s="8"/>
      <c r="TAW17" s="8"/>
      <c r="TAX17" s="8"/>
      <c r="TAY17" s="8"/>
      <c r="TAZ17" s="8"/>
      <c r="TBA17" s="8"/>
      <c r="TBB17" s="8"/>
      <c r="TBC17" s="8"/>
      <c r="TBD17" s="8"/>
      <c r="TBE17" s="8"/>
      <c r="TBF17" s="8"/>
      <c r="TBG17" s="8"/>
      <c r="TBH17" s="8"/>
      <c r="TBI17" s="8"/>
      <c r="TBJ17" s="8"/>
      <c r="TBK17" s="8"/>
      <c r="TBL17" s="8"/>
      <c r="TBM17" s="8"/>
      <c r="TBN17" s="8"/>
      <c r="TBO17" s="8"/>
      <c r="TBP17" s="8"/>
      <c r="TBQ17" s="8"/>
      <c r="TBR17" s="8"/>
      <c r="TBS17" s="8"/>
      <c r="TBT17" s="8"/>
      <c r="TBU17" s="8"/>
      <c r="TBV17" s="8"/>
      <c r="TBW17" s="8"/>
      <c r="TBX17" s="8"/>
      <c r="TBY17" s="8"/>
      <c r="TBZ17" s="8"/>
      <c r="TCA17" s="8"/>
      <c r="TCB17" s="8"/>
      <c r="TCC17" s="8"/>
      <c r="TCD17" s="8"/>
      <c r="TCE17" s="8"/>
      <c r="TCF17" s="8"/>
      <c r="TCG17" s="8"/>
      <c r="TCH17" s="8"/>
      <c r="TCI17" s="8"/>
      <c r="TCJ17" s="8"/>
      <c r="TCK17" s="8"/>
      <c r="TCL17" s="8"/>
      <c r="TCM17" s="8"/>
      <c r="TCN17" s="8"/>
      <c r="TCO17" s="8"/>
      <c r="TCP17" s="8"/>
      <c r="TCQ17" s="8"/>
      <c r="TCR17" s="8"/>
      <c r="TCS17" s="8"/>
      <c r="TCT17" s="8"/>
      <c r="TCU17" s="8"/>
      <c r="TCV17" s="8"/>
      <c r="TCW17" s="8"/>
      <c r="TCX17" s="8"/>
      <c r="TCY17" s="8"/>
      <c r="TCZ17" s="8"/>
      <c r="TDA17" s="8"/>
      <c r="TDB17" s="8"/>
      <c r="TDC17" s="8"/>
      <c r="TDD17" s="8"/>
      <c r="TDE17" s="8"/>
      <c r="TDF17" s="8"/>
      <c r="TDG17" s="8"/>
      <c r="TDH17" s="8"/>
      <c r="TDI17" s="8"/>
      <c r="TDJ17" s="8"/>
      <c r="TDK17" s="8"/>
      <c r="TDL17" s="8"/>
      <c r="TDM17" s="8"/>
      <c r="TDN17" s="8"/>
      <c r="TDO17" s="8"/>
      <c r="TDP17" s="8"/>
      <c r="TDQ17" s="8"/>
      <c r="TDR17" s="8"/>
      <c r="TDS17" s="8"/>
      <c r="TDT17" s="8"/>
      <c r="TDU17" s="8"/>
      <c r="TDV17" s="8"/>
      <c r="TDW17" s="8"/>
      <c r="TDX17" s="8"/>
      <c r="TDY17" s="8"/>
      <c r="TDZ17" s="8"/>
      <c r="TEA17" s="8"/>
      <c r="TEB17" s="8"/>
      <c r="TEC17" s="8"/>
      <c r="TED17" s="8"/>
      <c r="TEE17" s="8"/>
      <c r="TEF17" s="8"/>
      <c r="TEG17" s="8"/>
      <c r="TEH17" s="8"/>
      <c r="TEI17" s="8"/>
      <c r="TEJ17" s="8"/>
      <c r="TEK17" s="8"/>
      <c r="TEL17" s="8"/>
      <c r="TEM17" s="8"/>
      <c r="TEN17" s="8"/>
      <c r="TEO17" s="8"/>
      <c r="TEP17" s="8"/>
      <c r="TEQ17" s="8"/>
      <c r="TER17" s="8"/>
      <c r="TES17" s="8"/>
      <c r="TET17" s="8"/>
      <c r="TEU17" s="8"/>
      <c r="TEV17" s="8"/>
      <c r="TEW17" s="8"/>
      <c r="TEX17" s="8"/>
      <c r="TEY17" s="8"/>
      <c r="TEZ17" s="8"/>
      <c r="TFA17" s="8"/>
      <c r="TFB17" s="8"/>
      <c r="TFC17" s="8"/>
      <c r="TFD17" s="8"/>
      <c r="TFE17" s="8"/>
      <c r="TFF17" s="8"/>
      <c r="TFG17" s="8"/>
      <c r="TFH17" s="8"/>
      <c r="TFI17" s="8"/>
      <c r="TFJ17" s="8"/>
      <c r="TFK17" s="8"/>
      <c r="TFL17" s="8"/>
      <c r="TFM17" s="8"/>
      <c r="TFN17" s="8"/>
      <c r="TFO17" s="8"/>
      <c r="TFP17" s="8"/>
      <c r="TFQ17" s="8"/>
      <c r="TFR17" s="8"/>
      <c r="TFS17" s="8"/>
      <c r="TFT17" s="8"/>
      <c r="TFU17" s="8"/>
      <c r="TFV17" s="8"/>
      <c r="TFW17" s="8"/>
      <c r="TFX17" s="8"/>
      <c r="TFY17" s="8"/>
      <c r="TFZ17" s="8"/>
      <c r="TGA17" s="8"/>
      <c r="TGB17" s="8"/>
      <c r="TGC17" s="8"/>
      <c r="TGD17" s="8"/>
      <c r="TGE17" s="8"/>
      <c r="TGF17" s="8"/>
      <c r="TGG17" s="8"/>
      <c r="TGH17" s="8"/>
      <c r="TGI17" s="8"/>
      <c r="TGJ17" s="8"/>
      <c r="TGK17" s="8"/>
      <c r="TGL17" s="8"/>
      <c r="TGM17" s="8"/>
      <c r="TGN17" s="8"/>
      <c r="TGO17" s="8"/>
      <c r="TGP17" s="8"/>
      <c r="TGQ17" s="8"/>
      <c r="TGR17" s="8"/>
      <c r="TGS17" s="8"/>
      <c r="TGT17" s="8"/>
      <c r="TGU17" s="8"/>
      <c r="TGV17" s="8"/>
      <c r="TGW17" s="8"/>
      <c r="TGX17" s="8"/>
      <c r="TGY17" s="8"/>
      <c r="TGZ17" s="8"/>
      <c r="THA17" s="8"/>
      <c r="THB17" s="8"/>
      <c r="THC17" s="8"/>
      <c r="THD17" s="8"/>
      <c r="THE17" s="8"/>
      <c r="THF17" s="8"/>
      <c r="THG17" s="8"/>
      <c r="THH17" s="8"/>
      <c r="THI17" s="8"/>
      <c r="THJ17" s="8"/>
      <c r="THK17" s="8"/>
      <c r="THL17" s="8"/>
      <c r="THM17" s="8"/>
      <c r="THN17" s="8"/>
      <c r="THO17" s="8"/>
      <c r="THP17" s="8"/>
      <c r="THQ17" s="8"/>
      <c r="THR17" s="8"/>
      <c r="THS17" s="8"/>
      <c r="THT17" s="8"/>
      <c r="THU17" s="8"/>
      <c r="THV17" s="8"/>
      <c r="THW17" s="8"/>
      <c r="THX17" s="8"/>
      <c r="THY17" s="8"/>
      <c r="THZ17" s="8"/>
      <c r="TIA17" s="8"/>
      <c r="TIB17" s="8"/>
      <c r="TIC17" s="8"/>
      <c r="TID17" s="8"/>
      <c r="TIE17" s="8"/>
      <c r="TIF17" s="8"/>
      <c r="TIG17" s="8"/>
      <c r="TIH17" s="8"/>
      <c r="TII17" s="8"/>
      <c r="TIJ17" s="8"/>
      <c r="TIK17" s="8"/>
      <c r="TIL17" s="8"/>
      <c r="TIM17" s="8"/>
      <c r="TIN17" s="8"/>
      <c r="TIO17" s="8"/>
      <c r="TIP17" s="8"/>
      <c r="TIQ17" s="8"/>
      <c r="TIR17" s="8"/>
      <c r="TIS17" s="8"/>
      <c r="TIT17" s="8"/>
      <c r="TIU17" s="8"/>
      <c r="TIV17" s="8"/>
      <c r="TIW17" s="8"/>
      <c r="TIX17" s="8"/>
      <c r="TIY17" s="8"/>
      <c r="TIZ17" s="8"/>
      <c r="TJA17" s="8"/>
      <c r="TJB17" s="8"/>
      <c r="TJC17" s="8"/>
      <c r="TJD17" s="8"/>
      <c r="TJE17" s="8"/>
      <c r="TJF17" s="8"/>
      <c r="TJG17" s="8"/>
      <c r="TJH17" s="8"/>
      <c r="TJI17" s="8"/>
      <c r="TJJ17" s="8"/>
      <c r="TJK17" s="8"/>
      <c r="TJL17" s="8"/>
      <c r="TJM17" s="8"/>
      <c r="TJN17" s="8"/>
      <c r="TJO17" s="8"/>
      <c r="TJP17" s="8"/>
      <c r="TJQ17" s="8"/>
      <c r="TJR17" s="8"/>
      <c r="TJS17" s="8"/>
      <c r="TJT17" s="8"/>
      <c r="TJU17" s="8"/>
      <c r="TJV17" s="8"/>
      <c r="TJW17" s="8"/>
      <c r="TJX17" s="8"/>
      <c r="TJY17" s="8"/>
      <c r="TJZ17" s="8"/>
      <c r="TKA17" s="8"/>
      <c r="TKB17" s="8"/>
      <c r="TKC17" s="8"/>
      <c r="TKD17" s="8"/>
      <c r="TKE17" s="8"/>
      <c r="TKF17" s="8"/>
      <c r="TKG17" s="8"/>
      <c r="TKH17" s="8"/>
      <c r="TKI17" s="8"/>
      <c r="TKJ17" s="8"/>
      <c r="TKK17" s="8"/>
      <c r="TKL17" s="8"/>
      <c r="TKM17" s="8"/>
      <c r="TKN17" s="8"/>
      <c r="TKO17" s="8"/>
      <c r="TKP17" s="8"/>
      <c r="TKQ17" s="8"/>
      <c r="TKR17" s="8"/>
      <c r="TKS17" s="8"/>
      <c r="TKT17" s="8"/>
      <c r="TKU17" s="8"/>
      <c r="TKV17" s="8"/>
      <c r="TKW17" s="8"/>
      <c r="TKX17" s="8"/>
      <c r="TKY17" s="8"/>
      <c r="TKZ17" s="8"/>
      <c r="TLA17" s="8"/>
      <c r="TLB17" s="8"/>
      <c r="TLC17" s="8"/>
      <c r="TLD17" s="8"/>
      <c r="TLE17" s="8"/>
      <c r="TLF17" s="8"/>
      <c r="TLG17" s="8"/>
      <c r="TLH17" s="8"/>
      <c r="TLI17" s="8"/>
      <c r="TLJ17" s="8"/>
      <c r="TLK17" s="8"/>
      <c r="TLL17" s="8"/>
      <c r="TLM17" s="8"/>
      <c r="TLN17" s="8"/>
      <c r="TLO17" s="8"/>
      <c r="TLP17" s="8"/>
      <c r="TLQ17" s="8"/>
      <c r="TLR17" s="8"/>
      <c r="TLS17" s="8"/>
      <c r="TLT17" s="8"/>
      <c r="TLU17" s="8"/>
      <c r="TLV17" s="8"/>
      <c r="TLW17" s="8"/>
      <c r="TLX17" s="8"/>
      <c r="TLY17" s="8"/>
      <c r="TLZ17" s="8"/>
      <c r="TMA17" s="8"/>
      <c r="TMB17" s="8"/>
      <c r="TMC17" s="8"/>
      <c r="TMD17" s="8"/>
      <c r="TME17" s="8"/>
      <c r="TMF17" s="8"/>
      <c r="TMG17" s="8"/>
      <c r="TMH17" s="8"/>
      <c r="TMI17" s="8"/>
      <c r="TMJ17" s="8"/>
      <c r="TMK17" s="8"/>
      <c r="TML17" s="8"/>
      <c r="TMM17" s="8"/>
      <c r="TMN17" s="8"/>
      <c r="TMO17" s="8"/>
      <c r="TMP17" s="8"/>
      <c r="TMQ17" s="8"/>
      <c r="TMR17" s="8"/>
      <c r="TMS17" s="8"/>
      <c r="TMT17" s="8"/>
      <c r="TMU17" s="8"/>
      <c r="TMV17" s="8"/>
      <c r="TMW17" s="8"/>
      <c r="TMX17" s="8"/>
      <c r="TMY17" s="8"/>
      <c r="TMZ17" s="8"/>
      <c r="TNA17" s="8"/>
      <c r="TNB17" s="8"/>
      <c r="TNC17" s="8"/>
      <c r="TND17" s="8"/>
      <c r="TNE17" s="8"/>
      <c r="TNF17" s="8"/>
      <c r="TNG17" s="8"/>
      <c r="TNH17" s="8"/>
      <c r="TNI17" s="8"/>
      <c r="TNJ17" s="8"/>
      <c r="TNK17" s="8"/>
      <c r="TNL17" s="8"/>
      <c r="TNM17" s="8"/>
      <c r="TNN17" s="8"/>
      <c r="TNO17" s="8"/>
      <c r="TNP17" s="8"/>
      <c r="TNQ17" s="8"/>
      <c r="TNR17" s="8"/>
      <c r="TNS17" s="8"/>
      <c r="TNT17" s="8"/>
      <c r="TNU17" s="8"/>
      <c r="TNV17" s="8"/>
      <c r="TNW17" s="8"/>
      <c r="TNX17" s="8"/>
      <c r="TNY17" s="8"/>
      <c r="TNZ17" s="8"/>
      <c r="TOA17" s="8"/>
      <c r="TOB17" s="8"/>
      <c r="TOC17" s="8"/>
      <c r="TOD17" s="8"/>
      <c r="TOE17" s="8"/>
      <c r="TOF17" s="8"/>
      <c r="TOG17" s="8"/>
      <c r="TOH17" s="8"/>
      <c r="TOI17" s="8"/>
      <c r="TOJ17" s="8"/>
      <c r="TOK17" s="8"/>
      <c r="TOL17" s="8"/>
      <c r="TOM17" s="8"/>
      <c r="TON17" s="8"/>
      <c r="TOO17" s="8"/>
      <c r="TOP17" s="8"/>
      <c r="TOQ17" s="8"/>
      <c r="TOR17" s="8"/>
      <c r="TOS17" s="8"/>
      <c r="TOT17" s="8"/>
      <c r="TOU17" s="8"/>
      <c r="TOV17" s="8"/>
      <c r="TOW17" s="8"/>
      <c r="TOX17" s="8"/>
      <c r="TOY17" s="8"/>
      <c r="TOZ17" s="8"/>
      <c r="TPA17" s="8"/>
      <c r="TPB17" s="8"/>
      <c r="TPC17" s="8"/>
      <c r="TPD17" s="8"/>
      <c r="TPE17" s="8"/>
      <c r="TPF17" s="8"/>
      <c r="TPG17" s="8"/>
      <c r="TPH17" s="8"/>
      <c r="TPI17" s="8"/>
      <c r="TPJ17" s="8"/>
      <c r="TPK17" s="8"/>
      <c r="TPL17" s="8"/>
      <c r="TPM17" s="8"/>
      <c r="TPN17" s="8"/>
      <c r="TPO17" s="8"/>
      <c r="TPP17" s="8"/>
      <c r="TPQ17" s="8"/>
      <c r="TPR17" s="8"/>
      <c r="TPS17" s="8"/>
      <c r="TPT17" s="8"/>
      <c r="TPU17" s="8"/>
      <c r="TPV17" s="8"/>
      <c r="TPW17" s="8"/>
      <c r="TPX17" s="8"/>
      <c r="TPY17" s="8"/>
      <c r="TPZ17" s="8"/>
      <c r="TQA17" s="8"/>
      <c r="TQB17" s="8"/>
      <c r="TQC17" s="8"/>
      <c r="TQD17" s="8"/>
      <c r="TQE17" s="8"/>
      <c r="TQF17" s="8"/>
      <c r="TQG17" s="8"/>
      <c r="TQH17" s="8"/>
      <c r="TQI17" s="8"/>
      <c r="TQJ17" s="8"/>
      <c r="TQK17" s="8"/>
      <c r="TQL17" s="8"/>
      <c r="TQM17" s="8"/>
      <c r="TQN17" s="8"/>
      <c r="TQO17" s="8"/>
      <c r="TQP17" s="8"/>
      <c r="TQQ17" s="8"/>
      <c r="TQR17" s="8"/>
      <c r="TQS17" s="8"/>
      <c r="TQT17" s="8"/>
      <c r="TQU17" s="8"/>
      <c r="TQV17" s="8"/>
      <c r="TQW17" s="8"/>
      <c r="TQX17" s="8"/>
      <c r="TQY17" s="8"/>
      <c r="TQZ17" s="8"/>
      <c r="TRA17" s="8"/>
      <c r="TRB17" s="8"/>
      <c r="TRC17" s="8"/>
      <c r="TRD17" s="8"/>
      <c r="TRE17" s="8"/>
      <c r="TRF17" s="8"/>
      <c r="TRG17" s="8"/>
      <c r="TRH17" s="8"/>
      <c r="TRI17" s="8"/>
      <c r="TRJ17" s="8"/>
      <c r="TRK17" s="8"/>
      <c r="TRL17" s="8"/>
      <c r="TRM17" s="8"/>
      <c r="TRN17" s="8"/>
      <c r="TRO17" s="8"/>
      <c r="TRP17" s="8"/>
      <c r="TRQ17" s="8"/>
      <c r="TRR17" s="8"/>
      <c r="TRS17" s="8"/>
      <c r="TRT17" s="8"/>
      <c r="TRU17" s="8"/>
      <c r="TRV17" s="8"/>
      <c r="TRW17" s="8"/>
      <c r="TRX17" s="8"/>
      <c r="TRY17" s="8"/>
      <c r="TRZ17" s="8"/>
      <c r="TSA17" s="8"/>
      <c r="TSB17" s="8"/>
      <c r="TSC17" s="8"/>
      <c r="TSD17" s="8"/>
      <c r="TSE17" s="8"/>
      <c r="TSF17" s="8"/>
      <c r="TSG17" s="8"/>
      <c r="TSH17" s="8"/>
      <c r="TSI17" s="8"/>
      <c r="TSJ17" s="8"/>
      <c r="TSK17" s="8"/>
      <c r="TSL17" s="8"/>
      <c r="TSM17" s="8"/>
      <c r="TSN17" s="8"/>
      <c r="TSO17" s="8"/>
      <c r="TSP17" s="8"/>
      <c r="TSQ17" s="8"/>
      <c r="TSR17" s="8"/>
      <c r="TSS17" s="8"/>
      <c r="TST17" s="8"/>
      <c r="TSU17" s="8"/>
      <c r="TSV17" s="8"/>
      <c r="TSW17" s="8"/>
      <c r="TSX17" s="8"/>
      <c r="TSY17" s="8"/>
      <c r="TSZ17" s="8"/>
      <c r="TTA17" s="8"/>
      <c r="TTB17" s="8"/>
      <c r="TTC17" s="8"/>
      <c r="TTD17" s="8"/>
      <c r="TTE17" s="8"/>
      <c r="TTF17" s="8"/>
      <c r="TTG17" s="8"/>
      <c r="TTH17" s="8"/>
      <c r="TTI17" s="8"/>
      <c r="TTJ17" s="8"/>
      <c r="TTK17" s="8"/>
      <c r="TTL17" s="8"/>
      <c r="TTM17" s="8"/>
      <c r="TTN17" s="8"/>
      <c r="TTO17" s="8"/>
      <c r="TTP17" s="8"/>
      <c r="TTQ17" s="8"/>
      <c r="TTR17" s="8"/>
      <c r="TTS17" s="8"/>
      <c r="TTT17" s="8"/>
      <c r="TTU17" s="8"/>
      <c r="TTV17" s="8"/>
      <c r="TTW17" s="8"/>
      <c r="TTX17" s="8"/>
      <c r="TTY17" s="8"/>
      <c r="TTZ17" s="8"/>
      <c r="TUA17" s="8"/>
      <c r="TUB17" s="8"/>
      <c r="TUC17" s="8"/>
      <c r="TUD17" s="8"/>
      <c r="TUE17" s="8"/>
      <c r="TUF17" s="8"/>
      <c r="TUG17" s="8"/>
      <c r="TUH17" s="8"/>
      <c r="TUI17" s="8"/>
      <c r="TUJ17" s="8"/>
      <c r="TUK17" s="8"/>
      <c r="TUL17" s="8"/>
      <c r="TUM17" s="8"/>
      <c r="TUN17" s="8"/>
      <c r="TUO17" s="8"/>
      <c r="TUP17" s="8"/>
      <c r="TUQ17" s="8"/>
      <c r="TUR17" s="8"/>
      <c r="TUS17" s="8"/>
      <c r="TUT17" s="8"/>
      <c r="TUU17" s="8"/>
      <c r="TUV17" s="8"/>
      <c r="TUW17" s="8"/>
      <c r="TUX17" s="8"/>
      <c r="TUY17" s="8"/>
      <c r="TUZ17" s="8"/>
      <c r="TVA17" s="8"/>
      <c r="TVB17" s="8"/>
      <c r="TVC17" s="8"/>
      <c r="TVD17" s="8"/>
      <c r="TVE17" s="8"/>
      <c r="TVF17" s="8"/>
      <c r="TVG17" s="8"/>
      <c r="TVH17" s="8"/>
      <c r="TVI17" s="8"/>
      <c r="TVJ17" s="8"/>
      <c r="TVK17" s="8"/>
      <c r="TVL17" s="8"/>
      <c r="TVM17" s="8"/>
      <c r="TVN17" s="8"/>
      <c r="TVO17" s="8"/>
      <c r="TVP17" s="8"/>
      <c r="TVQ17" s="8"/>
      <c r="TVR17" s="8"/>
      <c r="TVS17" s="8"/>
      <c r="TVT17" s="8"/>
      <c r="TVU17" s="8"/>
      <c r="TVV17" s="8"/>
      <c r="TVW17" s="8"/>
      <c r="TVX17" s="8"/>
      <c r="TVY17" s="8"/>
      <c r="TVZ17" s="8"/>
      <c r="TWA17" s="8"/>
      <c r="TWB17" s="8"/>
      <c r="TWC17" s="8"/>
      <c r="TWD17" s="8"/>
      <c r="TWE17" s="8"/>
      <c r="TWF17" s="8"/>
      <c r="TWG17" s="8"/>
      <c r="TWH17" s="8"/>
      <c r="TWI17" s="8"/>
      <c r="TWJ17" s="8"/>
      <c r="TWK17" s="8"/>
      <c r="TWL17" s="8"/>
      <c r="TWM17" s="8"/>
      <c r="TWN17" s="8"/>
      <c r="TWO17" s="8"/>
      <c r="TWP17" s="8"/>
      <c r="TWQ17" s="8"/>
      <c r="TWR17" s="8"/>
      <c r="TWS17" s="8"/>
      <c r="TWT17" s="8"/>
      <c r="TWU17" s="8"/>
      <c r="TWV17" s="8"/>
      <c r="TWW17" s="8"/>
      <c r="TWX17" s="8"/>
      <c r="TWY17" s="8"/>
      <c r="TWZ17" s="8"/>
      <c r="TXA17" s="8"/>
      <c r="TXB17" s="8"/>
      <c r="TXC17" s="8"/>
      <c r="TXD17" s="8"/>
      <c r="TXE17" s="8"/>
      <c r="TXF17" s="8"/>
      <c r="TXG17" s="8"/>
      <c r="TXH17" s="8"/>
      <c r="TXI17" s="8"/>
      <c r="TXJ17" s="8"/>
      <c r="TXK17" s="8"/>
      <c r="TXL17" s="8"/>
      <c r="TXM17" s="8"/>
      <c r="TXN17" s="8"/>
      <c r="TXO17" s="8"/>
      <c r="TXP17" s="8"/>
      <c r="TXQ17" s="8"/>
      <c r="TXR17" s="8"/>
      <c r="TXS17" s="8"/>
      <c r="TXT17" s="8"/>
      <c r="TXU17" s="8"/>
      <c r="TXV17" s="8"/>
      <c r="TXW17" s="8"/>
      <c r="TXX17" s="8"/>
      <c r="TXY17" s="8"/>
      <c r="TXZ17" s="8"/>
      <c r="TYA17" s="8"/>
      <c r="TYB17" s="8"/>
      <c r="TYC17" s="8"/>
      <c r="TYD17" s="8"/>
      <c r="TYE17" s="8"/>
      <c r="TYF17" s="8"/>
      <c r="TYG17" s="8"/>
      <c r="TYH17" s="8"/>
      <c r="TYI17" s="8"/>
      <c r="TYJ17" s="8"/>
      <c r="TYK17" s="8"/>
      <c r="TYL17" s="8"/>
      <c r="TYM17" s="8"/>
      <c r="TYN17" s="8"/>
      <c r="TYO17" s="8"/>
      <c r="TYP17" s="8"/>
      <c r="TYQ17" s="8"/>
      <c r="TYR17" s="8"/>
      <c r="TYS17" s="8"/>
      <c r="TYT17" s="8"/>
      <c r="TYU17" s="8"/>
      <c r="TYV17" s="8"/>
      <c r="TYW17" s="8"/>
      <c r="TYX17" s="8"/>
      <c r="TYY17" s="8"/>
      <c r="TYZ17" s="8"/>
      <c r="TZA17" s="8"/>
      <c r="TZB17" s="8"/>
      <c r="TZC17" s="8"/>
      <c r="TZD17" s="8"/>
      <c r="TZE17" s="8"/>
      <c r="TZF17" s="8"/>
      <c r="TZG17" s="8"/>
      <c r="TZH17" s="8"/>
      <c r="TZI17" s="8"/>
      <c r="TZJ17" s="8"/>
      <c r="TZK17" s="8"/>
      <c r="TZL17" s="8"/>
      <c r="TZM17" s="8"/>
      <c r="TZN17" s="8"/>
      <c r="TZO17" s="8"/>
      <c r="TZP17" s="8"/>
      <c r="TZQ17" s="8"/>
      <c r="TZR17" s="8"/>
      <c r="TZS17" s="8"/>
      <c r="TZT17" s="8"/>
      <c r="TZU17" s="8"/>
      <c r="TZV17" s="8"/>
      <c r="TZW17" s="8"/>
      <c r="TZX17" s="8"/>
      <c r="TZY17" s="8"/>
      <c r="TZZ17" s="8"/>
      <c r="UAA17" s="8"/>
      <c r="UAB17" s="8"/>
      <c r="UAC17" s="8"/>
      <c r="UAD17" s="8"/>
      <c r="UAE17" s="8"/>
      <c r="UAF17" s="8"/>
      <c r="UAG17" s="8"/>
      <c r="UAH17" s="8"/>
      <c r="UAI17" s="8"/>
      <c r="UAJ17" s="8"/>
      <c r="UAK17" s="8"/>
      <c r="UAL17" s="8"/>
      <c r="UAM17" s="8"/>
      <c r="UAN17" s="8"/>
      <c r="UAO17" s="8"/>
      <c r="UAP17" s="8"/>
      <c r="UAQ17" s="8"/>
      <c r="UAR17" s="8"/>
      <c r="UAS17" s="8"/>
      <c r="UAT17" s="8"/>
      <c r="UAU17" s="8"/>
      <c r="UAV17" s="8"/>
      <c r="UAW17" s="8"/>
      <c r="UAX17" s="8"/>
      <c r="UAY17" s="8"/>
      <c r="UAZ17" s="8"/>
      <c r="UBA17" s="8"/>
      <c r="UBB17" s="8"/>
      <c r="UBC17" s="8"/>
      <c r="UBD17" s="8"/>
      <c r="UBE17" s="8"/>
      <c r="UBF17" s="8"/>
      <c r="UBG17" s="8"/>
      <c r="UBH17" s="8"/>
      <c r="UBI17" s="8"/>
      <c r="UBJ17" s="8"/>
      <c r="UBK17" s="8"/>
      <c r="UBL17" s="8"/>
      <c r="UBM17" s="8"/>
      <c r="UBN17" s="8"/>
      <c r="UBO17" s="8"/>
      <c r="UBP17" s="8"/>
      <c r="UBQ17" s="8"/>
      <c r="UBR17" s="8"/>
      <c r="UBS17" s="8"/>
      <c r="UBT17" s="8"/>
      <c r="UBU17" s="8"/>
      <c r="UBV17" s="8"/>
      <c r="UBW17" s="8"/>
      <c r="UBX17" s="8"/>
      <c r="UBY17" s="8"/>
      <c r="UBZ17" s="8"/>
      <c r="UCA17" s="8"/>
      <c r="UCB17" s="8"/>
      <c r="UCC17" s="8"/>
      <c r="UCD17" s="8"/>
      <c r="UCE17" s="8"/>
      <c r="UCF17" s="8"/>
      <c r="UCG17" s="8"/>
      <c r="UCH17" s="8"/>
      <c r="UCI17" s="8"/>
      <c r="UCJ17" s="8"/>
      <c r="UCK17" s="8"/>
      <c r="UCL17" s="8"/>
      <c r="UCM17" s="8"/>
      <c r="UCN17" s="8"/>
      <c r="UCO17" s="8"/>
      <c r="UCP17" s="8"/>
      <c r="UCQ17" s="8"/>
      <c r="UCR17" s="8"/>
      <c r="UCS17" s="8"/>
      <c r="UCT17" s="8"/>
      <c r="UCU17" s="8"/>
      <c r="UCV17" s="8"/>
      <c r="UCW17" s="8"/>
      <c r="UCX17" s="8"/>
      <c r="UCY17" s="8"/>
      <c r="UCZ17" s="8"/>
      <c r="UDA17" s="8"/>
      <c r="UDB17" s="8"/>
      <c r="UDC17" s="8"/>
      <c r="UDD17" s="8"/>
      <c r="UDE17" s="8"/>
      <c r="UDF17" s="8"/>
      <c r="UDG17" s="8"/>
      <c r="UDH17" s="8"/>
      <c r="UDI17" s="8"/>
      <c r="UDJ17" s="8"/>
      <c r="UDK17" s="8"/>
      <c r="UDL17" s="8"/>
      <c r="UDM17" s="8"/>
      <c r="UDN17" s="8"/>
      <c r="UDO17" s="8"/>
      <c r="UDP17" s="8"/>
      <c r="UDQ17" s="8"/>
      <c r="UDR17" s="8"/>
      <c r="UDS17" s="8"/>
      <c r="UDT17" s="8"/>
      <c r="UDU17" s="8"/>
      <c r="UDV17" s="8"/>
      <c r="UDW17" s="8"/>
      <c r="UDX17" s="8"/>
      <c r="UDY17" s="8"/>
      <c r="UDZ17" s="8"/>
      <c r="UEA17" s="8"/>
      <c r="UEB17" s="8"/>
      <c r="UEC17" s="8"/>
      <c r="UED17" s="8"/>
      <c r="UEE17" s="8"/>
      <c r="UEF17" s="8"/>
      <c r="UEG17" s="8"/>
      <c r="UEH17" s="8"/>
      <c r="UEI17" s="8"/>
      <c r="UEJ17" s="8"/>
      <c r="UEK17" s="8"/>
      <c r="UEL17" s="8"/>
      <c r="UEM17" s="8"/>
      <c r="UEN17" s="8"/>
      <c r="UEO17" s="8"/>
      <c r="UEP17" s="8"/>
      <c r="UEQ17" s="8"/>
      <c r="UER17" s="8"/>
      <c r="UES17" s="8"/>
      <c r="UET17" s="8"/>
      <c r="UEU17" s="8"/>
      <c r="UEV17" s="8"/>
      <c r="UEW17" s="8"/>
      <c r="UEX17" s="8"/>
      <c r="UEY17" s="8"/>
      <c r="UEZ17" s="8"/>
      <c r="UFA17" s="8"/>
      <c r="UFB17" s="8"/>
      <c r="UFC17" s="8"/>
      <c r="UFD17" s="8"/>
      <c r="UFE17" s="8"/>
      <c r="UFF17" s="8"/>
      <c r="UFG17" s="8"/>
      <c r="UFH17" s="8"/>
      <c r="UFI17" s="8"/>
      <c r="UFJ17" s="8"/>
      <c r="UFK17" s="8"/>
      <c r="UFL17" s="8"/>
      <c r="UFM17" s="8"/>
      <c r="UFN17" s="8"/>
      <c r="UFO17" s="8"/>
      <c r="UFP17" s="8"/>
      <c r="UFQ17" s="8"/>
      <c r="UFR17" s="8"/>
      <c r="UFS17" s="8"/>
      <c r="UFT17" s="8"/>
      <c r="UFU17" s="8"/>
      <c r="UFV17" s="8"/>
      <c r="UFW17" s="8"/>
      <c r="UFX17" s="8"/>
      <c r="UFY17" s="8"/>
      <c r="UFZ17" s="8"/>
      <c r="UGA17" s="8"/>
      <c r="UGB17" s="8"/>
      <c r="UGC17" s="8"/>
      <c r="UGD17" s="8"/>
      <c r="UGE17" s="8"/>
      <c r="UGF17" s="8"/>
      <c r="UGG17" s="8"/>
      <c r="UGH17" s="8"/>
      <c r="UGI17" s="8"/>
      <c r="UGJ17" s="8"/>
      <c r="UGK17" s="8"/>
      <c r="UGL17" s="8"/>
      <c r="UGM17" s="8"/>
      <c r="UGN17" s="8"/>
      <c r="UGO17" s="8"/>
      <c r="UGP17" s="8"/>
      <c r="UGQ17" s="8"/>
      <c r="UGR17" s="8"/>
      <c r="UGS17" s="8"/>
      <c r="UGT17" s="8"/>
      <c r="UGU17" s="8"/>
      <c r="UGV17" s="8"/>
      <c r="UGW17" s="8"/>
      <c r="UGX17" s="8"/>
      <c r="UGY17" s="8"/>
      <c r="UGZ17" s="8"/>
      <c r="UHA17" s="8"/>
      <c r="UHB17" s="8"/>
      <c r="UHC17" s="8"/>
      <c r="UHD17" s="8"/>
      <c r="UHE17" s="8"/>
      <c r="UHF17" s="8"/>
      <c r="UHG17" s="8"/>
      <c r="UHH17" s="8"/>
      <c r="UHI17" s="8"/>
      <c r="UHJ17" s="8"/>
      <c r="UHK17" s="8"/>
      <c r="UHL17" s="8"/>
      <c r="UHM17" s="8"/>
      <c r="UHN17" s="8"/>
      <c r="UHO17" s="8"/>
      <c r="UHP17" s="8"/>
      <c r="UHQ17" s="8"/>
      <c r="UHR17" s="8"/>
      <c r="UHS17" s="8"/>
      <c r="UHT17" s="8"/>
      <c r="UHU17" s="8"/>
      <c r="UHV17" s="8"/>
      <c r="UHW17" s="8"/>
      <c r="UHX17" s="8"/>
      <c r="UHY17" s="8"/>
      <c r="UHZ17" s="8"/>
      <c r="UIA17" s="8"/>
      <c r="UIB17" s="8"/>
      <c r="UIC17" s="8"/>
      <c r="UID17" s="8"/>
      <c r="UIE17" s="8"/>
      <c r="UIF17" s="8"/>
      <c r="UIG17" s="8"/>
      <c r="UIH17" s="8"/>
      <c r="UII17" s="8"/>
      <c r="UIJ17" s="8"/>
      <c r="UIK17" s="8"/>
      <c r="UIL17" s="8"/>
      <c r="UIM17" s="8"/>
      <c r="UIN17" s="8"/>
      <c r="UIO17" s="8"/>
      <c r="UIP17" s="8"/>
      <c r="UIQ17" s="8"/>
      <c r="UIR17" s="8"/>
      <c r="UIS17" s="8"/>
      <c r="UIT17" s="8"/>
      <c r="UIU17" s="8"/>
      <c r="UIV17" s="8"/>
      <c r="UIW17" s="8"/>
      <c r="UIX17" s="8"/>
      <c r="UIY17" s="8"/>
      <c r="UIZ17" s="8"/>
      <c r="UJA17" s="8"/>
      <c r="UJB17" s="8"/>
      <c r="UJC17" s="8"/>
      <c r="UJD17" s="8"/>
      <c r="UJE17" s="8"/>
      <c r="UJF17" s="8"/>
      <c r="UJG17" s="8"/>
      <c r="UJH17" s="8"/>
      <c r="UJI17" s="8"/>
      <c r="UJJ17" s="8"/>
      <c r="UJK17" s="8"/>
      <c r="UJL17" s="8"/>
      <c r="UJM17" s="8"/>
      <c r="UJN17" s="8"/>
      <c r="UJO17" s="8"/>
      <c r="UJP17" s="8"/>
      <c r="UJQ17" s="8"/>
      <c r="UJR17" s="8"/>
      <c r="UJS17" s="8"/>
      <c r="UJT17" s="8"/>
      <c r="UJU17" s="8"/>
      <c r="UJV17" s="8"/>
      <c r="UJW17" s="8"/>
      <c r="UJX17" s="8"/>
      <c r="UJY17" s="8"/>
      <c r="UJZ17" s="8"/>
      <c r="UKA17" s="8"/>
      <c r="UKB17" s="8"/>
      <c r="UKC17" s="8"/>
      <c r="UKD17" s="8"/>
      <c r="UKE17" s="8"/>
      <c r="UKF17" s="8"/>
      <c r="UKG17" s="8"/>
      <c r="UKH17" s="8"/>
      <c r="UKI17" s="8"/>
      <c r="UKJ17" s="8"/>
      <c r="UKK17" s="8"/>
      <c r="UKL17" s="8"/>
      <c r="UKM17" s="8"/>
      <c r="UKN17" s="8"/>
      <c r="UKO17" s="8"/>
      <c r="UKP17" s="8"/>
      <c r="UKQ17" s="8"/>
      <c r="UKR17" s="8"/>
      <c r="UKS17" s="8"/>
      <c r="UKT17" s="8"/>
      <c r="UKU17" s="8"/>
      <c r="UKV17" s="8"/>
      <c r="UKW17" s="8"/>
      <c r="UKX17" s="8"/>
      <c r="UKY17" s="8"/>
      <c r="UKZ17" s="8"/>
      <c r="ULA17" s="8"/>
      <c r="ULB17" s="8"/>
      <c r="ULC17" s="8"/>
      <c r="ULD17" s="8"/>
      <c r="ULE17" s="8"/>
      <c r="ULF17" s="8"/>
      <c r="ULG17" s="8"/>
      <c r="ULH17" s="8"/>
      <c r="ULI17" s="8"/>
      <c r="ULJ17" s="8"/>
      <c r="ULK17" s="8"/>
      <c r="ULL17" s="8"/>
      <c r="ULM17" s="8"/>
      <c r="ULN17" s="8"/>
      <c r="ULO17" s="8"/>
      <c r="ULP17" s="8"/>
      <c r="ULQ17" s="8"/>
      <c r="ULR17" s="8"/>
      <c r="ULS17" s="8"/>
      <c r="ULT17" s="8"/>
      <c r="ULU17" s="8"/>
      <c r="ULV17" s="8"/>
      <c r="ULW17" s="8"/>
      <c r="ULX17" s="8"/>
      <c r="ULY17" s="8"/>
      <c r="ULZ17" s="8"/>
      <c r="UMA17" s="8"/>
      <c r="UMB17" s="8"/>
      <c r="UMC17" s="8"/>
      <c r="UMD17" s="8"/>
      <c r="UME17" s="8"/>
      <c r="UMF17" s="8"/>
      <c r="UMG17" s="8"/>
      <c r="UMH17" s="8"/>
      <c r="UMI17" s="8"/>
      <c r="UMJ17" s="8"/>
      <c r="UMK17" s="8"/>
      <c r="UML17" s="8"/>
      <c r="UMM17" s="8"/>
      <c r="UMN17" s="8"/>
      <c r="UMO17" s="8"/>
      <c r="UMP17" s="8"/>
      <c r="UMQ17" s="8"/>
      <c r="UMR17" s="8"/>
      <c r="UMS17" s="8"/>
      <c r="UMT17" s="8"/>
      <c r="UMU17" s="8"/>
      <c r="UMV17" s="8"/>
      <c r="UMW17" s="8"/>
      <c r="UMX17" s="8"/>
      <c r="UMY17" s="8"/>
      <c r="UMZ17" s="8"/>
      <c r="UNA17" s="8"/>
      <c r="UNB17" s="8"/>
      <c r="UNC17" s="8"/>
      <c r="UND17" s="8"/>
      <c r="UNE17" s="8"/>
      <c r="UNF17" s="8"/>
      <c r="UNG17" s="8"/>
      <c r="UNH17" s="8"/>
      <c r="UNI17" s="8"/>
      <c r="UNJ17" s="8"/>
      <c r="UNK17" s="8"/>
      <c r="UNL17" s="8"/>
      <c r="UNM17" s="8"/>
      <c r="UNN17" s="8"/>
      <c r="UNO17" s="8"/>
      <c r="UNP17" s="8"/>
      <c r="UNQ17" s="8"/>
      <c r="UNR17" s="8"/>
      <c r="UNS17" s="8"/>
      <c r="UNT17" s="8"/>
      <c r="UNU17" s="8"/>
      <c r="UNV17" s="8"/>
      <c r="UNW17" s="8"/>
      <c r="UNX17" s="8"/>
      <c r="UNY17" s="8"/>
      <c r="UNZ17" s="8"/>
      <c r="UOA17" s="8"/>
      <c r="UOB17" s="8"/>
      <c r="UOC17" s="8"/>
      <c r="UOD17" s="8"/>
      <c r="UOE17" s="8"/>
      <c r="UOF17" s="8"/>
      <c r="UOG17" s="8"/>
      <c r="UOH17" s="8"/>
      <c r="UOI17" s="8"/>
      <c r="UOJ17" s="8"/>
      <c r="UOK17" s="8"/>
      <c r="UOL17" s="8"/>
      <c r="UOM17" s="8"/>
      <c r="UON17" s="8"/>
      <c r="UOO17" s="8"/>
      <c r="UOP17" s="8"/>
      <c r="UOQ17" s="8"/>
      <c r="UOR17" s="8"/>
      <c r="UOS17" s="8"/>
      <c r="UOT17" s="8"/>
      <c r="UOU17" s="8"/>
      <c r="UOV17" s="8"/>
      <c r="UOW17" s="8"/>
      <c r="UOX17" s="8"/>
      <c r="UOY17" s="8"/>
      <c r="UOZ17" s="8"/>
      <c r="UPA17" s="8"/>
      <c r="UPB17" s="8"/>
      <c r="UPC17" s="8"/>
      <c r="UPD17" s="8"/>
      <c r="UPE17" s="8"/>
      <c r="UPF17" s="8"/>
      <c r="UPG17" s="8"/>
      <c r="UPH17" s="8"/>
      <c r="UPI17" s="8"/>
      <c r="UPJ17" s="8"/>
      <c r="UPK17" s="8"/>
      <c r="UPL17" s="8"/>
      <c r="UPM17" s="8"/>
      <c r="UPN17" s="8"/>
      <c r="UPO17" s="8"/>
      <c r="UPP17" s="8"/>
      <c r="UPQ17" s="8"/>
      <c r="UPR17" s="8"/>
      <c r="UPS17" s="8"/>
      <c r="UPT17" s="8"/>
      <c r="UPU17" s="8"/>
      <c r="UPV17" s="8"/>
      <c r="UPW17" s="8"/>
      <c r="UPX17" s="8"/>
      <c r="UPY17" s="8"/>
      <c r="UPZ17" s="8"/>
      <c r="UQA17" s="8"/>
      <c r="UQB17" s="8"/>
      <c r="UQC17" s="8"/>
      <c r="UQD17" s="8"/>
      <c r="UQE17" s="8"/>
      <c r="UQF17" s="8"/>
      <c r="UQG17" s="8"/>
      <c r="UQH17" s="8"/>
      <c r="UQI17" s="8"/>
      <c r="UQJ17" s="8"/>
      <c r="UQK17" s="8"/>
      <c r="UQL17" s="8"/>
      <c r="UQM17" s="8"/>
      <c r="UQN17" s="8"/>
      <c r="UQO17" s="8"/>
      <c r="UQP17" s="8"/>
      <c r="UQQ17" s="8"/>
      <c r="UQR17" s="8"/>
      <c r="UQS17" s="8"/>
      <c r="UQT17" s="8"/>
      <c r="UQU17" s="8"/>
      <c r="UQV17" s="8"/>
      <c r="UQW17" s="8"/>
      <c r="UQX17" s="8"/>
      <c r="UQY17" s="8"/>
      <c r="UQZ17" s="8"/>
      <c r="URA17" s="8"/>
      <c r="URB17" s="8"/>
      <c r="URC17" s="8"/>
      <c r="URD17" s="8"/>
      <c r="URE17" s="8"/>
      <c r="URF17" s="8"/>
      <c r="URG17" s="8"/>
      <c r="URH17" s="8"/>
      <c r="URI17" s="8"/>
      <c r="URJ17" s="8"/>
      <c r="URK17" s="8"/>
      <c r="URL17" s="8"/>
      <c r="URM17" s="8"/>
      <c r="URN17" s="8"/>
      <c r="URO17" s="8"/>
      <c r="URP17" s="8"/>
      <c r="URQ17" s="8"/>
      <c r="URR17" s="8"/>
      <c r="URS17" s="8"/>
      <c r="URT17" s="8"/>
      <c r="URU17" s="8"/>
      <c r="URV17" s="8"/>
      <c r="URW17" s="8"/>
      <c r="URX17" s="8"/>
      <c r="URY17" s="8"/>
      <c r="URZ17" s="8"/>
      <c r="USA17" s="8"/>
      <c r="USB17" s="8"/>
      <c r="USC17" s="8"/>
      <c r="USD17" s="8"/>
      <c r="USE17" s="8"/>
      <c r="USF17" s="8"/>
      <c r="USG17" s="8"/>
      <c r="USH17" s="8"/>
      <c r="USI17" s="8"/>
      <c r="USJ17" s="8"/>
      <c r="USK17" s="8"/>
      <c r="USL17" s="8"/>
      <c r="USM17" s="8"/>
      <c r="USN17" s="8"/>
      <c r="USO17" s="8"/>
      <c r="USP17" s="8"/>
      <c r="USQ17" s="8"/>
      <c r="USR17" s="8"/>
      <c r="USS17" s="8"/>
      <c r="UST17" s="8"/>
      <c r="USU17" s="8"/>
      <c r="USV17" s="8"/>
      <c r="USW17" s="8"/>
      <c r="USX17" s="8"/>
      <c r="USY17" s="8"/>
      <c r="USZ17" s="8"/>
      <c r="UTA17" s="8"/>
      <c r="UTB17" s="8"/>
      <c r="UTC17" s="8"/>
      <c r="UTD17" s="8"/>
      <c r="UTE17" s="8"/>
      <c r="UTF17" s="8"/>
      <c r="UTG17" s="8"/>
      <c r="UTH17" s="8"/>
      <c r="UTI17" s="8"/>
      <c r="UTJ17" s="8"/>
      <c r="UTK17" s="8"/>
      <c r="UTL17" s="8"/>
      <c r="UTM17" s="8"/>
      <c r="UTN17" s="8"/>
      <c r="UTO17" s="8"/>
      <c r="UTP17" s="8"/>
      <c r="UTQ17" s="8"/>
      <c r="UTR17" s="8"/>
      <c r="UTS17" s="8"/>
      <c r="UTT17" s="8"/>
      <c r="UTU17" s="8"/>
      <c r="UTV17" s="8"/>
      <c r="UTW17" s="8"/>
      <c r="UTX17" s="8"/>
      <c r="UTY17" s="8"/>
      <c r="UTZ17" s="8"/>
      <c r="UUA17" s="8"/>
      <c r="UUB17" s="8"/>
      <c r="UUC17" s="8"/>
      <c r="UUD17" s="8"/>
      <c r="UUE17" s="8"/>
      <c r="UUF17" s="8"/>
      <c r="UUG17" s="8"/>
      <c r="UUH17" s="8"/>
      <c r="UUI17" s="8"/>
      <c r="UUJ17" s="8"/>
      <c r="UUK17" s="8"/>
      <c r="UUL17" s="8"/>
      <c r="UUM17" s="8"/>
      <c r="UUN17" s="8"/>
      <c r="UUO17" s="8"/>
      <c r="UUP17" s="8"/>
      <c r="UUQ17" s="8"/>
      <c r="UUR17" s="8"/>
      <c r="UUS17" s="8"/>
      <c r="UUT17" s="8"/>
      <c r="UUU17" s="8"/>
      <c r="UUV17" s="8"/>
      <c r="UUW17" s="8"/>
      <c r="UUX17" s="8"/>
      <c r="UUY17" s="8"/>
      <c r="UUZ17" s="8"/>
      <c r="UVA17" s="8"/>
      <c r="UVB17" s="8"/>
      <c r="UVC17" s="8"/>
      <c r="UVD17" s="8"/>
      <c r="UVE17" s="8"/>
      <c r="UVF17" s="8"/>
      <c r="UVG17" s="8"/>
      <c r="UVH17" s="8"/>
      <c r="UVI17" s="8"/>
      <c r="UVJ17" s="8"/>
      <c r="UVK17" s="8"/>
      <c r="UVL17" s="8"/>
      <c r="UVM17" s="8"/>
      <c r="UVN17" s="8"/>
      <c r="UVO17" s="8"/>
      <c r="UVP17" s="8"/>
      <c r="UVQ17" s="8"/>
      <c r="UVR17" s="8"/>
      <c r="UVS17" s="8"/>
      <c r="UVT17" s="8"/>
      <c r="UVU17" s="8"/>
      <c r="UVV17" s="8"/>
      <c r="UVW17" s="8"/>
      <c r="UVX17" s="8"/>
      <c r="UVY17" s="8"/>
      <c r="UVZ17" s="8"/>
      <c r="UWA17" s="8"/>
      <c r="UWB17" s="8"/>
      <c r="UWC17" s="8"/>
      <c r="UWD17" s="8"/>
      <c r="UWE17" s="8"/>
      <c r="UWF17" s="8"/>
      <c r="UWG17" s="8"/>
      <c r="UWH17" s="8"/>
      <c r="UWI17" s="8"/>
      <c r="UWJ17" s="8"/>
      <c r="UWK17" s="8"/>
      <c r="UWL17" s="8"/>
      <c r="UWM17" s="8"/>
      <c r="UWN17" s="8"/>
      <c r="UWO17" s="8"/>
      <c r="UWP17" s="8"/>
      <c r="UWQ17" s="8"/>
      <c r="UWR17" s="8"/>
      <c r="UWS17" s="8"/>
      <c r="UWT17" s="8"/>
      <c r="UWU17" s="8"/>
      <c r="UWV17" s="8"/>
      <c r="UWW17" s="8"/>
      <c r="UWX17" s="8"/>
      <c r="UWY17" s="8"/>
      <c r="UWZ17" s="8"/>
      <c r="UXA17" s="8"/>
      <c r="UXB17" s="8"/>
      <c r="UXC17" s="8"/>
      <c r="UXD17" s="8"/>
      <c r="UXE17" s="8"/>
      <c r="UXF17" s="8"/>
      <c r="UXG17" s="8"/>
      <c r="UXH17" s="8"/>
      <c r="UXI17" s="8"/>
      <c r="UXJ17" s="8"/>
      <c r="UXK17" s="8"/>
      <c r="UXL17" s="8"/>
      <c r="UXM17" s="8"/>
      <c r="UXN17" s="8"/>
      <c r="UXO17" s="8"/>
      <c r="UXP17" s="8"/>
      <c r="UXQ17" s="8"/>
      <c r="UXR17" s="8"/>
      <c r="UXS17" s="8"/>
      <c r="UXT17" s="8"/>
      <c r="UXU17" s="8"/>
      <c r="UXV17" s="8"/>
      <c r="UXW17" s="8"/>
      <c r="UXX17" s="8"/>
      <c r="UXY17" s="8"/>
      <c r="UXZ17" s="8"/>
      <c r="UYA17" s="8"/>
      <c r="UYB17" s="8"/>
      <c r="UYC17" s="8"/>
      <c r="UYD17" s="8"/>
      <c r="UYE17" s="8"/>
      <c r="UYF17" s="8"/>
      <c r="UYG17" s="8"/>
      <c r="UYH17" s="8"/>
      <c r="UYI17" s="8"/>
      <c r="UYJ17" s="8"/>
      <c r="UYK17" s="8"/>
      <c r="UYL17" s="8"/>
      <c r="UYM17" s="8"/>
      <c r="UYN17" s="8"/>
      <c r="UYO17" s="8"/>
      <c r="UYP17" s="8"/>
      <c r="UYQ17" s="8"/>
      <c r="UYR17" s="8"/>
      <c r="UYS17" s="8"/>
      <c r="UYT17" s="8"/>
      <c r="UYU17" s="8"/>
      <c r="UYV17" s="8"/>
      <c r="UYW17" s="8"/>
      <c r="UYX17" s="8"/>
      <c r="UYY17" s="8"/>
      <c r="UYZ17" s="8"/>
      <c r="UZA17" s="8"/>
      <c r="UZB17" s="8"/>
      <c r="UZC17" s="8"/>
      <c r="UZD17" s="8"/>
      <c r="UZE17" s="8"/>
      <c r="UZF17" s="8"/>
      <c r="UZG17" s="8"/>
      <c r="UZH17" s="8"/>
      <c r="UZI17" s="8"/>
      <c r="UZJ17" s="8"/>
      <c r="UZK17" s="8"/>
      <c r="UZL17" s="8"/>
      <c r="UZM17" s="8"/>
      <c r="UZN17" s="8"/>
      <c r="UZO17" s="8"/>
      <c r="UZP17" s="8"/>
      <c r="UZQ17" s="8"/>
      <c r="UZR17" s="8"/>
      <c r="UZS17" s="8"/>
      <c r="UZT17" s="8"/>
      <c r="UZU17" s="8"/>
      <c r="UZV17" s="8"/>
      <c r="UZW17" s="8"/>
      <c r="UZX17" s="8"/>
      <c r="UZY17" s="8"/>
      <c r="UZZ17" s="8"/>
      <c r="VAA17" s="8"/>
      <c r="VAB17" s="8"/>
      <c r="VAC17" s="8"/>
      <c r="VAD17" s="8"/>
      <c r="VAE17" s="8"/>
      <c r="VAF17" s="8"/>
      <c r="VAG17" s="8"/>
      <c r="VAH17" s="8"/>
      <c r="VAI17" s="8"/>
      <c r="VAJ17" s="8"/>
      <c r="VAK17" s="8"/>
      <c r="VAL17" s="8"/>
      <c r="VAM17" s="8"/>
      <c r="VAN17" s="8"/>
      <c r="VAO17" s="8"/>
      <c r="VAP17" s="8"/>
      <c r="VAQ17" s="8"/>
      <c r="VAR17" s="8"/>
      <c r="VAS17" s="8"/>
      <c r="VAT17" s="8"/>
      <c r="VAU17" s="8"/>
      <c r="VAV17" s="8"/>
      <c r="VAW17" s="8"/>
      <c r="VAX17" s="8"/>
      <c r="VAY17" s="8"/>
      <c r="VAZ17" s="8"/>
      <c r="VBA17" s="8"/>
      <c r="VBB17" s="8"/>
      <c r="VBC17" s="8"/>
      <c r="VBD17" s="8"/>
      <c r="VBE17" s="8"/>
      <c r="VBF17" s="8"/>
      <c r="VBG17" s="8"/>
      <c r="VBH17" s="8"/>
      <c r="VBI17" s="8"/>
      <c r="VBJ17" s="8"/>
      <c r="VBK17" s="8"/>
      <c r="VBL17" s="8"/>
      <c r="VBM17" s="8"/>
      <c r="VBN17" s="8"/>
      <c r="VBO17" s="8"/>
      <c r="VBP17" s="8"/>
      <c r="VBQ17" s="8"/>
      <c r="VBR17" s="8"/>
      <c r="VBS17" s="8"/>
      <c r="VBT17" s="8"/>
      <c r="VBU17" s="8"/>
      <c r="VBV17" s="8"/>
      <c r="VBW17" s="8"/>
      <c r="VBX17" s="8"/>
      <c r="VBY17" s="8"/>
      <c r="VBZ17" s="8"/>
      <c r="VCA17" s="8"/>
      <c r="VCB17" s="8"/>
      <c r="VCC17" s="8"/>
      <c r="VCD17" s="8"/>
      <c r="VCE17" s="8"/>
      <c r="VCF17" s="8"/>
      <c r="VCG17" s="8"/>
      <c r="VCH17" s="8"/>
      <c r="VCI17" s="8"/>
      <c r="VCJ17" s="8"/>
      <c r="VCK17" s="8"/>
      <c r="VCL17" s="8"/>
      <c r="VCM17" s="8"/>
      <c r="VCN17" s="8"/>
      <c r="VCO17" s="8"/>
      <c r="VCP17" s="8"/>
      <c r="VCQ17" s="8"/>
      <c r="VCR17" s="8"/>
      <c r="VCS17" s="8"/>
      <c r="VCT17" s="8"/>
      <c r="VCU17" s="8"/>
      <c r="VCV17" s="8"/>
      <c r="VCW17" s="8"/>
      <c r="VCX17" s="8"/>
      <c r="VCY17" s="8"/>
      <c r="VCZ17" s="8"/>
      <c r="VDA17" s="8"/>
      <c r="VDB17" s="8"/>
      <c r="VDC17" s="8"/>
      <c r="VDD17" s="8"/>
      <c r="VDE17" s="8"/>
      <c r="VDF17" s="8"/>
      <c r="VDG17" s="8"/>
      <c r="VDH17" s="8"/>
      <c r="VDI17" s="8"/>
      <c r="VDJ17" s="8"/>
      <c r="VDK17" s="8"/>
      <c r="VDL17" s="8"/>
      <c r="VDM17" s="8"/>
      <c r="VDN17" s="8"/>
      <c r="VDO17" s="8"/>
      <c r="VDP17" s="8"/>
      <c r="VDQ17" s="8"/>
      <c r="VDR17" s="8"/>
      <c r="VDS17" s="8"/>
      <c r="VDT17" s="8"/>
      <c r="VDU17" s="8"/>
      <c r="VDV17" s="8"/>
      <c r="VDW17" s="8"/>
      <c r="VDX17" s="8"/>
      <c r="VDY17" s="8"/>
      <c r="VDZ17" s="8"/>
      <c r="VEA17" s="8"/>
      <c r="VEB17" s="8"/>
      <c r="VEC17" s="8"/>
      <c r="VED17" s="8"/>
      <c r="VEE17" s="8"/>
      <c r="VEF17" s="8"/>
      <c r="VEG17" s="8"/>
      <c r="VEH17" s="8"/>
      <c r="VEI17" s="8"/>
      <c r="VEJ17" s="8"/>
      <c r="VEK17" s="8"/>
      <c r="VEL17" s="8"/>
      <c r="VEM17" s="8"/>
      <c r="VEN17" s="8"/>
      <c r="VEO17" s="8"/>
      <c r="VEP17" s="8"/>
      <c r="VEQ17" s="8"/>
      <c r="VER17" s="8"/>
      <c r="VES17" s="8"/>
      <c r="VET17" s="8"/>
      <c r="VEU17" s="8"/>
      <c r="VEV17" s="8"/>
      <c r="VEW17" s="8"/>
      <c r="VEX17" s="8"/>
      <c r="VEY17" s="8"/>
      <c r="VEZ17" s="8"/>
      <c r="VFA17" s="8"/>
      <c r="VFB17" s="8"/>
      <c r="VFC17" s="8"/>
      <c r="VFD17" s="8"/>
      <c r="VFE17" s="8"/>
      <c r="VFF17" s="8"/>
      <c r="VFG17" s="8"/>
      <c r="VFH17" s="8"/>
      <c r="VFI17" s="8"/>
      <c r="VFJ17" s="8"/>
      <c r="VFK17" s="8"/>
      <c r="VFL17" s="8"/>
      <c r="VFM17" s="8"/>
      <c r="VFN17" s="8"/>
      <c r="VFO17" s="8"/>
      <c r="VFP17" s="8"/>
      <c r="VFQ17" s="8"/>
      <c r="VFR17" s="8"/>
      <c r="VFS17" s="8"/>
      <c r="VFT17" s="8"/>
      <c r="VFU17" s="8"/>
      <c r="VFV17" s="8"/>
      <c r="VFW17" s="8"/>
      <c r="VFX17" s="8"/>
      <c r="VFY17" s="8"/>
      <c r="VFZ17" s="8"/>
      <c r="VGA17" s="8"/>
      <c r="VGB17" s="8"/>
      <c r="VGC17" s="8"/>
      <c r="VGD17" s="8"/>
      <c r="VGE17" s="8"/>
      <c r="VGF17" s="8"/>
      <c r="VGG17" s="8"/>
      <c r="VGH17" s="8"/>
      <c r="VGI17" s="8"/>
      <c r="VGJ17" s="8"/>
      <c r="VGK17" s="8"/>
      <c r="VGL17" s="8"/>
      <c r="VGM17" s="8"/>
      <c r="VGN17" s="8"/>
      <c r="VGO17" s="8"/>
      <c r="VGP17" s="8"/>
      <c r="VGQ17" s="8"/>
      <c r="VGR17" s="8"/>
      <c r="VGS17" s="8"/>
      <c r="VGT17" s="8"/>
      <c r="VGU17" s="8"/>
      <c r="VGV17" s="8"/>
      <c r="VGW17" s="8"/>
      <c r="VGX17" s="8"/>
      <c r="VGY17" s="8"/>
      <c r="VGZ17" s="8"/>
      <c r="VHA17" s="8"/>
      <c r="VHB17" s="8"/>
      <c r="VHC17" s="8"/>
      <c r="VHD17" s="8"/>
      <c r="VHE17" s="8"/>
      <c r="VHF17" s="8"/>
      <c r="VHG17" s="8"/>
      <c r="VHH17" s="8"/>
      <c r="VHI17" s="8"/>
      <c r="VHJ17" s="8"/>
      <c r="VHK17" s="8"/>
      <c r="VHL17" s="8"/>
      <c r="VHM17" s="8"/>
      <c r="VHN17" s="8"/>
      <c r="VHO17" s="8"/>
      <c r="VHP17" s="8"/>
      <c r="VHQ17" s="8"/>
      <c r="VHR17" s="8"/>
      <c r="VHS17" s="8"/>
      <c r="VHT17" s="8"/>
      <c r="VHU17" s="8"/>
      <c r="VHV17" s="8"/>
      <c r="VHW17" s="8"/>
      <c r="VHX17" s="8"/>
      <c r="VHY17" s="8"/>
      <c r="VHZ17" s="8"/>
      <c r="VIA17" s="8"/>
      <c r="VIB17" s="8"/>
      <c r="VIC17" s="8"/>
      <c r="VID17" s="8"/>
      <c r="VIE17" s="8"/>
      <c r="VIF17" s="8"/>
      <c r="VIG17" s="8"/>
      <c r="VIH17" s="8"/>
      <c r="VII17" s="8"/>
      <c r="VIJ17" s="8"/>
      <c r="VIK17" s="8"/>
      <c r="VIL17" s="8"/>
      <c r="VIM17" s="8"/>
      <c r="VIN17" s="8"/>
      <c r="VIO17" s="8"/>
      <c r="VIP17" s="8"/>
      <c r="VIQ17" s="8"/>
      <c r="VIR17" s="8"/>
      <c r="VIS17" s="8"/>
      <c r="VIT17" s="8"/>
      <c r="VIU17" s="8"/>
      <c r="VIV17" s="8"/>
      <c r="VIW17" s="8"/>
      <c r="VIX17" s="8"/>
      <c r="VIY17" s="8"/>
      <c r="VIZ17" s="8"/>
      <c r="VJA17" s="8"/>
      <c r="VJB17" s="8"/>
      <c r="VJC17" s="8"/>
      <c r="VJD17" s="8"/>
      <c r="VJE17" s="8"/>
      <c r="VJF17" s="8"/>
      <c r="VJG17" s="8"/>
      <c r="VJH17" s="8"/>
      <c r="VJI17" s="8"/>
      <c r="VJJ17" s="8"/>
      <c r="VJK17" s="8"/>
      <c r="VJL17" s="8"/>
      <c r="VJM17" s="8"/>
      <c r="VJN17" s="8"/>
      <c r="VJO17" s="8"/>
      <c r="VJP17" s="8"/>
      <c r="VJQ17" s="8"/>
      <c r="VJR17" s="8"/>
      <c r="VJS17" s="8"/>
      <c r="VJT17" s="8"/>
      <c r="VJU17" s="8"/>
      <c r="VJV17" s="8"/>
      <c r="VJW17" s="8"/>
      <c r="VJX17" s="8"/>
      <c r="VJY17" s="8"/>
      <c r="VJZ17" s="8"/>
      <c r="VKA17" s="8"/>
      <c r="VKB17" s="8"/>
      <c r="VKC17" s="8"/>
      <c r="VKD17" s="8"/>
      <c r="VKE17" s="8"/>
      <c r="VKF17" s="8"/>
      <c r="VKG17" s="8"/>
      <c r="VKH17" s="8"/>
      <c r="VKI17" s="8"/>
      <c r="VKJ17" s="8"/>
      <c r="VKK17" s="8"/>
      <c r="VKL17" s="8"/>
      <c r="VKM17" s="8"/>
      <c r="VKN17" s="8"/>
      <c r="VKO17" s="8"/>
      <c r="VKP17" s="8"/>
      <c r="VKQ17" s="8"/>
      <c r="VKR17" s="8"/>
      <c r="VKS17" s="8"/>
      <c r="VKT17" s="8"/>
      <c r="VKU17" s="8"/>
      <c r="VKV17" s="8"/>
      <c r="VKW17" s="8"/>
      <c r="VKX17" s="8"/>
      <c r="VKY17" s="8"/>
      <c r="VKZ17" s="8"/>
      <c r="VLA17" s="8"/>
      <c r="VLB17" s="8"/>
      <c r="VLC17" s="8"/>
      <c r="VLD17" s="8"/>
      <c r="VLE17" s="8"/>
      <c r="VLF17" s="8"/>
      <c r="VLG17" s="8"/>
      <c r="VLH17" s="8"/>
      <c r="VLI17" s="8"/>
      <c r="VLJ17" s="8"/>
      <c r="VLK17" s="8"/>
      <c r="VLL17" s="8"/>
      <c r="VLM17" s="8"/>
      <c r="VLN17" s="8"/>
      <c r="VLO17" s="8"/>
      <c r="VLP17" s="8"/>
      <c r="VLQ17" s="8"/>
      <c r="VLR17" s="8"/>
      <c r="VLS17" s="8"/>
      <c r="VLT17" s="8"/>
      <c r="VLU17" s="8"/>
      <c r="VLV17" s="8"/>
      <c r="VLW17" s="8"/>
      <c r="VLX17" s="8"/>
      <c r="VLY17" s="8"/>
      <c r="VLZ17" s="8"/>
      <c r="VMA17" s="8"/>
      <c r="VMB17" s="8"/>
      <c r="VMC17" s="8"/>
      <c r="VMD17" s="8"/>
      <c r="VME17" s="8"/>
      <c r="VMF17" s="8"/>
      <c r="VMG17" s="8"/>
      <c r="VMH17" s="8"/>
      <c r="VMI17" s="8"/>
      <c r="VMJ17" s="8"/>
      <c r="VMK17" s="8"/>
      <c r="VML17" s="8"/>
      <c r="VMM17" s="8"/>
      <c r="VMN17" s="8"/>
      <c r="VMO17" s="8"/>
      <c r="VMP17" s="8"/>
      <c r="VMQ17" s="8"/>
      <c r="VMR17" s="8"/>
      <c r="VMS17" s="8"/>
      <c r="VMT17" s="8"/>
      <c r="VMU17" s="8"/>
      <c r="VMV17" s="8"/>
      <c r="VMW17" s="8"/>
      <c r="VMX17" s="8"/>
      <c r="VMY17" s="8"/>
      <c r="VMZ17" s="8"/>
      <c r="VNA17" s="8"/>
      <c r="VNB17" s="8"/>
      <c r="VNC17" s="8"/>
      <c r="VND17" s="8"/>
      <c r="VNE17" s="8"/>
      <c r="VNF17" s="8"/>
      <c r="VNG17" s="8"/>
      <c r="VNH17" s="8"/>
      <c r="VNI17" s="8"/>
      <c r="VNJ17" s="8"/>
      <c r="VNK17" s="8"/>
      <c r="VNL17" s="8"/>
      <c r="VNM17" s="8"/>
      <c r="VNN17" s="8"/>
      <c r="VNO17" s="8"/>
      <c r="VNP17" s="8"/>
      <c r="VNQ17" s="8"/>
      <c r="VNR17" s="8"/>
      <c r="VNS17" s="8"/>
      <c r="VNT17" s="8"/>
      <c r="VNU17" s="8"/>
      <c r="VNV17" s="8"/>
      <c r="VNW17" s="8"/>
      <c r="VNX17" s="8"/>
      <c r="VNY17" s="8"/>
      <c r="VNZ17" s="8"/>
      <c r="VOA17" s="8"/>
      <c r="VOB17" s="8"/>
      <c r="VOC17" s="8"/>
      <c r="VOD17" s="8"/>
      <c r="VOE17" s="8"/>
      <c r="VOF17" s="8"/>
      <c r="VOG17" s="8"/>
      <c r="VOH17" s="8"/>
      <c r="VOI17" s="8"/>
      <c r="VOJ17" s="8"/>
      <c r="VOK17" s="8"/>
      <c r="VOL17" s="8"/>
      <c r="VOM17" s="8"/>
      <c r="VON17" s="8"/>
      <c r="VOO17" s="8"/>
      <c r="VOP17" s="8"/>
      <c r="VOQ17" s="8"/>
      <c r="VOR17" s="8"/>
      <c r="VOS17" s="8"/>
      <c r="VOT17" s="8"/>
      <c r="VOU17" s="8"/>
      <c r="VOV17" s="8"/>
      <c r="VOW17" s="8"/>
      <c r="VOX17" s="8"/>
      <c r="VOY17" s="8"/>
      <c r="VOZ17" s="8"/>
      <c r="VPA17" s="8"/>
      <c r="VPB17" s="8"/>
      <c r="VPC17" s="8"/>
      <c r="VPD17" s="8"/>
      <c r="VPE17" s="8"/>
      <c r="VPF17" s="8"/>
      <c r="VPG17" s="8"/>
      <c r="VPH17" s="8"/>
      <c r="VPI17" s="8"/>
      <c r="VPJ17" s="8"/>
      <c r="VPK17" s="8"/>
      <c r="VPL17" s="8"/>
      <c r="VPM17" s="8"/>
      <c r="VPN17" s="8"/>
      <c r="VPO17" s="8"/>
      <c r="VPP17" s="8"/>
      <c r="VPQ17" s="8"/>
      <c r="VPR17" s="8"/>
      <c r="VPS17" s="8"/>
      <c r="VPT17" s="8"/>
      <c r="VPU17" s="8"/>
      <c r="VPV17" s="8"/>
      <c r="VPW17" s="8"/>
      <c r="VPX17" s="8"/>
      <c r="VPY17" s="8"/>
      <c r="VPZ17" s="8"/>
      <c r="VQA17" s="8"/>
      <c r="VQB17" s="8"/>
      <c r="VQC17" s="8"/>
      <c r="VQD17" s="8"/>
      <c r="VQE17" s="8"/>
      <c r="VQF17" s="8"/>
      <c r="VQG17" s="8"/>
      <c r="VQH17" s="8"/>
      <c r="VQI17" s="8"/>
      <c r="VQJ17" s="8"/>
      <c r="VQK17" s="8"/>
      <c r="VQL17" s="8"/>
      <c r="VQM17" s="8"/>
      <c r="VQN17" s="8"/>
      <c r="VQO17" s="8"/>
      <c r="VQP17" s="8"/>
      <c r="VQQ17" s="8"/>
      <c r="VQR17" s="8"/>
      <c r="VQS17" s="8"/>
      <c r="VQT17" s="8"/>
      <c r="VQU17" s="8"/>
      <c r="VQV17" s="8"/>
      <c r="VQW17" s="8"/>
      <c r="VQX17" s="8"/>
      <c r="VQY17" s="8"/>
      <c r="VQZ17" s="8"/>
      <c r="VRA17" s="8"/>
      <c r="VRB17" s="8"/>
      <c r="VRC17" s="8"/>
      <c r="VRD17" s="8"/>
      <c r="VRE17" s="8"/>
      <c r="VRF17" s="8"/>
      <c r="VRG17" s="8"/>
      <c r="VRH17" s="8"/>
      <c r="VRI17" s="8"/>
      <c r="VRJ17" s="8"/>
      <c r="VRK17" s="8"/>
      <c r="VRL17" s="8"/>
      <c r="VRM17" s="8"/>
      <c r="VRN17" s="8"/>
      <c r="VRO17" s="8"/>
      <c r="VRP17" s="8"/>
      <c r="VRQ17" s="8"/>
      <c r="VRR17" s="8"/>
      <c r="VRS17" s="8"/>
      <c r="VRT17" s="8"/>
      <c r="VRU17" s="8"/>
      <c r="VRV17" s="8"/>
      <c r="VRW17" s="8"/>
      <c r="VRX17" s="8"/>
      <c r="VRY17" s="8"/>
      <c r="VRZ17" s="8"/>
      <c r="VSA17" s="8"/>
      <c r="VSB17" s="8"/>
      <c r="VSC17" s="8"/>
      <c r="VSD17" s="8"/>
      <c r="VSE17" s="8"/>
      <c r="VSF17" s="8"/>
      <c r="VSG17" s="8"/>
      <c r="VSH17" s="8"/>
      <c r="VSI17" s="8"/>
      <c r="VSJ17" s="8"/>
      <c r="VSK17" s="8"/>
      <c r="VSL17" s="8"/>
      <c r="VSM17" s="8"/>
      <c r="VSN17" s="8"/>
      <c r="VSO17" s="8"/>
      <c r="VSP17" s="8"/>
      <c r="VSQ17" s="8"/>
      <c r="VSR17" s="8"/>
      <c r="VSS17" s="8"/>
      <c r="VST17" s="8"/>
      <c r="VSU17" s="8"/>
      <c r="VSV17" s="8"/>
      <c r="VSW17" s="8"/>
      <c r="VSX17" s="8"/>
      <c r="VSY17" s="8"/>
      <c r="VSZ17" s="8"/>
      <c r="VTA17" s="8"/>
      <c r="VTB17" s="8"/>
      <c r="VTC17" s="8"/>
      <c r="VTD17" s="8"/>
      <c r="VTE17" s="8"/>
      <c r="VTF17" s="8"/>
      <c r="VTG17" s="8"/>
      <c r="VTH17" s="8"/>
      <c r="VTI17" s="8"/>
      <c r="VTJ17" s="8"/>
      <c r="VTK17" s="8"/>
      <c r="VTL17" s="8"/>
      <c r="VTM17" s="8"/>
      <c r="VTN17" s="8"/>
      <c r="VTO17" s="8"/>
      <c r="VTP17" s="8"/>
      <c r="VTQ17" s="8"/>
      <c r="VTR17" s="8"/>
      <c r="VTS17" s="8"/>
      <c r="VTT17" s="8"/>
      <c r="VTU17" s="8"/>
      <c r="VTV17" s="8"/>
      <c r="VTW17" s="8"/>
      <c r="VTX17" s="8"/>
      <c r="VTY17" s="8"/>
      <c r="VTZ17" s="8"/>
      <c r="VUA17" s="8"/>
      <c r="VUB17" s="8"/>
      <c r="VUC17" s="8"/>
      <c r="VUD17" s="8"/>
      <c r="VUE17" s="8"/>
      <c r="VUF17" s="8"/>
      <c r="VUG17" s="8"/>
      <c r="VUH17" s="8"/>
      <c r="VUI17" s="8"/>
      <c r="VUJ17" s="8"/>
      <c r="VUK17" s="8"/>
      <c r="VUL17" s="8"/>
      <c r="VUM17" s="8"/>
      <c r="VUN17" s="8"/>
      <c r="VUO17" s="8"/>
      <c r="VUP17" s="8"/>
      <c r="VUQ17" s="8"/>
      <c r="VUR17" s="8"/>
      <c r="VUS17" s="8"/>
      <c r="VUT17" s="8"/>
      <c r="VUU17" s="8"/>
      <c r="VUV17" s="8"/>
      <c r="VUW17" s="8"/>
      <c r="VUX17" s="8"/>
      <c r="VUY17" s="8"/>
      <c r="VUZ17" s="8"/>
      <c r="VVA17" s="8"/>
      <c r="VVB17" s="8"/>
      <c r="VVC17" s="8"/>
      <c r="VVD17" s="8"/>
      <c r="VVE17" s="8"/>
      <c r="VVF17" s="8"/>
      <c r="VVG17" s="8"/>
      <c r="VVH17" s="8"/>
      <c r="VVI17" s="8"/>
      <c r="VVJ17" s="8"/>
      <c r="VVK17" s="8"/>
      <c r="VVL17" s="8"/>
      <c r="VVM17" s="8"/>
      <c r="VVN17" s="8"/>
      <c r="VVO17" s="8"/>
      <c r="VVP17" s="8"/>
      <c r="VVQ17" s="8"/>
      <c r="VVR17" s="8"/>
      <c r="VVS17" s="8"/>
      <c r="VVT17" s="8"/>
      <c r="VVU17" s="8"/>
      <c r="VVV17" s="8"/>
      <c r="VVW17" s="8"/>
      <c r="VVX17" s="8"/>
      <c r="VVY17" s="8"/>
      <c r="VVZ17" s="8"/>
      <c r="VWA17" s="8"/>
      <c r="VWB17" s="8"/>
      <c r="VWC17" s="8"/>
      <c r="VWD17" s="8"/>
      <c r="VWE17" s="8"/>
      <c r="VWF17" s="8"/>
      <c r="VWG17" s="8"/>
      <c r="VWH17" s="8"/>
      <c r="VWI17" s="8"/>
      <c r="VWJ17" s="8"/>
      <c r="VWK17" s="8"/>
      <c r="VWL17" s="8"/>
      <c r="VWM17" s="8"/>
      <c r="VWN17" s="8"/>
      <c r="VWO17" s="8"/>
      <c r="VWP17" s="8"/>
      <c r="VWQ17" s="8"/>
      <c r="VWR17" s="8"/>
      <c r="VWS17" s="8"/>
      <c r="VWT17" s="8"/>
      <c r="VWU17" s="8"/>
      <c r="VWV17" s="8"/>
      <c r="VWW17" s="8"/>
      <c r="VWX17" s="8"/>
      <c r="VWY17" s="8"/>
      <c r="VWZ17" s="8"/>
      <c r="VXA17" s="8"/>
      <c r="VXB17" s="8"/>
      <c r="VXC17" s="8"/>
      <c r="VXD17" s="8"/>
      <c r="VXE17" s="8"/>
      <c r="VXF17" s="8"/>
      <c r="VXG17" s="8"/>
      <c r="VXH17" s="8"/>
      <c r="VXI17" s="8"/>
      <c r="VXJ17" s="8"/>
      <c r="VXK17" s="8"/>
      <c r="VXL17" s="8"/>
      <c r="VXM17" s="8"/>
      <c r="VXN17" s="8"/>
      <c r="VXO17" s="8"/>
      <c r="VXP17" s="8"/>
      <c r="VXQ17" s="8"/>
      <c r="VXR17" s="8"/>
      <c r="VXS17" s="8"/>
      <c r="VXT17" s="8"/>
      <c r="VXU17" s="8"/>
      <c r="VXV17" s="8"/>
      <c r="VXW17" s="8"/>
      <c r="VXX17" s="8"/>
      <c r="VXY17" s="8"/>
      <c r="VXZ17" s="8"/>
      <c r="VYA17" s="8"/>
      <c r="VYB17" s="8"/>
      <c r="VYC17" s="8"/>
      <c r="VYD17" s="8"/>
      <c r="VYE17" s="8"/>
      <c r="VYF17" s="8"/>
      <c r="VYG17" s="8"/>
      <c r="VYH17" s="8"/>
      <c r="VYI17" s="8"/>
      <c r="VYJ17" s="8"/>
      <c r="VYK17" s="8"/>
      <c r="VYL17" s="8"/>
      <c r="VYM17" s="8"/>
      <c r="VYN17" s="8"/>
      <c r="VYO17" s="8"/>
      <c r="VYP17" s="8"/>
      <c r="VYQ17" s="8"/>
      <c r="VYR17" s="8"/>
      <c r="VYS17" s="8"/>
      <c r="VYT17" s="8"/>
      <c r="VYU17" s="8"/>
      <c r="VYV17" s="8"/>
      <c r="VYW17" s="8"/>
      <c r="VYX17" s="8"/>
      <c r="VYY17" s="8"/>
      <c r="VYZ17" s="8"/>
      <c r="VZA17" s="8"/>
      <c r="VZB17" s="8"/>
      <c r="VZC17" s="8"/>
      <c r="VZD17" s="8"/>
      <c r="VZE17" s="8"/>
      <c r="VZF17" s="8"/>
      <c r="VZG17" s="8"/>
      <c r="VZH17" s="8"/>
      <c r="VZI17" s="8"/>
      <c r="VZJ17" s="8"/>
      <c r="VZK17" s="8"/>
      <c r="VZL17" s="8"/>
      <c r="VZM17" s="8"/>
      <c r="VZN17" s="8"/>
      <c r="VZO17" s="8"/>
      <c r="VZP17" s="8"/>
      <c r="VZQ17" s="8"/>
      <c r="VZR17" s="8"/>
      <c r="VZS17" s="8"/>
      <c r="VZT17" s="8"/>
      <c r="VZU17" s="8"/>
      <c r="VZV17" s="8"/>
      <c r="VZW17" s="8"/>
      <c r="VZX17" s="8"/>
      <c r="VZY17" s="8"/>
      <c r="VZZ17" s="8"/>
      <c r="WAA17" s="8"/>
      <c r="WAB17" s="8"/>
      <c r="WAC17" s="8"/>
      <c r="WAD17" s="8"/>
      <c r="WAE17" s="8"/>
      <c r="WAF17" s="8"/>
      <c r="WAG17" s="8"/>
      <c r="WAH17" s="8"/>
      <c r="WAI17" s="8"/>
      <c r="WAJ17" s="8"/>
      <c r="WAK17" s="8"/>
      <c r="WAL17" s="8"/>
      <c r="WAM17" s="8"/>
      <c r="WAN17" s="8"/>
      <c r="WAO17" s="8"/>
      <c r="WAP17" s="8"/>
      <c r="WAQ17" s="8"/>
      <c r="WAR17" s="8"/>
      <c r="WAS17" s="8"/>
      <c r="WAT17" s="8"/>
      <c r="WAU17" s="8"/>
      <c r="WAV17" s="8"/>
      <c r="WAW17" s="8"/>
      <c r="WAX17" s="8"/>
      <c r="WAY17" s="8"/>
      <c r="WAZ17" s="8"/>
      <c r="WBA17" s="8"/>
      <c r="WBB17" s="8"/>
      <c r="WBC17" s="8"/>
      <c r="WBD17" s="8"/>
      <c r="WBE17" s="8"/>
      <c r="WBF17" s="8"/>
      <c r="WBG17" s="8"/>
      <c r="WBH17" s="8"/>
      <c r="WBI17" s="8"/>
      <c r="WBJ17" s="8"/>
      <c r="WBK17" s="8"/>
      <c r="WBL17" s="8"/>
      <c r="WBM17" s="8"/>
      <c r="WBN17" s="8"/>
      <c r="WBO17" s="8"/>
      <c r="WBP17" s="8"/>
      <c r="WBQ17" s="8"/>
      <c r="WBR17" s="8"/>
      <c r="WBS17" s="8"/>
      <c r="WBT17" s="8"/>
      <c r="WBU17" s="8"/>
      <c r="WBV17" s="8"/>
      <c r="WBW17" s="8"/>
      <c r="WBX17" s="8"/>
      <c r="WBY17" s="8"/>
      <c r="WBZ17" s="8"/>
      <c r="WCA17" s="8"/>
      <c r="WCB17" s="8"/>
      <c r="WCC17" s="8"/>
      <c r="WCD17" s="8"/>
      <c r="WCE17" s="8"/>
      <c r="WCF17" s="8"/>
      <c r="WCG17" s="8"/>
      <c r="WCH17" s="8"/>
      <c r="WCI17" s="8"/>
      <c r="WCJ17" s="8"/>
      <c r="WCK17" s="8"/>
      <c r="WCL17" s="8"/>
      <c r="WCM17" s="8"/>
      <c r="WCN17" s="8"/>
      <c r="WCO17" s="8"/>
      <c r="WCP17" s="8"/>
      <c r="WCQ17" s="8"/>
      <c r="WCR17" s="8"/>
      <c r="WCS17" s="8"/>
      <c r="WCT17" s="8"/>
      <c r="WCU17" s="8"/>
      <c r="WCV17" s="8"/>
      <c r="WCW17" s="8"/>
      <c r="WCX17" s="8"/>
      <c r="WCY17" s="8"/>
      <c r="WCZ17" s="8"/>
      <c r="WDA17" s="8"/>
      <c r="WDB17" s="8"/>
      <c r="WDC17" s="8"/>
      <c r="WDD17" s="8"/>
      <c r="WDE17" s="8"/>
      <c r="WDF17" s="8"/>
      <c r="WDG17" s="8"/>
      <c r="WDH17" s="8"/>
      <c r="WDI17" s="8"/>
      <c r="WDJ17" s="8"/>
      <c r="WDK17" s="8"/>
      <c r="WDL17" s="8"/>
      <c r="WDM17" s="8"/>
      <c r="WDN17" s="8"/>
      <c r="WDO17" s="8"/>
      <c r="WDP17" s="8"/>
      <c r="WDQ17" s="8"/>
      <c r="WDR17" s="8"/>
      <c r="WDS17" s="8"/>
      <c r="WDT17" s="8"/>
      <c r="WDU17" s="8"/>
      <c r="WDV17" s="8"/>
      <c r="WDW17" s="8"/>
      <c r="WDX17" s="8"/>
      <c r="WDY17" s="8"/>
      <c r="WDZ17" s="8"/>
      <c r="WEA17" s="8"/>
      <c r="WEB17" s="8"/>
      <c r="WEC17" s="8"/>
      <c r="WED17" s="8"/>
      <c r="WEE17" s="8"/>
      <c r="WEF17" s="8"/>
      <c r="WEG17" s="8"/>
      <c r="WEH17" s="8"/>
      <c r="WEI17" s="8"/>
      <c r="WEJ17" s="8"/>
      <c r="WEK17" s="8"/>
      <c r="WEL17" s="8"/>
      <c r="WEM17" s="8"/>
      <c r="WEN17" s="8"/>
      <c r="WEO17" s="8"/>
      <c r="WEP17" s="8"/>
      <c r="WEQ17" s="8"/>
      <c r="WER17" s="8"/>
      <c r="WES17" s="8"/>
      <c r="WET17" s="8"/>
      <c r="WEU17" s="8"/>
      <c r="WEV17" s="8"/>
      <c r="WEW17" s="8"/>
      <c r="WEX17" s="8"/>
      <c r="WEY17" s="8"/>
      <c r="WEZ17" s="8"/>
      <c r="WFA17" s="8"/>
      <c r="WFB17" s="8"/>
      <c r="WFC17" s="8"/>
      <c r="WFD17" s="8"/>
      <c r="WFE17" s="8"/>
      <c r="WFF17" s="8"/>
      <c r="WFG17" s="8"/>
      <c r="WFH17" s="8"/>
      <c r="WFI17" s="8"/>
      <c r="WFJ17" s="8"/>
      <c r="WFK17" s="8"/>
      <c r="WFL17" s="8"/>
      <c r="WFM17" s="8"/>
      <c r="WFN17" s="8"/>
      <c r="WFO17" s="8"/>
      <c r="WFP17" s="8"/>
      <c r="WFQ17" s="8"/>
      <c r="WFR17" s="8"/>
      <c r="WFS17" s="8"/>
      <c r="WFT17" s="8"/>
      <c r="WFU17" s="8"/>
      <c r="WFV17" s="8"/>
      <c r="WFW17" s="8"/>
      <c r="WFX17" s="8"/>
      <c r="WFY17" s="8"/>
      <c r="WFZ17" s="8"/>
      <c r="WGA17" s="8"/>
      <c r="WGB17" s="8"/>
      <c r="WGC17" s="8"/>
      <c r="WGD17" s="8"/>
      <c r="WGE17" s="8"/>
      <c r="WGF17" s="8"/>
      <c r="WGG17" s="8"/>
      <c r="WGH17" s="8"/>
      <c r="WGI17" s="8"/>
      <c r="WGJ17" s="8"/>
      <c r="WGK17" s="8"/>
      <c r="WGL17" s="8"/>
      <c r="WGM17" s="8"/>
      <c r="WGN17" s="8"/>
      <c r="WGO17" s="8"/>
      <c r="WGP17" s="8"/>
      <c r="WGQ17" s="8"/>
      <c r="WGR17" s="8"/>
      <c r="WGS17" s="8"/>
      <c r="WGT17" s="8"/>
      <c r="WGU17" s="8"/>
      <c r="WGV17" s="8"/>
      <c r="WGW17" s="8"/>
      <c r="WGX17" s="8"/>
      <c r="WGY17" s="8"/>
      <c r="WGZ17" s="8"/>
      <c r="WHA17" s="8"/>
      <c r="WHB17" s="8"/>
      <c r="WHC17" s="8"/>
      <c r="WHD17" s="8"/>
      <c r="WHE17" s="8"/>
      <c r="WHF17" s="8"/>
      <c r="WHG17" s="8"/>
      <c r="WHH17" s="8"/>
      <c r="WHI17" s="8"/>
      <c r="WHJ17" s="8"/>
      <c r="WHK17" s="8"/>
      <c r="WHL17" s="8"/>
      <c r="WHM17" s="8"/>
      <c r="WHN17" s="8"/>
      <c r="WHO17" s="8"/>
      <c r="WHP17" s="8"/>
      <c r="WHQ17" s="8"/>
      <c r="WHR17" s="8"/>
      <c r="WHS17" s="8"/>
      <c r="WHT17" s="8"/>
      <c r="WHU17" s="8"/>
      <c r="WHV17" s="8"/>
      <c r="WHW17" s="8"/>
      <c r="WHX17" s="8"/>
      <c r="WHY17" s="8"/>
      <c r="WHZ17" s="8"/>
      <c r="WIA17" s="8"/>
      <c r="WIB17" s="8"/>
      <c r="WIC17" s="8"/>
      <c r="WID17" s="8"/>
      <c r="WIE17" s="8"/>
      <c r="WIF17" s="8"/>
      <c r="WIG17" s="8"/>
      <c r="WIH17" s="8"/>
      <c r="WII17" s="8"/>
      <c r="WIJ17" s="8"/>
      <c r="WIK17" s="8"/>
      <c r="WIL17" s="8"/>
      <c r="WIM17" s="8"/>
      <c r="WIN17" s="8"/>
      <c r="WIO17" s="8"/>
      <c r="WIP17" s="8"/>
      <c r="WIQ17" s="8"/>
      <c r="WIR17" s="8"/>
      <c r="WIS17" s="8"/>
      <c r="WIT17" s="8"/>
      <c r="WIU17" s="8"/>
      <c r="WIV17" s="8"/>
      <c r="WIW17" s="8"/>
      <c r="WIX17" s="8"/>
      <c r="WIY17" s="8"/>
      <c r="WIZ17" s="8"/>
      <c r="WJA17" s="8"/>
      <c r="WJB17" s="8"/>
      <c r="WJC17" s="8"/>
      <c r="WJD17" s="8"/>
      <c r="WJE17" s="8"/>
      <c r="WJF17" s="8"/>
      <c r="WJG17" s="8"/>
      <c r="WJH17" s="8"/>
      <c r="WJI17" s="8"/>
      <c r="WJJ17" s="8"/>
      <c r="WJK17" s="8"/>
      <c r="WJL17" s="8"/>
      <c r="WJM17" s="8"/>
      <c r="WJN17" s="8"/>
      <c r="WJO17" s="8"/>
      <c r="WJP17" s="8"/>
      <c r="WJQ17" s="8"/>
      <c r="WJR17" s="8"/>
      <c r="WJS17" s="8"/>
      <c r="WJT17" s="8"/>
      <c r="WJU17" s="8"/>
      <c r="WJV17" s="8"/>
      <c r="WJW17" s="8"/>
      <c r="WJX17" s="8"/>
      <c r="WJY17" s="8"/>
      <c r="WJZ17" s="8"/>
      <c r="WKA17" s="8"/>
      <c r="WKB17" s="8"/>
      <c r="WKC17" s="8"/>
      <c r="WKD17" s="8"/>
      <c r="WKE17" s="8"/>
      <c r="WKF17" s="8"/>
      <c r="WKG17" s="8"/>
      <c r="WKH17" s="8"/>
      <c r="WKI17" s="8"/>
      <c r="WKJ17" s="8"/>
      <c r="WKK17" s="8"/>
      <c r="WKL17" s="8"/>
      <c r="WKM17" s="8"/>
      <c r="WKN17" s="8"/>
      <c r="WKO17" s="8"/>
      <c r="WKP17" s="8"/>
      <c r="WKQ17" s="8"/>
      <c r="WKR17" s="8"/>
      <c r="WKS17" s="8"/>
      <c r="WKT17" s="8"/>
      <c r="WKU17" s="8"/>
      <c r="WKV17" s="8"/>
      <c r="WKW17" s="8"/>
      <c r="WKX17" s="8"/>
      <c r="WKY17" s="8"/>
      <c r="WKZ17" s="8"/>
      <c r="WLA17" s="8"/>
      <c r="WLB17" s="8"/>
      <c r="WLC17" s="8"/>
      <c r="WLD17" s="8"/>
      <c r="WLE17" s="8"/>
      <c r="WLF17" s="8"/>
      <c r="WLG17" s="8"/>
      <c r="WLH17" s="8"/>
      <c r="WLI17" s="8"/>
      <c r="WLJ17" s="8"/>
      <c r="WLK17" s="8"/>
      <c r="WLL17" s="8"/>
      <c r="WLM17" s="8"/>
      <c r="WLN17" s="8"/>
      <c r="WLO17" s="8"/>
      <c r="WLP17" s="8"/>
      <c r="WLQ17" s="8"/>
      <c r="WLR17" s="8"/>
      <c r="WLS17" s="8"/>
      <c r="WLT17" s="8"/>
      <c r="WLU17" s="8"/>
      <c r="WLV17" s="8"/>
      <c r="WLW17" s="8"/>
      <c r="WLX17" s="8"/>
      <c r="WLY17" s="8"/>
      <c r="WLZ17" s="8"/>
      <c r="WMA17" s="8"/>
      <c r="WMB17" s="8"/>
      <c r="WMC17" s="8"/>
      <c r="WMD17" s="8"/>
      <c r="WME17" s="8"/>
      <c r="WMF17" s="8"/>
      <c r="WMG17" s="8"/>
      <c r="WMH17" s="8"/>
      <c r="WMI17" s="8"/>
      <c r="WMJ17" s="8"/>
      <c r="WMK17" s="8"/>
      <c r="WML17" s="8"/>
      <c r="WMM17" s="8"/>
      <c r="WMN17" s="8"/>
      <c r="WMO17" s="8"/>
      <c r="WMP17" s="8"/>
      <c r="WMQ17" s="8"/>
      <c r="WMR17" s="8"/>
      <c r="WMS17" s="8"/>
      <c r="WMT17" s="8"/>
      <c r="WMU17" s="8"/>
      <c r="WMV17" s="8"/>
      <c r="WMW17" s="8"/>
      <c r="WMX17" s="8"/>
      <c r="WMY17" s="8"/>
      <c r="WMZ17" s="8"/>
      <c r="WNA17" s="8"/>
      <c r="WNB17" s="8"/>
      <c r="WNC17" s="8"/>
      <c r="WND17" s="8"/>
      <c r="WNE17" s="8"/>
      <c r="WNF17" s="8"/>
      <c r="WNG17" s="8"/>
      <c r="WNH17" s="8"/>
      <c r="WNI17" s="8"/>
      <c r="WNJ17" s="8"/>
      <c r="WNK17" s="8"/>
      <c r="WNL17" s="8"/>
      <c r="WNM17" s="8"/>
      <c r="WNN17" s="8"/>
      <c r="WNO17" s="8"/>
      <c r="WNP17" s="8"/>
      <c r="WNQ17" s="8"/>
      <c r="WNR17" s="8"/>
      <c r="WNS17" s="8"/>
      <c r="WNT17" s="8"/>
      <c r="WNU17" s="8"/>
      <c r="WNV17" s="8"/>
      <c r="WNW17" s="8"/>
      <c r="WNX17" s="8"/>
      <c r="WNY17" s="8"/>
      <c r="WNZ17" s="8"/>
      <c r="WOA17" s="8"/>
      <c r="WOB17" s="8"/>
      <c r="WOC17" s="8"/>
      <c r="WOD17" s="8"/>
      <c r="WOE17" s="8"/>
      <c r="WOF17" s="8"/>
      <c r="WOG17" s="8"/>
      <c r="WOH17" s="8"/>
      <c r="WOI17" s="8"/>
      <c r="WOJ17" s="8"/>
      <c r="WOK17" s="8"/>
      <c r="WOL17" s="8"/>
      <c r="WOM17" s="8"/>
      <c r="WON17" s="8"/>
      <c r="WOO17" s="8"/>
      <c r="WOP17" s="8"/>
      <c r="WOQ17" s="8"/>
      <c r="WOR17" s="8"/>
      <c r="WOS17" s="8"/>
      <c r="WOT17" s="8"/>
      <c r="WOU17" s="8"/>
      <c r="WOV17" s="8"/>
      <c r="WOW17" s="8"/>
      <c r="WOX17" s="8"/>
      <c r="WOY17" s="8"/>
      <c r="WOZ17" s="8"/>
      <c r="WPA17" s="8"/>
      <c r="WPB17" s="8"/>
      <c r="WPC17" s="8"/>
      <c r="WPD17" s="8"/>
      <c r="WPE17" s="8"/>
      <c r="WPF17" s="8"/>
      <c r="WPG17" s="8"/>
      <c r="WPH17" s="8"/>
      <c r="WPI17" s="8"/>
      <c r="WPJ17" s="8"/>
      <c r="WPK17" s="8"/>
      <c r="WPL17" s="8"/>
      <c r="WPM17" s="8"/>
      <c r="WPN17" s="8"/>
      <c r="WPO17" s="8"/>
      <c r="WPP17" s="8"/>
      <c r="WPQ17" s="8"/>
      <c r="WPR17" s="8"/>
      <c r="WPS17" s="8"/>
      <c r="WPT17" s="8"/>
      <c r="WPU17" s="8"/>
      <c r="WPV17" s="8"/>
      <c r="WPW17" s="8"/>
      <c r="WPX17" s="8"/>
      <c r="WPY17" s="8"/>
      <c r="WPZ17" s="8"/>
      <c r="WQA17" s="8"/>
      <c r="WQB17" s="8"/>
      <c r="WQC17" s="8"/>
      <c r="WQD17" s="8"/>
      <c r="WQE17" s="8"/>
      <c r="WQF17" s="8"/>
      <c r="WQG17" s="8"/>
      <c r="WQH17" s="8"/>
      <c r="WQI17" s="8"/>
      <c r="WQJ17" s="8"/>
      <c r="WQK17" s="8"/>
      <c r="WQL17" s="8"/>
      <c r="WQM17" s="8"/>
      <c r="WQN17" s="8"/>
      <c r="WQO17" s="8"/>
      <c r="WQP17" s="8"/>
      <c r="WQQ17" s="8"/>
      <c r="WQR17" s="8"/>
      <c r="WQS17" s="8"/>
      <c r="WQT17" s="8"/>
      <c r="WQU17" s="8"/>
      <c r="WQV17" s="8"/>
      <c r="WQW17" s="8"/>
      <c r="WQX17" s="8"/>
      <c r="WQY17" s="8"/>
      <c r="WQZ17" s="8"/>
      <c r="WRA17" s="8"/>
      <c r="WRB17" s="8"/>
      <c r="WRC17" s="8"/>
      <c r="WRD17" s="8"/>
      <c r="WRE17" s="8"/>
      <c r="WRF17" s="8"/>
      <c r="WRG17" s="8"/>
      <c r="WRH17" s="8"/>
      <c r="WRI17" s="8"/>
      <c r="WRJ17" s="8"/>
      <c r="WRK17" s="8"/>
      <c r="WRL17" s="8"/>
      <c r="WRM17" s="8"/>
      <c r="WRN17" s="8"/>
      <c r="WRO17" s="8"/>
      <c r="WRP17" s="8"/>
      <c r="WRQ17" s="8"/>
      <c r="WRR17" s="8"/>
      <c r="WRS17" s="8"/>
      <c r="WRT17" s="8"/>
      <c r="WRU17" s="8"/>
      <c r="WRV17" s="8"/>
      <c r="WRW17" s="8"/>
      <c r="WRX17" s="8"/>
      <c r="WRY17" s="8"/>
      <c r="WRZ17" s="8"/>
      <c r="WSA17" s="8"/>
      <c r="WSB17" s="8"/>
      <c r="WSC17" s="8"/>
      <c r="WSD17" s="8"/>
      <c r="WSE17" s="8"/>
      <c r="WSF17" s="8"/>
      <c r="WSG17" s="8"/>
      <c r="WSH17" s="8"/>
      <c r="WSI17" s="8"/>
      <c r="WSJ17" s="8"/>
      <c r="WSK17" s="8"/>
      <c r="WSL17" s="8"/>
      <c r="WSM17" s="8"/>
      <c r="WSN17" s="8"/>
      <c r="WSO17" s="8"/>
      <c r="WSP17" s="8"/>
      <c r="WSQ17" s="8"/>
      <c r="WSR17" s="8"/>
      <c r="WSS17" s="8"/>
      <c r="WST17" s="8"/>
      <c r="WSU17" s="8"/>
      <c r="WSV17" s="8"/>
      <c r="WSW17" s="8"/>
      <c r="WSX17" s="8"/>
      <c r="WSY17" s="8"/>
      <c r="WSZ17" s="8"/>
      <c r="WTA17" s="8"/>
      <c r="WTB17" s="8"/>
      <c r="WTC17" s="8"/>
      <c r="WTD17" s="8"/>
      <c r="WTE17" s="8"/>
      <c r="WTF17" s="8"/>
      <c r="WTG17" s="8"/>
      <c r="WTH17" s="8"/>
      <c r="WTI17" s="8"/>
      <c r="WTJ17" s="8"/>
      <c r="WTK17" s="8"/>
      <c r="WTL17" s="8"/>
      <c r="WTM17" s="8"/>
      <c r="WTN17" s="8"/>
      <c r="WTO17" s="8"/>
      <c r="WTP17" s="8"/>
      <c r="WTQ17" s="8"/>
      <c r="WTR17" s="8"/>
      <c r="WTS17" s="8"/>
      <c r="WTT17" s="8"/>
      <c r="WTU17" s="8"/>
      <c r="WTV17" s="8"/>
      <c r="WTW17" s="8"/>
      <c r="WTX17" s="8"/>
      <c r="WTY17" s="8"/>
      <c r="WTZ17" s="8"/>
      <c r="WUA17" s="8"/>
      <c r="WUB17" s="8"/>
      <c r="WUC17" s="8"/>
      <c r="WUD17" s="8"/>
      <c r="WUE17" s="8"/>
      <c r="WUF17" s="8"/>
      <c r="WUG17" s="8"/>
      <c r="WUH17" s="8"/>
      <c r="WUI17" s="8"/>
      <c r="WUJ17" s="8"/>
      <c r="WUK17" s="8"/>
      <c r="WUL17" s="8"/>
      <c r="WUM17" s="8"/>
      <c r="WUN17" s="8"/>
      <c r="WUO17" s="8"/>
      <c r="WUP17" s="8"/>
      <c r="WUQ17" s="8"/>
      <c r="WUR17" s="8"/>
      <c r="WUS17" s="8"/>
      <c r="WUT17" s="8"/>
      <c r="WUU17" s="8"/>
      <c r="WUV17" s="8"/>
      <c r="WUW17" s="8"/>
      <c r="WUX17" s="8"/>
      <c r="WUY17" s="8"/>
      <c r="WUZ17" s="8"/>
      <c r="WVA17" s="8"/>
      <c r="WVB17" s="8"/>
      <c r="WVC17" s="8"/>
      <c r="WVD17" s="8"/>
      <c r="WVE17" s="8"/>
      <c r="WVF17" s="8"/>
      <c r="WVG17" s="8"/>
      <c r="WVH17" s="8"/>
      <c r="WVI17" s="8"/>
      <c r="WVJ17" s="8"/>
      <c r="WVK17" s="8"/>
      <c r="WVL17" s="8"/>
      <c r="WVM17" s="8"/>
      <c r="WVN17" s="8"/>
      <c r="WVO17" s="8"/>
      <c r="WVP17" s="8"/>
      <c r="WVQ17" s="8"/>
      <c r="WVR17" s="8"/>
      <c r="WVS17" s="8"/>
      <c r="WVT17" s="8"/>
      <c r="WVU17" s="8"/>
      <c r="WVV17" s="8"/>
      <c r="WVW17" s="8"/>
      <c r="WVX17" s="8"/>
      <c r="WVY17" s="8"/>
      <c r="WVZ17" s="8"/>
      <c r="WWA17" s="8"/>
      <c r="WWB17" s="8"/>
      <c r="WWC17" s="8"/>
      <c r="WWD17" s="8"/>
      <c r="WWE17" s="8"/>
      <c r="WWF17" s="8"/>
      <c r="WWG17" s="8"/>
      <c r="WWH17" s="8"/>
      <c r="WWI17" s="8"/>
      <c r="WWJ17" s="8"/>
      <c r="WWK17" s="8"/>
      <c r="WWL17" s="8"/>
      <c r="WWM17" s="8"/>
      <c r="WWN17" s="8"/>
      <c r="WWO17" s="8"/>
      <c r="WWP17" s="8"/>
      <c r="WWQ17" s="8"/>
      <c r="WWR17" s="8"/>
      <c r="WWS17" s="8"/>
      <c r="WWT17" s="8"/>
      <c r="WWU17" s="8"/>
      <c r="WWV17" s="8"/>
      <c r="WWW17" s="8"/>
      <c r="WWX17" s="8"/>
      <c r="WWY17" s="8"/>
      <c r="WWZ17" s="8"/>
      <c r="WXA17" s="8"/>
      <c r="WXB17" s="8"/>
      <c r="WXC17" s="8"/>
      <c r="WXD17" s="8"/>
      <c r="WXE17" s="8"/>
      <c r="WXF17" s="8"/>
      <c r="WXG17" s="8"/>
      <c r="WXH17" s="8"/>
      <c r="WXI17" s="8"/>
      <c r="WXJ17" s="8"/>
      <c r="WXK17" s="8"/>
      <c r="WXL17" s="8"/>
      <c r="WXM17" s="8"/>
      <c r="WXN17" s="8"/>
      <c r="WXO17" s="8"/>
      <c r="WXP17" s="8"/>
      <c r="WXQ17" s="8"/>
      <c r="WXR17" s="8"/>
      <c r="WXS17" s="8"/>
      <c r="WXT17" s="8"/>
      <c r="WXU17" s="8"/>
      <c r="WXV17" s="8"/>
      <c r="WXW17" s="8"/>
      <c r="WXX17" s="8"/>
      <c r="WXY17" s="8"/>
      <c r="WXZ17" s="8"/>
      <c r="WYA17" s="8"/>
      <c r="WYB17" s="8"/>
      <c r="WYC17" s="8"/>
      <c r="WYD17" s="8"/>
      <c r="WYE17" s="8"/>
      <c r="WYF17" s="8"/>
      <c r="WYG17" s="8"/>
      <c r="WYH17" s="8"/>
      <c r="WYI17" s="8"/>
      <c r="WYJ17" s="8"/>
      <c r="WYK17" s="8"/>
      <c r="WYL17" s="8"/>
      <c r="WYM17" s="8"/>
      <c r="WYN17" s="8"/>
      <c r="WYO17" s="8"/>
      <c r="WYP17" s="8"/>
      <c r="WYQ17" s="8"/>
      <c r="WYR17" s="8"/>
      <c r="WYS17" s="8"/>
      <c r="WYT17" s="8"/>
      <c r="WYU17" s="8"/>
      <c r="WYV17" s="8"/>
      <c r="WYW17" s="8"/>
      <c r="WYX17" s="8"/>
      <c r="WYY17" s="8"/>
      <c r="WYZ17" s="8"/>
      <c r="WZA17" s="8"/>
      <c r="WZB17" s="8"/>
      <c r="WZC17" s="8"/>
      <c r="WZD17" s="8"/>
      <c r="WZE17" s="8"/>
      <c r="WZF17" s="8"/>
      <c r="WZG17" s="8"/>
      <c r="WZH17" s="8"/>
      <c r="WZI17" s="8"/>
      <c r="WZJ17" s="8"/>
      <c r="WZK17" s="8"/>
      <c r="WZL17" s="8"/>
      <c r="WZM17" s="8"/>
      <c r="WZN17" s="8"/>
      <c r="WZO17" s="8"/>
      <c r="WZP17" s="8"/>
      <c r="WZQ17" s="8"/>
      <c r="WZR17" s="8"/>
      <c r="WZS17" s="8"/>
      <c r="WZT17" s="8"/>
      <c r="WZU17" s="8"/>
      <c r="WZV17" s="8"/>
      <c r="WZW17" s="8"/>
      <c r="WZX17" s="8"/>
      <c r="WZY17" s="8"/>
      <c r="WZZ17" s="8"/>
      <c r="XAA17" s="8"/>
      <c r="XAB17" s="8"/>
      <c r="XAC17" s="8"/>
      <c r="XAD17" s="8"/>
      <c r="XAE17" s="8"/>
      <c r="XAF17" s="8"/>
      <c r="XAG17" s="8"/>
      <c r="XAH17" s="8"/>
      <c r="XAI17" s="8"/>
      <c r="XAJ17" s="8"/>
      <c r="XAK17" s="8"/>
      <c r="XAL17" s="8"/>
      <c r="XAM17" s="8"/>
      <c r="XAN17" s="8"/>
      <c r="XAO17" s="8"/>
      <c r="XAP17" s="8"/>
      <c r="XAQ17" s="8"/>
      <c r="XAR17" s="8"/>
      <c r="XAS17" s="8"/>
      <c r="XAT17" s="8"/>
      <c r="XAU17" s="8"/>
      <c r="XAV17" s="8"/>
      <c r="XAW17" s="8"/>
      <c r="XAX17" s="8"/>
      <c r="XAY17" s="8"/>
      <c r="XAZ17" s="8"/>
      <c r="XBA17" s="8"/>
      <c r="XBB17" s="8"/>
      <c r="XBC17" s="8"/>
      <c r="XBD17" s="8"/>
      <c r="XBE17" s="8"/>
      <c r="XBF17" s="8"/>
      <c r="XBG17" s="8"/>
      <c r="XBH17" s="8"/>
      <c r="XBI17" s="8"/>
      <c r="XBJ17" s="8"/>
      <c r="XBK17" s="8"/>
      <c r="XBL17" s="8"/>
      <c r="XBM17" s="8"/>
      <c r="XBN17" s="8"/>
      <c r="XBO17" s="8"/>
      <c r="XBP17" s="8"/>
      <c r="XBQ17" s="8"/>
      <c r="XBR17" s="8"/>
      <c r="XBS17" s="8"/>
      <c r="XBT17" s="8"/>
      <c r="XBU17" s="8"/>
      <c r="XBV17" s="8"/>
      <c r="XBW17" s="8"/>
      <c r="XBX17" s="8"/>
      <c r="XBY17" s="8"/>
      <c r="XBZ17" s="8"/>
      <c r="XCA17" s="8"/>
      <c r="XCB17" s="8"/>
      <c r="XCC17" s="8"/>
      <c r="XCD17" s="8"/>
      <c r="XCE17" s="8"/>
      <c r="XCF17" s="8"/>
      <c r="XCG17" s="8"/>
      <c r="XCH17" s="8"/>
      <c r="XCI17" s="8"/>
      <c r="XCJ17" s="8"/>
      <c r="XCK17" s="8"/>
      <c r="XCL17" s="8"/>
      <c r="XCM17" s="8"/>
      <c r="XCN17" s="8"/>
      <c r="XCO17" s="8"/>
      <c r="XCP17" s="8"/>
      <c r="XCQ17" s="8"/>
      <c r="XCR17" s="8"/>
      <c r="XCS17" s="8"/>
      <c r="XCT17" s="8"/>
      <c r="XCU17" s="8"/>
      <c r="XCV17" s="8"/>
      <c r="XCW17" s="8"/>
      <c r="XCX17" s="8"/>
      <c r="XCY17" s="8"/>
      <c r="XCZ17" s="8"/>
      <c r="XDA17" s="8"/>
      <c r="XDB17" s="8"/>
      <c r="XDC17" s="8"/>
      <c r="XDD17" s="8"/>
      <c r="XDE17" s="8"/>
      <c r="XDF17" s="8"/>
      <c r="XDG17" s="8"/>
      <c r="XDH17" s="8"/>
      <c r="XDI17" s="8"/>
      <c r="XDJ17" s="8"/>
      <c r="XDK17" s="8"/>
      <c r="XDL17" s="8"/>
      <c r="XDM17" s="8"/>
      <c r="XDN17" s="8"/>
      <c r="XDO17" s="8"/>
      <c r="XDP17" s="8"/>
      <c r="XDQ17" s="8"/>
      <c r="XDR17" s="8"/>
      <c r="XDS17" s="8"/>
      <c r="XDT17" s="8"/>
      <c r="XDU17" s="8"/>
      <c r="XDV17" s="8"/>
      <c r="XDW17" s="8"/>
      <c r="XDX17" s="8"/>
      <c r="XDY17" s="8"/>
      <c r="XDZ17" s="8"/>
      <c r="XEA17" s="8"/>
      <c r="XEB17" s="8"/>
      <c r="XEC17" s="8"/>
      <c r="XED17" s="8"/>
      <c r="XEE17" s="8"/>
      <c r="XEF17" s="8"/>
      <c r="XEG17" s="8"/>
      <c r="XEH17" s="8"/>
      <c r="XEI17" s="8"/>
      <c r="XEJ17" s="8"/>
      <c r="XEK17" s="8"/>
      <c r="XEL17" s="8"/>
      <c r="XEM17" s="8"/>
      <c r="XEN17" s="8"/>
      <c r="XEO17" s="8"/>
      <c r="XEP17" s="8"/>
      <c r="XEQ17" s="8"/>
      <c r="XER17" s="8"/>
      <c r="XES17" s="8"/>
      <c r="XET17" s="8"/>
      <c r="XEU17" s="8"/>
      <c r="XEV17" s="8"/>
      <c r="XEW17" s="8"/>
      <c r="XEX17" s="8"/>
      <c r="XEY17" s="8"/>
      <c r="XEZ17" s="8"/>
      <c r="XFA17" s="8"/>
      <c r="XFB17" s="8"/>
      <c r="XFC17" s="8"/>
      <c r="XFD17" s="8"/>
    </row>
    <row r="18" spans="1:16384" ht="13.95" customHeight="1" x14ac:dyDescent="0.25">
      <c r="A18" s="14" t="s">
        <v>130</v>
      </c>
      <c r="B18" s="96" t="s">
        <v>58</v>
      </c>
      <c r="C18" s="93" t="s">
        <v>131</v>
      </c>
      <c r="D18" s="93" t="s">
        <v>132</v>
      </c>
      <c r="E18" s="93">
        <v>1997</v>
      </c>
      <c r="F18" s="93">
        <v>360983</v>
      </c>
      <c r="G18" s="93" t="s">
        <v>4</v>
      </c>
      <c r="H18" s="111">
        <v>1</v>
      </c>
      <c r="I18" s="111">
        <v>1</v>
      </c>
      <c r="J18" s="111">
        <v>1</v>
      </c>
      <c r="K18" s="111">
        <v>0</v>
      </c>
      <c r="L18" s="111">
        <v>0</v>
      </c>
      <c r="M18" s="111">
        <v>1</v>
      </c>
      <c r="N18" s="111">
        <v>0</v>
      </c>
      <c r="O18" s="111">
        <v>0</v>
      </c>
      <c r="P18" s="111">
        <v>0</v>
      </c>
      <c r="Q18" s="111">
        <v>0</v>
      </c>
      <c r="R18" s="111">
        <v>0</v>
      </c>
      <c r="S18" s="111">
        <v>0</v>
      </c>
      <c r="T18" s="111">
        <v>0</v>
      </c>
      <c r="U18" s="111">
        <v>0</v>
      </c>
      <c r="V18" s="111">
        <v>1</v>
      </c>
      <c r="W18" s="111">
        <v>1</v>
      </c>
      <c r="X18" s="111">
        <v>1</v>
      </c>
      <c r="Y18" s="111">
        <v>0</v>
      </c>
      <c r="Z18" s="111">
        <v>0</v>
      </c>
      <c r="AA18" s="111">
        <v>0</v>
      </c>
      <c r="AB18" s="111">
        <v>1</v>
      </c>
      <c r="AC18" s="111">
        <v>0</v>
      </c>
      <c r="AD18" s="111">
        <v>0</v>
      </c>
      <c r="AE18" s="111">
        <v>0</v>
      </c>
      <c r="AF18" s="111">
        <v>0</v>
      </c>
      <c r="AG18" s="111">
        <v>0</v>
      </c>
      <c r="AH18" s="111">
        <v>0</v>
      </c>
      <c r="AI18" s="111">
        <v>0</v>
      </c>
      <c r="AJ18" s="111">
        <v>0</v>
      </c>
      <c r="AK18" s="111">
        <v>0</v>
      </c>
      <c r="AL18" s="111">
        <v>0</v>
      </c>
      <c r="AM18" s="111">
        <v>1</v>
      </c>
      <c r="AN18" s="111">
        <v>1</v>
      </c>
      <c r="AO18" s="111">
        <v>1</v>
      </c>
      <c r="AP18" s="111">
        <v>1</v>
      </c>
      <c r="AQ18" s="111">
        <v>0</v>
      </c>
      <c r="AR18" s="111">
        <v>0</v>
      </c>
      <c r="AS18" s="111">
        <v>1</v>
      </c>
      <c r="AT18" s="111" t="s">
        <v>400</v>
      </c>
      <c r="AU18" s="111">
        <v>1</v>
      </c>
      <c r="AV18" s="111">
        <v>1</v>
      </c>
      <c r="AW18" s="111">
        <v>0</v>
      </c>
      <c r="AX18" s="112" t="s">
        <v>22336</v>
      </c>
      <c r="AY18" s="112" t="s">
        <v>22337</v>
      </c>
      <c r="AZ18" s="112" t="s">
        <v>133</v>
      </c>
      <c r="BA18" s="112" t="s">
        <v>22338</v>
      </c>
      <c r="BB18" s="107">
        <v>45884</v>
      </c>
      <c r="BC18" s="8"/>
      <c r="BD18" s="8"/>
      <c r="BE18" s="8"/>
      <c r="BF18" s="8"/>
      <c r="BG18" s="8"/>
      <c r="BH18" s="8"/>
      <c r="BI18" s="8"/>
      <c r="BJ18" s="8"/>
      <c r="BK18" s="8"/>
      <c r="BL18" s="8"/>
      <c r="BM18" s="8"/>
      <c r="BN18" s="8"/>
      <c r="BO18" s="8"/>
      <c r="BP18" s="8"/>
      <c r="BQ18" s="8"/>
      <c r="BR18" s="8"/>
      <c r="BS18" s="8"/>
      <c r="BT18" s="8"/>
      <c r="BU18" s="8"/>
      <c r="BV18" s="8"/>
      <c r="BW18" s="8"/>
      <c r="BX18" s="8"/>
      <c r="BY18" s="8"/>
      <c r="BZ18" s="8"/>
      <c r="CA18" s="8"/>
      <c r="CB18" s="8"/>
      <c r="CC18" s="8"/>
      <c r="CD18" s="8"/>
      <c r="CE18" s="8"/>
      <c r="CF18" s="8"/>
      <c r="CG18" s="8"/>
      <c r="CH18" s="8"/>
      <c r="CI18" s="8"/>
      <c r="CJ18" s="8"/>
      <c r="CK18" s="8"/>
      <c r="CL18" s="8"/>
      <c r="CM18" s="8"/>
      <c r="CN18" s="8"/>
      <c r="CO18" s="8"/>
      <c r="CP18" s="8"/>
      <c r="CQ18" s="8"/>
      <c r="CR18" s="8"/>
      <c r="CS18" s="8"/>
      <c r="CT18" s="8"/>
      <c r="CU18" s="8"/>
      <c r="CV18" s="8"/>
      <c r="CW18" s="8"/>
      <c r="CX18" s="8"/>
      <c r="CY18" s="8"/>
      <c r="CZ18" s="8"/>
      <c r="DA18" s="8"/>
      <c r="DB18" s="8"/>
      <c r="DC18" s="8"/>
      <c r="DD18" s="8"/>
      <c r="DE18" s="8"/>
      <c r="DF18" s="8"/>
      <c r="DG18" s="8"/>
      <c r="DH18" s="8"/>
      <c r="DI18" s="8"/>
      <c r="DJ18" s="8"/>
      <c r="DK18" s="8"/>
      <c r="DL18" s="8"/>
      <c r="DM18" s="8"/>
      <c r="DN18" s="8"/>
      <c r="DO18" s="8"/>
      <c r="DP18" s="8"/>
      <c r="DQ18" s="8"/>
      <c r="DR18" s="8"/>
      <c r="DS18" s="8"/>
      <c r="DT18" s="8"/>
      <c r="DU18" s="8"/>
      <c r="DV18" s="8"/>
      <c r="DW18" s="8"/>
      <c r="DX18" s="8"/>
      <c r="DY18" s="8"/>
      <c r="DZ18" s="8"/>
      <c r="EA18" s="8"/>
      <c r="EB18" s="8"/>
      <c r="EC18" s="8"/>
      <c r="ED18" s="8"/>
      <c r="EE18" s="8"/>
      <c r="EF18" s="8"/>
      <c r="EG18" s="8"/>
      <c r="EH18" s="8"/>
      <c r="EI18" s="8"/>
      <c r="EJ18" s="8"/>
      <c r="EK18" s="8"/>
      <c r="EL18" s="8"/>
      <c r="EM18" s="8"/>
      <c r="EN18" s="8"/>
      <c r="EO18" s="8"/>
      <c r="EP18" s="8"/>
      <c r="EQ18" s="8"/>
      <c r="ER18" s="8"/>
      <c r="ES18" s="8"/>
      <c r="ET18" s="8"/>
      <c r="EU18" s="8"/>
      <c r="EV18" s="8"/>
      <c r="EW18" s="8"/>
      <c r="EX18" s="8"/>
      <c r="EY18" s="8"/>
      <c r="EZ18" s="8"/>
      <c r="FA18" s="8"/>
      <c r="FB18" s="8"/>
      <c r="FC18" s="8"/>
      <c r="FD18" s="8"/>
      <c r="FE18" s="8"/>
      <c r="FF18" s="8"/>
      <c r="FG18" s="8"/>
      <c r="FH18" s="8"/>
      <c r="FI18" s="8"/>
      <c r="FJ18" s="8"/>
      <c r="FK18" s="8"/>
      <c r="FL18" s="8"/>
      <c r="FM18" s="8"/>
      <c r="FN18" s="8"/>
      <c r="FO18" s="8"/>
      <c r="FP18" s="8"/>
      <c r="FQ18" s="8"/>
      <c r="FR18" s="8"/>
      <c r="FS18" s="8"/>
      <c r="FT18" s="8"/>
      <c r="FU18" s="8"/>
      <c r="FV18" s="8"/>
      <c r="FW18" s="8"/>
      <c r="FX18" s="8"/>
      <c r="FY18" s="8"/>
      <c r="FZ18" s="8"/>
      <c r="GA18" s="8"/>
      <c r="GB18" s="8"/>
      <c r="GC18" s="8"/>
      <c r="GD18" s="8"/>
      <c r="GE18" s="8"/>
      <c r="GF18" s="8"/>
      <c r="GG18" s="8"/>
      <c r="GH18" s="8"/>
      <c r="GI18" s="8"/>
      <c r="GJ18" s="8"/>
      <c r="GK18" s="8"/>
      <c r="GL18" s="8"/>
      <c r="GM18" s="8"/>
      <c r="GN18" s="8"/>
      <c r="GO18" s="8"/>
      <c r="GP18" s="8"/>
      <c r="GQ18" s="8"/>
      <c r="GR18" s="8"/>
      <c r="GS18" s="8"/>
      <c r="GT18" s="8"/>
      <c r="GU18" s="8"/>
      <c r="GV18" s="8"/>
      <c r="GW18" s="8"/>
      <c r="GX18" s="8"/>
      <c r="GY18" s="8"/>
      <c r="GZ18" s="8"/>
      <c r="HA18" s="8"/>
      <c r="HB18" s="8"/>
      <c r="HC18" s="8"/>
      <c r="HD18" s="8"/>
      <c r="HE18" s="8"/>
      <c r="HF18" s="8"/>
      <c r="HG18" s="8"/>
      <c r="HH18" s="8"/>
      <c r="HI18" s="8"/>
      <c r="HJ18" s="8"/>
      <c r="HK18" s="8"/>
      <c r="HL18" s="8"/>
      <c r="HM18" s="8"/>
      <c r="HN18" s="8"/>
      <c r="HO18" s="8"/>
      <c r="HP18" s="8"/>
      <c r="HQ18" s="8"/>
      <c r="HR18" s="8"/>
      <c r="HS18" s="8"/>
      <c r="HT18" s="8"/>
      <c r="HU18" s="8"/>
      <c r="HV18" s="8"/>
      <c r="HW18" s="8"/>
      <c r="HX18" s="8"/>
      <c r="HY18" s="8"/>
      <c r="HZ18" s="8"/>
      <c r="IA18" s="8"/>
      <c r="IB18" s="8"/>
      <c r="IC18" s="8"/>
      <c r="ID18" s="8"/>
      <c r="IE18" s="8"/>
      <c r="IF18" s="8"/>
      <c r="IG18" s="8"/>
      <c r="IH18" s="8"/>
      <c r="II18" s="8"/>
      <c r="IJ18" s="8"/>
      <c r="IK18" s="8"/>
      <c r="IL18" s="8"/>
      <c r="IM18" s="8"/>
      <c r="IN18" s="8"/>
      <c r="IO18" s="8"/>
      <c r="IP18" s="8"/>
      <c r="IQ18" s="8"/>
      <c r="IR18" s="8"/>
      <c r="IS18" s="8"/>
      <c r="IT18" s="8"/>
      <c r="IU18" s="8"/>
      <c r="IV18" s="8"/>
      <c r="IW18" s="8"/>
      <c r="IX18" s="8"/>
      <c r="IY18" s="8"/>
      <c r="IZ18" s="8"/>
      <c r="JA18" s="8"/>
      <c r="JB18" s="8"/>
      <c r="JC18" s="8"/>
      <c r="JD18" s="8"/>
      <c r="JE18" s="8"/>
      <c r="JF18" s="8"/>
      <c r="JG18" s="8"/>
      <c r="JH18" s="8"/>
      <c r="JI18" s="8"/>
      <c r="JJ18" s="8"/>
      <c r="JK18" s="8"/>
      <c r="JL18" s="8"/>
      <c r="JM18" s="8"/>
      <c r="JN18" s="8"/>
      <c r="JO18" s="8"/>
      <c r="JP18" s="8"/>
      <c r="JQ18" s="8"/>
      <c r="JR18" s="8"/>
      <c r="JS18" s="8"/>
      <c r="JT18" s="8"/>
      <c r="JU18" s="8"/>
      <c r="JV18" s="8"/>
      <c r="JW18" s="8"/>
      <c r="JX18" s="8"/>
      <c r="JY18" s="8"/>
      <c r="JZ18" s="8"/>
      <c r="KA18" s="8"/>
      <c r="KB18" s="8"/>
      <c r="KC18" s="8"/>
      <c r="KD18" s="8"/>
      <c r="KE18" s="8"/>
      <c r="KF18" s="8"/>
      <c r="KG18" s="8"/>
      <c r="KH18" s="8"/>
      <c r="KI18" s="8"/>
      <c r="KJ18" s="8"/>
      <c r="KK18" s="8"/>
      <c r="KL18" s="8"/>
      <c r="KM18" s="8"/>
      <c r="KN18" s="8"/>
      <c r="KO18" s="8"/>
      <c r="KP18" s="8"/>
      <c r="KQ18" s="8"/>
      <c r="KR18" s="8"/>
      <c r="KS18" s="8"/>
      <c r="KT18" s="8"/>
      <c r="KU18" s="8"/>
      <c r="KV18" s="8"/>
      <c r="KW18" s="8"/>
      <c r="KX18" s="8"/>
      <c r="KY18" s="8"/>
      <c r="KZ18" s="8"/>
      <c r="LA18" s="8"/>
      <c r="LB18" s="8"/>
      <c r="LC18" s="8"/>
      <c r="LD18" s="8"/>
      <c r="LE18" s="8"/>
      <c r="LF18" s="8"/>
      <c r="LG18" s="8"/>
      <c r="LH18" s="8"/>
      <c r="LI18" s="8"/>
      <c r="LJ18" s="8"/>
      <c r="LK18" s="8"/>
      <c r="LL18" s="8"/>
      <c r="LM18" s="8"/>
      <c r="LN18" s="8"/>
      <c r="LO18" s="8"/>
      <c r="LP18" s="8"/>
      <c r="LQ18" s="8"/>
      <c r="LR18" s="8"/>
      <c r="LS18" s="8"/>
      <c r="LT18" s="8"/>
      <c r="LU18" s="8"/>
      <c r="LV18" s="8"/>
      <c r="LW18" s="8"/>
      <c r="LX18" s="8"/>
      <c r="LY18" s="8"/>
      <c r="LZ18" s="8"/>
      <c r="MA18" s="8"/>
      <c r="MB18" s="8"/>
      <c r="MC18" s="8"/>
      <c r="MD18" s="8"/>
      <c r="ME18" s="8"/>
      <c r="MF18" s="8"/>
      <c r="MG18" s="8"/>
      <c r="MH18" s="8"/>
      <c r="MI18" s="8"/>
      <c r="MJ18" s="8"/>
      <c r="MK18" s="8"/>
      <c r="ML18" s="8"/>
      <c r="MM18" s="8"/>
      <c r="MN18" s="8"/>
      <c r="MO18" s="8"/>
      <c r="MP18" s="8"/>
      <c r="MQ18" s="8"/>
      <c r="MR18" s="8"/>
      <c r="MS18" s="8"/>
      <c r="MT18" s="8"/>
      <c r="MU18" s="8"/>
      <c r="MV18" s="8"/>
      <c r="MW18" s="8"/>
      <c r="MX18" s="8"/>
      <c r="MY18" s="8"/>
      <c r="MZ18" s="8"/>
      <c r="NA18" s="8"/>
      <c r="NB18" s="8"/>
      <c r="NC18" s="8"/>
      <c r="ND18" s="8"/>
      <c r="NE18" s="8"/>
      <c r="NF18" s="8"/>
      <c r="NG18" s="8"/>
      <c r="NH18" s="8"/>
      <c r="NI18" s="8"/>
      <c r="NJ18" s="8"/>
      <c r="NK18" s="8"/>
      <c r="NL18" s="8"/>
      <c r="NM18" s="8"/>
      <c r="NN18" s="8"/>
      <c r="NO18" s="8"/>
      <c r="NP18" s="8"/>
      <c r="NQ18" s="8"/>
      <c r="NR18" s="8"/>
      <c r="NS18" s="8"/>
      <c r="NT18" s="8"/>
      <c r="NU18" s="8"/>
      <c r="NV18" s="8"/>
      <c r="NW18" s="8"/>
      <c r="NX18" s="8"/>
      <c r="NY18" s="8"/>
      <c r="NZ18" s="8"/>
      <c r="OA18" s="8"/>
      <c r="OB18" s="8"/>
      <c r="OC18" s="8"/>
      <c r="OD18" s="8"/>
      <c r="OE18" s="8"/>
      <c r="OF18" s="8"/>
      <c r="OG18" s="8"/>
      <c r="OH18" s="8"/>
      <c r="OI18" s="8"/>
      <c r="OJ18" s="8"/>
      <c r="OK18" s="8"/>
      <c r="OL18" s="8"/>
      <c r="OM18" s="8"/>
      <c r="ON18" s="8"/>
      <c r="OO18" s="8"/>
      <c r="OP18" s="8"/>
      <c r="OQ18" s="8"/>
      <c r="OR18" s="8"/>
      <c r="OS18" s="8"/>
      <c r="OT18" s="8"/>
      <c r="OU18" s="8"/>
      <c r="OV18" s="8"/>
      <c r="OW18" s="8"/>
      <c r="OX18" s="8"/>
      <c r="OY18" s="8"/>
      <c r="OZ18" s="8"/>
      <c r="PA18" s="8"/>
      <c r="PB18" s="8"/>
      <c r="PC18" s="8"/>
      <c r="PD18" s="8"/>
      <c r="PE18" s="8"/>
      <c r="PF18" s="8"/>
      <c r="PG18" s="8"/>
      <c r="PH18" s="8"/>
      <c r="PI18" s="8"/>
      <c r="PJ18" s="8"/>
      <c r="PK18" s="8"/>
      <c r="PL18" s="8"/>
      <c r="PM18" s="8"/>
      <c r="PN18" s="8"/>
      <c r="PO18" s="8"/>
      <c r="PP18" s="8"/>
      <c r="PQ18" s="8"/>
      <c r="PR18" s="8"/>
      <c r="PS18" s="8"/>
      <c r="PT18" s="8"/>
      <c r="PU18" s="8"/>
      <c r="PV18" s="8"/>
      <c r="PW18" s="8"/>
      <c r="PX18" s="8"/>
      <c r="PY18" s="8"/>
      <c r="PZ18" s="8"/>
      <c r="QA18" s="8"/>
      <c r="QB18" s="8"/>
      <c r="QC18" s="8"/>
      <c r="QD18" s="8"/>
      <c r="QE18" s="8"/>
      <c r="QF18" s="8"/>
      <c r="QG18" s="8"/>
      <c r="QH18" s="8"/>
      <c r="QI18" s="8"/>
      <c r="QJ18" s="8"/>
      <c r="QK18" s="8"/>
      <c r="QL18" s="8"/>
      <c r="QM18" s="8"/>
      <c r="QN18" s="8"/>
      <c r="QO18" s="8"/>
      <c r="QP18" s="8"/>
      <c r="QQ18" s="8"/>
      <c r="QR18" s="8"/>
      <c r="QS18" s="8"/>
      <c r="QT18" s="8"/>
      <c r="QU18" s="8"/>
      <c r="QV18" s="8"/>
      <c r="QW18" s="8"/>
      <c r="QX18" s="8"/>
      <c r="QY18" s="8"/>
      <c r="QZ18" s="8"/>
      <c r="RA18" s="8"/>
      <c r="RB18" s="8"/>
      <c r="RC18" s="8"/>
      <c r="RD18" s="8"/>
      <c r="RE18" s="8"/>
      <c r="RF18" s="8"/>
      <c r="RG18" s="8"/>
      <c r="RH18" s="8"/>
      <c r="RI18" s="8"/>
      <c r="RJ18" s="8"/>
      <c r="RK18" s="8"/>
      <c r="RL18" s="8"/>
      <c r="RM18" s="8"/>
      <c r="RN18" s="8"/>
      <c r="RO18" s="8"/>
      <c r="RP18" s="8"/>
      <c r="RQ18" s="8"/>
      <c r="RR18" s="8"/>
      <c r="RS18" s="8"/>
      <c r="RT18" s="8"/>
      <c r="RU18" s="8"/>
      <c r="RV18" s="8"/>
      <c r="RW18" s="8"/>
      <c r="RX18" s="8"/>
      <c r="RY18" s="8"/>
      <c r="RZ18" s="8"/>
      <c r="SA18" s="8"/>
      <c r="SB18" s="8"/>
      <c r="SC18" s="8"/>
      <c r="SD18" s="8"/>
      <c r="SE18" s="8"/>
      <c r="SF18" s="8"/>
      <c r="SG18" s="8"/>
      <c r="SH18" s="8"/>
      <c r="SI18" s="8"/>
      <c r="SJ18" s="8"/>
      <c r="SK18" s="8"/>
      <c r="SL18" s="8"/>
      <c r="SM18" s="8"/>
      <c r="SN18" s="8"/>
      <c r="SO18" s="8"/>
      <c r="SP18" s="8"/>
      <c r="SQ18" s="8"/>
      <c r="SR18" s="8"/>
      <c r="SS18" s="8"/>
      <c r="ST18" s="8"/>
      <c r="SU18" s="8"/>
      <c r="SV18" s="8"/>
      <c r="SW18" s="8"/>
      <c r="SX18" s="8"/>
      <c r="SY18" s="8"/>
      <c r="SZ18" s="8"/>
      <c r="TA18" s="8"/>
      <c r="TB18" s="8"/>
      <c r="TC18" s="8"/>
      <c r="TD18" s="8"/>
      <c r="TE18" s="8"/>
      <c r="TF18" s="8"/>
      <c r="TG18" s="8"/>
      <c r="TH18" s="8"/>
      <c r="TI18" s="8"/>
      <c r="TJ18" s="8"/>
      <c r="TK18" s="8"/>
      <c r="TL18" s="8"/>
      <c r="TM18" s="8"/>
      <c r="TN18" s="8"/>
      <c r="TO18" s="8"/>
      <c r="TP18" s="8"/>
      <c r="TQ18" s="8"/>
      <c r="TR18" s="8"/>
      <c r="TS18" s="8"/>
      <c r="TT18" s="8"/>
      <c r="TU18" s="8"/>
      <c r="TV18" s="8"/>
      <c r="TW18" s="8"/>
      <c r="TX18" s="8"/>
      <c r="TY18" s="8"/>
      <c r="TZ18" s="8"/>
      <c r="UA18" s="8"/>
      <c r="UB18" s="8"/>
      <c r="UC18" s="8"/>
      <c r="UD18" s="8"/>
      <c r="UE18" s="8"/>
      <c r="UF18" s="8"/>
      <c r="UG18" s="8"/>
      <c r="UH18" s="8"/>
      <c r="UI18" s="8"/>
      <c r="UJ18" s="8"/>
      <c r="UK18" s="8"/>
      <c r="UL18" s="8"/>
      <c r="UM18" s="8"/>
      <c r="UN18" s="8"/>
      <c r="UO18" s="8"/>
      <c r="UP18" s="8"/>
      <c r="UQ18" s="8"/>
      <c r="UR18" s="8"/>
      <c r="US18" s="8"/>
      <c r="UT18" s="8"/>
      <c r="UU18" s="8"/>
      <c r="UV18" s="8"/>
      <c r="UW18" s="8"/>
      <c r="UX18" s="8"/>
      <c r="UY18" s="8"/>
      <c r="UZ18" s="8"/>
      <c r="VA18" s="8"/>
      <c r="VB18" s="8"/>
      <c r="VC18" s="8"/>
      <c r="VD18" s="8"/>
      <c r="VE18" s="8"/>
      <c r="VF18" s="8"/>
      <c r="VG18" s="8"/>
      <c r="VH18" s="8"/>
      <c r="VI18" s="8"/>
      <c r="VJ18" s="8"/>
      <c r="VK18" s="8"/>
      <c r="VL18" s="8"/>
      <c r="VM18" s="8"/>
      <c r="VN18" s="8"/>
      <c r="VO18" s="8"/>
      <c r="VP18" s="8"/>
      <c r="VQ18" s="8"/>
      <c r="VR18" s="8"/>
      <c r="VS18" s="8"/>
      <c r="VT18" s="8"/>
      <c r="VU18" s="8"/>
      <c r="VV18" s="8"/>
      <c r="VW18" s="8"/>
      <c r="VX18" s="8"/>
      <c r="VY18" s="8"/>
      <c r="VZ18" s="8"/>
      <c r="WA18" s="8"/>
      <c r="WB18" s="8"/>
      <c r="WC18" s="8"/>
      <c r="WD18" s="8"/>
      <c r="WE18" s="8"/>
      <c r="WF18" s="8"/>
      <c r="WG18" s="8"/>
      <c r="WH18" s="8"/>
      <c r="WI18" s="8"/>
      <c r="WJ18" s="8"/>
      <c r="WK18" s="8"/>
      <c r="WL18" s="8"/>
      <c r="WM18" s="8"/>
      <c r="WN18" s="8"/>
      <c r="WO18" s="8"/>
      <c r="WP18" s="8"/>
      <c r="WQ18" s="8"/>
      <c r="WR18" s="8"/>
      <c r="WS18" s="8"/>
      <c r="WT18" s="8"/>
      <c r="WU18" s="8"/>
      <c r="WV18" s="8"/>
      <c r="WW18" s="8"/>
      <c r="WX18" s="8"/>
      <c r="WY18" s="8"/>
      <c r="WZ18" s="8"/>
      <c r="XA18" s="8"/>
      <c r="XB18" s="8"/>
      <c r="XC18" s="8"/>
      <c r="XD18" s="8"/>
      <c r="XE18" s="8"/>
      <c r="XF18" s="8"/>
      <c r="XG18" s="8"/>
      <c r="XH18" s="8"/>
      <c r="XI18" s="8"/>
      <c r="XJ18" s="8"/>
      <c r="XK18" s="8"/>
      <c r="XL18" s="8"/>
      <c r="XM18" s="8"/>
      <c r="XN18" s="8"/>
      <c r="XO18" s="8"/>
      <c r="XP18" s="8"/>
      <c r="XQ18" s="8"/>
      <c r="XR18" s="8"/>
      <c r="XS18" s="8"/>
      <c r="XT18" s="8"/>
      <c r="XU18" s="8"/>
      <c r="XV18" s="8"/>
      <c r="XW18" s="8"/>
      <c r="XX18" s="8"/>
      <c r="XY18" s="8"/>
      <c r="XZ18" s="8"/>
      <c r="YA18" s="8"/>
      <c r="YB18" s="8"/>
      <c r="YC18" s="8"/>
      <c r="YD18" s="8"/>
      <c r="YE18" s="8"/>
      <c r="YF18" s="8"/>
      <c r="YG18" s="8"/>
      <c r="YH18" s="8"/>
      <c r="YI18" s="8"/>
      <c r="YJ18" s="8"/>
      <c r="YK18" s="8"/>
      <c r="YL18" s="8"/>
      <c r="YM18" s="8"/>
      <c r="YN18" s="8"/>
      <c r="YO18" s="8"/>
      <c r="YP18" s="8"/>
      <c r="YQ18" s="8"/>
      <c r="YR18" s="8"/>
      <c r="YS18" s="8"/>
      <c r="YT18" s="8"/>
      <c r="YU18" s="8"/>
      <c r="YV18" s="8"/>
      <c r="YW18" s="8"/>
      <c r="YX18" s="8"/>
      <c r="YY18" s="8"/>
      <c r="YZ18" s="8"/>
      <c r="ZA18" s="8"/>
      <c r="ZB18" s="8"/>
      <c r="ZC18" s="8"/>
      <c r="ZD18" s="8"/>
      <c r="ZE18" s="8"/>
      <c r="ZF18" s="8"/>
      <c r="ZG18" s="8"/>
      <c r="ZH18" s="8"/>
      <c r="ZI18" s="8"/>
      <c r="ZJ18" s="8"/>
      <c r="ZK18" s="8"/>
      <c r="ZL18" s="8"/>
      <c r="ZM18" s="8"/>
      <c r="ZN18" s="8"/>
      <c r="ZO18" s="8"/>
      <c r="ZP18" s="8"/>
      <c r="ZQ18" s="8"/>
      <c r="ZR18" s="8"/>
      <c r="ZS18" s="8"/>
      <c r="ZT18" s="8"/>
      <c r="ZU18" s="8"/>
      <c r="ZV18" s="8"/>
      <c r="ZW18" s="8"/>
      <c r="ZX18" s="8"/>
      <c r="ZY18" s="8"/>
      <c r="ZZ18" s="8"/>
      <c r="AAA18" s="8"/>
      <c r="AAB18" s="8"/>
      <c r="AAC18" s="8"/>
      <c r="AAD18" s="8"/>
      <c r="AAE18" s="8"/>
      <c r="AAF18" s="8"/>
      <c r="AAG18" s="8"/>
      <c r="AAH18" s="8"/>
      <c r="AAI18" s="8"/>
      <c r="AAJ18" s="8"/>
      <c r="AAK18" s="8"/>
      <c r="AAL18" s="8"/>
      <c r="AAM18" s="8"/>
      <c r="AAN18" s="8"/>
      <c r="AAO18" s="8"/>
      <c r="AAP18" s="8"/>
      <c r="AAQ18" s="8"/>
      <c r="AAR18" s="8"/>
      <c r="AAS18" s="8"/>
      <c r="AAT18" s="8"/>
      <c r="AAU18" s="8"/>
      <c r="AAV18" s="8"/>
      <c r="AAW18" s="8"/>
      <c r="AAX18" s="8"/>
      <c r="AAY18" s="8"/>
      <c r="AAZ18" s="8"/>
      <c r="ABA18" s="8"/>
      <c r="ABB18" s="8"/>
      <c r="ABC18" s="8"/>
      <c r="ABD18" s="8"/>
      <c r="ABE18" s="8"/>
      <c r="ABF18" s="8"/>
      <c r="ABG18" s="8"/>
      <c r="ABH18" s="8"/>
      <c r="ABI18" s="8"/>
      <c r="ABJ18" s="8"/>
      <c r="ABK18" s="8"/>
      <c r="ABL18" s="8"/>
      <c r="ABM18" s="8"/>
      <c r="ABN18" s="8"/>
      <c r="ABO18" s="8"/>
      <c r="ABP18" s="8"/>
      <c r="ABQ18" s="8"/>
      <c r="ABR18" s="8"/>
      <c r="ABS18" s="8"/>
      <c r="ABT18" s="8"/>
      <c r="ABU18" s="8"/>
      <c r="ABV18" s="8"/>
      <c r="ABW18" s="8"/>
      <c r="ABX18" s="8"/>
      <c r="ABY18" s="8"/>
      <c r="ABZ18" s="8"/>
      <c r="ACA18" s="8"/>
      <c r="ACB18" s="8"/>
      <c r="ACC18" s="8"/>
      <c r="ACD18" s="8"/>
      <c r="ACE18" s="8"/>
      <c r="ACF18" s="8"/>
      <c r="ACG18" s="8"/>
      <c r="ACH18" s="8"/>
      <c r="ACI18" s="8"/>
      <c r="ACJ18" s="8"/>
      <c r="ACK18" s="8"/>
      <c r="ACL18" s="8"/>
      <c r="ACM18" s="8"/>
      <c r="ACN18" s="8"/>
      <c r="ACO18" s="8"/>
      <c r="ACP18" s="8"/>
      <c r="ACQ18" s="8"/>
      <c r="ACR18" s="8"/>
      <c r="ACS18" s="8"/>
      <c r="ACT18" s="8"/>
      <c r="ACU18" s="8"/>
      <c r="ACV18" s="8"/>
      <c r="ACW18" s="8"/>
      <c r="ACX18" s="8"/>
      <c r="ACY18" s="8"/>
      <c r="ACZ18" s="8"/>
      <c r="ADA18" s="8"/>
      <c r="ADB18" s="8"/>
      <c r="ADC18" s="8"/>
      <c r="ADD18" s="8"/>
      <c r="ADE18" s="8"/>
      <c r="ADF18" s="8"/>
      <c r="ADG18" s="8"/>
      <c r="ADH18" s="8"/>
      <c r="ADI18" s="8"/>
      <c r="ADJ18" s="8"/>
      <c r="ADK18" s="8"/>
      <c r="ADL18" s="8"/>
      <c r="ADM18" s="8"/>
      <c r="ADN18" s="8"/>
      <c r="ADO18" s="8"/>
      <c r="ADP18" s="8"/>
      <c r="ADQ18" s="8"/>
      <c r="ADR18" s="8"/>
      <c r="ADS18" s="8"/>
      <c r="ADT18" s="8"/>
      <c r="ADU18" s="8"/>
      <c r="ADV18" s="8"/>
      <c r="ADW18" s="8"/>
      <c r="ADX18" s="8"/>
      <c r="ADY18" s="8"/>
      <c r="ADZ18" s="8"/>
      <c r="AEA18" s="8"/>
      <c r="AEB18" s="8"/>
      <c r="AEC18" s="8"/>
      <c r="AED18" s="8"/>
      <c r="AEE18" s="8"/>
      <c r="AEF18" s="8"/>
      <c r="AEG18" s="8"/>
      <c r="AEH18" s="8"/>
      <c r="AEI18" s="8"/>
      <c r="AEJ18" s="8"/>
      <c r="AEK18" s="8"/>
      <c r="AEL18" s="8"/>
      <c r="AEM18" s="8"/>
      <c r="AEN18" s="8"/>
      <c r="AEO18" s="8"/>
      <c r="AEP18" s="8"/>
      <c r="AEQ18" s="8"/>
      <c r="AER18" s="8"/>
      <c r="AES18" s="8"/>
      <c r="AET18" s="8"/>
      <c r="AEU18" s="8"/>
      <c r="AEV18" s="8"/>
      <c r="AEW18" s="8"/>
      <c r="AEX18" s="8"/>
      <c r="AEY18" s="8"/>
      <c r="AEZ18" s="8"/>
      <c r="AFA18" s="8"/>
      <c r="AFB18" s="8"/>
      <c r="AFC18" s="8"/>
      <c r="AFD18" s="8"/>
      <c r="AFE18" s="8"/>
      <c r="AFF18" s="8"/>
      <c r="AFG18" s="8"/>
      <c r="AFH18" s="8"/>
      <c r="AFI18" s="8"/>
      <c r="AFJ18" s="8"/>
      <c r="AFK18" s="8"/>
      <c r="AFL18" s="8"/>
      <c r="AFM18" s="8"/>
      <c r="AFN18" s="8"/>
      <c r="AFO18" s="8"/>
      <c r="AFP18" s="8"/>
      <c r="AFQ18" s="8"/>
      <c r="AFR18" s="8"/>
      <c r="AFS18" s="8"/>
      <c r="AFT18" s="8"/>
      <c r="AFU18" s="8"/>
      <c r="AFV18" s="8"/>
      <c r="AFW18" s="8"/>
      <c r="AFX18" s="8"/>
      <c r="AFY18" s="8"/>
      <c r="AFZ18" s="8"/>
      <c r="AGA18" s="8"/>
      <c r="AGB18" s="8"/>
      <c r="AGC18" s="8"/>
      <c r="AGD18" s="8"/>
      <c r="AGE18" s="8"/>
      <c r="AGF18" s="8"/>
      <c r="AGG18" s="8"/>
      <c r="AGH18" s="8"/>
      <c r="AGI18" s="8"/>
      <c r="AGJ18" s="8"/>
      <c r="AGK18" s="8"/>
      <c r="AGL18" s="8"/>
      <c r="AGM18" s="8"/>
      <c r="AGN18" s="8"/>
      <c r="AGO18" s="8"/>
      <c r="AGP18" s="8"/>
      <c r="AGQ18" s="8"/>
      <c r="AGR18" s="8"/>
      <c r="AGS18" s="8"/>
      <c r="AGT18" s="8"/>
      <c r="AGU18" s="8"/>
      <c r="AGV18" s="8"/>
      <c r="AGW18" s="8"/>
      <c r="AGX18" s="8"/>
      <c r="AGY18" s="8"/>
      <c r="AGZ18" s="8"/>
      <c r="AHA18" s="8"/>
      <c r="AHB18" s="8"/>
      <c r="AHC18" s="8"/>
      <c r="AHD18" s="8"/>
      <c r="AHE18" s="8"/>
      <c r="AHF18" s="8"/>
      <c r="AHG18" s="8"/>
      <c r="AHH18" s="8"/>
      <c r="AHI18" s="8"/>
      <c r="AHJ18" s="8"/>
      <c r="AHK18" s="8"/>
      <c r="AHL18" s="8"/>
      <c r="AHM18" s="8"/>
      <c r="AHN18" s="8"/>
      <c r="AHO18" s="8"/>
      <c r="AHP18" s="8"/>
      <c r="AHQ18" s="8"/>
      <c r="AHR18" s="8"/>
      <c r="AHS18" s="8"/>
      <c r="AHT18" s="8"/>
      <c r="AHU18" s="8"/>
      <c r="AHV18" s="8"/>
      <c r="AHW18" s="8"/>
      <c r="AHX18" s="8"/>
      <c r="AHY18" s="8"/>
      <c r="AHZ18" s="8"/>
      <c r="AIA18" s="8"/>
      <c r="AIB18" s="8"/>
      <c r="AIC18" s="8"/>
      <c r="AID18" s="8"/>
      <c r="AIE18" s="8"/>
      <c r="AIF18" s="8"/>
      <c r="AIG18" s="8"/>
      <c r="AIH18" s="8"/>
      <c r="AII18" s="8"/>
      <c r="AIJ18" s="8"/>
      <c r="AIK18" s="8"/>
      <c r="AIL18" s="8"/>
      <c r="AIM18" s="8"/>
      <c r="AIN18" s="8"/>
      <c r="AIO18" s="8"/>
      <c r="AIP18" s="8"/>
      <c r="AIQ18" s="8"/>
      <c r="AIR18" s="8"/>
      <c r="AIS18" s="8"/>
      <c r="AIT18" s="8"/>
      <c r="AIU18" s="8"/>
      <c r="AIV18" s="8"/>
      <c r="AIW18" s="8"/>
      <c r="AIX18" s="8"/>
      <c r="AIY18" s="8"/>
      <c r="AIZ18" s="8"/>
      <c r="AJA18" s="8"/>
      <c r="AJB18" s="8"/>
      <c r="AJC18" s="8"/>
      <c r="AJD18" s="8"/>
      <c r="AJE18" s="8"/>
      <c r="AJF18" s="8"/>
      <c r="AJG18" s="8"/>
      <c r="AJH18" s="8"/>
      <c r="AJI18" s="8"/>
      <c r="AJJ18" s="8"/>
      <c r="AJK18" s="8"/>
      <c r="AJL18" s="8"/>
      <c r="AJM18" s="8"/>
      <c r="AJN18" s="8"/>
      <c r="AJO18" s="8"/>
      <c r="AJP18" s="8"/>
      <c r="AJQ18" s="8"/>
      <c r="AJR18" s="8"/>
      <c r="AJS18" s="8"/>
      <c r="AJT18" s="8"/>
      <c r="AJU18" s="8"/>
      <c r="AJV18" s="8"/>
      <c r="AJW18" s="8"/>
      <c r="AJX18" s="8"/>
      <c r="AJY18" s="8"/>
      <c r="AJZ18" s="8"/>
      <c r="AKA18" s="8"/>
      <c r="AKB18" s="8"/>
      <c r="AKC18" s="8"/>
      <c r="AKD18" s="8"/>
      <c r="AKE18" s="8"/>
      <c r="AKF18" s="8"/>
      <c r="AKG18" s="8"/>
      <c r="AKH18" s="8"/>
      <c r="AKI18" s="8"/>
      <c r="AKJ18" s="8"/>
      <c r="AKK18" s="8"/>
      <c r="AKL18" s="8"/>
      <c r="AKM18" s="8"/>
      <c r="AKN18" s="8"/>
      <c r="AKO18" s="8"/>
      <c r="AKP18" s="8"/>
      <c r="AKQ18" s="8"/>
      <c r="AKR18" s="8"/>
      <c r="AKS18" s="8"/>
      <c r="AKT18" s="8"/>
      <c r="AKU18" s="8"/>
      <c r="AKV18" s="8"/>
      <c r="AKW18" s="8"/>
      <c r="AKX18" s="8"/>
      <c r="AKY18" s="8"/>
      <c r="AKZ18" s="8"/>
      <c r="ALA18" s="8"/>
      <c r="ALB18" s="8"/>
      <c r="ALC18" s="8"/>
      <c r="ALD18" s="8"/>
      <c r="ALE18" s="8"/>
      <c r="ALF18" s="8"/>
      <c r="ALG18" s="8"/>
      <c r="ALH18" s="8"/>
      <c r="ALI18" s="8"/>
      <c r="ALJ18" s="8"/>
      <c r="ALK18" s="8"/>
      <c r="ALL18" s="8"/>
      <c r="ALM18" s="8"/>
      <c r="ALN18" s="8"/>
      <c r="ALO18" s="8"/>
      <c r="ALP18" s="8"/>
      <c r="ALQ18" s="8"/>
      <c r="ALR18" s="8"/>
      <c r="ALS18" s="8"/>
      <c r="ALT18" s="8"/>
      <c r="ALU18" s="8"/>
      <c r="ALV18" s="8"/>
      <c r="ALW18" s="8"/>
      <c r="ALX18" s="8"/>
      <c r="ALY18" s="8"/>
      <c r="ALZ18" s="8"/>
      <c r="AMA18" s="8"/>
      <c r="AMB18" s="8"/>
      <c r="AMC18" s="8"/>
      <c r="AMD18" s="8"/>
      <c r="AME18" s="8"/>
      <c r="AMF18" s="8"/>
      <c r="AMG18" s="8"/>
      <c r="AMH18" s="8"/>
      <c r="AMI18" s="8"/>
      <c r="AMJ18" s="8"/>
      <c r="AMK18" s="8"/>
      <c r="AML18" s="8"/>
      <c r="AMM18" s="8"/>
      <c r="AMN18" s="8"/>
      <c r="AMO18" s="8"/>
      <c r="AMP18" s="8"/>
      <c r="AMQ18" s="8"/>
      <c r="AMR18" s="8"/>
      <c r="AMS18" s="8"/>
      <c r="AMT18" s="8"/>
      <c r="AMU18" s="8"/>
      <c r="AMV18" s="8"/>
      <c r="AMW18" s="8"/>
      <c r="AMX18" s="8"/>
      <c r="AMY18" s="8"/>
      <c r="AMZ18" s="8"/>
      <c r="ANA18" s="8"/>
      <c r="ANB18" s="8"/>
      <c r="ANC18" s="8"/>
      <c r="AND18" s="8"/>
      <c r="ANE18" s="8"/>
      <c r="ANF18" s="8"/>
      <c r="ANG18" s="8"/>
      <c r="ANH18" s="8"/>
      <c r="ANI18" s="8"/>
      <c r="ANJ18" s="8"/>
      <c r="ANK18" s="8"/>
      <c r="ANL18" s="8"/>
      <c r="ANM18" s="8"/>
      <c r="ANN18" s="8"/>
      <c r="ANO18" s="8"/>
      <c r="ANP18" s="8"/>
      <c r="ANQ18" s="8"/>
      <c r="ANR18" s="8"/>
      <c r="ANS18" s="8"/>
      <c r="ANT18" s="8"/>
      <c r="ANU18" s="8"/>
      <c r="ANV18" s="8"/>
      <c r="ANW18" s="8"/>
      <c r="ANX18" s="8"/>
      <c r="ANY18" s="8"/>
      <c r="ANZ18" s="8"/>
      <c r="AOA18" s="8"/>
      <c r="AOB18" s="8"/>
      <c r="AOC18" s="8"/>
      <c r="AOD18" s="8"/>
      <c r="AOE18" s="8"/>
      <c r="AOF18" s="8"/>
      <c r="AOG18" s="8"/>
      <c r="AOH18" s="8"/>
      <c r="AOI18" s="8"/>
      <c r="AOJ18" s="8"/>
      <c r="AOK18" s="8"/>
      <c r="AOL18" s="8"/>
      <c r="AOM18" s="8"/>
      <c r="AON18" s="8"/>
      <c r="AOO18" s="8"/>
      <c r="AOP18" s="8"/>
      <c r="AOQ18" s="8"/>
      <c r="AOR18" s="8"/>
      <c r="AOS18" s="8"/>
      <c r="AOT18" s="8"/>
      <c r="AOU18" s="8"/>
      <c r="AOV18" s="8"/>
      <c r="AOW18" s="8"/>
      <c r="AOX18" s="8"/>
      <c r="AOY18" s="8"/>
      <c r="AOZ18" s="8"/>
      <c r="APA18" s="8"/>
      <c r="APB18" s="8"/>
      <c r="APC18" s="8"/>
      <c r="APD18" s="8"/>
      <c r="APE18" s="8"/>
      <c r="APF18" s="8"/>
      <c r="APG18" s="8"/>
      <c r="APH18" s="8"/>
      <c r="API18" s="8"/>
      <c r="APJ18" s="8"/>
      <c r="APK18" s="8"/>
      <c r="APL18" s="8"/>
      <c r="APM18" s="8"/>
      <c r="APN18" s="8"/>
      <c r="APO18" s="8"/>
      <c r="APP18" s="8"/>
      <c r="APQ18" s="8"/>
      <c r="APR18" s="8"/>
      <c r="APS18" s="8"/>
      <c r="APT18" s="8"/>
      <c r="APU18" s="8"/>
      <c r="APV18" s="8"/>
      <c r="APW18" s="8"/>
      <c r="APX18" s="8"/>
      <c r="APY18" s="8"/>
      <c r="APZ18" s="8"/>
      <c r="AQA18" s="8"/>
      <c r="AQB18" s="8"/>
      <c r="AQC18" s="8"/>
      <c r="AQD18" s="8"/>
      <c r="AQE18" s="8"/>
      <c r="AQF18" s="8"/>
      <c r="AQG18" s="8"/>
      <c r="AQH18" s="8"/>
      <c r="AQI18" s="8"/>
      <c r="AQJ18" s="8"/>
      <c r="AQK18" s="8"/>
      <c r="AQL18" s="8"/>
      <c r="AQM18" s="8"/>
      <c r="AQN18" s="8"/>
      <c r="AQO18" s="8"/>
      <c r="AQP18" s="8"/>
      <c r="AQQ18" s="8"/>
      <c r="AQR18" s="8"/>
      <c r="AQS18" s="8"/>
      <c r="AQT18" s="8"/>
      <c r="AQU18" s="8"/>
      <c r="AQV18" s="8"/>
      <c r="AQW18" s="8"/>
      <c r="AQX18" s="8"/>
      <c r="AQY18" s="8"/>
      <c r="AQZ18" s="8"/>
      <c r="ARA18" s="8"/>
      <c r="ARB18" s="8"/>
      <c r="ARC18" s="8"/>
      <c r="ARD18" s="8"/>
      <c r="ARE18" s="8"/>
      <c r="ARF18" s="8"/>
      <c r="ARG18" s="8"/>
      <c r="ARH18" s="8"/>
      <c r="ARI18" s="8"/>
      <c r="ARJ18" s="8"/>
      <c r="ARK18" s="8"/>
      <c r="ARL18" s="8"/>
      <c r="ARM18" s="8"/>
      <c r="ARN18" s="8"/>
      <c r="ARO18" s="8"/>
      <c r="ARP18" s="8"/>
      <c r="ARQ18" s="8"/>
      <c r="ARR18" s="8"/>
      <c r="ARS18" s="8"/>
      <c r="ART18" s="8"/>
      <c r="ARU18" s="8"/>
      <c r="ARV18" s="8"/>
      <c r="ARW18" s="8"/>
      <c r="ARX18" s="8"/>
      <c r="ARY18" s="8"/>
      <c r="ARZ18" s="8"/>
      <c r="ASA18" s="8"/>
      <c r="ASB18" s="8"/>
      <c r="ASC18" s="8"/>
      <c r="ASD18" s="8"/>
      <c r="ASE18" s="8"/>
      <c r="ASF18" s="8"/>
      <c r="ASG18" s="8"/>
      <c r="ASH18" s="8"/>
      <c r="ASI18" s="8"/>
      <c r="ASJ18" s="8"/>
      <c r="ASK18" s="8"/>
      <c r="ASL18" s="8"/>
      <c r="ASM18" s="8"/>
      <c r="ASN18" s="8"/>
      <c r="ASO18" s="8"/>
      <c r="ASP18" s="8"/>
      <c r="ASQ18" s="8"/>
      <c r="ASR18" s="8"/>
      <c r="ASS18" s="8"/>
      <c r="AST18" s="8"/>
      <c r="ASU18" s="8"/>
      <c r="ASV18" s="8"/>
      <c r="ASW18" s="8"/>
      <c r="ASX18" s="8"/>
      <c r="ASY18" s="8"/>
      <c r="ASZ18" s="8"/>
      <c r="ATA18" s="8"/>
      <c r="ATB18" s="8"/>
      <c r="ATC18" s="8"/>
      <c r="ATD18" s="8"/>
      <c r="ATE18" s="8"/>
      <c r="ATF18" s="8"/>
      <c r="ATG18" s="8"/>
      <c r="ATH18" s="8"/>
      <c r="ATI18" s="8"/>
      <c r="ATJ18" s="8"/>
      <c r="ATK18" s="8"/>
      <c r="ATL18" s="8"/>
      <c r="ATM18" s="8"/>
      <c r="ATN18" s="8"/>
      <c r="ATO18" s="8"/>
      <c r="ATP18" s="8"/>
      <c r="ATQ18" s="8"/>
      <c r="ATR18" s="8"/>
      <c r="ATS18" s="8"/>
      <c r="ATT18" s="8"/>
      <c r="ATU18" s="8"/>
      <c r="ATV18" s="8"/>
      <c r="ATW18" s="8"/>
      <c r="ATX18" s="8"/>
      <c r="ATY18" s="8"/>
      <c r="ATZ18" s="8"/>
      <c r="AUA18" s="8"/>
      <c r="AUB18" s="8"/>
      <c r="AUC18" s="8"/>
      <c r="AUD18" s="8"/>
      <c r="AUE18" s="8"/>
      <c r="AUF18" s="8"/>
      <c r="AUG18" s="8"/>
      <c r="AUH18" s="8"/>
      <c r="AUI18" s="8"/>
      <c r="AUJ18" s="8"/>
      <c r="AUK18" s="8"/>
      <c r="AUL18" s="8"/>
      <c r="AUM18" s="8"/>
      <c r="AUN18" s="8"/>
      <c r="AUO18" s="8"/>
      <c r="AUP18" s="8"/>
      <c r="AUQ18" s="8"/>
      <c r="AUR18" s="8"/>
      <c r="AUS18" s="8"/>
      <c r="AUT18" s="8"/>
      <c r="AUU18" s="8"/>
      <c r="AUV18" s="8"/>
      <c r="AUW18" s="8"/>
      <c r="AUX18" s="8"/>
      <c r="AUY18" s="8"/>
      <c r="AUZ18" s="8"/>
      <c r="AVA18" s="8"/>
      <c r="AVB18" s="8"/>
      <c r="AVC18" s="8"/>
      <c r="AVD18" s="8"/>
      <c r="AVE18" s="8"/>
      <c r="AVF18" s="8"/>
      <c r="AVG18" s="8"/>
      <c r="AVH18" s="8"/>
      <c r="AVI18" s="8"/>
      <c r="AVJ18" s="8"/>
      <c r="AVK18" s="8"/>
      <c r="AVL18" s="8"/>
      <c r="AVM18" s="8"/>
      <c r="AVN18" s="8"/>
      <c r="AVO18" s="8"/>
      <c r="AVP18" s="8"/>
      <c r="AVQ18" s="8"/>
      <c r="AVR18" s="8"/>
      <c r="AVS18" s="8"/>
      <c r="AVT18" s="8"/>
      <c r="AVU18" s="8"/>
      <c r="AVV18" s="8"/>
      <c r="AVW18" s="8"/>
      <c r="AVX18" s="8"/>
      <c r="AVY18" s="8"/>
      <c r="AVZ18" s="8"/>
      <c r="AWA18" s="8"/>
      <c r="AWB18" s="8"/>
      <c r="AWC18" s="8"/>
      <c r="AWD18" s="8"/>
      <c r="AWE18" s="8"/>
      <c r="AWF18" s="8"/>
      <c r="AWG18" s="8"/>
      <c r="AWH18" s="8"/>
      <c r="AWI18" s="8"/>
      <c r="AWJ18" s="8"/>
      <c r="AWK18" s="8"/>
      <c r="AWL18" s="8"/>
      <c r="AWM18" s="8"/>
      <c r="AWN18" s="8"/>
      <c r="AWO18" s="8"/>
      <c r="AWP18" s="8"/>
      <c r="AWQ18" s="8"/>
      <c r="AWR18" s="8"/>
      <c r="AWS18" s="8"/>
      <c r="AWT18" s="8"/>
      <c r="AWU18" s="8"/>
      <c r="AWV18" s="8"/>
      <c r="AWW18" s="8"/>
      <c r="AWX18" s="8"/>
      <c r="AWY18" s="8"/>
      <c r="AWZ18" s="8"/>
      <c r="AXA18" s="8"/>
      <c r="AXB18" s="8"/>
      <c r="AXC18" s="8"/>
      <c r="AXD18" s="8"/>
      <c r="AXE18" s="8"/>
      <c r="AXF18" s="8"/>
      <c r="AXG18" s="8"/>
      <c r="AXH18" s="8"/>
      <c r="AXI18" s="8"/>
      <c r="AXJ18" s="8"/>
      <c r="AXK18" s="8"/>
      <c r="AXL18" s="8"/>
      <c r="AXM18" s="8"/>
      <c r="AXN18" s="8"/>
      <c r="AXO18" s="8"/>
      <c r="AXP18" s="8"/>
      <c r="AXQ18" s="8"/>
      <c r="AXR18" s="8"/>
      <c r="AXS18" s="8"/>
      <c r="AXT18" s="8"/>
      <c r="AXU18" s="8"/>
      <c r="AXV18" s="8"/>
      <c r="AXW18" s="8"/>
      <c r="AXX18" s="8"/>
      <c r="AXY18" s="8"/>
      <c r="AXZ18" s="8"/>
      <c r="AYA18" s="8"/>
      <c r="AYB18" s="8"/>
      <c r="AYC18" s="8"/>
      <c r="AYD18" s="8"/>
      <c r="AYE18" s="8"/>
      <c r="AYF18" s="8"/>
      <c r="AYG18" s="8"/>
      <c r="AYH18" s="8"/>
      <c r="AYI18" s="8"/>
      <c r="AYJ18" s="8"/>
      <c r="AYK18" s="8"/>
      <c r="AYL18" s="8"/>
      <c r="AYM18" s="8"/>
      <c r="AYN18" s="8"/>
      <c r="AYO18" s="8"/>
      <c r="AYP18" s="8"/>
      <c r="AYQ18" s="8"/>
      <c r="AYR18" s="8"/>
      <c r="AYS18" s="8"/>
      <c r="AYT18" s="8"/>
      <c r="AYU18" s="8"/>
      <c r="AYV18" s="8"/>
      <c r="AYW18" s="8"/>
      <c r="AYX18" s="8"/>
      <c r="AYY18" s="8"/>
      <c r="AYZ18" s="8"/>
      <c r="AZA18" s="8"/>
      <c r="AZB18" s="8"/>
      <c r="AZC18" s="8"/>
      <c r="AZD18" s="8"/>
      <c r="AZE18" s="8"/>
      <c r="AZF18" s="8"/>
      <c r="AZG18" s="8"/>
      <c r="AZH18" s="8"/>
      <c r="AZI18" s="8"/>
      <c r="AZJ18" s="8"/>
      <c r="AZK18" s="8"/>
      <c r="AZL18" s="8"/>
      <c r="AZM18" s="8"/>
      <c r="AZN18" s="8"/>
      <c r="AZO18" s="8"/>
      <c r="AZP18" s="8"/>
      <c r="AZQ18" s="8"/>
      <c r="AZR18" s="8"/>
      <c r="AZS18" s="8"/>
      <c r="AZT18" s="8"/>
      <c r="AZU18" s="8"/>
      <c r="AZV18" s="8"/>
      <c r="AZW18" s="8"/>
      <c r="AZX18" s="8"/>
      <c r="AZY18" s="8"/>
      <c r="AZZ18" s="8"/>
      <c r="BAA18" s="8"/>
      <c r="BAB18" s="8"/>
      <c r="BAC18" s="8"/>
      <c r="BAD18" s="8"/>
      <c r="BAE18" s="8"/>
      <c r="BAF18" s="8"/>
      <c r="BAG18" s="8"/>
      <c r="BAH18" s="8"/>
      <c r="BAI18" s="8"/>
      <c r="BAJ18" s="8"/>
      <c r="BAK18" s="8"/>
      <c r="BAL18" s="8"/>
      <c r="BAM18" s="8"/>
      <c r="BAN18" s="8"/>
      <c r="BAO18" s="8"/>
      <c r="BAP18" s="8"/>
      <c r="BAQ18" s="8"/>
      <c r="BAR18" s="8"/>
      <c r="BAS18" s="8"/>
      <c r="BAT18" s="8"/>
      <c r="BAU18" s="8"/>
      <c r="BAV18" s="8"/>
      <c r="BAW18" s="8"/>
      <c r="BAX18" s="8"/>
      <c r="BAY18" s="8"/>
      <c r="BAZ18" s="8"/>
      <c r="BBA18" s="8"/>
      <c r="BBB18" s="8"/>
      <c r="BBC18" s="8"/>
      <c r="BBD18" s="8"/>
      <c r="BBE18" s="8"/>
      <c r="BBF18" s="8"/>
      <c r="BBG18" s="8"/>
      <c r="BBH18" s="8"/>
      <c r="BBI18" s="8"/>
      <c r="BBJ18" s="8"/>
      <c r="BBK18" s="8"/>
      <c r="BBL18" s="8"/>
      <c r="BBM18" s="8"/>
      <c r="BBN18" s="8"/>
      <c r="BBO18" s="8"/>
      <c r="BBP18" s="8"/>
      <c r="BBQ18" s="8"/>
      <c r="BBR18" s="8"/>
      <c r="BBS18" s="8"/>
      <c r="BBT18" s="8"/>
      <c r="BBU18" s="8"/>
      <c r="BBV18" s="8"/>
      <c r="BBW18" s="8"/>
      <c r="BBX18" s="8"/>
      <c r="BBY18" s="8"/>
      <c r="BBZ18" s="8"/>
      <c r="BCA18" s="8"/>
      <c r="BCB18" s="8"/>
      <c r="BCC18" s="8"/>
      <c r="BCD18" s="8"/>
      <c r="BCE18" s="8"/>
      <c r="BCF18" s="8"/>
      <c r="BCG18" s="8"/>
      <c r="BCH18" s="8"/>
      <c r="BCI18" s="8"/>
      <c r="BCJ18" s="8"/>
      <c r="BCK18" s="8"/>
      <c r="BCL18" s="8"/>
      <c r="BCM18" s="8"/>
      <c r="BCN18" s="8"/>
      <c r="BCO18" s="8"/>
      <c r="BCP18" s="8"/>
      <c r="BCQ18" s="8"/>
      <c r="BCR18" s="8"/>
      <c r="BCS18" s="8"/>
      <c r="BCT18" s="8"/>
      <c r="BCU18" s="8"/>
      <c r="BCV18" s="8"/>
      <c r="BCW18" s="8"/>
      <c r="BCX18" s="8"/>
      <c r="BCY18" s="8"/>
      <c r="BCZ18" s="8"/>
      <c r="BDA18" s="8"/>
      <c r="BDB18" s="8"/>
      <c r="BDC18" s="8"/>
      <c r="BDD18" s="8"/>
      <c r="BDE18" s="8"/>
      <c r="BDF18" s="8"/>
      <c r="BDG18" s="8"/>
      <c r="BDH18" s="8"/>
      <c r="BDI18" s="8"/>
      <c r="BDJ18" s="8"/>
      <c r="BDK18" s="8"/>
      <c r="BDL18" s="8"/>
      <c r="BDM18" s="8"/>
      <c r="BDN18" s="8"/>
      <c r="BDO18" s="8"/>
      <c r="BDP18" s="8"/>
      <c r="BDQ18" s="8"/>
      <c r="BDR18" s="8"/>
      <c r="BDS18" s="8"/>
      <c r="BDT18" s="8"/>
      <c r="BDU18" s="8"/>
      <c r="BDV18" s="8"/>
      <c r="BDW18" s="8"/>
      <c r="BDX18" s="8"/>
      <c r="BDY18" s="8"/>
      <c r="BDZ18" s="8"/>
      <c r="BEA18" s="8"/>
      <c r="BEB18" s="8"/>
      <c r="BEC18" s="8"/>
      <c r="BED18" s="8"/>
      <c r="BEE18" s="8"/>
      <c r="BEF18" s="8"/>
      <c r="BEG18" s="8"/>
      <c r="BEH18" s="8"/>
      <c r="BEI18" s="8"/>
      <c r="BEJ18" s="8"/>
      <c r="BEK18" s="8"/>
      <c r="BEL18" s="8"/>
      <c r="BEM18" s="8"/>
      <c r="BEN18" s="8"/>
      <c r="BEO18" s="8"/>
      <c r="BEP18" s="8"/>
      <c r="BEQ18" s="8"/>
      <c r="BER18" s="8"/>
      <c r="BES18" s="8"/>
      <c r="BET18" s="8"/>
      <c r="BEU18" s="8"/>
      <c r="BEV18" s="8"/>
      <c r="BEW18" s="8"/>
      <c r="BEX18" s="8"/>
      <c r="BEY18" s="8"/>
      <c r="BEZ18" s="8"/>
      <c r="BFA18" s="8"/>
      <c r="BFB18" s="8"/>
      <c r="BFC18" s="8"/>
      <c r="BFD18" s="8"/>
      <c r="BFE18" s="8"/>
      <c r="BFF18" s="8"/>
      <c r="BFG18" s="8"/>
      <c r="BFH18" s="8"/>
      <c r="BFI18" s="8"/>
      <c r="BFJ18" s="8"/>
      <c r="BFK18" s="8"/>
      <c r="BFL18" s="8"/>
      <c r="BFM18" s="8"/>
      <c r="BFN18" s="8"/>
      <c r="BFO18" s="8"/>
      <c r="BFP18" s="8"/>
      <c r="BFQ18" s="8"/>
      <c r="BFR18" s="8"/>
      <c r="BFS18" s="8"/>
      <c r="BFT18" s="8"/>
      <c r="BFU18" s="8"/>
      <c r="BFV18" s="8"/>
      <c r="BFW18" s="8"/>
      <c r="BFX18" s="8"/>
      <c r="BFY18" s="8"/>
      <c r="BFZ18" s="8"/>
      <c r="BGA18" s="8"/>
      <c r="BGB18" s="8"/>
      <c r="BGC18" s="8"/>
      <c r="BGD18" s="8"/>
      <c r="BGE18" s="8"/>
      <c r="BGF18" s="8"/>
      <c r="BGG18" s="8"/>
      <c r="BGH18" s="8"/>
      <c r="BGI18" s="8"/>
      <c r="BGJ18" s="8"/>
      <c r="BGK18" s="8"/>
      <c r="BGL18" s="8"/>
      <c r="BGM18" s="8"/>
      <c r="BGN18" s="8"/>
      <c r="BGO18" s="8"/>
      <c r="BGP18" s="8"/>
      <c r="BGQ18" s="8"/>
      <c r="BGR18" s="8"/>
      <c r="BGS18" s="8"/>
      <c r="BGT18" s="8"/>
      <c r="BGU18" s="8"/>
      <c r="BGV18" s="8"/>
      <c r="BGW18" s="8"/>
      <c r="BGX18" s="8"/>
      <c r="BGY18" s="8"/>
      <c r="BGZ18" s="8"/>
      <c r="BHA18" s="8"/>
      <c r="BHB18" s="8"/>
      <c r="BHC18" s="8"/>
      <c r="BHD18" s="8"/>
      <c r="BHE18" s="8"/>
      <c r="BHF18" s="8"/>
      <c r="BHG18" s="8"/>
      <c r="BHH18" s="8"/>
      <c r="BHI18" s="8"/>
      <c r="BHJ18" s="8"/>
      <c r="BHK18" s="8"/>
      <c r="BHL18" s="8"/>
      <c r="BHM18" s="8"/>
      <c r="BHN18" s="8"/>
      <c r="BHO18" s="8"/>
      <c r="BHP18" s="8"/>
      <c r="BHQ18" s="8"/>
      <c r="BHR18" s="8"/>
      <c r="BHS18" s="8"/>
      <c r="BHT18" s="8"/>
      <c r="BHU18" s="8"/>
      <c r="BHV18" s="8"/>
      <c r="BHW18" s="8"/>
      <c r="BHX18" s="8"/>
      <c r="BHY18" s="8"/>
      <c r="BHZ18" s="8"/>
      <c r="BIA18" s="8"/>
      <c r="BIB18" s="8"/>
      <c r="BIC18" s="8"/>
      <c r="BID18" s="8"/>
      <c r="BIE18" s="8"/>
      <c r="BIF18" s="8"/>
      <c r="BIG18" s="8"/>
      <c r="BIH18" s="8"/>
      <c r="BII18" s="8"/>
      <c r="BIJ18" s="8"/>
      <c r="BIK18" s="8"/>
      <c r="BIL18" s="8"/>
      <c r="BIM18" s="8"/>
      <c r="BIN18" s="8"/>
      <c r="BIO18" s="8"/>
      <c r="BIP18" s="8"/>
      <c r="BIQ18" s="8"/>
      <c r="BIR18" s="8"/>
      <c r="BIS18" s="8"/>
      <c r="BIT18" s="8"/>
      <c r="BIU18" s="8"/>
      <c r="BIV18" s="8"/>
      <c r="BIW18" s="8"/>
      <c r="BIX18" s="8"/>
      <c r="BIY18" s="8"/>
      <c r="BIZ18" s="8"/>
      <c r="BJA18" s="8"/>
      <c r="BJB18" s="8"/>
      <c r="BJC18" s="8"/>
      <c r="BJD18" s="8"/>
      <c r="BJE18" s="8"/>
      <c r="BJF18" s="8"/>
      <c r="BJG18" s="8"/>
      <c r="BJH18" s="8"/>
      <c r="BJI18" s="8"/>
      <c r="BJJ18" s="8"/>
      <c r="BJK18" s="8"/>
      <c r="BJL18" s="8"/>
      <c r="BJM18" s="8"/>
      <c r="BJN18" s="8"/>
      <c r="BJO18" s="8"/>
      <c r="BJP18" s="8"/>
      <c r="BJQ18" s="8"/>
      <c r="BJR18" s="8"/>
      <c r="BJS18" s="8"/>
      <c r="BJT18" s="8"/>
      <c r="BJU18" s="8"/>
      <c r="BJV18" s="8"/>
      <c r="BJW18" s="8"/>
      <c r="BJX18" s="8"/>
      <c r="BJY18" s="8"/>
      <c r="BJZ18" s="8"/>
      <c r="BKA18" s="8"/>
      <c r="BKB18" s="8"/>
      <c r="BKC18" s="8"/>
      <c r="BKD18" s="8"/>
      <c r="BKE18" s="8"/>
      <c r="BKF18" s="8"/>
      <c r="BKG18" s="8"/>
      <c r="BKH18" s="8"/>
      <c r="BKI18" s="8"/>
      <c r="BKJ18" s="8"/>
      <c r="BKK18" s="8"/>
      <c r="BKL18" s="8"/>
      <c r="BKM18" s="8"/>
      <c r="BKN18" s="8"/>
      <c r="BKO18" s="8"/>
      <c r="BKP18" s="8"/>
      <c r="BKQ18" s="8"/>
      <c r="BKR18" s="8"/>
      <c r="BKS18" s="8"/>
      <c r="BKT18" s="8"/>
      <c r="BKU18" s="8"/>
      <c r="BKV18" s="8"/>
      <c r="BKW18" s="8"/>
      <c r="BKX18" s="8"/>
      <c r="BKY18" s="8"/>
      <c r="BKZ18" s="8"/>
      <c r="BLA18" s="8"/>
      <c r="BLB18" s="8"/>
      <c r="BLC18" s="8"/>
      <c r="BLD18" s="8"/>
      <c r="BLE18" s="8"/>
      <c r="BLF18" s="8"/>
      <c r="BLG18" s="8"/>
      <c r="BLH18" s="8"/>
      <c r="BLI18" s="8"/>
      <c r="BLJ18" s="8"/>
      <c r="BLK18" s="8"/>
      <c r="BLL18" s="8"/>
      <c r="BLM18" s="8"/>
      <c r="BLN18" s="8"/>
      <c r="BLO18" s="8"/>
      <c r="BLP18" s="8"/>
      <c r="BLQ18" s="8"/>
      <c r="BLR18" s="8"/>
      <c r="BLS18" s="8"/>
      <c r="BLT18" s="8"/>
      <c r="BLU18" s="8"/>
      <c r="BLV18" s="8"/>
      <c r="BLW18" s="8"/>
      <c r="BLX18" s="8"/>
      <c r="BLY18" s="8"/>
      <c r="BLZ18" s="8"/>
      <c r="BMA18" s="8"/>
      <c r="BMB18" s="8"/>
      <c r="BMC18" s="8"/>
      <c r="BMD18" s="8"/>
      <c r="BME18" s="8"/>
      <c r="BMF18" s="8"/>
      <c r="BMG18" s="8"/>
      <c r="BMH18" s="8"/>
      <c r="BMI18" s="8"/>
      <c r="BMJ18" s="8"/>
      <c r="BMK18" s="8"/>
      <c r="BML18" s="8"/>
      <c r="BMM18" s="8"/>
      <c r="BMN18" s="8"/>
      <c r="BMO18" s="8"/>
      <c r="BMP18" s="8"/>
      <c r="BMQ18" s="8"/>
      <c r="BMR18" s="8"/>
      <c r="BMS18" s="8"/>
      <c r="BMT18" s="8"/>
      <c r="BMU18" s="8"/>
      <c r="BMV18" s="8"/>
      <c r="BMW18" s="8"/>
      <c r="BMX18" s="8"/>
      <c r="BMY18" s="8"/>
      <c r="BMZ18" s="8"/>
      <c r="BNA18" s="8"/>
      <c r="BNB18" s="8"/>
      <c r="BNC18" s="8"/>
      <c r="BND18" s="8"/>
      <c r="BNE18" s="8"/>
      <c r="BNF18" s="8"/>
      <c r="BNG18" s="8"/>
      <c r="BNH18" s="8"/>
      <c r="BNI18" s="8"/>
      <c r="BNJ18" s="8"/>
      <c r="BNK18" s="8"/>
      <c r="BNL18" s="8"/>
      <c r="BNM18" s="8"/>
      <c r="BNN18" s="8"/>
      <c r="BNO18" s="8"/>
      <c r="BNP18" s="8"/>
      <c r="BNQ18" s="8"/>
      <c r="BNR18" s="8"/>
      <c r="BNS18" s="8"/>
      <c r="BNT18" s="8"/>
      <c r="BNU18" s="8"/>
      <c r="BNV18" s="8"/>
      <c r="BNW18" s="8"/>
      <c r="BNX18" s="8"/>
      <c r="BNY18" s="8"/>
      <c r="BNZ18" s="8"/>
      <c r="BOA18" s="8"/>
      <c r="BOB18" s="8"/>
      <c r="BOC18" s="8"/>
      <c r="BOD18" s="8"/>
      <c r="BOE18" s="8"/>
      <c r="BOF18" s="8"/>
      <c r="BOG18" s="8"/>
      <c r="BOH18" s="8"/>
      <c r="BOI18" s="8"/>
      <c r="BOJ18" s="8"/>
      <c r="BOK18" s="8"/>
      <c r="BOL18" s="8"/>
      <c r="BOM18" s="8"/>
      <c r="BON18" s="8"/>
      <c r="BOO18" s="8"/>
      <c r="BOP18" s="8"/>
      <c r="BOQ18" s="8"/>
      <c r="BOR18" s="8"/>
      <c r="BOS18" s="8"/>
      <c r="BOT18" s="8"/>
      <c r="BOU18" s="8"/>
      <c r="BOV18" s="8"/>
      <c r="BOW18" s="8"/>
      <c r="BOX18" s="8"/>
      <c r="BOY18" s="8"/>
      <c r="BOZ18" s="8"/>
      <c r="BPA18" s="8"/>
      <c r="BPB18" s="8"/>
      <c r="BPC18" s="8"/>
      <c r="BPD18" s="8"/>
      <c r="BPE18" s="8"/>
      <c r="BPF18" s="8"/>
      <c r="BPG18" s="8"/>
      <c r="BPH18" s="8"/>
      <c r="BPI18" s="8"/>
      <c r="BPJ18" s="8"/>
      <c r="BPK18" s="8"/>
      <c r="BPL18" s="8"/>
      <c r="BPM18" s="8"/>
      <c r="BPN18" s="8"/>
      <c r="BPO18" s="8"/>
      <c r="BPP18" s="8"/>
      <c r="BPQ18" s="8"/>
      <c r="BPR18" s="8"/>
      <c r="BPS18" s="8"/>
      <c r="BPT18" s="8"/>
      <c r="BPU18" s="8"/>
      <c r="BPV18" s="8"/>
      <c r="BPW18" s="8"/>
      <c r="BPX18" s="8"/>
      <c r="BPY18" s="8"/>
      <c r="BPZ18" s="8"/>
      <c r="BQA18" s="8"/>
      <c r="BQB18" s="8"/>
      <c r="BQC18" s="8"/>
      <c r="BQD18" s="8"/>
      <c r="BQE18" s="8"/>
      <c r="BQF18" s="8"/>
      <c r="BQG18" s="8"/>
      <c r="BQH18" s="8"/>
      <c r="BQI18" s="8"/>
      <c r="BQJ18" s="8"/>
      <c r="BQK18" s="8"/>
      <c r="BQL18" s="8"/>
      <c r="BQM18" s="8"/>
      <c r="BQN18" s="8"/>
      <c r="BQO18" s="8"/>
      <c r="BQP18" s="8"/>
      <c r="BQQ18" s="8"/>
      <c r="BQR18" s="8"/>
      <c r="BQS18" s="8"/>
      <c r="BQT18" s="8"/>
      <c r="BQU18" s="8"/>
      <c r="BQV18" s="8"/>
      <c r="BQW18" s="8"/>
      <c r="BQX18" s="8"/>
      <c r="BQY18" s="8"/>
      <c r="BQZ18" s="8"/>
      <c r="BRA18" s="8"/>
      <c r="BRB18" s="8"/>
      <c r="BRC18" s="8"/>
      <c r="BRD18" s="8"/>
      <c r="BRE18" s="8"/>
      <c r="BRF18" s="8"/>
      <c r="BRG18" s="8"/>
      <c r="BRH18" s="8"/>
      <c r="BRI18" s="8"/>
      <c r="BRJ18" s="8"/>
      <c r="BRK18" s="8"/>
      <c r="BRL18" s="8"/>
      <c r="BRM18" s="8"/>
      <c r="BRN18" s="8"/>
      <c r="BRO18" s="8"/>
      <c r="BRP18" s="8"/>
      <c r="BRQ18" s="8"/>
      <c r="BRR18" s="8"/>
      <c r="BRS18" s="8"/>
      <c r="BRT18" s="8"/>
      <c r="BRU18" s="8"/>
      <c r="BRV18" s="8"/>
      <c r="BRW18" s="8"/>
      <c r="BRX18" s="8"/>
      <c r="BRY18" s="8"/>
      <c r="BRZ18" s="8"/>
      <c r="BSA18" s="8"/>
      <c r="BSB18" s="8"/>
      <c r="BSC18" s="8"/>
      <c r="BSD18" s="8"/>
      <c r="BSE18" s="8"/>
      <c r="BSF18" s="8"/>
      <c r="BSG18" s="8"/>
      <c r="BSH18" s="8"/>
      <c r="BSI18" s="8"/>
      <c r="BSJ18" s="8"/>
      <c r="BSK18" s="8"/>
      <c r="BSL18" s="8"/>
      <c r="BSM18" s="8"/>
      <c r="BSN18" s="8"/>
      <c r="BSO18" s="8"/>
      <c r="BSP18" s="8"/>
      <c r="BSQ18" s="8"/>
      <c r="BSR18" s="8"/>
      <c r="BSS18" s="8"/>
      <c r="BST18" s="8"/>
      <c r="BSU18" s="8"/>
      <c r="BSV18" s="8"/>
      <c r="BSW18" s="8"/>
      <c r="BSX18" s="8"/>
      <c r="BSY18" s="8"/>
      <c r="BSZ18" s="8"/>
      <c r="BTA18" s="8"/>
      <c r="BTB18" s="8"/>
      <c r="BTC18" s="8"/>
      <c r="BTD18" s="8"/>
      <c r="BTE18" s="8"/>
      <c r="BTF18" s="8"/>
      <c r="BTG18" s="8"/>
      <c r="BTH18" s="8"/>
      <c r="BTI18" s="8"/>
      <c r="BTJ18" s="8"/>
      <c r="BTK18" s="8"/>
      <c r="BTL18" s="8"/>
      <c r="BTM18" s="8"/>
      <c r="BTN18" s="8"/>
      <c r="BTO18" s="8"/>
      <c r="BTP18" s="8"/>
      <c r="BTQ18" s="8"/>
      <c r="BTR18" s="8"/>
      <c r="BTS18" s="8"/>
      <c r="BTT18" s="8"/>
      <c r="BTU18" s="8"/>
      <c r="BTV18" s="8"/>
      <c r="BTW18" s="8"/>
      <c r="BTX18" s="8"/>
      <c r="BTY18" s="8"/>
      <c r="BTZ18" s="8"/>
      <c r="BUA18" s="8"/>
      <c r="BUB18" s="8"/>
      <c r="BUC18" s="8"/>
      <c r="BUD18" s="8"/>
      <c r="BUE18" s="8"/>
      <c r="BUF18" s="8"/>
      <c r="BUG18" s="8"/>
      <c r="BUH18" s="8"/>
      <c r="BUI18" s="8"/>
      <c r="BUJ18" s="8"/>
      <c r="BUK18" s="8"/>
      <c r="BUL18" s="8"/>
      <c r="BUM18" s="8"/>
      <c r="BUN18" s="8"/>
      <c r="BUO18" s="8"/>
      <c r="BUP18" s="8"/>
      <c r="BUQ18" s="8"/>
      <c r="BUR18" s="8"/>
      <c r="BUS18" s="8"/>
      <c r="BUT18" s="8"/>
      <c r="BUU18" s="8"/>
      <c r="BUV18" s="8"/>
      <c r="BUW18" s="8"/>
      <c r="BUX18" s="8"/>
      <c r="BUY18" s="8"/>
      <c r="BUZ18" s="8"/>
      <c r="BVA18" s="8"/>
      <c r="BVB18" s="8"/>
      <c r="BVC18" s="8"/>
      <c r="BVD18" s="8"/>
      <c r="BVE18" s="8"/>
      <c r="BVF18" s="8"/>
      <c r="BVG18" s="8"/>
      <c r="BVH18" s="8"/>
      <c r="BVI18" s="8"/>
      <c r="BVJ18" s="8"/>
      <c r="BVK18" s="8"/>
      <c r="BVL18" s="8"/>
      <c r="BVM18" s="8"/>
      <c r="BVN18" s="8"/>
      <c r="BVO18" s="8"/>
      <c r="BVP18" s="8"/>
      <c r="BVQ18" s="8"/>
      <c r="BVR18" s="8"/>
      <c r="BVS18" s="8"/>
      <c r="BVT18" s="8"/>
      <c r="BVU18" s="8"/>
      <c r="BVV18" s="8"/>
      <c r="BVW18" s="8"/>
      <c r="BVX18" s="8"/>
      <c r="BVY18" s="8"/>
      <c r="BVZ18" s="8"/>
      <c r="BWA18" s="8"/>
      <c r="BWB18" s="8"/>
      <c r="BWC18" s="8"/>
      <c r="BWD18" s="8"/>
      <c r="BWE18" s="8"/>
      <c r="BWF18" s="8"/>
      <c r="BWG18" s="8"/>
      <c r="BWH18" s="8"/>
      <c r="BWI18" s="8"/>
      <c r="BWJ18" s="8"/>
      <c r="BWK18" s="8"/>
      <c r="BWL18" s="8"/>
      <c r="BWM18" s="8"/>
      <c r="BWN18" s="8"/>
      <c r="BWO18" s="8"/>
      <c r="BWP18" s="8"/>
      <c r="BWQ18" s="8"/>
      <c r="BWR18" s="8"/>
      <c r="BWS18" s="8"/>
      <c r="BWT18" s="8"/>
      <c r="BWU18" s="8"/>
      <c r="BWV18" s="8"/>
      <c r="BWW18" s="8"/>
      <c r="BWX18" s="8"/>
      <c r="BWY18" s="8"/>
      <c r="BWZ18" s="8"/>
      <c r="BXA18" s="8"/>
      <c r="BXB18" s="8"/>
      <c r="BXC18" s="8"/>
      <c r="BXD18" s="8"/>
      <c r="BXE18" s="8"/>
      <c r="BXF18" s="8"/>
      <c r="BXG18" s="8"/>
      <c r="BXH18" s="8"/>
      <c r="BXI18" s="8"/>
      <c r="BXJ18" s="8"/>
      <c r="BXK18" s="8"/>
      <c r="BXL18" s="8"/>
      <c r="BXM18" s="8"/>
      <c r="BXN18" s="8"/>
      <c r="BXO18" s="8"/>
      <c r="BXP18" s="8"/>
      <c r="BXQ18" s="8"/>
      <c r="BXR18" s="8"/>
      <c r="BXS18" s="8"/>
      <c r="BXT18" s="8"/>
      <c r="BXU18" s="8"/>
      <c r="BXV18" s="8"/>
      <c r="BXW18" s="8"/>
      <c r="BXX18" s="8"/>
      <c r="BXY18" s="8"/>
      <c r="BXZ18" s="8"/>
      <c r="BYA18" s="8"/>
      <c r="BYB18" s="8"/>
      <c r="BYC18" s="8"/>
      <c r="BYD18" s="8"/>
      <c r="BYE18" s="8"/>
      <c r="BYF18" s="8"/>
      <c r="BYG18" s="8"/>
      <c r="BYH18" s="8"/>
      <c r="BYI18" s="8"/>
      <c r="BYJ18" s="8"/>
      <c r="BYK18" s="8"/>
      <c r="BYL18" s="8"/>
      <c r="BYM18" s="8"/>
      <c r="BYN18" s="8"/>
      <c r="BYO18" s="8"/>
      <c r="BYP18" s="8"/>
      <c r="BYQ18" s="8"/>
      <c r="BYR18" s="8"/>
      <c r="BYS18" s="8"/>
      <c r="BYT18" s="8"/>
      <c r="BYU18" s="8"/>
      <c r="BYV18" s="8"/>
      <c r="BYW18" s="8"/>
      <c r="BYX18" s="8"/>
      <c r="BYY18" s="8"/>
      <c r="BYZ18" s="8"/>
      <c r="BZA18" s="8"/>
      <c r="BZB18" s="8"/>
      <c r="BZC18" s="8"/>
      <c r="BZD18" s="8"/>
      <c r="BZE18" s="8"/>
      <c r="BZF18" s="8"/>
      <c r="BZG18" s="8"/>
      <c r="BZH18" s="8"/>
      <c r="BZI18" s="8"/>
      <c r="BZJ18" s="8"/>
      <c r="BZK18" s="8"/>
      <c r="BZL18" s="8"/>
      <c r="BZM18" s="8"/>
      <c r="BZN18" s="8"/>
      <c r="BZO18" s="8"/>
      <c r="BZP18" s="8"/>
      <c r="BZQ18" s="8"/>
      <c r="BZR18" s="8"/>
      <c r="BZS18" s="8"/>
      <c r="BZT18" s="8"/>
      <c r="BZU18" s="8"/>
      <c r="BZV18" s="8"/>
      <c r="BZW18" s="8"/>
      <c r="BZX18" s="8"/>
      <c r="BZY18" s="8"/>
      <c r="BZZ18" s="8"/>
      <c r="CAA18" s="8"/>
      <c r="CAB18" s="8"/>
      <c r="CAC18" s="8"/>
      <c r="CAD18" s="8"/>
      <c r="CAE18" s="8"/>
      <c r="CAF18" s="8"/>
      <c r="CAG18" s="8"/>
      <c r="CAH18" s="8"/>
      <c r="CAI18" s="8"/>
      <c r="CAJ18" s="8"/>
      <c r="CAK18" s="8"/>
      <c r="CAL18" s="8"/>
      <c r="CAM18" s="8"/>
      <c r="CAN18" s="8"/>
      <c r="CAO18" s="8"/>
      <c r="CAP18" s="8"/>
      <c r="CAQ18" s="8"/>
      <c r="CAR18" s="8"/>
      <c r="CAS18" s="8"/>
      <c r="CAT18" s="8"/>
      <c r="CAU18" s="8"/>
      <c r="CAV18" s="8"/>
      <c r="CAW18" s="8"/>
      <c r="CAX18" s="8"/>
      <c r="CAY18" s="8"/>
      <c r="CAZ18" s="8"/>
      <c r="CBA18" s="8"/>
      <c r="CBB18" s="8"/>
      <c r="CBC18" s="8"/>
      <c r="CBD18" s="8"/>
      <c r="CBE18" s="8"/>
      <c r="CBF18" s="8"/>
      <c r="CBG18" s="8"/>
      <c r="CBH18" s="8"/>
      <c r="CBI18" s="8"/>
      <c r="CBJ18" s="8"/>
      <c r="CBK18" s="8"/>
      <c r="CBL18" s="8"/>
      <c r="CBM18" s="8"/>
      <c r="CBN18" s="8"/>
      <c r="CBO18" s="8"/>
      <c r="CBP18" s="8"/>
      <c r="CBQ18" s="8"/>
      <c r="CBR18" s="8"/>
      <c r="CBS18" s="8"/>
      <c r="CBT18" s="8"/>
      <c r="CBU18" s="8"/>
      <c r="CBV18" s="8"/>
      <c r="CBW18" s="8"/>
      <c r="CBX18" s="8"/>
      <c r="CBY18" s="8"/>
      <c r="CBZ18" s="8"/>
      <c r="CCA18" s="8"/>
      <c r="CCB18" s="8"/>
      <c r="CCC18" s="8"/>
      <c r="CCD18" s="8"/>
      <c r="CCE18" s="8"/>
      <c r="CCF18" s="8"/>
      <c r="CCG18" s="8"/>
      <c r="CCH18" s="8"/>
      <c r="CCI18" s="8"/>
      <c r="CCJ18" s="8"/>
      <c r="CCK18" s="8"/>
      <c r="CCL18" s="8"/>
      <c r="CCM18" s="8"/>
      <c r="CCN18" s="8"/>
      <c r="CCO18" s="8"/>
      <c r="CCP18" s="8"/>
      <c r="CCQ18" s="8"/>
      <c r="CCR18" s="8"/>
      <c r="CCS18" s="8"/>
      <c r="CCT18" s="8"/>
      <c r="CCU18" s="8"/>
      <c r="CCV18" s="8"/>
      <c r="CCW18" s="8"/>
      <c r="CCX18" s="8"/>
      <c r="CCY18" s="8"/>
      <c r="CCZ18" s="8"/>
      <c r="CDA18" s="8"/>
      <c r="CDB18" s="8"/>
      <c r="CDC18" s="8"/>
      <c r="CDD18" s="8"/>
      <c r="CDE18" s="8"/>
      <c r="CDF18" s="8"/>
      <c r="CDG18" s="8"/>
      <c r="CDH18" s="8"/>
      <c r="CDI18" s="8"/>
      <c r="CDJ18" s="8"/>
      <c r="CDK18" s="8"/>
      <c r="CDL18" s="8"/>
      <c r="CDM18" s="8"/>
      <c r="CDN18" s="8"/>
      <c r="CDO18" s="8"/>
      <c r="CDP18" s="8"/>
      <c r="CDQ18" s="8"/>
      <c r="CDR18" s="8"/>
      <c r="CDS18" s="8"/>
      <c r="CDT18" s="8"/>
      <c r="CDU18" s="8"/>
      <c r="CDV18" s="8"/>
      <c r="CDW18" s="8"/>
      <c r="CDX18" s="8"/>
      <c r="CDY18" s="8"/>
      <c r="CDZ18" s="8"/>
      <c r="CEA18" s="8"/>
      <c r="CEB18" s="8"/>
      <c r="CEC18" s="8"/>
      <c r="CED18" s="8"/>
      <c r="CEE18" s="8"/>
      <c r="CEF18" s="8"/>
      <c r="CEG18" s="8"/>
      <c r="CEH18" s="8"/>
      <c r="CEI18" s="8"/>
      <c r="CEJ18" s="8"/>
      <c r="CEK18" s="8"/>
      <c r="CEL18" s="8"/>
      <c r="CEM18" s="8"/>
      <c r="CEN18" s="8"/>
      <c r="CEO18" s="8"/>
      <c r="CEP18" s="8"/>
      <c r="CEQ18" s="8"/>
      <c r="CER18" s="8"/>
      <c r="CES18" s="8"/>
      <c r="CET18" s="8"/>
      <c r="CEU18" s="8"/>
      <c r="CEV18" s="8"/>
      <c r="CEW18" s="8"/>
      <c r="CEX18" s="8"/>
      <c r="CEY18" s="8"/>
      <c r="CEZ18" s="8"/>
      <c r="CFA18" s="8"/>
      <c r="CFB18" s="8"/>
      <c r="CFC18" s="8"/>
      <c r="CFD18" s="8"/>
      <c r="CFE18" s="8"/>
      <c r="CFF18" s="8"/>
      <c r="CFG18" s="8"/>
      <c r="CFH18" s="8"/>
      <c r="CFI18" s="8"/>
      <c r="CFJ18" s="8"/>
      <c r="CFK18" s="8"/>
      <c r="CFL18" s="8"/>
      <c r="CFM18" s="8"/>
      <c r="CFN18" s="8"/>
      <c r="CFO18" s="8"/>
      <c r="CFP18" s="8"/>
      <c r="CFQ18" s="8"/>
      <c r="CFR18" s="8"/>
      <c r="CFS18" s="8"/>
      <c r="CFT18" s="8"/>
      <c r="CFU18" s="8"/>
      <c r="CFV18" s="8"/>
      <c r="CFW18" s="8"/>
      <c r="CFX18" s="8"/>
      <c r="CFY18" s="8"/>
      <c r="CFZ18" s="8"/>
      <c r="CGA18" s="8"/>
      <c r="CGB18" s="8"/>
      <c r="CGC18" s="8"/>
      <c r="CGD18" s="8"/>
      <c r="CGE18" s="8"/>
      <c r="CGF18" s="8"/>
      <c r="CGG18" s="8"/>
      <c r="CGH18" s="8"/>
      <c r="CGI18" s="8"/>
      <c r="CGJ18" s="8"/>
      <c r="CGK18" s="8"/>
      <c r="CGL18" s="8"/>
      <c r="CGM18" s="8"/>
      <c r="CGN18" s="8"/>
      <c r="CGO18" s="8"/>
      <c r="CGP18" s="8"/>
      <c r="CGQ18" s="8"/>
      <c r="CGR18" s="8"/>
      <c r="CGS18" s="8"/>
      <c r="CGT18" s="8"/>
      <c r="CGU18" s="8"/>
      <c r="CGV18" s="8"/>
      <c r="CGW18" s="8"/>
      <c r="CGX18" s="8"/>
      <c r="CGY18" s="8"/>
      <c r="CGZ18" s="8"/>
      <c r="CHA18" s="8"/>
      <c r="CHB18" s="8"/>
      <c r="CHC18" s="8"/>
      <c r="CHD18" s="8"/>
      <c r="CHE18" s="8"/>
      <c r="CHF18" s="8"/>
      <c r="CHG18" s="8"/>
      <c r="CHH18" s="8"/>
      <c r="CHI18" s="8"/>
      <c r="CHJ18" s="8"/>
      <c r="CHK18" s="8"/>
      <c r="CHL18" s="8"/>
      <c r="CHM18" s="8"/>
      <c r="CHN18" s="8"/>
      <c r="CHO18" s="8"/>
      <c r="CHP18" s="8"/>
      <c r="CHQ18" s="8"/>
      <c r="CHR18" s="8"/>
      <c r="CHS18" s="8"/>
      <c r="CHT18" s="8"/>
      <c r="CHU18" s="8"/>
      <c r="CHV18" s="8"/>
      <c r="CHW18" s="8"/>
      <c r="CHX18" s="8"/>
      <c r="CHY18" s="8"/>
      <c r="CHZ18" s="8"/>
      <c r="CIA18" s="8"/>
      <c r="CIB18" s="8"/>
      <c r="CIC18" s="8"/>
      <c r="CID18" s="8"/>
      <c r="CIE18" s="8"/>
      <c r="CIF18" s="8"/>
      <c r="CIG18" s="8"/>
      <c r="CIH18" s="8"/>
      <c r="CII18" s="8"/>
      <c r="CIJ18" s="8"/>
      <c r="CIK18" s="8"/>
      <c r="CIL18" s="8"/>
      <c r="CIM18" s="8"/>
      <c r="CIN18" s="8"/>
      <c r="CIO18" s="8"/>
      <c r="CIP18" s="8"/>
      <c r="CIQ18" s="8"/>
      <c r="CIR18" s="8"/>
      <c r="CIS18" s="8"/>
      <c r="CIT18" s="8"/>
      <c r="CIU18" s="8"/>
      <c r="CIV18" s="8"/>
      <c r="CIW18" s="8"/>
      <c r="CIX18" s="8"/>
      <c r="CIY18" s="8"/>
      <c r="CIZ18" s="8"/>
      <c r="CJA18" s="8"/>
      <c r="CJB18" s="8"/>
      <c r="CJC18" s="8"/>
      <c r="CJD18" s="8"/>
      <c r="CJE18" s="8"/>
      <c r="CJF18" s="8"/>
      <c r="CJG18" s="8"/>
      <c r="CJH18" s="8"/>
      <c r="CJI18" s="8"/>
      <c r="CJJ18" s="8"/>
      <c r="CJK18" s="8"/>
      <c r="CJL18" s="8"/>
      <c r="CJM18" s="8"/>
      <c r="CJN18" s="8"/>
      <c r="CJO18" s="8"/>
      <c r="CJP18" s="8"/>
      <c r="CJQ18" s="8"/>
      <c r="CJR18" s="8"/>
      <c r="CJS18" s="8"/>
      <c r="CJT18" s="8"/>
      <c r="CJU18" s="8"/>
      <c r="CJV18" s="8"/>
      <c r="CJW18" s="8"/>
      <c r="CJX18" s="8"/>
      <c r="CJY18" s="8"/>
      <c r="CJZ18" s="8"/>
      <c r="CKA18" s="8"/>
      <c r="CKB18" s="8"/>
      <c r="CKC18" s="8"/>
      <c r="CKD18" s="8"/>
      <c r="CKE18" s="8"/>
      <c r="CKF18" s="8"/>
      <c r="CKG18" s="8"/>
      <c r="CKH18" s="8"/>
      <c r="CKI18" s="8"/>
      <c r="CKJ18" s="8"/>
      <c r="CKK18" s="8"/>
      <c r="CKL18" s="8"/>
      <c r="CKM18" s="8"/>
      <c r="CKN18" s="8"/>
      <c r="CKO18" s="8"/>
      <c r="CKP18" s="8"/>
      <c r="CKQ18" s="8"/>
      <c r="CKR18" s="8"/>
      <c r="CKS18" s="8"/>
      <c r="CKT18" s="8"/>
      <c r="CKU18" s="8"/>
      <c r="CKV18" s="8"/>
      <c r="CKW18" s="8"/>
      <c r="CKX18" s="8"/>
      <c r="CKY18" s="8"/>
      <c r="CKZ18" s="8"/>
      <c r="CLA18" s="8"/>
      <c r="CLB18" s="8"/>
      <c r="CLC18" s="8"/>
      <c r="CLD18" s="8"/>
      <c r="CLE18" s="8"/>
      <c r="CLF18" s="8"/>
      <c r="CLG18" s="8"/>
      <c r="CLH18" s="8"/>
      <c r="CLI18" s="8"/>
      <c r="CLJ18" s="8"/>
      <c r="CLK18" s="8"/>
      <c r="CLL18" s="8"/>
      <c r="CLM18" s="8"/>
      <c r="CLN18" s="8"/>
      <c r="CLO18" s="8"/>
      <c r="CLP18" s="8"/>
      <c r="CLQ18" s="8"/>
      <c r="CLR18" s="8"/>
      <c r="CLS18" s="8"/>
      <c r="CLT18" s="8"/>
      <c r="CLU18" s="8"/>
      <c r="CLV18" s="8"/>
      <c r="CLW18" s="8"/>
      <c r="CLX18" s="8"/>
      <c r="CLY18" s="8"/>
      <c r="CLZ18" s="8"/>
      <c r="CMA18" s="8"/>
      <c r="CMB18" s="8"/>
      <c r="CMC18" s="8"/>
      <c r="CMD18" s="8"/>
      <c r="CME18" s="8"/>
      <c r="CMF18" s="8"/>
      <c r="CMG18" s="8"/>
      <c r="CMH18" s="8"/>
      <c r="CMI18" s="8"/>
      <c r="CMJ18" s="8"/>
      <c r="CMK18" s="8"/>
      <c r="CML18" s="8"/>
      <c r="CMM18" s="8"/>
      <c r="CMN18" s="8"/>
      <c r="CMO18" s="8"/>
      <c r="CMP18" s="8"/>
      <c r="CMQ18" s="8"/>
      <c r="CMR18" s="8"/>
      <c r="CMS18" s="8"/>
      <c r="CMT18" s="8"/>
      <c r="CMU18" s="8"/>
      <c r="CMV18" s="8"/>
      <c r="CMW18" s="8"/>
      <c r="CMX18" s="8"/>
      <c r="CMY18" s="8"/>
      <c r="CMZ18" s="8"/>
      <c r="CNA18" s="8"/>
      <c r="CNB18" s="8"/>
      <c r="CNC18" s="8"/>
      <c r="CND18" s="8"/>
      <c r="CNE18" s="8"/>
      <c r="CNF18" s="8"/>
      <c r="CNG18" s="8"/>
      <c r="CNH18" s="8"/>
      <c r="CNI18" s="8"/>
      <c r="CNJ18" s="8"/>
      <c r="CNK18" s="8"/>
      <c r="CNL18" s="8"/>
      <c r="CNM18" s="8"/>
      <c r="CNN18" s="8"/>
      <c r="CNO18" s="8"/>
      <c r="CNP18" s="8"/>
      <c r="CNQ18" s="8"/>
      <c r="CNR18" s="8"/>
      <c r="CNS18" s="8"/>
      <c r="CNT18" s="8"/>
      <c r="CNU18" s="8"/>
      <c r="CNV18" s="8"/>
      <c r="CNW18" s="8"/>
      <c r="CNX18" s="8"/>
      <c r="CNY18" s="8"/>
      <c r="CNZ18" s="8"/>
      <c r="COA18" s="8"/>
      <c r="COB18" s="8"/>
      <c r="COC18" s="8"/>
      <c r="COD18" s="8"/>
      <c r="COE18" s="8"/>
      <c r="COF18" s="8"/>
      <c r="COG18" s="8"/>
      <c r="COH18" s="8"/>
      <c r="COI18" s="8"/>
      <c r="COJ18" s="8"/>
      <c r="COK18" s="8"/>
      <c r="COL18" s="8"/>
      <c r="COM18" s="8"/>
      <c r="CON18" s="8"/>
      <c r="COO18" s="8"/>
      <c r="COP18" s="8"/>
      <c r="COQ18" s="8"/>
      <c r="COR18" s="8"/>
      <c r="COS18" s="8"/>
      <c r="COT18" s="8"/>
      <c r="COU18" s="8"/>
      <c r="COV18" s="8"/>
      <c r="COW18" s="8"/>
      <c r="COX18" s="8"/>
      <c r="COY18" s="8"/>
      <c r="COZ18" s="8"/>
      <c r="CPA18" s="8"/>
      <c r="CPB18" s="8"/>
      <c r="CPC18" s="8"/>
      <c r="CPD18" s="8"/>
      <c r="CPE18" s="8"/>
      <c r="CPF18" s="8"/>
      <c r="CPG18" s="8"/>
      <c r="CPH18" s="8"/>
      <c r="CPI18" s="8"/>
      <c r="CPJ18" s="8"/>
      <c r="CPK18" s="8"/>
      <c r="CPL18" s="8"/>
      <c r="CPM18" s="8"/>
      <c r="CPN18" s="8"/>
      <c r="CPO18" s="8"/>
      <c r="CPP18" s="8"/>
      <c r="CPQ18" s="8"/>
      <c r="CPR18" s="8"/>
      <c r="CPS18" s="8"/>
      <c r="CPT18" s="8"/>
      <c r="CPU18" s="8"/>
      <c r="CPV18" s="8"/>
      <c r="CPW18" s="8"/>
      <c r="CPX18" s="8"/>
      <c r="CPY18" s="8"/>
      <c r="CPZ18" s="8"/>
      <c r="CQA18" s="8"/>
      <c r="CQB18" s="8"/>
      <c r="CQC18" s="8"/>
      <c r="CQD18" s="8"/>
      <c r="CQE18" s="8"/>
      <c r="CQF18" s="8"/>
      <c r="CQG18" s="8"/>
      <c r="CQH18" s="8"/>
      <c r="CQI18" s="8"/>
      <c r="CQJ18" s="8"/>
      <c r="CQK18" s="8"/>
      <c r="CQL18" s="8"/>
      <c r="CQM18" s="8"/>
      <c r="CQN18" s="8"/>
      <c r="CQO18" s="8"/>
      <c r="CQP18" s="8"/>
      <c r="CQQ18" s="8"/>
      <c r="CQR18" s="8"/>
      <c r="CQS18" s="8"/>
      <c r="CQT18" s="8"/>
      <c r="CQU18" s="8"/>
      <c r="CQV18" s="8"/>
      <c r="CQW18" s="8"/>
      <c r="CQX18" s="8"/>
      <c r="CQY18" s="8"/>
      <c r="CQZ18" s="8"/>
      <c r="CRA18" s="8"/>
      <c r="CRB18" s="8"/>
      <c r="CRC18" s="8"/>
      <c r="CRD18" s="8"/>
      <c r="CRE18" s="8"/>
      <c r="CRF18" s="8"/>
      <c r="CRG18" s="8"/>
      <c r="CRH18" s="8"/>
      <c r="CRI18" s="8"/>
      <c r="CRJ18" s="8"/>
      <c r="CRK18" s="8"/>
      <c r="CRL18" s="8"/>
      <c r="CRM18" s="8"/>
      <c r="CRN18" s="8"/>
      <c r="CRO18" s="8"/>
      <c r="CRP18" s="8"/>
      <c r="CRQ18" s="8"/>
      <c r="CRR18" s="8"/>
      <c r="CRS18" s="8"/>
      <c r="CRT18" s="8"/>
      <c r="CRU18" s="8"/>
      <c r="CRV18" s="8"/>
      <c r="CRW18" s="8"/>
      <c r="CRX18" s="8"/>
      <c r="CRY18" s="8"/>
      <c r="CRZ18" s="8"/>
      <c r="CSA18" s="8"/>
      <c r="CSB18" s="8"/>
      <c r="CSC18" s="8"/>
      <c r="CSD18" s="8"/>
      <c r="CSE18" s="8"/>
      <c r="CSF18" s="8"/>
      <c r="CSG18" s="8"/>
      <c r="CSH18" s="8"/>
      <c r="CSI18" s="8"/>
      <c r="CSJ18" s="8"/>
      <c r="CSK18" s="8"/>
      <c r="CSL18" s="8"/>
      <c r="CSM18" s="8"/>
      <c r="CSN18" s="8"/>
      <c r="CSO18" s="8"/>
      <c r="CSP18" s="8"/>
      <c r="CSQ18" s="8"/>
      <c r="CSR18" s="8"/>
      <c r="CSS18" s="8"/>
      <c r="CST18" s="8"/>
      <c r="CSU18" s="8"/>
      <c r="CSV18" s="8"/>
      <c r="CSW18" s="8"/>
      <c r="CSX18" s="8"/>
      <c r="CSY18" s="8"/>
      <c r="CSZ18" s="8"/>
      <c r="CTA18" s="8"/>
      <c r="CTB18" s="8"/>
      <c r="CTC18" s="8"/>
      <c r="CTD18" s="8"/>
      <c r="CTE18" s="8"/>
      <c r="CTF18" s="8"/>
      <c r="CTG18" s="8"/>
      <c r="CTH18" s="8"/>
      <c r="CTI18" s="8"/>
      <c r="CTJ18" s="8"/>
      <c r="CTK18" s="8"/>
      <c r="CTL18" s="8"/>
      <c r="CTM18" s="8"/>
      <c r="CTN18" s="8"/>
      <c r="CTO18" s="8"/>
      <c r="CTP18" s="8"/>
      <c r="CTQ18" s="8"/>
      <c r="CTR18" s="8"/>
      <c r="CTS18" s="8"/>
      <c r="CTT18" s="8"/>
      <c r="CTU18" s="8"/>
      <c r="CTV18" s="8"/>
      <c r="CTW18" s="8"/>
      <c r="CTX18" s="8"/>
      <c r="CTY18" s="8"/>
      <c r="CTZ18" s="8"/>
      <c r="CUA18" s="8"/>
      <c r="CUB18" s="8"/>
      <c r="CUC18" s="8"/>
      <c r="CUD18" s="8"/>
      <c r="CUE18" s="8"/>
      <c r="CUF18" s="8"/>
      <c r="CUG18" s="8"/>
      <c r="CUH18" s="8"/>
      <c r="CUI18" s="8"/>
      <c r="CUJ18" s="8"/>
      <c r="CUK18" s="8"/>
      <c r="CUL18" s="8"/>
      <c r="CUM18" s="8"/>
      <c r="CUN18" s="8"/>
      <c r="CUO18" s="8"/>
      <c r="CUP18" s="8"/>
      <c r="CUQ18" s="8"/>
      <c r="CUR18" s="8"/>
      <c r="CUS18" s="8"/>
      <c r="CUT18" s="8"/>
      <c r="CUU18" s="8"/>
      <c r="CUV18" s="8"/>
      <c r="CUW18" s="8"/>
      <c r="CUX18" s="8"/>
      <c r="CUY18" s="8"/>
      <c r="CUZ18" s="8"/>
      <c r="CVA18" s="8"/>
      <c r="CVB18" s="8"/>
      <c r="CVC18" s="8"/>
      <c r="CVD18" s="8"/>
      <c r="CVE18" s="8"/>
      <c r="CVF18" s="8"/>
      <c r="CVG18" s="8"/>
      <c r="CVH18" s="8"/>
      <c r="CVI18" s="8"/>
      <c r="CVJ18" s="8"/>
      <c r="CVK18" s="8"/>
      <c r="CVL18" s="8"/>
      <c r="CVM18" s="8"/>
      <c r="CVN18" s="8"/>
      <c r="CVO18" s="8"/>
      <c r="CVP18" s="8"/>
      <c r="CVQ18" s="8"/>
      <c r="CVR18" s="8"/>
      <c r="CVS18" s="8"/>
      <c r="CVT18" s="8"/>
      <c r="CVU18" s="8"/>
      <c r="CVV18" s="8"/>
      <c r="CVW18" s="8"/>
      <c r="CVX18" s="8"/>
      <c r="CVY18" s="8"/>
      <c r="CVZ18" s="8"/>
      <c r="CWA18" s="8"/>
      <c r="CWB18" s="8"/>
      <c r="CWC18" s="8"/>
      <c r="CWD18" s="8"/>
      <c r="CWE18" s="8"/>
      <c r="CWF18" s="8"/>
      <c r="CWG18" s="8"/>
      <c r="CWH18" s="8"/>
      <c r="CWI18" s="8"/>
      <c r="CWJ18" s="8"/>
      <c r="CWK18" s="8"/>
      <c r="CWL18" s="8"/>
      <c r="CWM18" s="8"/>
      <c r="CWN18" s="8"/>
      <c r="CWO18" s="8"/>
      <c r="CWP18" s="8"/>
      <c r="CWQ18" s="8"/>
      <c r="CWR18" s="8"/>
      <c r="CWS18" s="8"/>
      <c r="CWT18" s="8"/>
      <c r="CWU18" s="8"/>
      <c r="CWV18" s="8"/>
      <c r="CWW18" s="8"/>
      <c r="CWX18" s="8"/>
      <c r="CWY18" s="8"/>
      <c r="CWZ18" s="8"/>
      <c r="CXA18" s="8"/>
      <c r="CXB18" s="8"/>
      <c r="CXC18" s="8"/>
      <c r="CXD18" s="8"/>
      <c r="CXE18" s="8"/>
      <c r="CXF18" s="8"/>
      <c r="CXG18" s="8"/>
      <c r="CXH18" s="8"/>
      <c r="CXI18" s="8"/>
      <c r="CXJ18" s="8"/>
      <c r="CXK18" s="8"/>
      <c r="CXL18" s="8"/>
      <c r="CXM18" s="8"/>
      <c r="CXN18" s="8"/>
      <c r="CXO18" s="8"/>
      <c r="CXP18" s="8"/>
      <c r="CXQ18" s="8"/>
      <c r="CXR18" s="8"/>
      <c r="CXS18" s="8"/>
      <c r="CXT18" s="8"/>
      <c r="CXU18" s="8"/>
      <c r="CXV18" s="8"/>
      <c r="CXW18" s="8"/>
      <c r="CXX18" s="8"/>
      <c r="CXY18" s="8"/>
      <c r="CXZ18" s="8"/>
      <c r="CYA18" s="8"/>
      <c r="CYB18" s="8"/>
      <c r="CYC18" s="8"/>
      <c r="CYD18" s="8"/>
      <c r="CYE18" s="8"/>
      <c r="CYF18" s="8"/>
      <c r="CYG18" s="8"/>
      <c r="CYH18" s="8"/>
      <c r="CYI18" s="8"/>
      <c r="CYJ18" s="8"/>
      <c r="CYK18" s="8"/>
      <c r="CYL18" s="8"/>
      <c r="CYM18" s="8"/>
      <c r="CYN18" s="8"/>
      <c r="CYO18" s="8"/>
      <c r="CYP18" s="8"/>
      <c r="CYQ18" s="8"/>
      <c r="CYR18" s="8"/>
      <c r="CYS18" s="8"/>
      <c r="CYT18" s="8"/>
      <c r="CYU18" s="8"/>
      <c r="CYV18" s="8"/>
      <c r="CYW18" s="8"/>
      <c r="CYX18" s="8"/>
      <c r="CYY18" s="8"/>
      <c r="CYZ18" s="8"/>
      <c r="CZA18" s="8"/>
      <c r="CZB18" s="8"/>
      <c r="CZC18" s="8"/>
      <c r="CZD18" s="8"/>
      <c r="CZE18" s="8"/>
      <c r="CZF18" s="8"/>
      <c r="CZG18" s="8"/>
      <c r="CZH18" s="8"/>
      <c r="CZI18" s="8"/>
      <c r="CZJ18" s="8"/>
      <c r="CZK18" s="8"/>
      <c r="CZL18" s="8"/>
      <c r="CZM18" s="8"/>
      <c r="CZN18" s="8"/>
      <c r="CZO18" s="8"/>
      <c r="CZP18" s="8"/>
      <c r="CZQ18" s="8"/>
      <c r="CZR18" s="8"/>
      <c r="CZS18" s="8"/>
      <c r="CZT18" s="8"/>
      <c r="CZU18" s="8"/>
      <c r="CZV18" s="8"/>
      <c r="CZW18" s="8"/>
      <c r="CZX18" s="8"/>
      <c r="CZY18" s="8"/>
      <c r="CZZ18" s="8"/>
      <c r="DAA18" s="8"/>
      <c r="DAB18" s="8"/>
      <c r="DAC18" s="8"/>
      <c r="DAD18" s="8"/>
      <c r="DAE18" s="8"/>
      <c r="DAF18" s="8"/>
      <c r="DAG18" s="8"/>
      <c r="DAH18" s="8"/>
      <c r="DAI18" s="8"/>
      <c r="DAJ18" s="8"/>
      <c r="DAK18" s="8"/>
      <c r="DAL18" s="8"/>
      <c r="DAM18" s="8"/>
      <c r="DAN18" s="8"/>
      <c r="DAO18" s="8"/>
      <c r="DAP18" s="8"/>
      <c r="DAQ18" s="8"/>
      <c r="DAR18" s="8"/>
      <c r="DAS18" s="8"/>
      <c r="DAT18" s="8"/>
      <c r="DAU18" s="8"/>
      <c r="DAV18" s="8"/>
      <c r="DAW18" s="8"/>
      <c r="DAX18" s="8"/>
      <c r="DAY18" s="8"/>
      <c r="DAZ18" s="8"/>
      <c r="DBA18" s="8"/>
      <c r="DBB18" s="8"/>
      <c r="DBC18" s="8"/>
      <c r="DBD18" s="8"/>
      <c r="DBE18" s="8"/>
      <c r="DBF18" s="8"/>
      <c r="DBG18" s="8"/>
      <c r="DBH18" s="8"/>
      <c r="DBI18" s="8"/>
      <c r="DBJ18" s="8"/>
      <c r="DBK18" s="8"/>
      <c r="DBL18" s="8"/>
      <c r="DBM18" s="8"/>
      <c r="DBN18" s="8"/>
      <c r="DBO18" s="8"/>
      <c r="DBP18" s="8"/>
      <c r="DBQ18" s="8"/>
      <c r="DBR18" s="8"/>
      <c r="DBS18" s="8"/>
      <c r="DBT18" s="8"/>
      <c r="DBU18" s="8"/>
      <c r="DBV18" s="8"/>
      <c r="DBW18" s="8"/>
      <c r="DBX18" s="8"/>
      <c r="DBY18" s="8"/>
      <c r="DBZ18" s="8"/>
      <c r="DCA18" s="8"/>
      <c r="DCB18" s="8"/>
      <c r="DCC18" s="8"/>
      <c r="DCD18" s="8"/>
      <c r="DCE18" s="8"/>
      <c r="DCF18" s="8"/>
      <c r="DCG18" s="8"/>
      <c r="DCH18" s="8"/>
      <c r="DCI18" s="8"/>
      <c r="DCJ18" s="8"/>
      <c r="DCK18" s="8"/>
      <c r="DCL18" s="8"/>
      <c r="DCM18" s="8"/>
      <c r="DCN18" s="8"/>
      <c r="DCO18" s="8"/>
      <c r="DCP18" s="8"/>
      <c r="DCQ18" s="8"/>
      <c r="DCR18" s="8"/>
      <c r="DCS18" s="8"/>
      <c r="DCT18" s="8"/>
      <c r="DCU18" s="8"/>
      <c r="DCV18" s="8"/>
      <c r="DCW18" s="8"/>
      <c r="DCX18" s="8"/>
      <c r="DCY18" s="8"/>
      <c r="DCZ18" s="8"/>
      <c r="DDA18" s="8"/>
      <c r="DDB18" s="8"/>
      <c r="DDC18" s="8"/>
      <c r="DDD18" s="8"/>
      <c r="DDE18" s="8"/>
      <c r="DDF18" s="8"/>
      <c r="DDG18" s="8"/>
      <c r="DDH18" s="8"/>
      <c r="DDI18" s="8"/>
      <c r="DDJ18" s="8"/>
      <c r="DDK18" s="8"/>
      <c r="DDL18" s="8"/>
      <c r="DDM18" s="8"/>
      <c r="DDN18" s="8"/>
      <c r="DDO18" s="8"/>
      <c r="DDP18" s="8"/>
      <c r="DDQ18" s="8"/>
      <c r="DDR18" s="8"/>
      <c r="DDS18" s="8"/>
      <c r="DDT18" s="8"/>
      <c r="DDU18" s="8"/>
      <c r="DDV18" s="8"/>
      <c r="DDW18" s="8"/>
      <c r="DDX18" s="8"/>
      <c r="DDY18" s="8"/>
      <c r="DDZ18" s="8"/>
      <c r="DEA18" s="8"/>
      <c r="DEB18" s="8"/>
      <c r="DEC18" s="8"/>
      <c r="DED18" s="8"/>
      <c r="DEE18" s="8"/>
      <c r="DEF18" s="8"/>
      <c r="DEG18" s="8"/>
      <c r="DEH18" s="8"/>
      <c r="DEI18" s="8"/>
      <c r="DEJ18" s="8"/>
      <c r="DEK18" s="8"/>
      <c r="DEL18" s="8"/>
      <c r="DEM18" s="8"/>
      <c r="DEN18" s="8"/>
      <c r="DEO18" s="8"/>
      <c r="DEP18" s="8"/>
      <c r="DEQ18" s="8"/>
      <c r="DER18" s="8"/>
      <c r="DES18" s="8"/>
      <c r="DET18" s="8"/>
      <c r="DEU18" s="8"/>
      <c r="DEV18" s="8"/>
      <c r="DEW18" s="8"/>
      <c r="DEX18" s="8"/>
      <c r="DEY18" s="8"/>
      <c r="DEZ18" s="8"/>
      <c r="DFA18" s="8"/>
      <c r="DFB18" s="8"/>
      <c r="DFC18" s="8"/>
      <c r="DFD18" s="8"/>
      <c r="DFE18" s="8"/>
      <c r="DFF18" s="8"/>
      <c r="DFG18" s="8"/>
      <c r="DFH18" s="8"/>
      <c r="DFI18" s="8"/>
      <c r="DFJ18" s="8"/>
      <c r="DFK18" s="8"/>
      <c r="DFL18" s="8"/>
      <c r="DFM18" s="8"/>
      <c r="DFN18" s="8"/>
      <c r="DFO18" s="8"/>
      <c r="DFP18" s="8"/>
      <c r="DFQ18" s="8"/>
      <c r="DFR18" s="8"/>
      <c r="DFS18" s="8"/>
      <c r="DFT18" s="8"/>
      <c r="DFU18" s="8"/>
      <c r="DFV18" s="8"/>
      <c r="DFW18" s="8"/>
      <c r="DFX18" s="8"/>
      <c r="DFY18" s="8"/>
      <c r="DFZ18" s="8"/>
      <c r="DGA18" s="8"/>
      <c r="DGB18" s="8"/>
      <c r="DGC18" s="8"/>
      <c r="DGD18" s="8"/>
      <c r="DGE18" s="8"/>
      <c r="DGF18" s="8"/>
      <c r="DGG18" s="8"/>
      <c r="DGH18" s="8"/>
      <c r="DGI18" s="8"/>
      <c r="DGJ18" s="8"/>
      <c r="DGK18" s="8"/>
      <c r="DGL18" s="8"/>
      <c r="DGM18" s="8"/>
      <c r="DGN18" s="8"/>
      <c r="DGO18" s="8"/>
      <c r="DGP18" s="8"/>
      <c r="DGQ18" s="8"/>
      <c r="DGR18" s="8"/>
      <c r="DGS18" s="8"/>
      <c r="DGT18" s="8"/>
      <c r="DGU18" s="8"/>
      <c r="DGV18" s="8"/>
      <c r="DGW18" s="8"/>
      <c r="DGX18" s="8"/>
      <c r="DGY18" s="8"/>
      <c r="DGZ18" s="8"/>
      <c r="DHA18" s="8"/>
      <c r="DHB18" s="8"/>
      <c r="DHC18" s="8"/>
      <c r="DHD18" s="8"/>
      <c r="DHE18" s="8"/>
      <c r="DHF18" s="8"/>
      <c r="DHG18" s="8"/>
      <c r="DHH18" s="8"/>
      <c r="DHI18" s="8"/>
      <c r="DHJ18" s="8"/>
      <c r="DHK18" s="8"/>
      <c r="DHL18" s="8"/>
      <c r="DHM18" s="8"/>
      <c r="DHN18" s="8"/>
      <c r="DHO18" s="8"/>
      <c r="DHP18" s="8"/>
      <c r="DHQ18" s="8"/>
      <c r="DHR18" s="8"/>
      <c r="DHS18" s="8"/>
      <c r="DHT18" s="8"/>
      <c r="DHU18" s="8"/>
      <c r="DHV18" s="8"/>
      <c r="DHW18" s="8"/>
      <c r="DHX18" s="8"/>
      <c r="DHY18" s="8"/>
      <c r="DHZ18" s="8"/>
      <c r="DIA18" s="8"/>
      <c r="DIB18" s="8"/>
      <c r="DIC18" s="8"/>
      <c r="DID18" s="8"/>
      <c r="DIE18" s="8"/>
      <c r="DIF18" s="8"/>
      <c r="DIG18" s="8"/>
      <c r="DIH18" s="8"/>
      <c r="DII18" s="8"/>
      <c r="DIJ18" s="8"/>
      <c r="DIK18" s="8"/>
      <c r="DIL18" s="8"/>
      <c r="DIM18" s="8"/>
      <c r="DIN18" s="8"/>
      <c r="DIO18" s="8"/>
      <c r="DIP18" s="8"/>
      <c r="DIQ18" s="8"/>
      <c r="DIR18" s="8"/>
      <c r="DIS18" s="8"/>
      <c r="DIT18" s="8"/>
      <c r="DIU18" s="8"/>
      <c r="DIV18" s="8"/>
      <c r="DIW18" s="8"/>
      <c r="DIX18" s="8"/>
      <c r="DIY18" s="8"/>
      <c r="DIZ18" s="8"/>
      <c r="DJA18" s="8"/>
      <c r="DJB18" s="8"/>
      <c r="DJC18" s="8"/>
      <c r="DJD18" s="8"/>
      <c r="DJE18" s="8"/>
      <c r="DJF18" s="8"/>
      <c r="DJG18" s="8"/>
      <c r="DJH18" s="8"/>
      <c r="DJI18" s="8"/>
      <c r="DJJ18" s="8"/>
      <c r="DJK18" s="8"/>
      <c r="DJL18" s="8"/>
      <c r="DJM18" s="8"/>
      <c r="DJN18" s="8"/>
      <c r="DJO18" s="8"/>
      <c r="DJP18" s="8"/>
      <c r="DJQ18" s="8"/>
      <c r="DJR18" s="8"/>
      <c r="DJS18" s="8"/>
      <c r="DJT18" s="8"/>
      <c r="DJU18" s="8"/>
      <c r="DJV18" s="8"/>
      <c r="DJW18" s="8"/>
      <c r="DJX18" s="8"/>
      <c r="DJY18" s="8"/>
      <c r="DJZ18" s="8"/>
      <c r="DKA18" s="8"/>
      <c r="DKB18" s="8"/>
      <c r="DKC18" s="8"/>
      <c r="DKD18" s="8"/>
      <c r="DKE18" s="8"/>
      <c r="DKF18" s="8"/>
      <c r="DKG18" s="8"/>
      <c r="DKH18" s="8"/>
      <c r="DKI18" s="8"/>
      <c r="DKJ18" s="8"/>
      <c r="DKK18" s="8"/>
      <c r="DKL18" s="8"/>
      <c r="DKM18" s="8"/>
      <c r="DKN18" s="8"/>
      <c r="DKO18" s="8"/>
      <c r="DKP18" s="8"/>
      <c r="DKQ18" s="8"/>
      <c r="DKR18" s="8"/>
      <c r="DKS18" s="8"/>
      <c r="DKT18" s="8"/>
      <c r="DKU18" s="8"/>
      <c r="DKV18" s="8"/>
      <c r="DKW18" s="8"/>
      <c r="DKX18" s="8"/>
      <c r="DKY18" s="8"/>
      <c r="DKZ18" s="8"/>
      <c r="DLA18" s="8"/>
      <c r="DLB18" s="8"/>
      <c r="DLC18" s="8"/>
      <c r="DLD18" s="8"/>
      <c r="DLE18" s="8"/>
      <c r="DLF18" s="8"/>
      <c r="DLG18" s="8"/>
      <c r="DLH18" s="8"/>
      <c r="DLI18" s="8"/>
      <c r="DLJ18" s="8"/>
      <c r="DLK18" s="8"/>
      <c r="DLL18" s="8"/>
      <c r="DLM18" s="8"/>
      <c r="DLN18" s="8"/>
      <c r="DLO18" s="8"/>
      <c r="DLP18" s="8"/>
      <c r="DLQ18" s="8"/>
      <c r="DLR18" s="8"/>
      <c r="DLS18" s="8"/>
      <c r="DLT18" s="8"/>
      <c r="DLU18" s="8"/>
      <c r="DLV18" s="8"/>
      <c r="DLW18" s="8"/>
      <c r="DLX18" s="8"/>
      <c r="DLY18" s="8"/>
      <c r="DLZ18" s="8"/>
      <c r="DMA18" s="8"/>
      <c r="DMB18" s="8"/>
      <c r="DMC18" s="8"/>
      <c r="DMD18" s="8"/>
      <c r="DME18" s="8"/>
      <c r="DMF18" s="8"/>
      <c r="DMG18" s="8"/>
      <c r="DMH18" s="8"/>
      <c r="DMI18" s="8"/>
      <c r="DMJ18" s="8"/>
      <c r="DMK18" s="8"/>
      <c r="DML18" s="8"/>
      <c r="DMM18" s="8"/>
      <c r="DMN18" s="8"/>
      <c r="DMO18" s="8"/>
      <c r="DMP18" s="8"/>
      <c r="DMQ18" s="8"/>
      <c r="DMR18" s="8"/>
      <c r="DMS18" s="8"/>
      <c r="DMT18" s="8"/>
      <c r="DMU18" s="8"/>
      <c r="DMV18" s="8"/>
      <c r="DMW18" s="8"/>
      <c r="DMX18" s="8"/>
      <c r="DMY18" s="8"/>
      <c r="DMZ18" s="8"/>
      <c r="DNA18" s="8"/>
      <c r="DNB18" s="8"/>
      <c r="DNC18" s="8"/>
      <c r="DND18" s="8"/>
      <c r="DNE18" s="8"/>
      <c r="DNF18" s="8"/>
      <c r="DNG18" s="8"/>
      <c r="DNH18" s="8"/>
      <c r="DNI18" s="8"/>
      <c r="DNJ18" s="8"/>
      <c r="DNK18" s="8"/>
      <c r="DNL18" s="8"/>
      <c r="DNM18" s="8"/>
      <c r="DNN18" s="8"/>
      <c r="DNO18" s="8"/>
      <c r="DNP18" s="8"/>
      <c r="DNQ18" s="8"/>
      <c r="DNR18" s="8"/>
      <c r="DNS18" s="8"/>
      <c r="DNT18" s="8"/>
      <c r="DNU18" s="8"/>
      <c r="DNV18" s="8"/>
      <c r="DNW18" s="8"/>
      <c r="DNX18" s="8"/>
      <c r="DNY18" s="8"/>
      <c r="DNZ18" s="8"/>
      <c r="DOA18" s="8"/>
      <c r="DOB18" s="8"/>
      <c r="DOC18" s="8"/>
      <c r="DOD18" s="8"/>
      <c r="DOE18" s="8"/>
      <c r="DOF18" s="8"/>
      <c r="DOG18" s="8"/>
      <c r="DOH18" s="8"/>
      <c r="DOI18" s="8"/>
      <c r="DOJ18" s="8"/>
      <c r="DOK18" s="8"/>
      <c r="DOL18" s="8"/>
      <c r="DOM18" s="8"/>
      <c r="DON18" s="8"/>
      <c r="DOO18" s="8"/>
      <c r="DOP18" s="8"/>
      <c r="DOQ18" s="8"/>
      <c r="DOR18" s="8"/>
      <c r="DOS18" s="8"/>
      <c r="DOT18" s="8"/>
      <c r="DOU18" s="8"/>
      <c r="DOV18" s="8"/>
      <c r="DOW18" s="8"/>
      <c r="DOX18" s="8"/>
      <c r="DOY18" s="8"/>
      <c r="DOZ18" s="8"/>
      <c r="DPA18" s="8"/>
      <c r="DPB18" s="8"/>
      <c r="DPC18" s="8"/>
      <c r="DPD18" s="8"/>
      <c r="DPE18" s="8"/>
      <c r="DPF18" s="8"/>
      <c r="DPG18" s="8"/>
      <c r="DPH18" s="8"/>
      <c r="DPI18" s="8"/>
      <c r="DPJ18" s="8"/>
      <c r="DPK18" s="8"/>
      <c r="DPL18" s="8"/>
      <c r="DPM18" s="8"/>
      <c r="DPN18" s="8"/>
      <c r="DPO18" s="8"/>
      <c r="DPP18" s="8"/>
      <c r="DPQ18" s="8"/>
      <c r="DPR18" s="8"/>
      <c r="DPS18" s="8"/>
      <c r="DPT18" s="8"/>
      <c r="DPU18" s="8"/>
      <c r="DPV18" s="8"/>
      <c r="DPW18" s="8"/>
      <c r="DPX18" s="8"/>
      <c r="DPY18" s="8"/>
      <c r="DPZ18" s="8"/>
      <c r="DQA18" s="8"/>
      <c r="DQB18" s="8"/>
      <c r="DQC18" s="8"/>
      <c r="DQD18" s="8"/>
      <c r="DQE18" s="8"/>
      <c r="DQF18" s="8"/>
      <c r="DQG18" s="8"/>
      <c r="DQH18" s="8"/>
      <c r="DQI18" s="8"/>
      <c r="DQJ18" s="8"/>
      <c r="DQK18" s="8"/>
      <c r="DQL18" s="8"/>
      <c r="DQM18" s="8"/>
      <c r="DQN18" s="8"/>
      <c r="DQO18" s="8"/>
      <c r="DQP18" s="8"/>
      <c r="DQQ18" s="8"/>
      <c r="DQR18" s="8"/>
      <c r="DQS18" s="8"/>
      <c r="DQT18" s="8"/>
      <c r="DQU18" s="8"/>
      <c r="DQV18" s="8"/>
      <c r="DQW18" s="8"/>
      <c r="DQX18" s="8"/>
      <c r="DQY18" s="8"/>
      <c r="DQZ18" s="8"/>
      <c r="DRA18" s="8"/>
      <c r="DRB18" s="8"/>
      <c r="DRC18" s="8"/>
      <c r="DRD18" s="8"/>
      <c r="DRE18" s="8"/>
      <c r="DRF18" s="8"/>
      <c r="DRG18" s="8"/>
      <c r="DRH18" s="8"/>
      <c r="DRI18" s="8"/>
      <c r="DRJ18" s="8"/>
      <c r="DRK18" s="8"/>
      <c r="DRL18" s="8"/>
      <c r="DRM18" s="8"/>
      <c r="DRN18" s="8"/>
      <c r="DRO18" s="8"/>
      <c r="DRP18" s="8"/>
      <c r="DRQ18" s="8"/>
      <c r="DRR18" s="8"/>
      <c r="DRS18" s="8"/>
      <c r="DRT18" s="8"/>
      <c r="DRU18" s="8"/>
      <c r="DRV18" s="8"/>
      <c r="DRW18" s="8"/>
      <c r="DRX18" s="8"/>
      <c r="DRY18" s="8"/>
      <c r="DRZ18" s="8"/>
      <c r="DSA18" s="8"/>
      <c r="DSB18" s="8"/>
      <c r="DSC18" s="8"/>
      <c r="DSD18" s="8"/>
      <c r="DSE18" s="8"/>
      <c r="DSF18" s="8"/>
      <c r="DSG18" s="8"/>
      <c r="DSH18" s="8"/>
      <c r="DSI18" s="8"/>
      <c r="DSJ18" s="8"/>
      <c r="DSK18" s="8"/>
      <c r="DSL18" s="8"/>
      <c r="DSM18" s="8"/>
      <c r="DSN18" s="8"/>
      <c r="DSO18" s="8"/>
      <c r="DSP18" s="8"/>
      <c r="DSQ18" s="8"/>
      <c r="DSR18" s="8"/>
      <c r="DSS18" s="8"/>
      <c r="DST18" s="8"/>
      <c r="DSU18" s="8"/>
      <c r="DSV18" s="8"/>
      <c r="DSW18" s="8"/>
      <c r="DSX18" s="8"/>
      <c r="DSY18" s="8"/>
      <c r="DSZ18" s="8"/>
      <c r="DTA18" s="8"/>
      <c r="DTB18" s="8"/>
      <c r="DTC18" s="8"/>
      <c r="DTD18" s="8"/>
      <c r="DTE18" s="8"/>
      <c r="DTF18" s="8"/>
      <c r="DTG18" s="8"/>
      <c r="DTH18" s="8"/>
      <c r="DTI18" s="8"/>
      <c r="DTJ18" s="8"/>
      <c r="DTK18" s="8"/>
      <c r="DTL18" s="8"/>
      <c r="DTM18" s="8"/>
      <c r="DTN18" s="8"/>
      <c r="DTO18" s="8"/>
      <c r="DTP18" s="8"/>
      <c r="DTQ18" s="8"/>
      <c r="DTR18" s="8"/>
      <c r="DTS18" s="8"/>
      <c r="DTT18" s="8"/>
      <c r="DTU18" s="8"/>
      <c r="DTV18" s="8"/>
      <c r="DTW18" s="8"/>
      <c r="DTX18" s="8"/>
      <c r="DTY18" s="8"/>
      <c r="DTZ18" s="8"/>
      <c r="DUA18" s="8"/>
      <c r="DUB18" s="8"/>
      <c r="DUC18" s="8"/>
      <c r="DUD18" s="8"/>
      <c r="DUE18" s="8"/>
      <c r="DUF18" s="8"/>
      <c r="DUG18" s="8"/>
      <c r="DUH18" s="8"/>
      <c r="DUI18" s="8"/>
      <c r="DUJ18" s="8"/>
      <c r="DUK18" s="8"/>
      <c r="DUL18" s="8"/>
      <c r="DUM18" s="8"/>
      <c r="DUN18" s="8"/>
      <c r="DUO18" s="8"/>
      <c r="DUP18" s="8"/>
      <c r="DUQ18" s="8"/>
      <c r="DUR18" s="8"/>
      <c r="DUS18" s="8"/>
      <c r="DUT18" s="8"/>
      <c r="DUU18" s="8"/>
      <c r="DUV18" s="8"/>
      <c r="DUW18" s="8"/>
      <c r="DUX18" s="8"/>
      <c r="DUY18" s="8"/>
      <c r="DUZ18" s="8"/>
      <c r="DVA18" s="8"/>
      <c r="DVB18" s="8"/>
      <c r="DVC18" s="8"/>
      <c r="DVD18" s="8"/>
      <c r="DVE18" s="8"/>
      <c r="DVF18" s="8"/>
      <c r="DVG18" s="8"/>
      <c r="DVH18" s="8"/>
      <c r="DVI18" s="8"/>
      <c r="DVJ18" s="8"/>
      <c r="DVK18" s="8"/>
      <c r="DVL18" s="8"/>
      <c r="DVM18" s="8"/>
      <c r="DVN18" s="8"/>
      <c r="DVO18" s="8"/>
      <c r="DVP18" s="8"/>
      <c r="DVQ18" s="8"/>
      <c r="DVR18" s="8"/>
      <c r="DVS18" s="8"/>
      <c r="DVT18" s="8"/>
      <c r="DVU18" s="8"/>
      <c r="DVV18" s="8"/>
      <c r="DVW18" s="8"/>
      <c r="DVX18" s="8"/>
      <c r="DVY18" s="8"/>
      <c r="DVZ18" s="8"/>
      <c r="DWA18" s="8"/>
      <c r="DWB18" s="8"/>
      <c r="DWC18" s="8"/>
      <c r="DWD18" s="8"/>
      <c r="DWE18" s="8"/>
      <c r="DWF18" s="8"/>
      <c r="DWG18" s="8"/>
      <c r="DWH18" s="8"/>
      <c r="DWI18" s="8"/>
      <c r="DWJ18" s="8"/>
      <c r="DWK18" s="8"/>
      <c r="DWL18" s="8"/>
      <c r="DWM18" s="8"/>
      <c r="DWN18" s="8"/>
      <c r="DWO18" s="8"/>
      <c r="DWP18" s="8"/>
      <c r="DWQ18" s="8"/>
      <c r="DWR18" s="8"/>
      <c r="DWS18" s="8"/>
      <c r="DWT18" s="8"/>
      <c r="DWU18" s="8"/>
      <c r="DWV18" s="8"/>
      <c r="DWW18" s="8"/>
      <c r="DWX18" s="8"/>
      <c r="DWY18" s="8"/>
      <c r="DWZ18" s="8"/>
      <c r="DXA18" s="8"/>
      <c r="DXB18" s="8"/>
      <c r="DXC18" s="8"/>
      <c r="DXD18" s="8"/>
      <c r="DXE18" s="8"/>
      <c r="DXF18" s="8"/>
      <c r="DXG18" s="8"/>
      <c r="DXH18" s="8"/>
      <c r="DXI18" s="8"/>
      <c r="DXJ18" s="8"/>
      <c r="DXK18" s="8"/>
      <c r="DXL18" s="8"/>
      <c r="DXM18" s="8"/>
      <c r="DXN18" s="8"/>
      <c r="DXO18" s="8"/>
      <c r="DXP18" s="8"/>
      <c r="DXQ18" s="8"/>
      <c r="DXR18" s="8"/>
      <c r="DXS18" s="8"/>
      <c r="DXT18" s="8"/>
      <c r="DXU18" s="8"/>
      <c r="DXV18" s="8"/>
      <c r="DXW18" s="8"/>
      <c r="DXX18" s="8"/>
      <c r="DXY18" s="8"/>
      <c r="DXZ18" s="8"/>
      <c r="DYA18" s="8"/>
      <c r="DYB18" s="8"/>
      <c r="DYC18" s="8"/>
      <c r="DYD18" s="8"/>
      <c r="DYE18" s="8"/>
      <c r="DYF18" s="8"/>
      <c r="DYG18" s="8"/>
      <c r="DYH18" s="8"/>
      <c r="DYI18" s="8"/>
      <c r="DYJ18" s="8"/>
      <c r="DYK18" s="8"/>
      <c r="DYL18" s="8"/>
      <c r="DYM18" s="8"/>
      <c r="DYN18" s="8"/>
      <c r="DYO18" s="8"/>
      <c r="DYP18" s="8"/>
      <c r="DYQ18" s="8"/>
      <c r="DYR18" s="8"/>
      <c r="DYS18" s="8"/>
      <c r="DYT18" s="8"/>
      <c r="DYU18" s="8"/>
      <c r="DYV18" s="8"/>
      <c r="DYW18" s="8"/>
      <c r="DYX18" s="8"/>
      <c r="DYY18" s="8"/>
      <c r="DYZ18" s="8"/>
      <c r="DZA18" s="8"/>
      <c r="DZB18" s="8"/>
      <c r="DZC18" s="8"/>
      <c r="DZD18" s="8"/>
      <c r="DZE18" s="8"/>
      <c r="DZF18" s="8"/>
      <c r="DZG18" s="8"/>
      <c r="DZH18" s="8"/>
      <c r="DZI18" s="8"/>
      <c r="DZJ18" s="8"/>
      <c r="DZK18" s="8"/>
      <c r="DZL18" s="8"/>
      <c r="DZM18" s="8"/>
      <c r="DZN18" s="8"/>
      <c r="DZO18" s="8"/>
      <c r="DZP18" s="8"/>
      <c r="DZQ18" s="8"/>
      <c r="DZR18" s="8"/>
      <c r="DZS18" s="8"/>
      <c r="DZT18" s="8"/>
      <c r="DZU18" s="8"/>
      <c r="DZV18" s="8"/>
      <c r="DZW18" s="8"/>
      <c r="DZX18" s="8"/>
      <c r="DZY18" s="8"/>
      <c r="DZZ18" s="8"/>
      <c r="EAA18" s="8"/>
      <c r="EAB18" s="8"/>
      <c r="EAC18" s="8"/>
      <c r="EAD18" s="8"/>
      <c r="EAE18" s="8"/>
      <c r="EAF18" s="8"/>
      <c r="EAG18" s="8"/>
      <c r="EAH18" s="8"/>
      <c r="EAI18" s="8"/>
      <c r="EAJ18" s="8"/>
      <c r="EAK18" s="8"/>
      <c r="EAL18" s="8"/>
      <c r="EAM18" s="8"/>
      <c r="EAN18" s="8"/>
      <c r="EAO18" s="8"/>
      <c r="EAP18" s="8"/>
      <c r="EAQ18" s="8"/>
      <c r="EAR18" s="8"/>
      <c r="EAS18" s="8"/>
      <c r="EAT18" s="8"/>
      <c r="EAU18" s="8"/>
      <c r="EAV18" s="8"/>
      <c r="EAW18" s="8"/>
      <c r="EAX18" s="8"/>
      <c r="EAY18" s="8"/>
      <c r="EAZ18" s="8"/>
      <c r="EBA18" s="8"/>
      <c r="EBB18" s="8"/>
      <c r="EBC18" s="8"/>
      <c r="EBD18" s="8"/>
      <c r="EBE18" s="8"/>
      <c r="EBF18" s="8"/>
      <c r="EBG18" s="8"/>
      <c r="EBH18" s="8"/>
      <c r="EBI18" s="8"/>
      <c r="EBJ18" s="8"/>
      <c r="EBK18" s="8"/>
      <c r="EBL18" s="8"/>
      <c r="EBM18" s="8"/>
      <c r="EBN18" s="8"/>
      <c r="EBO18" s="8"/>
      <c r="EBP18" s="8"/>
      <c r="EBQ18" s="8"/>
      <c r="EBR18" s="8"/>
      <c r="EBS18" s="8"/>
      <c r="EBT18" s="8"/>
      <c r="EBU18" s="8"/>
      <c r="EBV18" s="8"/>
      <c r="EBW18" s="8"/>
      <c r="EBX18" s="8"/>
      <c r="EBY18" s="8"/>
      <c r="EBZ18" s="8"/>
      <c r="ECA18" s="8"/>
      <c r="ECB18" s="8"/>
      <c r="ECC18" s="8"/>
      <c r="ECD18" s="8"/>
      <c r="ECE18" s="8"/>
      <c r="ECF18" s="8"/>
      <c r="ECG18" s="8"/>
      <c r="ECH18" s="8"/>
      <c r="ECI18" s="8"/>
      <c r="ECJ18" s="8"/>
      <c r="ECK18" s="8"/>
      <c r="ECL18" s="8"/>
      <c r="ECM18" s="8"/>
      <c r="ECN18" s="8"/>
      <c r="ECO18" s="8"/>
      <c r="ECP18" s="8"/>
      <c r="ECQ18" s="8"/>
      <c r="ECR18" s="8"/>
      <c r="ECS18" s="8"/>
      <c r="ECT18" s="8"/>
      <c r="ECU18" s="8"/>
      <c r="ECV18" s="8"/>
      <c r="ECW18" s="8"/>
      <c r="ECX18" s="8"/>
      <c r="ECY18" s="8"/>
      <c r="ECZ18" s="8"/>
      <c r="EDA18" s="8"/>
      <c r="EDB18" s="8"/>
      <c r="EDC18" s="8"/>
      <c r="EDD18" s="8"/>
      <c r="EDE18" s="8"/>
      <c r="EDF18" s="8"/>
      <c r="EDG18" s="8"/>
      <c r="EDH18" s="8"/>
      <c r="EDI18" s="8"/>
      <c r="EDJ18" s="8"/>
      <c r="EDK18" s="8"/>
      <c r="EDL18" s="8"/>
      <c r="EDM18" s="8"/>
      <c r="EDN18" s="8"/>
      <c r="EDO18" s="8"/>
      <c r="EDP18" s="8"/>
      <c r="EDQ18" s="8"/>
      <c r="EDR18" s="8"/>
      <c r="EDS18" s="8"/>
      <c r="EDT18" s="8"/>
      <c r="EDU18" s="8"/>
      <c r="EDV18" s="8"/>
      <c r="EDW18" s="8"/>
      <c r="EDX18" s="8"/>
      <c r="EDY18" s="8"/>
      <c r="EDZ18" s="8"/>
      <c r="EEA18" s="8"/>
      <c r="EEB18" s="8"/>
      <c r="EEC18" s="8"/>
      <c r="EED18" s="8"/>
      <c r="EEE18" s="8"/>
      <c r="EEF18" s="8"/>
      <c r="EEG18" s="8"/>
      <c r="EEH18" s="8"/>
      <c r="EEI18" s="8"/>
      <c r="EEJ18" s="8"/>
      <c r="EEK18" s="8"/>
      <c r="EEL18" s="8"/>
      <c r="EEM18" s="8"/>
      <c r="EEN18" s="8"/>
      <c r="EEO18" s="8"/>
      <c r="EEP18" s="8"/>
      <c r="EEQ18" s="8"/>
      <c r="EER18" s="8"/>
      <c r="EES18" s="8"/>
      <c r="EET18" s="8"/>
      <c r="EEU18" s="8"/>
      <c r="EEV18" s="8"/>
      <c r="EEW18" s="8"/>
      <c r="EEX18" s="8"/>
      <c r="EEY18" s="8"/>
      <c r="EEZ18" s="8"/>
      <c r="EFA18" s="8"/>
      <c r="EFB18" s="8"/>
      <c r="EFC18" s="8"/>
      <c r="EFD18" s="8"/>
      <c r="EFE18" s="8"/>
      <c r="EFF18" s="8"/>
      <c r="EFG18" s="8"/>
      <c r="EFH18" s="8"/>
      <c r="EFI18" s="8"/>
      <c r="EFJ18" s="8"/>
      <c r="EFK18" s="8"/>
      <c r="EFL18" s="8"/>
      <c r="EFM18" s="8"/>
      <c r="EFN18" s="8"/>
      <c r="EFO18" s="8"/>
      <c r="EFP18" s="8"/>
      <c r="EFQ18" s="8"/>
      <c r="EFR18" s="8"/>
      <c r="EFS18" s="8"/>
      <c r="EFT18" s="8"/>
      <c r="EFU18" s="8"/>
      <c r="EFV18" s="8"/>
      <c r="EFW18" s="8"/>
      <c r="EFX18" s="8"/>
      <c r="EFY18" s="8"/>
      <c r="EFZ18" s="8"/>
      <c r="EGA18" s="8"/>
      <c r="EGB18" s="8"/>
      <c r="EGC18" s="8"/>
      <c r="EGD18" s="8"/>
      <c r="EGE18" s="8"/>
      <c r="EGF18" s="8"/>
      <c r="EGG18" s="8"/>
      <c r="EGH18" s="8"/>
      <c r="EGI18" s="8"/>
      <c r="EGJ18" s="8"/>
      <c r="EGK18" s="8"/>
      <c r="EGL18" s="8"/>
      <c r="EGM18" s="8"/>
      <c r="EGN18" s="8"/>
      <c r="EGO18" s="8"/>
      <c r="EGP18" s="8"/>
      <c r="EGQ18" s="8"/>
      <c r="EGR18" s="8"/>
      <c r="EGS18" s="8"/>
      <c r="EGT18" s="8"/>
      <c r="EGU18" s="8"/>
      <c r="EGV18" s="8"/>
      <c r="EGW18" s="8"/>
      <c r="EGX18" s="8"/>
      <c r="EGY18" s="8"/>
      <c r="EGZ18" s="8"/>
      <c r="EHA18" s="8"/>
      <c r="EHB18" s="8"/>
      <c r="EHC18" s="8"/>
      <c r="EHD18" s="8"/>
      <c r="EHE18" s="8"/>
      <c r="EHF18" s="8"/>
      <c r="EHG18" s="8"/>
      <c r="EHH18" s="8"/>
      <c r="EHI18" s="8"/>
      <c r="EHJ18" s="8"/>
      <c r="EHK18" s="8"/>
      <c r="EHL18" s="8"/>
      <c r="EHM18" s="8"/>
      <c r="EHN18" s="8"/>
      <c r="EHO18" s="8"/>
      <c r="EHP18" s="8"/>
      <c r="EHQ18" s="8"/>
      <c r="EHR18" s="8"/>
      <c r="EHS18" s="8"/>
      <c r="EHT18" s="8"/>
      <c r="EHU18" s="8"/>
      <c r="EHV18" s="8"/>
      <c r="EHW18" s="8"/>
      <c r="EHX18" s="8"/>
      <c r="EHY18" s="8"/>
      <c r="EHZ18" s="8"/>
      <c r="EIA18" s="8"/>
      <c r="EIB18" s="8"/>
      <c r="EIC18" s="8"/>
      <c r="EID18" s="8"/>
      <c r="EIE18" s="8"/>
      <c r="EIF18" s="8"/>
      <c r="EIG18" s="8"/>
      <c r="EIH18" s="8"/>
      <c r="EII18" s="8"/>
      <c r="EIJ18" s="8"/>
      <c r="EIK18" s="8"/>
      <c r="EIL18" s="8"/>
      <c r="EIM18" s="8"/>
      <c r="EIN18" s="8"/>
      <c r="EIO18" s="8"/>
      <c r="EIP18" s="8"/>
      <c r="EIQ18" s="8"/>
      <c r="EIR18" s="8"/>
      <c r="EIS18" s="8"/>
      <c r="EIT18" s="8"/>
      <c r="EIU18" s="8"/>
      <c r="EIV18" s="8"/>
      <c r="EIW18" s="8"/>
      <c r="EIX18" s="8"/>
      <c r="EIY18" s="8"/>
      <c r="EIZ18" s="8"/>
      <c r="EJA18" s="8"/>
      <c r="EJB18" s="8"/>
      <c r="EJC18" s="8"/>
      <c r="EJD18" s="8"/>
      <c r="EJE18" s="8"/>
      <c r="EJF18" s="8"/>
      <c r="EJG18" s="8"/>
      <c r="EJH18" s="8"/>
      <c r="EJI18" s="8"/>
      <c r="EJJ18" s="8"/>
      <c r="EJK18" s="8"/>
      <c r="EJL18" s="8"/>
      <c r="EJM18" s="8"/>
      <c r="EJN18" s="8"/>
      <c r="EJO18" s="8"/>
      <c r="EJP18" s="8"/>
      <c r="EJQ18" s="8"/>
      <c r="EJR18" s="8"/>
      <c r="EJS18" s="8"/>
      <c r="EJT18" s="8"/>
      <c r="EJU18" s="8"/>
      <c r="EJV18" s="8"/>
      <c r="EJW18" s="8"/>
      <c r="EJX18" s="8"/>
      <c r="EJY18" s="8"/>
      <c r="EJZ18" s="8"/>
      <c r="EKA18" s="8"/>
      <c r="EKB18" s="8"/>
      <c r="EKC18" s="8"/>
      <c r="EKD18" s="8"/>
      <c r="EKE18" s="8"/>
      <c r="EKF18" s="8"/>
      <c r="EKG18" s="8"/>
      <c r="EKH18" s="8"/>
      <c r="EKI18" s="8"/>
      <c r="EKJ18" s="8"/>
      <c r="EKK18" s="8"/>
      <c r="EKL18" s="8"/>
      <c r="EKM18" s="8"/>
      <c r="EKN18" s="8"/>
      <c r="EKO18" s="8"/>
      <c r="EKP18" s="8"/>
      <c r="EKQ18" s="8"/>
      <c r="EKR18" s="8"/>
      <c r="EKS18" s="8"/>
      <c r="EKT18" s="8"/>
      <c r="EKU18" s="8"/>
      <c r="EKV18" s="8"/>
      <c r="EKW18" s="8"/>
      <c r="EKX18" s="8"/>
      <c r="EKY18" s="8"/>
      <c r="EKZ18" s="8"/>
      <c r="ELA18" s="8"/>
      <c r="ELB18" s="8"/>
      <c r="ELC18" s="8"/>
      <c r="ELD18" s="8"/>
      <c r="ELE18" s="8"/>
      <c r="ELF18" s="8"/>
      <c r="ELG18" s="8"/>
      <c r="ELH18" s="8"/>
      <c r="ELI18" s="8"/>
      <c r="ELJ18" s="8"/>
      <c r="ELK18" s="8"/>
      <c r="ELL18" s="8"/>
      <c r="ELM18" s="8"/>
      <c r="ELN18" s="8"/>
      <c r="ELO18" s="8"/>
      <c r="ELP18" s="8"/>
      <c r="ELQ18" s="8"/>
      <c r="ELR18" s="8"/>
      <c r="ELS18" s="8"/>
      <c r="ELT18" s="8"/>
      <c r="ELU18" s="8"/>
      <c r="ELV18" s="8"/>
      <c r="ELW18" s="8"/>
      <c r="ELX18" s="8"/>
      <c r="ELY18" s="8"/>
      <c r="ELZ18" s="8"/>
      <c r="EMA18" s="8"/>
      <c r="EMB18" s="8"/>
      <c r="EMC18" s="8"/>
      <c r="EMD18" s="8"/>
      <c r="EME18" s="8"/>
      <c r="EMF18" s="8"/>
      <c r="EMG18" s="8"/>
      <c r="EMH18" s="8"/>
      <c r="EMI18" s="8"/>
      <c r="EMJ18" s="8"/>
      <c r="EMK18" s="8"/>
      <c r="EML18" s="8"/>
      <c r="EMM18" s="8"/>
      <c r="EMN18" s="8"/>
      <c r="EMO18" s="8"/>
      <c r="EMP18" s="8"/>
      <c r="EMQ18" s="8"/>
      <c r="EMR18" s="8"/>
      <c r="EMS18" s="8"/>
      <c r="EMT18" s="8"/>
      <c r="EMU18" s="8"/>
      <c r="EMV18" s="8"/>
      <c r="EMW18" s="8"/>
      <c r="EMX18" s="8"/>
      <c r="EMY18" s="8"/>
      <c r="EMZ18" s="8"/>
      <c r="ENA18" s="8"/>
      <c r="ENB18" s="8"/>
      <c r="ENC18" s="8"/>
      <c r="END18" s="8"/>
      <c r="ENE18" s="8"/>
      <c r="ENF18" s="8"/>
      <c r="ENG18" s="8"/>
      <c r="ENH18" s="8"/>
      <c r="ENI18" s="8"/>
      <c r="ENJ18" s="8"/>
      <c r="ENK18" s="8"/>
      <c r="ENL18" s="8"/>
      <c r="ENM18" s="8"/>
      <c r="ENN18" s="8"/>
      <c r="ENO18" s="8"/>
      <c r="ENP18" s="8"/>
      <c r="ENQ18" s="8"/>
      <c r="ENR18" s="8"/>
      <c r="ENS18" s="8"/>
      <c r="ENT18" s="8"/>
      <c r="ENU18" s="8"/>
      <c r="ENV18" s="8"/>
      <c r="ENW18" s="8"/>
      <c r="ENX18" s="8"/>
      <c r="ENY18" s="8"/>
      <c r="ENZ18" s="8"/>
      <c r="EOA18" s="8"/>
      <c r="EOB18" s="8"/>
      <c r="EOC18" s="8"/>
      <c r="EOD18" s="8"/>
      <c r="EOE18" s="8"/>
      <c r="EOF18" s="8"/>
      <c r="EOG18" s="8"/>
      <c r="EOH18" s="8"/>
      <c r="EOI18" s="8"/>
      <c r="EOJ18" s="8"/>
      <c r="EOK18" s="8"/>
      <c r="EOL18" s="8"/>
      <c r="EOM18" s="8"/>
      <c r="EON18" s="8"/>
      <c r="EOO18" s="8"/>
      <c r="EOP18" s="8"/>
      <c r="EOQ18" s="8"/>
      <c r="EOR18" s="8"/>
      <c r="EOS18" s="8"/>
      <c r="EOT18" s="8"/>
      <c r="EOU18" s="8"/>
      <c r="EOV18" s="8"/>
      <c r="EOW18" s="8"/>
      <c r="EOX18" s="8"/>
      <c r="EOY18" s="8"/>
      <c r="EOZ18" s="8"/>
      <c r="EPA18" s="8"/>
      <c r="EPB18" s="8"/>
      <c r="EPC18" s="8"/>
      <c r="EPD18" s="8"/>
      <c r="EPE18" s="8"/>
      <c r="EPF18" s="8"/>
      <c r="EPG18" s="8"/>
      <c r="EPH18" s="8"/>
      <c r="EPI18" s="8"/>
      <c r="EPJ18" s="8"/>
      <c r="EPK18" s="8"/>
      <c r="EPL18" s="8"/>
      <c r="EPM18" s="8"/>
      <c r="EPN18" s="8"/>
      <c r="EPO18" s="8"/>
      <c r="EPP18" s="8"/>
      <c r="EPQ18" s="8"/>
      <c r="EPR18" s="8"/>
      <c r="EPS18" s="8"/>
      <c r="EPT18" s="8"/>
      <c r="EPU18" s="8"/>
      <c r="EPV18" s="8"/>
      <c r="EPW18" s="8"/>
      <c r="EPX18" s="8"/>
      <c r="EPY18" s="8"/>
      <c r="EPZ18" s="8"/>
      <c r="EQA18" s="8"/>
      <c r="EQB18" s="8"/>
      <c r="EQC18" s="8"/>
      <c r="EQD18" s="8"/>
      <c r="EQE18" s="8"/>
      <c r="EQF18" s="8"/>
      <c r="EQG18" s="8"/>
      <c r="EQH18" s="8"/>
      <c r="EQI18" s="8"/>
      <c r="EQJ18" s="8"/>
      <c r="EQK18" s="8"/>
      <c r="EQL18" s="8"/>
      <c r="EQM18" s="8"/>
      <c r="EQN18" s="8"/>
      <c r="EQO18" s="8"/>
      <c r="EQP18" s="8"/>
      <c r="EQQ18" s="8"/>
      <c r="EQR18" s="8"/>
      <c r="EQS18" s="8"/>
      <c r="EQT18" s="8"/>
      <c r="EQU18" s="8"/>
      <c r="EQV18" s="8"/>
      <c r="EQW18" s="8"/>
      <c r="EQX18" s="8"/>
      <c r="EQY18" s="8"/>
      <c r="EQZ18" s="8"/>
      <c r="ERA18" s="8"/>
      <c r="ERB18" s="8"/>
      <c r="ERC18" s="8"/>
      <c r="ERD18" s="8"/>
      <c r="ERE18" s="8"/>
      <c r="ERF18" s="8"/>
      <c r="ERG18" s="8"/>
      <c r="ERH18" s="8"/>
      <c r="ERI18" s="8"/>
      <c r="ERJ18" s="8"/>
      <c r="ERK18" s="8"/>
      <c r="ERL18" s="8"/>
      <c r="ERM18" s="8"/>
      <c r="ERN18" s="8"/>
      <c r="ERO18" s="8"/>
      <c r="ERP18" s="8"/>
      <c r="ERQ18" s="8"/>
      <c r="ERR18" s="8"/>
      <c r="ERS18" s="8"/>
      <c r="ERT18" s="8"/>
      <c r="ERU18" s="8"/>
      <c r="ERV18" s="8"/>
      <c r="ERW18" s="8"/>
      <c r="ERX18" s="8"/>
      <c r="ERY18" s="8"/>
      <c r="ERZ18" s="8"/>
      <c r="ESA18" s="8"/>
      <c r="ESB18" s="8"/>
      <c r="ESC18" s="8"/>
      <c r="ESD18" s="8"/>
      <c r="ESE18" s="8"/>
      <c r="ESF18" s="8"/>
      <c r="ESG18" s="8"/>
      <c r="ESH18" s="8"/>
      <c r="ESI18" s="8"/>
      <c r="ESJ18" s="8"/>
      <c r="ESK18" s="8"/>
      <c r="ESL18" s="8"/>
      <c r="ESM18" s="8"/>
      <c r="ESN18" s="8"/>
      <c r="ESO18" s="8"/>
      <c r="ESP18" s="8"/>
      <c r="ESQ18" s="8"/>
      <c r="ESR18" s="8"/>
      <c r="ESS18" s="8"/>
      <c r="EST18" s="8"/>
      <c r="ESU18" s="8"/>
      <c r="ESV18" s="8"/>
      <c r="ESW18" s="8"/>
      <c r="ESX18" s="8"/>
      <c r="ESY18" s="8"/>
      <c r="ESZ18" s="8"/>
      <c r="ETA18" s="8"/>
      <c r="ETB18" s="8"/>
      <c r="ETC18" s="8"/>
      <c r="ETD18" s="8"/>
      <c r="ETE18" s="8"/>
      <c r="ETF18" s="8"/>
      <c r="ETG18" s="8"/>
      <c r="ETH18" s="8"/>
      <c r="ETI18" s="8"/>
      <c r="ETJ18" s="8"/>
      <c r="ETK18" s="8"/>
      <c r="ETL18" s="8"/>
      <c r="ETM18" s="8"/>
      <c r="ETN18" s="8"/>
      <c r="ETO18" s="8"/>
      <c r="ETP18" s="8"/>
      <c r="ETQ18" s="8"/>
      <c r="ETR18" s="8"/>
      <c r="ETS18" s="8"/>
      <c r="ETT18" s="8"/>
      <c r="ETU18" s="8"/>
      <c r="ETV18" s="8"/>
      <c r="ETW18" s="8"/>
      <c r="ETX18" s="8"/>
      <c r="ETY18" s="8"/>
      <c r="ETZ18" s="8"/>
      <c r="EUA18" s="8"/>
      <c r="EUB18" s="8"/>
      <c r="EUC18" s="8"/>
      <c r="EUD18" s="8"/>
      <c r="EUE18" s="8"/>
      <c r="EUF18" s="8"/>
      <c r="EUG18" s="8"/>
      <c r="EUH18" s="8"/>
      <c r="EUI18" s="8"/>
      <c r="EUJ18" s="8"/>
      <c r="EUK18" s="8"/>
      <c r="EUL18" s="8"/>
      <c r="EUM18" s="8"/>
      <c r="EUN18" s="8"/>
      <c r="EUO18" s="8"/>
      <c r="EUP18" s="8"/>
      <c r="EUQ18" s="8"/>
      <c r="EUR18" s="8"/>
      <c r="EUS18" s="8"/>
      <c r="EUT18" s="8"/>
      <c r="EUU18" s="8"/>
      <c r="EUV18" s="8"/>
      <c r="EUW18" s="8"/>
      <c r="EUX18" s="8"/>
      <c r="EUY18" s="8"/>
      <c r="EUZ18" s="8"/>
      <c r="EVA18" s="8"/>
      <c r="EVB18" s="8"/>
      <c r="EVC18" s="8"/>
      <c r="EVD18" s="8"/>
      <c r="EVE18" s="8"/>
      <c r="EVF18" s="8"/>
      <c r="EVG18" s="8"/>
      <c r="EVH18" s="8"/>
      <c r="EVI18" s="8"/>
      <c r="EVJ18" s="8"/>
      <c r="EVK18" s="8"/>
      <c r="EVL18" s="8"/>
      <c r="EVM18" s="8"/>
      <c r="EVN18" s="8"/>
      <c r="EVO18" s="8"/>
      <c r="EVP18" s="8"/>
      <c r="EVQ18" s="8"/>
      <c r="EVR18" s="8"/>
      <c r="EVS18" s="8"/>
      <c r="EVT18" s="8"/>
      <c r="EVU18" s="8"/>
      <c r="EVV18" s="8"/>
      <c r="EVW18" s="8"/>
      <c r="EVX18" s="8"/>
      <c r="EVY18" s="8"/>
      <c r="EVZ18" s="8"/>
      <c r="EWA18" s="8"/>
      <c r="EWB18" s="8"/>
      <c r="EWC18" s="8"/>
      <c r="EWD18" s="8"/>
      <c r="EWE18" s="8"/>
      <c r="EWF18" s="8"/>
      <c r="EWG18" s="8"/>
      <c r="EWH18" s="8"/>
      <c r="EWI18" s="8"/>
      <c r="EWJ18" s="8"/>
      <c r="EWK18" s="8"/>
      <c r="EWL18" s="8"/>
      <c r="EWM18" s="8"/>
      <c r="EWN18" s="8"/>
      <c r="EWO18" s="8"/>
      <c r="EWP18" s="8"/>
      <c r="EWQ18" s="8"/>
      <c r="EWR18" s="8"/>
      <c r="EWS18" s="8"/>
      <c r="EWT18" s="8"/>
      <c r="EWU18" s="8"/>
      <c r="EWV18" s="8"/>
      <c r="EWW18" s="8"/>
      <c r="EWX18" s="8"/>
      <c r="EWY18" s="8"/>
      <c r="EWZ18" s="8"/>
      <c r="EXA18" s="8"/>
      <c r="EXB18" s="8"/>
      <c r="EXC18" s="8"/>
      <c r="EXD18" s="8"/>
      <c r="EXE18" s="8"/>
      <c r="EXF18" s="8"/>
      <c r="EXG18" s="8"/>
      <c r="EXH18" s="8"/>
      <c r="EXI18" s="8"/>
      <c r="EXJ18" s="8"/>
      <c r="EXK18" s="8"/>
      <c r="EXL18" s="8"/>
      <c r="EXM18" s="8"/>
      <c r="EXN18" s="8"/>
      <c r="EXO18" s="8"/>
      <c r="EXP18" s="8"/>
      <c r="EXQ18" s="8"/>
      <c r="EXR18" s="8"/>
      <c r="EXS18" s="8"/>
      <c r="EXT18" s="8"/>
      <c r="EXU18" s="8"/>
      <c r="EXV18" s="8"/>
      <c r="EXW18" s="8"/>
      <c r="EXX18" s="8"/>
      <c r="EXY18" s="8"/>
      <c r="EXZ18" s="8"/>
      <c r="EYA18" s="8"/>
      <c r="EYB18" s="8"/>
      <c r="EYC18" s="8"/>
      <c r="EYD18" s="8"/>
      <c r="EYE18" s="8"/>
      <c r="EYF18" s="8"/>
      <c r="EYG18" s="8"/>
      <c r="EYH18" s="8"/>
      <c r="EYI18" s="8"/>
      <c r="EYJ18" s="8"/>
      <c r="EYK18" s="8"/>
      <c r="EYL18" s="8"/>
      <c r="EYM18" s="8"/>
      <c r="EYN18" s="8"/>
      <c r="EYO18" s="8"/>
      <c r="EYP18" s="8"/>
      <c r="EYQ18" s="8"/>
      <c r="EYR18" s="8"/>
      <c r="EYS18" s="8"/>
      <c r="EYT18" s="8"/>
      <c r="EYU18" s="8"/>
      <c r="EYV18" s="8"/>
      <c r="EYW18" s="8"/>
      <c r="EYX18" s="8"/>
      <c r="EYY18" s="8"/>
      <c r="EYZ18" s="8"/>
      <c r="EZA18" s="8"/>
      <c r="EZB18" s="8"/>
      <c r="EZC18" s="8"/>
      <c r="EZD18" s="8"/>
      <c r="EZE18" s="8"/>
      <c r="EZF18" s="8"/>
      <c r="EZG18" s="8"/>
      <c r="EZH18" s="8"/>
      <c r="EZI18" s="8"/>
      <c r="EZJ18" s="8"/>
      <c r="EZK18" s="8"/>
      <c r="EZL18" s="8"/>
      <c r="EZM18" s="8"/>
      <c r="EZN18" s="8"/>
      <c r="EZO18" s="8"/>
      <c r="EZP18" s="8"/>
      <c r="EZQ18" s="8"/>
      <c r="EZR18" s="8"/>
      <c r="EZS18" s="8"/>
      <c r="EZT18" s="8"/>
      <c r="EZU18" s="8"/>
      <c r="EZV18" s="8"/>
      <c r="EZW18" s="8"/>
      <c r="EZX18" s="8"/>
      <c r="EZY18" s="8"/>
      <c r="EZZ18" s="8"/>
      <c r="FAA18" s="8"/>
      <c r="FAB18" s="8"/>
      <c r="FAC18" s="8"/>
      <c r="FAD18" s="8"/>
      <c r="FAE18" s="8"/>
      <c r="FAF18" s="8"/>
      <c r="FAG18" s="8"/>
      <c r="FAH18" s="8"/>
      <c r="FAI18" s="8"/>
      <c r="FAJ18" s="8"/>
      <c r="FAK18" s="8"/>
      <c r="FAL18" s="8"/>
      <c r="FAM18" s="8"/>
      <c r="FAN18" s="8"/>
      <c r="FAO18" s="8"/>
      <c r="FAP18" s="8"/>
      <c r="FAQ18" s="8"/>
      <c r="FAR18" s="8"/>
      <c r="FAS18" s="8"/>
      <c r="FAT18" s="8"/>
      <c r="FAU18" s="8"/>
      <c r="FAV18" s="8"/>
      <c r="FAW18" s="8"/>
      <c r="FAX18" s="8"/>
      <c r="FAY18" s="8"/>
      <c r="FAZ18" s="8"/>
      <c r="FBA18" s="8"/>
      <c r="FBB18" s="8"/>
      <c r="FBC18" s="8"/>
      <c r="FBD18" s="8"/>
      <c r="FBE18" s="8"/>
      <c r="FBF18" s="8"/>
      <c r="FBG18" s="8"/>
      <c r="FBH18" s="8"/>
      <c r="FBI18" s="8"/>
      <c r="FBJ18" s="8"/>
      <c r="FBK18" s="8"/>
      <c r="FBL18" s="8"/>
      <c r="FBM18" s="8"/>
      <c r="FBN18" s="8"/>
      <c r="FBO18" s="8"/>
      <c r="FBP18" s="8"/>
      <c r="FBQ18" s="8"/>
      <c r="FBR18" s="8"/>
      <c r="FBS18" s="8"/>
      <c r="FBT18" s="8"/>
      <c r="FBU18" s="8"/>
      <c r="FBV18" s="8"/>
      <c r="FBW18" s="8"/>
      <c r="FBX18" s="8"/>
      <c r="FBY18" s="8"/>
      <c r="FBZ18" s="8"/>
      <c r="FCA18" s="8"/>
      <c r="FCB18" s="8"/>
      <c r="FCC18" s="8"/>
      <c r="FCD18" s="8"/>
      <c r="FCE18" s="8"/>
      <c r="FCF18" s="8"/>
      <c r="FCG18" s="8"/>
      <c r="FCH18" s="8"/>
      <c r="FCI18" s="8"/>
      <c r="FCJ18" s="8"/>
      <c r="FCK18" s="8"/>
      <c r="FCL18" s="8"/>
      <c r="FCM18" s="8"/>
      <c r="FCN18" s="8"/>
      <c r="FCO18" s="8"/>
      <c r="FCP18" s="8"/>
      <c r="FCQ18" s="8"/>
      <c r="FCR18" s="8"/>
      <c r="FCS18" s="8"/>
      <c r="FCT18" s="8"/>
      <c r="FCU18" s="8"/>
      <c r="FCV18" s="8"/>
      <c r="FCW18" s="8"/>
      <c r="FCX18" s="8"/>
      <c r="FCY18" s="8"/>
      <c r="FCZ18" s="8"/>
      <c r="FDA18" s="8"/>
      <c r="FDB18" s="8"/>
      <c r="FDC18" s="8"/>
      <c r="FDD18" s="8"/>
      <c r="FDE18" s="8"/>
      <c r="FDF18" s="8"/>
      <c r="FDG18" s="8"/>
      <c r="FDH18" s="8"/>
      <c r="FDI18" s="8"/>
      <c r="FDJ18" s="8"/>
      <c r="FDK18" s="8"/>
      <c r="FDL18" s="8"/>
      <c r="FDM18" s="8"/>
      <c r="FDN18" s="8"/>
      <c r="FDO18" s="8"/>
      <c r="FDP18" s="8"/>
      <c r="FDQ18" s="8"/>
      <c r="FDR18" s="8"/>
      <c r="FDS18" s="8"/>
      <c r="FDT18" s="8"/>
      <c r="FDU18" s="8"/>
      <c r="FDV18" s="8"/>
      <c r="FDW18" s="8"/>
      <c r="FDX18" s="8"/>
      <c r="FDY18" s="8"/>
      <c r="FDZ18" s="8"/>
      <c r="FEA18" s="8"/>
      <c r="FEB18" s="8"/>
      <c r="FEC18" s="8"/>
      <c r="FED18" s="8"/>
      <c r="FEE18" s="8"/>
      <c r="FEF18" s="8"/>
      <c r="FEG18" s="8"/>
      <c r="FEH18" s="8"/>
      <c r="FEI18" s="8"/>
      <c r="FEJ18" s="8"/>
      <c r="FEK18" s="8"/>
      <c r="FEL18" s="8"/>
      <c r="FEM18" s="8"/>
      <c r="FEN18" s="8"/>
      <c r="FEO18" s="8"/>
      <c r="FEP18" s="8"/>
      <c r="FEQ18" s="8"/>
      <c r="FER18" s="8"/>
      <c r="FES18" s="8"/>
      <c r="FET18" s="8"/>
      <c r="FEU18" s="8"/>
      <c r="FEV18" s="8"/>
      <c r="FEW18" s="8"/>
      <c r="FEX18" s="8"/>
      <c r="FEY18" s="8"/>
      <c r="FEZ18" s="8"/>
      <c r="FFA18" s="8"/>
      <c r="FFB18" s="8"/>
      <c r="FFC18" s="8"/>
      <c r="FFD18" s="8"/>
      <c r="FFE18" s="8"/>
      <c r="FFF18" s="8"/>
      <c r="FFG18" s="8"/>
      <c r="FFH18" s="8"/>
      <c r="FFI18" s="8"/>
      <c r="FFJ18" s="8"/>
      <c r="FFK18" s="8"/>
      <c r="FFL18" s="8"/>
      <c r="FFM18" s="8"/>
      <c r="FFN18" s="8"/>
      <c r="FFO18" s="8"/>
      <c r="FFP18" s="8"/>
      <c r="FFQ18" s="8"/>
      <c r="FFR18" s="8"/>
      <c r="FFS18" s="8"/>
      <c r="FFT18" s="8"/>
      <c r="FFU18" s="8"/>
      <c r="FFV18" s="8"/>
      <c r="FFW18" s="8"/>
      <c r="FFX18" s="8"/>
      <c r="FFY18" s="8"/>
      <c r="FFZ18" s="8"/>
      <c r="FGA18" s="8"/>
      <c r="FGB18" s="8"/>
      <c r="FGC18" s="8"/>
      <c r="FGD18" s="8"/>
      <c r="FGE18" s="8"/>
      <c r="FGF18" s="8"/>
      <c r="FGG18" s="8"/>
      <c r="FGH18" s="8"/>
      <c r="FGI18" s="8"/>
      <c r="FGJ18" s="8"/>
      <c r="FGK18" s="8"/>
      <c r="FGL18" s="8"/>
      <c r="FGM18" s="8"/>
      <c r="FGN18" s="8"/>
      <c r="FGO18" s="8"/>
      <c r="FGP18" s="8"/>
      <c r="FGQ18" s="8"/>
      <c r="FGR18" s="8"/>
      <c r="FGS18" s="8"/>
      <c r="FGT18" s="8"/>
      <c r="FGU18" s="8"/>
      <c r="FGV18" s="8"/>
      <c r="FGW18" s="8"/>
      <c r="FGX18" s="8"/>
      <c r="FGY18" s="8"/>
      <c r="FGZ18" s="8"/>
      <c r="FHA18" s="8"/>
      <c r="FHB18" s="8"/>
      <c r="FHC18" s="8"/>
      <c r="FHD18" s="8"/>
      <c r="FHE18" s="8"/>
      <c r="FHF18" s="8"/>
      <c r="FHG18" s="8"/>
      <c r="FHH18" s="8"/>
      <c r="FHI18" s="8"/>
      <c r="FHJ18" s="8"/>
      <c r="FHK18" s="8"/>
      <c r="FHL18" s="8"/>
      <c r="FHM18" s="8"/>
      <c r="FHN18" s="8"/>
      <c r="FHO18" s="8"/>
      <c r="FHP18" s="8"/>
      <c r="FHQ18" s="8"/>
      <c r="FHR18" s="8"/>
      <c r="FHS18" s="8"/>
      <c r="FHT18" s="8"/>
      <c r="FHU18" s="8"/>
      <c r="FHV18" s="8"/>
      <c r="FHW18" s="8"/>
      <c r="FHX18" s="8"/>
      <c r="FHY18" s="8"/>
      <c r="FHZ18" s="8"/>
      <c r="FIA18" s="8"/>
      <c r="FIB18" s="8"/>
      <c r="FIC18" s="8"/>
      <c r="FID18" s="8"/>
      <c r="FIE18" s="8"/>
      <c r="FIF18" s="8"/>
      <c r="FIG18" s="8"/>
      <c r="FIH18" s="8"/>
      <c r="FII18" s="8"/>
      <c r="FIJ18" s="8"/>
      <c r="FIK18" s="8"/>
      <c r="FIL18" s="8"/>
      <c r="FIM18" s="8"/>
      <c r="FIN18" s="8"/>
      <c r="FIO18" s="8"/>
      <c r="FIP18" s="8"/>
      <c r="FIQ18" s="8"/>
      <c r="FIR18" s="8"/>
      <c r="FIS18" s="8"/>
      <c r="FIT18" s="8"/>
      <c r="FIU18" s="8"/>
      <c r="FIV18" s="8"/>
      <c r="FIW18" s="8"/>
      <c r="FIX18" s="8"/>
      <c r="FIY18" s="8"/>
      <c r="FIZ18" s="8"/>
      <c r="FJA18" s="8"/>
      <c r="FJB18" s="8"/>
      <c r="FJC18" s="8"/>
      <c r="FJD18" s="8"/>
      <c r="FJE18" s="8"/>
      <c r="FJF18" s="8"/>
      <c r="FJG18" s="8"/>
      <c r="FJH18" s="8"/>
      <c r="FJI18" s="8"/>
      <c r="FJJ18" s="8"/>
      <c r="FJK18" s="8"/>
      <c r="FJL18" s="8"/>
      <c r="FJM18" s="8"/>
      <c r="FJN18" s="8"/>
      <c r="FJO18" s="8"/>
      <c r="FJP18" s="8"/>
      <c r="FJQ18" s="8"/>
      <c r="FJR18" s="8"/>
      <c r="FJS18" s="8"/>
      <c r="FJT18" s="8"/>
      <c r="FJU18" s="8"/>
      <c r="FJV18" s="8"/>
      <c r="FJW18" s="8"/>
      <c r="FJX18" s="8"/>
      <c r="FJY18" s="8"/>
      <c r="FJZ18" s="8"/>
      <c r="FKA18" s="8"/>
      <c r="FKB18" s="8"/>
      <c r="FKC18" s="8"/>
      <c r="FKD18" s="8"/>
      <c r="FKE18" s="8"/>
      <c r="FKF18" s="8"/>
      <c r="FKG18" s="8"/>
      <c r="FKH18" s="8"/>
      <c r="FKI18" s="8"/>
      <c r="FKJ18" s="8"/>
      <c r="FKK18" s="8"/>
      <c r="FKL18" s="8"/>
      <c r="FKM18" s="8"/>
      <c r="FKN18" s="8"/>
      <c r="FKO18" s="8"/>
      <c r="FKP18" s="8"/>
      <c r="FKQ18" s="8"/>
      <c r="FKR18" s="8"/>
      <c r="FKS18" s="8"/>
      <c r="FKT18" s="8"/>
      <c r="FKU18" s="8"/>
      <c r="FKV18" s="8"/>
      <c r="FKW18" s="8"/>
      <c r="FKX18" s="8"/>
      <c r="FKY18" s="8"/>
      <c r="FKZ18" s="8"/>
      <c r="FLA18" s="8"/>
      <c r="FLB18" s="8"/>
      <c r="FLC18" s="8"/>
      <c r="FLD18" s="8"/>
      <c r="FLE18" s="8"/>
      <c r="FLF18" s="8"/>
      <c r="FLG18" s="8"/>
      <c r="FLH18" s="8"/>
      <c r="FLI18" s="8"/>
      <c r="FLJ18" s="8"/>
      <c r="FLK18" s="8"/>
      <c r="FLL18" s="8"/>
      <c r="FLM18" s="8"/>
      <c r="FLN18" s="8"/>
      <c r="FLO18" s="8"/>
      <c r="FLP18" s="8"/>
      <c r="FLQ18" s="8"/>
      <c r="FLR18" s="8"/>
      <c r="FLS18" s="8"/>
      <c r="FLT18" s="8"/>
      <c r="FLU18" s="8"/>
      <c r="FLV18" s="8"/>
      <c r="FLW18" s="8"/>
      <c r="FLX18" s="8"/>
      <c r="FLY18" s="8"/>
      <c r="FLZ18" s="8"/>
      <c r="FMA18" s="8"/>
      <c r="FMB18" s="8"/>
      <c r="FMC18" s="8"/>
      <c r="FMD18" s="8"/>
      <c r="FME18" s="8"/>
      <c r="FMF18" s="8"/>
      <c r="FMG18" s="8"/>
      <c r="FMH18" s="8"/>
      <c r="FMI18" s="8"/>
      <c r="FMJ18" s="8"/>
      <c r="FMK18" s="8"/>
      <c r="FML18" s="8"/>
      <c r="FMM18" s="8"/>
      <c r="FMN18" s="8"/>
      <c r="FMO18" s="8"/>
      <c r="FMP18" s="8"/>
      <c r="FMQ18" s="8"/>
      <c r="FMR18" s="8"/>
      <c r="FMS18" s="8"/>
      <c r="FMT18" s="8"/>
      <c r="FMU18" s="8"/>
      <c r="FMV18" s="8"/>
      <c r="FMW18" s="8"/>
      <c r="FMX18" s="8"/>
      <c r="FMY18" s="8"/>
      <c r="FMZ18" s="8"/>
      <c r="FNA18" s="8"/>
      <c r="FNB18" s="8"/>
      <c r="FNC18" s="8"/>
      <c r="FND18" s="8"/>
      <c r="FNE18" s="8"/>
      <c r="FNF18" s="8"/>
      <c r="FNG18" s="8"/>
      <c r="FNH18" s="8"/>
      <c r="FNI18" s="8"/>
      <c r="FNJ18" s="8"/>
      <c r="FNK18" s="8"/>
      <c r="FNL18" s="8"/>
      <c r="FNM18" s="8"/>
      <c r="FNN18" s="8"/>
      <c r="FNO18" s="8"/>
      <c r="FNP18" s="8"/>
      <c r="FNQ18" s="8"/>
      <c r="FNR18" s="8"/>
      <c r="FNS18" s="8"/>
      <c r="FNT18" s="8"/>
      <c r="FNU18" s="8"/>
      <c r="FNV18" s="8"/>
      <c r="FNW18" s="8"/>
      <c r="FNX18" s="8"/>
      <c r="FNY18" s="8"/>
      <c r="FNZ18" s="8"/>
      <c r="FOA18" s="8"/>
      <c r="FOB18" s="8"/>
      <c r="FOC18" s="8"/>
      <c r="FOD18" s="8"/>
      <c r="FOE18" s="8"/>
      <c r="FOF18" s="8"/>
      <c r="FOG18" s="8"/>
      <c r="FOH18" s="8"/>
      <c r="FOI18" s="8"/>
      <c r="FOJ18" s="8"/>
      <c r="FOK18" s="8"/>
      <c r="FOL18" s="8"/>
      <c r="FOM18" s="8"/>
      <c r="FON18" s="8"/>
      <c r="FOO18" s="8"/>
      <c r="FOP18" s="8"/>
      <c r="FOQ18" s="8"/>
      <c r="FOR18" s="8"/>
      <c r="FOS18" s="8"/>
      <c r="FOT18" s="8"/>
      <c r="FOU18" s="8"/>
      <c r="FOV18" s="8"/>
      <c r="FOW18" s="8"/>
      <c r="FOX18" s="8"/>
      <c r="FOY18" s="8"/>
      <c r="FOZ18" s="8"/>
      <c r="FPA18" s="8"/>
      <c r="FPB18" s="8"/>
      <c r="FPC18" s="8"/>
      <c r="FPD18" s="8"/>
      <c r="FPE18" s="8"/>
      <c r="FPF18" s="8"/>
      <c r="FPG18" s="8"/>
      <c r="FPH18" s="8"/>
      <c r="FPI18" s="8"/>
      <c r="FPJ18" s="8"/>
      <c r="FPK18" s="8"/>
      <c r="FPL18" s="8"/>
      <c r="FPM18" s="8"/>
      <c r="FPN18" s="8"/>
      <c r="FPO18" s="8"/>
      <c r="FPP18" s="8"/>
      <c r="FPQ18" s="8"/>
      <c r="FPR18" s="8"/>
      <c r="FPS18" s="8"/>
      <c r="FPT18" s="8"/>
      <c r="FPU18" s="8"/>
      <c r="FPV18" s="8"/>
      <c r="FPW18" s="8"/>
      <c r="FPX18" s="8"/>
      <c r="FPY18" s="8"/>
      <c r="FPZ18" s="8"/>
      <c r="FQA18" s="8"/>
      <c r="FQB18" s="8"/>
      <c r="FQC18" s="8"/>
      <c r="FQD18" s="8"/>
      <c r="FQE18" s="8"/>
      <c r="FQF18" s="8"/>
      <c r="FQG18" s="8"/>
      <c r="FQH18" s="8"/>
      <c r="FQI18" s="8"/>
      <c r="FQJ18" s="8"/>
      <c r="FQK18" s="8"/>
      <c r="FQL18" s="8"/>
      <c r="FQM18" s="8"/>
      <c r="FQN18" s="8"/>
      <c r="FQO18" s="8"/>
      <c r="FQP18" s="8"/>
      <c r="FQQ18" s="8"/>
      <c r="FQR18" s="8"/>
      <c r="FQS18" s="8"/>
      <c r="FQT18" s="8"/>
      <c r="FQU18" s="8"/>
      <c r="FQV18" s="8"/>
      <c r="FQW18" s="8"/>
      <c r="FQX18" s="8"/>
      <c r="FQY18" s="8"/>
      <c r="FQZ18" s="8"/>
      <c r="FRA18" s="8"/>
      <c r="FRB18" s="8"/>
      <c r="FRC18" s="8"/>
      <c r="FRD18" s="8"/>
      <c r="FRE18" s="8"/>
      <c r="FRF18" s="8"/>
      <c r="FRG18" s="8"/>
      <c r="FRH18" s="8"/>
      <c r="FRI18" s="8"/>
      <c r="FRJ18" s="8"/>
      <c r="FRK18" s="8"/>
      <c r="FRL18" s="8"/>
      <c r="FRM18" s="8"/>
      <c r="FRN18" s="8"/>
      <c r="FRO18" s="8"/>
      <c r="FRP18" s="8"/>
      <c r="FRQ18" s="8"/>
      <c r="FRR18" s="8"/>
      <c r="FRS18" s="8"/>
      <c r="FRT18" s="8"/>
      <c r="FRU18" s="8"/>
      <c r="FRV18" s="8"/>
      <c r="FRW18" s="8"/>
      <c r="FRX18" s="8"/>
      <c r="FRY18" s="8"/>
      <c r="FRZ18" s="8"/>
      <c r="FSA18" s="8"/>
      <c r="FSB18" s="8"/>
      <c r="FSC18" s="8"/>
      <c r="FSD18" s="8"/>
      <c r="FSE18" s="8"/>
      <c r="FSF18" s="8"/>
      <c r="FSG18" s="8"/>
      <c r="FSH18" s="8"/>
      <c r="FSI18" s="8"/>
      <c r="FSJ18" s="8"/>
      <c r="FSK18" s="8"/>
      <c r="FSL18" s="8"/>
      <c r="FSM18" s="8"/>
      <c r="FSN18" s="8"/>
      <c r="FSO18" s="8"/>
      <c r="FSP18" s="8"/>
      <c r="FSQ18" s="8"/>
      <c r="FSR18" s="8"/>
      <c r="FSS18" s="8"/>
      <c r="FST18" s="8"/>
      <c r="FSU18" s="8"/>
      <c r="FSV18" s="8"/>
      <c r="FSW18" s="8"/>
      <c r="FSX18" s="8"/>
      <c r="FSY18" s="8"/>
      <c r="FSZ18" s="8"/>
      <c r="FTA18" s="8"/>
      <c r="FTB18" s="8"/>
      <c r="FTC18" s="8"/>
      <c r="FTD18" s="8"/>
      <c r="FTE18" s="8"/>
      <c r="FTF18" s="8"/>
      <c r="FTG18" s="8"/>
      <c r="FTH18" s="8"/>
      <c r="FTI18" s="8"/>
      <c r="FTJ18" s="8"/>
      <c r="FTK18" s="8"/>
      <c r="FTL18" s="8"/>
      <c r="FTM18" s="8"/>
      <c r="FTN18" s="8"/>
      <c r="FTO18" s="8"/>
      <c r="FTP18" s="8"/>
      <c r="FTQ18" s="8"/>
      <c r="FTR18" s="8"/>
      <c r="FTS18" s="8"/>
      <c r="FTT18" s="8"/>
      <c r="FTU18" s="8"/>
      <c r="FTV18" s="8"/>
      <c r="FTW18" s="8"/>
      <c r="FTX18" s="8"/>
      <c r="FTY18" s="8"/>
      <c r="FTZ18" s="8"/>
      <c r="FUA18" s="8"/>
      <c r="FUB18" s="8"/>
      <c r="FUC18" s="8"/>
      <c r="FUD18" s="8"/>
      <c r="FUE18" s="8"/>
      <c r="FUF18" s="8"/>
      <c r="FUG18" s="8"/>
      <c r="FUH18" s="8"/>
      <c r="FUI18" s="8"/>
      <c r="FUJ18" s="8"/>
      <c r="FUK18" s="8"/>
      <c r="FUL18" s="8"/>
      <c r="FUM18" s="8"/>
      <c r="FUN18" s="8"/>
      <c r="FUO18" s="8"/>
      <c r="FUP18" s="8"/>
      <c r="FUQ18" s="8"/>
      <c r="FUR18" s="8"/>
      <c r="FUS18" s="8"/>
      <c r="FUT18" s="8"/>
      <c r="FUU18" s="8"/>
      <c r="FUV18" s="8"/>
      <c r="FUW18" s="8"/>
      <c r="FUX18" s="8"/>
      <c r="FUY18" s="8"/>
      <c r="FUZ18" s="8"/>
      <c r="FVA18" s="8"/>
      <c r="FVB18" s="8"/>
      <c r="FVC18" s="8"/>
      <c r="FVD18" s="8"/>
      <c r="FVE18" s="8"/>
      <c r="FVF18" s="8"/>
      <c r="FVG18" s="8"/>
      <c r="FVH18" s="8"/>
      <c r="FVI18" s="8"/>
      <c r="FVJ18" s="8"/>
      <c r="FVK18" s="8"/>
      <c r="FVL18" s="8"/>
      <c r="FVM18" s="8"/>
      <c r="FVN18" s="8"/>
      <c r="FVO18" s="8"/>
      <c r="FVP18" s="8"/>
      <c r="FVQ18" s="8"/>
      <c r="FVR18" s="8"/>
      <c r="FVS18" s="8"/>
      <c r="FVT18" s="8"/>
      <c r="FVU18" s="8"/>
      <c r="FVV18" s="8"/>
      <c r="FVW18" s="8"/>
      <c r="FVX18" s="8"/>
      <c r="FVY18" s="8"/>
      <c r="FVZ18" s="8"/>
      <c r="FWA18" s="8"/>
      <c r="FWB18" s="8"/>
      <c r="FWC18" s="8"/>
      <c r="FWD18" s="8"/>
      <c r="FWE18" s="8"/>
      <c r="FWF18" s="8"/>
      <c r="FWG18" s="8"/>
      <c r="FWH18" s="8"/>
      <c r="FWI18" s="8"/>
      <c r="FWJ18" s="8"/>
      <c r="FWK18" s="8"/>
      <c r="FWL18" s="8"/>
      <c r="FWM18" s="8"/>
      <c r="FWN18" s="8"/>
      <c r="FWO18" s="8"/>
      <c r="FWP18" s="8"/>
      <c r="FWQ18" s="8"/>
      <c r="FWR18" s="8"/>
      <c r="FWS18" s="8"/>
      <c r="FWT18" s="8"/>
      <c r="FWU18" s="8"/>
      <c r="FWV18" s="8"/>
      <c r="FWW18" s="8"/>
      <c r="FWX18" s="8"/>
      <c r="FWY18" s="8"/>
      <c r="FWZ18" s="8"/>
      <c r="FXA18" s="8"/>
      <c r="FXB18" s="8"/>
      <c r="FXC18" s="8"/>
      <c r="FXD18" s="8"/>
      <c r="FXE18" s="8"/>
      <c r="FXF18" s="8"/>
      <c r="FXG18" s="8"/>
      <c r="FXH18" s="8"/>
      <c r="FXI18" s="8"/>
      <c r="FXJ18" s="8"/>
      <c r="FXK18" s="8"/>
      <c r="FXL18" s="8"/>
      <c r="FXM18" s="8"/>
      <c r="FXN18" s="8"/>
      <c r="FXO18" s="8"/>
      <c r="FXP18" s="8"/>
      <c r="FXQ18" s="8"/>
      <c r="FXR18" s="8"/>
      <c r="FXS18" s="8"/>
      <c r="FXT18" s="8"/>
      <c r="FXU18" s="8"/>
      <c r="FXV18" s="8"/>
      <c r="FXW18" s="8"/>
      <c r="FXX18" s="8"/>
      <c r="FXY18" s="8"/>
      <c r="FXZ18" s="8"/>
      <c r="FYA18" s="8"/>
      <c r="FYB18" s="8"/>
      <c r="FYC18" s="8"/>
      <c r="FYD18" s="8"/>
      <c r="FYE18" s="8"/>
      <c r="FYF18" s="8"/>
      <c r="FYG18" s="8"/>
      <c r="FYH18" s="8"/>
      <c r="FYI18" s="8"/>
      <c r="FYJ18" s="8"/>
      <c r="FYK18" s="8"/>
      <c r="FYL18" s="8"/>
      <c r="FYM18" s="8"/>
      <c r="FYN18" s="8"/>
      <c r="FYO18" s="8"/>
      <c r="FYP18" s="8"/>
      <c r="FYQ18" s="8"/>
      <c r="FYR18" s="8"/>
      <c r="FYS18" s="8"/>
      <c r="FYT18" s="8"/>
      <c r="FYU18" s="8"/>
      <c r="FYV18" s="8"/>
      <c r="FYW18" s="8"/>
      <c r="FYX18" s="8"/>
      <c r="FYY18" s="8"/>
      <c r="FYZ18" s="8"/>
      <c r="FZA18" s="8"/>
      <c r="FZB18" s="8"/>
      <c r="FZC18" s="8"/>
      <c r="FZD18" s="8"/>
      <c r="FZE18" s="8"/>
      <c r="FZF18" s="8"/>
      <c r="FZG18" s="8"/>
      <c r="FZH18" s="8"/>
      <c r="FZI18" s="8"/>
      <c r="FZJ18" s="8"/>
      <c r="FZK18" s="8"/>
      <c r="FZL18" s="8"/>
      <c r="FZM18" s="8"/>
      <c r="FZN18" s="8"/>
      <c r="FZO18" s="8"/>
      <c r="FZP18" s="8"/>
      <c r="FZQ18" s="8"/>
      <c r="FZR18" s="8"/>
      <c r="FZS18" s="8"/>
      <c r="FZT18" s="8"/>
      <c r="FZU18" s="8"/>
      <c r="FZV18" s="8"/>
      <c r="FZW18" s="8"/>
      <c r="FZX18" s="8"/>
      <c r="FZY18" s="8"/>
      <c r="FZZ18" s="8"/>
      <c r="GAA18" s="8"/>
      <c r="GAB18" s="8"/>
      <c r="GAC18" s="8"/>
      <c r="GAD18" s="8"/>
      <c r="GAE18" s="8"/>
      <c r="GAF18" s="8"/>
      <c r="GAG18" s="8"/>
      <c r="GAH18" s="8"/>
      <c r="GAI18" s="8"/>
      <c r="GAJ18" s="8"/>
      <c r="GAK18" s="8"/>
      <c r="GAL18" s="8"/>
      <c r="GAM18" s="8"/>
      <c r="GAN18" s="8"/>
      <c r="GAO18" s="8"/>
      <c r="GAP18" s="8"/>
      <c r="GAQ18" s="8"/>
      <c r="GAR18" s="8"/>
      <c r="GAS18" s="8"/>
      <c r="GAT18" s="8"/>
      <c r="GAU18" s="8"/>
      <c r="GAV18" s="8"/>
      <c r="GAW18" s="8"/>
      <c r="GAX18" s="8"/>
      <c r="GAY18" s="8"/>
      <c r="GAZ18" s="8"/>
      <c r="GBA18" s="8"/>
      <c r="GBB18" s="8"/>
      <c r="GBC18" s="8"/>
      <c r="GBD18" s="8"/>
      <c r="GBE18" s="8"/>
      <c r="GBF18" s="8"/>
      <c r="GBG18" s="8"/>
      <c r="GBH18" s="8"/>
      <c r="GBI18" s="8"/>
      <c r="GBJ18" s="8"/>
      <c r="GBK18" s="8"/>
      <c r="GBL18" s="8"/>
      <c r="GBM18" s="8"/>
      <c r="GBN18" s="8"/>
      <c r="GBO18" s="8"/>
      <c r="GBP18" s="8"/>
      <c r="GBQ18" s="8"/>
      <c r="GBR18" s="8"/>
      <c r="GBS18" s="8"/>
      <c r="GBT18" s="8"/>
      <c r="GBU18" s="8"/>
      <c r="GBV18" s="8"/>
      <c r="GBW18" s="8"/>
      <c r="GBX18" s="8"/>
      <c r="GBY18" s="8"/>
      <c r="GBZ18" s="8"/>
      <c r="GCA18" s="8"/>
      <c r="GCB18" s="8"/>
      <c r="GCC18" s="8"/>
      <c r="GCD18" s="8"/>
      <c r="GCE18" s="8"/>
      <c r="GCF18" s="8"/>
      <c r="GCG18" s="8"/>
      <c r="GCH18" s="8"/>
      <c r="GCI18" s="8"/>
      <c r="GCJ18" s="8"/>
      <c r="GCK18" s="8"/>
      <c r="GCL18" s="8"/>
      <c r="GCM18" s="8"/>
      <c r="GCN18" s="8"/>
      <c r="GCO18" s="8"/>
      <c r="GCP18" s="8"/>
      <c r="GCQ18" s="8"/>
      <c r="GCR18" s="8"/>
      <c r="GCS18" s="8"/>
      <c r="GCT18" s="8"/>
      <c r="GCU18" s="8"/>
      <c r="GCV18" s="8"/>
      <c r="GCW18" s="8"/>
      <c r="GCX18" s="8"/>
      <c r="GCY18" s="8"/>
      <c r="GCZ18" s="8"/>
      <c r="GDA18" s="8"/>
      <c r="GDB18" s="8"/>
      <c r="GDC18" s="8"/>
      <c r="GDD18" s="8"/>
      <c r="GDE18" s="8"/>
      <c r="GDF18" s="8"/>
      <c r="GDG18" s="8"/>
      <c r="GDH18" s="8"/>
      <c r="GDI18" s="8"/>
      <c r="GDJ18" s="8"/>
      <c r="GDK18" s="8"/>
      <c r="GDL18" s="8"/>
      <c r="GDM18" s="8"/>
      <c r="GDN18" s="8"/>
      <c r="GDO18" s="8"/>
      <c r="GDP18" s="8"/>
      <c r="GDQ18" s="8"/>
      <c r="GDR18" s="8"/>
      <c r="GDS18" s="8"/>
      <c r="GDT18" s="8"/>
      <c r="GDU18" s="8"/>
      <c r="GDV18" s="8"/>
      <c r="GDW18" s="8"/>
      <c r="GDX18" s="8"/>
      <c r="GDY18" s="8"/>
      <c r="GDZ18" s="8"/>
      <c r="GEA18" s="8"/>
      <c r="GEB18" s="8"/>
      <c r="GEC18" s="8"/>
      <c r="GED18" s="8"/>
      <c r="GEE18" s="8"/>
      <c r="GEF18" s="8"/>
      <c r="GEG18" s="8"/>
      <c r="GEH18" s="8"/>
      <c r="GEI18" s="8"/>
      <c r="GEJ18" s="8"/>
      <c r="GEK18" s="8"/>
      <c r="GEL18" s="8"/>
      <c r="GEM18" s="8"/>
      <c r="GEN18" s="8"/>
      <c r="GEO18" s="8"/>
      <c r="GEP18" s="8"/>
      <c r="GEQ18" s="8"/>
      <c r="GER18" s="8"/>
      <c r="GES18" s="8"/>
      <c r="GET18" s="8"/>
      <c r="GEU18" s="8"/>
      <c r="GEV18" s="8"/>
      <c r="GEW18" s="8"/>
      <c r="GEX18" s="8"/>
      <c r="GEY18" s="8"/>
      <c r="GEZ18" s="8"/>
      <c r="GFA18" s="8"/>
      <c r="GFB18" s="8"/>
      <c r="GFC18" s="8"/>
      <c r="GFD18" s="8"/>
      <c r="GFE18" s="8"/>
      <c r="GFF18" s="8"/>
      <c r="GFG18" s="8"/>
      <c r="GFH18" s="8"/>
      <c r="GFI18" s="8"/>
      <c r="GFJ18" s="8"/>
      <c r="GFK18" s="8"/>
      <c r="GFL18" s="8"/>
      <c r="GFM18" s="8"/>
      <c r="GFN18" s="8"/>
      <c r="GFO18" s="8"/>
      <c r="GFP18" s="8"/>
      <c r="GFQ18" s="8"/>
      <c r="GFR18" s="8"/>
      <c r="GFS18" s="8"/>
      <c r="GFT18" s="8"/>
      <c r="GFU18" s="8"/>
      <c r="GFV18" s="8"/>
      <c r="GFW18" s="8"/>
      <c r="GFX18" s="8"/>
      <c r="GFY18" s="8"/>
      <c r="GFZ18" s="8"/>
      <c r="GGA18" s="8"/>
      <c r="GGB18" s="8"/>
      <c r="GGC18" s="8"/>
      <c r="GGD18" s="8"/>
      <c r="GGE18" s="8"/>
      <c r="GGF18" s="8"/>
      <c r="GGG18" s="8"/>
      <c r="GGH18" s="8"/>
      <c r="GGI18" s="8"/>
      <c r="GGJ18" s="8"/>
      <c r="GGK18" s="8"/>
      <c r="GGL18" s="8"/>
      <c r="GGM18" s="8"/>
      <c r="GGN18" s="8"/>
      <c r="GGO18" s="8"/>
      <c r="GGP18" s="8"/>
      <c r="GGQ18" s="8"/>
      <c r="GGR18" s="8"/>
      <c r="GGS18" s="8"/>
      <c r="GGT18" s="8"/>
      <c r="GGU18" s="8"/>
      <c r="GGV18" s="8"/>
      <c r="GGW18" s="8"/>
      <c r="GGX18" s="8"/>
      <c r="GGY18" s="8"/>
      <c r="GGZ18" s="8"/>
      <c r="GHA18" s="8"/>
      <c r="GHB18" s="8"/>
      <c r="GHC18" s="8"/>
      <c r="GHD18" s="8"/>
      <c r="GHE18" s="8"/>
      <c r="GHF18" s="8"/>
      <c r="GHG18" s="8"/>
      <c r="GHH18" s="8"/>
      <c r="GHI18" s="8"/>
      <c r="GHJ18" s="8"/>
      <c r="GHK18" s="8"/>
      <c r="GHL18" s="8"/>
      <c r="GHM18" s="8"/>
      <c r="GHN18" s="8"/>
      <c r="GHO18" s="8"/>
      <c r="GHP18" s="8"/>
      <c r="GHQ18" s="8"/>
      <c r="GHR18" s="8"/>
      <c r="GHS18" s="8"/>
      <c r="GHT18" s="8"/>
      <c r="GHU18" s="8"/>
      <c r="GHV18" s="8"/>
      <c r="GHW18" s="8"/>
      <c r="GHX18" s="8"/>
      <c r="GHY18" s="8"/>
      <c r="GHZ18" s="8"/>
      <c r="GIA18" s="8"/>
      <c r="GIB18" s="8"/>
      <c r="GIC18" s="8"/>
      <c r="GID18" s="8"/>
      <c r="GIE18" s="8"/>
      <c r="GIF18" s="8"/>
      <c r="GIG18" s="8"/>
      <c r="GIH18" s="8"/>
      <c r="GII18" s="8"/>
      <c r="GIJ18" s="8"/>
      <c r="GIK18" s="8"/>
      <c r="GIL18" s="8"/>
      <c r="GIM18" s="8"/>
      <c r="GIN18" s="8"/>
      <c r="GIO18" s="8"/>
      <c r="GIP18" s="8"/>
      <c r="GIQ18" s="8"/>
      <c r="GIR18" s="8"/>
      <c r="GIS18" s="8"/>
      <c r="GIT18" s="8"/>
      <c r="GIU18" s="8"/>
      <c r="GIV18" s="8"/>
      <c r="GIW18" s="8"/>
      <c r="GIX18" s="8"/>
      <c r="GIY18" s="8"/>
      <c r="GIZ18" s="8"/>
      <c r="GJA18" s="8"/>
      <c r="GJB18" s="8"/>
      <c r="GJC18" s="8"/>
      <c r="GJD18" s="8"/>
      <c r="GJE18" s="8"/>
      <c r="GJF18" s="8"/>
      <c r="GJG18" s="8"/>
      <c r="GJH18" s="8"/>
      <c r="GJI18" s="8"/>
      <c r="GJJ18" s="8"/>
      <c r="GJK18" s="8"/>
      <c r="GJL18" s="8"/>
      <c r="GJM18" s="8"/>
      <c r="GJN18" s="8"/>
      <c r="GJO18" s="8"/>
      <c r="GJP18" s="8"/>
      <c r="GJQ18" s="8"/>
      <c r="GJR18" s="8"/>
      <c r="GJS18" s="8"/>
      <c r="GJT18" s="8"/>
      <c r="GJU18" s="8"/>
      <c r="GJV18" s="8"/>
      <c r="GJW18" s="8"/>
      <c r="GJX18" s="8"/>
      <c r="GJY18" s="8"/>
      <c r="GJZ18" s="8"/>
      <c r="GKA18" s="8"/>
      <c r="GKB18" s="8"/>
      <c r="GKC18" s="8"/>
      <c r="GKD18" s="8"/>
      <c r="GKE18" s="8"/>
      <c r="GKF18" s="8"/>
      <c r="GKG18" s="8"/>
      <c r="GKH18" s="8"/>
      <c r="GKI18" s="8"/>
      <c r="GKJ18" s="8"/>
      <c r="GKK18" s="8"/>
      <c r="GKL18" s="8"/>
      <c r="GKM18" s="8"/>
      <c r="GKN18" s="8"/>
      <c r="GKO18" s="8"/>
      <c r="GKP18" s="8"/>
      <c r="GKQ18" s="8"/>
      <c r="GKR18" s="8"/>
      <c r="GKS18" s="8"/>
      <c r="GKT18" s="8"/>
      <c r="GKU18" s="8"/>
      <c r="GKV18" s="8"/>
      <c r="GKW18" s="8"/>
      <c r="GKX18" s="8"/>
      <c r="GKY18" s="8"/>
      <c r="GKZ18" s="8"/>
      <c r="GLA18" s="8"/>
      <c r="GLB18" s="8"/>
      <c r="GLC18" s="8"/>
      <c r="GLD18" s="8"/>
      <c r="GLE18" s="8"/>
      <c r="GLF18" s="8"/>
      <c r="GLG18" s="8"/>
      <c r="GLH18" s="8"/>
      <c r="GLI18" s="8"/>
      <c r="GLJ18" s="8"/>
      <c r="GLK18" s="8"/>
      <c r="GLL18" s="8"/>
      <c r="GLM18" s="8"/>
      <c r="GLN18" s="8"/>
      <c r="GLO18" s="8"/>
      <c r="GLP18" s="8"/>
      <c r="GLQ18" s="8"/>
      <c r="GLR18" s="8"/>
      <c r="GLS18" s="8"/>
      <c r="GLT18" s="8"/>
      <c r="GLU18" s="8"/>
      <c r="GLV18" s="8"/>
      <c r="GLW18" s="8"/>
      <c r="GLX18" s="8"/>
      <c r="GLY18" s="8"/>
      <c r="GLZ18" s="8"/>
      <c r="GMA18" s="8"/>
      <c r="GMB18" s="8"/>
      <c r="GMC18" s="8"/>
      <c r="GMD18" s="8"/>
      <c r="GME18" s="8"/>
      <c r="GMF18" s="8"/>
      <c r="GMG18" s="8"/>
      <c r="GMH18" s="8"/>
      <c r="GMI18" s="8"/>
      <c r="GMJ18" s="8"/>
      <c r="GMK18" s="8"/>
      <c r="GML18" s="8"/>
      <c r="GMM18" s="8"/>
      <c r="GMN18" s="8"/>
      <c r="GMO18" s="8"/>
      <c r="GMP18" s="8"/>
      <c r="GMQ18" s="8"/>
      <c r="GMR18" s="8"/>
      <c r="GMS18" s="8"/>
      <c r="GMT18" s="8"/>
      <c r="GMU18" s="8"/>
      <c r="GMV18" s="8"/>
      <c r="GMW18" s="8"/>
      <c r="GMX18" s="8"/>
      <c r="GMY18" s="8"/>
      <c r="GMZ18" s="8"/>
      <c r="GNA18" s="8"/>
      <c r="GNB18" s="8"/>
      <c r="GNC18" s="8"/>
      <c r="GND18" s="8"/>
      <c r="GNE18" s="8"/>
      <c r="GNF18" s="8"/>
      <c r="GNG18" s="8"/>
      <c r="GNH18" s="8"/>
      <c r="GNI18" s="8"/>
      <c r="GNJ18" s="8"/>
      <c r="GNK18" s="8"/>
      <c r="GNL18" s="8"/>
      <c r="GNM18" s="8"/>
      <c r="GNN18" s="8"/>
      <c r="GNO18" s="8"/>
      <c r="GNP18" s="8"/>
      <c r="GNQ18" s="8"/>
      <c r="GNR18" s="8"/>
      <c r="GNS18" s="8"/>
      <c r="GNT18" s="8"/>
      <c r="GNU18" s="8"/>
      <c r="GNV18" s="8"/>
      <c r="GNW18" s="8"/>
      <c r="GNX18" s="8"/>
      <c r="GNY18" s="8"/>
      <c r="GNZ18" s="8"/>
      <c r="GOA18" s="8"/>
      <c r="GOB18" s="8"/>
      <c r="GOC18" s="8"/>
      <c r="GOD18" s="8"/>
      <c r="GOE18" s="8"/>
      <c r="GOF18" s="8"/>
      <c r="GOG18" s="8"/>
      <c r="GOH18" s="8"/>
      <c r="GOI18" s="8"/>
      <c r="GOJ18" s="8"/>
      <c r="GOK18" s="8"/>
      <c r="GOL18" s="8"/>
      <c r="GOM18" s="8"/>
      <c r="GON18" s="8"/>
      <c r="GOO18" s="8"/>
      <c r="GOP18" s="8"/>
      <c r="GOQ18" s="8"/>
      <c r="GOR18" s="8"/>
      <c r="GOS18" s="8"/>
      <c r="GOT18" s="8"/>
      <c r="GOU18" s="8"/>
      <c r="GOV18" s="8"/>
      <c r="GOW18" s="8"/>
      <c r="GOX18" s="8"/>
      <c r="GOY18" s="8"/>
      <c r="GOZ18" s="8"/>
      <c r="GPA18" s="8"/>
      <c r="GPB18" s="8"/>
      <c r="GPC18" s="8"/>
      <c r="GPD18" s="8"/>
      <c r="GPE18" s="8"/>
      <c r="GPF18" s="8"/>
      <c r="GPG18" s="8"/>
      <c r="GPH18" s="8"/>
      <c r="GPI18" s="8"/>
      <c r="GPJ18" s="8"/>
      <c r="GPK18" s="8"/>
      <c r="GPL18" s="8"/>
      <c r="GPM18" s="8"/>
      <c r="GPN18" s="8"/>
      <c r="GPO18" s="8"/>
      <c r="GPP18" s="8"/>
      <c r="GPQ18" s="8"/>
      <c r="GPR18" s="8"/>
      <c r="GPS18" s="8"/>
      <c r="GPT18" s="8"/>
      <c r="GPU18" s="8"/>
      <c r="GPV18" s="8"/>
      <c r="GPW18" s="8"/>
      <c r="GPX18" s="8"/>
      <c r="GPY18" s="8"/>
      <c r="GPZ18" s="8"/>
      <c r="GQA18" s="8"/>
      <c r="GQB18" s="8"/>
      <c r="GQC18" s="8"/>
      <c r="GQD18" s="8"/>
      <c r="GQE18" s="8"/>
      <c r="GQF18" s="8"/>
      <c r="GQG18" s="8"/>
      <c r="GQH18" s="8"/>
      <c r="GQI18" s="8"/>
      <c r="GQJ18" s="8"/>
      <c r="GQK18" s="8"/>
      <c r="GQL18" s="8"/>
      <c r="GQM18" s="8"/>
      <c r="GQN18" s="8"/>
      <c r="GQO18" s="8"/>
      <c r="GQP18" s="8"/>
      <c r="GQQ18" s="8"/>
      <c r="GQR18" s="8"/>
      <c r="GQS18" s="8"/>
      <c r="GQT18" s="8"/>
      <c r="GQU18" s="8"/>
      <c r="GQV18" s="8"/>
      <c r="GQW18" s="8"/>
      <c r="GQX18" s="8"/>
      <c r="GQY18" s="8"/>
      <c r="GQZ18" s="8"/>
      <c r="GRA18" s="8"/>
      <c r="GRB18" s="8"/>
      <c r="GRC18" s="8"/>
      <c r="GRD18" s="8"/>
      <c r="GRE18" s="8"/>
      <c r="GRF18" s="8"/>
      <c r="GRG18" s="8"/>
      <c r="GRH18" s="8"/>
      <c r="GRI18" s="8"/>
      <c r="GRJ18" s="8"/>
      <c r="GRK18" s="8"/>
      <c r="GRL18" s="8"/>
      <c r="GRM18" s="8"/>
      <c r="GRN18" s="8"/>
      <c r="GRO18" s="8"/>
      <c r="GRP18" s="8"/>
      <c r="GRQ18" s="8"/>
      <c r="GRR18" s="8"/>
      <c r="GRS18" s="8"/>
      <c r="GRT18" s="8"/>
      <c r="GRU18" s="8"/>
      <c r="GRV18" s="8"/>
      <c r="GRW18" s="8"/>
      <c r="GRX18" s="8"/>
      <c r="GRY18" s="8"/>
      <c r="GRZ18" s="8"/>
      <c r="GSA18" s="8"/>
      <c r="GSB18" s="8"/>
      <c r="GSC18" s="8"/>
      <c r="GSD18" s="8"/>
      <c r="GSE18" s="8"/>
      <c r="GSF18" s="8"/>
      <c r="GSG18" s="8"/>
      <c r="GSH18" s="8"/>
      <c r="GSI18" s="8"/>
      <c r="GSJ18" s="8"/>
      <c r="GSK18" s="8"/>
      <c r="GSL18" s="8"/>
      <c r="GSM18" s="8"/>
      <c r="GSN18" s="8"/>
      <c r="GSO18" s="8"/>
      <c r="GSP18" s="8"/>
      <c r="GSQ18" s="8"/>
      <c r="GSR18" s="8"/>
      <c r="GSS18" s="8"/>
      <c r="GST18" s="8"/>
      <c r="GSU18" s="8"/>
      <c r="GSV18" s="8"/>
      <c r="GSW18" s="8"/>
      <c r="GSX18" s="8"/>
      <c r="GSY18" s="8"/>
      <c r="GSZ18" s="8"/>
      <c r="GTA18" s="8"/>
      <c r="GTB18" s="8"/>
      <c r="GTC18" s="8"/>
      <c r="GTD18" s="8"/>
      <c r="GTE18" s="8"/>
      <c r="GTF18" s="8"/>
      <c r="GTG18" s="8"/>
      <c r="GTH18" s="8"/>
      <c r="GTI18" s="8"/>
      <c r="GTJ18" s="8"/>
      <c r="GTK18" s="8"/>
      <c r="GTL18" s="8"/>
      <c r="GTM18" s="8"/>
      <c r="GTN18" s="8"/>
      <c r="GTO18" s="8"/>
      <c r="GTP18" s="8"/>
      <c r="GTQ18" s="8"/>
      <c r="GTR18" s="8"/>
      <c r="GTS18" s="8"/>
      <c r="GTT18" s="8"/>
      <c r="GTU18" s="8"/>
      <c r="GTV18" s="8"/>
      <c r="GTW18" s="8"/>
      <c r="GTX18" s="8"/>
      <c r="GTY18" s="8"/>
      <c r="GTZ18" s="8"/>
      <c r="GUA18" s="8"/>
      <c r="GUB18" s="8"/>
      <c r="GUC18" s="8"/>
      <c r="GUD18" s="8"/>
      <c r="GUE18" s="8"/>
      <c r="GUF18" s="8"/>
      <c r="GUG18" s="8"/>
      <c r="GUH18" s="8"/>
      <c r="GUI18" s="8"/>
      <c r="GUJ18" s="8"/>
      <c r="GUK18" s="8"/>
      <c r="GUL18" s="8"/>
      <c r="GUM18" s="8"/>
      <c r="GUN18" s="8"/>
      <c r="GUO18" s="8"/>
      <c r="GUP18" s="8"/>
      <c r="GUQ18" s="8"/>
      <c r="GUR18" s="8"/>
      <c r="GUS18" s="8"/>
      <c r="GUT18" s="8"/>
      <c r="GUU18" s="8"/>
      <c r="GUV18" s="8"/>
      <c r="GUW18" s="8"/>
      <c r="GUX18" s="8"/>
      <c r="GUY18" s="8"/>
      <c r="GUZ18" s="8"/>
      <c r="GVA18" s="8"/>
      <c r="GVB18" s="8"/>
      <c r="GVC18" s="8"/>
      <c r="GVD18" s="8"/>
      <c r="GVE18" s="8"/>
      <c r="GVF18" s="8"/>
      <c r="GVG18" s="8"/>
      <c r="GVH18" s="8"/>
      <c r="GVI18" s="8"/>
      <c r="GVJ18" s="8"/>
      <c r="GVK18" s="8"/>
      <c r="GVL18" s="8"/>
      <c r="GVM18" s="8"/>
      <c r="GVN18" s="8"/>
      <c r="GVO18" s="8"/>
      <c r="GVP18" s="8"/>
      <c r="GVQ18" s="8"/>
      <c r="GVR18" s="8"/>
      <c r="GVS18" s="8"/>
      <c r="GVT18" s="8"/>
      <c r="GVU18" s="8"/>
      <c r="GVV18" s="8"/>
      <c r="GVW18" s="8"/>
      <c r="GVX18" s="8"/>
      <c r="GVY18" s="8"/>
      <c r="GVZ18" s="8"/>
      <c r="GWA18" s="8"/>
      <c r="GWB18" s="8"/>
      <c r="GWC18" s="8"/>
      <c r="GWD18" s="8"/>
      <c r="GWE18" s="8"/>
      <c r="GWF18" s="8"/>
      <c r="GWG18" s="8"/>
      <c r="GWH18" s="8"/>
      <c r="GWI18" s="8"/>
      <c r="GWJ18" s="8"/>
      <c r="GWK18" s="8"/>
      <c r="GWL18" s="8"/>
      <c r="GWM18" s="8"/>
      <c r="GWN18" s="8"/>
      <c r="GWO18" s="8"/>
      <c r="GWP18" s="8"/>
      <c r="GWQ18" s="8"/>
      <c r="GWR18" s="8"/>
      <c r="GWS18" s="8"/>
      <c r="GWT18" s="8"/>
      <c r="GWU18" s="8"/>
      <c r="GWV18" s="8"/>
      <c r="GWW18" s="8"/>
      <c r="GWX18" s="8"/>
      <c r="GWY18" s="8"/>
      <c r="GWZ18" s="8"/>
      <c r="GXA18" s="8"/>
      <c r="GXB18" s="8"/>
      <c r="GXC18" s="8"/>
      <c r="GXD18" s="8"/>
      <c r="GXE18" s="8"/>
      <c r="GXF18" s="8"/>
      <c r="GXG18" s="8"/>
      <c r="GXH18" s="8"/>
      <c r="GXI18" s="8"/>
      <c r="GXJ18" s="8"/>
      <c r="GXK18" s="8"/>
      <c r="GXL18" s="8"/>
      <c r="GXM18" s="8"/>
      <c r="GXN18" s="8"/>
      <c r="GXO18" s="8"/>
      <c r="GXP18" s="8"/>
      <c r="GXQ18" s="8"/>
      <c r="GXR18" s="8"/>
      <c r="GXS18" s="8"/>
      <c r="GXT18" s="8"/>
      <c r="GXU18" s="8"/>
      <c r="GXV18" s="8"/>
      <c r="GXW18" s="8"/>
      <c r="GXX18" s="8"/>
      <c r="GXY18" s="8"/>
      <c r="GXZ18" s="8"/>
      <c r="GYA18" s="8"/>
      <c r="GYB18" s="8"/>
      <c r="GYC18" s="8"/>
      <c r="GYD18" s="8"/>
      <c r="GYE18" s="8"/>
      <c r="GYF18" s="8"/>
      <c r="GYG18" s="8"/>
      <c r="GYH18" s="8"/>
      <c r="GYI18" s="8"/>
      <c r="GYJ18" s="8"/>
      <c r="GYK18" s="8"/>
      <c r="GYL18" s="8"/>
      <c r="GYM18" s="8"/>
      <c r="GYN18" s="8"/>
      <c r="GYO18" s="8"/>
      <c r="GYP18" s="8"/>
      <c r="GYQ18" s="8"/>
      <c r="GYR18" s="8"/>
      <c r="GYS18" s="8"/>
      <c r="GYT18" s="8"/>
      <c r="GYU18" s="8"/>
      <c r="GYV18" s="8"/>
      <c r="GYW18" s="8"/>
      <c r="GYX18" s="8"/>
      <c r="GYY18" s="8"/>
      <c r="GYZ18" s="8"/>
      <c r="GZA18" s="8"/>
      <c r="GZB18" s="8"/>
      <c r="GZC18" s="8"/>
      <c r="GZD18" s="8"/>
      <c r="GZE18" s="8"/>
      <c r="GZF18" s="8"/>
      <c r="GZG18" s="8"/>
      <c r="GZH18" s="8"/>
      <c r="GZI18" s="8"/>
      <c r="GZJ18" s="8"/>
      <c r="GZK18" s="8"/>
      <c r="GZL18" s="8"/>
      <c r="GZM18" s="8"/>
      <c r="GZN18" s="8"/>
      <c r="GZO18" s="8"/>
      <c r="GZP18" s="8"/>
      <c r="GZQ18" s="8"/>
      <c r="GZR18" s="8"/>
      <c r="GZS18" s="8"/>
      <c r="GZT18" s="8"/>
      <c r="GZU18" s="8"/>
      <c r="GZV18" s="8"/>
      <c r="GZW18" s="8"/>
      <c r="GZX18" s="8"/>
      <c r="GZY18" s="8"/>
      <c r="GZZ18" s="8"/>
      <c r="HAA18" s="8"/>
      <c r="HAB18" s="8"/>
      <c r="HAC18" s="8"/>
      <c r="HAD18" s="8"/>
      <c r="HAE18" s="8"/>
      <c r="HAF18" s="8"/>
      <c r="HAG18" s="8"/>
      <c r="HAH18" s="8"/>
      <c r="HAI18" s="8"/>
      <c r="HAJ18" s="8"/>
      <c r="HAK18" s="8"/>
      <c r="HAL18" s="8"/>
      <c r="HAM18" s="8"/>
      <c r="HAN18" s="8"/>
      <c r="HAO18" s="8"/>
      <c r="HAP18" s="8"/>
      <c r="HAQ18" s="8"/>
      <c r="HAR18" s="8"/>
      <c r="HAS18" s="8"/>
      <c r="HAT18" s="8"/>
      <c r="HAU18" s="8"/>
      <c r="HAV18" s="8"/>
      <c r="HAW18" s="8"/>
      <c r="HAX18" s="8"/>
      <c r="HAY18" s="8"/>
      <c r="HAZ18" s="8"/>
      <c r="HBA18" s="8"/>
      <c r="HBB18" s="8"/>
      <c r="HBC18" s="8"/>
      <c r="HBD18" s="8"/>
      <c r="HBE18" s="8"/>
      <c r="HBF18" s="8"/>
      <c r="HBG18" s="8"/>
      <c r="HBH18" s="8"/>
      <c r="HBI18" s="8"/>
      <c r="HBJ18" s="8"/>
      <c r="HBK18" s="8"/>
      <c r="HBL18" s="8"/>
      <c r="HBM18" s="8"/>
      <c r="HBN18" s="8"/>
      <c r="HBO18" s="8"/>
      <c r="HBP18" s="8"/>
      <c r="HBQ18" s="8"/>
      <c r="HBR18" s="8"/>
      <c r="HBS18" s="8"/>
      <c r="HBT18" s="8"/>
      <c r="HBU18" s="8"/>
      <c r="HBV18" s="8"/>
      <c r="HBW18" s="8"/>
      <c r="HBX18" s="8"/>
      <c r="HBY18" s="8"/>
      <c r="HBZ18" s="8"/>
      <c r="HCA18" s="8"/>
      <c r="HCB18" s="8"/>
      <c r="HCC18" s="8"/>
      <c r="HCD18" s="8"/>
      <c r="HCE18" s="8"/>
      <c r="HCF18" s="8"/>
      <c r="HCG18" s="8"/>
      <c r="HCH18" s="8"/>
      <c r="HCI18" s="8"/>
      <c r="HCJ18" s="8"/>
      <c r="HCK18" s="8"/>
      <c r="HCL18" s="8"/>
      <c r="HCM18" s="8"/>
      <c r="HCN18" s="8"/>
      <c r="HCO18" s="8"/>
      <c r="HCP18" s="8"/>
      <c r="HCQ18" s="8"/>
      <c r="HCR18" s="8"/>
      <c r="HCS18" s="8"/>
      <c r="HCT18" s="8"/>
      <c r="HCU18" s="8"/>
      <c r="HCV18" s="8"/>
      <c r="HCW18" s="8"/>
      <c r="HCX18" s="8"/>
      <c r="HCY18" s="8"/>
      <c r="HCZ18" s="8"/>
      <c r="HDA18" s="8"/>
      <c r="HDB18" s="8"/>
      <c r="HDC18" s="8"/>
      <c r="HDD18" s="8"/>
      <c r="HDE18" s="8"/>
      <c r="HDF18" s="8"/>
      <c r="HDG18" s="8"/>
      <c r="HDH18" s="8"/>
      <c r="HDI18" s="8"/>
      <c r="HDJ18" s="8"/>
      <c r="HDK18" s="8"/>
      <c r="HDL18" s="8"/>
      <c r="HDM18" s="8"/>
      <c r="HDN18" s="8"/>
      <c r="HDO18" s="8"/>
      <c r="HDP18" s="8"/>
      <c r="HDQ18" s="8"/>
      <c r="HDR18" s="8"/>
      <c r="HDS18" s="8"/>
      <c r="HDT18" s="8"/>
      <c r="HDU18" s="8"/>
      <c r="HDV18" s="8"/>
      <c r="HDW18" s="8"/>
      <c r="HDX18" s="8"/>
      <c r="HDY18" s="8"/>
      <c r="HDZ18" s="8"/>
      <c r="HEA18" s="8"/>
      <c r="HEB18" s="8"/>
      <c r="HEC18" s="8"/>
      <c r="HED18" s="8"/>
      <c r="HEE18" s="8"/>
      <c r="HEF18" s="8"/>
      <c r="HEG18" s="8"/>
      <c r="HEH18" s="8"/>
      <c r="HEI18" s="8"/>
      <c r="HEJ18" s="8"/>
      <c r="HEK18" s="8"/>
      <c r="HEL18" s="8"/>
      <c r="HEM18" s="8"/>
      <c r="HEN18" s="8"/>
      <c r="HEO18" s="8"/>
      <c r="HEP18" s="8"/>
      <c r="HEQ18" s="8"/>
      <c r="HER18" s="8"/>
      <c r="HES18" s="8"/>
      <c r="HET18" s="8"/>
      <c r="HEU18" s="8"/>
      <c r="HEV18" s="8"/>
      <c r="HEW18" s="8"/>
      <c r="HEX18" s="8"/>
      <c r="HEY18" s="8"/>
      <c r="HEZ18" s="8"/>
      <c r="HFA18" s="8"/>
      <c r="HFB18" s="8"/>
      <c r="HFC18" s="8"/>
      <c r="HFD18" s="8"/>
      <c r="HFE18" s="8"/>
      <c r="HFF18" s="8"/>
      <c r="HFG18" s="8"/>
      <c r="HFH18" s="8"/>
      <c r="HFI18" s="8"/>
      <c r="HFJ18" s="8"/>
      <c r="HFK18" s="8"/>
      <c r="HFL18" s="8"/>
      <c r="HFM18" s="8"/>
      <c r="HFN18" s="8"/>
      <c r="HFO18" s="8"/>
      <c r="HFP18" s="8"/>
      <c r="HFQ18" s="8"/>
      <c r="HFR18" s="8"/>
      <c r="HFS18" s="8"/>
      <c r="HFT18" s="8"/>
      <c r="HFU18" s="8"/>
      <c r="HFV18" s="8"/>
      <c r="HFW18" s="8"/>
      <c r="HFX18" s="8"/>
      <c r="HFY18" s="8"/>
      <c r="HFZ18" s="8"/>
      <c r="HGA18" s="8"/>
      <c r="HGB18" s="8"/>
      <c r="HGC18" s="8"/>
      <c r="HGD18" s="8"/>
      <c r="HGE18" s="8"/>
      <c r="HGF18" s="8"/>
      <c r="HGG18" s="8"/>
      <c r="HGH18" s="8"/>
      <c r="HGI18" s="8"/>
      <c r="HGJ18" s="8"/>
      <c r="HGK18" s="8"/>
      <c r="HGL18" s="8"/>
      <c r="HGM18" s="8"/>
      <c r="HGN18" s="8"/>
      <c r="HGO18" s="8"/>
      <c r="HGP18" s="8"/>
      <c r="HGQ18" s="8"/>
      <c r="HGR18" s="8"/>
      <c r="HGS18" s="8"/>
      <c r="HGT18" s="8"/>
      <c r="HGU18" s="8"/>
      <c r="HGV18" s="8"/>
      <c r="HGW18" s="8"/>
      <c r="HGX18" s="8"/>
      <c r="HGY18" s="8"/>
      <c r="HGZ18" s="8"/>
      <c r="HHA18" s="8"/>
      <c r="HHB18" s="8"/>
      <c r="HHC18" s="8"/>
      <c r="HHD18" s="8"/>
      <c r="HHE18" s="8"/>
      <c r="HHF18" s="8"/>
      <c r="HHG18" s="8"/>
      <c r="HHH18" s="8"/>
      <c r="HHI18" s="8"/>
      <c r="HHJ18" s="8"/>
      <c r="HHK18" s="8"/>
      <c r="HHL18" s="8"/>
      <c r="HHM18" s="8"/>
      <c r="HHN18" s="8"/>
      <c r="HHO18" s="8"/>
      <c r="HHP18" s="8"/>
      <c r="HHQ18" s="8"/>
      <c r="HHR18" s="8"/>
      <c r="HHS18" s="8"/>
      <c r="HHT18" s="8"/>
      <c r="HHU18" s="8"/>
      <c r="HHV18" s="8"/>
      <c r="HHW18" s="8"/>
      <c r="HHX18" s="8"/>
      <c r="HHY18" s="8"/>
      <c r="HHZ18" s="8"/>
      <c r="HIA18" s="8"/>
      <c r="HIB18" s="8"/>
      <c r="HIC18" s="8"/>
      <c r="HID18" s="8"/>
      <c r="HIE18" s="8"/>
      <c r="HIF18" s="8"/>
      <c r="HIG18" s="8"/>
      <c r="HIH18" s="8"/>
      <c r="HII18" s="8"/>
      <c r="HIJ18" s="8"/>
      <c r="HIK18" s="8"/>
      <c r="HIL18" s="8"/>
      <c r="HIM18" s="8"/>
      <c r="HIN18" s="8"/>
      <c r="HIO18" s="8"/>
      <c r="HIP18" s="8"/>
      <c r="HIQ18" s="8"/>
      <c r="HIR18" s="8"/>
      <c r="HIS18" s="8"/>
      <c r="HIT18" s="8"/>
      <c r="HIU18" s="8"/>
      <c r="HIV18" s="8"/>
      <c r="HIW18" s="8"/>
      <c r="HIX18" s="8"/>
      <c r="HIY18" s="8"/>
      <c r="HIZ18" s="8"/>
      <c r="HJA18" s="8"/>
      <c r="HJB18" s="8"/>
      <c r="HJC18" s="8"/>
      <c r="HJD18" s="8"/>
      <c r="HJE18" s="8"/>
      <c r="HJF18" s="8"/>
      <c r="HJG18" s="8"/>
      <c r="HJH18" s="8"/>
      <c r="HJI18" s="8"/>
      <c r="HJJ18" s="8"/>
      <c r="HJK18" s="8"/>
      <c r="HJL18" s="8"/>
      <c r="HJM18" s="8"/>
      <c r="HJN18" s="8"/>
      <c r="HJO18" s="8"/>
      <c r="HJP18" s="8"/>
      <c r="HJQ18" s="8"/>
      <c r="HJR18" s="8"/>
      <c r="HJS18" s="8"/>
      <c r="HJT18" s="8"/>
      <c r="HJU18" s="8"/>
      <c r="HJV18" s="8"/>
      <c r="HJW18" s="8"/>
      <c r="HJX18" s="8"/>
      <c r="HJY18" s="8"/>
      <c r="HJZ18" s="8"/>
      <c r="HKA18" s="8"/>
      <c r="HKB18" s="8"/>
      <c r="HKC18" s="8"/>
      <c r="HKD18" s="8"/>
      <c r="HKE18" s="8"/>
      <c r="HKF18" s="8"/>
      <c r="HKG18" s="8"/>
      <c r="HKH18" s="8"/>
      <c r="HKI18" s="8"/>
      <c r="HKJ18" s="8"/>
      <c r="HKK18" s="8"/>
      <c r="HKL18" s="8"/>
      <c r="HKM18" s="8"/>
      <c r="HKN18" s="8"/>
      <c r="HKO18" s="8"/>
      <c r="HKP18" s="8"/>
      <c r="HKQ18" s="8"/>
      <c r="HKR18" s="8"/>
      <c r="HKS18" s="8"/>
      <c r="HKT18" s="8"/>
      <c r="HKU18" s="8"/>
      <c r="HKV18" s="8"/>
      <c r="HKW18" s="8"/>
      <c r="HKX18" s="8"/>
      <c r="HKY18" s="8"/>
      <c r="HKZ18" s="8"/>
      <c r="HLA18" s="8"/>
      <c r="HLB18" s="8"/>
      <c r="HLC18" s="8"/>
      <c r="HLD18" s="8"/>
      <c r="HLE18" s="8"/>
      <c r="HLF18" s="8"/>
      <c r="HLG18" s="8"/>
      <c r="HLH18" s="8"/>
      <c r="HLI18" s="8"/>
      <c r="HLJ18" s="8"/>
      <c r="HLK18" s="8"/>
      <c r="HLL18" s="8"/>
      <c r="HLM18" s="8"/>
      <c r="HLN18" s="8"/>
      <c r="HLO18" s="8"/>
      <c r="HLP18" s="8"/>
      <c r="HLQ18" s="8"/>
      <c r="HLR18" s="8"/>
      <c r="HLS18" s="8"/>
      <c r="HLT18" s="8"/>
      <c r="HLU18" s="8"/>
      <c r="HLV18" s="8"/>
      <c r="HLW18" s="8"/>
      <c r="HLX18" s="8"/>
      <c r="HLY18" s="8"/>
      <c r="HLZ18" s="8"/>
      <c r="HMA18" s="8"/>
      <c r="HMB18" s="8"/>
      <c r="HMC18" s="8"/>
      <c r="HMD18" s="8"/>
      <c r="HME18" s="8"/>
      <c r="HMF18" s="8"/>
      <c r="HMG18" s="8"/>
      <c r="HMH18" s="8"/>
      <c r="HMI18" s="8"/>
      <c r="HMJ18" s="8"/>
      <c r="HMK18" s="8"/>
      <c r="HML18" s="8"/>
      <c r="HMM18" s="8"/>
      <c r="HMN18" s="8"/>
      <c r="HMO18" s="8"/>
      <c r="HMP18" s="8"/>
      <c r="HMQ18" s="8"/>
      <c r="HMR18" s="8"/>
      <c r="HMS18" s="8"/>
      <c r="HMT18" s="8"/>
      <c r="HMU18" s="8"/>
      <c r="HMV18" s="8"/>
      <c r="HMW18" s="8"/>
      <c r="HMX18" s="8"/>
      <c r="HMY18" s="8"/>
      <c r="HMZ18" s="8"/>
      <c r="HNA18" s="8"/>
      <c r="HNB18" s="8"/>
      <c r="HNC18" s="8"/>
      <c r="HND18" s="8"/>
      <c r="HNE18" s="8"/>
      <c r="HNF18" s="8"/>
      <c r="HNG18" s="8"/>
      <c r="HNH18" s="8"/>
      <c r="HNI18" s="8"/>
      <c r="HNJ18" s="8"/>
      <c r="HNK18" s="8"/>
      <c r="HNL18" s="8"/>
      <c r="HNM18" s="8"/>
      <c r="HNN18" s="8"/>
      <c r="HNO18" s="8"/>
      <c r="HNP18" s="8"/>
      <c r="HNQ18" s="8"/>
      <c r="HNR18" s="8"/>
      <c r="HNS18" s="8"/>
      <c r="HNT18" s="8"/>
      <c r="HNU18" s="8"/>
      <c r="HNV18" s="8"/>
      <c r="HNW18" s="8"/>
      <c r="HNX18" s="8"/>
      <c r="HNY18" s="8"/>
      <c r="HNZ18" s="8"/>
      <c r="HOA18" s="8"/>
      <c r="HOB18" s="8"/>
      <c r="HOC18" s="8"/>
      <c r="HOD18" s="8"/>
      <c r="HOE18" s="8"/>
      <c r="HOF18" s="8"/>
      <c r="HOG18" s="8"/>
      <c r="HOH18" s="8"/>
      <c r="HOI18" s="8"/>
      <c r="HOJ18" s="8"/>
      <c r="HOK18" s="8"/>
      <c r="HOL18" s="8"/>
      <c r="HOM18" s="8"/>
      <c r="HON18" s="8"/>
      <c r="HOO18" s="8"/>
      <c r="HOP18" s="8"/>
      <c r="HOQ18" s="8"/>
      <c r="HOR18" s="8"/>
      <c r="HOS18" s="8"/>
      <c r="HOT18" s="8"/>
      <c r="HOU18" s="8"/>
      <c r="HOV18" s="8"/>
      <c r="HOW18" s="8"/>
      <c r="HOX18" s="8"/>
      <c r="HOY18" s="8"/>
      <c r="HOZ18" s="8"/>
      <c r="HPA18" s="8"/>
      <c r="HPB18" s="8"/>
      <c r="HPC18" s="8"/>
      <c r="HPD18" s="8"/>
      <c r="HPE18" s="8"/>
      <c r="HPF18" s="8"/>
      <c r="HPG18" s="8"/>
      <c r="HPH18" s="8"/>
      <c r="HPI18" s="8"/>
      <c r="HPJ18" s="8"/>
      <c r="HPK18" s="8"/>
      <c r="HPL18" s="8"/>
      <c r="HPM18" s="8"/>
      <c r="HPN18" s="8"/>
      <c r="HPO18" s="8"/>
      <c r="HPP18" s="8"/>
      <c r="HPQ18" s="8"/>
      <c r="HPR18" s="8"/>
      <c r="HPS18" s="8"/>
      <c r="HPT18" s="8"/>
      <c r="HPU18" s="8"/>
      <c r="HPV18" s="8"/>
      <c r="HPW18" s="8"/>
      <c r="HPX18" s="8"/>
      <c r="HPY18" s="8"/>
      <c r="HPZ18" s="8"/>
      <c r="HQA18" s="8"/>
      <c r="HQB18" s="8"/>
      <c r="HQC18" s="8"/>
      <c r="HQD18" s="8"/>
      <c r="HQE18" s="8"/>
      <c r="HQF18" s="8"/>
      <c r="HQG18" s="8"/>
      <c r="HQH18" s="8"/>
      <c r="HQI18" s="8"/>
      <c r="HQJ18" s="8"/>
      <c r="HQK18" s="8"/>
      <c r="HQL18" s="8"/>
      <c r="HQM18" s="8"/>
      <c r="HQN18" s="8"/>
      <c r="HQO18" s="8"/>
      <c r="HQP18" s="8"/>
      <c r="HQQ18" s="8"/>
      <c r="HQR18" s="8"/>
      <c r="HQS18" s="8"/>
      <c r="HQT18" s="8"/>
      <c r="HQU18" s="8"/>
      <c r="HQV18" s="8"/>
      <c r="HQW18" s="8"/>
      <c r="HQX18" s="8"/>
      <c r="HQY18" s="8"/>
      <c r="HQZ18" s="8"/>
      <c r="HRA18" s="8"/>
      <c r="HRB18" s="8"/>
      <c r="HRC18" s="8"/>
      <c r="HRD18" s="8"/>
      <c r="HRE18" s="8"/>
      <c r="HRF18" s="8"/>
      <c r="HRG18" s="8"/>
      <c r="HRH18" s="8"/>
      <c r="HRI18" s="8"/>
      <c r="HRJ18" s="8"/>
      <c r="HRK18" s="8"/>
      <c r="HRL18" s="8"/>
      <c r="HRM18" s="8"/>
      <c r="HRN18" s="8"/>
      <c r="HRO18" s="8"/>
      <c r="HRP18" s="8"/>
      <c r="HRQ18" s="8"/>
      <c r="HRR18" s="8"/>
      <c r="HRS18" s="8"/>
      <c r="HRT18" s="8"/>
      <c r="HRU18" s="8"/>
      <c r="HRV18" s="8"/>
      <c r="HRW18" s="8"/>
      <c r="HRX18" s="8"/>
      <c r="HRY18" s="8"/>
      <c r="HRZ18" s="8"/>
      <c r="HSA18" s="8"/>
      <c r="HSB18" s="8"/>
      <c r="HSC18" s="8"/>
      <c r="HSD18" s="8"/>
      <c r="HSE18" s="8"/>
      <c r="HSF18" s="8"/>
      <c r="HSG18" s="8"/>
      <c r="HSH18" s="8"/>
      <c r="HSI18" s="8"/>
      <c r="HSJ18" s="8"/>
      <c r="HSK18" s="8"/>
      <c r="HSL18" s="8"/>
      <c r="HSM18" s="8"/>
      <c r="HSN18" s="8"/>
      <c r="HSO18" s="8"/>
      <c r="HSP18" s="8"/>
      <c r="HSQ18" s="8"/>
      <c r="HSR18" s="8"/>
      <c r="HSS18" s="8"/>
      <c r="HST18" s="8"/>
      <c r="HSU18" s="8"/>
      <c r="HSV18" s="8"/>
      <c r="HSW18" s="8"/>
      <c r="HSX18" s="8"/>
      <c r="HSY18" s="8"/>
      <c r="HSZ18" s="8"/>
      <c r="HTA18" s="8"/>
      <c r="HTB18" s="8"/>
      <c r="HTC18" s="8"/>
      <c r="HTD18" s="8"/>
      <c r="HTE18" s="8"/>
      <c r="HTF18" s="8"/>
      <c r="HTG18" s="8"/>
      <c r="HTH18" s="8"/>
      <c r="HTI18" s="8"/>
      <c r="HTJ18" s="8"/>
      <c r="HTK18" s="8"/>
      <c r="HTL18" s="8"/>
      <c r="HTM18" s="8"/>
      <c r="HTN18" s="8"/>
      <c r="HTO18" s="8"/>
      <c r="HTP18" s="8"/>
      <c r="HTQ18" s="8"/>
      <c r="HTR18" s="8"/>
      <c r="HTS18" s="8"/>
      <c r="HTT18" s="8"/>
      <c r="HTU18" s="8"/>
      <c r="HTV18" s="8"/>
      <c r="HTW18" s="8"/>
      <c r="HTX18" s="8"/>
      <c r="HTY18" s="8"/>
      <c r="HTZ18" s="8"/>
      <c r="HUA18" s="8"/>
      <c r="HUB18" s="8"/>
      <c r="HUC18" s="8"/>
      <c r="HUD18" s="8"/>
      <c r="HUE18" s="8"/>
      <c r="HUF18" s="8"/>
      <c r="HUG18" s="8"/>
      <c r="HUH18" s="8"/>
      <c r="HUI18" s="8"/>
      <c r="HUJ18" s="8"/>
      <c r="HUK18" s="8"/>
      <c r="HUL18" s="8"/>
      <c r="HUM18" s="8"/>
      <c r="HUN18" s="8"/>
      <c r="HUO18" s="8"/>
      <c r="HUP18" s="8"/>
      <c r="HUQ18" s="8"/>
      <c r="HUR18" s="8"/>
      <c r="HUS18" s="8"/>
      <c r="HUT18" s="8"/>
      <c r="HUU18" s="8"/>
      <c r="HUV18" s="8"/>
      <c r="HUW18" s="8"/>
      <c r="HUX18" s="8"/>
      <c r="HUY18" s="8"/>
      <c r="HUZ18" s="8"/>
      <c r="HVA18" s="8"/>
      <c r="HVB18" s="8"/>
      <c r="HVC18" s="8"/>
      <c r="HVD18" s="8"/>
      <c r="HVE18" s="8"/>
      <c r="HVF18" s="8"/>
      <c r="HVG18" s="8"/>
      <c r="HVH18" s="8"/>
      <c r="HVI18" s="8"/>
      <c r="HVJ18" s="8"/>
      <c r="HVK18" s="8"/>
      <c r="HVL18" s="8"/>
      <c r="HVM18" s="8"/>
      <c r="HVN18" s="8"/>
      <c r="HVO18" s="8"/>
      <c r="HVP18" s="8"/>
      <c r="HVQ18" s="8"/>
      <c r="HVR18" s="8"/>
      <c r="HVS18" s="8"/>
      <c r="HVT18" s="8"/>
      <c r="HVU18" s="8"/>
      <c r="HVV18" s="8"/>
      <c r="HVW18" s="8"/>
      <c r="HVX18" s="8"/>
      <c r="HVY18" s="8"/>
      <c r="HVZ18" s="8"/>
      <c r="HWA18" s="8"/>
      <c r="HWB18" s="8"/>
      <c r="HWC18" s="8"/>
      <c r="HWD18" s="8"/>
      <c r="HWE18" s="8"/>
      <c r="HWF18" s="8"/>
      <c r="HWG18" s="8"/>
      <c r="HWH18" s="8"/>
      <c r="HWI18" s="8"/>
      <c r="HWJ18" s="8"/>
      <c r="HWK18" s="8"/>
      <c r="HWL18" s="8"/>
      <c r="HWM18" s="8"/>
      <c r="HWN18" s="8"/>
      <c r="HWO18" s="8"/>
      <c r="HWP18" s="8"/>
      <c r="HWQ18" s="8"/>
      <c r="HWR18" s="8"/>
      <c r="HWS18" s="8"/>
      <c r="HWT18" s="8"/>
      <c r="HWU18" s="8"/>
      <c r="HWV18" s="8"/>
      <c r="HWW18" s="8"/>
      <c r="HWX18" s="8"/>
      <c r="HWY18" s="8"/>
      <c r="HWZ18" s="8"/>
      <c r="HXA18" s="8"/>
      <c r="HXB18" s="8"/>
      <c r="HXC18" s="8"/>
      <c r="HXD18" s="8"/>
      <c r="HXE18" s="8"/>
      <c r="HXF18" s="8"/>
      <c r="HXG18" s="8"/>
      <c r="HXH18" s="8"/>
      <c r="HXI18" s="8"/>
      <c r="HXJ18" s="8"/>
      <c r="HXK18" s="8"/>
      <c r="HXL18" s="8"/>
      <c r="HXM18" s="8"/>
      <c r="HXN18" s="8"/>
      <c r="HXO18" s="8"/>
      <c r="HXP18" s="8"/>
      <c r="HXQ18" s="8"/>
      <c r="HXR18" s="8"/>
      <c r="HXS18" s="8"/>
      <c r="HXT18" s="8"/>
      <c r="HXU18" s="8"/>
      <c r="HXV18" s="8"/>
      <c r="HXW18" s="8"/>
      <c r="HXX18" s="8"/>
      <c r="HXY18" s="8"/>
      <c r="HXZ18" s="8"/>
      <c r="HYA18" s="8"/>
      <c r="HYB18" s="8"/>
      <c r="HYC18" s="8"/>
      <c r="HYD18" s="8"/>
      <c r="HYE18" s="8"/>
      <c r="HYF18" s="8"/>
      <c r="HYG18" s="8"/>
      <c r="HYH18" s="8"/>
      <c r="HYI18" s="8"/>
      <c r="HYJ18" s="8"/>
      <c r="HYK18" s="8"/>
      <c r="HYL18" s="8"/>
      <c r="HYM18" s="8"/>
      <c r="HYN18" s="8"/>
      <c r="HYO18" s="8"/>
      <c r="HYP18" s="8"/>
      <c r="HYQ18" s="8"/>
      <c r="HYR18" s="8"/>
      <c r="HYS18" s="8"/>
      <c r="HYT18" s="8"/>
      <c r="HYU18" s="8"/>
      <c r="HYV18" s="8"/>
      <c r="HYW18" s="8"/>
      <c r="HYX18" s="8"/>
      <c r="HYY18" s="8"/>
      <c r="HYZ18" s="8"/>
      <c r="HZA18" s="8"/>
      <c r="HZB18" s="8"/>
      <c r="HZC18" s="8"/>
      <c r="HZD18" s="8"/>
      <c r="HZE18" s="8"/>
      <c r="HZF18" s="8"/>
      <c r="HZG18" s="8"/>
      <c r="HZH18" s="8"/>
      <c r="HZI18" s="8"/>
      <c r="HZJ18" s="8"/>
      <c r="HZK18" s="8"/>
      <c r="HZL18" s="8"/>
      <c r="HZM18" s="8"/>
      <c r="HZN18" s="8"/>
      <c r="HZO18" s="8"/>
      <c r="HZP18" s="8"/>
      <c r="HZQ18" s="8"/>
      <c r="HZR18" s="8"/>
      <c r="HZS18" s="8"/>
      <c r="HZT18" s="8"/>
      <c r="HZU18" s="8"/>
      <c r="HZV18" s="8"/>
      <c r="HZW18" s="8"/>
      <c r="HZX18" s="8"/>
      <c r="HZY18" s="8"/>
      <c r="HZZ18" s="8"/>
      <c r="IAA18" s="8"/>
      <c r="IAB18" s="8"/>
      <c r="IAC18" s="8"/>
      <c r="IAD18" s="8"/>
      <c r="IAE18" s="8"/>
      <c r="IAF18" s="8"/>
      <c r="IAG18" s="8"/>
      <c r="IAH18" s="8"/>
      <c r="IAI18" s="8"/>
      <c r="IAJ18" s="8"/>
      <c r="IAK18" s="8"/>
      <c r="IAL18" s="8"/>
      <c r="IAM18" s="8"/>
      <c r="IAN18" s="8"/>
      <c r="IAO18" s="8"/>
      <c r="IAP18" s="8"/>
      <c r="IAQ18" s="8"/>
      <c r="IAR18" s="8"/>
      <c r="IAS18" s="8"/>
      <c r="IAT18" s="8"/>
      <c r="IAU18" s="8"/>
      <c r="IAV18" s="8"/>
      <c r="IAW18" s="8"/>
      <c r="IAX18" s="8"/>
      <c r="IAY18" s="8"/>
      <c r="IAZ18" s="8"/>
      <c r="IBA18" s="8"/>
      <c r="IBB18" s="8"/>
      <c r="IBC18" s="8"/>
      <c r="IBD18" s="8"/>
      <c r="IBE18" s="8"/>
      <c r="IBF18" s="8"/>
      <c r="IBG18" s="8"/>
      <c r="IBH18" s="8"/>
      <c r="IBI18" s="8"/>
      <c r="IBJ18" s="8"/>
      <c r="IBK18" s="8"/>
      <c r="IBL18" s="8"/>
      <c r="IBM18" s="8"/>
      <c r="IBN18" s="8"/>
      <c r="IBO18" s="8"/>
      <c r="IBP18" s="8"/>
      <c r="IBQ18" s="8"/>
      <c r="IBR18" s="8"/>
      <c r="IBS18" s="8"/>
      <c r="IBT18" s="8"/>
      <c r="IBU18" s="8"/>
      <c r="IBV18" s="8"/>
      <c r="IBW18" s="8"/>
      <c r="IBX18" s="8"/>
      <c r="IBY18" s="8"/>
      <c r="IBZ18" s="8"/>
      <c r="ICA18" s="8"/>
      <c r="ICB18" s="8"/>
      <c r="ICC18" s="8"/>
      <c r="ICD18" s="8"/>
      <c r="ICE18" s="8"/>
      <c r="ICF18" s="8"/>
      <c r="ICG18" s="8"/>
      <c r="ICH18" s="8"/>
      <c r="ICI18" s="8"/>
      <c r="ICJ18" s="8"/>
      <c r="ICK18" s="8"/>
      <c r="ICL18" s="8"/>
      <c r="ICM18" s="8"/>
      <c r="ICN18" s="8"/>
      <c r="ICO18" s="8"/>
      <c r="ICP18" s="8"/>
      <c r="ICQ18" s="8"/>
      <c r="ICR18" s="8"/>
      <c r="ICS18" s="8"/>
      <c r="ICT18" s="8"/>
      <c r="ICU18" s="8"/>
      <c r="ICV18" s="8"/>
      <c r="ICW18" s="8"/>
      <c r="ICX18" s="8"/>
      <c r="ICY18" s="8"/>
      <c r="ICZ18" s="8"/>
      <c r="IDA18" s="8"/>
      <c r="IDB18" s="8"/>
      <c r="IDC18" s="8"/>
      <c r="IDD18" s="8"/>
      <c r="IDE18" s="8"/>
      <c r="IDF18" s="8"/>
      <c r="IDG18" s="8"/>
      <c r="IDH18" s="8"/>
      <c r="IDI18" s="8"/>
      <c r="IDJ18" s="8"/>
      <c r="IDK18" s="8"/>
      <c r="IDL18" s="8"/>
      <c r="IDM18" s="8"/>
      <c r="IDN18" s="8"/>
      <c r="IDO18" s="8"/>
      <c r="IDP18" s="8"/>
      <c r="IDQ18" s="8"/>
      <c r="IDR18" s="8"/>
      <c r="IDS18" s="8"/>
      <c r="IDT18" s="8"/>
      <c r="IDU18" s="8"/>
      <c r="IDV18" s="8"/>
      <c r="IDW18" s="8"/>
      <c r="IDX18" s="8"/>
      <c r="IDY18" s="8"/>
      <c r="IDZ18" s="8"/>
      <c r="IEA18" s="8"/>
      <c r="IEB18" s="8"/>
      <c r="IEC18" s="8"/>
      <c r="IED18" s="8"/>
      <c r="IEE18" s="8"/>
      <c r="IEF18" s="8"/>
      <c r="IEG18" s="8"/>
      <c r="IEH18" s="8"/>
      <c r="IEI18" s="8"/>
      <c r="IEJ18" s="8"/>
      <c r="IEK18" s="8"/>
      <c r="IEL18" s="8"/>
      <c r="IEM18" s="8"/>
      <c r="IEN18" s="8"/>
      <c r="IEO18" s="8"/>
      <c r="IEP18" s="8"/>
      <c r="IEQ18" s="8"/>
      <c r="IER18" s="8"/>
      <c r="IES18" s="8"/>
      <c r="IET18" s="8"/>
      <c r="IEU18" s="8"/>
      <c r="IEV18" s="8"/>
      <c r="IEW18" s="8"/>
      <c r="IEX18" s="8"/>
      <c r="IEY18" s="8"/>
      <c r="IEZ18" s="8"/>
      <c r="IFA18" s="8"/>
      <c r="IFB18" s="8"/>
      <c r="IFC18" s="8"/>
      <c r="IFD18" s="8"/>
      <c r="IFE18" s="8"/>
      <c r="IFF18" s="8"/>
      <c r="IFG18" s="8"/>
      <c r="IFH18" s="8"/>
      <c r="IFI18" s="8"/>
      <c r="IFJ18" s="8"/>
      <c r="IFK18" s="8"/>
      <c r="IFL18" s="8"/>
      <c r="IFM18" s="8"/>
      <c r="IFN18" s="8"/>
      <c r="IFO18" s="8"/>
      <c r="IFP18" s="8"/>
      <c r="IFQ18" s="8"/>
      <c r="IFR18" s="8"/>
      <c r="IFS18" s="8"/>
      <c r="IFT18" s="8"/>
      <c r="IFU18" s="8"/>
      <c r="IFV18" s="8"/>
      <c r="IFW18" s="8"/>
      <c r="IFX18" s="8"/>
      <c r="IFY18" s="8"/>
      <c r="IFZ18" s="8"/>
      <c r="IGA18" s="8"/>
      <c r="IGB18" s="8"/>
      <c r="IGC18" s="8"/>
      <c r="IGD18" s="8"/>
      <c r="IGE18" s="8"/>
      <c r="IGF18" s="8"/>
      <c r="IGG18" s="8"/>
      <c r="IGH18" s="8"/>
      <c r="IGI18" s="8"/>
      <c r="IGJ18" s="8"/>
      <c r="IGK18" s="8"/>
      <c r="IGL18" s="8"/>
      <c r="IGM18" s="8"/>
      <c r="IGN18" s="8"/>
      <c r="IGO18" s="8"/>
      <c r="IGP18" s="8"/>
      <c r="IGQ18" s="8"/>
      <c r="IGR18" s="8"/>
      <c r="IGS18" s="8"/>
      <c r="IGT18" s="8"/>
      <c r="IGU18" s="8"/>
      <c r="IGV18" s="8"/>
      <c r="IGW18" s="8"/>
      <c r="IGX18" s="8"/>
      <c r="IGY18" s="8"/>
      <c r="IGZ18" s="8"/>
      <c r="IHA18" s="8"/>
      <c r="IHB18" s="8"/>
      <c r="IHC18" s="8"/>
      <c r="IHD18" s="8"/>
      <c r="IHE18" s="8"/>
      <c r="IHF18" s="8"/>
      <c r="IHG18" s="8"/>
      <c r="IHH18" s="8"/>
      <c r="IHI18" s="8"/>
      <c r="IHJ18" s="8"/>
      <c r="IHK18" s="8"/>
      <c r="IHL18" s="8"/>
      <c r="IHM18" s="8"/>
      <c r="IHN18" s="8"/>
      <c r="IHO18" s="8"/>
      <c r="IHP18" s="8"/>
      <c r="IHQ18" s="8"/>
      <c r="IHR18" s="8"/>
      <c r="IHS18" s="8"/>
      <c r="IHT18" s="8"/>
      <c r="IHU18" s="8"/>
      <c r="IHV18" s="8"/>
      <c r="IHW18" s="8"/>
      <c r="IHX18" s="8"/>
      <c r="IHY18" s="8"/>
      <c r="IHZ18" s="8"/>
      <c r="IIA18" s="8"/>
      <c r="IIB18" s="8"/>
      <c r="IIC18" s="8"/>
      <c r="IID18" s="8"/>
      <c r="IIE18" s="8"/>
      <c r="IIF18" s="8"/>
      <c r="IIG18" s="8"/>
      <c r="IIH18" s="8"/>
      <c r="III18" s="8"/>
      <c r="IIJ18" s="8"/>
      <c r="IIK18" s="8"/>
      <c r="IIL18" s="8"/>
      <c r="IIM18" s="8"/>
      <c r="IIN18" s="8"/>
      <c r="IIO18" s="8"/>
      <c r="IIP18" s="8"/>
      <c r="IIQ18" s="8"/>
      <c r="IIR18" s="8"/>
      <c r="IIS18" s="8"/>
      <c r="IIT18" s="8"/>
      <c r="IIU18" s="8"/>
      <c r="IIV18" s="8"/>
      <c r="IIW18" s="8"/>
      <c r="IIX18" s="8"/>
      <c r="IIY18" s="8"/>
      <c r="IIZ18" s="8"/>
      <c r="IJA18" s="8"/>
      <c r="IJB18" s="8"/>
      <c r="IJC18" s="8"/>
      <c r="IJD18" s="8"/>
      <c r="IJE18" s="8"/>
      <c r="IJF18" s="8"/>
      <c r="IJG18" s="8"/>
      <c r="IJH18" s="8"/>
      <c r="IJI18" s="8"/>
      <c r="IJJ18" s="8"/>
      <c r="IJK18" s="8"/>
      <c r="IJL18" s="8"/>
      <c r="IJM18" s="8"/>
      <c r="IJN18" s="8"/>
      <c r="IJO18" s="8"/>
      <c r="IJP18" s="8"/>
      <c r="IJQ18" s="8"/>
      <c r="IJR18" s="8"/>
      <c r="IJS18" s="8"/>
      <c r="IJT18" s="8"/>
      <c r="IJU18" s="8"/>
      <c r="IJV18" s="8"/>
      <c r="IJW18" s="8"/>
      <c r="IJX18" s="8"/>
      <c r="IJY18" s="8"/>
      <c r="IJZ18" s="8"/>
      <c r="IKA18" s="8"/>
      <c r="IKB18" s="8"/>
      <c r="IKC18" s="8"/>
      <c r="IKD18" s="8"/>
      <c r="IKE18" s="8"/>
      <c r="IKF18" s="8"/>
      <c r="IKG18" s="8"/>
      <c r="IKH18" s="8"/>
      <c r="IKI18" s="8"/>
      <c r="IKJ18" s="8"/>
      <c r="IKK18" s="8"/>
      <c r="IKL18" s="8"/>
      <c r="IKM18" s="8"/>
      <c r="IKN18" s="8"/>
      <c r="IKO18" s="8"/>
      <c r="IKP18" s="8"/>
      <c r="IKQ18" s="8"/>
      <c r="IKR18" s="8"/>
      <c r="IKS18" s="8"/>
      <c r="IKT18" s="8"/>
      <c r="IKU18" s="8"/>
      <c r="IKV18" s="8"/>
      <c r="IKW18" s="8"/>
      <c r="IKX18" s="8"/>
      <c r="IKY18" s="8"/>
      <c r="IKZ18" s="8"/>
      <c r="ILA18" s="8"/>
      <c r="ILB18" s="8"/>
      <c r="ILC18" s="8"/>
      <c r="ILD18" s="8"/>
      <c r="ILE18" s="8"/>
      <c r="ILF18" s="8"/>
      <c r="ILG18" s="8"/>
      <c r="ILH18" s="8"/>
      <c r="ILI18" s="8"/>
      <c r="ILJ18" s="8"/>
      <c r="ILK18" s="8"/>
      <c r="ILL18" s="8"/>
      <c r="ILM18" s="8"/>
      <c r="ILN18" s="8"/>
      <c r="ILO18" s="8"/>
      <c r="ILP18" s="8"/>
      <c r="ILQ18" s="8"/>
      <c r="ILR18" s="8"/>
      <c r="ILS18" s="8"/>
      <c r="ILT18" s="8"/>
      <c r="ILU18" s="8"/>
      <c r="ILV18" s="8"/>
      <c r="ILW18" s="8"/>
      <c r="ILX18" s="8"/>
      <c r="ILY18" s="8"/>
      <c r="ILZ18" s="8"/>
      <c r="IMA18" s="8"/>
      <c r="IMB18" s="8"/>
      <c r="IMC18" s="8"/>
      <c r="IMD18" s="8"/>
      <c r="IME18" s="8"/>
      <c r="IMF18" s="8"/>
      <c r="IMG18" s="8"/>
      <c r="IMH18" s="8"/>
      <c r="IMI18" s="8"/>
      <c r="IMJ18" s="8"/>
      <c r="IMK18" s="8"/>
      <c r="IML18" s="8"/>
      <c r="IMM18" s="8"/>
      <c r="IMN18" s="8"/>
      <c r="IMO18" s="8"/>
      <c r="IMP18" s="8"/>
      <c r="IMQ18" s="8"/>
      <c r="IMR18" s="8"/>
      <c r="IMS18" s="8"/>
      <c r="IMT18" s="8"/>
      <c r="IMU18" s="8"/>
      <c r="IMV18" s="8"/>
      <c r="IMW18" s="8"/>
      <c r="IMX18" s="8"/>
      <c r="IMY18" s="8"/>
      <c r="IMZ18" s="8"/>
      <c r="INA18" s="8"/>
      <c r="INB18" s="8"/>
      <c r="INC18" s="8"/>
      <c r="IND18" s="8"/>
      <c r="INE18" s="8"/>
      <c r="INF18" s="8"/>
      <c r="ING18" s="8"/>
      <c r="INH18" s="8"/>
      <c r="INI18" s="8"/>
      <c r="INJ18" s="8"/>
      <c r="INK18" s="8"/>
      <c r="INL18" s="8"/>
      <c r="INM18" s="8"/>
      <c r="INN18" s="8"/>
      <c r="INO18" s="8"/>
      <c r="INP18" s="8"/>
      <c r="INQ18" s="8"/>
      <c r="INR18" s="8"/>
      <c r="INS18" s="8"/>
      <c r="INT18" s="8"/>
      <c r="INU18" s="8"/>
      <c r="INV18" s="8"/>
      <c r="INW18" s="8"/>
      <c r="INX18" s="8"/>
      <c r="INY18" s="8"/>
      <c r="INZ18" s="8"/>
      <c r="IOA18" s="8"/>
      <c r="IOB18" s="8"/>
      <c r="IOC18" s="8"/>
      <c r="IOD18" s="8"/>
      <c r="IOE18" s="8"/>
      <c r="IOF18" s="8"/>
      <c r="IOG18" s="8"/>
      <c r="IOH18" s="8"/>
      <c r="IOI18" s="8"/>
      <c r="IOJ18" s="8"/>
      <c r="IOK18" s="8"/>
      <c r="IOL18" s="8"/>
      <c r="IOM18" s="8"/>
      <c r="ION18" s="8"/>
      <c r="IOO18" s="8"/>
      <c r="IOP18" s="8"/>
      <c r="IOQ18" s="8"/>
      <c r="IOR18" s="8"/>
      <c r="IOS18" s="8"/>
      <c r="IOT18" s="8"/>
      <c r="IOU18" s="8"/>
      <c r="IOV18" s="8"/>
      <c r="IOW18" s="8"/>
      <c r="IOX18" s="8"/>
      <c r="IOY18" s="8"/>
      <c r="IOZ18" s="8"/>
      <c r="IPA18" s="8"/>
      <c r="IPB18" s="8"/>
      <c r="IPC18" s="8"/>
      <c r="IPD18" s="8"/>
      <c r="IPE18" s="8"/>
      <c r="IPF18" s="8"/>
      <c r="IPG18" s="8"/>
      <c r="IPH18" s="8"/>
      <c r="IPI18" s="8"/>
      <c r="IPJ18" s="8"/>
      <c r="IPK18" s="8"/>
      <c r="IPL18" s="8"/>
      <c r="IPM18" s="8"/>
      <c r="IPN18" s="8"/>
      <c r="IPO18" s="8"/>
      <c r="IPP18" s="8"/>
      <c r="IPQ18" s="8"/>
      <c r="IPR18" s="8"/>
      <c r="IPS18" s="8"/>
      <c r="IPT18" s="8"/>
      <c r="IPU18" s="8"/>
      <c r="IPV18" s="8"/>
      <c r="IPW18" s="8"/>
      <c r="IPX18" s="8"/>
      <c r="IPY18" s="8"/>
      <c r="IPZ18" s="8"/>
      <c r="IQA18" s="8"/>
      <c r="IQB18" s="8"/>
      <c r="IQC18" s="8"/>
      <c r="IQD18" s="8"/>
      <c r="IQE18" s="8"/>
      <c r="IQF18" s="8"/>
      <c r="IQG18" s="8"/>
      <c r="IQH18" s="8"/>
      <c r="IQI18" s="8"/>
      <c r="IQJ18" s="8"/>
      <c r="IQK18" s="8"/>
      <c r="IQL18" s="8"/>
      <c r="IQM18" s="8"/>
      <c r="IQN18" s="8"/>
      <c r="IQO18" s="8"/>
      <c r="IQP18" s="8"/>
      <c r="IQQ18" s="8"/>
      <c r="IQR18" s="8"/>
      <c r="IQS18" s="8"/>
      <c r="IQT18" s="8"/>
      <c r="IQU18" s="8"/>
      <c r="IQV18" s="8"/>
      <c r="IQW18" s="8"/>
      <c r="IQX18" s="8"/>
      <c r="IQY18" s="8"/>
      <c r="IQZ18" s="8"/>
      <c r="IRA18" s="8"/>
      <c r="IRB18" s="8"/>
      <c r="IRC18" s="8"/>
      <c r="IRD18" s="8"/>
      <c r="IRE18" s="8"/>
      <c r="IRF18" s="8"/>
      <c r="IRG18" s="8"/>
      <c r="IRH18" s="8"/>
      <c r="IRI18" s="8"/>
      <c r="IRJ18" s="8"/>
      <c r="IRK18" s="8"/>
      <c r="IRL18" s="8"/>
      <c r="IRM18" s="8"/>
      <c r="IRN18" s="8"/>
      <c r="IRO18" s="8"/>
      <c r="IRP18" s="8"/>
      <c r="IRQ18" s="8"/>
      <c r="IRR18" s="8"/>
      <c r="IRS18" s="8"/>
      <c r="IRT18" s="8"/>
      <c r="IRU18" s="8"/>
      <c r="IRV18" s="8"/>
      <c r="IRW18" s="8"/>
      <c r="IRX18" s="8"/>
      <c r="IRY18" s="8"/>
      <c r="IRZ18" s="8"/>
      <c r="ISA18" s="8"/>
      <c r="ISB18" s="8"/>
      <c r="ISC18" s="8"/>
      <c r="ISD18" s="8"/>
      <c r="ISE18" s="8"/>
      <c r="ISF18" s="8"/>
      <c r="ISG18" s="8"/>
      <c r="ISH18" s="8"/>
      <c r="ISI18" s="8"/>
      <c r="ISJ18" s="8"/>
      <c r="ISK18" s="8"/>
      <c r="ISL18" s="8"/>
      <c r="ISM18" s="8"/>
      <c r="ISN18" s="8"/>
      <c r="ISO18" s="8"/>
      <c r="ISP18" s="8"/>
      <c r="ISQ18" s="8"/>
      <c r="ISR18" s="8"/>
      <c r="ISS18" s="8"/>
      <c r="IST18" s="8"/>
      <c r="ISU18" s="8"/>
      <c r="ISV18" s="8"/>
      <c r="ISW18" s="8"/>
      <c r="ISX18" s="8"/>
      <c r="ISY18" s="8"/>
      <c r="ISZ18" s="8"/>
      <c r="ITA18" s="8"/>
      <c r="ITB18" s="8"/>
      <c r="ITC18" s="8"/>
      <c r="ITD18" s="8"/>
      <c r="ITE18" s="8"/>
      <c r="ITF18" s="8"/>
      <c r="ITG18" s="8"/>
      <c r="ITH18" s="8"/>
      <c r="ITI18" s="8"/>
      <c r="ITJ18" s="8"/>
      <c r="ITK18" s="8"/>
      <c r="ITL18" s="8"/>
      <c r="ITM18" s="8"/>
      <c r="ITN18" s="8"/>
      <c r="ITO18" s="8"/>
      <c r="ITP18" s="8"/>
      <c r="ITQ18" s="8"/>
      <c r="ITR18" s="8"/>
      <c r="ITS18" s="8"/>
      <c r="ITT18" s="8"/>
      <c r="ITU18" s="8"/>
      <c r="ITV18" s="8"/>
      <c r="ITW18" s="8"/>
      <c r="ITX18" s="8"/>
      <c r="ITY18" s="8"/>
      <c r="ITZ18" s="8"/>
      <c r="IUA18" s="8"/>
      <c r="IUB18" s="8"/>
      <c r="IUC18" s="8"/>
      <c r="IUD18" s="8"/>
      <c r="IUE18" s="8"/>
      <c r="IUF18" s="8"/>
      <c r="IUG18" s="8"/>
      <c r="IUH18" s="8"/>
      <c r="IUI18" s="8"/>
      <c r="IUJ18" s="8"/>
      <c r="IUK18" s="8"/>
      <c r="IUL18" s="8"/>
      <c r="IUM18" s="8"/>
      <c r="IUN18" s="8"/>
      <c r="IUO18" s="8"/>
      <c r="IUP18" s="8"/>
      <c r="IUQ18" s="8"/>
      <c r="IUR18" s="8"/>
      <c r="IUS18" s="8"/>
      <c r="IUT18" s="8"/>
      <c r="IUU18" s="8"/>
      <c r="IUV18" s="8"/>
      <c r="IUW18" s="8"/>
      <c r="IUX18" s="8"/>
      <c r="IUY18" s="8"/>
      <c r="IUZ18" s="8"/>
      <c r="IVA18" s="8"/>
      <c r="IVB18" s="8"/>
      <c r="IVC18" s="8"/>
      <c r="IVD18" s="8"/>
      <c r="IVE18" s="8"/>
      <c r="IVF18" s="8"/>
      <c r="IVG18" s="8"/>
      <c r="IVH18" s="8"/>
      <c r="IVI18" s="8"/>
      <c r="IVJ18" s="8"/>
      <c r="IVK18" s="8"/>
      <c r="IVL18" s="8"/>
      <c r="IVM18" s="8"/>
      <c r="IVN18" s="8"/>
      <c r="IVO18" s="8"/>
      <c r="IVP18" s="8"/>
      <c r="IVQ18" s="8"/>
      <c r="IVR18" s="8"/>
      <c r="IVS18" s="8"/>
      <c r="IVT18" s="8"/>
      <c r="IVU18" s="8"/>
      <c r="IVV18" s="8"/>
      <c r="IVW18" s="8"/>
      <c r="IVX18" s="8"/>
      <c r="IVY18" s="8"/>
      <c r="IVZ18" s="8"/>
      <c r="IWA18" s="8"/>
      <c r="IWB18" s="8"/>
      <c r="IWC18" s="8"/>
      <c r="IWD18" s="8"/>
      <c r="IWE18" s="8"/>
      <c r="IWF18" s="8"/>
      <c r="IWG18" s="8"/>
      <c r="IWH18" s="8"/>
      <c r="IWI18" s="8"/>
      <c r="IWJ18" s="8"/>
      <c r="IWK18" s="8"/>
      <c r="IWL18" s="8"/>
      <c r="IWM18" s="8"/>
      <c r="IWN18" s="8"/>
      <c r="IWO18" s="8"/>
      <c r="IWP18" s="8"/>
      <c r="IWQ18" s="8"/>
      <c r="IWR18" s="8"/>
      <c r="IWS18" s="8"/>
      <c r="IWT18" s="8"/>
      <c r="IWU18" s="8"/>
      <c r="IWV18" s="8"/>
      <c r="IWW18" s="8"/>
      <c r="IWX18" s="8"/>
      <c r="IWY18" s="8"/>
      <c r="IWZ18" s="8"/>
      <c r="IXA18" s="8"/>
      <c r="IXB18" s="8"/>
      <c r="IXC18" s="8"/>
      <c r="IXD18" s="8"/>
      <c r="IXE18" s="8"/>
      <c r="IXF18" s="8"/>
      <c r="IXG18" s="8"/>
      <c r="IXH18" s="8"/>
      <c r="IXI18" s="8"/>
      <c r="IXJ18" s="8"/>
      <c r="IXK18" s="8"/>
      <c r="IXL18" s="8"/>
      <c r="IXM18" s="8"/>
      <c r="IXN18" s="8"/>
      <c r="IXO18" s="8"/>
      <c r="IXP18" s="8"/>
      <c r="IXQ18" s="8"/>
      <c r="IXR18" s="8"/>
      <c r="IXS18" s="8"/>
      <c r="IXT18" s="8"/>
      <c r="IXU18" s="8"/>
      <c r="IXV18" s="8"/>
      <c r="IXW18" s="8"/>
      <c r="IXX18" s="8"/>
      <c r="IXY18" s="8"/>
      <c r="IXZ18" s="8"/>
      <c r="IYA18" s="8"/>
      <c r="IYB18" s="8"/>
      <c r="IYC18" s="8"/>
      <c r="IYD18" s="8"/>
      <c r="IYE18" s="8"/>
      <c r="IYF18" s="8"/>
      <c r="IYG18" s="8"/>
      <c r="IYH18" s="8"/>
      <c r="IYI18" s="8"/>
      <c r="IYJ18" s="8"/>
      <c r="IYK18" s="8"/>
      <c r="IYL18" s="8"/>
      <c r="IYM18" s="8"/>
      <c r="IYN18" s="8"/>
      <c r="IYO18" s="8"/>
      <c r="IYP18" s="8"/>
      <c r="IYQ18" s="8"/>
      <c r="IYR18" s="8"/>
      <c r="IYS18" s="8"/>
      <c r="IYT18" s="8"/>
      <c r="IYU18" s="8"/>
      <c r="IYV18" s="8"/>
      <c r="IYW18" s="8"/>
      <c r="IYX18" s="8"/>
      <c r="IYY18" s="8"/>
      <c r="IYZ18" s="8"/>
      <c r="IZA18" s="8"/>
      <c r="IZB18" s="8"/>
      <c r="IZC18" s="8"/>
      <c r="IZD18" s="8"/>
      <c r="IZE18" s="8"/>
      <c r="IZF18" s="8"/>
      <c r="IZG18" s="8"/>
      <c r="IZH18" s="8"/>
      <c r="IZI18" s="8"/>
      <c r="IZJ18" s="8"/>
      <c r="IZK18" s="8"/>
      <c r="IZL18" s="8"/>
      <c r="IZM18" s="8"/>
      <c r="IZN18" s="8"/>
      <c r="IZO18" s="8"/>
      <c r="IZP18" s="8"/>
      <c r="IZQ18" s="8"/>
      <c r="IZR18" s="8"/>
      <c r="IZS18" s="8"/>
      <c r="IZT18" s="8"/>
      <c r="IZU18" s="8"/>
      <c r="IZV18" s="8"/>
      <c r="IZW18" s="8"/>
      <c r="IZX18" s="8"/>
      <c r="IZY18" s="8"/>
      <c r="IZZ18" s="8"/>
      <c r="JAA18" s="8"/>
      <c r="JAB18" s="8"/>
      <c r="JAC18" s="8"/>
      <c r="JAD18" s="8"/>
      <c r="JAE18" s="8"/>
      <c r="JAF18" s="8"/>
      <c r="JAG18" s="8"/>
      <c r="JAH18" s="8"/>
      <c r="JAI18" s="8"/>
      <c r="JAJ18" s="8"/>
      <c r="JAK18" s="8"/>
      <c r="JAL18" s="8"/>
      <c r="JAM18" s="8"/>
      <c r="JAN18" s="8"/>
      <c r="JAO18" s="8"/>
      <c r="JAP18" s="8"/>
      <c r="JAQ18" s="8"/>
      <c r="JAR18" s="8"/>
      <c r="JAS18" s="8"/>
      <c r="JAT18" s="8"/>
      <c r="JAU18" s="8"/>
      <c r="JAV18" s="8"/>
      <c r="JAW18" s="8"/>
      <c r="JAX18" s="8"/>
      <c r="JAY18" s="8"/>
      <c r="JAZ18" s="8"/>
      <c r="JBA18" s="8"/>
      <c r="JBB18" s="8"/>
      <c r="JBC18" s="8"/>
      <c r="JBD18" s="8"/>
      <c r="JBE18" s="8"/>
      <c r="JBF18" s="8"/>
      <c r="JBG18" s="8"/>
      <c r="JBH18" s="8"/>
      <c r="JBI18" s="8"/>
      <c r="JBJ18" s="8"/>
      <c r="JBK18" s="8"/>
      <c r="JBL18" s="8"/>
      <c r="JBM18" s="8"/>
      <c r="JBN18" s="8"/>
      <c r="JBO18" s="8"/>
      <c r="JBP18" s="8"/>
      <c r="JBQ18" s="8"/>
      <c r="JBR18" s="8"/>
      <c r="JBS18" s="8"/>
      <c r="JBT18" s="8"/>
      <c r="JBU18" s="8"/>
      <c r="JBV18" s="8"/>
      <c r="JBW18" s="8"/>
      <c r="JBX18" s="8"/>
      <c r="JBY18" s="8"/>
      <c r="JBZ18" s="8"/>
      <c r="JCA18" s="8"/>
      <c r="JCB18" s="8"/>
      <c r="JCC18" s="8"/>
      <c r="JCD18" s="8"/>
      <c r="JCE18" s="8"/>
      <c r="JCF18" s="8"/>
      <c r="JCG18" s="8"/>
      <c r="JCH18" s="8"/>
      <c r="JCI18" s="8"/>
      <c r="JCJ18" s="8"/>
      <c r="JCK18" s="8"/>
      <c r="JCL18" s="8"/>
      <c r="JCM18" s="8"/>
      <c r="JCN18" s="8"/>
      <c r="JCO18" s="8"/>
      <c r="JCP18" s="8"/>
      <c r="JCQ18" s="8"/>
      <c r="JCR18" s="8"/>
      <c r="JCS18" s="8"/>
      <c r="JCT18" s="8"/>
      <c r="JCU18" s="8"/>
      <c r="JCV18" s="8"/>
      <c r="JCW18" s="8"/>
      <c r="JCX18" s="8"/>
      <c r="JCY18" s="8"/>
      <c r="JCZ18" s="8"/>
      <c r="JDA18" s="8"/>
      <c r="JDB18" s="8"/>
      <c r="JDC18" s="8"/>
      <c r="JDD18" s="8"/>
      <c r="JDE18" s="8"/>
      <c r="JDF18" s="8"/>
      <c r="JDG18" s="8"/>
      <c r="JDH18" s="8"/>
      <c r="JDI18" s="8"/>
      <c r="JDJ18" s="8"/>
      <c r="JDK18" s="8"/>
      <c r="JDL18" s="8"/>
      <c r="JDM18" s="8"/>
      <c r="JDN18" s="8"/>
      <c r="JDO18" s="8"/>
      <c r="JDP18" s="8"/>
      <c r="JDQ18" s="8"/>
      <c r="JDR18" s="8"/>
      <c r="JDS18" s="8"/>
      <c r="JDT18" s="8"/>
      <c r="JDU18" s="8"/>
      <c r="JDV18" s="8"/>
      <c r="JDW18" s="8"/>
      <c r="JDX18" s="8"/>
      <c r="JDY18" s="8"/>
      <c r="JDZ18" s="8"/>
      <c r="JEA18" s="8"/>
      <c r="JEB18" s="8"/>
      <c r="JEC18" s="8"/>
      <c r="JED18" s="8"/>
      <c r="JEE18" s="8"/>
      <c r="JEF18" s="8"/>
      <c r="JEG18" s="8"/>
      <c r="JEH18" s="8"/>
      <c r="JEI18" s="8"/>
      <c r="JEJ18" s="8"/>
      <c r="JEK18" s="8"/>
      <c r="JEL18" s="8"/>
      <c r="JEM18" s="8"/>
      <c r="JEN18" s="8"/>
      <c r="JEO18" s="8"/>
      <c r="JEP18" s="8"/>
      <c r="JEQ18" s="8"/>
      <c r="JER18" s="8"/>
      <c r="JES18" s="8"/>
      <c r="JET18" s="8"/>
      <c r="JEU18" s="8"/>
      <c r="JEV18" s="8"/>
      <c r="JEW18" s="8"/>
      <c r="JEX18" s="8"/>
      <c r="JEY18" s="8"/>
      <c r="JEZ18" s="8"/>
      <c r="JFA18" s="8"/>
      <c r="JFB18" s="8"/>
      <c r="JFC18" s="8"/>
      <c r="JFD18" s="8"/>
      <c r="JFE18" s="8"/>
      <c r="JFF18" s="8"/>
      <c r="JFG18" s="8"/>
      <c r="JFH18" s="8"/>
      <c r="JFI18" s="8"/>
      <c r="JFJ18" s="8"/>
      <c r="JFK18" s="8"/>
      <c r="JFL18" s="8"/>
      <c r="JFM18" s="8"/>
      <c r="JFN18" s="8"/>
      <c r="JFO18" s="8"/>
      <c r="JFP18" s="8"/>
      <c r="JFQ18" s="8"/>
      <c r="JFR18" s="8"/>
      <c r="JFS18" s="8"/>
      <c r="JFT18" s="8"/>
      <c r="JFU18" s="8"/>
      <c r="JFV18" s="8"/>
      <c r="JFW18" s="8"/>
      <c r="JFX18" s="8"/>
      <c r="JFY18" s="8"/>
      <c r="JFZ18" s="8"/>
      <c r="JGA18" s="8"/>
      <c r="JGB18" s="8"/>
      <c r="JGC18" s="8"/>
      <c r="JGD18" s="8"/>
      <c r="JGE18" s="8"/>
      <c r="JGF18" s="8"/>
      <c r="JGG18" s="8"/>
      <c r="JGH18" s="8"/>
      <c r="JGI18" s="8"/>
      <c r="JGJ18" s="8"/>
      <c r="JGK18" s="8"/>
      <c r="JGL18" s="8"/>
      <c r="JGM18" s="8"/>
      <c r="JGN18" s="8"/>
      <c r="JGO18" s="8"/>
      <c r="JGP18" s="8"/>
      <c r="JGQ18" s="8"/>
      <c r="JGR18" s="8"/>
      <c r="JGS18" s="8"/>
      <c r="JGT18" s="8"/>
      <c r="JGU18" s="8"/>
      <c r="JGV18" s="8"/>
      <c r="JGW18" s="8"/>
      <c r="JGX18" s="8"/>
      <c r="JGY18" s="8"/>
      <c r="JGZ18" s="8"/>
      <c r="JHA18" s="8"/>
      <c r="JHB18" s="8"/>
      <c r="JHC18" s="8"/>
      <c r="JHD18" s="8"/>
      <c r="JHE18" s="8"/>
      <c r="JHF18" s="8"/>
      <c r="JHG18" s="8"/>
      <c r="JHH18" s="8"/>
      <c r="JHI18" s="8"/>
      <c r="JHJ18" s="8"/>
      <c r="JHK18" s="8"/>
      <c r="JHL18" s="8"/>
      <c r="JHM18" s="8"/>
      <c r="JHN18" s="8"/>
      <c r="JHO18" s="8"/>
      <c r="JHP18" s="8"/>
      <c r="JHQ18" s="8"/>
      <c r="JHR18" s="8"/>
      <c r="JHS18" s="8"/>
      <c r="JHT18" s="8"/>
      <c r="JHU18" s="8"/>
      <c r="JHV18" s="8"/>
      <c r="JHW18" s="8"/>
      <c r="JHX18" s="8"/>
      <c r="JHY18" s="8"/>
      <c r="JHZ18" s="8"/>
      <c r="JIA18" s="8"/>
      <c r="JIB18" s="8"/>
      <c r="JIC18" s="8"/>
      <c r="JID18" s="8"/>
      <c r="JIE18" s="8"/>
      <c r="JIF18" s="8"/>
      <c r="JIG18" s="8"/>
      <c r="JIH18" s="8"/>
      <c r="JII18" s="8"/>
      <c r="JIJ18" s="8"/>
      <c r="JIK18" s="8"/>
      <c r="JIL18" s="8"/>
      <c r="JIM18" s="8"/>
      <c r="JIN18" s="8"/>
      <c r="JIO18" s="8"/>
      <c r="JIP18" s="8"/>
      <c r="JIQ18" s="8"/>
      <c r="JIR18" s="8"/>
      <c r="JIS18" s="8"/>
      <c r="JIT18" s="8"/>
      <c r="JIU18" s="8"/>
      <c r="JIV18" s="8"/>
      <c r="JIW18" s="8"/>
      <c r="JIX18" s="8"/>
      <c r="JIY18" s="8"/>
      <c r="JIZ18" s="8"/>
      <c r="JJA18" s="8"/>
      <c r="JJB18" s="8"/>
      <c r="JJC18" s="8"/>
      <c r="JJD18" s="8"/>
      <c r="JJE18" s="8"/>
      <c r="JJF18" s="8"/>
      <c r="JJG18" s="8"/>
      <c r="JJH18" s="8"/>
      <c r="JJI18" s="8"/>
      <c r="JJJ18" s="8"/>
      <c r="JJK18" s="8"/>
      <c r="JJL18" s="8"/>
      <c r="JJM18" s="8"/>
      <c r="JJN18" s="8"/>
      <c r="JJO18" s="8"/>
      <c r="JJP18" s="8"/>
      <c r="JJQ18" s="8"/>
      <c r="JJR18" s="8"/>
      <c r="JJS18" s="8"/>
      <c r="JJT18" s="8"/>
      <c r="JJU18" s="8"/>
      <c r="JJV18" s="8"/>
      <c r="JJW18" s="8"/>
      <c r="JJX18" s="8"/>
      <c r="JJY18" s="8"/>
      <c r="JJZ18" s="8"/>
      <c r="JKA18" s="8"/>
      <c r="JKB18" s="8"/>
      <c r="JKC18" s="8"/>
      <c r="JKD18" s="8"/>
      <c r="JKE18" s="8"/>
      <c r="JKF18" s="8"/>
      <c r="JKG18" s="8"/>
      <c r="JKH18" s="8"/>
      <c r="JKI18" s="8"/>
      <c r="JKJ18" s="8"/>
      <c r="JKK18" s="8"/>
      <c r="JKL18" s="8"/>
      <c r="JKM18" s="8"/>
      <c r="JKN18" s="8"/>
      <c r="JKO18" s="8"/>
      <c r="JKP18" s="8"/>
      <c r="JKQ18" s="8"/>
      <c r="JKR18" s="8"/>
      <c r="JKS18" s="8"/>
      <c r="JKT18" s="8"/>
      <c r="JKU18" s="8"/>
      <c r="JKV18" s="8"/>
      <c r="JKW18" s="8"/>
      <c r="JKX18" s="8"/>
      <c r="JKY18" s="8"/>
      <c r="JKZ18" s="8"/>
      <c r="JLA18" s="8"/>
      <c r="JLB18" s="8"/>
      <c r="JLC18" s="8"/>
      <c r="JLD18" s="8"/>
      <c r="JLE18" s="8"/>
      <c r="JLF18" s="8"/>
      <c r="JLG18" s="8"/>
      <c r="JLH18" s="8"/>
      <c r="JLI18" s="8"/>
      <c r="JLJ18" s="8"/>
      <c r="JLK18" s="8"/>
      <c r="JLL18" s="8"/>
      <c r="JLM18" s="8"/>
      <c r="JLN18" s="8"/>
      <c r="JLO18" s="8"/>
      <c r="JLP18" s="8"/>
      <c r="JLQ18" s="8"/>
      <c r="JLR18" s="8"/>
      <c r="JLS18" s="8"/>
      <c r="JLT18" s="8"/>
      <c r="JLU18" s="8"/>
      <c r="JLV18" s="8"/>
      <c r="JLW18" s="8"/>
      <c r="JLX18" s="8"/>
      <c r="JLY18" s="8"/>
      <c r="JLZ18" s="8"/>
      <c r="JMA18" s="8"/>
      <c r="JMB18" s="8"/>
      <c r="JMC18" s="8"/>
      <c r="JMD18" s="8"/>
      <c r="JME18" s="8"/>
      <c r="JMF18" s="8"/>
      <c r="JMG18" s="8"/>
      <c r="JMH18" s="8"/>
      <c r="JMI18" s="8"/>
      <c r="JMJ18" s="8"/>
      <c r="JMK18" s="8"/>
      <c r="JML18" s="8"/>
      <c r="JMM18" s="8"/>
      <c r="JMN18" s="8"/>
      <c r="JMO18" s="8"/>
      <c r="JMP18" s="8"/>
      <c r="JMQ18" s="8"/>
      <c r="JMR18" s="8"/>
      <c r="JMS18" s="8"/>
      <c r="JMT18" s="8"/>
      <c r="JMU18" s="8"/>
      <c r="JMV18" s="8"/>
      <c r="JMW18" s="8"/>
      <c r="JMX18" s="8"/>
      <c r="JMY18" s="8"/>
      <c r="JMZ18" s="8"/>
      <c r="JNA18" s="8"/>
      <c r="JNB18" s="8"/>
      <c r="JNC18" s="8"/>
      <c r="JND18" s="8"/>
      <c r="JNE18" s="8"/>
      <c r="JNF18" s="8"/>
      <c r="JNG18" s="8"/>
      <c r="JNH18" s="8"/>
      <c r="JNI18" s="8"/>
      <c r="JNJ18" s="8"/>
      <c r="JNK18" s="8"/>
      <c r="JNL18" s="8"/>
      <c r="JNM18" s="8"/>
      <c r="JNN18" s="8"/>
      <c r="JNO18" s="8"/>
      <c r="JNP18" s="8"/>
      <c r="JNQ18" s="8"/>
      <c r="JNR18" s="8"/>
      <c r="JNS18" s="8"/>
      <c r="JNT18" s="8"/>
      <c r="JNU18" s="8"/>
      <c r="JNV18" s="8"/>
      <c r="JNW18" s="8"/>
      <c r="JNX18" s="8"/>
      <c r="JNY18" s="8"/>
      <c r="JNZ18" s="8"/>
      <c r="JOA18" s="8"/>
      <c r="JOB18" s="8"/>
      <c r="JOC18" s="8"/>
      <c r="JOD18" s="8"/>
      <c r="JOE18" s="8"/>
      <c r="JOF18" s="8"/>
      <c r="JOG18" s="8"/>
      <c r="JOH18" s="8"/>
      <c r="JOI18" s="8"/>
      <c r="JOJ18" s="8"/>
      <c r="JOK18" s="8"/>
      <c r="JOL18" s="8"/>
      <c r="JOM18" s="8"/>
      <c r="JON18" s="8"/>
      <c r="JOO18" s="8"/>
      <c r="JOP18" s="8"/>
      <c r="JOQ18" s="8"/>
      <c r="JOR18" s="8"/>
      <c r="JOS18" s="8"/>
      <c r="JOT18" s="8"/>
      <c r="JOU18" s="8"/>
      <c r="JOV18" s="8"/>
      <c r="JOW18" s="8"/>
      <c r="JOX18" s="8"/>
      <c r="JOY18" s="8"/>
      <c r="JOZ18" s="8"/>
      <c r="JPA18" s="8"/>
      <c r="JPB18" s="8"/>
      <c r="JPC18" s="8"/>
      <c r="JPD18" s="8"/>
      <c r="JPE18" s="8"/>
      <c r="JPF18" s="8"/>
      <c r="JPG18" s="8"/>
      <c r="JPH18" s="8"/>
      <c r="JPI18" s="8"/>
      <c r="JPJ18" s="8"/>
      <c r="JPK18" s="8"/>
      <c r="JPL18" s="8"/>
      <c r="JPM18" s="8"/>
      <c r="JPN18" s="8"/>
      <c r="JPO18" s="8"/>
      <c r="JPP18" s="8"/>
      <c r="JPQ18" s="8"/>
      <c r="JPR18" s="8"/>
      <c r="JPS18" s="8"/>
      <c r="JPT18" s="8"/>
      <c r="JPU18" s="8"/>
      <c r="JPV18" s="8"/>
      <c r="JPW18" s="8"/>
      <c r="JPX18" s="8"/>
      <c r="JPY18" s="8"/>
      <c r="JPZ18" s="8"/>
      <c r="JQA18" s="8"/>
      <c r="JQB18" s="8"/>
      <c r="JQC18" s="8"/>
      <c r="JQD18" s="8"/>
      <c r="JQE18" s="8"/>
      <c r="JQF18" s="8"/>
      <c r="JQG18" s="8"/>
      <c r="JQH18" s="8"/>
      <c r="JQI18" s="8"/>
      <c r="JQJ18" s="8"/>
      <c r="JQK18" s="8"/>
      <c r="JQL18" s="8"/>
      <c r="JQM18" s="8"/>
      <c r="JQN18" s="8"/>
      <c r="JQO18" s="8"/>
      <c r="JQP18" s="8"/>
      <c r="JQQ18" s="8"/>
      <c r="JQR18" s="8"/>
      <c r="JQS18" s="8"/>
      <c r="JQT18" s="8"/>
      <c r="JQU18" s="8"/>
      <c r="JQV18" s="8"/>
      <c r="JQW18" s="8"/>
      <c r="JQX18" s="8"/>
      <c r="JQY18" s="8"/>
      <c r="JQZ18" s="8"/>
      <c r="JRA18" s="8"/>
      <c r="JRB18" s="8"/>
      <c r="JRC18" s="8"/>
      <c r="JRD18" s="8"/>
      <c r="JRE18" s="8"/>
      <c r="JRF18" s="8"/>
      <c r="JRG18" s="8"/>
      <c r="JRH18" s="8"/>
      <c r="JRI18" s="8"/>
      <c r="JRJ18" s="8"/>
      <c r="JRK18" s="8"/>
      <c r="JRL18" s="8"/>
      <c r="JRM18" s="8"/>
      <c r="JRN18" s="8"/>
      <c r="JRO18" s="8"/>
      <c r="JRP18" s="8"/>
      <c r="JRQ18" s="8"/>
      <c r="JRR18" s="8"/>
      <c r="JRS18" s="8"/>
      <c r="JRT18" s="8"/>
      <c r="JRU18" s="8"/>
      <c r="JRV18" s="8"/>
      <c r="JRW18" s="8"/>
      <c r="JRX18" s="8"/>
      <c r="JRY18" s="8"/>
      <c r="JRZ18" s="8"/>
      <c r="JSA18" s="8"/>
      <c r="JSB18" s="8"/>
      <c r="JSC18" s="8"/>
      <c r="JSD18" s="8"/>
      <c r="JSE18" s="8"/>
      <c r="JSF18" s="8"/>
      <c r="JSG18" s="8"/>
      <c r="JSH18" s="8"/>
      <c r="JSI18" s="8"/>
      <c r="JSJ18" s="8"/>
      <c r="JSK18" s="8"/>
      <c r="JSL18" s="8"/>
      <c r="JSM18" s="8"/>
      <c r="JSN18" s="8"/>
      <c r="JSO18" s="8"/>
      <c r="JSP18" s="8"/>
      <c r="JSQ18" s="8"/>
      <c r="JSR18" s="8"/>
      <c r="JSS18" s="8"/>
      <c r="JST18" s="8"/>
      <c r="JSU18" s="8"/>
      <c r="JSV18" s="8"/>
      <c r="JSW18" s="8"/>
      <c r="JSX18" s="8"/>
      <c r="JSY18" s="8"/>
      <c r="JSZ18" s="8"/>
      <c r="JTA18" s="8"/>
      <c r="JTB18" s="8"/>
      <c r="JTC18" s="8"/>
      <c r="JTD18" s="8"/>
      <c r="JTE18" s="8"/>
      <c r="JTF18" s="8"/>
      <c r="JTG18" s="8"/>
      <c r="JTH18" s="8"/>
      <c r="JTI18" s="8"/>
      <c r="JTJ18" s="8"/>
      <c r="JTK18" s="8"/>
      <c r="JTL18" s="8"/>
      <c r="JTM18" s="8"/>
      <c r="JTN18" s="8"/>
      <c r="JTO18" s="8"/>
      <c r="JTP18" s="8"/>
      <c r="JTQ18" s="8"/>
      <c r="JTR18" s="8"/>
      <c r="JTS18" s="8"/>
      <c r="JTT18" s="8"/>
      <c r="JTU18" s="8"/>
      <c r="JTV18" s="8"/>
      <c r="JTW18" s="8"/>
      <c r="JTX18" s="8"/>
      <c r="JTY18" s="8"/>
      <c r="JTZ18" s="8"/>
      <c r="JUA18" s="8"/>
      <c r="JUB18" s="8"/>
      <c r="JUC18" s="8"/>
      <c r="JUD18" s="8"/>
      <c r="JUE18" s="8"/>
      <c r="JUF18" s="8"/>
      <c r="JUG18" s="8"/>
      <c r="JUH18" s="8"/>
      <c r="JUI18" s="8"/>
      <c r="JUJ18" s="8"/>
      <c r="JUK18" s="8"/>
      <c r="JUL18" s="8"/>
      <c r="JUM18" s="8"/>
      <c r="JUN18" s="8"/>
      <c r="JUO18" s="8"/>
      <c r="JUP18" s="8"/>
      <c r="JUQ18" s="8"/>
      <c r="JUR18" s="8"/>
      <c r="JUS18" s="8"/>
      <c r="JUT18" s="8"/>
      <c r="JUU18" s="8"/>
      <c r="JUV18" s="8"/>
      <c r="JUW18" s="8"/>
      <c r="JUX18" s="8"/>
      <c r="JUY18" s="8"/>
      <c r="JUZ18" s="8"/>
      <c r="JVA18" s="8"/>
      <c r="JVB18" s="8"/>
      <c r="JVC18" s="8"/>
      <c r="JVD18" s="8"/>
      <c r="JVE18" s="8"/>
      <c r="JVF18" s="8"/>
      <c r="JVG18" s="8"/>
      <c r="JVH18" s="8"/>
      <c r="JVI18" s="8"/>
      <c r="JVJ18" s="8"/>
      <c r="JVK18" s="8"/>
      <c r="JVL18" s="8"/>
      <c r="JVM18" s="8"/>
      <c r="JVN18" s="8"/>
      <c r="JVO18" s="8"/>
      <c r="JVP18" s="8"/>
      <c r="JVQ18" s="8"/>
      <c r="JVR18" s="8"/>
      <c r="JVS18" s="8"/>
      <c r="JVT18" s="8"/>
      <c r="JVU18" s="8"/>
      <c r="JVV18" s="8"/>
      <c r="JVW18" s="8"/>
      <c r="JVX18" s="8"/>
      <c r="JVY18" s="8"/>
      <c r="JVZ18" s="8"/>
      <c r="JWA18" s="8"/>
      <c r="JWB18" s="8"/>
      <c r="JWC18" s="8"/>
      <c r="JWD18" s="8"/>
      <c r="JWE18" s="8"/>
      <c r="JWF18" s="8"/>
      <c r="JWG18" s="8"/>
      <c r="JWH18" s="8"/>
      <c r="JWI18" s="8"/>
      <c r="JWJ18" s="8"/>
      <c r="JWK18" s="8"/>
      <c r="JWL18" s="8"/>
      <c r="JWM18" s="8"/>
      <c r="JWN18" s="8"/>
      <c r="JWO18" s="8"/>
      <c r="JWP18" s="8"/>
      <c r="JWQ18" s="8"/>
      <c r="JWR18" s="8"/>
      <c r="JWS18" s="8"/>
      <c r="JWT18" s="8"/>
      <c r="JWU18" s="8"/>
      <c r="JWV18" s="8"/>
      <c r="JWW18" s="8"/>
      <c r="JWX18" s="8"/>
      <c r="JWY18" s="8"/>
      <c r="JWZ18" s="8"/>
      <c r="JXA18" s="8"/>
      <c r="JXB18" s="8"/>
      <c r="JXC18" s="8"/>
      <c r="JXD18" s="8"/>
      <c r="JXE18" s="8"/>
      <c r="JXF18" s="8"/>
      <c r="JXG18" s="8"/>
      <c r="JXH18" s="8"/>
      <c r="JXI18" s="8"/>
      <c r="JXJ18" s="8"/>
      <c r="JXK18" s="8"/>
      <c r="JXL18" s="8"/>
      <c r="JXM18" s="8"/>
      <c r="JXN18" s="8"/>
      <c r="JXO18" s="8"/>
      <c r="JXP18" s="8"/>
      <c r="JXQ18" s="8"/>
      <c r="JXR18" s="8"/>
      <c r="JXS18" s="8"/>
      <c r="JXT18" s="8"/>
      <c r="JXU18" s="8"/>
      <c r="JXV18" s="8"/>
      <c r="JXW18" s="8"/>
      <c r="JXX18" s="8"/>
      <c r="JXY18" s="8"/>
      <c r="JXZ18" s="8"/>
      <c r="JYA18" s="8"/>
      <c r="JYB18" s="8"/>
      <c r="JYC18" s="8"/>
      <c r="JYD18" s="8"/>
      <c r="JYE18" s="8"/>
      <c r="JYF18" s="8"/>
      <c r="JYG18" s="8"/>
      <c r="JYH18" s="8"/>
      <c r="JYI18" s="8"/>
      <c r="JYJ18" s="8"/>
      <c r="JYK18" s="8"/>
      <c r="JYL18" s="8"/>
      <c r="JYM18" s="8"/>
      <c r="JYN18" s="8"/>
      <c r="JYO18" s="8"/>
      <c r="JYP18" s="8"/>
      <c r="JYQ18" s="8"/>
      <c r="JYR18" s="8"/>
      <c r="JYS18" s="8"/>
      <c r="JYT18" s="8"/>
      <c r="JYU18" s="8"/>
      <c r="JYV18" s="8"/>
      <c r="JYW18" s="8"/>
      <c r="JYX18" s="8"/>
      <c r="JYY18" s="8"/>
      <c r="JYZ18" s="8"/>
      <c r="JZA18" s="8"/>
      <c r="JZB18" s="8"/>
      <c r="JZC18" s="8"/>
      <c r="JZD18" s="8"/>
      <c r="JZE18" s="8"/>
      <c r="JZF18" s="8"/>
      <c r="JZG18" s="8"/>
      <c r="JZH18" s="8"/>
      <c r="JZI18" s="8"/>
      <c r="JZJ18" s="8"/>
      <c r="JZK18" s="8"/>
      <c r="JZL18" s="8"/>
      <c r="JZM18" s="8"/>
      <c r="JZN18" s="8"/>
      <c r="JZO18" s="8"/>
      <c r="JZP18" s="8"/>
      <c r="JZQ18" s="8"/>
      <c r="JZR18" s="8"/>
      <c r="JZS18" s="8"/>
      <c r="JZT18" s="8"/>
      <c r="JZU18" s="8"/>
      <c r="JZV18" s="8"/>
      <c r="JZW18" s="8"/>
      <c r="JZX18" s="8"/>
      <c r="JZY18" s="8"/>
      <c r="JZZ18" s="8"/>
      <c r="KAA18" s="8"/>
      <c r="KAB18" s="8"/>
      <c r="KAC18" s="8"/>
      <c r="KAD18" s="8"/>
      <c r="KAE18" s="8"/>
      <c r="KAF18" s="8"/>
      <c r="KAG18" s="8"/>
      <c r="KAH18" s="8"/>
      <c r="KAI18" s="8"/>
      <c r="KAJ18" s="8"/>
      <c r="KAK18" s="8"/>
      <c r="KAL18" s="8"/>
      <c r="KAM18" s="8"/>
      <c r="KAN18" s="8"/>
      <c r="KAO18" s="8"/>
      <c r="KAP18" s="8"/>
      <c r="KAQ18" s="8"/>
      <c r="KAR18" s="8"/>
      <c r="KAS18" s="8"/>
      <c r="KAT18" s="8"/>
      <c r="KAU18" s="8"/>
      <c r="KAV18" s="8"/>
      <c r="KAW18" s="8"/>
      <c r="KAX18" s="8"/>
      <c r="KAY18" s="8"/>
      <c r="KAZ18" s="8"/>
      <c r="KBA18" s="8"/>
      <c r="KBB18" s="8"/>
      <c r="KBC18" s="8"/>
      <c r="KBD18" s="8"/>
      <c r="KBE18" s="8"/>
      <c r="KBF18" s="8"/>
      <c r="KBG18" s="8"/>
      <c r="KBH18" s="8"/>
      <c r="KBI18" s="8"/>
      <c r="KBJ18" s="8"/>
      <c r="KBK18" s="8"/>
      <c r="KBL18" s="8"/>
      <c r="KBM18" s="8"/>
      <c r="KBN18" s="8"/>
      <c r="KBO18" s="8"/>
      <c r="KBP18" s="8"/>
      <c r="KBQ18" s="8"/>
      <c r="KBR18" s="8"/>
      <c r="KBS18" s="8"/>
      <c r="KBT18" s="8"/>
      <c r="KBU18" s="8"/>
      <c r="KBV18" s="8"/>
      <c r="KBW18" s="8"/>
      <c r="KBX18" s="8"/>
      <c r="KBY18" s="8"/>
      <c r="KBZ18" s="8"/>
      <c r="KCA18" s="8"/>
      <c r="KCB18" s="8"/>
      <c r="KCC18" s="8"/>
      <c r="KCD18" s="8"/>
      <c r="KCE18" s="8"/>
      <c r="KCF18" s="8"/>
      <c r="KCG18" s="8"/>
      <c r="KCH18" s="8"/>
      <c r="KCI18" s="8"/>
      <c r="KCJ18" s="8"/>
      <c r="KCK18" s="8"/>
      <c r="KCL18" s="8"/>
      <c r="KCM18" s="8"/>
      <c r="KCN18" s="8"/>
      <c r="KCO18" s="8"/>
      <c r="KCP18" s="8"/>
      <c r="KCQ18" s="8"/>
      <c r="KCR18" s="8"/>
      <c r="KCS18" s="8"/>
      <c r="KCT18" s="8"/>
      <c r="KCU18" s="8"/>
      <c r="KCV18" s="8"/>
      <c r="KCW18" s="8"/>
      <c r="KCX18" s="8"/>
      <c r="KCY18" s="8"/>
      <c r="KCZ18" s="8"/>
      <c r="KDA18" s="8"/>
      <c r="KDB18" s="8"/>
      <c r="KDC18" s="8"/>
      <c r="KDD18" s="8"/>
      <c r="KDE18" s="8"/>
      <c r="KDF18" s="8"/>
      <c r="KDG18" s="8"/>
      <c r="KDH18" s="8"/>
      <c r="KDI18" s="8"/>
      <c r="KDJ18" s="8"/>
      <c r="KDK18" s="8"/>
      <c r="KDL18" s="8"/>
      <c r="KDM18" s="8"/>
      <c r="KDN18" s="8"/>
      <c r="KDO18" s="8"/>
      <c r="KDP18" s="8"/>
      <c r="KDQ18" s="8"/>
      <c r="KDR18" s="8"/>
      <c r="KDS18" s="8"/>
      <c r="KDT18" s="8"/>
      <c r="KDU18" s="8"/>
      <c r="KDV18" s="8"/>
      <c r="KDW18" s="8"/>
      <c r="KDX18" s="8"/>
      <c r="KDY18" s="8"/>
      <c r="KDZ18" s="8"/>
      <c r="KEA18" s="8"/>
      <c r="KEB18" s="8"/>
      <c r="KEC18" s="8"/>
      <c r="KED18" s="8"/>
      <c r="KEE18" s="8"/>
      <c r="KEF18" s="8"/>
      <c r="KEG18" s="8"/>
      <c r="KEH18" s="8"/>
      <c r="KEI18" s="8"/>
      <c r="KEJ18" s="8"/>
      <c r="KEK18" s="8"/>
      <c r="KEL18" s="8"/>
      <c r="KEM18" s="8"/>
      <c r="KEN18" s="8"/>
      <c r="KEO18" s="8"/>
      <c r="KEP18" s="8"/>
      <c r="KEQ18" s="8"/>
      <c r="KER18" s="8"/>
      <c r="KES18" s="8"/>
      <c r="KET18" s="8"/>
      <c r="KEU18" s="8"/>
      <c r="KEV18" s="8"/>
      <c r="KEW18" s="8"/>
      <c r="KEX18" s="8"/>
      <c r="KEY18" s="8"/>
      <c r="KEZ18" s="8"/>
      <c r="KFA18" s="8"/>
      <c r="KFB18" s="8"/>
      <c r="KFC18" s="8"/>
      <c r="KFD18" s="8"/>
      <c r="KFE18" s="8"/>
      <c r="KFF18" s="8"/>
      <c r="KFG18" s="8"/>
      <c r="KFH18" s="8"/>
      <c r="KFI18" s="8"/>
      <c r="KFJ18" s="8"/>
      <c r="KFK18" s="8"/>
      <c r="KFL18" s="8"/>
      <c r="KFM18" s="8"/>
      <c r="KFN18" s="8"/>
      <c r="KFO18" s="8"/>
      <c r="KFP18" s="8"/>
      <c r="KFQ18" s="8"/>
      <c r="KFR18" s="8"/>
      <c r="KFS18" s="8"/>
      <c r="KFT18" s="8"/>
      <c r="KFU18" s="8"/>
      <c r="KFV18" s="8"/>
      <c r="KFW18" s="8"/>
      <c r="KFX18" s="8"/>
      <c r="KFY18" s="8"/>
      <c r="KFZ18" s="8"/>
      <c r="KGA18" s="8"/>
      <c r="KGB18" s="8"/>
      <c r="KGC18" s="8"/>
      <c r="KGD18" s="8"/>
      <c r="KGE18" s="8"/>
      <c r="KGF18" s="8"/>
      <c r="KGG18" s="8"/>
      <c r="KGH18" s="8"/>
      <c r="KGI18" s="8"/>
      <c r="KGJ18" s="8"/>
      <c r="KGK18" s="8"/>
      <c r="KGL18" s="8"/>
      <c r="KGM18" s="8"/>
      <c r="KGN18" s="8"/>
      <c r="KGO18" s="8"/>
      <c r="KGP18" s="8"/>
      <c r="KGQ18" s="8"/>
      <c r="KGR18" s="8"/>
      <c r="KGS18" s="8"/>
      <c r="KGT18" s="8"/>
      <c r="KGU18" s="8"/>
      <c r="KGV18" s="8"/>
      <c r="KGW18" s="8"/>
      <c r="KGX18" s="8"/>
      <c r="KGY18" s="8"/>
      <c r="KGZ18" s="8"/>
      <c r="KHA18" s="8"/>
      <c r="KHB18" s="8"/>
      <c r="KHC18" s="8"/>
      <c r="KHD18" s="8"/>
      <c r="KHE18" s="8"/>
      <c r="KHF18" s="8"/>
      <c r="KHG18" s="8"/>
      <c r="KHH18" s="8"/>
      <c r="KHI18" s="8"/>
      <c r="KHJ18" s="8"/>
      <c r="KHK18" s="8"/>
      <c r="KHL18" s="8"/>
      <c r="KHM18" s="8"/>
      <c r="KHN18" s="8"/>
      <c r="KHO18" s="8"/>
      <c r="KHP18" s="8"/>
      <c r="KHQ18" s="8"/>
      <c r="KHR18" s="8"/>
      <c r="KHS18" s="8"/>
      <c r="KHT18" s="8"/>
      <c r="KHU18" s="8"/>
      <c r="KHV18" s="8"/>
      <c r="KHW18" s="8"/>
      <c r="KHX18" s="8"/>
      <c r="KHY18" s="8"/>
      <c r="KHZ18" s="8"/>
      <c r="KIA18" s="8"/>
      <c r="KIB18" s="8"/>
      <c r="KIC18" s="8"/>
      <c r="KID18" s="8"/>
      <c r="KIE18" s="8"/>
      <c r="KIF18" s="8"/>
      <c r="KIG18" s="8"/>
      <c r="KIH18" s="8"/>
      <c r="KII18" s="8"/>
      <c r="KIJ18" s="8"/>
      <c r="KIK18" s="8"/>
      <c r="KIL18" s="8"/>
      <c r="KIM18" s="8"/>
      <c r="KIN18" s="8"/>
      <c r="KIO18" s="8"/>
      <c r="KIP18" s="8"/>
      <c r="KIQ18" s="8"/>
      <c r="KIR18" s="8"/>
      <c r="KIS18" s="8"/>
      <c r="KIT18" s="8"/>
      <c r="KIU18" s="8"/>
      <c r="KIV18" s="8"/>
      <c r="KIW18" s="8"/>
      <c r="KIX18" s="8"/>
      <c r="KIY18" s="8"/>
      <c r="KIZ18" s="8"/>
      <c r="KJA18" s="8"/>
      <c r="KJB18" s="8"/>
      <c r="KJC18" s="8"/>
      <c r="KJD18" s="8"/>
      <c r="KJE18" s="8"/>
      <c r="KJF18" s="8"/>
      <c r="KJG18" s="8"/>
      <c r="KJH18" s="8"/>
      <c r="KJI18" s="8"/>
      <c r="KJJ18" s="8"/>
      <c r="KJK18" s="8"/>
      <c r="KJL18" s="8"/>
      <c r="KJM18" s="8"/>
      <c r="KJN18" s="8"/>
      <c r="KJO18" s="8"/>
      <c r="KJP18" s="8"/>
      <c r="KJQ18" s="8"/>
      <c r="KJR18" s="8"/>
      <c r="KJS18" s="8"/>
      <c r="KJT18" s="8"/>
      <c r="KJU18" s="8"/>
      <c r="KJV18" s="8"/>
      <c r="KJW18" s="8"/>
      <c r="KJX18" s="8"/>
      <c r="KJY18" s="8"/>
      <c r="KJZ18" s="8"/>
      <c r="KKA18" s="8"/>
      <c r="KKB18" s="8"/>
      <c r="KKC18" s="8"/>
      <c r="KKD18" s="8"/>
      <c r="KKE18" s="8"/>
      <c r="KKF18" s="8"/>
      <c r="KKG18" s="8"/>
      <c r="KKH18" s="8"/>
      <c r="KKI18" s="8"/>
      <c r="KKJ18" s="8"/>
      <c r="KKK18" s="8"/>
      <c r="KKL18" s="8"/>
      <c r="KKM18" s="8"/>
      <c r="KKN18" s="8"/>
      <c r="KKO18" s="8"/>
      <c r="KKP18" s="8"/>
      <c r="KKQ18" s="8"/>
      <c r="KKR18" s="8"/>
      <c r="KKS18" s="8"/>
      <c r="KKT18" s="8"/>
      <c r="KKU18" s="8"/>
      <c r="KKV18" s="8"/>
      <c r="KKW18" s="8"/>
      <c r="KKX18" s="8"/>
      <c r="KKY18" s="8"/>
      <c r="KKZ18" s="8"/>
      <c r="KLA18" s="8"/>
      <c r="KLB18" s="8"/>
      <c r="KLC18" s="8"/>
      <c r="KLD18" s="8"/>
      <c r="KLE18" s="8"/>
      <c r="KLF18" s="8"/>
      <c r="KLG18" s="8"/>
      <c r="KLH18" s="8"/>
      <c r="KLI18" s="8"/>
      <c r="KLJ18" s="8"/>
      <c r="KLK18" s="8"/>
      <c r="KLL18" s="8"/>
      <c r="KLM18" s="8"/>
      <c r="KLN18" s="8"/>
      <c r="KLO18" s="8"/>
      <c r="KLP18" s="8"/>
      <c r="KLQ18" s="8"/>
      <c r="KLR18" s="8"/>
      <c r="KLS18" s="8"/>
      <c r="KLT18" s="8"/>
      <c r="KLU18" s="8"/>
      <c r="KLV18" s="8"/>
      <c r="KLW18" s="8"/>
      <c r="KLX18" s="8"/>
      <c r="KLY18" s="8"/>
      <c r="KLZ18" s="8"/>
      <c r="KMA18" s="8"/>
      <c r="KMB18" s="8"/>
      <c r="KMC18" s="8"/>
      <c r="KMD18" s="8"/>
      <c r="KME18" s="8"/>
      <c r="KMF18" s="8"/>
      <c r="KMG18" s="8"/>
      <c r="KMH18" s="8"/>
      <c r="KMI18" s="8"/>
      <c r="KMJ18" s="8"/>
      <c r="KMK18" s="8"/>
      <c r="KML18" s="8"/>
      <c r="KMM18" s="8"/>
      <c r="KMN18" s="8"/>
      <c r="KMO18" s="8"/>
      <c r="KMP18" s="8"/>
      <c r="KMQ18" s="8"/>
      <c r="KMR18" s="8"/>
      <c r="KMS18" s="8"/>
      <c r="KMT18" s="8"/>
      <c r="KMU18" s="8"/>
      <c r="KMV18" s="8"/>
      <c r="KMW18" s="8"/>
      <c r="KMX18" s="8"/>
      <c r="KMY18" s="8"/>
      <c r="KMZ18" s="8"/>
      <c r="KNA18" s="8"/>
      <c r="KNB18" s="8"/>
      <c r="KNC18" s="8"/>
      <c r="KND18" s="8"/>
      <c r="KNE18" s="8"/>
      <c r="KNF18" s="8"/>
      <c r="KNG18" s="8"/>
      <c r="KNH18" s="8"/>
      <c r="KNI18" s="8"/>
      <c r="KNJ18" s="8"/>
      <c r="KNK18" s="8"/>
      <c r="KNL18" s="8"/>
      <c r="KNM18" s="8"/>
      <c r="KNN18" s="8"/>
      <c r="KNO18" s="8"/>
      <c r="KNP18" s="8"/>
      <c r="KNQ18" s="8"/>
      <c r="KNR18" s="8"/>
      <c r="KNS18" s="8"/>
      <c r="KNT18" s="8"/>
      <c r="KNU18" s="8"/>
      <c r="KNV18" s="8"/>
      <c r="KNW18" s="8"/>
      <c r="KNX18" s="8"/>
      <c r="KNY18" s="8"/>
      <c r="KNZ18" s="8"/>
      <c r="KOA18" s="8"/>
      <c r="KOB18" s="8"/>
      <c r="KOC18" s="8"/>
      <c r="KOD18" s="8"/>
      <c r="KOE18" s="8"/>
      <c r="KOF18" s="8"/>
      <c r="KOG18" s="8"/>
      <c r="KOH18" s="8"/>
      <c r="KOI18" s="8"/>
      <c r="KOJ18" s="8"/>
      <c r="KOK18" s="8"/>
      <c r="KOL18" s="8"/>
      <c r="KOM18" s="8"/>
      <c r="KON18" s="8"/>
      <c r="KOO18" s="8"/>
      <c r="KOP18" s="8"/>
      <c r="KOQ18" s="8"/>
      <c r="KOR18" s="8"/>
      <c r="KOS18" s="8"/>
      <c r="KOT18" s="8"/>
      <c r="KOU18" s="8"/>
      <c r="KOV18" s="8"/>
      <c r="KOW18" s="8"/>
      <c r="KOX18" s="8"/>
      <c r="KOY18" s="8"/>
      <c r="KOZ18" s="8"/>
      <c r="KPA18" s="8"/>
      <c r="KPB18" s="8"/>
      <c r="KPC18" s="8"/>
      <c r="KPD18" s="8"/>
      <c r="KPE18" s="8"/>
      <c r="KPF18" s="8"/>
      <c r="KPG18" s="8"/>
      <c r="KPH18" s="8"/>
      <c r="KPI18" s="8"/>
      <c r="KPJ18" s="8"/>
      <c r="KPK18" s="8"/>
      <c r="KPL18" s="8"/>
      <c r="KPM18" s="8"/>
      <c r="KPN18" s="8"/>
      <c r="KPO18" s="8"/>
      <c r="KPP18" s="8"/>
      <c r="KPQ18" s="8"/>
      <c r="KPR18" s="8"/>
      <c r="KPS18" s="8"/>
      <c r="KPT18" s="8"/>
      <c r="KPU18" s="8"/>
      <c r="KPV18" s="8"/>
      <c r="KPW18" s="8"/>
      <c r="KPX18" s="8"/>
      <c r="KPY18" s="8"/>
      <c r="KPZ18" s="8"/>
      <c r="KQA18" s="8"/>
      <c r="KQB18" s="8"/>
      <c r="KQC18" s="8"/>
      <c r="KQD18" s="8"/>
      <c r="KQE18" s="8"/>
      <c r="KQF18" s="8"/>
      <c r="KQG18" s="8"/>
      <c r="KQH18" s="8"/>
      <c r="KQI18" s="8"/>
      <c r="KQJ18" s="8"/>
      <c r="KQK18" s="8"/>
      <c r="KQL18" s="8"/>
      <c r="KQM18" s="8"/>
      <c r="KQN18" s="8"/>
      <c r="KQO18" s="8"/>
      <c r="KQP18" s="8"/>
      <c r="KQQ18" s="8"/>
      <c r="KQR18" s="8"/>
      <c r="KQS18" s="8"/>
      <c r="KQT18" s="8"/>
      <c r="KQU18" s="8"/>
      <c r="KQV18" s="8"/>
      <c r="KQW18" s="8"/>
      <c r="KQX18" s="8"/>
      <c r="KQY18" s="8"/>
      <c r="KQZ18" s="8"/>
      <c r="KRA18" s="8"/>
      <c r="KRB18" s="8"/>
      <c r="KRC18" s="8"/>
      <c r="KRD18" s="8"/>
      <c r="KRE18" s="8"/>
      <c r="KRF18" s="8"/>
      <c r="KRG18" s="8"/>
      <c r="KRH18" s="8"/>
      <c r="KRI18" s="8"/>
      <c r="KRJ18" s="8"/>
      <c r="KRK18" s="8"/>
      <c r="KRL18" s="8"/>
      <c r="KRM18" s="8"/>
      <c r="KRN18" s="8"/>
      <c r="KRO18" s="8"/>
      <c r="KRP18" s="8"/>
      <c r="KRQ18" s="8"/>
      <c r="KRR18" s="8"/>
      <c r="KRS18" s="8"/>
      <c r="KRT18" s="8"/>
      <c r="KRU18" s="8"/>
      <c r="KRV18" s="8"/>
      <c r="KRW18" s="8"/>
      <c r="KRX18" s="8"/>
      <c r="KRY18" s="8"/>
      <c r="KRZ18" s="8"/>
      <c r="KSA18" s="8"/>
      <c r="KSB18" s="8"/>
      <c r="KSC18" s="8"/>
      <c r="KSD18" s="8"/>
      <c r="KSE18" s="8"/>
      <c r="KSF18" s="8"/>
      <c r="KSG18" s="8"/>
      <c r="KSH18" s="8"/>
      <c r="KSI18" s="8"/>
      <c r="KSJ18" s="8"/>
      <c r="KSK18" s="8"/>
      <c r="KSL18" s="8"/>
      <c r="KSM18" s="8"/>
      <c r="KSN18" s="8"/>
      <c r="KSO18" s="8"/>
      <c r="KSP18" s="8"/>
      <c r="KSQ18" s="8"/>
      <c r="KSR18" s="8"/>
      <c r="KSS18" s="8"/>
      <c r="KST18" s="8"/>
      <c r="KSU18" s="8"/>
      <c r="KSV18" s="8"/>
      <c r="KSW18" s="8"/>
      <c r="KSX18" s="8"/>
      <c r="KSY18" s="8"/>
      <c r="KSZ18" s="8"/>
      <c r="KTA18" s="8"/>
      <c r="KTB18" s="8"/>
      <c r="KTC18" s="8"/>
      <c r="KTD18" s="8"/>
      <c r="KTE18" s="8"/>
      <c r="KTF18" s="8"/>
      <c r="KTG18" s="8"/>
      <c r="KTH18" s="8"/>
      <c r="KTI18" s="8"/>
      <c r="KTJ18" s="8"/>
      <c r="KTK18" s="8"/>
      <c r="KTL18" s="8"/>
      <c r="KTM18" s="8"/>
      <c r="KTN18" s="8"/>
      <c r="KTO18" s="8"/>
      <c r="KTP18" s="8"/>
      <c r="KTQ18" s="8"/>
      <c r="KTR18" s="8"/>
      <c r="KTS18" s="8"/>
      <c r="KTT18" s="8"/>
      <c r="KTU18" s="8"/>
      <c r="KTV18" s="8"/>
      <c r="KTW18" s="8"/>
      <c r="KTX18" s="8"/>
      <c r="KTY18" s="8"/>
      <c r="KTZ18" s="8"/>
      <c r="KUA18" s="8"/>
      <c r="KUB18" s="8"/>
      <c r="KUC18" s="8"/>
      <c r="KUD18" s="8"/>
      <c r="KUE18" s="8"/>
      <c r="KUF18" s="8"/>
      <c r="KUG18" s="8"/>
      <c r="KUH18" s="8"/>
      <c r="KUI18" s="8"/>
      <c r="KUJ18" s="8"/>
      <c r="KUK18" s="8"/>
      <c r="KUL18" s="8"/>
      <c r="KUM18" s="8"/>
      <c r="KUN18" s="8"/>
      <c r="KUO18" s="8"/>
      <c r="KUP18" s="8"/>
      <c r="KUQ18" s="8"/>
      <c r="KUR18" s="8"/>
      <c r="KUS18" s="8"/>
      <c r="KUT18" s="8"/>
      <c r="KUU18" s="8"/>
      <c r="KUV18" s="8"/>
      <c r="KUW18" s="8"/>
      <c r="KUX18" s="8"/>
      <c r="KUY18" s="8"/>
      <c r="KUZ18" s="8"/>
      <c r="KVA18" s="8"/>
      <c r="KVB18" s="8"/>
      <c r="KVC18" s="8"/>
      <c r="KVD18" s="8"/>
      <c r="KVE18" s="8"/>
      <c r="KVF18" s="8"/>
      <c r="KVG18" s="8"/>
      <c r="KVH18" s="8"/>
      <c r="KVI18" s="8"/>
      <c r="KVJ18" s="8"/>
      <c r="KVK18" s="8"/>
      <c r="KVL18" s="8"/>
      <c r="KVM18" s="8"/>
      <c r="KVN18" s="8"/>
      <c r="KVO18" s="8"/>
      <c r="KVP18" s="8"/>
      <c r="KVQ18" s="8"/>
      <c r="KVR18" s="8"/>
      <c r="KVS18" s="8"/>
      <c r="KVT18" s="8"/>
      <c r="KVU18" s="8"/>
      <c r="KVV18" s="8"/>
      <c r="KVW18" s="8"/>
      <c r="KVX18" s="8"/>
      <c r="KVY18" s="8"/>
      <c r="KVZ18" s="8"/>
      <c r="KWA18" s="8"/>
      <c r="KWB18" s="8"/>
      <c r="KWC18" s="8"/>
      <c r="KWD18" s="8"/>
      <c r="KWE18" s="8"/>
      <c r="KWF18" s="8"/>
      <c r="KWG18" s="8"/>
      <c r="KWH18" s="8"/>
      <c r="KWI18" s="8"/>
      <c r="KWJ18" s="8"/>
      <c r="KWK18" s="8"/>
      <c r="KWL18" s="8"/>
      <c r="KWM18" s="8"/>
      <c r="KWN18" s="8"/>
      <c r="KWO18" s="8"/>
      <c r="KWP18" s="8"/>
      <c r="KWQ18" s="8"/>
      <c r="KWR18" s="8"/>
      <c r="KWS18" s="8"/>
      <c r="KWT18" s="8"/>
      <c r="KWU18" s="8"/>
      <c r="KWV18" s="8"/>
      <c r="KWW18" s="8"/>
      <c r="KWX18" s="8"/>
      <c r="KWY18" s="8"/>
      <c r="KWZ18" s="8"/>
      <c r="KXA18" s="8"/>
      <c r="KXB18" s="8"/>
      <c r="KXC18" s="8"/>
      <c r="KXD18" s="8"/>
      <c r="KXE18" s="8"/>
      <c r="KXF18" s="8"/>
      <c r="KXG18" s="8"/>
      <c r="KXH18" s="8"/>
      <c r="KXI18" s="8"/>
      <c r="KXJ18" s="8"/>
      <c r="KXK18" s="8"/>
      <c r="KXL18" s="8"/>
      <c r="KXM18" s="8"/>
      <c r="KXN18" s="8"/>
      <c r="KXO18" s="8"/>
      <c r="KXP18" s="8"/>
      <c r="KXQ18" s="8"/>
      <c r="KXR18" s="8"/>
      <c r="KXS18" s="8"/>
      <c r="KXT18" s="8"/>
      <c r="KXU18" s="8"/>
      <c r="KXV18" s="8"/>
      <c r="KXW18" s="8"/>
      <c r="KXX18" s="8"/>
      <c r="KXY18" s="8"/>
      <c r="KXZ18" s="8"/>
      <c r="KYA18" s="8"/>
      <c r="KYB18" s="8"/>
      <c r="KYC18" s="8"/>
      <c r="KYD18" s="8"/>
      <c r="KYE18" s="8"/>
      <c r="KYF18" s="8"/>
      <c r="KYG18" s="8"/>
      <c r="KYH18" s="8"/>
      <c r="KYI18" s="8"/>
      <c r="KYJ18" s="8"/>
      <c r="KYK18" s="8"/>
      <c r="KYL18" s="8"/>
      <c r="KYM18" s="8"/>
      <c r="KYN18" s="8"/>
      <c r="KYO18" s="8"/>
      <c r="KYP18" s="8"/>
      <c r="KYQ18" s="8"/>
      <c r="KYR18" s="8"/>
      <c r="KYS18" s="8"/>
      <c r="KYT18" s="8"/>
      <c r="KYU18" s="8"/>
      <c r="KYV18" s="8"/>
      <c r="KYW18" s="8"/>
      <c r="KYX18" s="8"/>
      <c r="KYY18" s="8"/>
      <c r="KYZ18" s="8"/>
      <c r="KZA18" s="8"/>
      <c r="KZB18" s="8"/>
      <c r="KZC18" s="8"/>
      <c r="KZD18" s="8"/>
      <c r="KZE18" s="8"/>
      <c r="KZF18" s="8"/>
      <c r="KZG18" s="8"/>
      <c r="KZH18" s="8"/>
      <c r="KZI18" s="8"/>
      <c r="KZJ18" s="8"/>
      <c r="KZK18" s="8"/>
      <c r="KZL18" s="8"/>
      <c r="KZM18" s="8"/>
      <c r="KZN18" s="8"/>
      <c r="KZO18" s="8"/>
      <c r="KZP18" s="8"/>
      <c r="KZQ18" s="8"/>
      <c r="KZR18" s="8"/>
      <c r="KZS18" s="8"/>
      <c r="KZT18" s="8"/>
      <c r="KZU18" s="8"/>
      <c r="KZV18" s="8"/>
      <c r="KZW18" s="8"/>
      <c r="KZX18" s="8"/>
      <c r="KZY18" s="8"/>
      <c r="KZZ18" s="8"/>
      <c r="LAA18" s="8"/>
      <c r="LAB18" s="8"/>
      <c r="LAC18" s="8"/>
      <c r="LAD18" s="8"/>
      <c r="LAE18" s="8"/>
      <c r="LAF18" s="8"/>
      <c r="LAG18" s="8"/>
      <c r="LAH18" s="8"/>
      <c r="LAI18" s="8"/>
      <c r="LAJ18" s="8"/>
      <c r="LAK18" s="8"/>
      <c r="LAL18" s="8"/>
      <c r="LAM18" s="8"/>
      <c r="LAN18" s="8"/>
      <c r="LAO18" s="8"/>
      <c r="LAP18" s="8"/>
      <c r="LAQ18" s="8"/>
      <c r="LAR18" s="8"/>
      <c r="LAS18" s="8"/>
      <c r="LAT18" s="8"/>
      <c r="LAU18" s="8"/>
      <c r="LAV18" s="8"/>
      <c r="LAW18" s="8"/>
      <c r="LAX18" s="8"/>
      <c r="LAY18" s="8"/>
      <c r="LAZ18" s="8"/>
      <c r="LBA18" s="8"/>
      <c r="LBB18" s="8"/>
      <c r="LBC18" s="8"/>
      <c r="LBD18" s="8"/>
      <c r="LBE18" s="8"/>
      <c r="LBF18" s="8"/>
      <c r="LBG18" s="8"/>
      <c r="LBH18" s="8"/>
      <c r="LBI18" s="8"/>
      <c r="LBJ18" s="8"/>
      <c r="LBK18" s="8"/>
      <c r="LBL18" s="8"/>
      <c r="LBM18" s="8"/>
      <c r="LBN18" s="8"/>
      <c r="LBO18" s="8"/>
      <c r="LBP18" s="8"/>
      <c r="LBQ18" s="8"/>
      <c r="LBR18" s="8"/>
      <c r="LBS18" s="8"/>
      <c r="LBT18" s="8"/>
      <c r="LBU18" s="8"/>
      <c r="LBV18" s="8"/>
      <c r="LBW18" s="8"/>
      <c r="LBX18" s="8"/>
      <c r="LBY18" s="8"/>
      <c r="LBZ18" s="8"/>
      <c r="LCA18" s="8"/>
      <c r="LCB18" s="8"/>
      <c r="LCC18" s="8"/>
      <c r="LCD18" s="8"/>
      <c r="LCE18" s="8"/>
      <c r="LCF18" s="8"/>
      <c r="LCG18" s="8"/>
      <c r="LCH18" s="8"/>
      <c r="LCI18" s="8"/>
      <c r="LCJ18" s="8"/>
      <c r="LCK18" s="8"/>
      <c r="LCL18" s="8"/>
      <c r="LCM18" s="8"/>
      <c r="LCN18" s="8"/>
      <c r="LCO18" s="8"/>
      <c r="LCP18" s="8"/>
      <c r="LCQ18" s="8"/>
      <c r="LCR18" s="8"/>
      <c r="LCS18" s="8"/>
      <c r="LCT18" s="8"/>
      <c r="LCU18" s="8"/>
      <c r="LCV18" s="8"/>
      <c r="LCW18" s="8"/>
      <c r="LCX18" s="8"/>
      <c r="LCY18" s="8"/>
      <c r="LCZ18" s="8"/>
      <c r="LDA18" s="8"/>
      <c r="LDB18" s="8"/>
      <c r="LDC18" s="8"/>
      <c r="LDD18" s="8"/>
      <c r="LDE18" s="8"/>
      <c r="LDF18" s="8"/>
      <c r="LDG18" s="8"/>
      <c r="LDH18" s="8"/>
      <c r="LDI18" s="8"/>
      <c r="LDJ18" s="8"/>
      <c r="LDK18" s="8"/>
      <c r="LDL18" s="8"/>
      <c r="LDM18" s="8"/>
      <c r="LDN18" s="8"/>
      <c r="LDO18" s="8"/>
      <c r="LDP18" s="8"/>
      <c r="LDQ18" s="8"/>
      <c r="LDR18" s="8"/>
      <c r="LDS18" s="8"/>
      <c r="LDT18" s="8"/>
      <c r="LDU18" s="8"/>
      <c r="LDV18" s="8"/>
      <c r="LDW18" s="8"/>
      <c r="LDX18" s="8"/>
      <c r="LDY18" s="8"/>
      <c r="LDZ18" s="8"/>
      <c r="LEA18" s="8"/>
      <c r="LEB18" s="8"/>
      <c r="LEC18" s="8"/>
      <c r="LED18" s="8"/>
      <c r="LEE18" s="8"/>
      <c r="LEF18" s="8"/>
      <c r="LEG18" s="8"/>
      <c r="LEH18" s="8"/>
      <c r="LEI18" s="8"/>
      <c r="LEJ18" s="8"/>
      <c r="LEK18" s="8"/>
      <c r="LEL18" s="8"/>
      <c r="LEM18" s="8"/>
      <c r="LEN18" s="8"/>
      <c r="LEO18" s="8"/>
      <c r="LEP18" s="8"/>
      <c r="LEQ18" s="8"/>
      <c r="LER18" s="8"/>
      <c r="LES18" s="8"/>
      <c r="LET18" s="8"/>
      <c r="LEU18" s="8"/>
      <c r="LEV18" s="8"/>
      <c r="LEW18" s="8"/>
      <c r="LEX18" s="8"/>
      <c r="LEY18" s="8"/>
      <c r="LEZ18" s="8"/>
      <c r="LFA18" s="8"/>
      <c r="LFB18" s="8"/>
      <c r="LFC18" s="8"/>
      <c r="LFD18" s="8"/>
      <c r="LFE18" s="8"/>
      <c r="LFF18" s="8"/>
      <c r="LFG18" s="8"/>
      <c r="LFH18" s="8"/>
      <c r="LFI18" s="8"/>
      <c r="LFJ18" s="8"/>
      <c r="LFK18" s="8"/>
      <c r="LFL18" s="8"/>
      <c r="LFM18" s="8"/>
      <c r="LFN18" s="8"/>
      <c r="LFO18" s="8"/>
      <c r="LFP18" s="8"/>
      <c r="LFQ18" s="8"/>
      <c r="LFR18" s="8"/>
      <c r="LFS18" s="8"/>
      <c r="LFT18" s="8"/>
      <c r="LFU18" s="8"/>
      <c r="LFV18" s="8"/>
      <c r="LFW18" s="8"/>
      <c r="LFX18" s="8"/>
      <c r="LFY18" s="8"/>
      <c r="LFZ18" s="8"/>
      <c r="LGA18" s="8"/>
      <c r="LGB18" s="8"/>
      <c r="LGC18" s="8"/>
      <c r="LGD18" s="8"/>
      <c r="LGE18" s="8"/>
      <c r="LGF18" s="8"/>
      <c r="LGG18" s="8"/>
      <c r="LGH18" s="8"/>
      <c r="LGI18" s="8"/>
      <c r="LGJ18" s="8"/>
      <c r="LGK18" s="8"/>
      <c r="LGL18" s="8"/>
      <c r="LGM18" s="8"/>
      <c r="LGN18" s="8"/>
      <c r="LGO18" s="8"/>
      <c r="LGP18" s="8"/>
      <c r="LGQ18" s="8"/>
      <c r="LGR18" s="8"/>
      <c r="LGS18" s="8"/>
      <c r="LGT18" s="8"/>
      <c r="LGU18" s="8"/>
      <c r="LGV18" s="8"/>
      <c r="LGW18" s="8"/>
      <c r="LGX18" s="8"/>
      <c r="LGY18" s="8"/>
      <c r="LGZ18" s="8"/>
      <c r="LHA18" s="8"/>
      <c r="LHB18" s="8"/>
      <c r="LHC18" s="8"/>
      <c r="LHD18" s="8"/>
      <c r="LHE18" s="8"/>
      <c r="LHF18" s="8"/>
      <c r="LHG18" s="8"/>
      <c r="LHH18" s="8"/>
      <c r="LHI18" s="8"/>
      <c r="LHJ18" s="8"/>
      <c r="LHK18" s="8"/>
      <c r="LHL18" s="8"/>
      <c r="LHM18" s="8"/>
      <c r="LHN18" s="8"/>
      <c r="LHO18" s="8"/>
      <c r="LHP18" s="8"/>
      <c r="LHQ18" s="8"/>
      <c r="LHR18" s="8"/>
      <c r="LHS18" s="8"/>
      <c r="LHT18" s="8"/>
      <c r="LHU18" s="8"/>
      <c r="LHV18" s="8"/>
      <c r="LHW18" s="8"/>
      <c r="LHX18" s="8"/>
      <c r="LHY18" s="8"/>
      <c r="LHZ18" s="8"/>
      <c r="LIA18" s="8"/>
      <c r="LIB18" s="8"/>
      <c r="LIC18" s="8"/>
      <c r="LID18" s="8"/>
      <c r="LIE18" s="8"/>
      <c r="LIF18" s="8"/>
      <c r="LIG18" s="8"/>
      <c r="LIH18" s="8"/>
      <c r="LII18" s="8"/>
      <c r="LIJ18" s="8"/>
      <c r="LIK18" s="8"/>
      <c r="LIL18" s="8"/>
      <c r="LIM18" s="8"/>
      <c r="LIN18" s="8"/>
      <c r="LIO18" s="8"/>
      <c r="LIP18" s="8"/>
      <c r="LIQ18" s="8"/>
      <c r="LIR18" s="8"/>
      <c r="LIS18" s="8"/>
      <c r="LIT18" s="8"/>
      <c r="LIU18" s="8"/>
      <c r="LIV18" s="8"/>
      <c r="LIW18" s="8"/>
      <c r="LIX18" s="8"/>
      <c r="LIY18" s="8"/>
      <c r="LIZ18" s="8"/>
      <c r="LJA18" s="8"/>
      <c r="LJB18" s="8"/>
      <c r="LJC18" s="8"/>
      <c r="LJD18" s="8"/>
      <c r="LJE18" s="8"/>
      <c r="LJF18" s="8"/>
      <c r="LJG18" s="8"/>
      <c r="LJH18" s="8"/>
      <c r="LJI18" s="8"/>
      <c r="LJJ18" s="8"/>
      <c r="LJK18" s="8"/>
      <c r="LJL18" s="8"/>
      <c r="LJM18" s="8"/>
      <c r="LJN18" s="8"/>
      <c r="LJO18" s="8"/>
      <c r="LJP18" s="8"/>
      <c r="LJQ18" s="8"/>
      <c r="LJR18" s="8"/>
      <c r="LJS18" s="8"/>
      <c r="LJT18" s="8"/>
      <c r="LJU18" s="8"/>
      <c r="LJV18" s="8"/>
      <c r="LJW18" s="8"/>
      <c r="LJX18" s="8"/>
      <c r="LJY18" s="8"/>
      <c r="LJZ18" s="8"/>
      <c r="LKA18" s="8"/>
      <c r="LKB18" s="8"/>
      <c r="LKC18" s="8"/>
      <c r="LKD18" s="8"/>
      <c r="LKE18" s="8"/>
      <c r="LKF18" s="8"/>
      <c r="LKG18" s="8"/>
      <c r="LKH18" s="8"/>
      <c r="LKI18" s="8"/>
      <c r="LKJ18" s="8"/>
      <c r="LKK18" s="8"/>
      <c r="LKL18" s="8"/>
      <c r="LKM18" s="8"/>
      <c r="LKN18" s="8"/>
      <c r="LKO18" s="8"/>
      <c r="LKP18" s="8"/>
      <c r="LKQ18" s="8"/>
      <c r="LKR18" s="8"/>
      <c r="LKS18" s="8"/>
      <c r="LKT18" s="8"/>
      <c r="LKU18" s="8"/>
      <c r="LKV18" s="8"/>
      <c r="LKW18" s="8"/>
      <c r="LKX18" s="8"/>
      <c r="LKY18" s="8"/>
      <c r="LKZ18" s="8"/>
      <c r="LLA18" s="8"/>
      <c r="LLB18" s="8"/>
      <c r="LLC18" s="8"/>
      <c r="LLD18" s="8"/>
      <c r="LLE18" s="8"/>
      <c r="LLF18" s="8"/>
      <c r="LLG18" s="8"/>
      <c r="LLH18" s="8"/>
      <c r="LLI18" s="8"/>
      <c r="LLJ18" s="8"/>
      <c r="LLK18" s="8"/>
      <c r="LLL18" s="8"/>
      <c r="LLM18" s="8"/>
      <c r="LLN18" s="8"/>
      <c r="LLO18" s="8"/>
      <c r="LLP18" s="8"/>
      <c r="LLQ18" s="8"/>
      <c r="LLR18" s="8"/>
      <c r="LLS18" s="8"/>
      <c r="LLT18" s="8"/>
      <c r="LLU18" s="8"/>
      <c r="LLV18" s="8"/>
      <c r="LLW18" s="8"/>
      <c r="LLX18" s="8"/>
      <c r="LLY18" s="8"/>
      <c r="LLZ18" s="8"/>
      <c r="LMA18" s="8"/>
      <c r="LMB18" s="8"/>
      <c r="LMC18" s="8"/>
      <c r="LMD18" s="8"/>
      <c r="LME18" s="8"/>
      <c r="LMF18" s="8"/>
      <c r="LMG18" s="8"/>
      <c r="LMH18" s="8"/>
      <c r="LMI18" s="8"/>
      <c r="LMJ18" s="8"/>
      <c r="LMK18" s="8"/>
      <c r="LML18" s="8"/>
      <c r="LMM18" s="8"/>
      <c r="LMN18" s="8"/>
      <c r="LMO18" s="8"/>
      <c r="LMP18" s="8"/>
      <c r="LMQ18" s="8"/>
      <c r="LMR18" s="8"/>
      <c r="LMS18" s="8"/>
      <c r="LMT18" s="8"/>
      <c r="LMU18" s="8"/>
      <c r="LMV18" s="8"/>
      <c r="LMW18" s="8"/>
      <c r="LMX18" s="8"/>
      <c r="LMY18" s="8"/>
      <c r="LMZ18" s="8"/>
      <c r="LNA18" s="8"/>
      <c r="LNB18" s="8"/>
      <c r="LNC18" s="8"/>
      <c r="LND18" s="8"/>
      <c r="LNE18" s="8"/>
      <c r="LNF18" s="8"/>
      <c r="LNG18" s="8"/>
      <c r="LNH18" s="8"/>
      <c r="LNI18" s="8"/>
      <c r="LNJ18" s="8"/>
      <c r="LNK18" s="8"/>
      <c r="LNL18" s="8"/>
      <c r="LNM18" s="8"/>
      <c r="LNN18" s="8"/>
      <c r="LNO18" s="8"/>
      <c r="LNP18" s="8"/>
      <c r="LNQ18" s="8"/>
      <c r="LNR18" s="8"/>
      <c r="LNS18" s="8"/>
      <c r="LNT18" s="8"/>
      <c r="LNU18" s="8"/>
      <c r="LNV18" s="8"/>
      <c r="LNW18" s="8"/>
      <c r="LNX18" s="8"/>
      <c r="LNY18" s="8"/>
      <c r="LNZ18" s="8"/>
      <c r="LOA18" s="8"/>
      <c r="LOB18" s="8"/>
      <c r="LOC18" s="8"/>
      <c r="LOD18" s="8"/>
      <c r="LOE18" s="8"/>
      <c r="LOF18" s="8"/>
      <c r="LOG18" s="8"/>
      <c r="LOH18" s="8"/>
      <c r="LOI18" s="8"/>
      <c r="LOJ18" s="8"/>
      <c r="LOK18" s="8"/>
      <c r="LOL18" s="8"/>
      <c r="LOM18" s="8"/>
      <c r="LON18" s="8"/>
      <c r="LOO18" s="8"/>
      <c r="LOP18" s="8"/>
      <c r="LOQ18" s="8"/>
      <c r="LOR18" s="8"/>
      <c r="LOS18" s="8"/>
      <c r="LOT18" s="8"/>
      <c r="LOU18" s="8"/>
      <c r="LOV18" s="8"/>
      <c r="LOW18" s="8"/>
      <c r="LOX18" s="8"/>
      <c r="LOY18" s="8"/>
      <c r="LOZ18" s="8"/>
      <c r="LPA18" s="8"/>
      <c r="LPB18" s="8"/>
      <c r="LPC18" s="8"/>
      <c r="LPD18" s="8"/>
      <c r="LPE18" s="8"/>
      <c r="LPF18" s="8"/>
      <c r="LPG18" s="8"/>
      <c r="LPH18" s="8"/>
      <c r="LPI18" s="8"/>
      <c r="LPJ18" s="8"/>
      <c r="LPK18" s="8"/>
      <c r="LPL18" s="8"/>
      <c r="LPM18" s="8"/>
      <c r="LPN18" s="8"/>
      <c r="LPO18" s="8"/>
      <c r="LPP18" s="8"/>
      <c r="LPQ18" s="8"/>
      <c r="LPR18" s="8"/>
      <c r="LPS18" s="8"/>
      <c r="LPT18" s="8"/>
      <c r="LPU18" s="8"/>
      <c r="LPV18" s="8"/>
      <c r="LPW18" s="8"/>
      <c r="LPX18" s="8"/>
      <c r="LPY18" s="8"/>
      <c r="LPZ18" s="8"/>
      <c r="LQA18" s="8"/>
      <c r="LQB18" s="8"/>
      <c r="LQC18" s="8"/>
      <c r="LQD18" s="8"/>
      <c r="LQE18" s="8"/>
      <c r="LQF18" s="8"/>
      <c r="LQG18" s="8"/>
      <c r="LQH18" s="8"/>
      <c r="LQI18" s="8"/>
      <c r="LQJ18" s="8"/>
      <c r="LQK18" s="8"/>
      <c r="LQL18" s="8"/>
      <c r="LQM18" s="8"/>
      <c r="LQN18" s="8"/>
      <c r="LQO18" s="8"/>
      <c r="LQP18" s="8"/>
      <c r="LQQ18" s="8"/>
      <c r="LQR18" s="8"/>
      <c r="LQS18" s="8"/>
      <c r="LQT18" s="8"/>
      <c r="LQU18" s="8"/>
      <c r="LQV18" s="8"/>
      <c r="LQW18" s="8"/>
      <c r="LQX18" s="8"/>
      <c r="LQY18" s="8"/>
      <c r="LQZ18" s="8"/>
      <c r="LRA18" s="8"/>
      <c r="LRB18" s="8"/>
      <c r="LRC18" s="8"/>
      <c r="LRD18" s="8"/>
      <c r="LRE18" s="8"/>
      <c r="LRF18" s="8"/>
      <c r="LRG18" s="8"/>
      <c r="LRH18" s="8"/>
      <c r="LRI18" s="8"/>
      <c r="LRJ18" s="8"/>
      <c r="LRK18" s="8"/>
      <c r="LRL18" s="8"/>
      <c r="LRM18" s="8"/>
      <c r="LRN18" s="8"/>
      <c r="LRO18" s="8"/>
      <c r="LRP18" s="8"/>
      <c r="LRQ18" s="8"/>
      <c r="LRR18" s="8"/>
      <c r="LRS18" s="8"/>
      <c r="LRT18" s="8"/>
      <c r="LRU18" s="8"/>
      <c r="LRV18" s="8"/>
      <c r="LRW18" s="8"/>
      <c r="LRX18" s="8"/>
      <c r="LRY18" s="8"/>
      <c r="LRZ18" s="8"/>
      <c r="LSA18" s="8"/>
      <c r="LSB18" s="8"/>
      <c r="LSC18" s="8"/>
      <c r="LSD18" s="8"/>
      <c r="LSE18" s="8"/>
      <c r="LSF18" s="8"/>
      <c r="LSG18" s="8"/>
      <c r="LSH18" s="8"/>
      <c r="LSI18" s="8"/>
      <c r="LSJ18" s="8"/>
      <c r="LSK18" s="8"/>
      <c r="LSL18" s="8"/>
      <c r="LSM18" s="8"/>
      <c r="LSN18" s="8"/>
      <c r="LSO18" s="8"/>
      <c r="LSP18" s="8"/>
      <c r="LSQ18" s="8"/>
      <c r="LSR18" s="8"/>
      <c r="LSS18" s="8"/>
      <c r="LST18" s="8"/>
      <c r="LSU18" s="8"/>
      <c r="LSV18" s="8"/>
      <c r="LSW18" s="8"/>
      <c r="LSX18" s="8"/>
      <c r="LSY18" s="8"/>
      <c r="LSZ18" s="8"/>
      <c r="LTA18" s="8"/>
      <c r="LTB18" s="8"/>
      <c r="LTC18" s="8"/>
      <c r="LTD18" s="8"/>
      <c r="LTE18" s="8"/>
      <c r="LTF18" s="8"/>
      <c r="LTG18" s="8"/>
      <c r="LTH18" s="8"/>
      <c r="LTI18" s="8"/>
      <c r="LTJ18" s="8"/>
      <c r="LTK18" s="8"/>
      <c r="LTL18" s="8"/>
      <c r="LTM18" s="8"/>
      <c r="LTN18" s="8"/>
      <c r="LTO18" s="8"/>
      <c r="LTP18" s="8"/>
      <c r="LTQ18" s="8"/>
      <c r="LTR18" s="8"/>
      <c r="LTS18" s="8"/>
      <c r="LTT18" s="8"/>
      <c r="LTU18" s="8"/>
      <c r="LTV18" s="8"/>
      <c r="LTW18" s="8"/>
      <c r="LTX18" s="8"/>
      <c r="LTY18" s="8"/>
      <c r="LTZ18" s="8"/>
      <c r="LUA18" s="8"/>
      <c r="LUB18" s="8"/>
      <c r="LUC18" s="8"/>
      <c r="LUD18" s="8"/>
      <c r="LUE18" s="8"/>
      <c r="LUF18" s="8"/>
      <c r="LUG18" s="8"/>
      <c r="LUH18" s="8"/>
      <c r="LUI18" s="8"/>
      <c r="LUJ18" s="8"/>
      <c r="LUK18" s="8"/>
      <c r="LUL18" s="8"/>
      <c r="LUM18" s="8"/>
      <c r="LUN18" s="8"/>
      <c r="LUO18" s="8"/>
      <c r="LUP18" s="8"/>
      <c r="LUQ18" s="8"/>
      <c r="LUR18" s="8"/>
      <c r="LUS18" s="8"/>
      <c r="LUT18" s="8"/>
      <c r="LUU18" s="8"/>
      <c r="LUV18" s="8"/>
      <c r="LUW18" s="8"/>
      <c r="LUX18" s="8"/>
      <c r="LUY18" s="8"/>
      <c r="LUZ18" s="8"/>
      <c r="LVA18" s="8"/>
      <c r="LVB18" s="8"/>
      <c r="LVC18" s="8"/>
      <c r="LVD18" s="8"/>
      <c r="LVE18" s="8"/>
      <c r="LVF18" s="8"/>
      <c r="LVG18" s="8"/>
      <c r="LVH18" s="8"/>
      <c r="LVI18" s="8"/>
      <c r="LVJ18" s="8"/>
      <c r="LVK18" s="8"/>
      <c r="LVL18" s="8"/>
      <c r="LVM18" s="8"/>
      <c r="LVN18" s="8"/>
      <c r="LVO18" s="8"/>
      <c r="LVP18" s="8"/>
      <c r="LVQ18" s="8"/>
      <c r="LVR18" s="8"/>
      <c r="LVS18" s="8"/>
      <c r="LVT18" s="8"/>
      <c r="LVU18" s="8"/>
      <c r="LVV18" s="8"/>
      <c r="LVW18" s="8"/>
      <c r="LVX18" s="8"/>
      <c r="LVY18" s="8"/>
      <c r="LVZ18" s="8"/>
      <c r="LWA18" s="8"/>
      <c r="LWB18" s="8"/>
      <c r="LWC18" s="8"/>
      <c r="LWD18" s="8"/>
      <c r="LWE18" s="8"/>
      <c r="LWF18" s="8"/>
      <c r="LWG18" s="8"/>
      <c r="LWH18" s="8"/>
      <c r="LWI18" s="8"/>
      <c r="LWJ18" s="8"/>
      <c r="LWK18" s="8"/>
      <c r="LWL18" s="8"/>
      <c r="LWM18" s="8"/>
      <c r="LWN18" s="8"/>
      <c r="LWO18" s="8"/>
      <c r="LWP18" s="8"/>
      <c r="LWQ18" s="8"/>
      <c r="LWR18" s="8"/>
      <c r="LWS18" s="8"/>
      <c r="LWT18" s="8"/>
      <c r="LWU18" s="8"/>
      <c r="LWV18" s="8"/>
      <c r="LWW18" s="8"/>
      <c r="LWX18" s="8"/>
      <c r="LWY18" s="8"/>
      <c r="LWZ18" s="8"/>
      <c r="LXA18" s="8"/>
      <c r="LXB18" s="8"/>
      <c r="LXC18" s="8"/>
      <c r="LXD18" s="8"/>
      <c r="LXE18" s="8"/>
      <c r="LXF18" s="8"/>
      <c r="LXG18" s="8"/>
      <c r="LXH18" s="8"/>
      <c r="LXI18" s="8"/>
      <c r="LXJ18" s="8"/>
      <c r="LXK18" s="8"/>
      <c r="LXL18" s="8"/>
      <c r="LXM18" s="8"/>
      <c r="LXN18" s="8"/>
      <c r="LXO18" s="8"/>
      <c r="LXP18" s="8"/>
      <c r="LXQ18" s="8"/>
      <c r="LXR18" s="8"/>
      <c r="LXS18" s="8"/>
      <c r="LXT18" s="8"/>
      <c r="LXU18" s="8"/>
      <c r="LXV18" s="8"/>
      <c r="LXW18" s="8"/>
      <c r="LXX18" s="8"/>
      <c r="LXY18" s="8"/>
      <c r="LXZ18" s="8"/>
      <c r="LYA18" s="8"/>
      <c r="LYB18" s="8"/>
      <c r="LYC18" s="8"/>
      <c r="LYD18" s="8"/>
      <c r="LYE18" s="8"/>
      <c r="LYF18" s="8"/>
      <c r="LYG18" s="8"/>
      <c r="LYH18" s="8"/>
      <c r="LYI18" s="8"/>
      <c r="LYJ18" s="8"/>
      <c r="LYK18" s="8"/>
      <c r="LYL18" s="8"/>
      <c r="LYM18" s="8"/>
      <c r="LYN18" s="8"/>
      <c r="LYO18" s="8"/>
      <c r="LYP18" s="8"/>
      <c r="LYQ18" s="8"/>
      <c r="LYR18" s="8"/>
      <c r="LYS18" s="8"/>
      <c r="LYT18" s="8"/>
      <c r="LYU18" s="8"/>
      <c r="LYV18" s="8"/>
      <c r="LYW18" s="8"/>
      <c r="LYX18" s="8"/>
      <c r="LYY18" s="8"/>
      <c r="LYZ18" s="8"/>
      <c r="LZA18" s="8"/>
      <c r="LZB18" s="8"/>
      <c r="LZC18" s="8"/>
      <c r="LZD18" s="8"/>
      <c r="LZE18" s="8"/>
      <c r="LZF18" s="8"/>
      <c r="LZG18" s="8"/>
      <c r="LZH18" s="8"/>
      <c r="LZI18" s="8"/>
      <c r="LZJ18" s="8"/>
      <c r="LZK18" s="8"/>
      <c r="LZL18" s="8"/>
      <c r="LZM18" s="8"/>
      <c r="LZN18" s="8"/>
      <c r="LZO18" s="8"/>
      <c r="LZP18" s="8"/>
      <c r="LZQ18" s="8"/>
      <c r="LZR18" s="8"/>
      <c r="LZS18" s="8"/>
      <c r="LZT18" s="8"/>
      <c r="LZU18" s="8"/>
      <c r="LZV18" s="8"/>
      <c r="LZW18" s="8"/>
      <c r="LZX18" s="8"/>
      <c r="LZY18" s="8"/>
      <c r="LZZ18" s="8"/>
      <c r="MAA18" s="8"/>
      <c r="MAB18" s="8"/>
      <c r="MAC18" s="8"/>
      <c r="MAD18" s="8"/>
      <c r="MAE18" s="8"/>
      <c r="MAF18" s="8"/>
      <c r="MAG18" s="8"/>
      <c r="MAH18" s="8"/>
      <c r="MAI18" s="8"/>
      <c r="MAJ18" s="8"/>
      <c r="MAK18" s="8"/>
      <c r="MAL18" s="8"/>
      <c r="MAM18" s="8"/>
      <c r="MAN18" s="8"/>
      <c r="MAO18" s="8"/>
      <c r="MAP18" s="8"/>
      <c r="MAQ18" s="8"/>
      <c r="MAR18" s="8"/>
      <c r="MAS18" s="8"/>
      <c r="MAT18" s="8"/>
      <c r="MAU18" s="8"/>
      <c r="MAV18" s="8"/>
      <c r="MAW18" s="8"/>
      <c r="MAX18" s="8"/>
      <c r="MAY18" s="8"/>
      <c r="MAZ18" s="8"/>
      <c r="MBA18" s="8"/>
      <c r="MBB18" s="8"/>
      <c r="MBC18" s="8"/>
      <c r="MBD18" s="8"/>
      <c r="MBE18" s="8"/>
      <c r="MBF18" s="8"/>
      <c r="MBG18" s="8"/>
      <c r="MBH18" s="8"/>
      <c r="MBI18" s="8"/>
      <c r="MBJ18" s="8"/>
      <c r="MBK18" s="8"/>
      <c r="MBL18" s="8"/>
      <c r="MBM18" s="8"/>
      <c r="MBN18" s="8"/>
      <c r="MBO18" s="8"/>
      <c r="MBP18" s="8"/>
      <c r="MBQ18" s="8"/>
      <c r="MBR18" s="8"/>
      <c r="MBS18" s="8"/>
      <c r="MBT18" s="8"/>
      <c r="MBU18" s="8"/>
      <c r="MBV18" s="8"/>
      <c r="MBW18" s="8"/>
      <c r="MBX18" s="8"/>
      <c r="MBY18" s="8"/>
      <c r="MBZ18" s="8"/>
      <c r="MCA18" s="8"/>
      <c r="MCB18" s="8"/>
      <c r="MCC18" s="8"/>
      <c r="MCD18" s="8"/>
      <c r="MCE18" s="8"/>
      <c r="MCF18" s="8"/>
      <c r="MCG18" s="8"/>
      <c r="MCH18" s="8"/>
      <c r="MCI18" s="8"/>
      <c r="MCJ18" s="8"/>
      <c r="MCK18" s="8"/>
      <c r="MCL18" s="8"/>
      <c r="MCM18" s="8"/>
      <c r="MCN18" s="8"/>
      <c r="MCO18" s="8"/>
      <c r="MCP18" s="8"/>
      <c r="MCQ18" s="8"/>
      <c r="MCR18" s="8"/>
      <c r="MCS18" s="8"/>
      <c r="MCT18" s="8"/>
      <c r="MCU18" s="8"/>
      <c r="MCV18" s="8"/>
      <c r="MCW18" s="8"/>
      <c r="MCX18" s="8"/>
      <c r="MCY18" s="8"/>
      <c r="MCZ18" s="8"/>
      <c r="MDA18" s="8"/>
      <c r="MDB18" s="8"/>
      <c r="MDC18" s="8"/>
      <c r="MDD18" s="8"/>
      <c r="MDE18" s="8"/>
      <c r="MDF18" s="8"/>
      <c r="MDG18" s="8"/>
      <c r="MDH18" s="8"/>
      <c r="MDI18" s="8"/>
      <c r="MDJ18" s="8"/>
      <c r="MDK18" s="8"/>
      <c r="MDL18" s="8"/>
      <c r="MDM18" s="8"/>
      <c r="MDN18" s="8"/>
      <c r="MDO18" s="8"/>
      <c r="MDP18" s="8"/>
      <c r="MDQ18" s="8"/>
      <c r="MDR18" s="8"/>
      <c r="MDS18" s="8"/>
      <c r="MDT18" s="8"/>
      <c r="MDU18" s="8"/>
      <c r="MDV18" s="8"/>
      <c r="MDW18" s="8"/>
      <c r="MDX18" s="8"/>
      <c r="MDY18" s="8"/>
      <c r="MDZ18" s="8"/>
      <c r="MEA18" s="8"/>
      <c r="MEB18" s="8"/>
      <c r="MEC18" s="8"/>
      <c r="MED18" s="8"/>
      <c r="MEE18" s="8"/>
      <c r="MEF18" s="8"/>
      <c r="MEG18" s="8"/>
      <c r="MEH18" s="8"/>
      <c r="MEI18" s="8"/>
      <c r="MEJ18" s="8"/>
      <c r="MEK18" s="8"/>
      <c r="MEL18" s="8"/>
      <c r="MEM18" s="8"/>
      <c r="MEN18" s="8"/>
      <c r="MEO18" s="8"/>
      <c r="MEP18" s="8"/>
      <c r="MEQ18" s="8"/>
      <c r="MER18" s="8"/>
      <c r="MES18" s="8"/>
      <c r="MET18" s="8"/>
      <c r="MEU18" s="8"/>
      <c r="MEV18" s="8"/>
      <c r="MEW18" s="8"/>
      <c r="MEX18" s="8"/>
      <c r="MEY18" s="8"/>
      <c r="MEZ18" s="8"/>
      <c r="MFA18" s="8"/>
      <c r="MFB18" s="8"/>
      <c r="MFC18" s="8"/>
      <c r="MFD18" s="8"/>
      <c r="MFE18" s="8"/>
      <c r="MFF18" s="8"/>
      <c r="MFG18" s="8"/>
      <c r="MFH18" s="8"/>
      <c r="MFI18" s="8"/>
      <c r="MFJ18" s="8"/>
      <c r="MFK18" s="8"/>
      <c r="MFL18" s="8"/>
      <c r="MFM18" s="8"/>
      <c r="MFN18" s="8"/>
      <c r="MFO18" s="8"/>
      <c r="MFP18" s="8"/>
      <c r="MFQ18" s="8"/>
      <c r="MFR18" s="8"/>
      <c r="MFS18" s="8"/>
      <c r="MFT18" s="8"/>
      <c r="MFU18" s="8"/>
      <c r="MFV18" s="8"/>
      <c r="MFW18" s="8"/>
      <c r="MFX18" s="8"/>
      <c r="MFY18" s="8"/>
      <c r="MFZ18" s="8"/>
      <c r="MGA18" s="8"/>
      <c r="MGB18" s="8"/>
      <c r="MGC18" s="8"/>
      <c r="MGD18" s="8"/>
      <c r="MGE18" s="8"/>
      <c r="MGF18" s="8"/>
      <c r="MGG18" s="8"/>
      <c r="MGH18" s="8"/>
      <c r="MGI18" s="8"/>
      <c r="MGJ18" s="8"/>
      <c r="MGK18" s="8"/>
      <c r="MGL18" s="8"/>
      <c r="MGM18" s="8"/>
      <c r="MGN18" s="8"/>
      <c r="MGO18" s="8"/>
      <c r="MGP18" s="8"/>
      <c r="MGQ18" s="8"/>
      <c r="MGR18" s="8"/>
      <c r="MGS18" s="8"/>
      <c r="MGT18" s="8"/>
      <c r="MGU18" s="8"/>
      <c r="MGV18" s="8"/>
      <c r="MGW18" s="8"/>
      <c r="MGX18" s="8"/>
      <c r="MGY18" s="8"/>
      <c r="MGZ18" s="8"/>
      <c r="MHA18" s="8"/>
      <c r="MHB18" s="8"/>
      <c r="MHC18" s="8"/>
      <c r="MHD18" s="8"/>
      <c r="MHE18" s="8"/>
      <c r="MHF18" s="8"/>
      <c r="MHG18" s="8"/>
      <c r="MHH18" s="8"/>
      <c r="MHI18" s="8"/>
      <c r="MHJ18" s="8"/>
      <c r="MHK18" s="8"/>
      <c r="MHL18" s="8"/>
      <c r="MHM18" s="8"/>
      <c r="MHN18" s="8"/>
      <c r="MHO18" s="8"/>
      <c r="MHP18" s="8"/>
      <c r="MHQ18" s="8"/>
      <c r="MHR18" s="8"/>
      <c r="MHS18" s="8"/>
      <c r="MHT18" s="8"/>
      <c r="MHU18" s="8"/>
      <c r="MHV18" s="8"/>
      <c r="MHW18" s="8"/>
      <c r="MHX18" s="8"/>
      <c r="MHY18" s="8"/>
      <c r="MHZ18" s="8"/>
      <c r="MIA18" s="8"/>
      <c r="MIB18" s="8"/>
      <c r="MIC18" s="8"/>
      <c r="MID18" s="8"/>
      <c r="MIE18" s="8"/>
      <c r="MIF18" s="8"/>
      <c r="MIG18" s="8"/>
      <c r="MIH18" s="8"/>
      <c r="MII18" s="8"/>
      <c r="MIJ18" s="8"/>
      <c r="MIK18" s="8"/>
      <c r="MIL18" s="8"/>
      <c r="MIM18" s="8"/>
      <c r="MIN18" s="8"/>
      <c r="MIO18" s="8"/>
      <c r="MIP18" s="8"/>
      <c r="MIQ18" s="8"/>
      <c r="MIR18" s="8"/>
      <c r="MIS18" s="8"/>
      <c r="MIT18" s="8"/>
      <c r="MIU18" s="8"/>
      <c r="MIV18" s="8"/>
      <c r="MIW18" s="8"/>
      <c r="MIX18" s="8"/>
      <c r="MIY18" s="8"/>
      <c r="MIZ18" s="8"/>
      <c r="MJA18" s="8"/>
      <c r="MJB18" s="8"/>
      <c r="MJC18" s="8"/>
      <c r="MJD18" s="8"/>
      <c r="MJE18" s="8"/>
      <c r="MJF18" s="8"/>
      <c r="MJG18" s="8"/>
      <c r="MJH18" s="8"/>
      <c r="MJI18" s="8"/>
      <c r="MJJ18" s="8"/>
      <c r="MJK18" s="8"/>
      <c r="MJL18" s="8"/>
      <c r="MJM18" s="8"/>
      <c r="MJN18" s="8"/>
      <c r="MJO18" s="8"/>
      <c r="MJP18" s="8"/>
      <c r="MJQ18" s="8"/>
      <c r="MJR18" s="8"/>
      <c r="MJS18" s="8"/>
      <c r="MJT18" s="8"/>
      <c r="MJU18" s="8"/>
      <c r="MJV18" s="8"/>
      <c r="MJW18" s="8"/>
      <c r="MJX18" s="8"/>
      <c r="MJY18" s="8"/>
      <c r="MJZ18" s="8"/>
      <c r="MKA18" s="8"/>
      <c r="MKB18" s="8"/>
      <c r="MKC18" s="8"/>
      <c r="MKD18" s="8"/>
      <c r="MKE18" s="8"/>
      <c r="MKF18" s="8"/>
      <c r="MKG18" s="8"/>
      <c r="MKH18" s="8"/>
      <c r="MKI18" s="8"/>
      <c r="MKJ18" s="8"/>
      <c r="MKK18" s="8"/>
      <c r="MKL18" s="8"/>
      <c r="MKM18" s="8"/>
      <c r="MKN18" s="8"/>
      <c r="MKO18" s="8"/>
      <c r="MKP18" s="8"/>
      <c r="MKQ18" s="8"/>
      <c r="MKR18" s="8"/>
      <c r="MKS18" s="8"/>
      <c r="MKT18" s="8"/>
      <c r="MKU18" s="8"/>
      <c r="MKV18" s="8"/>
      <c r="MKW18" s="8"/>
      <c r="MKX18" s="8"/>
      <c r="MKY18" s="8"/>
      <c r="MKZ18" s="8"/>
      <c r="MLA18" s="8"/>
      <c r="MLB18" s="8"/>
      <c r="MLC18" s="8"/>
      <c r="MLD18" s="8"/>
      <c r="MLE18" s="8"/>
      <c r="MLF18" s="8"/>
      <c r="MLG18" s="8"/>
      <c r="MLH18" s="8"/>
      <c r="MLI18" s="8"/>
      <c r="MLJ18" s="8"/>
      <c r="MLK18" s="8"/>
      <c r="MLL18" s="8"/>
      <c r="MLM18" s="8"/>
      <c r="MLN18" s="8"/>
      <c r="MLO18" s="8"/>
      <c r="MLP18" s="8"/>
      <c r="MLQ18" s="8"/>
      <c r="MLR18" s="8"/>
      <c r="MLS18" s="8"/>
      <c r="MLT18" s="8"/>
      <c r="MLU18" s="8"/>
      <c r="MLV18" s="8"/>
      <c r="MLW18" s="8"/>
      <c r="MLX18" s="8"/>
      <c r="MLY18" s="8"/>
      <c r="MLZ18" s="8"/>
      <c r="MMA18" s="8"/>
      <c r="MMB18" s="8"/>
      <c r="MMC18" s="8"/>
      <c r="MMD18" s="8"/>
      <c r="MME18" s="8"/>
      <c r="MMF18" s="8"/>
      <c r="MMG18" s="8"/>
      <c r="MMH18" s="8"/>
      <c r="MMI18" s="8"/>
      <c r="MMJ18" s="8"/>
      <c r="MMK18" s="8"/>
      <c r="MML18" s="8"/>
      <c r="MMM18" s="8"/>
      <c r="MMN18" s="8"/>
      <c r="MMO18" s="8"/>
      <c r="MMP18" s="8"/>
      <c r="MMQ18" s="8"/>
      <c r="MMR18" s="8"/>
      <c r="MMS18" s="8"/>
      <c r="MMT18" s="8"/>
      <c r="MMU18" s="8"/>
      <c r="MMV18" s="8"/>
      <c r="MMW18" s="8"/>
      <c r="MMX18" s="8"/>
      <c r="MMY18" s="8"/>
      <c r="MMZ18" s="8"/>
      <c r="MNA18" s="8"/>
      <c r="MNB18" s="8"/>
      <c r="MNC18" s="8"/>
      <c r="MND18" s="8"/>
      <c r="MNE18" s="8"/>
      <c r="MNF18" s="8"/>
      <c r="MNG18" s="8"/>
      <c r="MNH18" s="8"/>
      <c r="MNI18" s="8"/>
      <c r="MNJ18" s="8"/>
      <c r="MNK18" s="8"/>
      <c r="MNL18" s="8"/>
      <c r="MNM18" s="8"/>
      <c r="MNN18" s="8"/>
      <c r="MNO18" s="8"/>
      <c r="MNP18" s="8"/>
      <c r="MNQ18" s="8"/>
      <c r="MNR18" s="8"/>
      <c r="MNS18" s="8"/>
      <c r="MNT18" s="8"/>
      <c r="MNU18" s="8"/>
      <c r="MNV18" s="8"/>
      <c r="MNW18" s="8"/>
      <c r="MNX18" s="8"/>
      <c r="MNY18" s="8"/>
      <c r="MNZ18" s="8"/>
      <c r="MOA18" s="8"/>
      <c r="MOB18" s="8"/>
      <c r="MOC18" s="8"/>
      <c r="MOD18" s="8"/>
      <c r="MOE18" s="8"/>
      <c r="MOF18" s="8"/>
      <c r="MOG18" s="8"/>
      <c r="MOH18" s="8"/>
      <c r="MOI18" s="8"/>
      <c r="MOJ18" s="8"/>
      <c r="MOK18" s="8"/>
      <c r="MOL18" s="8"/>
      <c r="MOM18" s="8"/>
      <c r="MON18" s="8"/>
      <c r="MOO18" s="8"/>
      <c r="MOP18" s="8"/>
      <c r="MOQ18" s="8"/>
      <c r="MOR18" s="8"/>
      <c r="MOS18" s="8"/>
      <c r="MOT18" s="8"/>
      <c r="MOU18" s="8"/>
      <c r="MOV18" s="8"/>
      <c r="MOW18" s="8"/>
      <c r="MOX18" s="8"/>
      <c r="MOY18" s="8"/>
      <c r="MOZ18" s="8"/>
      <c r="MPA18" s="8"/>
      <c r="MPB18" s="8"/>
      <c r="MPC18" s="8"/>
      <c r="MPD18" s="8"/>
      <c r="MPE18" s="8"/>
      <c r="MPF18" s="8"/>
      <c r="MPG18" s="8"/>
      <c r="MPH18" s="8"/>
      <c r="MPI18" s="8"/>
      <c r="MPJ18" s="8"/>
      <c r="MPK18" s="8"/>
      <c r="MPL18" s="8"/>
      <c r="MPM18" s="8"/>
      <c r="MPN18" s="8"/>
      <c r="MPO18" s="8"/>
      <c r="MPP18" s="8"/>
      <c r="MPQ18" s="8"/>
      <c r="MPR18" s="8"/>
      <c r="MPS18" s="8"/>
      <c r="MPT18" s="8"/>
      <c r="MPU18" s="8"/>
      <c r="MPV18" s="8"/>
      <c r="MPW18" s="8"/>
      <c r="MPX18" s="8"/>
      <c r="MPY18" s="8"/>
      <c r="MPZ18" s="8"/>
      <c r="MQA18" s="8"/>
      <c r="MQB18" s="8"/>
      <c r="MQC18" s="8"/>
      <c r="MQD18" s="8"/>
      <c r="MQE18" s="8"/>
      <c r="MQF18" s="8"/>
      <c r="MQG18" s="8"/>
      <c r="MQH18" s="8"/>
      <c r="MQI18" s="8"/>
      <c r="MQJ18" s="8"/>
      <c r="MQK18" s="8"/>
      <c r="MQL18" s="8"/>
      <c r="MQM18" s="8"/>
      <c r="MQN18" s="8"/>
      <c r="MQO18" s="8"/>
      <c r="MQP18" s="8"/>
      <c r="MQQ18" s="8"/>
      <c r="MQR18" s="8"/>
      <c r="MQS18" s="8"/>
      <c r="MQT18" s="8"/>
      <c r="MQU18" s="8"/>
      <c r="MQV18" s="8"/>
      <c r="MQW18" s="8"/>
      <c r="MQX18" s="8"/>
      <c r="MQY18" s="8"/>
      <c r="MQZ18" s="8"/>
      <c r="MRA18" s="8"/>
      <c r="MRB18" s="8"/>
      <c r="MRC18" s="8"/>
      <c r="MRD18" s="8"/>
      <c r="MRE18" s="8"/>
      <c r="MRF18" s="8"/>
      <c r="MRG18" s="8"/>
      <c r="MRH18" s="8"/>
      <c r="MRI18" s="8"/>
      <c r="MRJ18" s="8"/>
      <c r="MRK18" s="8"/>
      <c r="MRL18" s="8"/>
      <c r="MRM18" s="8"/>
      <c r="MRN18" s="8"/>
      <c r="MRO18" s="8"/>
      <c r="MRP18" s="8"/>
      <c r="MRQ18" s="8"/>
      <c r="MRR18" s="8"/>
      <c r="MRS18" s="8"/>
      <c r="MRT18" s="8"/>
      <c r="MRU18" s="8"/>
      <c r="MRV18" s="8"/>
      <c r="MRW18" s="8"/>
      <c r="MRX18" s="8"/>
      <c r="MRY18" s="8"/>
      <c r="MRZ18" s="8"/>
      <c r="MSA18" s="8"/>
      <c r="MSB18" s="8"/>
      <c r="MSC18" s="8"/>
      <c r="MSD18" s="8"/>
      <c r="MSE18" s="8"/>
      <c r="MSF18" s="8"/>
      <c r="MSG18" s="8"/>
      <c r="MSH18" s="8"/>
      <c r="MSI18" s="8"/>
      <c r="MSJ18" s="8"/>
      <c r="MSK18" s="8"/>
      <c r="MSL18" s="8"/>
      <c r="MSM18" s="8"/>
      <c r="MSN18" s="8"/>
      <c r="MSO18" s="8"/>
      <c r="MSP18" s="8"/>
      <c r="MSQ18" s="8"/>
      <c r="MSR18" s="8"/>
      <c r="MSS18" s="8"/>
      <c r="MST18" s="8"/>
      <c r="MSU18" s="8"/>
      <c r="MSV18" s="8"/>
      <c r="MSW18" s="8"/>
      <c r="MSX18" s="8"/>
      <c r="MSY18" s="8"/>
      <c r="MSZ18" s="8"/>
      <c r="MTA18" s="8"/>
      <c r="MTB18" s="8"/>
      <c r="MTC18" s="8"/>
      <c r="MTD18" s="8"/>
      <c r="MTE18" s="8"/>
      <c r="MTF18" s="8"/>
      <c r="MTG18" s="8"/>
      <c r="MTH18" s="8"/>
      <c r="MTI18" s="8"/>
      <c r="MTJ18" s="8"/>
      <c r="MTK18" s="8"/>
      <c r="MTL18" s="8"/>
      <c r="MTM18" s="8"/>
      <c r="MTN18" s="8"/>
      <c r="MTO18" s="8"/>
      <c r="MTP18" s="8"/>
      <c r="MTQ18" s="8"/>
      <c r="MTR18" s="8"/>
      <c r="MTS18" s="8"/>
      <c r="MTT18" s="8"/>
      <c r="MTU18" s="8"/>
      <c r="MTV18" s="8"/>
      <c r="MTW18" s="8"/>
      <c r="MTX18" s="8"/>
      <c r="MTY18" s="8"/>
      <c r="MTZ18" s="8"/>
      <c r="MUA18" s="8"/>
      <c r="MUB18" s="8"/>
      <c r="MUC18" s="8"/>
      <c r="MUD18" s="8"/>
      <c r="MUE18" s="8"/>
      <c r="MUF18" s="8"/>
      <c r="MUG18" s="8"/>
      <c r="MUH18" s="8"/>
      <c r="MUI18" s="8"/>
      <c r="MUJ18" s="8"/>
      <c r="MUK18" s="8"/>
      <c r="MUL18" s="8"/>
      <c r="MUM18" s="8"/>
      <c r="MUN18" s="8"/>
      <c r="MUO18" s="8"/>
      <c r="MUP18" s="8"/>
      <c r="MUQ18" s="8"/>
      <c r="MUR18" s="8"/>
      <c r="MUS18" s="8"/>
      <c r="MUT18" s="8"/>
      <c r="MUU18" s="8"/>
      <c r="MUV18" s="8"/>
      <c r="MUW18" s="8"/>
      <c r="MUX18" s="8"/>
      <c r="MUY18" s="8"/>
      <c r="MUZ18" s="8"/>
      <c r="MVA18" s="8"/>
      <c r="MVB18" s="8"/>
      <c r="MVC18" s="8"/>
      <c r="MVD18" s="8"/>
      <c r="MVE18" s="8"/>
      <c r="MVF18" s="8"/>
      <c r="MVG18" s="8"/>
      <c r="MVH18" s="8"/>
      <c r="MVI18" s="8"/>
      <c r="MVJ18" s="8"/>
      <c r="MVK18" s="8"/>
      <c r="MVL18" s="8"/>
      <c r="MVM18" s="8"/>
      <c r="MVN18" s="8"/>
      <c r="MVO18" s="8"/>
      <c r="MVP18" s="8"/>
      <c r="MVQ18" s="8"/>
      <c r="MVR18" s="8"/>
      <c r="MVS18" s="8"/>
      <c r="MVT18" s="8"/>
      <c r="MVU18" s="8"/>
      <c r="MVV18" s="8"/>
      <c r="MVW18" s="8"/>
      <c r="MVX18" s="8"/>
      <c r="MVY18" s="8"/>
      <c r="MVZ18" s="8"/>
      <c r="MWA18" s="8"/>
      <c r="MWB18" s="8"/>
      <c r="MWC18" s="8"/>
      <c r="MWD18" s="8"/>
      <c r="MWE18" s="8"/>
      <c r="MWF18" s="8"/>
      <c r="MWG18" s="8"/>
      <c r="MWH18" s="8"/>
      <c r="MWI18" s="8"/>
      <c r="MWJ18" s="8"/>
      <c r="MWK18" s="8"/>
      <c r="MWL18" s="8"/>
      <c r="MWM18" s="8"/>
      <c r="MWN18" s="8"/>
      <c r="MWO18" s="8"/>
      <c r="MWP18" s="8"/>
      <c r="MWQ18" s="8"/>
      <c r="MWR18" s="8"/>
      <c r="MWS18" s="8"/>
      <c r="MWT18" s="8"/>
      <c r="MWU18" s="8"/>
      <c r="MWV18" s="8"/>
      <c r="MWW18" s="8"/>
      <c r="MWX18" s="8"/>
      <c r="MWY18" s="8"/>
      <c r="MWZ18" s="8"/>
      <c r="MXA18" s="8"/>
      <c r="MXB18" s="8"/>
      <c r="MXC18" s="8"/>
      <c r="MXD18" s="8"/>
      <c r="MXE18" s="8"/>
      <c r="MXF18" s="8"/>
      <c r="MXG18" s="8"/>
      <c r="MXH18" s="8"/>
      <c r="MXI18" s="8"/>
      <c r="MXJ18" s="8"/>
      <c r="MXK18" s="8"/>
      <c r="MXL18" s="8"/>
      <c r="MXM18" s="8"/>
      <c r="MXN18" s="8"/>
      <c r="MXO18" s="8"/>
      <c r="MXP18" s="8"/>
      <c r="MXQ18" s="8"/>
      <c r="MXR18" s="8"/>
      <c r="MXS18" s="8"/>
      <c r="MXT18" s="8"/>
      <c r="MXU18" s="8"/>
      <c r="MXV18" s="8"/>
      <c r="MXW18" s="8"/>
      <c r="MXX18" s="8"/>
      <c r="MXY18" s="8"/>
      <c r="MXZ18" s="8"/>
      <c r="MYA18" s="8"/>
      <c r="MYB18" s="8"/>
      <c r="MYC18" s="8"/>
      <c r="MYD18" s="8"/>
      <c r="MYE18" s="8"/>
      <c r="MYF18" s="8"/>
      <c r="MYG18" s="8"/>
      <c r="MYH18" s="8"/>
      <c r="MYI18" s="8"/>
      <c r="MYJ18" s="8"/>
      <c r="MYK18" s="8"/>
      <c r="MYL18" s="8"/>
      <c r="MYM18" s="8"/>
      <c r="MYN18" s="8"/>
      <c r="MYO18" s="8"/>
      <c r="MYP18" s="8"/>
      <c r="MYQ18" s="8"/>
      <c r="MYR18" s="8"/>
      <c r="MYS18" s="8"/>
      <c r="MYT18" s="8"/>
      <c r="MYU18" s="8"/>
      <c r="MYV18" s="8"/>
      <c r="MYW18" s="8"/>
      <c r="MYX18" s="8"/>
      <c r="MYY18" s="8"/>
      <c r="MYZ18" s="8"/>
      <c r="MZA18" s="8"/>
      <c r="MZB18" s="8"/>
      <c r="MZC18" s="8"/>
      <c r="MZD18" s="8"/>
      <c r="MZE18" s="8"/>
      <c r="MZF18" s="8"/>
      <c r="MZG18" s="8"/>
      <c r="MZH18" s="8"/>
      <c r="MZI18" s="8"/>
      <c r="MZJ18" s="8"/>
      <c r="MZK18" s="8"/>
      <c r="MZL18" s="8"/>
      <c r="MZM18" s="8"/>
      <c r="MZN18" s="8"/>
      <c r="MZO18" s="8"/>
      <c r="MZP18" s="8"/>
      <c r="MZQ18" s="8"/>
      <c r="MZR18" s="8"/>
      <c r="MZS18" s="8"/>
      <c r="MZT18" s="8"/>
      <c r="MZU18" s="8"/>
      <c r="MZV18" s="8"/>
      <c r="MZW18" s="8"/>
      <c r="MZX18" s="8"/>
      <c r="MZY18" s="8"/>
      <c r="MZZ18" s="8"/>
      <c r="NAA18" s="8"/>
      <c r="NAB18" s="8"/>
      <c r="NAC18" s="8"/>
      <c r="NAD18" s="8"/>
      <c r="NAE18" s="8"/>
      <c r="NAF18" s="8"/>
      <c r="NAG18" s="8"/>
      <c r="NAH18" s="8"/>
      <c r="NAI18" s="8"/>
      <c r="NAJ18" s="8"/>
      <c r="NAK18" s="8"/>
      <c r="NAL18" s="8"/>
      <c r="NAM18" s="8"/>
      <c r="NAN18" s="8"/>
      <c r="NAO18" s="8"/>
      <c r="NAP18" s="8"/>
      <c r="NAQ18" s="8"/>
      <c r="NAR18" s="8"/>
      <c r="NAS18" s="8"/>
      <c r="NAT18" s="8"/>
      <c r="NAU18" s="8"/>
      <c r="NAV18" s="8"/>
      <c r="NAW18" s="8"/>
      <c r="NAX18" s="8"/>
      <c r="NAY18" s="8"/>
      <c r="NAZ18" s="8"/>
      <c r="NBA18" s="8"/>
      <c r="NBB18" s="8"/>
      <c r="NBC18" s="8"/>
      <c r="NBD18" s="8"/>
      <c r="NBE18" s="8"/>
      <c r="NBF18" s="8"/>
      <c r="NBG18" s="8"/>
      <c r="NBH18" s="8"/>
      <c r="NBI18" s="8"/>
      <c r="NBJ18" s="8"/>
      <c r="NBK18" s="8"/>
      <c r="NBL18" s="8"/>
      <c r="NBM18" s="8"/>
      <c r="NBN18" s="8"/>
      <c r="NBO18" s="8"/>
      <c r="NBP18" s="8"/>
      <c r="NBQ18" s="8"/>
      <c r="NBR18" s="8"/>
      <c r="NBS18" s="8"/>
      <c r="NBT18" s="8"/>
      <c r="NBU18" s="8"/>
      <c r="NBV18" s="8"/>
      <c r="NBW18" s="8"/>
      <c r="NBX18" s="8"/>
      <c r="NBY18" s="8"/>
      <c r="NBZ18" s="8"/>
      <c r="NCA18" s="8"/>
      <c r="NCB18" s="8"/>
      <c r="NCC18" s="8"/>
      <c r="NCD18" s="8"/>
      <c r="NCE18" s="8"/>
      <c r="NCF18" s="8"/>
      <c r="NCG18" s="8"/>
      <c r="NCH18" s="8"/>
      <c r="NCI18" s="8"/>
      <c r="NCJ18" s="8"/>
      <c r="NCK18" s="8"/>
      <c r="NCL18" s="8"/>
      <c r="NCM18" s="8"/>
      <c r="NCN18" s="8"/>
      <c r="NCO18" s="8"/>
      <c r="NCP18" s="8"/>
      <c r="NCQ18" s="8"/>
      <c r="NCR18" s="8"/>
      <c r="NCS18" s="8"/>
      <c r="NCT18" s="8"/>
      <c r="NCU18" s="8"/>
      <c r="NCV18" s="8"/>
      <c r="NCW18" s="8"/>
      <c r="NCX18" s="8"/>
      <c r="NCY18" s="8"/>
      <c r="NCZ18" s="8"/>
      <c r="NDA18" s="8"/>
      <c r="NDB18" s="8"/>
      <c r="NDC18" s="8"/>
      <c r="NDD18" s="8"/>
      <c r="NDE18" s="8"/>
      <c r="NDF18" s="8"/>
      <c r="NDG18" s="8"/>
      <c r="NDH18" s="8"/>
      <c r="NDI18" s="8"/>
      <c r="NDJ18" s="8"/>
      <c r="NDK18" s="8"/>
      <c r="NDL18" s="8"/>
      <c r="NDM18" s="8"/>
      <c r="NDN18" s="8"/>
      <c r="NDO18" s="8"/>
      <c r="NDP18" s="8"/>
      <c r="NDQ18" s="8"/>
      <c r="NDR18" s="8"/>
      <c r="NDS18" s="8"/>
      <c r="NDT18" s="8"/>
      <c r="NDU18" s="8"/>
      <c r="NDV18" s="8"/>
      <c r="NDW18" s="8"/>
      <c r="NDX18" s="8"/>
      <c r="NDY18" s="8"/>
      <c r="NDZ18" s="8"/>
      <c r="NEA18" s="8"/>
      <c r="NEB18" s="8"/>
      <c r="NEC18" s="8"/>
      <c r="NED18" s="8"/>
      <c r="NEE18" s="8"/>
      <c r="NEF18" s="8"/>
      <c r="NEG18" s="8"/>
      <c r="NEH18" s="8"/>
      <c r="NEI18" s="8"/>
      <c r="NEJ18" s="8"/>
      <c r="NEK18" s="8"/>
      <c r="NEL18" s="8"/>
      <c r="NEM18" s="8"/>
      <c r="NEN18" s="8"/>
      <c r="NEO18" s="8"/>
      <c r="NEP18" s="8"/>
      <c r="NEQ18" s="8"/>
      <c r="NER18" s="8"/>
      <c r="NES18" s="8"/>
      <c r="NET18" s="8"/>
      <c r="NEU18" s="8"/>
      <c r="NEV18" s="8"/>
      <c r="NEW18" s="8"/>
      <c r="NEX18" s="8"/>
      <c r="NEY18" s="8"/>
      <c r="NEZ18" s="8"/>
      <c r="NFA18" s="8"/>
      <c r="NFB18" s="8"/>
      <c r="NFC18" s="8"/>
      <c r="NFD18" s="8"/>
      <c r="NFE18" s="8"/>
      <c r="NFF18" s="8"/>
      <c r="NFG18" s="8"/>
      <c r="NFH18" s="8"/>
      <c r="NFI18" s="8"/>
      <c r="NFJ18" s="8"/>
      <c r="NFK18" s="8"/>
      <c r="NFL18" s="8"/>
      <c r="NFM18" s="8"/>
      <c r="NFN18" s="8"/>
      <c r="NFO18" s="8"/>
      <c r="NFP18" s="8"/>
      <c r="NFQ18" s="8"/>
      <c r="NFR18" s="8"/>
      <c r="NFS18" s="8"/>
      <c r="NFT18" s="8"/>
      <c r="NFU18" s="8"/>
      <c r="NFV18" s="8"/>
      <c r="NFW18" s="8"/>
      <c r="NFX18" s="8"/>
      <c r="NFY18" s="8"/>
      <c r="NFZ18" s="8"/>
      <c r="NGA18" s="8"/>
      <c r="NGB18" s="8"/>
      <c r="NGC18" s="8"/>
      <c r="NGD18" s="8"/>
      <c r="NGE18" s="8"/>
      <c r="NGF18" s="8"/>
      <c r="NGG18" s="8"/>
      <c r="NGH18" s="8"/>
      <c r="NGI18" s="8"/>
      <c r="NGJ18" s="8"/>
      <c r="NGK18" s="8"/>
      <c r="NGL18" s="8"/>
      <c r="NGM18" s="8"/>
      <c r="NGN18" s="8"/>
      <c r="NGO18" s="8"/>
      <c r="NGP18" s="8"/>
      <c r="NGQ18" s="8"/>
      <c r="NGR18" s="8"/>
      <c r="NGS18" s="8"/>
      <c r="NGT18" s="8"/>
      <c r="NGU18" s="8"/>
      <c r="NGV18" s="8"/>
      <c r="NGW18" s="8"/>
      <c r="NGX18" s="8"/>
      <c r="NGY18" s="8"/>
      <c r="NGZ18" s="8"/>
      <c r="NHA18" s="8"/>
      <c r="NHB18" s="8"/>
      <c r="NHC18" s="8"/>
      <c r="NHD18" s="8"/>
      <c r="NHE18" s="8"/>
      <c r="NHF18" s="8"/>
      <c r="NHG18" s="8"/>
      <c r="NHH18" s="8"/>
      <c r="NHI18" s="8"/>
      <c r="NHJ18" s="8"/>
      <c r="NHK18" s="8"/>
      <c r="NHL18" s="8"/>
      <c r="NHM18" s="8"/>
      <c r="NHN18" s="8"/>
      <c r="NHO18" s="8"/>
      <c r="NHP18" s="8"/>
      <c r="NHQ18" s="8"/>
      <c r="NHR18" s="8"/>
      <c r="NHS18" s="8"/>
      <c r="NHT18" s="8"/>
      <c r="NHU18" s="8"/>
      <c r="NHV18" s="8"/>
      <c r="NHW18" s="8"/>
      <c r="NHX18" s="8"/>
      <c r="NHY18" s="8"/>
      <c r="NHZ18" s="8"/>
      <c r="NIA18" s="8"/>
      <c r="NIB18" s="8"/>
      <c r="NIC18" s="8"/>
      <c r="NID18" s="8"/>
      <c r="NIE18" s="8"/>
      <c r="NIF18" s="8"/>
      <c r="NIG18" s="8"/>
      <c r="NIH18" s="8"/>
      <c r="NII18" s="8"/>
      <c r="NIJ18" s="8"/>
      <c r="NIK18" s="8"/>
      <c r="NIL18" s="8"/>
      <c r="NIM18" s="8"/>
      <c r="NIN18" s="8"/>
      <c r="NIO18" s="8"/>
      <c r="NIP18" s="8"/>
      <c r="NIQ18" s="8"/>
      <c r="NIR18" s="8"/>
      <c r="NIS18" s="8"/>
      <c r="NIT18" s="8"/>
      <c r="NIU18" s="8"/>
      <c r="NIV18" s="8"/>
      <c r="NIW18" s="8"/>
      <c r="NIX18" s="8"/>
      <c r="NIY18" s="8"/>
      <c r="NIZ18" s="8"/>
      <c r="NJA18" s="8"/>
      <c r="NJB18" s="8"/>
      <c r="NJC18" s="8"/>
      <c r="NJD18" s="8"/>
      <c r="NJE18" s="8"/>
      <c r="NJF18" s="8"/>
      <c r="NJG18" s="8"/>
      <c r="NJH18" s="8"/>
      <c r="NJI18" s="8"/>
      <c r="NJJ18" s="8"/>
      <c r="NJK18" s="8"/>
      <c r="NJL18" s="8"/>
      <c r="NJM18" s="8"/>
      <c r="NJN18" s="8"/>
      <c r="NJO18" s="8"/>
      <c r="NJP18" s="8"/>
      <c r="NJQ18" s="8"/>
      <c r="NJR18" s="8"/>
      <c r="NJS18" s="8"/>
      <c r="NJT18" s="8"/>
      <c r="NJU18" s="8"/>
      <c r="NJV18" s="8"/>
      <c r="NJW18" s="8"/>
      <c r="NJX18" s="8"/>
      <c r="NJY18" s="8"/>
      <c r="NJZ18" s="8"/>
      <c r="NKA18" s="8"/>
      <c r="NKB18" s="8"/>
      <c r="NKC18" s="8"/>
      <c r="NKD18" s="8"/>
      <c r="NKE18" s="8"/>
      <c r="NKF18" s="8"/>
      <c r="NKG18" s="8"/>
      <c r="NKH18" s="8"/>
      <c r="NKI18" s="8"/>
      <c r="NKJ18" s="8"/>
      <c r="NKK18" s="8"/>
      <c r="NKL18" s="8"/>
      <c r="NKM18" s="8"/>
      <c r="NKN18" s="8"/>
      <c r="NKO18" s="8"/>
      <c r="NKP18" s="8"/>
      <c r="NKQ18" s="8"/>
      <c r="NKR18" s="8"/>
      <c r="NKS18" s="8"/>
      <c r="NKT18" s="8"/>
      <c r="NKU18" s="8"/>
      <c r="NKV18" s="8"/>
      <c r="NKW18" s="8"/>
      <c r="NKX18" s="8"/>
      <c r="NKY18" s="8"/>
      <c r="NKZ18" s="8"/>
      <c r="NLA18" s="8"/>
      <c r="NLB18" s="8"/>
      <c r="NLC18" s="8"/>
      <c r="NLD18" s="8"/>
      <c r="NLE18" s="8"/>
      <c r="NLF18" s="8"/>
      <c r="NLG18" s="8"/>
      <c r="NLH18" s="8"/>
      <c r="NLI18" s="8"/>
      <c r="NLJ18" s="8"/>
      <c r="NLK18" s="8"/>
      <c r="NLL18" s="8"/>
      <c r="NLM18" s="8"/>
      <c r="NLN18" s="8"/>
      <c r="NLO18" s="8"/>
      <c r="NLP18" s="8"/>
      <c r="NLQ18" s="8"/>
      <c r="NLR18" s="8"/>
      <c r="NLS18" s="8"/>
      <c r="NLT18" s="8"/>
      <c r="NLU18" s="8"/>
      <c r="NLV18" s="8"/>
      <c r="NLW18" s="8"/>
      <c r="NLX18" s="8"/>
      <c r="NLY18" s="8"/>
      <c r="NLZ18" s="8"/>
      <c r="NMA18" s="8"/>
      <c r="NMB18" s="8"/>
      <c r="NMC18" s="8"/>
      <c r="NMD18" s="8"/>
      <c r="NME18" s="8"/>
      <c r="NMF18" s="8"/>
      <c r="NMG18" s="8"/>
      <c r="NMH18" s="8"/>
      <c r="NMI18" s="8"/>
      <c r="NMJ18" s="8"/>
      <c r="NMK18" s="8"/>
      <c r="NML18" s="8"/>
      <c r="NMM18" s="8"/>
      <c r="NMN18" s="8"/>
      <c r="NMO18" s="8"/>
      <c r="NMP18" s="8"/>
      <c r="NMQ18" s="8"/>
      <c r="NMR18" s="8"/>
      <c r="NMS18" s="8"/>
      <c r="NMT18" s="8"/>
      <c r="NMU18" s="8"/>
      <c r="NMV18" s="8"/>
      <c r="NMW18" s="8"/>
      <c r="NMX18" s="8"/>
      <c r="NMY18" s="8"/>
      <c r="NMZ18" s="8"/>
      <c r="NNA18" s="8"/>
      <c r="NNB18" s="8"/>
      <c r="NNC18" s="8"/>
      <c r="NND18" s="8"/>
      <c r="NNE18" s="8"/>
      <c r="NNF18" s="8"/>
      <c r="NNG18" s="8"/>
      <c r="NNH18" s="8"/>
      <c r="NNI18" s="8"/>
      <c r="NNJ18" s="8"/>
      <c r="NNK18" s="8"/>
      <c r="NNL18" s="8"/>
      <c r="NNM18" s="8"/>
      <c r="NNN18" s="8"/>
      <c r="NNO18" s="8"/>
      <c r="NNP18" s="8"/>
      <c r="NNQ18" s="8"/>
      <c r="NNR18" s="8"/>
      <c r="NNS18" s="8"/>
      <c r="NNT18" s="8"/>
      <c r="NNU18" s="8"/>
      <c r="NNV18" s="8"/>
      <c r="NNW18" s="8"/>
      <c r="NNX18" s="8"/>
      <c r="NNY18" s="8"/>
      <c r="NNZ18" s="8"/>
      <c r="NOA18" s="8"/>
      <c r="NOB18" s="8"/>
      <c r="NOC18" s="8"/>
      <c r="NOD18" s="8"/>
      <c r="NOE18" s="8"/>
      <c r="NOF18" s="8"/>
      <c r="NOG18" s="8"/>
      <c r="NOH18" s="8"/>
      <c r="NOI18" s="8"/>
      <c r="NOJ18" s="8"/>
      <c r="NOK18" s="8"/>
      <c r="NOL18" s="8"/>
      <c r="NOM18" s="8"/>
      <c r="NON18" s="8"/>
      <c r="NOO18" s="8"/>
      <c r="NOP18" s="8"/>
      <c r="NOQ18" s="8"/>
      <c r="NOR18" s="8"/>
      <c r="NOS18" s="8"/>
      <c r="NOT18" s="8"/>
      <c r="NOU18" s="8"/>
      <c r="NOV18" s="8"/>
      <c r="NOW18" s="8"/>
      <c r="NOX18" s="8"/>
      <c r="NOY18" s="8"/>
      <c r="NOZ18" s="8"/>
      <c r="NPA18" s="8"/>
      <c r="NPB18" s="8"/>
      <c r="NPC18" s="8"/>
      <c r="NPD18" s="8"/>
      <c r="NPE18" s="8"/>
      <c r="NPF18" s="8"/>
      <c r="NPG18" s="8"/>
      <c r="NPH18" s="8"/>
      <c r="NPI18" s="8"/>
      <c r="NPJ18" s="8"/>
      <c r="NPK18" s="8"/>
      <c r="NPL18" s="8"/>
      <c r="NPM18" s="8"/>
      <c r="NPN18" s="8"/>
      <c r="NPO18" s="8"/>
      <c r="NPP18" s="8"/>
      <c r="NPQ18" s="8"/>
      <c r="NPR18" s="8"/>
      <c r="NPS18" s="8"/>
      <c r="NPT18" s="8"/>
      <c r="NPU18" s="8"/>
      <c r="NPV18" s="8"/>
      <c r="NPW18" s="8"/>
      <c r="NPX18" s="8"/>
      <c r="NPY18" s="8"/>
      <c r="NPZ18" s="8"/>
      <c r="NQA18" s="8"/>
      <c r="NQB18" s="8"/>
      <c r="NQC18" s="8"/>
      <c r="NQD18" s="8"/>
      <c r="NQE18" s="8"/>
      <c r="NQF18" s="8"/>
      <c r="NQG18" s="8"/>
      <c r="NQH18" s="8"/>
      <c r="NQI18" s="8"/>
      <c r="NQJ18" s="8"/>
      <c r="NQK18" s="8"/>
      <c r="NQL18" s="8"/>
      <c r="NQM18" s="8"/>
      <c r="NQN18" s="8"/>
      <c r="NQO18" s="8"/>
      <c r="NQP18" s="8"/>
      <c r="NQQ18" s="8"/>
      <c r="NQR18" s="8"/>
      <c r="NQS18" s="8"/>
      <c r="NQT18" s="8"/>
      <c r="NQU18" s="8"/>
      <c r="NQV18" s="8"/>
      <c r="NQW18" s="8"/>
      <c r="NQX18" s="8"/>
      <c r="NQY18" s="8"/>
      <c r="NQZ18" s="8"/>
      <c r="NRA18" s="8"/>
      <c r="NRB18" s="8"/>
      <c r="NRC18" s="8"/>
      <c r="NRD18" s="8"/>
      <c r="NRE18" s="8"/>
      <c r="NRF18" s="8"/>
      <c r="NRG18" s="8"/>
      <c r="NRH18" s="8"/>
      <c r="NRI18" s="8"/>
      <c r="NRJ18" s="8"/>
      <c r="NRK18" s="8"/>
      <c r="NRL18" s="8"/>
      <c r="NRM18" s="8"/>
      <c r="NRN18" s="8"/>
      <c r="NRO18" s="8"/>
      <c r="NRP18" s="8"/>
      <c r="NRQ18" s="8"/>
      <c r="NRR18" s="8"/>
      <c r="NRS18" s="8"/>
      <c r="NRT18" s="8"/>
      <c r="NRU18" s="8"/>
      <c r="NRV18" s="8"/>
      <c r="NRW18" s="8"/>
      <c r="NRX18" s="8"/>
      <c r="NRY18" s="8"/>
      <c r="NRZ18" s="8"/>
      <c r="NSA18" s="8"/>
      <c r="NSB18" s="8"/>
      <c r="NSC18" s="8"/>
      <c r="NSD18" s="8"/>
      <c r="NSE18" s="8"/>
      <c r="NSF18" s="8"/>
      <c r="NSG18" s="8"/>
      <c r="NSH18" s="8"/>
      <c r="NSI18" s="8"/>
      <c r="NSJ18" s="8"/>
      <c r="NSK18" s="8"/>
      <c r="NSL18" s="8"/>
      <c r="NSM18" s="8"/>
      <c r="NSN18" s="8"/>
      <c r="NSO18" s="8"/>
      <c r="NSP18" s="8"/>
      <c r="NSQ18" s="8"/>
      <c r="NSR18" s="8"/>
      <c r="NSS18" s="8"/>
      <c r="NST18" s="8"/>
      <c r="NSU18" s="8"/>
      <c r="NSV18" s="8"/>
      <c r="NSW18" s="8"/>
      <c r="NSX18" s="8"/>
      <c r="NSY18" s="8"/>
      <c r="NSZ18" s="8"/>
      <c r="NTA18" s="8"/>
      <c r="NTB18" s="8"/>
      <c r="NTC18" s="8"/>
      <c r="NTD18" s="8"/>
      <c r="NTE18" s="8"/>
      <c r="NTF18" s="8"/>
      <c r="NTG18" s="8"/>
      <c r="NTH18" s="8"/>
      <c r="NTI18" s="8"/>
      <c r="NTJ18" s="8"/>
      <c r="NTK18" s="8"/>
      <c r="NTL18" s="8"/>
      <c r="NTM18" s="8"/>
      <c r="NTN18" s="8"/>
      <c r="NTO18" s="8"/>
      <c r="NTP18" s="8"/>
      <c r="NTQ18" s="8"/>
      <c r="NTR18" s="8"/>
      <c r="NTS18" s="8"/>
      <c r="NTT18" s="8"/>
      <c r="NTU18" s="8"/>
      <c r="NTV18" s="8"/>
      <c r="NTW18" s="8"/>
      <c r="NTX18" s="8"/>
      <c r="NTY18" s="8"/>
      <c r="NTZ18" s="8"/>
      <c r="NUA18" s="8"/>
      <c r="NUB18" s="8"/>
      <c r="NUC18" s="8"/>
      <c r="NUD18" s="8"/>
      <c r="NUE18" s="8"/>
      <c r="NUF18" s="8"/>
      <c r="NUG18" s="8"/>
      <c r="NUH18" s="8"/>
      <c r="NUI18" s="8"/>
      <c r="NUJ18" s="8"/>
      <c r="NUK18" s="8"/>
      <c r="NUL18" s="8"/>
      <c r="NUM18" s="8"/>
      <c r="NUN18" s="8"/>
      <c r="NUO18" s="8"/>
      <c r="NUP18" s="8"/>
      <c r="NUQ18" s="8"/>
      <c r="NUR18" s="8"/>
      <c r="NUS18" s="8"/>
      <c r="NUT18" s="8"/>
      <c r="NUU18" s="8"/>
      <c r="NUV18" s="8"/>
      <c r="NUW18" s="8"/>
      <c r="NUX18" s="8"/>
      <c r="NUY18" s="8"/>
      <c r="NUZ18" s="8"/>
      <c r="NVA18" s="8"/>
      <c r="NVB18" s="8"/>
      <c r="NVC18" s="8"/>
      <c r="NVD18" s="8"/>
      <c r="NVE18" s="8"/>
      <c r="NVF18" s="8"/>
      <c r="NVG18" s="8"/>
      <c r="NVH18" s="8"/>
      <c r="NVI18" s="8"/>
      <c r="NVJ18" s="8"/>
      <c r="NVK18" s="8"/>
      <c r="NVL18" s="8"/>
      <c r="NVM18" s="8"/>
      <c r="NVN18" s="8"/>
      <c r="NVO18" s="8"/>
      <c r="NVP18" s="8"/>
      <c r="NVQ18" s="8"/>
      <c r="NVR18" s="8"/>
      <c r="NVS18" s="8"/>
      <c r="NVT18" s="8"/>
      <c r="NVU18" s="8"/>
      <c r="NVV18" s="8"/>
      <c r="NVW18" s="8"/>
      <c r="NVX18" s="8"/>
      <c r="NVY18" s="8"/>
      <c r="NVZ18" s="8"/>
      <c r="NWA18" s="8"/>
      <c r="NWB18" s="8"/>
      <c r="NWC18" s="8"/>
      <c r="NWD18" s="8"/>
      <c r="NWE18" s="8"/>
      <c r="NWF18" s="8"/>
      <c r="NWG18" s="8"/>
      <c r="NWH18" s="8"/>
      <c r="NWI18" s="8"/>
      <c r="NWJ18" s="8"/>
      <c r="NWK18" s="8"/>
      <c r="NWL18" s="8"/>
      <c r="NWM18" s="8"/>
      <c r="NWN18" s="8"/>
      <c r="NWO18" s="8"/>
      <c r="NWP18" s="8"/>
      <c r="NWQ18" s="8"/>
      <c r="NWR18" s="8"/>
      <c r="NWS18" s="8"/>
      <c r="NWT18" s="8"/>
      <c r="NWU18" s="8"/>
      <c r="NWV18" s="8"/>
      <c r="NWW18" s="8"/>
      <c r="NWX18" s="8"/>
      <c r="NWY18" s="8"/>
      <c r="NWZ18" s="8"/>
      <c r="NXA18" s="8"/>
      <c r="NXB18" s="8"/>
      <c r="NXC18" s="8"/>
      <c r="NXD18" s="8"/>
      <c r="NXE18" s="8"/>
      <c r="NXF18" s="8"/>
      <c r="NXG18" s="8"/>
      <c r="NXH18" s="8"/>
      <c r="NXI18" s="8"/>
      <c r="NXJ18" s="8"/>
      <c r="NXK18" s="8"/>
      <c r="NXL18" s="8"/>
      <c r="NXM18" s="8"/>
      <c r="NXN18" s="8"/>
      <c r="NXO18" s="8"/>
      <c r="NXP18" s="8"/>
      <c r="NXQ18" s="8"/>
      <c r="NXR18" s="8"/>
      <c r="NXS18" s="8"/>
      <c r="NXT18" s="8"/>
      <c r="NXU18" s="8"/>
      <c r="NXV18" s="8"/>
      <c r="NXW18" s="8"/>
      <c r="NXX18" s="8"/>
      <c r="NXY18" s="8"/>
      <c r="NXZ18" s="8"/>
      <c r="NYA18" s="8"/>
      <c r="NYB18" s="8"/>
      <c r="NYC18" s="8"/>
      <c r="NYD18" s="8"/>
      <c r="NYE18" s="8"/>
      <c r="NYF18" s="8"/>
      <c r="NYG18" s="8"/>
      <c r="NYH18" s="8"/>
      <c r="NYI18" s="8"/>
      <c r="NYJ18" s="8"/>
      <c r="NYK18" s="8"/>
      <c r="NYL18" s="8"/>
      <c r="NYM18" s="8"/>
      <c r="NYN18" s="8"/>
      <c r="NYO18" s="8"/>
      <c r="NYP18" s="8"/>
      <c r="NYQ18" s="8"/>
      <c r="NYR18" s="8"/>
      <c r="NYS18" s="8"/>
      <c r="NYT18" s="8"/>
      <c r="NYU18" s="8"/>
      <c r="NYV18" s="8"/>
      <c r="NYW18" s="8"/>
      <c r="NYX18" s="8"/>
      <c r="NYY18" s="8"/>
      <c r="NYZ18" s="8"/>
      <c r="NZA18" s="8"/>
      <c r="NZB18" s="8"/>
      <c r="NZC18" s="8"/>
      <c r="NZD18" s="8"/>
      <c r="NZE18" s="8"/>
      <c r="NZF18" s="8"/>
      <c r="NZG18" s="8"/>
      <c r="NZH18" s="8"/>
      <c r="NZI18" s="8"/>
      <c r="NZJ18" s="8"/>
      <c r="NZK18" s="8"/>
      <c r="NZL18" s="8"/>
      <c r="NZM18" s="8"/>
      <c r="NZN18" s="8"/>
      <c r="NZO18" s="8"/>
      <c r="NZP18" s="8"/>
      <c r="NZQ18" s="8"/>
      <c r="NZR18" s="8"/>
      <c r="NZS18" s="8"/>
      <c r="NZT18" s="8"/>
      <c r="NZU18" s="8"/>
      <c r="NZV18" s="8"/>
      <c r="NZW18" s="8"/>
      <c r="NZX18" s="8"/>
      <c r="NZY18" s="8"/>
      <c r="NZZ18" s="8"/>
      <c r="OAA18" s="8"/>
      <c r="OAB18" s="8"/>
      <c r="OAC18" s="8"/>
      <c r="OAD18" s="8"/>
      <c r="OAE18" s="8"/>
      <c r="OAF18" s="8"/>
      <c r="OAG18" s="8"/>
      <c r="OAH18" s="8"/>
      <c r="OAI18" s="8"/>
      <c r="OAJ18" s="8"/>
      <c r="OAK18" s="8"/>
      <c r="OAL18" s="8"/>
      <c r="OAM18" s="8"/>
      <c r="OAN18" s="8"/>
      <c r="OAO18" s="8"/>
      <c r="OAP18" s="8"/>
      <c r="OAQ18" s="8"/>
      <c r="OAR18" s="8"/>
      <c r="OAS18" s="8"/>
      <c r="OAT18" s="8"/>
      <c r="OAU18" s="8"/>
      <c r="OAV18" s="8"/>
      <c r="OAW18" s="8"/>
      <c r="OAX18" s="8"/>
      <c r="OAY18" s="8"/>
      <c r="OAZ18" s="8"/>
      <c r="OBA18" s="8"/>
      <c r="OBB18" s="8"/>
      <c r="OBC18" s="8"/>
      <c r="OBD18" s="8"/>
      <c r="OBE18" s="8"/>
      <c r="OBF18" s="8"/>
      <c r="OBG18" s="8"/>
      <c r="OBH18" s="8"/>
      <c r="OBI18" s="8"/>
      <c r="OBJ18" s="8"/>
      <c r="OBK18" s="8"/>
      <c r="OBL18" s="8"/>
      <c r="OBM18" s="8"/>
      <c r="OBN18" s="8"/>
      <c r="OBO18" s="8"/>
      <c r="OBP18" s="8"/>
      <c r="OBQ18" s="8"/>
      <c r="OBR18" s="8"/>
      <c r="OBS18" s="8"/>
      <c r="OBT18" s="8"/>
      <c r="OBU18" s="8"/>
      <c r="OBV18" s="8"/>
      <c r="OBW18" s="8"/>
      <c r="OBX18" s="8"/>
      <c r="OBY18" s="8"/>
      <c r="OBZ18" s="8"/>
      <c r="OCA18" s="8"/>
      <c r="OCB18" s="8"/>
      <c r="OCC18" s="8"/>
      <c r="OCD18" s="8"/>
      <c r="OCE18" s="8"/>
      <c r="OCF18" s="8"/>
      <c r="OCG18" s="8"/>
      <c r="OCH18" s="8"/>
      <c r="OCI18" s="8"/>
      <c r="OCJ18" s="8"/>
      <c r="OCK18" s="8"/>
      <c r="OCL18" s="8"/>
      <c r="OCM18" s="8"/>
      <c r="OCN18" s="8"/>
      <c r="OCO18" s="8"/>
      <c r="OCP18" s="8"/>
      <c r="OCQ18" s="8"/>
      <c r="OCR18" s="8"/>
      <c r="OCS18" s="8"/>
      <c r="OCT18" s="8"/>
      <c r="OCU18" s="8"/>
      <c r="OCV18" s="8"/>
      <c r="OCW18" s="8"/>
      <c r="OCX18" s="8"/>
      <c r="OCY18" s="8"/>
      <c r="OCZ18" s="8"/>
      <c r="ODA18" s="8"/>
      <c r="ODB18" s="8"/>
      <c r="ODC18" s="8"/>
      <c r="ODD18" s="8"/>
      <c r="ODE18" s="8"/>
      <c r="ODF18" s="8"/>
      <c r="ODG18" s="8"/>
      <c r="ODH18" s="8"/>
      <c r="ODI18" s="8"/>
      <c r="ODJ18" s="8"/>
      <c r="ODK18" s="8"/>
      <c r="ODL18" s="8"/>
      <c r="ODM18" s="8"/>
      <c r="ODN18" s="8"/>
      <c r="ODO18" s="8"/>
      <c r="ODP18" s="8"/>
      <c r="ODQ18" s="8"/>
      <c r="ODR18" s="8"/>
      <c r="ODS18" s="8"/>
      <c r="ODT18" s="8"/>
      <c r="ODU18" s="8"/>
      <c r="ODV18" s="8"/>
      <c r="ODW18" s="8"/>
      <c r="ODX18" s="8"/>
      <c r="ODY18" s="8"/>
      <c r="ODZ18" s="8"/>
      <c r="OEA18" s="8"/>
      <c r="OEB18" s="8"/>
      <c r="OEC18" s="8"/>
      <c r="OED18" s="8"/>
      <c r="OEE18" s="8"/>
      <c r="OEF18" s="8"/>
      <c r="OEG18" s="8"/>
      <c r="OEH18" s="8"/>
      <c r="OEI18" s="8"/>
      <c r="OEJ18" s="8"/>
      <c r="OEK18" s="8"/>
      <c r="OEL18" s="8"/>
      <c r="OEM18" s="8"/>
      <c r="OEN18" s="8"/>
      <c r="OEO18" s="8"/>
      <c r="OEP18" s="8"/>
      <c r="OEQ18" s="8"/>
      <c r="OER18" s="8"/>
      <c r="OES18" s="8"/>
      <c r="OET18" s="8"/>
      <c r="OEU18" s="8"/>
      <c r="OEV18" s="8"/>
      <c r="OEW18" s="8"/>
      <c r="OEX18" s="8"/>
      <c r="OEY18" s="8"/>
      <c r="OEZ18" s="8"/>
      <c r="OFA18" s="8"/>
      <c r="OFB18" s="8"/>
      <c r="OFC18" s="8"/>
      <c r="OFD18" s="8"/>
      <c r="OFE18" s="8"/>
      <c r="OFF18" s="8"/>
      <c r="OFG18" s="8"/>
      <c r="OFH18" s="8"/>
      <c r="OFI18" s="8"/>
      <c r="OFJ18" s="8"/>
      <c r="OFK18" s="8"/>
      <c r="OFL18" s="8"/>
      <c r="OFM18" s="8"/>
      <c r="OFN18" s="8"/>
      <c r="OFO18" s="8"/>
      <c r="OFP18" s="8"/>
      <c r="OFQ18" s="8"/>
      <c r="OFR18" s="8"/>
      <c r="OFS18" s="8"/>
      <c r="OFT18" s="8"/>
      <c r="OFU18" s="8"/>
      <c r="OFV18" s="8"/>
      <c r="OFW18" s="8"/>
      <c r="OFX18" s="8"/>
      <c r="OFY18" s="8"/>
      <c r="OFZ18" s="8"/>
      <c r="OGA18" s="8"/>
      <c r="OGB18" s="8"/>
      <c r="OGC18" s="8"/>
      <c r="OGD18" s="8"/>
      <c r="OGE18" s="8"/>
      <c r="OGF18" s="8"/>
      <c r="OGG18" s="8"/>
      <c r="OGH18" s="8"/>
      <c r="OGI18" s="8"/>
      <c r="OGJ18" s="8"/>
      <c r="OGK18" s="8"/>
      <c r="OGL18" s="8"/>
      <c r="OGM18" s="8"/>
      <c r="OGN18" s="8"/>
      <c r="OGO18" s="8"/>
      <c r="OGP18" s="8"/>
      <c r="OGQ18" s="8"/>
      <c r="OGR18" s="8"/>
      <c r="OGS18" s="8"/>
      <c r="OGT18" s="8"/>
      <c r="OGU18" s="8"/>
      <c r="OGV18" s="8"/>
      <c r="OGW18" s="8"/>
      <c r="OGX18" s="8"/>
      <c r="OGY18" s="8"/>
      <c r="OGZ18" s="8"/>
      <c r="OHA18" s="8"/>
      <c r="OHB18" s="8"/>
      <c r="OHC18" s="8"/>
      <c r="OHD18" s="8"/>
      <c r="OHE18" s="8"/>
      <c r="OHF18" s="8"/>
      <c r="OHG18" s="8"/>
      <c r="OHH18" s="8"/>
      <c r="OHI18" s="8"/>
      <c r="OHJ18" s="8"/>
      <c r="OHK18" s="8"/>
      <c r="OHL18" s="8"/>
      <c r="OHM18" s="8"/>
      <c r="OHN18" s="8"/>
      <c r="OHO18" s="8"/>
      <c r="OHP18" s="8"/>
      <c r="OHQ18" s="8"/>
      <c r="OHR18" s="8"/>
      <c r="OHS18" s="8"/>
      <c r="OHT18" s="8"/>
      <c r="OHU18" s="8"/>
      <c r="OHV18" s="8"/>
      <c r="OHW18" s="8"/>
      <c r="OHX18" s="8"/>
      <c r="OHY18" s="8"/>
      <c r="OHZ18" s="8"/>
      <c r="OIA18" s="8"/>
      <c r="OIB18" s="8"/>
      <c r="OIC18" s="8"/>
      <c r="OID18" s="8"/>
      <c r="OIE18" s="8"/>
      <c r="OIF18" s="8"/>
      <c r="OIG18" s="8"/>
      <c r="OIH18" s="8"/>
      <c r="OII18" s="8"/>
      <c r="OIJ18" s="8"/>
      <c r="OIK18" s="8"/>
      <c r="OIL18" s="8"/>
      <c r="OIM18" s="8"/>
      <c r="OIN18" s="8"/>
      <c r="OIO18" s="8"/>
      <c r="OIP18" s="8"/>
      <c r="OIQ18" s="8"/>
      <c r="OIR18" s="8"/>
      <c r="OIS18" s="8"/>
      <c r="OIT18" s="8"/>
      <c r="OIU18" s="8"/>
      <c r="OIV18" s="8"/>
      <c r="OIW18" s="8"/>
      <c r="OIX18" s="8"/>
      <c r="OIY18" s="8"/>
      <c r="OIZ18" s="8"/>
      <c r="OJA18" s="8"/>
      <c r="OJB18" s="8"/>
      <c r="OJC18" s="8"/>
      <c r="OJD18" s="8"/>
      <c r="OJE18" s="8"/>
      <c r="OJF18" s="8"/>
      <c r="OJG18" s="8"/>
      <c r="OJH18" s="8"/>
      <c r="OJI18" s="8"/>
      <c r="OJJ18" s="8"/>
      <c r="OJK18" s="8"/>
      <c r="OJL18" s="8"/>
      <c r="OJM18" s="8"/>
      <c r="OJN18" s="8"/>
      <c r="OJO18" s="8"/>
      <c r="OJP18" s="8"/>
      <c r="OJQ18" s="8"/>
      <c r="OJR18" s="8"/>
      <c r="OJS18" s="8"/>
      <c r="OJT18" s="8"/>
      <c r="OJU18" s="8"/>
      <c r="OJV18" s="8"/>
      <c r="OJW18" s="8"/>
      <c r="OJX18" s="8"/>
      <c r="OJY18" s="8"/>
      <c r="OJZ18" s="8"/>
      <c r="OKA18" s="8"/>
      <c r="OKB18" s="8"/>
      <c r="OKC18" s="8"/>
      <c r="OKD18" s="8"/>
      <c r="OKE18" s="8"/>
      <c r="OKF18" s="8"/>
      <c r="OKG18" s="8"/>
      <c r="OKH18" s="8"/>
      <c r="OKI18" s="8"/>
      <c r="OKJ18" s="8"/>
      <c r="OKK18" s="8"/>
      <c r="OKL18" s="8"/>
      <c r="OKM18" s="8"/>
      <c r="OKN18" s="8"/>
      <c r="OKO18" s="8"/>
      <c r="OKP18" s="8"/>
      <c r="OKQ18" s="8"/>
      <c r="OKR18" s="8"/>
      <c r="OKS18" s="8"/>
      <c r="OKT18" s="8"/>
      <c r="OKU18" s="8"/>
      <c r="OKV18" s="8"/>
      <c r="OKW18" s="8"/>
      <c r="OKX18" s="8"/>
      <c r="OKY18" s="8"/>
      <c r="OKZ18" s="8"/>
      <c r="OLA18" s="8"/>
      <c r="OLB18" s="8"/>
      <c r="OLC18" s="8"/>
      <c r="OLD18" s="8"/>
      <c r="OLE18" s="8"/>
      <c r="OLF18" s="8"/>
      <c r="OLG18" s="8"/>
      <c r="OLH18" s="8"/>
      <c r="OLI18" s="8"/>
      <c r="OLJ18" s="8"/>
      <c r="OLK18" s="8"/>
      <c r="OLL18" s="8"/>
      <c r="OLM18" s="8"/>
      <c r="OLN18" s="8"/>
      <c r="OLO18" s="8"/>
      <c r="OLP18" s="8"/>
      <c r="OLQ18" s="8"/>
      <c r="OLR18" s="8"/>
      <c r="OLS18" s="8"/>
      <c r="OLT18" s="8"/>
      <c r="OLU18" s="8"/>
      <c r="OLV18" s="8"/>
      <c r="OLW18" s="8"/>
      <c r="OLX18" s="8"/>
      <c r="OLY18" s="8"/>
      <c r="OLZ18" s="8"/>
      <c r="OMA18" s="8"/>
      <c r="OMB18" s="8"/>
      <c r="OMC18" s="8"/>
      <c r="OMD18" s="8"/>
      <c r="OME18" s="8"/>
      <c r="OMF18" s="8"/>
      <c r="OMG18" s="8"/>
      <c r="OMH18" s="8"/>
      <c r="OMI18" s="8"/>
      <c r="OMJ18" s="8"/>
      <c r="OMK18" s="8"/>
      <c r="OML18" s="8"/>
      <c r="OMM18" s="8"/>
      <c r="OMN18" s="8"/>
      <c r="OMO18" s="8"/>
      <c r="OMP18" s="8"/>
      <c r="OMQ18" s="8"/>
      <c r="OMR18" s="8"/>
      <c r="OMS18" s="8"/>
      <c r="OMT18" s="8"/>
      <c r="OMU18" s="8"/>
      <c r="OMV18" s="8"/>
      <c r="OMW18" s="8"/>
      <c r="OMX18" s="8"/>
      <c r="OMY18" s="8"/>
      <c r="OMZ18" s="8"/>
      <c r="ONA18" s="8"/>
      <c r="ONB18" s="8"/>
      <c r="ONC18" s="8"/>
      <c r="OND18" s="8"/>
      <c r="ONE18" s="8"/>
      <c r="ONF18" s="8"/>
      <c r="ONG18" s="8"/>
      <c r="ONH18" s="8"/>
      <c r="ONI18" s="8"/>
      <c r="ONJ18" s="8"/>
      <c r="ONK18" s="8"/>
      <c r="ONL18" s="8"/>
      <c r="ONM18" s="8"/>
      <c r="ONN18" s="8"/>
      <c r="ONO18" s="8"/>
      <c r="ONP18" s="8"/>
      <c r="ONQ18" s="8"/>
      <c r="ONR18" s="8"/>
      <c r="ONS18" s="8"/>
      <c r="ONT18" s="8"/>
      <c r="ONU18" s="8"/>
      <c r="ONV18" s="8"/>
      <c r="ONW18" s="8"/>
      <c r="ONX18" s="8"/>
      <c r="ONY18" s="8"/>
      <c r="ONZ18" s="8"/>
      <c r="OOA18" s="8"/>
      <c r="OOB18" s="8"/>
      <c r="OOC18" s="8"/>
      <c r="OOD18" s="8"/>
      <c r="OOE18" s="8"/>
      <c r="OOF18" s="8"/>
      <c r="OOG18" s="8"/>
      <c r="OOH18" s="8"/>
      <c r="OOI18" s="8"/>
      <c r="OOJ18" s="8"/>
      <c r="OOK18" s="8"/>
      <c r="OOL18" s="8"/>
      <c r="OOM18" s="8"/>
      <c r="OON18" s="8"/>
      <c r="OOO18" s="8"/>
      <c r="OOP18" s="8"/>
      <c r="OOQ18" s="8"/>
      <c r="OOR18" s="8"/>
      <c r="OOS18" s="8"/>
      <c r="OOT18" s="8"/>
      <c r="OOU18" s="8"/>
      <c r="OOV18" s="8"/>
      <c r="OOW18" s="8"/>
      <c r="OOX18" s="8"/>
      <c r="OOY18" s="8"/>
      <c r="OOZ18" s="8"/>
      <c r="OPA18" s="8"/>
      <c r="OPB18" s="8"/>
      <c r="OPC18" s="8"/>
      <c r="OPD18" s="8"/>
      <c r="OPE18" s="8"/>
      <c r="OPF18" s="8"/>
      <c r="OPG18" s="8"/>
      <c r="OPH18" s="8"/>
      <c r="OPI18" s="8"/>
      <c r="OPJ18" s="8"/>
      <c r="OPK18" s="8"/>
      <c r="OPL18" s="8"/>
      <c r="OPM18" s="8"/>
      <c r="OPN18" s="8"/>
      <c r="OPO18" s="8"/>
      <c r="OPP18" s="8"/>
      <c r="OPQ18" s="8"/>
      <c r="OPR18" s="8"/>
      <c r="OPS18" s="8"/>
      <c r="OPT18" s="8"/>
      <c r="OPU18" s="8"/>
      <c r="OPV18" s="8"/>
      <c r="OPW18" s="8"/>
      <c r="OPX18" s="8"/>
      <c r="OPY18" s="8"/>
      <c r="OPZ18" s="8"/>
      <c r="OQA18" s="8"/>
      <c r="OQB18" s="8"/>
      <c r="OQC18" s="8"/>
      <c r="OQD18" s="8"/>
      <c r="OQE18" s="8"/>
      <c r="OQF18" s="8"/>
      <c r="OQG18" s="8"/>
      <c r="OQH18" s="8"/>
      <c r="OQI18" s="8"/>
      <c r="OQJ18" s="8"/>
      <c r="OQK18" s="8"/>
      <c r="OQL18" s="8"/>
      <c r="OQM18" s="8"/>
      <c r="OQN18" s="8"/>
      <c r="OQO18" s="8"/>
      <c r="OQP18" s="8"/>
      <c r="OQQ18" s="8"/>
      <c r="OQR18" s="8"/>
      <c r="OQS18" s="8"/>
      <c r="OQT18" s="8"/>
      <c r="OQU18" s="8"/>
      <c r="OQV18" s="8"/>
      <c r="OQW18" s="8"/>
      <c r="OQX18" s="8"/>
      <c r="OQY18" s="8"/>
      <c r="OQZ18" s="8"/>
      <c r="ORA18" s="8"/>
      <c r="ORB18" s="8"/>
      <c r="ORC18" s="8"/>
      <c r="ORD18" s="8"/>
      <c r="ORE18" s="8"/>
      <c r="ORF18" s="8"/>
      <c r="ORG18" s="8"/>
      <c r="ORH18" s="8"/>
      <c r="ORI18" s="8"/>
      <c r="ORJ18" s="8"/>
      <c r="ORK18" s="8"/>
      <c r="ORL18" s="8"/>
      <c r="ORM18" s="8"/>
      <c r="ORN18" s="8"/>
      <c r="ORO18" s="8"/>
      <c r="ORP18" s="8"/>
      <c r="ORQ18" s="8"/>
      <c r="ORR18" s="8"/>
      <c r="ORS18" s="8"/>
      <c r="ORT18" s="8"/>
      <c r="ORU18" s="8"/>
      <c r="ORV18" s="8"/>
      <c r="ORW18" s="8"/>
      <c r="ORX18" s="8"/>
      <c r="ORY18" s="8"/>
      <c r="ORZ18" s="8"/>
      <c r="OSA18" s="8"/>
      <c r="OSB18" s="8"/>
      <c r="OSC18" s="8"/>
      <c r="OSD18" s="8"/>
      <c r="OSE18" s="8"/>
      <c r="OSF18" s="8"/>
      <c r="OSG18" s="8"/>
      <c r="OSH18" s="8"/>
      <c r="OSI18" s="8"/>
      <c r="OSJ18" s="8"/>
      <c r="OSK18" s="8"/>
      <c r="OSL18" s="8"/>
      <c r="OSM18" s="8"/>
      <c r="OSN18" s="8"/>
      <c r="OSO18" s="8"/>
      <c r="OSP18" s="8"/>
      <c r="OSQ18" s="8"/>
      <c r="OSR18" s="8"/>
      <c r="OSS18" s="8"/>
      <c r="OST18" s="8"/>
      <c r="OSU18" s="8"/>
      <c r="OSV18" s="8"/>
      <c r="OSW18" s="8"/>
      <c r="OSX18" s="8"/>
      <c r="OSY18" s="8"/>
      <c r="OSZ18" s="8"/>
      <c r="OTA18" s="8"/>
      <c r="OTB18" s="8"/>
      <c r="OTC18" s="8"/>
      <c r="OTD18" s="8"/>
      <c r="OTE18" s="8"/>
      <c r="OTF18" s="8"/>
      <c r="OTG18" s="8"/>
      <c r="OTH18" s="8"/>
      <c r="OTI18" s="8"/>
      <c r="OTJ18" s="8"/>
      <c r="OTK18" s="8"/>
      <c r="OTL18" s="8"/>
      <c r="OTM18" s="8"/>
      <c r="OTN18" s="8"/>
      <c r="OTO18" s="8"/>
      <c r="OTP18" s="8"/>
      <c r="OTQ18" s="8"/>
      <c r="OTR18" s="8"/>
      <c r="OTS18" s="8"/>
      <c r="OTT18" s="8"/>
      <c r="OTU18" s="8"/>
      <c r="OTV18" s="8"/>
      <c r="OTW18" s="8"/>
      <c r="OTX18" s="8"/>
      <c r="OTY18" s="8"/>
      <c r="OTZ18" s="8"/>
      <c r="OUA18" s="8"/>
      <c r="OUB18" s="8"/>
      <c r="OUC18" s="8"/>
      <c r="OUD18" s="8"/>
      <c r="OUE18" s="8"/>
      <c r="OUF18" s="8"/>
      <c r="OUG18" s="8"/>
      <c r="OUH18" s="8"/>
      <c r="OUI18" s="8"/>
      <c r="OUJ18" s="8"/>
      <c r="OUK18" s="8"/>
      <c r="OUL18" s="8"/>
      <c r="OUM18" s="8"/>
      <c r="OUN18" s="8"/>
      <c r="OUO18" s="8"/>
      <c r="OUP18" s="8"/>
      <c r="OUQ18" s="8"/>
      <c r="OUR18" s="8"/>
      <c r="OUS18" s="8"/>
      <c r="OUT18" s="8"/>
      <c r="OUU18" s="8"/>
      <c r="OUV18" s="8"/>
      <c r="OUW18" s="8"/>
      <c r="OUX18" s="8"/>
      <c r="OUY18" s="8"/>
      <c r="OUZ18" s="8"/>
      <c r="OVA18" s="8"/>
      <c r="OVB18" s="8"/>
      <c r="OVC18" s="8"/>
      <c r="OVD18" s="8"/>
      <c r="OVE18" s="8"/>
      <c r="OVF18" s="8"/>
      <c r="OVG18" s="8"/>
      <c r="OVH18" s="8"/>
      <c r="OVI18" s="8"/>
      <c r="OVJ18" s="8"/>
      <c r="OVK18" s="8"/>
      <c r="OVL18" s="8"/>
      <c r="OVM18" s="8"/>
      <c r="OVN18" s="8"/>
      <c r="OVO18" s="8"/>
      <c r="OVP18" s="8"/>
      <c r="OVQ18" s="8"/>
      <c r="OVR18" s="8"/>
      <c r="OVS18" s="8"/>
      <c r="OVT18" s="8"/>
      <c r="OVU18" s="8"/>
      <c r="OVV18" s="8"/>
      <c r="OVW18" s="8"/>
      <c r="OVX18" s="8"/>
      <c r="OVY18" s="8"/>
      <c r="OVZ18" s="8"/>
      <c r="OWA18" s="8"/>
      <c r="OWB18" s="8"/>
      <c r="OWC18" s="8"/>
      <c r="OWD18" s="8"/>
      <c r="OWE18" s="8"/>
      <c r="OWF18" s="8"/>
      <c r="OWG18" s="8"/>
      <c r="OWH18" s="8"/>
      <c r="OWI18" s="8"/>
      <c r="OWJ18" s="8"/>
      <c r="OWK18" s="8"/>
      <c r="OWL18" s="8"/>
      <c r="OWM18" s="8"/>
      <c r="OWN18" s="8"/>
      <c r="OWO18" s="8"/>
      <c r="OWP18" s="8"/>
      <c r="OWQ18" s="8"/>
      <c r="OWR18" s="8"/>
      <c r="OWS18" s="8"/>
      <c r="OWT18" s="8"/>
      <c r="OWU18" s="8"/>
      <c r="OWV18" s="8"/>
      <c r="OWW18" s="8"/>
      <c r="OWX18" s="8"/>
      <c r="OWY18" s="8"/>
      <c r="OWZ18" s="8"/>
      <c r="OXA18" s="8"/>
      <c r="OXB18" s="8"/>
      <c r="OXC18" s="8"/>
      <c r="OXD18" s="8"/>
      <c r="OXE18" s="8"/>
      <c r="OXF18" s="8"/>
      <c r="OXG18" s="8"/>
      <c r="OXH18" s="8"/>
      <c r="OXI18" s="8"/>
      <c r="OXJ18" s="8"/>
      <c r="OXK18" s="8"/>
      <c r="OXL18" s="8"/>
      <c r="OXM18" s="8"/>
      <c r="OXN18" s="8"/>
      <c r="OXO18" s="8"/>
      <c r="OXP18" s="8"/>
      <c r="OXQ18" s="8"/>
      <c r="OXR18" s="8"/>
      <c r="OXS18" s="8"/>
      <c r="OXT18" s="8"/>
      <c r="OXU18" s="8"/>
      <c r="OXV18" s="8"/>
      <c r="OXW18" s="8"/>
      <c r="OXX18" s="8"/>
      <c r="OXY18" s="8"/>
      <c r="OXZ18" s="8"/>
      <c r="OYA18" s="8"/>
      <c r="OYB18" s="8"/>
      <c r="OYC18" s="8"/>
      <c r="OYD18" s="8"/>
      <c r="OYE18" s="8"/>
      <c r="OYF18" s="8"/>
      <c r="OYG18" s="8"/>
      <c r="OYH18" s="8"/>
      <c r="OYI18" s="8"/>
      <c r="OYJ18" s="8"/>
      <c r="OYK18" s="8"/>
      <c r="OYL18" s="8"/>
      <c r="OYM18" s="8"/>
      <c r="OYN18" s="8"/>
      <c r="OYO18" s="8"/>
      <c r="OYP18" s="8"/>
      <c r="OYQ18" s="8"/>
      <c r="OYR18" s="8"/>
      <c r="OYS18" s="8"/>
      <c r="OYT18" s="8"/>
      <c r="OYU18" s="8"/>
      <c r="OYV18" s="8"/>
      <c r="OYW18" s="8"/>
      <c r="OYX18" s="8"/>
      <c r="OYY18" s="8"/>
      <c r="OYZ18" s="8"/>
      <c r="OZA18" s="8"/>
      <c r="OZB18" s="8"/>
      <c r="OZC18" s="8"/>
      <c r="OZD18" s="8"/>
      <c r="OZE18" s="8"/>
      <c r="OZF18" s="8"/>
      <c r="OZG18" s="8"/>
      <c r="OZH18" s="8"/>
      <c r="OZI18" s="8"/>
      <c r="OZJ18" s="8"/>
      <c r="OZK18" s="8"/>
      <c r="OZL18" s="8"/>
      <c r="OZM18" s="8"/>
      <c r="OZN18" s="8"/>
      <c r="OZO18" s="8"/>
      <c r="OZP18" s="8"/>
      <c r="OZQ18" s="8"/>
      <c r="OZR18" s="8"/>
      <c r="OZS18" s="8"/>
      <c r="OZT18" s="8"/>
      <c r="OZU18" s="8"/>
      <c r="OZV18" s="8"/>
      <c r="OZW18" s="8"/>
      <c r="OZX18" s="8"/>
      <c r="OZY18" s="8"/>
      <c r="OZZ18" s="8"/>
      <c r="PAA18" s="8"/>
      <c r="PAB18" s="8"/>
      <c r="PAC18" s="8"/>
      <c r="PAD18" s="8"/>
      <c r="PAE18" s="8"/>
      <c r="PAF18" s="8"/>
      <c r="PAG18" s="8"/>
      <c r="PAH18" s="8"/>
      <c r="PAI18" s="8"/>
      <c r="PAJ18" s="8"/>
      <c r="PAK18" s="8"/>
      <c r="PAL18" s="8"/>
      <c r="PAM18" s="8"/>
      <c r="PAN18" s="8"/>
      <c r="PAO18" s="8"/>
      <c r="PAP18" s="8"/>
      <c r="PAQ18" s="8"/>
      <c r="PAR18" s="8"/>
      <c r="PAS18" s="8"/>
      <c r="PAT18" s="8"/>
      <c r="PAU18" s="8"/>
      <c r="PAV18" s="8"/>
      <c r="PAW18" s="8"/>
      <c r="PAX18" s="8"/>
      <c r="PAY18" s="8"/>
      <c r="PAZ18" s="8"/>
      <c r="PBA18" s="8"/>
      <c r="PBB18" s="8"/>
      <c r="PBC18" s="8"/>
      <c r="PBD18" s="8"/>
      <c r="PBE18" s="8"/>
      <c r="PBF18" s="8"/>
      <c r="PBG18" s="8"/>
      <c r="PBH18" s="8"/>
      <c r="PBI18" s="8"/>
      <c r="PBJ18" s="8"/>
      <c r="PBK18" s="8"/>
      <c r="PBL18" s="8"/>
      <c r="PBM18" s="8"/>
      <c r="PBN18" s="8"/>
      <c r="PBO18" s="8"/>
      <c r="PBP18" s="8"/>
      <c r="PBQ18" s="8"/>
      <c r="PBR18" s="8"/>
      <c r="PBS18" s="8"/>
      <c r="PBT18" s="8"/>
      <c r="PBU18" s="8"/>
      <c r="PBV18" s="8"/>
      <c r="PBW18" s="8"/>
      <c r="PBX18" s="8"/>
      <c r="PBY18" s="8"/>
      <c r="PBZ18" s="8"/>
      <c r="PCA18" s="8"/>
      <c r="PCB18" s="8"/>
      <c r="PCC18" s="8"/>
      <c r="PCD18" s="8"/>
      <c r="PCE18" s="8"/>
      <c r="PCF18" s="8"/>
      <c r="PCG18" s="8"/>
      <c r="PCH18" s="8"/>
      <c r="PCI18" s="8"/>
      <c r="PCJ18" s="8"/>
      <c r="PCK18" s="8"/>
      <c r="PCL18" s="8"/>
      <c r="PCM18" s="8"/>
      <c r="PCN18" s="8"/>
      <c r="PCO18" s="8"/>
      <c r="PCP18" s="8"/>
      <c r="PCQ18" s="8"/>
      <c r="PCR18" s="8"/>
      <c r="PCS18" s="8"/>
      <c r="PCT18" s="8"/>
      <c r="PCU18" s="8"/>
      <c r="PCV18" s="8"/>
      <c r="PCW18" s="8"/>
      <c r="PCX18" s="8"/>
      <c r="PCY18" s="8"/>
      <c r="PCZ18" s="8"/>
      <c r="PDA18" s="8"/>
      <c r="PDB18" s="8"/>
      <c r="PDC18" s="8"/>
      <c r="PDD18" s="8"/>
      <c r="PDE18" s="8"/>
      <c r="PDF18" s="8"/>
      <c r="PDG18" s="8"/>
      <c r="PDH18" s="8"/>
      <c r="PDI18" s="8"/>
      <c r="PDJ18" s="8"/>
      <c r="PDK18" s="8"/>
      <c r="PDL18" s="8"/>
      <c r="PDM18" s="8"/>
      <c r="PDN18" s="8"/>
      <c r="PDO18" s="8"/>
      <c r="PDP18" s="8"/>
      <c r="PDQ18" s="8"/>
      <c r="PDR18" s="8"/>
      <c r="PDS18" s="8"/>
      <c r="PDT18" s="8"/>
      <c r="PDU18" s="8"/>
      <c r="PDV18" s="8"/>
      <c r="PDW18" s="8"/>
      <c r="PDX18" s="8"/>
      <c r="PDY18" s="8"/>
      <c r="PDZ18" s="8"/>
      <c r="PEA18" s="8"/>
      <c r="PEB18" s="8"/>
      <c r="PEC18" s="8"/>
      <c r="PED18" s="8"/>
      <c r="PEE18" s="8"/>
      <c r="PEF18" s="8"/>
      <c r="PEG18" s="8"/>
      <c r="PEH18" s="8"/>
      <c r="PEI18" s="8"/>
      <c r="PEJ18" s="8"/>
      <c r="PEK18" s="8"/>
      <c r="PEL18" s="8"/>
      <c r="PEM18" s="8"/>
      <c r="PEN18" s="8"/>
      <c r="PEO18" s="8"/>
      <c r="PEP18" s="8"/>
      <c r="PEQ18" s="8"/>
      <c r="PER18" s="8"/>
      <c r="PES18" s="8"/>
      <c r="PET18" s="8"/>
      <c r="PEU18" s="8"/>
      <c r="PEV18" s="8"/>
      <c r="PEW18" s="8"/>
      <c r="PEX18" s="8"/>
      <c r="PEY18" s="8"/>
      <c r="PEZ18" s="8"/>
      <c r="PFA18" s="8"/>
      <c r="PFB18" s="8"/>
      <c r="PFC18" s="8"/>
      <c r="PFD18" s="8"/>
      <c r="PFE18" s="8"/>
      <c r="PFF18" s="8"/>
      <c r="PFG18" s="8"/>
      <c r="PFH18" s="8"/>
      <c r="PFI18" s="8"/>
      <c r="PFJ18" s="8"/>
      <c r="PFK18" s="8"/>
      <c r="PFL18" s="8"/>
      <c r="PFM18" s="8"/>
      <c r="PFN18" s="8"/>
      <c r="PFO18" s="8"/>
      <c r="PFP18" s="8"/>
      <c r="PFQ18" s="8"/>
      <c r="PFR18" s="8"/>
      <c r="PFS18" s="8"/>
      <c r="PFT18" s="8"/>
      <c r="PFU18" s="8"/>
      <c r="PFV18" s="8"/>
      <c r="PFW18" s="8"/>
      <c r="PFX18" s="8"/>
      <c r="PFY18" s="8"/>
      <c r="PFZ18" s="8"/>
      <c r="PGA18" s="8"/>
      <c r="PGB18" s="8"/>
      <c r="PGC18" s="8"/>
      <c r="PGD18" s="8"/>
      <c r="PGE18" s="8"/>
      <c r="PGF18" s="8"/>
      <c r="PGG18" s="8"/>
      <c r="PGH18" s="8"/>
      <c r="PGI18" s="8"/>
      <c r="PGJ18" s="8"/>
      <c r="PGK18" s="8"/>
      <c r="PGL18" s="8"/>
      <c r="PGM18" s="8"/>
      <c r="PGN18" s="8"/>
      <c r="PGO18" s="8"/>
      <c r="PGP18" s="8"/>
      <c r="PGQ18" s="8"/>
      <c r="PGR18" s="8"/>
      <c r="PGS18" s="8"/>
      <c r="PGT18" s="8"/>
      <c r="PGU18" s="8"/>
      <c r="PGV18" s="8"/>
      <c r="PGW18" s="8"/>
      <c r="PGX18" s="8"/>
      <c r="PGY18" s="8"/>
      <c r="PGZ18" s="8"/>
      <c r="PHA18" s="8"/>
      <c r="PHB18" s="8"/>
      <c r="PHC18" s="8"/>
      <c r="PHD18" s="8"/>
      <c r="PHE18" s="8"/>
      <c r="PHF18" s="8"/>
      <c r="PHG18" s="8"/>
      <c r="PHH18" s="8"/>
      <c r="PHI18" s="8"/>
      <c r="PHJ18" s="8"/>
      <c r="PHK18" s="8"/>
      <c r="PHL18" s="8"/>
      <c r="PHM18" s="8"/>
      <c r="PHN18" s="8"/>
      <c r="PHO18" s="8"/>
      <c r="PHP18" s="8"/>
      <c r="PHQ18" s="8"/>
      <c r="PHR18" s="8"/>
      <c r="PHS18" s="8"/>
      <c r="PHT18" s="8"/>
      <c r="PHU18" s="8"/>
      <c r="PHV18" s="8"/>
      <c r="PHW18" s="8"/>
      <c r="PHX18" s="8"/>
      <c r="PHY18" s="8"/>
      <c r="PHZ18" s="8"/>
      <c r="PIA18" s="8"/>
      <c r="PIB18" s="8"/>
      <c r="PIC18" s="8"/>
      <c r="PID18" s="8"/>
      <c r="PIE18" s="8"/>
      <c r="PIF18" s="8"/>
      <c r="PIG18" s="8"/>
      <c r="PIH18" s="8"/>
      <c r="PII18" s="8"/>
      <c r="PIJ18" s="8"/>
      <c r="PIK18" s="8"/>
      <c r="PIL18" s="8"/>
      <c r="PIM18" s="8"/>
      <c r="PIN18" s="8"/>
      <c r="PIO18" s="8"/>
      <c r="PIP18" s="8"/>
      <c r="PIQ18" s="8"/>
      <c r="PIR18" s="8"/>
      <c r="PIS18" s="8"/>
      <c r="PIT18" s="8"/>
      <c r="PIU18" s="8"/>
      <c r="PIV18" s="8"/>
      <c r="PIW18" s="8"/>
      <c r="PIX18" s="8"/>
      <c r="PIY18" s="8"/>
      <c r="PIZ18" s="8"/>
      <c r="PJA18" s="8"/>
      <c r="PJB18" s="8"/>
      <c r="PJC18" s="8"/>
      <c r="PJD18" s="8"/>
      <c r="PJE18" s="8"/>
      <c r="PJF18" s="8"/>
      <c r="PJG18" s="8"/>
      <c r="PJH18" s="8"/>
      <c r="PJI18" s="8"/>
      <c r="PJJ18" s="8"/>
      <c r="PJK18" s="8"/>
      <c r="PJL18" s="8"/>
      <c r="PJM18" s="8"/>
      <c r="PJN18" s="8"/>
      <c r="PJO18" s="8"/>
      <c r="PJP18" s="8"/>
      <c r="PJQ18" s="8"/>
      <c r="PJR18" s="8"/>
      <c r="PJS18" s="8"/>
      <c r="PJT18" s="8"/>
      <c r="PJU18" s="8"/>
      <c r="PJV18" s="8"/>
      <c r="PJW18" s="8"/>
      <c r="PJX18" s="8"/>
      <c r="PJY18" s="8"/>
      <c r="PJZ18" s="8"/>
      <c r="PKA18" s="8"/>
      <c r="PKB18" s="8"/>
      <c r="PKC18" s="8"/>
      <c r="PKD18" s="8"/>
      <c r="PKE18" s="8"/>
      <c r="PKF18" s="8"/>
      <c r="PKG18" s="8"/>
      <c r="PKH18" s="8"/>
      <c r="PKI18" s="8"/>
      <c r="PKJ18" s="8"/>
      <c r="PKK18" s="8"/>
      <c r="PKL18" s="8"/>
      <c r="PKM18" s="8"/>
      <c r="PKN18" s="8"/>
      <c r="PKO18" s="8"/>
      <c r="PKP18" s="8"/>
      <c r="PKQ18" s="8"/>
      <c r="PKR18" s="8"/>
      <c r="PKS18" s="8"/>
      <c r="PKT18" s="8"/>
      <c r="PKU18" s="8"/>
      <c r="PKV18" s="8"/>
      <c r="PKW18" s="8"/>
      <c r="PKX18" s="8"/>
      <c r="PKY18" s="8"/>
      <c r="PKZ18" s="8"/>
      <c r="PLA18" s="8"/>
      <c r="PLB18" s="8"/>
      <c r="PLC18" s="8"/>
      <c r="PLD18" s="8"/>
      <c r="PLE18" s="8"/>
      <c r="PLF18" s="8"/>
      <c r="PLG18" s="8"/>
      <c r="PLH18" s="8"/>
      <c r="PLI18" s="8"/>
      <c r="PLJ18" s="8"/>
      <c r="PLK18" s="8"/>
      <c r="PLL18" s="8"/>
      <c r="PLM18" s="8"/>
      <c r="PLN18" s="8"/>
      <c r="PLO18" s="8"/>
      <c r="PLP18" s="8"/>
      <c r="PLQ18" s="8"/>
      <c r="PLR18" s="8"/>
      <c r="PLS18" s="8"/>
      <c r="PLT18" s="8"/>
      <c r="PLU18" s="8"/>
      <c r="PLV18" s="8"/>
      <c r="PLW18" s="8"/>
      <c r="PLX18" s="8"/>
      <c r="PLY18" s="8"/>
      <c r="PLZ18" s="8"/>
      <c r="PMA18" s="8"/>
      <c r="PMB18" s="8"/>
      <c r="PMC18" s="8"/>
      <c r="PMD18" s="8"/>
      <c r="PME18" s="8"/>
      <c r="PMF18" s="8"/>
      <c r="PMG18" s="8"/>
      <c r="PMH18" s="8"/>
      <c r="PMI18" s="8"/>
      <c r="PMJ18" s="8"/>
      <c r="PMK18" s="8"/>
      <c r="PML18" s="8"/>
      <c r="PMM18" s="8"/>
      <c r="PMN18" s="8"/>
      <c r="PMO18" s="8"/>
      <c r="PMP18" s="8"/>
      <c r="PMQ18" s="8"/>
      <c r="PMR18" s="8"/>
      <c r="PMS18" s="8"/>
      <c r="PMT18" s="8"/>
      <c r="PMU18" s="8"/>
      <c r="PMV18" s="8"/>
      <c r="PMW18" s="8"/>
      <c r="PMX18" s="8"/>
      <c r="PMY18" s="8"/>
      <c r="PMZ18" s="8"/>
      <c r="PNA18" s="8"/>
      <c r="PNB18" s="8"/>
      <c r="PNC18" s="8"/>
      <c r="PND18" s="8"/>
      <c r="PNE18" s="8"/>
      <c r="PNF18" s="8"/>
      <c r="PNG18" s="8"/>
      <c r="PNH18" s="8"/>
      <c r="PNI18" s="8"/>
      <c r="PNJ18" s="8"/>
      <c r="PNK18" s="8"/>
      <c r="PNL18" s="8"/>
      <c r="PNM18" s="8"/>
      <c r="PNN18" s="8"/>
      <c r="PNO18" s="8"/>
      <c r="PNP18" s="8"/>
      <c r="PNQ18" s="8"/>
      <c r="PNR18" s="8"/>
      <c r="PNS18" s="8"/>
      <c r="PNT18" s="8"/>
      <c r="PNU18" s="8"/>
      <c r="PNV18" s="8"/>
      <c r="PNW18" s="8"/>
      <c r="PNX18" s="8"/>
      <c r="PNY18" s="8"/>
      <c r="PNZ18" s="8"/>
      <c r="POA18" s="8"/>
      <c r="POB18" s="8"/>
      <c r="POC18" s="8"/>
      <c r="POD18" s="8"/>
      <c r="POE18" s="8"/>
      <c r="POF18" s="8"/>
      <c r="POG18" s="8"/>
      <c r="POH18" s="8"/>
      <c r="POI18" s="8"/>
      <c r="POJ18" s="8"/>
      <c r="POK18" s="8"/>
      <c r="POL18" s="8"/>
      <c r="POM18" s="8"/>
      <c r="PON18" s="8"/>
      <c r="POO18" s="8"/>
      <c r="POP18" s="8"/>
      <c r="POQ18" s="8"/>
      <c r="POR18" s="8"/>
      <c r="POS18" s="8"/>
      <c r="POT18" s="8"/>
      <c r="POU18" s="8"/>
      <c r="POV18" s="8"/>
      <c r="POW18" s="8"/>
      <c r="POX18" s="8"/>
      <c r="POY18" s="8"/>
      <c r="POZ18" s="8"/>
      <c r="PPA18" s="8"/>
      <c r="PPB18" s="8"/>
      <c r="PPC18" s="8"/>
      <c r="PPD18" s="8"/>
      <c r="PPE18" s="8"/>
      <c r="PPF18" s="8"/>
      <c r="PPG18" s="8"/>
      <c r="PPH18" s="8"/>
      <c r="PPI18" s="8"/>
      <c r="PPJ18" s="8"/>
      <c r="PPK18" s="8"/>
      <c r="PPL18" s="8"/>
      <c r="PPM18" s="8"/>
      <c r="PPN18" s="8"/>
      <c r="PPO18" s="8"/>
      <c r="PPP18" s="8"/>
      <c r="PPQ18" s="8"/>
      <c r="PPR18" s="8"/>
      <c r="PPS18" s="8"/>
      <c r="PPT18" s="8"/>
      <c r="PPU18" s="8"/>
      <c r="PPV18" s="8"/>
      <c r="PPW18" s="8"/>
      <c r="PPX18" s="8"/>
      <c r="PPY18" s="8"/>
      <c r="PPZ18" s="8"/>
      <c r="PQA18" s="8"/>
      <c r="PQB18" s="8"/>
      <c r="PQC18" s="8"/>
      <c r="PQD18" s="8"/>
      <c r="PQE18" s="8"/>
      <c r="PQF18" s="8"/>
      <c r="PQG18" s="8"/>
      <c r="PQH18" s="8"/>
      <c r="PQI18" s="8"/>
      <c r="PQJ18" s="8"/>
      <c r="PQK18" s="8"/>
      <c r="PQL18" s="8"/>
      <c r="PQM18" s="8"/>
      <c r="PQN18" s="8"/>
      <c r="PQO18" s="8"/>
      <c r="PQP18" s="8"/>
      <c r="PQQ18" s="8"/>
      <c r="PQR18" s="8"/>
      <c r="PQS18" s="8"/>
      <c r="PQT18" s="8"/>
      <c r="PQU18" s="8"/>
      <c r="PQV18" s="8"/>
      <c r="PQW18" s="8"/>
      <c r="PQX18" s="8"/>
      <c r="PQY18" s="8"/>
      <c r="PQZ18" s="8"/>
      <c r="PRA18" s="8"/>
      <c r="PRB18" s="8"/>
      <c r="PRC18" s="8"/>
      <c r="PRD18" s="8"/>
      <c r="PRE18" s="8"/>
      <c r="PRF18" s="8"/>
      <c r="PRG18" s="8"/>
      <c r="PRH18" s="8"/>
      <c r="PRI18" s="8"/>
      <c r="PRJ18" s="8"/>
      <c r="PRK18" s="8"/>
      <c r="PRL18" s="8"/>
      <c r="PRM18" s="8"/>
      <c r="PRN18" s="8"/>
      <c r="PRO18" s="8"/>
      <c r="PRP18" s="8"/>
      <c r="PRQ18" s="8"/>
      <c r="PRR18" s="8"/>
      <c r="PRS18" s="8"/>
      <c r="PRT18" s="8"/>
      <c r="PRU18" s="8"/>
      <c r="PRV18" s="8"/>
      <c r="PRW18" s="8"/>
      <c r="PRX18" s="8"/>
      <c r="PRY18" s="8"/>
      <c r="PRZ18" s="8"/>
      <c r="PSA18" s="8"/>
      <c r="PSB18" s="8"/>
      <c r="PSC18" s="8"/>
      <c r="PSD18" s="8"/>
      <c r="PSE18" s="8"/>
      <c r="PSF18" s="8"/>
      <c r="PSG18" s="8"/>
      <c r="PSH18" s="8"/>
      <c r="PSI18" s="8"/>
      <c r="PSJ18" s="8"/>
      <c r="PSK18" s="8"/>
      <c r="PSL18" s="8"/>
      <c r="PSM18" s="8"/>
      <c r="PSN18" s="8"/>
      <c r="PSO18" s="8"/>
      <c r="PSP18" s="8"/>
      <c r="PSQ18" s="8"/>
      <c r="PSR18" s="8"/>
      <c r="PSS18" s="8"/>
      <c r="PST18" s="8"/>
      <c r="PSU18" s="8"/>
      <c r="PSV18" s="8"/>
      <c r="PSW18" s="8"/>
      <c r="PSX18" s="8"/>
      <c r="PSY18" s="8"/>
      <c r="PSZ18" s="8"/>
      <c r="PTA18" s="8"/>
      <c r="PTB18" s="8"/>
      <c r="PTC18" s="8"/>
      <c r="PTD18" s="8"/>
      <c r="PTE18" s="8"/>
      <c r="PTF18" s="8"/>
      <c r="PTG18" s="8"/>
      <c r="PTH18" s="8"/>
      <c r="PTI18" s="8"/>
      <c r="PTJ18" s="8"/>
      <c r="PTK18" s="8"/>
      <c r="PTL18" s="8"/>
      <c r="PTM18" s="8"/>
      <c r="PTN18" s="8"/>
      <c r="PTO18" s="8"/>
      <c r="PTP18" s="8"/>
      <c r="PTQ18" s="8"/>
      <c r="PTR18" s="8"/>
      <c r="PTS18" s="8"/>
      <c r="PTT18" s="8"/>
      <c r="PTU18" s="8"/>
      <c r="PTV18" s="8"/>
      <c r="PTW18" s="8"/>
      <c r="PTX18" s="8"/>
      <c r="PTY18" s="8"/>
      <c r="PTZ18" s="8"/>
      <c r="PUA18" s="8"/>
      <c r="PUB18" s="8"/>
      <c r="PUC18" s="8"/>
      <c r="PUD18" s="8"/>
      <c r="PUE18" s="8"/>
      <c r="PUF18" s="8"/>
      <c r="PUG18" s="8"/>
      <c r="PUH18" s="8"/>
      <c r="PUI18" s="8"/>
      <c r="PUJ18" s="8"/>
      <c r="PUK18" s="8"/>
      <c r="PUL18" s="8"/>
      <c r="PUM18" s="8"/>
      <c r="PUN18" s="8"/>
      <c r="PUO18" s="8"/>
      <c r="PUP18" s="8"/>
      <c r="PUQ18" s="8"/>
      <c r="PUR18" s="8"/>
      <c r="PUS18" s="8"/>
      <c r="PUT18" s="8"/>
      <c r="PUU18" s="8"/>
      <c r="PUV18" s="8"/>
      <c r="PUW18" s="8"/>
      <c r="PUX18" s="8"/>
      <c r="PUY18" s="8"/>
      <c r="PUZ18" s="8"/>
      <c r="PVA18" s="8"/>
      <c r="PVB18" s="8"/>
      <c r="PVC18" s="8"/>
      <c r="PVD18" s="8"/>
      <c r="PVE18" s="8"/>
      <c r="PVF18" s="8"/>
      <c r="PVG18" s="8"/>
      <c r="PVH18" s="8"/>
      <c r="PVI18" s="8"/>
      <c r="PVJ18" s="8"/>
      <c r="PVK18" s="8"/>
      <c r="PVL18" s="8"/>
      <c r="PVM18" s="8"/>
      <c r="PVN18" s="8"/>
      <c r="PVO18" s="8"/>
      <c r="PVP18" s="8"/>
      <c r="PVQ18" s="8"/>
      <c r="PVR18" s="8"/>
      <c r="PVS18" s="8"/>
      <c r="PVT18" s="8"/>
      <c r="PVU18" s="8"/>
      <c r="PVV18" s="8"/>
      <c r="PVW18" s="8"/>
      <c r="PVX18" s="8"/>
      <c r="PVY18" s="8"/>
      <c r="PVZ18" s="8"/>
      <c r="PWA18" s="8"/>
      <c r="PWB18" s="8"/>
      <c r="PWC18" s="8"/>
      <c r="PWD18" s="8"/>
      <c r="PWE18" s="8"/>
      <c r="PWF18" s="8"/>
      <c r="PWG18" s="8"/>
      <c r="PWH18" s="8"/>
      <c r="PWI18" s="8"/>
      <c r="PWJ18" s="8"/>
      <c r="PWK18" s="8"/>
      <c r="PWL18" s="8"/>
      <c r="PWM18" s="8"/>
      <c r="PWN18" s="8"/>
      <c r="PWO18" s="8"/>
      <c r="PWP18" s="8"/>
      <c r="PWQ18" s="8"/>
      <c r="PWR18" s="8"/>
      <c r="PWS18" s="8"/>
      <c r="PWT18" s="8"/>
      <c r="PWU18" s="8"/>
      <c r="PWV18" s="8"/>
      <c r="PWW18" s="8"/>
      <c r="PWX18" s="8"/>
      <c r="PWY18" s="8"/>
      <c r="PWZ18" s="8"/>
      <c r="PXA18" s="8"/>
      <c r="PXB18" s="8"/>
      <c r="PXC18" s="8"/>
      <c r="PXD18" s="8"/>
      <c r="PXE18" s="8"/>
      <c r="PXF18" s="8"/>
      <c r="PXG18" s="8"/>
      <c r="PXH18" s="8"/>
      <c r="PXI18" s="8"/>
      <c r="PXJ18" s="8"/>
      <c r="PXK18" s="8"/>
      <c r="PXL18" s="8"/>
      <c r="PXM18" s="8"/>
      <c r="PXN18" s="8"/>
      <c r="PXO18" s="8"/>
      <c r="PXP18" s="8"/>
      <c r="PXQ18" s="8"/>
      <c r="PXR18" s="8"/>
      <c r="PXS18" s="8"/>
      <c r="PXT18" s="8"/>
      <c r="PXU18" s="8"/>
      <c r="PXV18" s="8"/>
      <c r="PXW18" s="8"/>
      <c r="PXX18" s="8"/>
      <c r="PXY18" s="8"/>
      <c r="PXZ18" s="8"/>
      <c r="PYA18" s="8"/>
      <c r="PYB18" s="8"/>
      <c r="PYC18" s="8"/>
      <c r="PYD18" s="8"/>
      <c r="PYE18" s="8"/>
      <c r="PYF18" s="8"/>
      <c r="PYG18" s="8"/>
      <c r="PYH18" s="8"/>
      <c r="PYI18" s="8"/>
      <c r="PYJ18" s="8"/>
      <c r="PYK18" s="8"/>
      <c r="PYL18" s="8"/>
      <c r="PYM18" s="8"/>
      <c r="PYN18" s="8"/>
      <c r="PYO18" s="8"/>
      <c r="PYP18" s="8"/>
      <c r="PYQ18" s="8"/>
      <c r="PYR18" s="8"/>
      <c r="PYS18" s="8"/>
      <c r="PYT18" s="8"/>
      <c r="PYU18" s="8"/>
      <c r="PYV18" s="8"/>
      <c r="PYW18" s="8"/>
      <c r="PYX18" s="8"/>
      <c r="PYY18" s="8"/>
      <c r="PYZ18" s="8"/>
      <c r="PZA18" s="8"/>
      <c r="PZB18" s="8"/>
      <c r="PZC18" s="8"/>
      <c r="PZD18" s="8"/>
      <c r="PZE18" s="8"/>
      <c r="PZF18" s="8"/>
      <c r="PZG18" s="8"/>
      <c r="PZH18" s="8"/>
      <c r="PZI18" s="8"/>
      <c r="PZJ18" s="8"/>
      <c r="PZK18" s="8"/>
      <c r="PZL18" s="8"/>
      <c r="PZM18" s="8"/>
      <c r="PZN18" s="8"/>
      <c r="PZO18" s="8"/>
      <c r="PZP18" s="8"/>
      <c r="PZQ18" s="8"/>
      <c r="PZR18" s="8"/>
      <c r="PZS18" s="8"/>
      <c r="PZT18" s="8"/>
      <c r="PZU18" s="8"/>
      <c r="PZV18" s="8"/>
      <c r="PZW18" s="8"/>
      <c r="PZX18" s="8"/>
      <c r="PZY18" s="8"/>
      <c r="PZZ18" s="8"/>
      <c r="QAA18" s="8"/>
      <c r="QAB18" s="8"/>
      <c r="QAC18" s="8"/>
      <c r="QAD18" s="8"/>
      <c r="QAE18" s="8"/>
      <c r="QAF18" s="8"/>
      <c r="QAG18" s="8"/>
      <c r="QAH18" s="8"/>
      <c r="QAI18" s="8"/>
      <c r="QAJ18" s="8"/>
      <c r="QAK18" s="8"/>
      <c r="QAL18" s="8"/>
      <c r="QAM18" s="8"/>
      <c r="QAN18" s="8"/>
      <c r="QAO18" s="8"/>
      <c r="QAP18" s="8"/>
      <c r="QAQ18" s="8"/>
      <c r="QAR18" s="8"/>
      <c r="QAS18" s="8"/>
      <c r="QAT18" s="8"/>
      <c r="QAU18" s="8"/>
      <c r="QAV18" s="8"/>
      <c r="QAW18" s="8"/>
      <c r="QAX18" s="8"/>
      <c r="QAY18" s="8"/>
      <c r="QAZ18" s="8"/>
      <c r="QBA18" s="8"/>
      <c r="QBB18" s="8"/>
      <c r="QBC18" s="8"/>
      <c r="QBD18" s="8"/>
      <c r="QBE18" s="8"/>
      <c r="QBF18" s="8"/>
      <c r="QBG18" s="8"/>
      <c r="QBH18" s="8"/>
      <c r="QBI18" s="8"/>
      <c r="QBJ18" s="8"/>
      <c r="QBK18" s="8"/>
      <c r="QBL18" s="8"/>
      <c r="QBM18" s="8"/>
      <c r="QBN18" s="8"/>
      <c r="QBO18" s="8"/>
      <c r="QBP18" s="8"/>
      <c r="QBQ18" s="8"/>
      <c r="QBR18" s="8"/>
      <c r="QBS18" s="8"/>
      <c r="QBT18" s="8"/>
      <c r="QBU18" s="8"/>
      <c r="QBV18" s="8"/>
      <c r="QBW18" s="8"/>
      <c r="QBX18" s="8"/>
      <c r="QBY18" s="8"/>
      <c r="QBZ18" s="8"/>
      <c r="QCA18" s="8"/>
      <c r="QCB18" s="8"/>
      <c r="QCC18" s="8"/>
      <c r="QCD18" s="8"/>
      <c r="QCE18" s="8"/>
      <c r="QCF18" s="8"/>
      <c r="QCG18" s="8"/>
      <c r="QCH18" s="8"/>
      <c r="QCI18" s="8"/>
      <c r="QCJ18" s="8"/>
      <c r="QCK18" s="8"/>
      <c r="QCL18" s="8"/>
      <c r="QCM18" s="8"/>
      <c r="QCN18" s="8"/>
      <c r="QCO18" s="8"/>
      <c r="QCP18" s="8"/>
      <c r="QCQ18" s="8"/>
      <c r="QCR18" s="8"/>
      <c r="QCS18" s="8"/>
      <c r="QCT18" s="8"/>
      <c r="QCU18" s="8"/>
      <c r="QCV18" s="8"/>
      <c r="QCW18" s="8"/>
      <c r="QCX18" s="8"/>
      <c r="QCY18" s="8"/>
      <c r="QCZ18" s="8"/>
      <c r="QDA18" s="8"/>
      <c r="QDB18" s="8"/>
      <c r="QDC18" s="8"/>
      <c r="QDD18" s="8"/>
      <c r="QDE18" s="8"/>
      <c r="QDF18" s="8"/>
      <c r="QDG18" s="8"/>
      <c r="QDH18" s="8"/>
      <c r="QDI18" s="8"/>
      <c r="QDJ18" s="8"/>
      <c r="QDK18" s="8"/>
      <c r="QDL18" s="8"/>
      <c r="QDM18" s="8"/>
      <c r="QDN18" s="8"/>
      <c r="QDO18" s="8"/>
      <c r="QDP18" s="8"/>
      <c r="QDQ18" s="8"/>
      <c r="QDR18" s="8"/>
      <c r="QDS18" s="8"/>
      <c r="QDT18" s="8"/>
      <c r="QDU18" s="8"/>
      <c r="QDV18" s="8"/>
      <c r="QDW18" s="8"/>
      <c r="QDX18" s="8"/>
      <c r="QDY18" s="8"/>
      <c r="QDZ18" s="8"/>
      <c r="QEA18" s="8"/>
      <c r="QEB18" s="8"/>
      <c r="QEC18" s="8"/>
      <c r="QED18" s="8"/>
      <c r="QEE18" s="8"/>
      <c r="QEF18" s="8"/>
      <c r="QEG18" s="8"/>
      <c r="QEH18" s="8"/>
      <c r="QEI18" s="8"/>
      <c r="QEJ18" s="8"/>
      <c r="QEK18" s="8"/>
      <c r="QEL18" s="8"/>
      <c r="QEM18" s="8"/>
      <c r="QEN18" s="8"/>
      <c r="QEO18" s="8"/>
      <c r="QEP18" s="8"/>
      <c r="QEQ18" s="8"/>
      <c r="QER18" s="8"/>
      <c r="QES18" s="8"/>
      <c r="QET18" s="8"/>
      <c r="QEU18" s="8"/>
      <c r="QEV18" s="8"/>
      <c r="QEW18" s="8"/>
      <c r="QEX18" s="8"/>
      <c r="QEY18" s="8"/>
      <c r="QEZ18" s="8"/>
      <c r="QFA18" s="8"/>
      <c r="QFB18" s="8"/>
      <c r="QFC18" s="8"/>
      <c r="QFD18" s="8"/>
      <c r="QFE18" s="8"/>
      <c r="QFF18" s="8"/>
      <c r="QFG18" s="8"/>
      <c r="QFH18" s="8"/>
      <c r="QFI18" s="8"/>
      <c r="QFJ18" s="8"/>
      <c r="QFK18" s="8"/>
      <c r="QFL18" s="8"/>
      <c r="QFM18" s="8"/>
      <c r="QFN18" s="8"/>
      <c r="QFO18" s="8"/>
      <c r="QFP18" s="8"/>
      <c r="QFQ18" s="8"/>
      <c r="QFR18" s="8"/>
      <c r="QFS18" s="8"/>
      <c r="QFT18" s="8"/>
      <c r="QFU18" s="8"/>
      <c r="QFV18" s="8"/>
      <c r="QFW18" s="8"/>
      <c r="QFX18" s="8"/>
      <c r="QFY18" s="8"/>
      <c r="QFZ18" s="8"/>
      <c r="QGA18" s="8"/>
      <c r="QGB18" s="8"/>
      <c r="QGC18" s="8"/>
      <c r="QGD18" s="8"/>
      <c r="QGE18" s="8"/>
      <c r="QGF18" s="8"/>
      <c r="QGG18" s="8"/>
      <c r="QGH18" s="8"/>
      <c r="QGI18" s="8"/>
      <c r="QGJ18" s="8"/>
      <c r="QGK18" s="8"/>
      <c r="QGL18" s="8"/>
      <c r="QGM18" s="8"/>
      <c r="QGN18" s="8"/>
      <c r="QGO18" s="8"/>
      <c r="QGP18" s="8"/>
      <c r="QGQ18" s="8"/>
      <c r="QGR18" s="8"/>
      <c r="QGS18" s="8"/>
      <c r="QGT18" s="8"/>
      <c r="QGU18" s="8"/>
      <c r="QGV18" s="8"/>
      <c r="QGW18" s="8"/>
      <c r="QGX18" s="8"/>
      <c r="QGY18" s="8"/>
      <c r="QGZ18" s="8"/>
      <c r="QHA18" s="8"/>
      <c r="QHB18" s="8"/>
      <c r="QHC18" s="8"/>
      <c r="QHD18" s="8"/>
      <c r="QHE18" s="8"/>
      <c r="QHF18" s="8"/>
      <c r="QHG18" s="8"/>
      <c r="QHH18" s="8"/>
      <c r="QHI18" s="8"/>
      <c r="QHJ18" s="8"/>
      <c r="QHK18" s="8"/>
      <c r="QHL18" s="8"/>
      <c r="QHM18" s="8"/>
      <c r="QHN18" s="8"/>
      <c r="QHO18" s="8"/>
      <c r="QHP18" s="8"/>
      <c r="QHQ18" s="8"/>
      <c r="QHR18" s="8"/>
      <c r="QHS18" s="8"/>
      <c r="QHT18" s="8"/>
      <c r="QHU18" s="8"/>
      <c r="QHV18" s="8"/>
      <c r="QHW18" s="8"/>
      <c r="QHX18" s="8"/>
      <c r="QHY18" s="8"/>
      <c r="QHZ18" s="8"/>
      <c r="QIA18" s="8"/>
      <c r="QIB18" s="8"/>
      <c r="QIC18" s="8"/>
      <c r="QID18" s="8"/>
      <c r="QIE18" s="8"/>
      <c r="QIF18" s="8"/>
      <c r="QIG18" s="8"/>
      <c r="QIH18" s="8"/>
      <c r="QII18" s="8"/>
      <c r="QIJ18" s="8"/>
      <c r="QIK18" s="8"/>
      <c r="QIL18" s="8"/>
      <c r="QIM18" s="8"/>
      <c r="QIN18" s="8"/>
      <c r="QIO18" s="8"/>
      <c r="QIP18" s="8"/>
      <c r="QIQ18" s="8"/>
      <c r="QIR18" s="8"/>
      <c r="QIS18" s="8"/>
      <c r="QIT18" s="8"/>
      <c r="QIU18" s="8"/>
      <c r="QIV18" s="8"/>
      <c r="QIW18" s="8"/>
      <c r="QIX18" s="8"/>
      <c r="QIY18" s="8"/>
      <c r="QIZ18" s="8"/>
      <c r="QJA18" s="8"/>
      <c r="QJB18" s="8"/>
      <c r="QJC18" s="8"/>
      <c r="QJD18" s="8"/>
      <c r="QJE18" s="8"/>
      <c r="QJF18" s="8"/>
      <c r="QJG18" s="8"/>
      <c r="QJH18" s="8"/>
      <c r="QJI18" s="8"/>
      <c r="QJJ18" s="8"/>
      <c r="QJK18" s="8"/>
      <c r="QJL18" s="8"/>
      <c r="QJM18" s="8"/>
      <c r="QJN18" s="8"/>
      <c r="QJO18" s="8"/>
      <c r="QJP18" s="8"/>
      <c r="QJQ18" s="8"/>
      <c r="QJR18" s="8"/>
      <c r="QJS18" s="8"/>
      <c r="QJT18" s="8"/>
      <c r="QJU18" s="8"/>
      <c r="QJV18" s="8"/>
      <c r="QJW18" s="8"/>
      <c r="QJX18" s="8"/>
      <c r="QJY18" s="8"/>
      <c r="QJZ18" s="8"/>
      <c r="QKA18" s="8"/>
      <c r="QKB18" s="8"/>
      <c r="QKC18" s="8"/>
      <c r="QKD18" s="8"/>
      <c r="QKE18" s="8"/>
      <c r="QKF18" s="8"/>
      <c r="QKG18" s="8"/>
      <c r="QKH18" s="8"/>
      <c r="QKI18" s="8"/>
      <c r="QKJ18" s="8"/>
      <c r="QKK18" s="8"/>
      <c r="QKL18" s="8"/>
      <c r="QKM18" s="8"/>
      <c r="QKN18" s="8"/>
      <c r="QKO18" s="8"/>
      <c r="QKP18" s="8"/>
      <c r="QKQ18" s="8"/>
      <c r="QKR18" s="8"/>
      <c r="QKS18" s="8"/>
      <c r="QKT18" s="8"/>
      <c r="QKU18" s="8"/>
      <c r="QKV18" s="8"/>
      <c r="QKW18" s="8"/>
      <c r="QKX18" s="8"/>
      <c r="QKY18" s="8"/>
      <c r="QKZ18" s="8"/>
      <c r="QLA18" s="8"/>
      <c r="QLB18" s="8"/>
      <c r="QLC18" s="8"/>
      <c r="QLD18" s="8"/>
      <c r="QLE18" s="8"/>
      <c r="QLF18" s="8"/>
      <c r="QLG18" s="8"/>
      <c r="QLH18" s="8"/>
      <c r="QLI18" s="8"/>
      <c r="QLJ18" s="8"/>
      <c r="QLK18" s="8"/>
      <c r="QLL18" s="8"/>
      <c r="QLM18" s="8"/>
      <c r="QLN18" s="8"/>
      <c r="QLO18" s="8"/>
      <c r="QLP18" s="8"/>
      <c r="QLQ18" s="8"/>
      <c r="QLR18" s="8"/>
      <c r="QLS18" s="8"/>
      <c r="QLT18" s="8"/>
      <c r="QLU18" s="8"/>
      <c r="QLV18" s="8"/>
      <c r="QLW18" s="8"/>
      <c r="QLX18" s="8"/>
      <c r="QLY18" s="8"/>
      <c r="QLZ18" s="8"/>
      <c r="QMA18" s="8"/>
      <c r="QMB18" s="8"/>
      <c r="QMC18" s="8"/>
      <c r="QMD18" s="8"/>
      <c r="QME18" s="8"/>
      <c r="QMF18" s="8"/>
      <c r="QMG18" s="8"/>
      <c r="QMH18" s="8"/>
      <c r="QMI18" s="8"/>
      <c r="QMJ18" s="8"/>
      <c r="QMK18" s="8"/>
      <c r="QML18" s="8"/>
      <c r="QMM18" s="8"/>
      <c r="QMN18" s="8"/>
      <c r="QMO18" s="8"/>
      <c r="QMP18" s="8"/>
      <c r="QMQ18" s="8"/>
      <c r="QMR18" s="8"/>
      <c r="QMS18" s="8"/>
      <c r="QMT18" s="8"/>
      <c r="QMU18" s="8"/>
      <c r="QMV18" s="8"/>
      <c r="QMW18" s="8"/>
      <c r="QMX18" s="8"/>
      <c r="QMY18" s="8"/>
      <c r="QMZ18" s="8"/>
      <c r="QNA18" s="8"/>
      <c r="QNB18" s="8"/>
      <c r="QNC18" s="8"/>
      <c r="QND18" s="8"/>
      <c r="QNE18" s="8"/>
      <c r="QNF18" s="8"/>
      <c r="QNG18" s="8"/>
      <c r="QNH18" s="8"/>
      <c r="QNI18" s="8"/>
      <c r="QNJ18" s="8"/>
      <c r="QNK18" s="8"/>
      <c r="QNL18" s="8"/>
      <c r="QNM18" s="8"/>
      <c r="QNN18" s="8"/>
      <c r="QNO18" s="8"/>
      <c r="QNP18" s="8"/>
      <c r="QNQ18" s="8"/>
      <c r="QNR18" s="8"/>
      <c r="QNS18" s="8"/>
      <c r="QNT18" s="8"/>
      <c r="QNU18" s="8"/>
      <c r="QNV18" s="8"/>
      <c r="QNW18" s="8"/>
      <c r="QNX18" s="8"/>
      <c r="QNY18" s="8"/>
      <c r="QNZ18" s="8"/>
      <c r="QOA18" s="8"/>
      <c r="QOB18" s="8"/>
      <c r="QOC18" s="8"/>
      <c r="QOD18" s="8"/>
      <c r="QOE18" s="8"/>
      <c r="QOF18" s="8"/>
      <c r="QOG18" s="8"/>
      <c r="QOH18" s="8"/>
      <c r="QOI18" s="8"/>
      <c r="QOJ18" s="8"/>
      <c r="QOK18" s="8"/>
      <c r="QOL18" s="8"/>
      <c r="QOM18" s="8"/>
      <c r="QON18" s="8"/>
      <c r="QOO18" s="8"/>
      <c r="QOP18" s="8"/>
      <c r="QOQ18" s="8"/>
      <c r="QOR18" s="8"/>
      <c r="QOS18" s="8"/>
      <c r="QOT18" s="8"/>
      <c r="QOU18" s="8"/>
      <c r="QOV18" s="8"/>
      <c r="QOW18" s="8"/>
      <c r="QOX18" s="8"/>
      <c r="QOY18" s="8"/>
      <c r="QOZ18" s="8"/>
      <c r="QPA18" s="8"/>
      <c r="QPB18" s="8"/>
      <c r="QPC18" s="8"/>
      <c r="QPD18" s="8"/>
      <c r="QPE18" s="8"/>
      <c r="QPF18" s="8"/>
      <c r="QPG18" s="8"/>
      <c r="QPH18" s="8"/>
      <c r="QPI18" s="8"/>
      <c r="QPJ18" s="8"/>
      <c r="QPK18" s="8"/>
      <c r="QPL18" s="8"/>
      <c r="QPM18" s="8"/>
      <c r="QPN18" s="8"/>
      <c r="QPO18" s="8"/>
      <c r="QPP18" s="8"/>
      <c r="QPQ18" s="8"/>
      <c r="QPR18" s="8"/>
      <c r="QPS18" s="8"/>
      <c r="QPT18" s="8"/>
      <c r="QPU18" s="8"/>
      <c r="QPV18" s="8"/>
      <c r="QPW18" s="8"/>
      <c r="QPX18" s="8"/>
      <c r="QPY18" s="8"/>
      <c r="QPZ18" s="8"/>
      <c r="QQA18" s="8"/>
      <c r="QQB18" s="8"/>
      <c r="QQC18" s="8"/>
      <c r="QQD18" s="8"/>
      <c r="QQE18" s="8"/>
      <c r="QQF18" s="8"/>
      <c r="QQG18" s="8"/>
      <c r="QQH18" s="8"/>
      <c r="QQI18" s="8"/>
      <c r="QQJ18" s="8"/>
      <c r="QQK18" s="8"/>
      <c r="QQL18" s="8"/>
      <c r="QQM18" s="8"/>
      <c r="QQN18" s="8"/>
      <c r="QQO18" s="8"/>
      <c r="QQP18" s="8"/>
      <c r="QQQ18" s="8"/>
      <c r="QQR18" s="8"/>
      <c r="QQS18" s="8"/>
      <c r="QQT18" s="8"/>
      <c r="QQU18" s="8"/>
      <c r="QQV18" s="8"/>
      <c r="QQW18" s="8"/>
      <c r="QQX18" s="8"/>
      <c r="QQY18" s="8"/>
      <c r="QQZ18" s="8"/>
      <c r="QRA18" s="8"/>
      <c r="QRB18" s="8"/>
      <c r="QRC18" s="8"/>
      <c r="QRD18" s="8"/>
      <c r="QRE18" s="8"/>
      <c r="QRF18" s="8"/>
      <c r="QRG18" s="8"/>
      <c r="QRH18" s="8"/>
      <c r="QRI18" s="8"/>
      <c r="QRJ18" s="8"/>
      <c r="QRK18" s="8"/>
      <c r="QRL18" s="8"/>
      <c r="QRM18" s="8"/>
      <c r="QRN18" s="8"/>
      <c r="QRO18" s="8"/>
      <c r="QRP18" s="8"/>
      <c r="QRQ18" s="8"/>
      <c r="QRR18" s="8"/>
      <c r="QRS18" s="8"/>
      <c r="QRT18" s="8"/>
      <c r="QRU18" s="8"/>
      <c r="QRV18" s="8"/>
      <c r="QRW18" s="8"/>
      <c r="QRX18" s="8"/>
      <c r="QRY18" s="8"/>
      <c r="QRZ18" s="8"/>
      <c r="QSA18" s="8"/>
      <c r="QSB18" s="8"/>
      <c r="QSC18" s="8"/>
      <c r="QSD18" s="8"/>
      <c r="QSE18" s="8"/>
      <c r="QSF18" s="8"/>
      <c r="QSG18" s="8"/>
      <c r="QSH18" s="8"/>
      <c r="QSI18" s="8"/>
      <c r="QSJ18" s="8"/>
      <c r="QSK18" s="8"/>
      <c r="QSL18" s="8"/>
      <c r="QSM18" s="8"/>
      <c r="QSN18" s="8"/>
      <c r="QSO18" s="8"/>
      <c r="QSP18" s="8"/>
      <c r="QSQ18" s="8"/>
      <c r="QSR18" s="8"/>
      <c r="QSS18" s="8"/>
      <c r="QST18" s="8"/>
      <c r="QSU18" s="8"/>
      <c r="QSV18" s="8"/>
      <c r="QSW18" s="8"/>
      <c r="QSX18" s="8"/>
      <c r="QSY18" s="8"/>
      <c r="QSZ18" s="8"/>
      <c r="QTA18" s="8"/>
      <c r="QTB18" s="8"/>
      <c r="QTC18" s="8"/>
      <c r="QTD18" s="8"/>
      <c r="QTE18" s="8"/>
      <c r="QTF18" s="8"/>
      <c r="QTG18" s="8"/>
      <c r="QTH18" s="8"/>
      <c r="QTI18" s="8"/>
      <c r="QTJ18" s="8"/>
      <c r="QTK18" s="8"/>
      <c r="QTL18" s="8"/>
      <c r="QTM18" s="8"/>
      <c r="QTN18" s="8"/>
      <c r="QTO18" s="8"/>
      <c r="QTP18" s="8"/>
      <c r="QTQ18" s="8"/>
      <c r="QTR18" s="8"/>
      <c r="QTS18" s="8"/>
      <c r="QTT18" s="8"/>
      <c r="QTU18" s="8"/>
      <c r="QTV18" s="8"/>
      <c r="QTW18" s="8"/>
      <c r="QTX18" s="8"/>
      <c r="QTY18" s="8"/>
      <c r="QTZ18" s="8"/>
      <c r="QUA18" s="8"/>
      <c r="QUB18" s="8"/>
      <c r="QUC18" s="8"/>
      <c r="QUD18" s="8"/>
      <c r="QUE18" s="8"/>
      <c r="QUF18" s="8"/>
      <c r="QUG18" s="8"/>
      <c r="QUH18" s="8"/>
      <c r="QUI18" s="8"/>
      <c r="QUJ18" s="8"/>
      <c r="QUK18" s="8"/>
      <c r="QUL18" s="8"/>
      <c r="QUM18" s="8"/>
      <c r="QUN18" s="8"/>
      <c r="QUO18" s="8"/>
      <c r="QUP18" s="8"/>
      <c r="QUQ18" s="8"/>
      <c r="QUR18" s="8"/>
      <c r="QUS18" s="8"/>
      <c r="QUT18" s="8"/>
      <c r="QUU18" s="8"/>
      <c r="QUV18" s="8"/>
      <c r="QUW18" s="8"/>
      <c r="QUX18" s="8"/>
      <c r="QUY18" s="8"/>
      <c r="QUZ18" s="8"/>
      <c r="QVA18" s="8"/>
      <c r="QVB18" s="8"/>
      <c r="QVC18" s="8"/>
      <c r="QVD18" s="8"/>
      <c r="QVE18" s="8"/>
      <c r="QVF18" s="8"/>
      <c r="QVG18" s="8"/>
      <c r="QVH18" s="8"/>
      <c r="QVI18" s="8"/>
      <c r="QVJ18" s="8"/>
      <c r="QVK18" s="8"/>
      <c r="QVL18" s="8"/>
      <c r="QVM18" s="8"/>
      <c r="QVN18" s="8"/>
      <c r="QVO18" s="8"/>
      <c r="QVP18" s="8"/>
      <c r="QVQ18" s="8"/>
      <c r="QVR18" s="8"/>
      <c r="QVS18" s="8"/>
      <c r="QVT18" s="8"/>
      <c r="QVU18" s="8"/>
      <c r="QVV18" s="8"/>
      <c r="QVW18" s="8"/>
      <c r="QVX18" s="8"/>
      <c r="QVY18" s="8"/>
      <c r="QVZ18" s="8"/>
      <c r="QWA18" s="8"/>
      <c r="QWB18" s="8"/>
      <c r="QWC18" s="8"/>
      <c r="QWD18" s="8"/>
      <c r="QWE18" s="8"/>
      <c r="QWF18" s="8"/>
      <c r="QWG18" s="8"/>
      <c r="QWH18" s="8"/>
      <c r="QWI18" s="8"/>
      <c r="QWJ18" s="8"/>
      <c r="QWK18" s="8"/>
      <c r="QWL18" s="8"/>
      <c r="QWM18" s="8"/>
      <c r="QWN18" s="8"/>
      <c r="QWO18" s="8"/>
      <c r="QWP18" s="8"/>
      <c r="QWQ18" s="8"/>
      <c r="QWR18" s="8"/>
      <c r="QWS18" s="8"/>
      <c r="QWT18" s="8"/>
      <c r="QWU18" s="8"/>
      <c r="QWV18" s="8"/>
      <c r="QWW18" s="8"/>
      <c r="QWX18" s="8"/>
      <c r="QWY18" s="8"/>
      <c r="QWZ18" s="8"/>
      <c r="QXA18" s="8"/>
      <c r="QXB18" s="8"/>
      <c r="QXC18" s="8"/>
      <c r="QXD18" s="8"/>
      <c r="QXE18" s="8"/>
      <c r="QXF18" s="8"/>
      <c r="QXG18" s="8"/>
      <c r="QXH18" s="8"/>
      <c r="QXI18" s="8"/>
      <c r="QXJ18" s="8"/>
      <c r="QXK18" s="8"/>
      <c r="QXL18" s="8"/>
      <c r="QXM18" s="8"/>
      <c r="QXN18" s="8"/>
      <c r="QXO18" s="8"/>
      <c r="QXP18" s="8"/>
      <c r="QXQ18" s="8"/>
      <c r="QXR18" s="8"/>
      <c r="QXS18" s="8"/>
      <c r="QXT18" s="8"/>
      <c r="QXU18" s="8"/>
      <c r="QXV18" s="8"/>
      <c r="QXW18" s="8"/>
      <c r="QXX18" s="8"/>
      <c r="QXY18" s="8"/>
      <c r="QXZ18" s="8"/>
      <c r="QYA18" s="8"/>
      <c r="QYB18" s="8"/>
      <c r="QYC18" s="8"/>
      <c r="QYD18" s="8"/>
      <c r="QYE18" s="8"/>
      <c r="QYF18" s="8"/>
      <c r="QYG18" s="8"/>
      <c r="QYH18" s="8"/>
      <c r="QYI18" s="8"/>
      <c r="QYJ18" s="8"/>
      <c r="QYK18" s="8"/>
      <c r="QYL18" s="8"/>
      <c r="QYM18" s="8"/>
      <c r="QYN18" s="8"/>
      <c r="QYO18" s="8"/>
      <c r="QYP18" s="8"/>
      <c r="QYQ18" s="8"/>
      <c r="QYR18" s="8"/>
      <c r="QYS18" s="8"/>
      <c r="QYT18" s="8"/>
      <c r="QYU18" s="8"/>
      <c r="QYV18" s="8"/>
      <c r="QYW18" s="8"/>
      <c r="QYX18" s="8"/>
      <c r="QYY18" s="8"/>
      <c r="QYZ18" s="8"/>
      <c r="QZA18" s="8"/>
      <c r="QZB18" s="8"/>
      <c r="QZC18" s="8"/>
      <c r="QZD18" s="8"/>
      <c r="QZE18" s="8"/>
      <c r="QZF18" s="8"/>
      <c r="QZG18" s="8"/>
      <c r="QZH18" s="8"/>
      <c r="QZI18" s="8"/>
      <c r="QZJ18" s="8"/>
      <c r="QZK18" s="8"/>
      <c r="QZL18" s="8"/>
      <c r="QZM18" s="8"/>
      <c r="QZN18" s="8"/>
      <c r="QZO18" s="8"/>
      <c r="QZP18" s="8"/>
      <c r="QZQ18" s="8"/>
      <c r="QZR18" s="8"/>
      <c r="QZS18" s="8"/>
      <c r="QZT18" s="8"/>
      <c r="QZU18" s="8"/>
      <c r="QZV18" s="8"/>
      <c r="QZW18" s="8"/>
      <c r="QZX18" s="8"/>
      <c r="QZY18" s="8"/>
      <c r="QZZ18" s="8"/>
      <c r="RAA18" s="8"/>
      <c r="RAB18" s="8"/>
      <c r="RAC18" s="8"/>
      <c r="RAD18" s="8"/>
      <c r="RAE18" s="8"/>
      <c r="RAF18" s="8"/>
      <c r="RAG18" s="8"/>
      <c r="RAH18" s="8"/>
      <c r="RAI18" s="8"/>
      <c r="RAJ18" s="8"/>
      <c r="RAK18" s="8"/>
      <c r="RAL18" s="8"/>
      <c r="RAM18" s="8"/>
      <c r="RAN18" s="8"/>
      <c r="RAO18" s="8"/>
      <c r="RAP18" s="8"/>
      <c r="RAQ18" s="8"/>
      <c r="RAR18" s="8"/>
      <c r="RAS18" s="8"/>
      <c r="RAT18" s="8"/>
      <c r="RAU18" s="8"/>
      <c r="RAV18" s="8"/>
      <c r="RAW18" s="8"/>
      <c r="RAX18" s="8"/>
      <c r="RAY18" s="8"/>
      <c r="RAZ18" s="8"/>
      <c r="RBA18" s="8"/>
      <c r="RBB18" s="8"/>
      <c r="RBC18" s="8"/>
      <c r="RBD18" s="8"/>
      <c r="RBE18" s="8"/>
      <c r="RBF18" s="8"/>
      <c r="RBG18" s="8"/>
      <c r="RBH18" s="8"/>
      <c r="RBI18" s="8"/>
      <c r="RBJ18" s="8"/>
      <c r="RBK18" s="8"/>
      <c r="RBL18" s="8"/>
      <c r="RBM18" s="8"/>
      <c r="RBN18" s="8"/>
      <c r="RBO18" s="8"/>
      <c r="RBP18" s="8"/>
      <c r="RBQ18" s="8"/>
      <c r="RBR18" s="8"/>
      <c r="RBS18" s="8"/>
      <c r="RBT18" s="8"/>
      <c r="RBU18" s="8"/>
      <c r="RBV18" s="8"/>
      <c r="RBW18" s="8"/>
      <c r="RBX18" s="8"/>
      <c r="RBY18" s="8"/>
      <c r="RBZ18" s="8"/>
      <c r="RCA18" s="8"/>
      <c r="RCB18" s="8"/>
      <c r="RCC18" s="8"/>
      <c r="RCD18" s="8"/>
      <c r="RCE18" s="8"/>
      <c r="RCF18" s="8"/>
      <c r="RCG18" s="8"/>
      <c r="RCH18" s="8"/>
      <c r="RCI18" s="8"/>
      <c r="RCJ18" s="8"/>
      <c r="RCK18" s="8"/>
      <c r="RCL18" s="8"/>
      <c r="RCM18" s="8"/>
      <c r="RCN18" s="8"/>
      <c r="RCO18" s="8"/>
      <c r="RCP18" s="8"/>
      <c r="RCQ18" s="8"/>
      <c r="RCR18" s="8"/>
      <c r="RCS18" s="8"/>
      <c r="RCT18" s="8"/>
      <c r="RCU18" s="8"/>
      <c r="RCV18" s="8"/>
      <c r="RCW18" s="8"/>
      <c r="RCX18" s="8"/>
      <c r="RCY18" s="8"/>
      <c r="RCZ18" s="8"/>
      <c r="RDA18" s="8"/>
      <c r="RDB18" s="8"/>
      <c r="RDC18" s="8"/>
      <c r="RDD18" s="8"/>
      <c r="RDE18" s="8"/>
      <c r="RDF18" s="8"/>
      <c r="RDG18" s="8"/>
      <c r="RDH18" s="8"/>
      <c r="RDI18" s="8"/>
      <c r="RDJ18" s="8"/>
      <c r="RDK18" s="8"/>
      <c r="RDL18" s="8"/>
      <c r="RDM18" s="8"/>
      <c r="RDN18" s="8"/>
      <c r="RDO18" s="8"/>
      <c r="RDP18" s="8"/>
      <c r="RDQ18" s="8"/>
      <c r="RDR18" s="8"/>
      <c r="RDS18" s="8"/>
      <c r="RDT18" s="8"/>
      <c r="RDU18" s="8"/>
      <c r="RDV18" s="8"/>
      <c r="RDW18" s="8"/>
      <c r="RDX18" s="8"/>
      <c r="RDY18" s="8"/>
      <c r="RDZ18" s="8"/>
      <c r="REA18" s="8"/>
      <c r="REB18" s="8"/>
      <c r="REC18" s="8"/>
      <c r="RED18" s="8"/>
      <c r="REE18" s="8"/>
      <c r="REF18" s="8"/>
      <c r="REG18" s="8"/>
      <c r="REH18" s="8"/>
      <c r="REI18" s="8"/>
      <c r="REJ18" s="8"/>
      <c r="REK18" s="8"/>
      <c r="REL18" s="8"/>
      <c r="REM18" s="8"/>
      <c r="REN18" s="8"/>
      <c r="REO18" s="8"/>
      <c r="REP18" s="8"/>
      <c r="REQ18" s="8"/>
      <c r="RER18" s="8"/>
      <c r="RES18" s="8"/>
      <c r="RET18" s="8"/>
      <c r="REU18" s="8"/>
      <c r="REV18" s="8"/>
      <c r="REW18" s="8"/>
      <c r="REX18" s="8"/>
      <c r="REY18" s="8"/>
      <c r="REZ18" s="8"/>
      <c r="RFA18" s="8"/>
      <c r="RFB18" s="8"/>
      <c r="RFC18" s="8"/>
      <c r="RFD18" s="8"/>
      <c r="RFE18" s="8"/>
      <c r="RFF18" s="8"/>
      <c r="RFG18" s="8"/>
      <c r="RFH18" s="8"/>
      <c r="RFI18" s="8"/>
      <c r="RFJ18" s="8"/>
      <c r="RFK18" s="8"/>
      <c r="RFL18" s="8"/>
      <c r="RFM18" s="8"/>
      <c r="RFN18" s="8"/>
      <c r="RFO18" s="8"/>
      <c r="RFP18" s="8"/>
      <c r="RFQ18" s="8"/>
      <c r="RFR18" s="8"/>
      <c r="RFS18" s="8"/>
      <c r="RFT18" s="8"/>
      <c r="RFU18" s="8"/>
      <c r="RFV18" s="8"/>
      <c r="RFW18" s="8"/>
      <c r="RFX18" s="8"/>
      <c r="RFY18" s="8"/>
      <c r="RFZ18" s="8"/>
      <c r="RGA18" s="8"/>
      <c r="RGB18" s="8"/>
      <c r="RGC18" s="8"/>
      <c r="RGD18" s="8"/>
      <c r="RGE18" s="8"/>
      <c r="RGF18" s="8"/>
      <c r="RGG18" s="8"/>
      <c r="RGH18" s="8"/>
      <c r="RGI18" s="8"/>
      <c r="RGJ18" s="8"/>
      <c r="RGK18" s="8"/>
      <c r="RGL18" s="8"/>
      <c r="RGM18" s="8"/>
      <c r="RGN18" s="8"/>
      <c r="RGO18" s="8"/>
      <c r="RGP18" s="8"/>
      <c r="RGQ18" s="8"/>
      <c r="RGR18" s="8"/>
      <c r="RGS18" s="8"/>
      <c r="RGT18" s="8"/>
      <c r="RGU18" s="8"/>
      <c r="RGV18" s="8"/>
      <c r="RGW18" s="8"/>
      <c r="RGX18" s="8"/>
      <c r="RGY18" s="8"/>
      <c r="RGZ18" s="8"/>
      <c r="RHA18" s="8"/>
      <c r="RHB18" s="8"/>
      <c r="RHC18" s="8"/>
      <c r="RHD18" s="8"/>
      <c r="RHE18" s="8"/>
      <c r="RHF18" s="8"/>
      <c r="RHG18" s="8"/>
      <c r="RHH18" s="8"/>
      <c r="RHI18" s="8"/>
      <c r="RHJ18" s="8"/>
      <c r="RHK18" s="8"/>
      <c r="RHL18" s="8"/>
      <c r="RHM18" s="8"/>
      <c r="RHN18" s="8"/>
      <c r="RHO18" s="8"/>
      <c r="RHP18" s="8"/>
      <c r="RHQ18" s="8"/>
      <c r="RHR18" s="8"/>
      <c r="RHS18" s="8"/>
      <c r="RHT18" s="8"/>
      <c r="RHU18" s="8"/>
      <c r="RHV18" s="8"/>
      <c r="RHW18" s="8"/>
      <c r="RHX18" s="8"/>
      <c r="RHY18" s="8"/>
      <c r="RHZ18" s="8"/>
      <c r="RIA18" s="8"/>
      <c r="RIB18" s="8"/>
      <c r="RIC18" s="8"/>
      <c r="RID18" s="8"/>
      <c r="RIE18" s="8"/>
      <c r="RIF18" s="8"/>
      <c r="RIG18" s="8"/>
      <c r="RIH18" s="8"/>
      <c r="RII18" s="8"/>
      <c r="RIJ18" s="8"/>
      <c r="RIK18" s="8"/>
      <c r="RIL18" s="8"/>
      <c r="RIM18" s="8"/>
      <c r="RIN18" s="8"/>
      <c r="RIO18" s="8"/>
      <c r="RIP18" s="8"/>
      <c r="RIQ18" s="8"/>
      <c r="RIR18" s="8"/>
      <c r="RIS18" s="8"/>
      <c r="RIT18" s="8"/>
      <c r="RIU18" s="8"/>
      <c r="RIV18" s="8"/>
      <c r="RIW18" s="8"/>
      <c r="RIX18" s="8"/>
      <c r="RIY18" s="8"/>
      <c r="RIZ18" s="8"/>
      <c r="RJA18" s="8"/>
      <c r="RJB18" s="8"/>
      <c r="RJC18" s="8"/>
      <c r="RJD18" s="8"/>
      <c r="RJE18" s="8"/>
      <c r="RJF18" s="8"/>
      <c r="RJG18" s="8"/>
      <c r="RJH18" s="8"/>
      <c r="RJI18" s="8"/>
      <c r="RJJ18" s="8"/>
      <c r="RJK18" s="8"/>
      <c r="RJL18" s="8"/>
      <c r="RJM18" s="8"/>
      <c r="RJN18" s="8"/>
      <c r="RJO18" s="8"/>
      <c r="RJP18" s="8"/>
      <c r="RJQ18" s="8"/>
      <c r="RJR18" s="8"/>
      <c r="RJS18" s="8"/>
      <c r="RJT18" s="8"/>
      <c r="RJU18" s="8"/>
      <c r="RJV18" s="8"/>
      <c r="RJW18" s="8"/>
      <c r="RJX18" s="8"/>
      <c r="RJY18" s="8"/>
      <c r="RJZ18" s="8"/>
      <c r="RKA18" s="8"/>
      <c r="RKB18" s="8"/>
      <c r="RKC18" s="8"/>
      <c r="RKD18" s="8"/>
      <c r="RKE18" s="8"/>
      <c r="RKF18" s="8"/>
      <c r="RKG18" s="8"/>
      <c r="RKH18" s="8"/>
      <c r="RKI18" s="8"/>
      <c r="RKJ18" s="8"/>
      <c r="RKK18" s="8"/>
      <c r="RKL18" s="8"/>
      <c r="RKM18" s="8"/>
      <c r="RKN18" s="8"/>
      <c r="RKO18" s="8"/>
      <c r="RKP18" s="8"/>
      <c r="RKQ18" s="8"/>
      <c r="RKR18" s="8"/>
      <c r="RKS18" s="8"/>
      <c r="RKT18" s="8"/>
      <c r="RKU18" s="8"/>
      <c r="RKV18" s="8"/>
      <c r="RKW18" s="8"/>
      <c r="RKX18" s="8"/>
      <c r="RKY18" s="8"/>
      <c r="RKZ18" s="8"/>
      <c r="RLA18" s="8"/>
      <c r="RLB18" s="8"/>
      <c r="RLC18" s="8"/>
      <c r="RLD18" s="8"/>
      <c r="RLE18" s="8"/>
      <c r="RLF18" s="8"/>
      <c r="RLG18" s="8"/>
      <c r="RLH18" s="8"/>
      <c r="RLI18" s="8"/>
      <c r="RLJ18" s="8"/>
      <c r="RLK18" s="8"/>
      <c r="RLL18" s="8"/>
      <c r="RLM18" s="8"/>
      <c r="RLN18" s="8"/>
      <c r="RLO18" s="8"/>
      <c r="RLP18" s="8"/>
      <c r="RLQ18" s="8"/>
      <c r="RLR18" s="8"/>
      <c r="RLS18" s="8"/>
      <c r="RLT18" s="8"/>
      <c r="RLU18" s="8"/>
      <c r="RLV18" s="8"/>
      <c r="RLW18" s="8"/>
      <c r="RLX18" s="8"/>
      <c r="RLY18" s="8"/>
      <c r="RLZ18" s="8"/>
      <c r="RMA18" s="8"/>
      <c r="RMB18" s="8"/>
      <c r="RMC18" s="8"/>
      <c r="RMD18" s="8"/>
      <c r="RME18" s="8"/>
      <c r="RMF18" s="8"/>
      <c r="RMG18" s="8"/>
      <c r="RMH18" s="8"/>
      <c r="RMI18" s="8"/>
      <c r="RMJ18" s="8"/>
      <c r="RMK18" s="8"/>
      <c r="RML18" s="8"/>
      <c r="RMM18" s="8"/>
      <c r="RMN18" s="8"/>
      <c r="RMO18" s="8"/>
      <c r="RMP18" s="8"/>
      <c r="RMQ18" s="8"/>
      <c r="RMR18" s="8"/>
      <c r="RMS18" s="8"/>
      <c r="RMT18" s="8"/>
      <c r="RMU18" s="8"/>
      <c r="RMV18" s="8"/>
      <c r="RMW18" s="8"/>
      <c r="RMX18" s="8"/>
      <c r="RMY18" s="8"/>
      <c r="RMZ18" s="8"/>
      <c r="RNA18" s="8"/>
      <c r="RNB18" s="8"/>
      <c r="RNC18" s="8"/>
      <c r="RND18" s="8"/>
      <c r="RNE18" s="8"/>
      <c r="RNF18" s="8"/>
      <c r="RNG18" s="8"/>
      <c r="RNH18" s="8"/>
      <c r="RNI18" s="8"/>
      <c r="RNJ18" s="8"/>
      <c r="RNK18" s="8"/>
      <c r="RNL18" s="8"/>
      <c r="RNM18" s="8"/>
      <c r="RNN18" s="8"/>
      <c r="RNO18" s="8"/>
      <c r="RNP18" s="8"/>
      <c r="RNQ18" s="8"/>
      <c r="RNR18" s="8"/>
      <c r="RNS18" s="8"/>
      <c r="RNT18" s="8"/>
      <c r="RNU18" s="8"/>
      <c r="RNV18" s="8"/>
      <c r="RNW18" s="8"/>
      <c r="RNX18" s="8"/>
      <c r="RNY18" s="8"/>
      <c r="RNZ18" s="8"/>
      <c r="ROA18" s="8"/>
      <c r="ROB18" s="8"/>
      <c r="ROC18" s="8"/>
      <c r="ROD18" s="8"/>
      <c r="ROE18" s="8"/>
      <c r="ROF18" s="8"/>
      <c r="ROG18" s="8"/>
      <c r="ROH18" s="8"/>
      <c r="ROI18" s="8"/>
      <c r="ROJ18" s="8"/>
      <c r="ROK18" s="8"/>
      <c r="ROL18" s="8"/>
      <c r="ROM18" s="8"/>
      <c r="RON18" s="8"/>
      <c r="ROO18" s="8"/>
      <c r="ROP18" s="8"/>
      <c r="ROQ18" s="8"/>
      <c r="ROR18" s="8"/>
      <c r="ROS18" s="8"/>
      <c r="ROT18" s="8"/>
      <c r="ROU18" s="8"/>
      <c r="ROV18" s="8"/>
      <c r="ROW18" s="8"/>
      <c r="ROX18" s="8"/>
      <c r="ROY18" s="8"/>
      <c r="ROZ18" s="8"/>
      <c r="RPA18" s="8"/>
      <c r="RPB18" s="8"/>
      <c r="RPC18" s="8"/>
      <c r="RPD18" s="8"/>
      <c r="RPE18" s="8"/>
      <c r="RPF18" s="8"/>
      <c r="RPG18" s="8"/>
      <c r="RPH18" s="8"/>
      <c r="RPI18" s="8"/>
      <c r="RPJ18" s="8"/>
      <c r="RPK18" s="8"/>
      <c r="RPL18" s="8"/>
      <c r="RPM18" s="8"/>
      <c r="RPN18" s="8"/>
      <c r="RPO18" s="8"/>
      <c r="RPP18" s="8"/>
      <c r="RPQ18" s="8"/>
      <c r="RPR18" s="8"/>
      <c r="RPS18" s="8"/>
      <c r="RPT18" s="8"/>
      <c r="RPU18" s="8"/>
      <c r="RPV18" s="8"/>
      <c r="RPW18" s="8"/>
      <c r="RPX18" s="8"/>
      <c r="RPY18" s="8"/>
      <c r="RPZ18" s="8"/>
      <c r="RQA18" s="8"/>
      <c r="RQB18" s="8"/>
      <c r="RQC18" s="8"/>
      <c r="RQD18" s="8"/>
      <c r="RQE18" s="8"/>
      <c r="RQF18" s="8"/>
      <c r="RQG18" s="8"/>
      <c r="RQH18" s="8"/>
      <c r="RQI18" s="8"/>
      <c r="RQJ18" s="8"/>
      <c r="RQK18" s="8"/>
      <c r="RQL18" s="8"/>
      <c r="RQM18" s="8"/>
      <c r="RQN18" s="8"/>
      <c r="RQO18" s="8"/>
      <c r="RQP18" s="8"/>
      <c r="RQQ18" s="8"/>
      <c r="RQR18" s="8"/>
      <c r="RQS18" s="8"/>
      <c r="RQT18" s="8"/>
      <c r="RQU18" s="8"/>
      <c r="RQV18" s="8"/>
      <c r="RQW18" s="8"/>
      <c r="RQX18" s="8"/>
      <c r="RQY18" s="8"/>
      <c r="RQZ18" s="8"/>
      <c r="RRA18" s="8"/>
      <c r="RRB18" s="8"/>
      <c r="RRC18" s="8"/>
      <c r="RRD18" s="8"/>
      <c r="RRE18" s="8"/>
      <c r="RRF18" s="8"/>
      <c r="RRG18" s="8"/>
      <c r="RRH18" s="8"/>
      <c r="RRI18" s="8"/>
      <c r="RRJ18" s="8"/>
      <c r="RRK18" s="8"/>
      <c r="RRL18" s="8"/>
      <c r="RRM18" s="8"/>
      <c r="RRN18" s="8"/>
      <c r="RRO18" s="8"/>
      <c r="RRP18" s="8"/>
      <c r="RRQ18" s="8"/>
      <c r="RRR18" s="8"/>
      <c r="RRS18" s="8"/>
      <c r="RRT18" s="8"/>
      <c r="RRU18" s="8"/>
      <c r="RRV18" s="8"/>
      <c r="RRW18" s="8"/>
      <c r="RRX18" s="8"/>
      <c r="RRY18" s="8"/>
      <c r="RRZ18" s="8"/>
      <c r="RSA18" s="8"/>
      <c r="RSB18" s="8"/>
      <c r="RSC18" s="8"/>
      <c r="RSD18" s="8"/>
      <c r="RSE18" s="8"/>
      <c r="RSF18" s="8"/>
      <c r="RSG18" s="8"/>
      <c r="RSH18" s="8"/>
      <c r="RSI18" s="8"/>
      <c r="RSJ18" s="8"/>
      <c r="RSK18" s="8"/>
      <c r="RSL18" s="8"/>
      <c r="RSM18" s="8"/>
      <c r="RSN18" s="8"/>
      <c r="RSO18" s="8"/>
      <c r="RSP18" s="8"/>
      <c r="RSQ18" s="8"/>
      <c r="RSR18" s="8"/>
      <c r="RSS18" s="8"/>
      <c r="RST18" s="8"/>
      <c r="RSU18" s="8"/>
      <c r="RSV18" s="8"/>
      <c r="RSW18" s="8"/>
      <c r="RSX18" s="8"/>
      <c r="RSY18" s="8"/>
      <c r="RSZ18" s="8"/>
      <c r="RTA18" s="8"/>
      <c r="RTB18" s="8"/>
      <c r="RTC18" s="8"/>
      <c r="RTD18" s="8"/>
      <c r="RTE18" s="8"/>
      <c r="RTF18" s="8"/>
      <c r="RTG18" s="8"/>
      <c r="RTH18" s="8"/>
      <c r="RTI18" s="8"/>
      <c r="RTJ18" s="8"/>
      <c r="RTK18" s="8"/>
      <c r="RTL18" s="8"/>
      <c r="RTM18" s="8"/>
      <c r="RTN18" s="8"/>
      <c r="RTO18" s="8"/>
      <c r="RTP18" s="8"/>
      <c r="RTQ18" s="8"/>
      <c r="RTR18" s="8"/>
      <c r="RTS18" s="8"/>
      <c r="RTT18" s="8"/>
      <c r="RTU18" s="8"/>
      <c r="RTV18" s="8"/>
      <c r="RTW18" s="8"/>
      <c r="RTX18" s="8"/>
      <c r="RTY18" s="8"/>
      <c r="RTZ18" s="8"/>
      <c r="RUA18" s="8"/>
      <c r="RUB18" s="8"/>
      <c r="RUC18" s="8"/>
      <c r="RUD18" s="8"/>
      <c r="RUE18" s="8"/>
      <c r="RUF18" s="8"/>
      <c r="RUG18" s="8"/>
      <c r="RUH18" s="8"/>
      <c r="RUI18" s="8"/>
      <c r="RUJ18" s="8"/>
      <c r="RUK18" s="8"/>
      <c r="RUL18" s="8"/>
      <c r="RUM18" s="8"/>
      <c r="RUN18" s="8"/>
      <c r="RUO18" s="8"/>
      <c r="RUP18" s="8"/>
      <c r="RUQ18" s="8"/>
      <c r="RUR18" s="8"/>
      <c r="RUS18" s="8"/>
      <c r="RUT18" s="8"/>
      <c r="RUU18" s="8"/>
      <c r="RUV18" s="8"/>
      <c r="RUW18" s="8"/>
      <c r="RUX18" s="8"/>
      <c r="RUY18" s="8"/>
      <c r="RUZ18" s="8"/>
      <c r="RVA18" s="8"/>
      <c r="RVB18" s="8"/>
      <c r="RVC18" s="8"/>
      <c r="RVD18" s="8"/>
      <c r="RVE18" s="8"/>
      <c r="RVF18" s="8"/>
      <c r="RVG18" s="8"/>
      <c r="RVH18" s="8"/>
      <c r="RVI18" s="8"/>
      <c r="RVJ18" s="8"/>
      <c r="RVK18" s="8"/>
      <c r="RVL18" s="8"/>
      <c r="RVM18" s="8"/>
      <c r="RVN18" s="8"/>
      <c r="RVO18" s="8"/>
      <c r="RVP18" s="8"/>
      <c r="RVQ18" s="8"/>
      <c r="RVR18" s="8"/>
      <c r="RVS18" s="8"/>
      <c r="RVT18" s="8"/>
      <c r="RVU18" s="8"/>
      <c r="RVV18" s="8"/>
      <c r="RVW18" s="8"/>
      <c r="RVX18" s="8"/>
      <c r="RVY18" s="8"/>
      <c r="RVZ18" s="8"/>
      <c r="RWA18" s="8"/>
      <c r="RWB18" s="8"/>
      <c r="RWC18" s="8"/>
      <c r="RWD18" s="8"/>
      <c r="RWE18" s="8"/>
      <c r="RWF18" s="8"/>
      <c r="RWG18" s="8"/>
      <c r="RWH18" s="8"/>
      <c r="RWI18" s="8"/>
      <c r="RWJ18" s="8"/>
      <c r="RWK18" s="8"/>
      <c r="RWL18" s="8"/>
      <c r="RWM18" s="8"/>
      <c r="RWN18" s="8"/>
      <c r="RWO18" s="8"/>
      <c r="RWP18" s="8"/>
      <c r="RWQ18" s="8"/>
      <c r="RWR18" s="8"/>
      <c r="RWS18" s="8"/>
      <c r="RWT18" s="8"/>
      <c r="RWU18" s="8"/>
      <c r="RWV18" s="8"/>
      <c r="RWW18" s="8"/>
      <c r="RWX18" s="8"/>
      <c r="RWY18" s="8"/>
      <c r="RWZ18" s="8"/>
      <c r="RXA18" s="8"/>
      <c r="RXB18" s="8"/>
      <c r="RXC18" s="8"/>
      <c r="RXD18" s="8"/>
      <c r="RXE18" s="8"/>
      <c r="RXF18" s="8"/>
      <c r="RXG18" s="8"/>
      <c r="RXH18" s="8"/>
      <c r="RXI18" s="8"/>
      <c r="RXJ18" s="8"/>
      <c r="RXK18" s="8"/>
      <c r="RXL18" s="8"/>
      <c r="RXM18" s="8"/>
      <c r="RXN18" s="8"/>
      <c r="RXO18" s="8"/>
      <c r="RXP18" s="8"/>
      <c r="RXQ18" s="8"/>
      <c r="RXR18" s="8"/>
      <c r="RXS18" s="8"/>
      <c r="RXT18" s="8"/>
      <c r="RXU18" s="8"/>
      <c r="RXV18" s="8"/>
      <c r="RXW18" s="8"/>
      <c r="RXX18" s="8"/>
      <c r="RXY18" s="8"/>
      <c r="RXZ18" s="8"/>
      <c r="RYA18" s="8"/>
      <c r="RYB18" s="8"/>
      <c r="RYC18" s="8"/>
      <c r="RYD18" s="8"/>
      <c r="RYE18" s="8"/>
      <c r="RYF18" s="8"/>
      <c r="RYG18" s="8"/>
      <c r="RYH18" s="8"/>
      <c r="RYI18" s="8"/>
      <c r="RYJ18" s="8"/>
      <c r="RYK18" s="8"/>
      <c r="RYL18" s="8"/>
      <c r="RYM18" s="8"/>
      <c r="RYN18" s="8"/>
      <c r="RYO18" s="8"/>
      <c r="RYP18" s="8"/>
      <c r="RYQ18" s="8"/>
      <c r="RYR18" s="8"/>
      <c r="RYS18" s="8"/>
      <c r="RYT18" s="8"/>
      <c r="RYU18" s="8"/>
      <c r="RYV18" s="8"/>
      <c r="RYW18" s="8"/>
      <c r="RYX18" s="8"/>
      <c r="RYY18" s="8"/>
      <c r="RYZ18" s="8"/>
      <c r="RZA18" s="8"/>
      <c r="RZB18" s="8"/>
      <c r="RZC18" s="8"/>
      <c r="RZD18" s="8"/>
      <c r="RZE18" s="8"/>
      <c r="RZF18" s="8"/>
      <c r="RZG18" s="8"/>
      <c r="RZH18" s="8"/>
      <c r="RZI18" s="8"/>
      <c r="RZJ18" s="8"/>
      <c r="RZK18" s="8"/>
      <c r="RZL18" s="8"/>
      <c r="RZM18" s="8"/>
      <c r="RZN18" s="8"/>
      <c r="RZO18" s="8"/>
      <c r="RZP18" s="8"/>
      <c r="RZQ18" s="8"/>
      <c r="RZR18" s="8"/>
      <c r="RZS18" s="8"/>
      <c r="RZT18" s="8"/>
      <c r="RZU18" s="8"/>
      <c r="RZV18" s="8"/>
      <c r="RZW18" s="8"/>
      <c r="RZX18" s="8"/>
      <c r="RZY18" s="8"/>
      <c r="RZZ18" s="8"/>
      <c r="SAA18" s="8"/>
      <c r="SAB18" s="8"/>
      <c r="SAC18" s="8"/>
      <c r="SAD18" s="8"/>
      <c r="SAE18" s="8"/>
      <c r="SAF18" s="8"/>
      <c r="SAG18" s="8"/>
      <c r="SAH18" s="8"/>
      <c r="SAI18" s="8"/>
      <c r="SAJ18" s="8"/>
      <c r="SAK18" s="8"/>
      <c r="SAL18" s="8"/>
      <c r="SAM18" s="8"/>
      <c r="SAN18" s="8"/>
      <c r="SAO18" s="8"/>
      <c r="SAP18" s="8"/>
      <c r="SAQ18" s="8"/>
      <c r="SAR18" s="8"/>
      <c r="SAS18" s="8"/>
      <c r="SAT18" s="8"/>
      <c r="SAU18" s="8"/>
      <c r="SAV18" s="8"/>
      <c r="SAW18" s="8"/>
      <c r="SAX18" s="8"/>
      <c r="SAY18" s="8"/>
      <c r="SAZ18" s="8"/>
      <c r="SBA18" s="8"/>
      <c r="SBB18" s="8"/>
      <c r="SBC18" s="8"/>
      <c r="SBD18" s="8"/>
      <c r="SBE18" s="8"/>
      <c r="SBF18" s="8"/>
      <c r="SBG18" s="8"/>
      <c r="SBH18" s="8"/>
      <c r="SBI18" s="8"/>
      <c r="SBJ18" s="8"/>
      <c r="SBK18" s="8"/>
      <c r="SBL18" s="8"/>
      <c r="SBM18" s="8"/>
      <c r="SBN18" s="8"/>
      <c r="SBO18" s="8"/>
      <c r="SBP18" s="8"/>
      <c r="SBQ18" s="8"/>
      <c r="SBR18" s="8"/>
      <c r="SBS18" s="8"/>
      <c r="SBT18" s="8"/>
      <c r="SBU18" s="8"/>
      <c r="SBV18" s="8"/>
      <c r="SBW18" s="8"/>
      <c r="SBX18" s="8"/>
      <c r="SBY18" s="8"/>
      <c r="SBZ18" s="8"/>
      <c r="SCA18" s="8"/>
      <c r="SCB18" s="8"/>
      <c r="SCC18" s="8"/>
      <c r="SCD18" s="8"/>
      <c r="SCE18" s="8"/>
      <c r="SCF18" s="8"/>
      <c r="SCG18" s="8"/>
      <c r="SCH18" s="8"/>
      <c r="SCI18" s="8"/>
      <c r="SCJ18" s="8"/>
      <c r="SCK18" s="8"/>
      <c r="SCL18" s="8"/>
      <c r="SCM18" s="8"/>
      <c r="SCN18" s="8"/>
      <c r="SCO18" s="8"/>
      <c r="SCP18" s="8"/>
      <c r="SCQ18" s="8"/>
      <c r="SCR18" s="8"/>
      <c r="SCS18" s="8"/>
      <c r="SCT18" s="8"/>
      <c r="SCU18" s="8"/>
      <c r="SCV18" s="8"/>
      <c r="SCW18" s="8"/>
      <c r="SCX18" s="8"/>
      <c r="SCY18" s="8"/>
      <c r="SCZ18" s="8"/>
      <c r="SDA18" s="8"/>
      <c r="SDB18" s="8"/>
      <c r="SDC18" s="8"/>
      <c r="SDD18" s="8"/>
      <c r="SDE18" s="8"/>
      <c r="SDF18" s="8"/>
      <c r="SDG18" s="8"/>
      <c r="SDH18" s="8"/>
      <c r="SDI18" s="8"/>
      <c r="SDJ18" s="8"/>
      <c r="SDK18" s="8"/>
      <c r="SDL18" s="8"/>
      <c r="SDM18" s="8"/>
      <c r="SDN18" s="8"/>
      <c r="SDO18" s="8"/>
      <c r="SDP18" s="8"/>
      <c r="SDQ18" s="8"/>
      <c r="SDR18" s="8"/>
      <c r="SDS18" s="8"/>
      <c r="SDT18" s="8"/>
      <c r="SDU18" s="8"/>
      <c r="SDV18" s="8"/>
      <c r="SDW18" s="8"/>
      <c r="SDX18" s="8"/>
      <c r="SDY18" s="8"/>
      <c r="SDZ18" s="8"/>
      <c r="SEA18" s="8"/>
      <c r="SEB18" s="8"/>
      <c r="SEC18" s="8"/>
      <c r="SED18" s="8"/>
      <c r="SEE18" s="8"/>
      <c r="SEF18" s="8"/>
      <c r="SEG18" s="8"/>
      <c r="SEH18" s="8"/>
      <c r="SEI18" s="8"/>
      <c r="SEJ18" s="8"/>
      <c r="SEK18" s="8"/>
      <c r="SEL18" s="8"/>
      <c r="SEM18" s="8"/>
      <c r="SEN18" s="8"/>
      <c r="SEO18" s="8"/>
      <c r="SEP18" s="8"/>
      <c r="SEQ18" s="8"/>
      <c r="SER18" s="8"/>
      <c r="SES18" s="8"/>
      <c r="SET18" s="8"/>
      <c r="SEU18" s="8"/>
      <c r="SEV18" s="8"/>
      <c r="SEW18" s="8"/>
      <c r="SEX18" s="8"/>
      <c r="SEY18" s="8"/>
      <c r="SEZ18" s="8"/>
      <c r="SFA18" s="8"/>
      <c r="SFB18" s="8"/>
      <c r="SFC18" s="8"/>
      <c r="SFD18" s="8"/>
      <c r="SFE18" s="8"/>
      <c r="SFF18" s="8"/>
      <c r="SFG18" s="8"/>
      <c r="SFH18" s="8"/>
      <c r="SFI18" s="8"/>
      <c r="SFJ18" s="8"/>
      <c r="SFK18" s="8"/>
      <c r="SFL18" s="8"/>
      <c r="SFM18" s="8"/>
      <c r="SFN18" s="8"/>
      <c r="SFO18" s="8"/>
      <c r="SFP18" s="8"/>
      <c r="SFQ18" s="8"/>
      <c r="SFR18" s="8"/>
      <c r="SFS18" s="8"/>
      <c r="SFT18" s="8"/>
      <c r="SFU18" s="8"/>
      <c r="SFV18" s="8"/>
      <c r="SFW18" s="8"/>
      <c r="SFX18" s="8"/>
      <c r="SFY18" s="8"/>
      <c r="SFZ18" s="8"/>
      <c r="SGA18" s="8"/>
      <c r="SGB18" s="8"/>
      <c r="SGC18" s="8"/>
      <c r="SGD18" s="8"/>
      <c r="SGE18" s="8"/>
      <c r="SGF18" s="8"/>
      <c r="SGG18" s="8"/>
      <c r="SGH18" s="8"/>
      <c r="SGI18" s="8"/>
      <c r="SGJ18" s="8"/>
      <c r="SGK18" s="8"/>
      <c r="SGL18" s="8"/>
      <c r="SGM18" s="8"/>
      <c r="SGN18" s="8"/>
      <c r="SGO18" s="8"/>
      <c r="SGP18" s="8"/>
      <c r="SGQ18" s="8"/>
      <c r="SGR18" s="8"/>
      <c r="SGS18" s="8"/>
      <c r="SGT18" s="8"/>
      <c r="SGU18" s="8"/>
      <c r="SGV18" s="8"/>
      <c r="SGW18" s="8"/>
      <c r="SGX18" s="8"/>
      <c r="SGY18" s="8"/>
      <c r="SGZ18" s="8"/>
      <c r="SHA18" s="8"/>
      <c r="SHB18" s="8"/>
      <c r="SHC18" s="8"/>
      <c r="SHD18" s="8"/>
      <c r="SHE18" s="8"/>
      <c r="SHF18" s="8"/>
      <c r="SHG18" s="8"/>
      <c r="SHH18" s="8"/>
      <c r="SHI18" s="8"/>
      <c r="SHJ18" s="8"/>
      <c r="SHK18" s="8"/>
      <c r="SHL18" s="8"/>
      <c r="SHM18" s="8"/>
      <c r="SHN18" s="8"/>
      <c r="SHO18" s="8"/>
      <c r="SHP18" s="8"/>
      <c r="SHQ18" s="8"/>
      <c r="SHR18" s="8"/>
      <c r="SHS18" s="8"/>
      <c r="SHT18" s="8"/>
      <c r="SHU18" s="8"/>
      <c r="SHV18" s="8"/>
      <c r="SHW18" s="8"/>
      <c r="SHX18" s="8"/>
      <c r="SHY18" s="8"/>
      <c r="SHZ18" s="8"/>
      <c r="SIA18" s="8"/>
      <c r="SIB18" s="8"/>
      <c r="SIC18" s="8"/>
      <c r="SID18" s="8"/>
      <c r="SIE18" s="8"/>
      <c r="SIF18" s="8"/>
      <c r="SIG18" s="8"/>
      <c r="SIH18" s="8"/>
      <c r="SII18" s="8"/>
      <c r="SIJ18" s="8"/>
      <c r="SIK18" s="8"/>
      <c r="SIL18" s="8"/>
      <c r="SIM18" s="8"/>
      <c r="SIN18" s="8"/>
      <c r="SIO18" s="8"/>
      <c r="SIP18" s="8"/>
      <c r="SIQ18" s="8"/>
      <c r="SIR18" s="8"/>
      <c r="SIS18" s="8"/>
      <c r="SIT18" s="8"/>
      <c r="SIU18" s="8"/>
      <c r="SIV18" s="8"/>
      <c r="SIW18" s="8"/>
      <c r="SIX18" s="8"/>
      <c r="SIY18" s="8"/>
      <c r="SIZ18" s="8"/>
      <c r="SJA18" s="8"/>
      <c r="SJB18" s="8"/>
      <c r="SJC18" s="8"/>
      <c r="SJD18" s="8"/>
      <c r="SJE18" s="8"/>
      <c r="SJF18" s="8"/>
      <c r="SJG18" s="8"/>
      <c r="SJH18" s="8"/>
      <c r="SJI18" s="8"/>
      <c r="SJJ18" s="8"/>
      <c r="SJK18" s="8"/>
      <c r="SJL18" s="8"/>
      <c r="SJM18" s="8"/>
      <c r="SJN18" s="8"/>
      <c r="SJO18" s="8"/>
      <c r="SJP18" s="8"/>
      <c r="SJQ18" s="8"/>
      <c r="SJR18" s="8"/>
      <c r="SJS18" s="8"/>
      <c r="SJT18" s="8"/>
      <c r="SJU18" s="8"/>
      <c r="SJV18" s="8"/>
      <c r="SJW18" s="8"/>
      <c r="SJX18" s="8"/>
      <c r="SJY18" s="8"/>
      <c r="SJZ18" s="8"/>
      <c r="SKA18" s="8"/>
      <c r="SKB18" s="8"/>
      <c r="SKC18" s="8"/>
      <c r="SKD18" s="8"/>
      <c r="SKE18" s="8"/>
      <c r="SKF18" s="8"/>
      <c r="SKG18" s="8"/>
      <c r="SKH18" s="8"/>
      <c r="SKI18" s="8"/>
      <c r="SKJ18" s="8"/>
      <c r="SKK18" s="8"/>
      <c r="SKL18" s="8"/>
      <c r="SKM18" s="8"/>
      <c r="SKN18" s="8"/>
      <c r="SKO18" s="8"/>
      <c r="SKP18" s="8"/>
      <c r="SKQ18" s="8"/>
      <c r="SKR18" s="8"/>
      <c r="SKS18" s="8"/>
      <c r="SKT18" s="8"/>
      <c r="SKU18" s="8"/>
      <c r="SKV18" s="8"/>
      <c r="SKW18" s="8"/>
      <c r="SKX18" s="8"/>
      <c r="SKY18" s="8"/>
      <c r="SKZ18" s="8"/>
      <c r="SLA18" s="8"/>
      <c r="SLB18" s="8"/>
      <c r="SLC18" s="8"/>
      <c r="SLD18" s="8"/>
      <c r="SLE18" s="8"/>
      <c r="SLF18" s="8"/>
      <c r="SLG18" s="8"/>
      <c r="SLH18" s="8"/>
      <c r="SLI18" s="8"/>
      <c r="SLJ18" s="8"/>
      <c r="SLK18" s="8"/>
      <c r="SLL18" s="8"/>
      <c r="SLM18" s="8"/>
      <c r="SLN18" s="8"/>
      <c r="SLO18" s="8"/>
      <c r="SLP18" s="8"/>
      <c r="SLQ18" s="8"/>
      <c r="SLR18" s="8"/>
      <c r="SLS18" s="8"/>
      <c r="SLT18" s="8"/>
      <c r="SLU18" s="8"/>
      <c r="SLV18" s="8"/>
      <c r="SLW18" s="8"/>
      <c r="SLX18" s="8"/>
      <c r="SLY18" s="8"/>
      <c r="SLZ18" s="8"/>
      <c r="SMA18" s="8"/>
      <c r="SMB18" s="8"/>
      <c r="SMC18" s="8"/>
      <c r="SMD18" s="8"/>
      <c r="SME18" s="8"/>
      <c r="SMF18" s="8"/>
      <c r="SMG18" s="8"/>
      <c r="SMH18" s="8"/>
      <c r="SMI18" s="8"/>
      <c r="SMJ18" s="8"/>
      <c r="SMK18" s="8"/>
      <c r="SML18" s="8"/>
      <c r="SMM18" s="8"/>
      <c r="SMN18" s="8"/>
      <c r="SMO18" s="8"/>
      <c r="SMP18" s="8"/>
      <c r="SMQ18" s="8"/>
      <c r="SMR18" s="8"/>
      <c r="SMS18" s="8"/>
      <c r="SMT18" s="8"/>
      <c r="SMU18" s="8"/>
      <c r="SMV18" s="8"/>
      <c r="SMW18" s="8"/>
      <c r="SMX18" s="8"/>
      <c r="SMY18" s="8"/>
      <c r="SMZ18" s="8"/>
      <c r="SNA18" s="8"/>
      <c r="SNB18" s="8"/>
      <c r="SNC18" s="8"/>
      <c r="SND18" s="8"/>
      <c r="SNE18" s="8"/>
      <c r="SNF18" s="8"/>
      <c r="SNG18" s="8"/>
      <c r="SNH18" s="8"/>
      <c r="SNI18" s="8"/>
      <c r="SNJ18" s="8"/>
      <c r="SNK18" s="8"/>
      <c r="SNL18" s="8"/>
      <c r="SNM18" s="8"/>
      <c r="SNN18" s="8"/>
      <c r="SNO18" s="8"/>
      <c r="SNP18" s="8"/>
      <c r="SNQ18" s="8"/>
      <c r="SNR18" s="8"/>
      <c r="SNS18" s="8"/>
      <c r="SNT18" s="8"/>
      <c r="SNU18" s="8"/>
      <c r="SNV18" s="8"/>
      <c r="SNW18" s="8"/>
      <c r="SNX18" s="8"/>
      <c r="SNY18" s="8"/>
      <c r="SNZ18" s="8"/>
      <c r="SOA18" s="8"/>
      <c r="SOB18" s="8"/>
      <c r="SOC18" s="8"/>
      <c r="SOD18" s="8"/>
      <c r="SOE18" s="8"/>
      <c r="SOF18" s="8"/>
      <c r="SOG18" s="8"/>
      <c r="SOH18" s="8"/>
      <c r="SOI18" s="8"/>
      <c r="SOJ18" s="8"/>
      <c r="SOK18" s="8"/>
      <c r="SOL18" s="8"/>
      <c r="SOM18" s="8"/>
      <c r="SON18" s="8"/>
      <c r="SOO18" s="8"/>
      <c r="SOP18" s="8"/>
      <c r="SOQ18" s="8"/>
      <c r="SOR18" s="8"/>
      <c r="SOS18" s="8"/>
      <c r="SOT18" s="8"/>
      <c r="SOU18" s="8"/>
      <c r="SOV18" s="8"/>
      <c r="SOW18" s="8"/>
      <c r="SOX18" s="8"/>
      <c r="SOY18" s="8"/>
      <c r="SOZ18" s="8"/>
      <c r="SPA18" s="8"/>
      <c r="SPB18" s="8"/>
      <c r="SPC18" s="8"/>
      <c r="SPD18" s="8"/>
      <c r="SPE18" s="8"/>
      <c r="SPF18" s="8"/>
      <c r="SPG18" s="8"/>
      <c r="SPH18" s="8"/>
      <c r="SPI18" s="8"/>
      <c r="SPJ18" s="8"/>
      <c r="SPK18" s="8"/>
      <c r="SPL18" s="8"/>
      <c r="SPM18" s="8"/>
      <c r="SPN18" s="8"/>
      <c r="SPO18" s="8"/>
      <c r="SPP18" s="8"/>
      <c r="SPQ18" s="8"/>
      <c r="SPR18" s="8"/>
      <c r="SPS18" s="8"/>
      <c r="SPT18" s="8"/>
      <c r="SPU18" s="8"/>
      <c r="SPV18" s="8"/>
      <c r="SPW18" s="8"/>
      <c r="SPX18" s="8"/>
      <c r="SPY18" s="8"/>
      <c r="SPZ18" s="8"/>
      <c r="SQA18" s="8"/>
      <c r="SQB18" s="8"/>
      <c r="SQC18" s="8"/>
      <c r="SQD18" s="8"/>
      <c r="SQE18" s="8"/>
      <c r="SQF18" s="8"/>
      <c r="SQG18" s="8"/>
      <c r="SQH18" s="8"/>
      <c r="SQI18" s="8"/>
      <c r="SQJ18" s="8"/>
      <c r="SQK18" s="8"/>
      <c r="SQL18" s="8"/>
      <c r="SQM18" s="8"/>
      <c r="SQN18" s="8"/>
      <c r="SQO18" s="8"/>
      <c r="SQP18" s="8"/>
      <c r="SQQ18" s="8"/>
      <c r="SQR18" s="8"/>
      <c r="SQS18" s="8"/>
      <c r="SQT18" s="8"/>
      <c r="SQU18" s="8"/>
      <c r="SQV18" s="8"/>
      <c r="SQW18" s="8"/>
      <c r="SQX18" s="8"/>
      <c r="SQY18" s="8"/>
      <c r="SQZ18" s="8"/>
      <c r="SRA18" s="8"/>
      <c r="SRB18" s="8"/>
      <c r="SRC18" s="8"/>
      <c r="SRD18" s="8"/>
      <c r="SRE18" s="8"/>
      <c r="SRF18" s="8"/>
      <c r="SRG18" s="8"/>
      <c r="SRH18" s="8"/>
      <c r="SRI18" s="8"/>
      <c r="SRJ18" s="8"/>
      <c r="SRK18" s="8"/>
      <c r="SRL18" s="8"/>
      <c r="SRM18" s="8"/>
      <c r="SRN18" s="8"/>
      <c r="SRO18" s="8"/>
      <c r="SRP18" s="8"/>
      <c r="SRQ18" s="8"/>
      <c r="SRR18" s="8"/>
      <c r="SRS18" s="8"/>
      <c r="SRT18" s="8"/>
      <c r="SRU18" s="8"/>
      <c r="SRV18" s="8"/>
      <c r="SRW18" s="8"/>
      <c r="SRX18" s="8"/>
      <c r="SRY18" s="8"/>
      <c r="SRZ18" s="8"/>
      <c r="SSA18" s="8"/>
      <c r="SSB18" s="8"/>
      <c r="SSC18" s="8"/>
      <c r="SSD18" s="8"/>
      <c r="SSE18" s="8"/>
      <c r="SSF18" s="8"/>
      <c r="SSG18" s="8"/>
      <c r="SSH18" s="8"/>
      <c r="SSI18" s="8"/>
      <c r="SSJ18" s="8"/>
      <c r="SSK18" s="8"/>
      <c r="SSL18" s="8"/>
      <c r="SSM18" s="8"/>
      <c r="SSN18" s="8"/>
      <c r="SSO18" s="8"/>
      <c r="SSP18" s="8"/>
      <c r="SSQ18" s="8"/>
      <c r="SSR18" s="8"/>
      <c r="SSS18" s="8"/>
      <c r="SST18" s="8"/>
      <c r="SSU18" s="8"/>
      <c r="SSV18" s="8"/>
      <c r="SSW18" s="8"/>
      <c r="SSX18" s="8"/>
      <c r="SSY18" s="8"/>
      <c r="SSZ18" s="8"/>
      <c r="STA18" s="8"/>
      <c r="STB18" s="8"/>
      <c r="STC18" s="8"/>
      <c r="STD18" s="8"/>
      <c r="STE18" s="8"/>
      <c r="STF18" s="8"/>
      <c r="STG18" s="8"/>
      <c r="STH18" s="8"/>
      <c r="STI18" s="8"/>
      <c r="STJ18" s="8"/>
      <c r="STK18" s="8"/>
      <c r="STL18" s="8"/>
      <c r="STM18" s="8"/>
      <c r="STN18" s="8"/>
      <c r="STO18" s="8"/>
      <c r="STP18" s="8"/>
      <c r="STQ18" s="8"/>
      <c r="STR18" s="8"/>
      <c r="STS18" s="8"/>
      <c r="STT18" s="8"/>
      <c r="STU18" s="8"/>
      <c r="STV18" s="8"/>
      <c r="STW18" s="8"/>
      <c r="STX18" s="8"/>
      <c r="STY18" s="8"/>
      <c r="STZ18" s="8"/>
      <c r="SUA18" s="8"/>
      <c r="SUB18" s="8"/>
      <c r="SUC18" s="8"/>
      <c r="SUD18" s="8"/>
      <c r="SUE18" s="8"/>
      <c r="SUF18" s="8"/>
      <c r="SUG18" s="8"/>
      <c r="SUH18" s="8"/>
      <c r="SUI18" s="8"/>
      <c r="SUJ18" s="8"/>
      <c r="SUK18" s="8"/>
      <c r="SUL18" s="8"/>
      <c r="SUM18" s="8"/>
      <c r="SUN18" s="8"/>
      <c r="SUO18" s="8"/>
      <c r="SUP18" s="8"/>
      <c r="SUQ18" s="8"/>
      <c r="SUR18" s="8"/>
      <c r="SUS18" s="8"/>
      <c r="SUT18" s="8"/>
      <c r="SUU18" s="8"/>
      <c r="SUV18" s="8"/>
      <c r="SUW18" s="8"/>
      <c r="SUX18" s="8"/>
      <c r="SUY18" s="8"/>
      <c r="SUZ18" s="8"/>
      <c r="SVA18" s="8"/>
      <c r="SVB18" s="8"/>
      <c r="SVC18" s="8"/>
      <c r="SVD18" s="8"/>
      <c r="SVE18" s="8"/>
      <c r="SVF18" s="8"/>
      <c r="SVG18" s="8"/>
      <c r="SVH18" s="8"/>
      <c r="SVI18" s="8"/>
      <c r="SVJ18" s="8"/>
      <c r="SVK18" s="8"/>
      <c r="SVL18" s="8"/>
      <c r="SVM18" s="8"/>
      <c r="SVN18" s="8"/>
      <c r="SVO18" s="8"/>
      <c r="SVP18" s="8"/>
      <c r="SVQ18" s="8"/>
      <c r="SVR18" s="8"/>
      <c r="SVS18" s="8"/>
      <c r="SVT18" s="8"/>
      <c r="SVU18" s="8"/>
      <c r="SVV18" s="8"/>
      <c r="SVW18" s="8"/>
      <c r="SVX18" s="8"/>
      <c r="SVY18" s="8"/>
      <c r="SVZ18" s="8"/>
      <c r="SWA18" s="8"/>
      <c r="SWB18" s="8"/>
      <c r="SWC18" s="8"/>
      <c r="SWD18" s="8"/>
      <c r="SWE18" s="8"/>
      <c r="SWF18" s="8"/>
      <c r="SWG18" s="8"/>
      <c r="SWH18" s="8"/>
      <c r="SWI18" s="8"/>
      <c r="SWJ18" s="8"/>
      <c r="SWK18" s="8"/>
      <c r="SWL18" s="8"/>
      <c r="SWM18" s="8"/>
      <c r="SWN18" s="8"/>
      <c r="SWO18" s="8"/>
      <c r="SWP18" s="8"/>
      <c r="SWQ18" s="8"/>
      <c r="SWR18" s="8"/>
      <c r="SWS18" s="8"/>
      <c r="SWT18" s="8"/>
      <c r="SWU18" s="8"/>
      <c r="SWV18" s="8"/>
      <c r="SWW18" s="8"/>
      <c r="SWX18" s="8"/>
      <c r="SWY18" s="8"/>
      <c r="SWZ18" s="8"/>
      <c r="SXA18" s="8"/>
      <c r="SXB18" s="8"/>
      <c r="SXC18" s="8"/>
      <c r="SXD18" s="8"/>
      <c r="SXE18" s="8"/>
      <c r="SXF18" s="8"/>
      <c r="SXG18" s="8"/>
      <c r="SXH18" s="8"/>
      <c r="SXI18" s="8"/>
      <c r="SXJ18" s="8"/>
      <c r="SXK18" s="8"/>
      <c r="SXL18" s="8"/>
      <c r="SXM18" s="8"/>
      <c r="SXN18" s="8"/>
      <c r="SXO18" s="8"/>
      <c r="SXP18" s="8"/>
      <c r="SXQ18" s="8"/>
      <c r="SXR18" s="8"/>
      <c r="SXS18" s="8"/>
      <c r="SXT18" s="8"/>
      <c r="SXU18" s="8"/>
      <c r="SXV18" s="8"/>
      <c r="SXW18" s="8"/>
      <c r="SXX18" s="8"/>
      <c r="SXY18" s="8"/>
      <c r="SXZ18" s="8"/>
      <c r="SYA18" s="8"/>
      <c r="SYB18" s="8"/>
      <c r="SYC18" s="8"/>
      <c r="SYD18" s="8"/>
      <c r="SYE18" s="8"/>
      <c r="SYF18" s="8"/>
      <c r="SYG18" s="8"/>
      <c r="SYH18" s="8"/>
      <c r="SYI18" s="8"/>
      <c r="SYJ18" s="8"/>
      <c r="SYK18" s="8"/>
      <c r="SYL18" s="8"/>
      <c r="SYM18" s="8"/>
      <c r="SYN18" s="8"/>
      <c r="SYO18" s="8"/>
      <c r="SYP18" s="8"/>
      <c r="SYQ18" s="8"/>
      <c r="SYR18" s="8"/>
      <c r="SYS18" s="8"/>
      <c r="SYT18" s="8"/>
      <c r="SYU18" s="8"/>
      <c r="SYV18" s="8"/>
      <c r="SYW18" s="8"/>
      <c r="SYX18" s="8"/>
      <c r="SYY18" s="8"/>
      <c r="SYZ18" s="8"/>
      <c r="SZA18" s="8"/>
      <c r="SZB18" s="8"/>
      <c r="SZC18" s="8"/>
      <c r="SZD18" s="8"/>
      <c r="SZE18" s="8"/>
      <c r="SZF18" s="8"/>
      <c r="SZG18" s="8"/>
      <c r="SZH18" s="8"/>
      <c r="SZI18" s="8"/>
      <c r="SZJ18" s="8"/>
      <c r="SZK18" s="8"/>
      <c r="SZL18" s="8"/>
      <c r="SZM18" s="8"/>
      <c r="SZN18" s="8"/>
      <c r="SZO18" s="8"/>
      <c r="SZP18" s="8"/>
      <c r="SZQ18" s="8"/>
      <c r="SZR18" s="8"/>
      <c r="SZS18" s="8"/>
      <c r="SZT18" s="8"/>
      <c r="SZU18" s="8"/>
      <c r="SZV18" s="8"/>
      <c r="SZW18" s="8"/>
      <c r="SZX18" s="8"/>
      <c r="SZY18" s="8"/>
      <c r="SZZ18" s="8"/>
      <c r="TAA18" s="8"/>
      <c r="TAB18" s="8"/>
      <c r="TAC18" s="8"/>
      <c r="TAD18" s="8"/>
      <c r="TAE18" s="8"/>
      <c r="TAF18" s="8"/>
      <c r="TAG18" s="8"/>
      <c r="TAH18" s="8"/>
      <c r="TAI18" s="8"/>
      <c r="TAJ18" s="8"/>
      <c r="TAK18" s="8"/>
      <c r="TAL18" s="8"/>
      <c r="TAM18" s="8"/>
      <c r="TAN18" s="8"/>
      <c r="TAO18" s="8"/>
      <c r="TAP18" s="8"/>
      <c r="TAQ18" s="8"/>
      <c r="TAR18" s="8"/>
      <c r="TAS18" s="8"/>
      <c r="TAT18" s="8"/>
      <c r="TAU18" s="8"/>
      <c r="TAV18" s="8"/>
      <c r="TAW18" s="8"/>
      <c r="TAX18" s="8"/>
      <c r="TAY18" s="8"/>
      <c r="TAZ18" s="8"/>
      <c r="TBA18" s="8"/>
      <c r="TBB18" s="8"/>
      <c r="TBC18" s="8"/>
      <c r="TBD18" s="8"/>
      <c r="TBE18" s="8"/>
      <c r="TBF18" s="8"/>
      <c r="TBG18" s="8"/>
      <c r="TBH18" s="8"/>
      <c r="TBI18" s="8"/>
      <c r="TBJ18" s="8"/>
      <c r="TBK18" s="8"/>
      <c r="TBL18" s="8"/>
      <c r="TBM18" s="8"/>
      <c r="TBN18" s="8"/>
      <c r="TBO18" s="8"/>
      <c r="TBP18" s="8"/>
      <c r="TBQ18" s="8"/>
      <c r="TBR18" s="8"/>
      <c r="TBS18" s="8"/>
      <c r="TBT18" s="8"/>
      <c r="TBU18" s="8"/>
      <c r="TBV18" s="8"/>
      <c r="TBW18" s="8"/>
      <c r="TBX18" s="8"/>
      <c r="TBY18" s="8"/>
      <c r="TBZ18" s="8"/>
      <c r="TCA18" s="8"/>
      <c r="TCB18" s="8"/>
      <c r="TCC18" s="8"/>
      <c r="TCD18" s="8"/>
      <c r="TCE18" s="8"/>
      <c r="TCF18" s="8"/>
      <c r="TCG18" s="8"/>
      <c r="TCH18" s="8"/>
      <c r="TCI18" s="8"/>
      <c r="TCJ18" s="8"/>
      <c r="TCK18" s="8"/>
      <c r="TCL18" s="8"/>
      <c r="TCM18" s="8"/>
      <c r="TCN18" s="8"/>
      <c r="TCO18" s="8"/>
      <c r="TCP18" s="8"/>
      <c r="TCQ18" s="8"/>
      <c r="TCR18" s="8"/>
      <c r="TCS18" s="8"/>
      <c r="TCT18" s="8"/>
      <c r="TCU18" s="8"/>
      <c r="TCV18" s="8"/>
      <c r="TCW18" s="8"/>
      <c r="TCX18" s="8"/>
      <c r="TCY18" s="8"/>
      <c r="TCZ18" s="8"/>
      <c r="TDA18" s="8"/>
      <c r="TDB18" s="8"/>
      <c r="TDC18" s="8"/>
      <c r="TDD18" s="8"/>
      <c r="TDE18" s="8"/>
      <c r="TDF18" s="8"/>
      <c r="TDG18" s="8"/>
      <c r="TDH18" s="8"/>
      <c r="TDI18" s="8"/>
      <c r="TDJ18" s="8"/>
      <c r="TDK18" s="8"/>
      <c r="TDL18" s="8"/>
      <c r="TDM18" s="8"/>
      <c r="TDN18" s="8"/>
      <c r="TDO18" s="8"/>
      <c r="TDP18" s="8"/>
      <c r="TDQ18" s="8"/>
      <c r="TDR18" s="8"/>
      <c r="TDS18" s="8"/>
      <c r="TDT18" s="8"/>
      <c r="TDU18" s="8"/>
      <c r="TDV18" s="8"/>
      <c r="TDW18" s="8"/>
      <c r="TDX18" s="8"/>
      <c r="TDY18" s="8"/>
      <c r="TDZ18" s="8"/>
      <c r="TEA18" s="8"/>
      <c r="TEB18" s="8"/>
      <c r="TEC18" s="8"/>
      <c r="TED18" s="8"/>
      <c r="TEE18" s="8"/>
      <c r="TEF18" s="8"/>
      <c r="TEG18" s="8"/>
      <c r="TEH18" s="8"/>
      <c r="TEI18" s="8"/>
      <c r="TEJ18" s="8"/>
      <c r="TEK18" s="8"/>
      <c r="TEL18" s="8"/>
      <c r="TEM18" s="8"/>
      <c r="TEN18" s="8"/>
      <c r="TEO18" s="8"/>
      <c r="TEP18" s="8"/>
      <c r="TEQ18" s="8"/>
      <c r="TER18" s="8"/>
      <c r="TES18" s="8"/>
      <c r="TET18" s="8"/>
      <c r="TEU18" s="8"/>
      <c r="TEV18" s="8"/>
      <c r="TEW18" s="8"/>
      <c r="TEX18" s="8"/>
      <c r="TEY18" s="8"/>
      <c r="TEZ18" s="8"/>
      <c r="TFA18" s="8"/>
      <c r="TFB18" s="8"/>
      <c r="TFC18" s="8"/>
      <c r="TFD18" s="8"/>
      <c r="TFE18" s="8"/>
      <c r="TFF18" s="8"/>
      <c r="TFG18" s="8"/>
      <c r="TFH18" s="8"/>
      <c r="TFI18" s="8"/>
      <c r="TFJ18" s="8"/>
      <c r="TFK18" s="8"/>
      <c r="TFL18" s="8"/>
      <c r="TFM18" s="8"/>
      <c r="TFN18" s="8"/>
      <c r="TFO18" s="8"/>
      <c r="TFP18" s="8"/>
      <c r="TFQ18" s="8"/>
      <c r="TFR18" s="8"/>
      <c r="TFS18" s="8"/>
      <c r="TFT18" s="8"/>
      <c r="TFU18" s="8"/>
      <c r="TFV18" s="8"/>
      <c r="TFW18" s="8"/>
      <c r="TFX18" s="8"/>
      <c r="TFY18" s="8"/>
      <c r="TFZ18" s="8"/>
      <c r="TGA18" s="8"/>
      <c r="TGB18" s="8"/>
      <c r="TGC18" s="8"/>
      <c r="TGD18" s="8"/>
      <c r="TGE18" s="8"/>
      <c r="TGF18" s="8"/>
      <c r="TGG18" s="8"/>
      <c r="TGH18" s="8"/>
      <c r="TGI18" s="8"/>
      <c r="TGJ18" s="8"/>
      <c r="TGK18" s="8"/>
      <c r="TGL18" s="8"/>
      <c r="TGM18" s="8"/>
      <c r="TGN18" s="8"/>
      <c r="TGO18" s="8"/>
      <c r="TGP18" s="8"/>
      <c r="TGQ18" s="8"/>
      <c r="TGR18" s="8"/>
      <c r="TGS18" s="8"/>
      <c r="TGT18" s="8"/>
      <c r="TGU18" s="8"/>
      <c r="TGV18" s="8"/>
      <c r="TGW18" s="8"/>
      <c r="TGX18" s="8"/>
      <c r="TGY18" s="8"/>
      <c r="TGZ18" s="8"/>
      <c r="THA18" s="8"/>
      <c r="THB18" s="8"/>
      <c r="THC18" s="8"/>
      <c r="THD18" s="8"/>
      <c r="THE18" s="8"/>
      <c r="THF18" s="8"/>
      <c r="THG18" s="8"/>
      <c r="THH18" s="8"/>
      <c r="THI18" s="8"/>
      <c r="THJ18" s="8"/>
      <c r="THK18" s="8"/>
      <c r="THL18" s="8"/>
      <c r="THM18" s="8"/>
      <c r="THN18" s="8"/>
      <c r="THO18" s="8"/>
      <c r="THP18" s="8"/>
      <c r="THQ18" s="8"/>
      <c r="THR18" s="8"/>
      <c r="THS18" s="8"/>
      <c r="THT18" s="8"/>
      <c r="THU18" s="8"/>
      <c r="THV18" s="8"/>
      <c r="THW18" s="8"/>
      <c r="THX18" s="8"/>
      <c r="THY18" s="8"/>
      <c r="THZ18" s="8"/>
      <c r="TIA18" s="8"/>
      <c r="TIB18" s="8"/>
      <c r="TIC18" s="8"/>
      <c r="TID18" s="8"/>
      <c r="TIE18" s="8"/>
      <c r="TIF18" s="8"/>
      <c r="TIG18" s="8"/>
      <c r="TIH18" s="8"/>
      <c r="TII18" s="8"/>
      <c r="TIJ18" s="8"/>
      <c r="TIK18" s="8"/>
      <c r="TIL18" s="8"/>
      <c r="TIM18" s="8"/>
      <c r="TIN18" s="8"/>
      <c r="TIO18" s="8"/>
      <c r="TIP18" s="8"/>
      <c r="TIQ18" s="8"/>
      <c r="TIR18" s="8"/>
      <c r="TIS18" s="8"/>
      <c r="TIT18" s="8"/>
      <c r="TIU18" s="8"/>
      <c r="TIV18" s="8"/>
      <c r="TIW18" s="8"/>
      <c r="TIX18" s="8"/>
      <c r="TIY18" s="8"/>
      <c r="TIZ18" s="8"/>
      <c r="TJA18" s="8"/>
      <c r="TJB18" s="8"/>
      <c r="TJC18" s="8"/>
      <c r="TJD18" s="8"/>
      <c r="TJE18" s="8"/>
      <c r="TJF18" s="8"/>
      <c r="TJG18" s="8"/>
      <c r="TJH18" s="8"/>
      <c r="TJI18" s="8"/>
      <c r="TJJ18" s="8"/>
      <c r="TJK18" s="8"/>
      <c r="TJL18" s="8"/>
      <c r="TJM18" s="8"/>
      <c r="TJN18" s="8"/>
      <c r="TJO18" s="8"/>
      <c r="TJP18" s="8"/>
      <c r="TJQ18" s="8"/>
      <c r="TJR18" s="8"/>
      <c r="TJS18" s="8"/>
      <c r="TJT18" s="8"/>
      <c r="TJU18" s="8"/>
      <c r="TJV18" s="8"/>
      <c r="TJW18" s="8"/>
      <c r="TJX18" s="8"/>
      <c r="TJY18" s="8"/>
      <c r="TJZ18" s="8"/>
      <c r="TKA18" s="8"/>
      <c r="TKB18" s="8"/>
      <c r="TKC18" s="8"/>
      <c r="TKD18" s="8"/>
      <c r="TKE18" s="8"/>
      <c r="TKF18" s="8"/>
      <c r="TKG18" s="8"/>
      <c r="TKH18" s="8"/>
      <c r="TKI18" s="8"/>
      <c r="TKJ18" s="8"/>
      <c r="TKK18" s="8"/>
      <c r="TKL18" s="8"/>
      <c r="TKM18" s="8"/>
      <c r="TKN18" s="8"/>
      <c r="TKO18" s="8"/>
      <c r="TKP18" s="8"/>
      <c r="TKQ18" s="8"/>
      <c r="TKR18" s="8"/>
      <c r="TKS18" s="8"/>
      <c r="TKT18" s="8"/>
      <c r="TKU18" s="8"/>
      <c r="TKV18" s="8"/>
      <c r="TKW18" s="8"/>
      <c r="TKX18" s="8"/>
      <c r="TKY18" s="8"/>
      <c r="TKZ18" s="8"/>
      <c r="TLA18" s="8"/>
      <c r="TLB18" s="8"/>
      <c r="TLC18" s="8"/>
      <c r="TLD18" s="8"/>
      <c r="TLE18" s="8"/>
      <c r="TLF18" s="8"/>
      <c r="TLG18" s="8"/>
      <c r="TLH18" s="8"/>
      <c r="TLI18" s="8"/>
      <c r="TLJ18" s="8"/>
      <c r="TLK18" s="8"/>
      <c r="TLL18" s="8"/>
      <c r="TLM18" s="8"/>
      <c r="TLN18" s="8"/>
      <c r="TLO18" s="8"/>
      <c r="TLP18" s="8"/>
      <c r="TLQ18" s="8"/>
      <c r="TLR18" s="8"/>
      <c r="TLS18" s="8"/>
      <c r="TLT18" s="8"/>
      <c r="TLU18" s="8"/>
      <c r="TLV18" s="8"/>
      <c r="TLW18" s="8"/>
      <c r="TLX18" s="8"/>
      <c r="TLY18" s="8"/>
      <c r="TLZ18" s="8"/>
      <c r="TMA18" s="8"/>
      <c r="TMB18" s="8"/>
      <c r="TMC18" s="8"/>
      <c r="TMD18" s="8"/>
      <c r="TME18" s="8"/>
      <c r="TMF18" s="8"/>
      <c r="TMG18" s="8"/>
      <c r="TMH18" s="8"/>
      <c r="TMI18" s="8"/>
      <c r="TMJ18" s="8"/>
      <c r="TMK18" s="8"/>
      <c r="TML18" s="8"/>
      <c r="TMM18" s="8"/>
      <c r="TMN18" s="8"/>
      <c r="TMO18" s="8"/>
      <c r="TMP18" s="8"/>
      <c r="TMQ18" s="8"/>
      <c r="TMR18" s="8"/>
      <c r="TMS18" s="8"/>
      <c r="TMT18" s="8"/>
      <c r="TMU18" s="8"/>
      <c r="TMV18" s="8"/>
      <c r="TMW18" s="8"/>
      <c r="TMX18" s="8"/>
      <c r="TMY18" s="8"/>
      <c r="TMZ18" s="8"/>
      <c r="TNA18" s="8"/>
      <c r="TNB18" s="8"/>
      <c r="TNC18" s="8"/>
      <c r="TND18" s="8"/>
      <c r="TNE18" s="8"/>
      <c r="TNF18" s="8"/>
      <c r="TNG18" s="8"/>
      <c r="TNH18" s="8"/>
      <c r="TNI18" s="8"/>
      <c r="TNJ18" s="8"/>
      <c r="TNK18" s="8"/>
      <c r="TNL18" s="8"/>
      <c r="TNM18" s="8"/>
      <c r="TNN18" s="8"/>
      <c r="TNO18" s="8"/>
      <c r="TNP18" s="8"/>
      <c r="TNQ18" s="8"/>
      <c r="TNR18" s="8"/>
      <c r="TNS18" s="8"/>
      <c r="TNT18" s="8"/>
      <c r="TNU18" s="8"/>
      <c r="TNV18" s="8"/>
      <c r="TNW18" s="8"/>
      <c r="TNX18" s="8"/>
      <c r="TNY18" s="8"/>
      <c r="TNZ18" s="8"/>
      <c r="TOA18" s="8"/>
      <c r="TOB18" s="8"/>
      <c r="TOC18" s="8"/>
      <c r="TOD18" s="8"/>
      <c r="TOE18" s="8"/>
      <c r="TOF18" s="8"/>
      <c r="TOG18" s="8"/>
      <c r="TOH18" s="8"/>
      <c r="TOI18" s="8"/>
      <c r="TOJ18" s="8"/>
      <c r="TOK18" s="8"/>
      <c r="TOL18" s="8"/>
      <c r="TOM18" s="8"/>
      <c r="TON18" s="8"/>
      <c r="TOO18" s="8"/>
      <c r="TOP18" s="8"/>
      <c r="TOQ18" s="8"/>
      <c r="TOR18" s="8"/>
      <c r="TOS18" s="8"/>
      <c r="TOT18" s="8"/>
      <c r="TOU18" s="8"/>
      <c r="TOV18" s="8"/>
      <c r="TOW18" s="8"/>
      <c r="TOX18" s="8"/>
      <c r="TOY18" s="8"/>
      <c r="TOZ18" s="8"/>
      <c r="TPA18" s="8"/>
      <c r="TPB18" s="8"/>
      <c r="TPC18" s="8"/>
      <c r="TPD18" s="8"/>
      <c r="TPE18" s="8"/>
      <c r="TPF18" s="8"/>
      <c r="TPG18" s="8"/>
      <c r="TPH18" s="8"/>
      <c r="TPI18" s="8"/>
      <c r="TPJ18" s="8"/>
      <c r="TPK18" s="8"/>
      <c r="TPL18" s="8"/>
      <c r="TPM18" s="8"/>
      <c r="TPN18" s="8"/>
      <c r="TPO18" s="8"/>
      <c r="TPP18" s="8"/>
      <c r="TPQ18" s="8"/>
      <c r="TPR18" s="8"/>
      <c r="TPS18" s="8"/>
      <c r="TPT18" s="8"/>
      <c r="TPU18" s="8"/>
      <c r="TPV18" s="8"/>
      <c r="TPW18" s="8"/>
      <c r="TPX18" s="8"/>
      <c r="TPY18" s="8"/>
      <c r="TPZ18" s="8"/>
      <c r="TQA18" s="8"/>
      <c r="TQB18" s="8"/>
      <c r="TQC18" s="8"/>
      <c r="TQD18" s="8"/>
      <c r="TQE18" s="8"/>
      <c r="TQF18" s="8"/>
      <c r="TQG18" s="8"/>
      <c r="TQH18" s="8"/>
      <c r="TQI18" s="8"/>
      <c r="TQJ18" s="8"/>
      <c r="TQK18" s="8"/>
      <c r="TQL18" s="8"/>
      <c r="TQM18" s="8"/>
      <c r="TQN18" s="8"/>
      <c r="TQO18" s="8"/>
      <c r="TQP18" s="8"/>
      <c r="TQQ18" s="8"/>
      <c r="TQR18" s="8"/>
      <c r="TQS18" s="8"/>
      <c r="TQT18" s="8"/>
      <c r="TQU18" s="8"/>
      <c r="TQV18" s="8"/>
      <c r="TQW18" s="8"/>
      <c r="TQX18" s="8"/>
      <c r="TQY18" s="8"/>
      <c r="TQZ18" s="8"/>
      <c r="TRA18" s="8"/>
      <c r="TRB18" s="8"/>
      <c r="TRC18" s="8"/>
      <c r="TRD18" s="8"/>
      <c r="TRE18" s="8"/>
      <c r="TRF18" s="8"/>
      <c r="TRG18" s="8"/>
      <c r="TRH18" s="8"/>
      <c r="TRI18" s="8"/>
      <c r="TRJ18" s="8"/>
      <c r="TRK18" s="8"/>
      <c r="TRL18" s="8"/>
      <c r="TRM18" s="8"/>
      <c r="TRN18" s="8"/>
      <c r="TRO18" s="8"/>
      <c r="TRP18" s="8"/>
      <c r="TRQ18" s="8"/>
      <c r="TRR18" s="8"/>
      <c r="TRS18" s="8"/>
      <c r="TRT18" s="8"/>
      <c r="TRU18" s="8"/>
      <c r="TRV18" s="8"/>
      <c r="TRW18" s="8"/>
      <c r="TRX18" s="8"/>
      <c r="TRY18" s="8"/>
      <c r="TRZ18" s="8"/>
      <c r="TSA18" s="8"/>
      <c r="TSB18" s="8"/>
      <c r="TSC18" s="8"/>
      <c r="TSD18" s="8"/>
      <c r="TSE18" s="8"/>
      <c r="TSF18" s="8"/>
      <c r="TSG18" s="8"/>
      <c r="TSH18" s="8"/>
      <c r="TSI18" s="8"/>
      <c r="TSJ18" s="8"/>
      <c r="TSK18" s="8"/>
      <c r="TSL18" s="8"/>
      <c r="TSM18" s="8"/>
      <c r="TSN18" s="8"/>
      <c r="TSO18" s="8"/>
      <c r="TSP18" s="8"/>
      <c r="TSQ18" s="8"/>
      <c r="TSR18" s="8"/>
      <c r="TSS18" s="8"/>
      <c r="TST18" s="8"/>
      <c r="TSU18" s="8"/>
      <c r="TSV18" s="8"/>
      <c r="TSW18" s="8"/>
      <c r="TSX18" s="8"/>
      <c r="TSY18" s="8"/>
      <c r="TSZ18" s="8"/>
      <c r="TTA18" s="8"/>
      <c r="TTB18" s="8"/>
      <c r="TTC18" s="8"/>
      <c r="TTD18" s="8"/>
      <c r="TTE18" s="8"/>
      <c r="TTF18" s="8"/>
      <c r="TTG18" s="8"/>
      <c r="TTH18" s="8"/>
      <c r="TTI18" s="8"/>
      <c r="TTJ18" s="8"/>
      <c r="TTK18" s="8"/>
      <c r="TTL18" s="8"/>
      <c r="TTM18" s="8"/>
      <c r="TTN18" s="8"/>
      <c r="TTO18" s="8"/>
      <c r="TTP18" s="8"/>
      <c r="TTQ18" s="8"/>
      <c r="TTR18" s="8"/>
      <c r="TTS18" s="8"/>
      <c r="TTT18" s="8"/>
      <c r="TTU18" s="8"/>
      <c r="TTV18" s="8"/>
      <c r="TTW18" s="8"/>
      <c r="TTX18" s="8"/>
      <c r="TTY18" s="8"/>
      <c r="TTZ18" s="8"/>
      <c r="TUA18" s="8"/>
      <c r="TUB18" s="8"/>
      <c r="TUC18" s="8"/>
      <c r="TUD18" s="8"/>
      <c r="TUE18" s="8"/>
      <c r="TUF18" s="8"/>
      <c r="TUG18" s="8"/>
      <c r="TUH18" s="8"/>
      <c r="TUI18" s="8"/>
      <c r="TUJ18" s="8"/>
      <c r="TUK18" s="8"/>
      <c r="TUL18" s="8"/>
      <c r="TUM18" s="8"/>
      <c r="TUN18" s="8"/>
      <c r="TUO18" s="8"/>
      <c r="TUP18" s="8"/>
      <c r="TUQ18" s="8"/>
      <c r="TUR18" s="8"/>
      <c r="TUS18" s="8"/>
      <c r="TUT18" s="8"/>
      <c r="TUU18" s="8"/>
      <c r="TUV18" s="8"/>
      <c r="TUW18" s="8"/>
      <c r="TUX18" s="8"/>
      <c r="TUY18" s="8"/>
      <c r="TUZ18" s="8"/>
      <c r="TVA18" s="8"/>
      <c r="TVB18" s="8"/>
      <c r="TVC18" s="8"/>
      <c r="TVD18" s="8"/>
      <c r="TVE18" s="8"/>
      <c r="TVF18" s="8"/>
      <c r="TVG18" s="8"/>
      <c r="TVH18" s="8"/>
      <c r="TVI18" s="8"/>
      <c r="TVJ18" s="8"/>
      <c r="TVK18" s="8"/>
      <c r="TVL18" s="8"/>
      <c r="TVM18" s="8"/>
      <c r="TVN18" s="8"/>
      <c r="TVO18" s="8"/>
      <c r="TVP18" s="8"/>
      <c r="TVQ18" s="8"/>
      <c r="TVR18" s="8"/>
      <c r="TVS18" s="8"/>
      <c r="TVT18" s="8"/>
      <c r="TVU18" s="8"/>
      <c r="TVV18" s="8"/>
      <c r="TVW18" s="8"/>
      <c r="TVX18" s="8"/>
      <c r="TVY18" s="8"/>
      <c r="TVZ18" s="8"/>
      <c r="TWA18" s="8"/>
      <c r="TWB18" s="8"/>
      <c r="TWC18" s="8"/>
      <c r="TWD18" s="8"/>
      <c r="TWE18" s="8"/>
      <c r="TWF18" s="8"/>
      <c r="TWG18" s="8"/>
      <c r="TWH18" s="8"/>
      <c r="TWI18" s="8"/>
      <c r="TWJ18" s="8"/>
      <c r="TWK18" s="8"/>
      <c r="TWL18" s="8"/>
      <c r="TWM18" s="8"/>
      <c r="TWN18" s="8"/>
      <c r="TWO18" s="8"/>
      <c r="TWP18" s="8"/>
      <c r="TWQ18" s="8"/>
      <c r="TWR18" s="8"/>
      <c r="TWS18" s="8"/>
      <c r="TWT18" s="8"/>
      <c r="TWU18" s="8"/>
      <c r="TWV18" s="8"/>
      <c r="TWW18" s="8"/>
      <c r="TWX18" s="8"/>
      <c r="TWY18" s="8"/>
      <c r="TWZ18" s="8"/>
      <c r="TXA18" s="8"/>
      <c r="TXB18" s="8"/>
      <c r="TXC18" s="8"/>
      <c r="TXD18" s="8"/>
      <c r="TXE18" s="8"/>
      <c r="TXF18" s="8"/>
      <c r="TXG18" s="8"/>
      <c r="TXH18" s="8"/>
      <c r="TXI18" s="8"/>
      <c r="TXJ18" s="8"/>
      <c r="TXK18" s="8"/>
      <c r="TXL18" s="8"/>
      <c r="TXM18" s="8"/>
      <c r="TXN18" s="8"/>
      <c r="TXO18" s="8"/>
      <c r="TXP18" s="8"/>
      <c r="TXQ18" s="8"/>
      <c r="TXR18" s="8"/>
      <c r="TXS18" s="8"/>
      <c r="TXT18" s="8"/>
      <c r="TXU18" s="8"/>
      <c r="TXV18" s="8"/>
      <c r="TXW18" s="8"/>
      <c r="TXX18" s="8"/>
      <c r="TXY18" s="8"/>
      <c r="TXZ18" s="8"/>
      <c r="TYA18" s="8"/>
      <c r="TYB18" s="8"/>
      <c r="TYC18" s="8"/>
      <c r="TYD18" s="8"/>
      <c r="TYE18" s="8"/>
      <c r="TYF18" s="8"/>
      <c r="TYG18" s="8"/>
      <c r="TYH18" s="8"/>
      <c r="TYI18" s="8"/>
      <c r="TYJ18" s="8"/>
      <c r="TYK18" s="8"/>
      <c r="TYL18" s="8"/>
      <c r="TYM18" s="8"/>
      <c r="TYN18" s="8"/>
      <c r="TYO18" s="8"/>
      <c r="TYP18" s="8"/>
      <c r="TYQ18" s="8"/>
      <c r="TYR18" s="8"/>
      <c r="TYS18" s="8"/>
      <c r="TYT18" s="8"/>
      <c r="TYU18" s="8"/>
      <c r="TYV18" s="8"/>
      <c r="TYW18" s="8"/>
      <c r="TYX18" s="8"/>
      <c r="TYY18" s="8"/>
      <c r="TYZ18" s="8"/>
      <c r="TZA18" s="8"/>
      <c r="TZB18" s="8"/>
      <c r="TZC18" s="8"/>
      <c r="TZD18" s="8"/>
      <c r="TZE18" s="8"/>
      <c r="TZF18" s="8"/>
      <c r="TZG18" s="8"/>
      <c r="TZH18" s="8"/>
      <c r="TZI18" s="8"/>
      <c r="TZJ18" s="8"/>
      <c r="TZK18" s="8"/>
      <c r="TZL18" s="8"/>
      <c r="TZM18" s="8"/>
      <c r="TZN18" s="8"/>
      <c r="TZO18" s="8"/>
      <c r="TZP18" s="8"/>
      <c r="TZQ18" s="8"/>
      <c r="TZR18" s="8"/>
      <c r="TZS18" s="8"/>
      <c r="TZT18" s="8"/>
      <c r="TZU18" s="8"/>
      <c r="TZV18" s="8"/>
      <c r="TZW18" s="8"/>
      <c r="TZX18" s="8"/>
      <c r="TZY18" s="8"/>
      <c r="TZZ18" s="8"/>
      <c r="UAA18" s="8"/>
      <c r="UAB18" s="8"/>
      <c r="UAC18" s="8"/>
      <c r="UAD18" s="8"/>
      <c r="UAE18" s="8"/>
      <c r="UAF18" s="8"/>
      <c r="UAG18" s="8"/>
      <c r="UAH18" s="8"/>
      <c r="UAI18" s="8"/>
      <c r="UAJ18" s="8"/>
      <c r="UAK18" s="8"/>
      <c r="UAL18" s="8"/>
      <c r="UAM18" s="8"/>
      <c r="UAN18" s="8"/>
      <c r="UAO18" s="8"/>
      <c r="UAP18" s="8"/>
      <c r="UAQ18" s="8"/>
      <c r="UAR18" s="8"/>
      <c r="UAS18" s="8"/>
      <c r="UAT18" s="8"/>
      <c r="UAU18" s="8"/>
      <c r="UAV18" s="8"/>
      <c r="UAW18" s="8"/>
      <c r="UAX18" s="8"/>
      <c r="UAY18" s="8"/>
      <c r="UAZ18" s="8"/>
      <c r="UBA18" s="8"/>
      <c r="UBB18" s="8"/>
      <c r="UBC18" s="8"/>
      <c r="UBD18" s="8"/>
      <c r="UBE18" s="8"/>
      <c r="UBF18" s="8"/>
      <c r="UBG18" s="8"/>
      <c r="UBH18" s="8"/>
      <c r="UBI18" s="8"/>
      <c r="UBJ18" s="8"/>
      <c r="UBK18" s="8"/>
      <c r="UBL18" s="8"/>
      <c r="UBM18" s="8"/>
      <c r="UBN18" s="8"/>
      <c r="UBO18" s="8"/>
      <c r="UBP18" s="8"/>
      <c r="UBQ18" s="8"/>
      <c r="UBR18" s="8"/>
      <c r="UBS18" s="8"/>
      <c r="UBT18" s="8"/>
      <c r="UBU18" s="8"/>
      <c r="UBV18" s="8"/>
      <c r="UBW18" s="8"/>
      <c r="UBX18" s="8"/>
      <c r="UBY18" s="8"/>
      <c r="UBZ18" s="8"/>
      <c r="UCA18" s="8"/>
      <c r="UCB18" s="8"/>
      <c r="UCC18" s="8"/>
      <c r="UCD18" s="8"/>
      <c r="UCE18" s="8"/>
      <c r="UCF18" s="8"/>
      <c r="UCG18" s="8"/>
      <c r="UCH18" s="8"/>
      <c r="UCI18" s="8"/>
      <c r="UCJ18" s="8"/>
      <c r="UCK18" s="8"/>
      <c r="UCL18" s="8"/>
      <c r="UCM18" s="8"/>
      <c r="UCN18" s="8"/>
      <c r="UCO18" s="8"/>
      <c r="UCP18" s="8"/>
      <c r="UCQ18" s="8"/>
      <c r="UCR18" s="8"/>
      <c r="UCS18" s="8"/>
      <c r="UCT18" s="8"/>
      <c r="UCU18" s="8"/>
      <c r="UCV18" s="8"/>
      <c r="UCW18" s="8"/>
      <c r="UCX18" s="8"/>
      <c r="UCY18" s="8"/>
      <c r="UCZ18" s="8"/>
      <c r="UDA18" s="8"/>
      <c r="UDB18" s="8"/>
      <c r="UDC18" s="8"/>
      <c r="UDD18" s="8"/>
      <c r="UDE18" s="8"/>
      <c r="UDF18" s="8"/>
      <c r="UDG18" s="8"/>
      <c r="UDH18" s="8"/>
      <c r="UDI18" s="8"/>
      <c r="UDJ18" s="8"/>
      <c r="UDK18" s="8"/>
      <c r="UDL18" s="8"/>
      <c r="UDM18" s="8"/>
      <c r="UDN18" s="8"/>
      <c r="UDO18" s="8"/>
      <c r="UDP18" s="8"/>
      <c r="UDQ18" s="8"/>
      <c r="UDR18" s="8"/>
      <c r="UDS18" s="8"/>
      <c r="UDT18" s="8"/>
      <c r="UDU18" s="8"/>
      <c r="UDV18" s="8"/>
      <c r="UDW18" s="8"/>
      <c r="UDX18" s="8"/>
      <c r="UDY18" s="8"/>
      <c r="UDZ18" s="8"/>
      <c r="UEA18" s="8"/>
      <c r="UEB18" s="8"/>
      <c r="UEC18" s="8"/>
      <c r="UED18" s="8"/>
      <c r="UEE18" s="8"/>
      <c r="UEF18" s="8"/>
      <c r="UEG18" s="8"/>
      <c r="UEH18" s="8"/>
      <c r="UEI18" s="8"/>
      <c r="UEJ18" s="8"/>
      <c r="UEK18" s="8"/>
      <c r="UEL18" s="8"/>
      <c r="UEM18" s="8"/>
      <c r="UEN18" s="8"/>
      <c r="UEO18" s="8"/>
      <c r="UEP18" s="8"/>
      <c r="UEQ18" s="8"/>
      <c r="UER18" s="8"/>
      <c r="UES18" s="8"/>
      <c r="UET18" s="8"/>
      <c r="UEU18" s="8"/>
      <c r="UEV18" s="8"/>
      <c r="UEW18" s="8"/>
      <c r="UEX18" s="8"/>
      <c r="UEY18" s="8"/>
      <c r="UEZ18" s="8"/>
      <c r="UFA18" s="8"/>
      <c r="UFB18" s="8"/>
      <c r="UFC18" s="8"/>
      <c r="UFD18" s="8"/>
      <c r="UFE18" s="8"/>
      <c r="UFF18" s="8"/>
      <c r="UFG18" s="8"/>
      <c r="UFH18" s="8"/>
      <c r="UFI18" s="8"/>
      <c r="UFJ18" s="8"/>
      <c r="UFK18" s="8"/>
      <c r="UFL18" s="8"/>
      <c r="UFM18" s="8"/>
      <c r="UFN18" s="8"/>
      <c r="UFO18" s="8"/>
      <c r="UFP18" s="8"/>
      <c r="UFQ18" s="8"/>
      <c r="UFR18" s="8"/>
      <c r="UFS18" s="8"/>
      <c r="UFT18" s="8"/>
      <c r="UFU18" s="8"/>
      <c r="UFV18" s="8"/>
      <c r="UFW18" s="8"/>
      <c r="UFX18" s="8"/>
      <c r="UFY18" s="8"/>
      <c r="UFZ18" s="8"/>
      <c r="UGA18" s="8"/>
      <c r="UGB18" s="8"/>
      <c r="UGC18" s="8"/>
      <c r="UGD18" s="8"/>
      <c r="UGE18" s="8"/>
      <c r="UGF18" s="8"/>
      <c r="UGG18" s="8"/>
      <c r="UGH18" s="8"/>
      <c r="UGI18" s="8"/>
      <c r="UGJ18" s="8"/>
      <c r="UGK18" s="8"/>
      <c r="UGL18" s="8"/>
      <c r="UGM18" s="8"/>
      <c r="UGN18" s="8"/>
      <c r="UGO18" s="8"/>
      <c r="UGP18" s="8"/>
      <c r="UGQ18" s="8"/>
      <c r="UGR18" s="8"/>
      <c r="UGS18" s="8"/>
      <c r="UGT18" s="8"/>
      <c r="UGU18" s="8"/>
      <c r="UGV18" s="8"/>
      <c r="UGW18" s="8"/>
      <c r="UGX18" s="8"/>
      <c r="UGY18" s="8"/>
      <c r="UGZ18" s="8"/>
      <c r="UHA18" s="8"/>
      <c r="UHB18" s="8"/>
      <c r="UHC18" s="8"/>
      <c r="UHD18" s="8"/>
      <c r="UHE18" s="8"/>
      <c r="UHF18" s="8"/>
      <c r="UHG18" s="8"/>
      <c r="UHH18" s="8"/>
      <c r="UHI18" s="8"/>
      <c r="UHJ18" s="8"/>
      <c r="UHK18" s="8"/>
      <c r="UHL18" s="8"/>
      <c r="UHM18" s="8"/>
      <c r="UHN18" s="8"/>
      <c r="UHO18" s="8"/>
      <c r="UHP18" s="8"/>
      <c r="UHQ18" s="8"/>
      <c r="UHR18" s="8"/>
      <c r="UHS18" s="8"/>
      <c r="UHT18" s="8"/>
      <c r="UHU18" s="8"/>
      <c r="UHV18" s="8"/>
      <c r="UHW18" s="8"/>
      <c r="UHX18" s="8"/>
      <c r="UHY18" s="8"/>
      <c r="UHZ18" s="8"/>
      <c r="UIA18" s="8"/>
      <c r="UIB18" s="8"/>
      <c r="UIC18" s="8"/>
      <c r="UID18" s="8"/>
      <c r="UIE18" s="8"/>
      <c r="UIF18" s="8"/>
      <c r="UIG18" s="8"/>
      <c r="UIH18" s="8"/>
      <c r="UII18" s="8"/>
      <c r="UIJ18" s="8"/>
      <c r="UIK18" s="8"/>
      <c r="UIL18" s="8"/>
      <c r="UIM18" s="8"/>
      <c r="UIN18" s="8"/>
      <c r="UIO18" s="8"/>
      <c r="UIP18" s="8"/>
      <c r="UIQ18" s="8"/>
      <c r="UIR18" s="8"/>
      <c r="UIS18" s="8"/>
      <c r="UIT18" s="8"/>
      <c r="UIU18" s="8"/>
      <c r="UIV18" s="8"/>
      <c r="UIW18" s="8"/>
      <c r="UIX18" s="8"/>
      <c r="UIY18" s="8"/>
      <c r="UIZ18" s="8"/>
      <c r="UJA18" s="8"/>
      <c r="UJB18" s="8"/>
      <c r="UJC18" s="8"/>
      <c r="UJD18" s="8"/>
      <c r="UJE18" s="8"/>
      <c r="UJF18" s="8"/>
      <c r="UJG18" s="8"/>
      <c r="UJH18" s="8"/>
      <c r="UJI18" s="8"/>
      <c r="UJJ18" s="8"/>
      <c r="UJK18" s="8"/>
      <c r="UJL18" s="8"/>
      <c r="UJM18" s="8"/>
      <c r="UJN18" s="8"/>
      <c r="UJO18" s="8"/>
      <c r="UJP18" s="8"/>
      <c r="UJQ18" s="8"/>
      <c r="UJR18" s="8"/>
      <c r="UJS18" s="8"/>
      <c r="UJT18" s="8"/>
      <c r="UJU18" s="8"/>
      <c r="UJV18" s="8"/>
      <c r="UJW18" s="8"/>
      <c r="UJX18" s="8"/>
      <c r="UJY18" s="8"/>
      <c r="UJZ18" s="8"/>
      <c r="UKA18" s="8"/>
      <c r="UKB18" s="8"/>
      <c r="UKC18" s="8"/>
      <c r="UKD18" s="8"/>
      <c r="UKE18" s="8"/>
      <c r="UKF18" s="8"/>
      <c r="UKG18" s="8"/>
      <c r="UKH18" s="8"/>
      <c r="UKI18" s="8"/>
      <c r="UKJ18" s="8"/>
      <c r="UKK18" s="8"/>
      <c r="UKL18" s="8"/>
      <c r="UKM18" s="8"/>
      <c r="UKN18" s="8"/>
      <c r="UKO18" s="8"/>
      <c r="UKP18" s="8"/>
      <c r="UKQ18" s="8"/>
      <c r="UKR18" s="8"/>
      <c r="UKS18" s="8"/>
      <c r="UKT18" s="8"/>
      <c r="UKU18" s="8"/>
      <c r="UKV18" s="8"/>
      <c r="UKW18" s="8"/>
      <c r="UKX18" s="8"/>
      <c r="UKY18" s="8"/>
      <c r="UKZ18" s="8"/>
      <c r="ULA18" s="8"/>
      <c r="ULB18" s="8"/>
      <c r="ULC18" s="8"/>
      <c r="ULD18" s="8"/>
      <c r="ULE18" s="8"/>
      <c r="ULF18" s="8"/>
      <c r="ULG18" s="8"/>
      <c r="ULH18" s="8"/>
      <c r="ULI18" s="8"/>
      <c r="ULJ18" s="8"/>
      <c r="ULK18" s="8"/>
      <c r="ULL18" s="8"/>
      <c r="ULM18" s="8"/>
      <c r="ULN18" s="8"/>
      <c r="ULO18" s="8"/>
      <c r="ULP18" s="8"/>
      <c r="ULQ18" s="8"/>
      <c r="ULR18" s="8"/>
      <c r="ULS18" s="8"/>
      <c r="ULT18" s="8"/>
      <c r="ULU18" s="8"/>
      <c r="ULV18" s="8"/>
      <c r="ULW18" s="8"/>
      <c r="ULX18" s="8"/>
      <c r="ULY18" s="8"/>
      <c r="ULZ18" s="8"/>
      <c r="UMA18" s="8"/>
      <c r="UMB18" s="8"/>
      <c r="UMC18" s="8"/>
      <c r="UMD18" s="8"/>
      <c r="UME18" s="8"/>
      <c r="UMF18" s="8"/>
      <c r="UMG18" s="8"/>
      <c r="UMH18" s="8"/>
      <c r="UMI18" s="8"/>
      <c r="UMJ18" s="8"/>
      <c r="UMK18" s="8"/>
      <c r="UML18" s="8"/>
      <c r="UMM18" s="8"/>
      <c r="UMN18" s="8"/>
      <c r="UMO18" s="8"/>
      <c r="UMP18" s="8"/>
      <c r="UMQ18" s="8"/>
      <c r="UMR18" s="8"/>
      <c r="UMS18" s="8"/>
      <c r="UMT18" s="8"/>
      <c r="UMU18" s="8"/>
      <c r="UMV18" s="8"/>
      <c r="UMW18" s="8"/>
      <c r="UMX18" s="8"/>
      <c r="UMY18" s="8"/>
      <c r="UMZ18" s="8"/>
      <c r="UNA18" s="8"/>
      <c r="UNB18" s="8"/>
      <c r="UNC18" s="8"/>
      <c r="UND18" s="8"/>
      <c r="UNE18" s="8"/>
      <c r="UNF18" s="8"/>
      <c r="UNG18" s="8"/>
      <c r="UNH18" s="8"/>
      <c r="UNI18" s="8"/>
      <c r="UNJ18" s="8"/>
      <c r="UNK18" s="8"/>
      <c r="UNL18" s="8"/>
      <c r="UNM18" s="8"/>
      <c r="UNN18" s="8"/>
      <c r="UNO18" s="8"/>
      <c r="UNP18" s="8"/>
      <c r="UNQ18" s="8"/>
      <c r="UNR18" s="8"/>
      <c r="UNS18" s="8"/>
      <c r="UNT18" s="8"/>
      <c r="UNU18" s="8"/>
      <c r="UNV18" s="8"/>
      <c r="UNW18" s="8"/>
      <c r="UNX18" s="8"/>
      <c r="UNY18" s="8"/>
      <c r="UNZ18" s="8"/>
      <c r="UOA18" s="8"/>
      <c r="UOB18" s="8"/>
      <c r="UOC18" s="8"/>
      <c r="UOD18" s="8"/>
      <c r="UOE18" s="8"/>
      <c r="UOF18" s="8"/>
      <c r="UOG18" s="8"/>
      <c r="UOH18" s="8"/>
      <c r="UOI18" s="8"/>
      <c r="UOJ18" s="8"/>
      <c r="UOK18" s="8"/>
      <c r="UOL18" s="8"/>
      <c r="UOM18" s="8"/>
      <c r="UON18" s="8"/>
      <c r="UOO18" s="8"/>
      <c r="UOP18" s="8"/>
      <c r="UOQ18" s="8"/>
      <c r="UOR18" s="8"/>
      <c r="UOS18" s="8"/>
      <c r="UOT18" s="8"/>
      <c r="UOU18" s="8"/>
      <c r="UOV18" s="8"/>
      <c r="UOW18" s="8"/>
      <c r="UOX18" s="8"/>
      <c r="UOY18" s="8"/>
      <c r="UOZ18" s="8"/>
      <c r="UPA18" s="8"/>
      <c r="UPB18" s="8"/>
      <c r="UPC18" s="8"/>
      <c r="UPD18" s="8"/>
      <c r="UPE18" s="8"/>
      <c r="UPF18" s="8"/>
      <c r="UPG18" s="8"/>
      <c r="UPH18" s="8"/>
      <c r="UPI18" s="8"/>
      <c r="UPJ18" s="8"/>
      <c r="UPK18" s="8"/>
      <c r="UPL18" s="8"/>
      <c r="UPM18" s="8"/>
      <c r="UPN18" s="8"/>
      <c r="UPO18" s="8"/>
      <c r="UPP18" s="8"/>
      <c r="UPQ18" s="8"/>
      <c r="UPR18" s="8"/>
      <c r="UPS18" s="8"/>
      <c r="UPT18" s="8"/>
      <c r="UPU18" s="8"/>
      <c r="UPV18" s="8"/>
      <c r="UPW18" s="8"/>
      <c r="UPX18" s="8"/>
      <c r="UPY18" s="8"/>
      <c r="UPZ18" s="8"/>
      <c r="UQA18" s="8"/>
      <c r="UQB18" s="8"/>
      <c r="UQC18" s="8"/>
      <c r="UQD18" s="8"/>
      <c r="UQE18" s="8"/>
      <c r="UQF18" s="8"/>
      <c r="UQG18" s="8"/>
      <c r="UQH18" s="8"/>
      <c r="UQI18" s="8"/>
      <c r="UQJ18" s="8"/>
      <c r="UQK18" s="8"/>
      <c r="UQL18" s="8"/>
      <c r="UQM18" s="8"/>
      <c r="UQN18" s="8"/>
      <c r="UQO18" s="8"/>
      <c r="UQP18" s="8"/>
      <c r="UQQ18" s="8"/>
      <c r="UQR18" s="8"/>
      <c r="UQS18" s="8"/>
      <c r="UQT18" s="8"/>
      <c r="UQU18" s="8"/>
      <c r="UQV18" s="8"/>
      <c r="UQW18" s="8"/>
      <c r="UQX18" s="8"/>
      <c r="UQY18" s="8"/>
      <c r="UQZ18" s="8"/>
      <c r="URA18" s="8"/>
      <c r="URB18" s="8"/>
      <c r="URC18" s="8"/>
      <c r="URD18" s="8"/>
      <c r="URE18" s="8"/>
      <c r="URF18" s="8"/>
      <c r="URG18" s="8"/>
      <c r="URH18" s="8"/>
      <c r="URI18" s="8"/>
      <c r="URJ18" s="8"/>
      <c r="URK18" s="8"/>
      <c r="URL18" s="8"/>
      <c r="URM18" s="8"/>
      <c r="URN18" s="8"/>
      <c r="URO18" s="8"/>
      <c r="URP18" s="8"/>
      <c r="URQ18" s="8"/>
      <c r="URR18" s="8"/>
      <c r="URS18" s="8"/>
      <c r="URT18" s="8"/>
      <c r="URU18" s="8"/>
      <c r="URV18" s="8"/>
      <c r="URW18" s="8"/>
      <c r="URX18" s="8"/>
      <c r="URY18" s="8"/>
      <c r="URZ18" s="8"/>
      <c r="USA18" s="8"/>
      <c r="USB18" s="8"/>
      <c r="USC18" s="8"/>
      <c r="USD18" s="8"/>
      <c r="USE18" s="8"/>
      <c r="USF18" s="8"/>
      <c r="USG18" s="8"/>
      <c r="USH18" s="8"/>
      <c r="USI18" s="8"/>
      <c r="USJ18" s="8"/>
      <c r="USK18" s="8"/>
      <c r="USL18" s="8"/>
      <c r="USM18" s="8"/>
      <c r="USN18" s="8"/>
      <c r="USO18" s="8"/>
      <c r="USP18" s="8"/>
      <c r="USQ18" s="8"/>
      <c r="USR18" s="8"/>
      <c r="USS18" s="8"/>
      <c r="UST18" s="8"/>
      <c r="USU18" s="8"/>
      <c r="USV18" s="8"/>
      <c r="USW18" s="8"/>
      <c r="USX18" s="8"/>
      <c r="USY18" s="8"/>
      <c r="USZ18" s="8"/>
      <c r="UTA18" s="8"/>
      <c r="UTB18" s="8"/>
      <c r="UTC18" s="8"/>
      <c r="UTD18" s="8"/>
      <c r="UTE18" s="8"/>
      <c r="UTF18" s="8"/>
      <c r="UTG18" s="8"/>
      <c r="UTH18" s="8"/>
      <c r="UTI18" s="8"/>
      <c r="UTJ18" s="8"/>
      <c r="UTK18" s="8"/>
      <c r="UTL18" s="8"/>
      <c r="UTM18" s="8"/>
      <c r="UTN18" s="8"/>
      <c r="UTO18" s="8"/>
      <c r="UTP18" s="8"/>
      <c r="UTQ18" s="8"/>
      <c r="UTR18" s="8"/>
      <c r="UTS18" s="8"/>
      <c r="UTT18" s="8"/>
      <c r="UTU18" s="8"/>
      <c r="UTV18" s="8"/>
      <c r="UTW18" s="8"/>
      <c r="UTX18" s="8"/>
      <c r="UTY18" s="8"/>
      <c r="UTZ18" s="8"/>
      <c r="UUA18" s="8"/>
      <c r="UUB18" s="8"/>
      <c r="UUC18" s="8"/>
      <c r="UUD18" s="8"/>
      <c r="UUE18" s="8"/>
      <c r="UUF18" s="8"/>
      <c r="UUG18" s="8"/>
      <c r="UUH18" s="8"/>
      <c r="UUI18" s="8"/>
      <c r="UUJ18" s="8"/>
      <c r="UUK18" s="8"/>
      <c r="UUL18" s="8"/>
      <c r="UUM18" s="8"/>
      <c r="UUN18" s="8"/>
      <c r="UUO18" s="8"/>
      <c r="UUP18" s="8"/>
      <c r="UUQ18" s="8"/>
      <c r="UUR18" s="8"/>
      <c r="UUS18" s="8"/>
      <c r="UUT18" s="8"/>
      <c r="UUU18" s="8"/>
      <c r="UUV18" s="8"/>
      <c r="UUW18" s="8"/>
      <c r="UUX18" s="8"/>
      <c r="UUY18" s="8"/>
      <c r="UUZ18" s="8"/>
      <c r="UVA18" s="8"/>
      <c r="UVB18" s="8"/>
      <c r="UVC18" s="8"/>
      <c r="UVD18" s="8"/>
      <c r="UVE18" s="8"/>
      <c r="UVF18" s="8"/>
      <c r="UVG18" s="8"/>
      <c r="UVH18" s="8"/>
      <c r="UVI18" s="8"/>
      <c r="UVJ18" s="8"/>
      <c r="UVK18" s="8"/>
      <c r="UVL18" s="8"/>
      <c r="UVM18" s="8"/>
      <c r="UVN18" s="8"/>
      <c r="UVO18" s="8"/>
      <c r="UVP18" s="8"/>
      <c r="UVQ18" s="8"/>
      <c r="UVR18" s="8"/>
      <c r="UVS18" s="8"/>
      <c r="UVT18" s="8"/>
      <c r="UVU18" s="8"/>
      <c r="UVV18" s="8"/>
      <c r="UVW18" s="8"/>
      <c r="UVX18" s="8"/>
      <c r="UVY18" s="8"/>
      <c r="UVZ18" s="8"/>
      <c r="UWA18" s="8"/>
      <c r="UWB18" s="8"/>
      <c r="UWC18" s="8"/>
      <c r="UWD18" s="8"/>
      <c r="UWE18" s="8"/>
      <c r="UWF18" s="8"/>
      <c r="UWG18" s="8"/>
      <c r="UWH18" s="8"/>
      <c r="UWI18" s="8"/>
      <c r="UWJ18" s="8"/>
      <c r="UWK18" s="8"/>
      <c r="UWL18" s="8"/>
      <c r="UWM18" s="8"/>
      <c r="UWN18" s="8"/>
      <c r="UWO18" s="8"/>
      <c r="UWP18" s="8"/>
      <c r="UWQ18" s="8"/>
      <c r="UWR18" s="8"/>
      <c r="UWS18" s="8"/>
      <c r="UWT18" s="8"/>
      <c r="UWU18" s="8"/>
      <c r="UWV18" s="8"/>
      <c r="UWW18" s="8"/>
      <c r="UWX18" s="8"/>
      <c r="UWY18" s="8"/>
      <c r="UWZ18" s="8"/>
      <c r="UXA18" s="8"/>
      <c r="UXB18" s="8"/>
      <c r="UXC18" s="8"/>
      <c r="UXD18" s="8"/>
      <c r="UXE18" s="8"/>
      <c r="UXF18" s="8"/>
      <c r="UXG18" s="8"/>
      <c r="UXH18" s="8"/>
      <c r="UXI18" s="8"/>
      <c r="UXJ18" s="8"/>
      <c r="UXK18" s="8"/>
      <c r="UXL18" s="8"/>
      <c r="UXM18" s="8"/>
      <c r="UXN18" s="8"/>
      <c r="UXO18" s="8"/>
      <c r="UXP18" s="8"/>
      <c r="UXQ18" s="8"/>
      <c r="UXR18" s="8"/>
      <c r="UXS18" s="8"/>
      <c r="UXT18" s="8"/>
      <c r="UXU18" s="8"/>
      <c r="UXV18" s="8"/>
      <c r="UXW18" s="8"/>
      <c r="UXX18" s="8"/>
      <c r="UXY18" s="8"/>
      <c r="UXZ18" s="8"/>
      <c r="UYA18" s="8"/>
      <c r="UYB18" s="8"/>
      <c r="UYC18" s="8"/>
      <c r="UYD18" s="8"/>
      <c r="UYE18" s="8"/>
      <c r="UYF18" s="8"/>
      <c r="UYG18" s="8"/>
      <c r="UYH18" s="8"/>
      <c r="UYI18" s="8"/>
      <c r="UYJ18" s="8"/>
      <c r="UYK18" s="8"/>
      <c r="UYL18" s="8"/>
      <c r="UYM18" s="8"/>
      <c r="UYN18" s="8"/>
      <c r="UYO18" s="8"/>
      <c r="UYP18" s="8"/>
      <c r="UYQ18" s="8"/>
      <c r="UYR18" s="8"/>
      <c r="UYS18" s="8"/>
      <c r="UYT18" s="8"/>
      <c r="UYU18" s="8"/>
      <c r="UYV18" s="8"/>
      <c r="UYW18" s="8"/>
      <c r="UYX18" s="8"/>
      <c r="UYY18" s="8"/>
      <c r="UYZ18" s="8"/>
      <c r="UZA18" s="8"/>
      <c r="UZB18" s="8"/>
      <c r="UZC18" s="8"/>
      <c r="UZD18" s="8"/>
      <c r="UZE18" s="8"/>
      <c r="UZF18" s="8"/>
      <c r="UZG18" s="8"/>
      <c r="UZH18" s="8"/>
      <c r="UZI18" s="8"/>
      <c r="UZJ18" s="8"/>
      <c r="UZK18" s="8"/>
      <c r="UZL18" s="8"/>
      <c r="UZM18" s="8"/>
      <c r="UZN18" s="8"/>
      <c r="UZO18" s="8"/>
      <c r="UZP18" s="8"/>
      <c r="UZQ18" s="8"/>
      <c r="UZR18" s="8"/>
      <c r="UZS18" s="8"/>
      <c r="UZT18" s="8"/>
      <c r="UZU18" s="8"/>
      <c r="UZV18" s="8"/>
      <c r="UZW18" s="8"/>
      <c r="UZX18" s="8"/>
      <c r="UZY18" s="8"/>
      <c r="UZZ18" s="8"/>
      <c r="VAA18" s="8"/>
      <c r="VAB18" s="8"/>
      <c r="VAC18" s="8"/>
      <c r="VAD18" s="8"/>
      <c r="VAE18" s="8"/>
      <c r="VAF18" s="8"/>
      <c r="VAG18" s="8"/>
      <c r="VAH18" s="8"/>
      <c r="VAI18" s="8"/>
      <c r="VAJ18" s="8"/>
      <c r="VAK18" s="8"/>
      <c r="VAL18" s="8"/>
      <c r="VAM18" s="8"/>
      <c r="VAN18" s="8"/>
      <c r="VAO18" s="8"/>
      <c r="VAP18" s="8"/>
      <c r="VAQ18" s="8"/>
      <c r="VAR18" s="8"/>
      <c r="VAS18" s="8"/>
      <c r="VAT18" s="8"/>
      <c r="VAU18" s="8"/>
      <c r="VAV18" s="8"/>
      <c r="VAW18" s="8"/>
      <c r="VAX18" s="8"/>
      <c r="VAY18" s="8"/>
      <c r="VAZ18" s="8"/>
      <c r="VBA18" s="8"/>
      <c r="VBB18" s="8"/>
      <c r="VBC18" s="8"/>
      <c r="VBD18" s="8"/>
      <c r="VBE18" s="8"/>
      <c r="VBF18" s="8"/>
      <c r="VBG18" s="8"/>
      <c r="VBH18" s="8"/>
      <c r="VBI18" s="8"/>
      <c r="VBJ18" s="8"/>
      <c r="VBK18" s="8"/>
      <c r="VBL18" s="8"/>
      <c r="VBM18" s="8"/>
      <c r="VBN18" s="8"/>
      <c r="VBO18" s="8"/>
      <c r="VBP18" s="8"/>
      <c r="VBQ18" s="8"/>
      <c r="VBR18" s="8"/>
      <c r="VBS18" s="8"/>
      <c r="VBT18" s="8"/>
      <c r="VBU18" s="8"/>
      <c r="VBV18" s="8"/>
      <c r="VBW18" s="8"/>
      <c r="VBX18" s="8"/>
      <c r="VBY18" s="8"/>
      <c r="VBZ18" s="8"/>
      <c r="VCA18" s="8"/>
      <c r="VCB18" s="8"/>
      <c r="VCC18" s="8"/>
      <c r="VCD18" s="8"/>
      <c r="VCE18" s="8"/>
      <c r="VCF18" s="8"/>
      <c r="VCG18" s="8"/>
      <c r="VCH18" s="8"/>
      <c r="VCI18" s="8"/>
      <c r="VCJ18" s="8"/>
      <c r="VCK18" s="8"/>
      <c r="VCL18" s="8"/>
      <c r="VCM18" s="8"/>
      <c r="VCN18" s="8"/>
      <c r="VCO18" s="8"/>
      <c r="VCP18" s="8"/>
      <c r="VCQ18" s="8"/>
      <c r="VCR18" s="8"/>
      <c r="VCS18" s="8"/>
      <c r="VCT18" s="8"/>
      <c r="VCU18" s="8"/>
      <c r="VCV18" s="8"/>
      <c r="VCW18" s="8"/>
      <c r="VCX18" s="8"/>
      <c r="VCY18" s="8"/>
      <c r="VCZ18" s="8"/>
      <c r="VDA18" s="8"/>
      <c r="VDB18" s="8"/>
      <c r="VDC18" s="8"/>
      <c r="VDD18" s="8"/>
      <c r="VDE18" s="8"/>
      <c r="VDF18" s="8"/>
      <c r="VDG18" s="8"/>
      <c r="VDH18" s="8"/>
      <c r="VDI18" s="8"/>
      <c r="VDJ18" s="8"/>
      <c r="VDK18" s="8"/>
      <c r="VDL18" s="8"/>
      <c r="VDM18" s="8"/>
      <c r="VDN18" s="8"/>
      <c r="VDO18" s="8"/>
      <c r="VDP18" s="8"/>
      <c r="VDQ18" s="8"/>
      <c r="VDR18" s="8"/>
      <c r="VDS18" s="8"/>
      <c r="VDT18" s="8"/>
      <c r="VDU18" s="8"/>
      <c r="VDV18" s="8"/>
      <c r="VDW18" s="8"/>
      <c r="VDX18" s="8"/>
      <c r="VDY18" s="8"/>
      <c r="VDZ18" s="8"/>
      <c r="VEA18" s="8"/>
      <c r="VEB18" s="8"/>
      <c r="VEC18" s="8"/>
      <c r="VED18" s="8"/>
      <c r="VEE18" s="8"/>
      <c r="VEF18" s="8"/>
      <c r="VEG18" s="8"/>
      <c r="VEH18" s="8"/>
      <c r="VEI18" s="8"/>
      <c r="VEJ18" s="8"/>
      <c r="VEK18" s="8"/>
      <c r="VEL18" s="8"/>
      <c r="VEM18" s="8"/>
      <c r="VEN18" s="8"/>
      <c r="VEO18" s="8"/>
      <c r="VEP18" s="8"/>
      <c r="VEQ18" s="8"/>
      <c r="VER18" s="8"/>
      <c r="VES18" s="8"/>
      <c r="VET18" s="8"/>
      <c r="VEU18" s="8"/>
      <c r="VEV18" s="8"/>
      <c r="VEW18" s="8"/>
      <c r="VEX18" s="8"/>
      <c r="VEY18" s="8"/>
      <c r="VEZ18" s="8"/>
      <c r="VFA18" s="8"/>
      <c r="VFB18" s="8"/>
      <c r="VFC18" s="8"/>
      <c r="VFD18" s="8"/>
      <c r="VFE18" s="8"/>
      <c r="VFF18" s="8"/>
      <c r="VFG18" s="8"/>
      <c r="VFH18" s="8"/>
      <c r="VFI18" s="8"/>
      <c r="VFJ18" s="8"/>
      <c r="VFK18" s="8"/>
      <c r="VFL18" s="8"/>
      <c r="VFM18" s="8"/>
      <c r="VFN18" s="8"/>
      <c r="VFO18" s="8"/>
      <c r="VFP18" s="8"/>
      <c r="VFQ18" s="8"/>
      <c r="VFR18" s="8"/>
      <c r="VFS18" s="8"/>
      <c r="VFT18" s="8"/>
      <c r="VFU18" s="8"/>
      <c r="VFV18" s="8"/>
      <c r="VFW18" s="8"/>
      <c r="VFX18" s="8"/>
      <c r="VFY18" s="8"/>
      <c r="VFZ18" s="8"/>
      <c r="VGA18" s="8"/>
      <c r="VGB18" s="8"/>
      <c r="VGC18" s="8"/>
      <c r="VGD18" s="8"/>
      <c r="VGE18" s="8"/>
      <c r="VGF18" s="8"/>
      <c r="VGG18" s="8"/>
      <c r="VGH18" s="8"/>
      <c r="VGI18" s="8"/>
      <c r="VGJ18" s="8"/>
      <c r="VGK18" s="8"/>
      <c r="VGL18" s="8"/>
      <c r="VGM18" s="8"/>
      <c r="VGN18" s="8"/>
      <c r="VGO18" s="8"/>
      <c r="VGP18" s="8"/>
      <c r="VGQ18" s="8"/>
      <c r="VGR18" s="8"/>
      <c r="VGS18" s="8"/>
      <c r="VGT18" s="8"/>
      <c r="VGU18" s="8"/>
      <c r="VGV18" s="8"/>
      <c r="VGW18" s="8"/>
      <c r="VGX18" s="8"/>
      <c r="VGY18" s="8"/>
      <c r="VGZ18" s="8"/>
      <c r="VHA18" s="8"/>
      <c r="VHB18" s="8"/>
      <c r="VHC18" s="8"/>
      <c r="VHD18" s="8"/>
      <c r="VHE18" s="8"/>
      <c r="VHF18" s="8"/>
      <c r="VHG18" s="8"/>
      <c r="VHH18" s="8"/>
      <c r="VHI18" s="8"/>
      <c r="VHJ18" s="8"/>
      <c r="VHK18" s="8"/>
      <c r="VHL18" s="8"/>
      <c r="VHM18" s="8"/>
      <c r="VHN18" s="8"/>
      <c r="VHO18" s="8"/>
      <c r="VHP18" s="8"/>
      <c r="VHQ18" s="8"/>
      <c r="VHR18" s="8"/>
      <c r="VHS18" s="8"/>
      <c r="VHT18" s="8"/>
      <c r="VHU18" s="8"/>
      <c r="VHV18" s="8"/>
      <c r="VHW18" s="8"/>
      <c r="VHX18" s="8"/>
      <c r="VHY18" s="8"/>
      <c r="VHZ18" s="8"/>
      <c r="VIA18" s="8"/>
      <c r="VIB18" s="8"/>
      <c r="VIC18" s="8"/>
      <c r="VID18" s="8"/>
      <c r="VIE18" s="8"/>
      <c r="VIF18" s="8"/>
      <c r="VIG18" s="8"/>
      <c r="VIH18" s="8"/>
      <c r="VII18" s="8"/>
      <c r="VIJ18" s="8"/>
      <c r="VIK18" s="8"/>
      <c r="VIL18" s="8"/>
      <c r="VIM18" s="8"/>
      <c r="VIN18" s="8"/>
      <c r="VIO18" s="8"/>
      <c r="VIP18" s="8"/>
      <c r="VIQ18" s="8"/>
      <c r="VIR18" s="8"/>
      <c r="VIS18" s="8"/>
      <c r="VIT18" s="8"/>
      <c r="VIU18" s="8"/>
      <c r="VIV18" s="8"/>
      <c r="VIW18" s="8"/>
      <c r="VIX18" s="8"/>
      <c r="VIY18" s="8"/>
      <c r="VIZ18" s="8"/>
      <c r="VJA18" s="8"/>
      <c r="VJB18" s="8"/>
      <c r="VJC18" s="8"/>
      <c r="VJD18" s="8"/>
      <c r="VJE18" s="8"/>
      <c r="VJF18" s="8"/>
      <c r="VJG18" s="8"/>
      <c r="VJH18" s="8"/>
      <c r="VJI18" s="8"/>
      <c r="VJJ18" s="8"/>
      <c r="VJK18" s="8"/>
      <c r="VJL18" s="8"/>
      <c r="VJM18" s="8"/>
      <c r="VJN18" s="8"/>
      <c r="VJO18" s="8"/>
      <c r="VJP18" s="8"/>
      <c r="VJQ18" s="8"/>
      <c r="VJR18" s="8"/>
      <c r="VJS18" s="8"/>
      <c r="VJT18" s="8"/>
      <c r="VJU18" s="8"/>
      <c r="VJV18" s="8"/>
      <c r="VJW18" s="8"/>
      <c r="VJX18" s="8"/>
      <c r="VJY18" s="8"/>
      <c r="VJZ18" s="8"/>
      <c r="VKA18" s="8"/>
      <c r="VKB18" s="8"/>
      <c r="VKC18" s="8"/>
      <c r="VKD18" s="8"/>
      <c r="VKE18" s="8"/>
      <c r="VKF18" s="8"/>
      <c r="VKG18" s="8"/>
      <c r="VKH18" s="8"/>
      <c r="VKI18" s="8"/>
      <c r="VKJ18" s="8"/>
      <c r="VKK18" s="8"/>
      <c r="VKL18" s="8"/>
      <c r="VKM18" s="8"/>
      <c r="VKN18" s="8"/>
      <c r="VKO18" s="8"/>
      <c r="VKP18" s="8"/>
      <c r="VKQ18" s="8"/>
      <c r="VKR18" s="8"/>
      <c r="VKS18" s="8"/>
      <c r="VKT18" s="8"/>
      <c r="VKU18" s="8"/>
      <c r="VKV18" s="8"/>
      <c r="VKW18" s="8"/>
      <c r="VKX18" s="8"/>
      <c r="VKY18" s="8"/>
      <c r="VKZ18" s="8"/>
      <c r="VLA18" s="8"/>
      <c r="VLB18" s="8"/>
      <c r="VLC18" s="8"/>
      <c r="VLD18" s="8"/>
      <c r="VLE18" s="8"/>
      <c r="VLF18" s="8"/>
      <c r="VLG18" s="8"/>
      <c r="VLH18" s="8"/>
      <c r="VLI18" s="8"/>
      <c r="VLJ18" s="8"/>
      <c r="VLK18" s="8"/>
      <c r="VLL18" s="8"/>
      <c r="VLM18" s="8"/>
      <c r="VLN18" s="8"/>
      <c r="VLO18" s="8"/>
      <c r="VLP18" s="8"/>
      <c r="VLQ18" s="8"/>
      <c r="VLR18" s="8"/>
      <c r="VLS18" s="8"/>
      <c r="VLT18" s="8"/>
      <c r="VLU18" s="8"/>
      <c r="VLV18" s="8"/>
      <c r="VLW18" s="8"/>
      <c r="VLX18" s="8"/>
      <c r="VLY18" s="8"/>
      <c r="VLZ18" s="8"/>
      <c r="VMA18" s="8"/>
      <c r="VMB18" s="8"/>
      <c r="VMC18" s="8"/>
      <c r="VMD18" s="8"/>
      <c r="VME18" s="8"/>
      <c r="VMF18" s="8"/>
      <c r="VMG18" s="8"/>
      <c r="VMH18" s="8"/>
      <c r="VMI18" s="8"/>
      <c r="VMJ18" s="8"/>
      <c r="VMK18" s="8"/>
      <c r="VML18" s="8"/>
      <c r="VMM18" s="8"/>
      <c r="VMN18" s="8"/>
      <c r="VMO18" s="8"/>
      <c r="VMP18" s="8"/>
      <c r="VMQ18" s="8"/>
      <c r="VMR18" s="8"/>
      <c r="VMS18" s="8"/>
      <c r="VMT18" s="8"/>
      <c r="VMU18" s="8"/>
      <c r="VMV18" s="8"/>
      <c r="VMW18" s="8"/>
      <c r="VMX18" s="8"/>
      <c r="VMY18" s="8"/>
      <c r="VMZ18" s="8"/>
      <c r="VNA18" s="8"/>
      <c r="VNB18" s="8"/>
      <c r="VNC18" s="8"/>
      <c r="VND18" s="8"/>
      <c r="VNE18" s="8"/>
      <c r="VNF18" s="8"/>
      <c r="VNG18" s="8"/>
      <c r="VNH18" s="8"/>
      <c r="VNI18" s="8"/>
      <c r="VNJ18" s="8"/>
      <c r="VNK18" s="8"/>
      <c r="VNL18" s="8"/>
      <c r="VNM18" s="8"/>
      <c r="VNN18" s="8"/>
      <c r="VNO18" s="8"/>
      <c r="VNP18" s="8"/>
      <c r="VNQ18" s="8"/>
      <c r="VNR18" s="8"/>
      <c r="VNS18" s="8"/>
      <c r="VNT18" s="8"/>
      <c r="VNU18" s="8"/>
      <c r="VNV18" s="8"/>
      <c r="VNW18" s="8"/>
      <c r="VNX18" s="8"/>
      <c r="VNY18" s="8"/>
      <c r="VNZ18" s="8"/>
      <c r="VOA18" s="8"/>
      <c r="VOB18" s="8"/>
      <c r="VOC18" s="8"/>
      <c r="VOD18" s="8"/>
      <c r="VOE18" s="8"/>
      <c r="VOF18" s="8"/>
      <c r="VOG18" s="8"/>
      <c r="VOH18" s="8"/>
      <c r="VOI18" s="8"/>
      <c r="VOJ18" s="8"/>
      <c r="VOK18" s="8"/>
      <c r="VOL18" s="8"/>
      <c r="VOM18" s="8"/>
      <c r="VON18" s="8"/>
      <c r="VOO18" s="8"/>
      <c r="VOP18" s="8"/>
      <c r="VOQ18" s="8"/>
      <c r="VOR18" s="8"/>
      <c r="VOS18" s="8"/>
      <c r="VOT18" s="8"/>
      <c r="VOU18" s="8"/>
      <c r="VOV18" s="8"/>
      <c r="VOW18" s="8"/>
      <c r="VOX18" s="8"/>
      <c r="VOY18" s="8"/>
      <c r="VOZ18" s="8"/>
      <c r="VPA18" s="8"/>
      <c r="VPB18" s="8"/>
      <c r="VPC18" s="8"/>
      <c r="VPD18" s="8"/>
      <c r="VPE18" s="8"/>
      <c r="VPF18" s="8"/>
      <c r="VPG18" s="8"/>
      <c r="VPH18" s="8"/>
      <c r="VPI18" s="8"/>
      <c r="VPJ18" s="8"/>
      <c r="VPK18" s="8"/>
      <c r="VPL18" s="8"/>
      <c r="VPM18" s="8"/>
      <c r="VPN18" s="8"/>
      <c r="VPO18" s="8"/>
      <c r="VPP18" s="8"/>
      <c r="VPQ18" s="8"/>
      <c r="VPR18" s="8"/>
      <c r="VPS18" s="8"/>
      <c r="VPT18" s="8"/>
      <c r="VPU18" s="8"/>
      <c r="VPV18" s="8"/>
      <c r="VPW18" s="8"/>
      <c r="VPX18" s="8"/>
      <c r="VPY18" s="8"/>
      <c r="VPZ18" s="8"/>
      <c r="VQA18" s="8"/>
      <c r="VQB18" s="8"/>
      <c r="VQC18" s="8"/>
      <c r="VQD18" s="8"/>
      <c r="VQE18" s="8"/>
      <c r="VQF18" s="8"/>
      <c r="VQG18" s="8"/>
      <c r="VQH18" s="8"/>
      <c r="VQI18" s="8"/>
      <c r="VQJ18" s="8"/>
      <c r="VQK18" s="8"/>
      <c r="VQL18" s="8"/>
      <c r="VQM18" s="8"/>
      <c r="VQN18" s="8"/>
      <c r="VQO18" s="8"/>
      <c r="VQP18" s="8"/>
      <c r="VQQ18" s="8"/>
      <c r="VQR18" s="8"/>
      <c r="VQS18" s="8"/>
      <c r="VQT18" s="8"/>
      <c r="VQU18" s="8"/>
      <c r="VQV18" s="8"/>
      <c r="VQW18" s="8"/>
      <c r="VQX18" s="8"/>
      <c r="VQY18" s="8"/>
      <c r="VQZ18" s="8"/>
      <c r="VRA18" s="8"/>
      <c r="VRB18" s="8"/>
      <c r="VRC18" s="8"/>
      <c r="VRD18" s="8"/>
      <c r="VRE18" s="8"/>
      <c r="VRF18" s="8"/>
      <c r="VRG18" s="8"/>
      <c r="VRH18" s="8"/>
      <c r="VRI18" s="8"/>
      <c r="VRJ18" s="8"/>
      <c r="VRK18" s="8"/>
      <c r="VRL18" s="8"/>
      <c r="VRM18" s="8"/>
      <c r="VRN18" s="8"/>
      <c r="VRO18" s="8"/>
      <c r="VRP18" s="8"/>
      <c r="VRQ18" s="8"/>
      <c r="VRR18" s="8"/>
      <c r="VRS18" s="8"/>
      <c r="VRT18" s="8"/>
      <c r="VRU18" s="8"/>
      <c r="VRV18" s="8"/>
      <c r="VRW18" s="8"/>
      <c r="VRX18" s="8"/>
      <c r="VRY18" s="8"/>
      <c r="VRZ18" s="8"/>
      <c r="VSA18" s="8"/>
      <c r="VSB18" s="8"/>
      <c r="VSC18" s="8"/>
      <c r="VSD18" s="8"/>
      <c r="VSE18" s="8"/>
      <c r="VSF18" s="8"/>
      <c r="VSG18" s="8"/>
      <c r="VSH18" s="8"/>
      <c r="VSI18" s="8"/>
      <c r="VSJ18" s="8"/>
      <c r="VSK18" s="8"/>
      <c r="VSL18" s="8"/>
      <c r="VSM18" s="8"/>
      <c r="VSN18" s="8"/>
      <c r="VSO18" s="8"/>
      <c r="VSP18" s="8"/>
      <c r="VSQ18" s="8"/>
      <c r="VSR18" s="8"/>
      <c r="VSS18" s="8"/>
      <c r="VST18" s="8"/>
      <c r="VSU18" s="8"/>
      <c r="VSV18" s="8"/>
      <c r="VSW18" s="8"/>
      <c r="VSX18" s="8"/>
      <c r="VSY18" s="8"/>
      <c r="VSZ18" s="8"/>
      <c r="VTA18" s="8"/>
      <c r="VTB18" s="8"/>
      <c r="VTC18" s="8"/>
      <c r="VTD18" s="8"/>
      <c r="VTE18" s="8"/>
      <c r="VTF18" s="8"/>
      <c r="VTG18" s="8"/>
      <c r="VTH18" s="8"/>
      <c r="VTI18" s="8"/>
      <c r="VTJ18" s="8"/>
      <c r="VTK18" s="8"/>
      <c r="VTL18" s="8"/>
      <c r="VTM18" s="8"/>
      <c r="VTN18" s="8"/>
      <c r="VTO18" s="8"/>
      <c r="VTP18" s="8"/>
      <c r="VTQ18" s="8"/>
      <c r="VTR18" s="8"/>
      <c r="VTS18" s="8"/>
      <c r="VTT18" s="8"/>
      <c r="VTU18" s="8"/>
      <c r="VTV18" s="8"/>
      <c r="VTW18" s="8"/>
      <c r="VTX18" s="8"/>
      <c r="VTY18" s="8"/>
      <c r="VTZ18" s="8"/>
      <c r="VUA18" s="8"/>
      <c r="VUB18" s="8"/>
      <c r="VUC18" s="8"/>
      <c r="VUD18" s="8"/>
      <c r="VUE18" s="8"/>
      <c r="VUF18" s="8"/>
      <c r="VUG18" s="8"/>
      <c r="VUH18" s="8"/>
      <c r="VUI18" s="8"/>
      <c r="VUJ18" s="8"/>
      <c r="VUK18" s="8"/>
      <c r="VUL18" s="8"/>
      <c r="VUM18" s="8"/>
      <c r="VUN18" s="8"/>
      <c r="VUO18" s="8"/>
      <c r="VUP18" s="8"/>
      <c r="VUQ18" s="8"/>
      <c r="VUR18" s="8"/>
      <c r="VUS18" s="8"/>
      <c r="VUT18" s="8"/>
      <c r="VUU18" s="8"/>
      <c r="VUV18" s="8"/>
      <c r="VUW18" s="8"/>
      <c r="VUX18" s="8"/>
      <c r="VUY18" s="8"/>
      <c r="VUZ18" s="8"/>
      <c r="VVA18" s="8"/>
      <c r="VVB18" s="8"/>
      <c r="VVC18" s="8"/>
      <c r="VVD18" s="8"/>
      <c r="VVE18" s="8"/>
      <c r="VVF18" s="8"/>
      <c r="VVG18" s="8"/>
      <c r="VVH18" s="8"/>
      <c r="VVI18" s="8"/>
      <c r="VVJ18" s="8"/>
      <c r="VVK18" s="8"/>
      <c r="VVL18" s="8"/>
      <c r="VVM18" s="8"/>
      <c r="VVN18" s="8"/>
      <c r="VVO18" s="8"/>
      <c r="VVP18" s="8"/>
      <c r="VVQ18" s="8"/>
      <c r="VVR18" s="8"/>
      <c r="VVS18" s="8"/>
      <c r="VVT18" s="8"/>
      <c r="VVU18" s="8"/>
      <c r="VVV18" s="8"/>
      <c r="VVW18" s="8"/>
      <c r="VVX18" s="8"/>
      <c r="VVY18" s="8"/>
      <c r="VVZ18" s="8"/>
      <c r="VWA18" s="8"/>
      <c r="VWB18" s="8"/>
      <c r="VWC18" s="8"/>
      <c r="VWD18" s="8"/>
      <c r="VWE18" s="8"/>
      <c r="VWF18" s="8"/>
      <c r="VWG18" s="8"/>
      <c r="VWH18" s="8"/>
      <c r="VWI18" s="8"/>
      <c r="VWJ18" s="8"/>
      <c r="VWK18" s="8"/>
      <c r="VWL18" s="8"/>
      <c r="VWM18" s="8"/>
      <c r="VWN18" s="8"/>
      <c r="VWO18" s="8"/>
      <c r="VWP18" s="8"/>
      <c r="VWQ18" s="8"/>
      <c r="VWR18" s="8"/>
      <c r="VWS18" s="8"/>
      <c r="VWT18" s="8"/>
      <c r="VWU18" s="8"/>
      <c r="VWV18" s="8"/>
      <c r="VWW18" s="8"/>
      <c r="VWX18" s="8"/>
      <c r="VWY18" s="8"/>
      <c r="VWZ18" s="8"/>
      <c r="VXA18" s="8"/>
      <c r="VXB18" s="8"/>
      <c r="VXC18" s="8"/>
      <c r="VXD18" s="8"/>
      <c r="VXE18" s="8"/>
      <c r="VXF18" s="8"/>
      <c r="VXG18" s="8"/>
      <c r="VXH18" s="8"/>
      <c r="VXI18" s="8"/>
      <c r="VXJ18" s="8"/>
      <c r="VXK18" s="8"/>
      <c r="VXL18" s="8"/>
      <c r="VXM18" s="8"/>
      <c r="VXN18" s="8"/>
      <c r="VXO18" s="8"/>
      <c r="VXP18" s="8"/>
      <c r="VXQ18" s="8"/>
      <c r="VXR18" s="8"/>
      <c r="VXS18" s="8"/>
      <c r="VXT18" s="8"/>
      <c r="VXU18" s="8"/>
      <c r="VXV18" s="8"/>
      <c r="VXW18" s="8"/>
      <c r="VXX18" s="8"/>
      <c r="VXY18" s="8"/>
      <c r="VXZ18" s="8"/>
      <c r="VYA18" s="8"/>
      <c r="VYB18" s="8"/>
      <c r="VYC18" s="8"/>
      <c r="VYD18" s="8"/>
      <c r="VYE18" s="8"/>
      <c r="VYF18" s="8"/>
      <c r="VYG18" s="8"/>
      <c r="VYH18" s="8"/>
      <c r="VYI18" s="8"/>
      <c r="VYJ18" s="8"/>
      <c r="VYK18" s="8"/>
      <c r="VYL18" s="8"/>
      <c r="VYM18" s="8"/>
      <c r="VYN18" s="8"/>
      <c r="VYO18" s="8"/>
      <c r="VYP18" s="8"/>
      <c r="VYQ18" s="8"/>
      <c r="VYR18" s="8"/>
      <c r="VYS18" s="8"/>
      <c r="VYT18" s="8"/>
      <c r="VYU18" s="8"/>
      <c r="VYV18" s="8"/>
      <c r="VYW18" s="8"/>
      <c r="VYX18" s="8"/>
      <c r="VYY18" s="8"/>
      <c r="VYZ18" s="8"/>
      <c r="VZA18" s="8"/>
      <c r="VZB18" s="8"/>
      <c r="VZC18" s="8"/>
      <c r="VZD18" s="8"/>
      <c r="VZE18" s="8"/>
      <c r="VZF18" s="8"/>
      <c r="VZG18" s="8"/>
      <c r="VZH18" s="8"/>
      <c r="VZI18" s="8"/>
      <c r="VZJ18" s="8"/>
      <c r="VZK18" s="8"/>
      <c r="VZL18" s="8"/>
      <c r="VZM18" s="8"/>
      <c r="VZN18" s="8"/>
      <c r="VZO18" s="8"/>
      <c r="VZP18" s="8"/>
      <c r="VZQ18" s="8"/>
      <c r="VZR18" s="8"/>
      <c r="VZS18" s="8"/>
      <c r="VZT18" s="8"/>
      <c r="VZU18" s="8"/>
      <c r="VZV18" s="8"/>
      <c r="VZW18" s="8"/>
      <c r="VZX18" s="8"/>
      <c r="VZY18" s="8"/>
      <c r="VZZ18" s="8"/>
      <c r="WAA18" s="8"/>
      <c r="WAB18" s="8"/>
      <c r="WAC18" s="8"/>
      <c r="WAD18" s="8"/>
      <c r="WAE18" s="8"/>
      <c r="WAF18" s="8"/>
      <c r="WAG18" s="8"/>
      <c r="WAH18" s="8"/>
      <c r="WAI18" s="8"/>
      <c r="WAJ18" s="8"/>
      <c r="WAK18" s="8"/>
      <c r="WAL18" s="8"/>
      <c r="WAM18" s="8"/>
      <c r="WAN18" s="8"/>
      <c r="WAO18" s="8"/>
      <c r="WAP18" s="8"/>
      <c r="WAQ18" s="8"/>
      <c r="WAR18" s="8"/>
      <c r="WAS18" s="8"/>
      <c r="WAT18" s="8"/>
      <c r="WAU18" s="8"/>
      <c r="WAV18" s="8"/>
      <c r="WAW18" s="8"/>
      <c r="WAX18" s="8"/>
      <c r="WAY18" s="8"/>
      <c r="WAZ18" s="8"/>
      <c r="WBA18" s="8"/>
      <c r="WBB18" s="8"/>
      <c r="WBC18" s="8"/>
      <c r="WBD18" s="8"/>
      <c r="WBE18" s="8"/>
      <c r="WBF18" s="8"/>
      <c r="WBG18" s="8"/>
      <c r="WBH18" s="8"/>
      <c r="WBI18" s="8"/>
      <c r="WBJ18" s="8"/>
      <c r="WBK18" s="8"/>
      <c r="WBL18" s="8"/>
      <c r="WBM18" s="8"/>
      <c r="WBN18" s="8"/>
      <c r="WBO18" s="8"/>
      <c r="WBP18" s="8"/>
      <c r="WBQ18" s="8"/>
      <c r="WBR18" s="8"/>
      <c r="WBS18" s="8"/>
      <c r="WBT18" s="8"/>
      <c r="WBU18" s="8"/>
      <c r="WBV18" s="8"/>
      <c r="WBW18" s="8"/>
      <c r="WBX18" s="8"/>
      <c r="WBY18" s="8"/>
      <c r="WBZ18" s="8"/>
      <c r="WCA18" s="8"/>
      <c r="WCB18" s="8"/>
      <c r="WCC18" s="8"/>
      <c r="WCD18" s="8"/>
      <c r="WCE18" s="8"/>
      <c r="WCF18" s="8"/>
      <c r="WCG18" s="8"/>
      <c r="WCH18" s="8"/>
      <c r="WCI18" s="8"/>
      <c r="WCJ18" s="8"/>
      <c r="WCK18" s="8"/>
      <c r="WCL18" s="8"/>
      <c r="WCM18" s="8"/>
      <c r="WCN18" s="8"/>
      <c r="WCO18" s="8"/>
      <c r="WCP18" s="8"/>
      <c r="WCQ18" s="8"/>
      <c r="WCR18" s="8"/>
      <c r="WCS18" s="8"/>
      <c r="WCT18" s="8"/>
      <c r="WCU18" s="8"/>
      <c r="WCV18" s="8"/>
      <c r="WCW18" s="8"/>
      <c r="WCX18" s="8"/>
      <c r="WCY18" s="8"/>
      <c r="WCZ18" s="8"/>
      <c r="WDA18" s="8"/>
      <c r="WDB18" s="8"/>
      <c r="WDC18" s="8"/>
      <c r="WDD18" s="8"/>
      <c r="WDE18" s="8"/>
      <c r="WDF18" s="8"/>
      <c r="WDG18" s="8"/>
      <c r="WDH18" s="8"/>
      <c r="WDI18" s="8"/>
      <c r="WDJ18" s="8"/>
      <c r="WDK18" s="8"/>
      <c r="WDL18" s="8"/>
      <c r="WDM18" s="8"/>
      <c r="WDN18" s="8"/>
      <c r="WDO18" s="8"/>
      <c r="WDP18" s="8"/>
      <c r="WDQ18" s="8"/>
      <c r="WDR18" s="8"/>
      <c r="WDS18" s="8"/>
      <c r="WDT18" s="8"/>
      <c r="WDU18" s="8"/>
      <c r="WDV18" s="8"/>
      <c r="WDW18" s="8"/>
      <c r="WDX18" s="8"/>
      <c r="WDY18" s="8"/>
      <c r="WDZ18" s="8"/>
      <c r="WEA18" s="8"/>
      <c r="WEB18" s="8"/>
      <c r="WEC18" s="8"/>
      <c r="WED18" s="8"/>
      <c r="WEE18" s="8"/>
      <c r="WEF18" s="8"/>
      <c r="WEG18" s="8"/>
      <c r="WEH18" s="8"/>
      <c r="WEI18" s="8"/>
      <c r="WEJ18" s="8"/>
      <c r="WEK18" s="8"/>
      <c r="WEL18" s="8"/>
      <c r="WEM18" s="8"/>
      <c r="WEN18" s="8"/>
      <c r="WEO18" s="8"/>
      <c r="WEP18" s="8"/>
      <c r="WEQ18" s="8"/>
      <c r="WER18" s="8"/>
      <c r="WES18" s="8"/>
      <c r="WET18" s="8"/>
      <c r="WEU18" s="8"/>
      <c r="WEV18" s="8"/>
      <c r="WEW18" s="8"/>
      <c r="WEX18" s="8"/>
      <c r="WEY18" s="8"/>
      <c r="WEZ18" s="8"/>
      <c r="WFA18" s="8"/>
      <c r="WFB18" s="8"/>
      <c r="WFC18" s="8"/>
      <c r="WFD18" s="8"/>
      <c r="WFE18" s="8"/>
      <c r="WFF18" s="8"/>
      <c r="WFG18" s="8"/>
      <c r="WFH18" s="8"/>
      <c r="WFI18" s="8"/>
      <c r="WFJ18" s="8"/>
      <c r="WFK18" s="8"/>
      <c r="WFL18" s="8"/>
      <c r="WFM18" s="8"/>
      <c r="WFN18" s="8"/>
      <c r="WFO18" s="8"/>
      <c r="WFP18" s="8"/>
      <c r="WFQ18" s="8"/>
      <c r="WFR18" s="8"/>
      <c r="WFS18" s="8"/>
      <c r="WFT18" s="8"/>
      <c r="WFU18" s="8"/>
      <c r="WFV18" s="8"/>
      <c r="WFW18" s="8"/>
      <c r="WFX18" s="8"/>
      <c r="WFY18" s="8"/>
      <c r="WFZ18" s="8"/>
      <c r="WGA18" s="8"/>
      <c r="WGB18" s="8"/>
      <c r="WGC18" s="8"/>
      <c r="WGD18" s="8"/>
      <c r="WGE18" s="8"/>
      <c r="WGF18" s="8"/>
      <c r="WGG18" s="8"/>
      <c r="WGH18" s="8"/>
      <c r="WGI18" s="8"/>
      <c r="WGJ18" s="8"/>
      <c r="WGK18" s="8"/>
      <c r="WGL18" s="8"/>
      <c r="WGM18" s="8"/>
      <c r="WGN18" s="8"/>
      <c r="WGO18" s="8"/>
      <c r="WGP18" s="8"/>
      <c r="WGQ18" s="8"/>
      <c r="WGR18" s="8"/>
      <c r="WGS18" s="8"/>
      <c r="WGT18" s="8"/>
      <c r="WGU18" s="8"/>
      <c r="WGV18" s="8"/>
      <c r="WGW18" s="8"/>
      <c r="WGX18" s="8"/>
      <c r="WGY18" s="8"/>
      <c r="WGZ18" s="8"/>
      <c r="WHA18" s="8"/>
      <c r="WHB18" s="8"/>
      <c r="WHC18" s="8"/>
      <c r="WHD18" s="8"/>
      <c r="WHE18" s="8"/>
      <c r="WHF18" s="8"/>
      <c r="WHG18" s="8"/>
      <c r="WHH18" s="8"/>
      <c r="WHI18" s="8"/>
      <c r="WHJ18" s="8"/>
      <c r="WHK18" s="8"/>
      <c r="WHL18" s="8"/>
      <c r="WHM18" s="8"/>
      <c r="WHN18" s="8"/>
      <c r="WHO18" s="8"/>
      <c r="WHP18" s="8"/>
      <c r="WHQ18" s="8"/>
      <c r="WHR18" s="8"/>
      <c r="WHS18" s="8"/>
      <c r="WHT18" s="8"/>
      <c r="WHU18" s="8"/>
      <c r="WHV18" s="8"/>
      <c r="WHW18" s="8"/>
      <c r="WHX18" s="8"/>
      <c r="WHY18" s="8"/>
      <c r="WHZ18" s="8"/>
      <c r="WIA18" s="8"/>
      <c r="WIB18" s="8"/>
      <c r="WIC18" s="8"/>
      <c r="WID18" s="8"/>
      <c r="WIE18" s="8"/>
      <c r="WIF18" s="8"/>
      <c r="WIG18" s="8"/>
      <c r="WIH18" s="8"/>
      <c r="WII18" s="8"/>
      <c r="WIJ18" s="8"/>
      <c r="WIK18" s="8"/>
      <c r="WIL18" s="8"/>
      <c r="WIM18" s="8"/>
      <c r="WIN18" s="8"/>
      <c r="WIO18" s="8"/>
      <c r="WIP18" s="8"/>
      <c r="WIQ18" s="8"/>
      <c r="WIR18" s="8"/>
      <c r="WIS18" s="8"/>
      <c r="WIT18" s="8"/>
      <c r="WIU18" s="8"/>
      <c r="WIV18" s="8"/>
      <c r="WIW18" s="8"/>
      <c r="WIX18" s="8"/>
      <c r="WIY18" s="8"/>
      <c r="WIZ18" s="8"/>
      <c r="WJA18" s="8"/>
      <c r="WJB18" s="8"/>
      <c r="WJC18" s="8"/>
      <c r="WJD18" s="8"/>
      <c r="WJE18" s="8"/>
      <c r="WJF18" s="8"/>
      <c r="WJG18" s="8"/>
      <c r="WJH18" s="8"/>
      <c r="WJI18" s="8"/>
      <c r="WJJ18" s="8"/>
      <c r="WJK18" s="8"/>
      <c r="WJL18" s="8"/>
      <c r="WJM18" s="8"/>
      <c r="WJN18" s="8"/>
      <c r="WJO18" s="8"/>
      <c r="WJP18" s="8"/>
      <c r="WJQ18" s="8"/>
      <c r="WJR18" s="8"/>
      <c r="WJS18" s="8"/>
      <c r="WJT18" s="8"/>
      <c r="WJU18" s="8"/>
      <c r="WJV18" s="8"/>
      <c r="WJW18" s="8"/>
      <c r="WJX18" s="8"/>
      <c r="WJY18" s="8"/>
      <c r="WJZ18" s="8"/>
      <c r="WKA18" s="8"/>
      <c r="WKB18" s="8"/>
      <c r="WKC18" s="8"/>
      <c r="WKD18" s="8"/>
      <c r="WKE18" s="8"/>
      <c r="WKF18" s="8"/>
      <c r="WKG18" s="8"/>
      <c r="WKH18" s="8"/>
      <c r="WKI18" s="8"/>
      <c r="WKJ18" s="8"/>
      <c r="WKK18" s="8"/>
      <c r="WKL18" s="8"/>
      <c r="WKM18" s="8"/>
      <c r="WKN18" s="8"/>
      <c r="WKO18" s="8"/>
      <c r="WKP18" s="8"/>
      <c r="WKQ18" s="8"/>
      <c r="WKR18" s="8"/>
      <c r="WKS18" s="8"/>
      <c r="WKT18" s="8"/>
      <c r="WKU18" s="8"/>
      <c r="WKV18" s="8"/>
      <c r="WKW18" s="8"/>
      <c r="WKX18" s="8"/>
      <c r="WKY18" s="8"/>
      <c r="WKZ18" s="8"/>
      <c r="WLA18" s="8"/>
      <c r="WLB18" s="8"/>
      <c r="WLC18" s="8"/>
      <c r="WLD18" s="8"/>
      <c r="WLE18" s="8"/>
      <c r="WLF18" s="8"/>
      <c r="WLG18" s="8"/>
      <c r="WLH18" s="8"/>
      <c r="WLI18" s="8"/>
      <c r="WLJ18" s="8"/>
      <c r="WLK18" s="8"/>
      <c r="WLL18" s="8"/>
      <c r="WLM18" s="8"/>
      <c r="WLN18" s="8"/>
      <c r="WLO18" s="8"/>
      <c r="WLP18" s="8"/>
      <c r="WLQ18" s="8"/>
      <c r="WLR18" s="8"/>
      <c r="WLS18" s="8"/>
      <c r="WLT18" s="8"/>
      <c r="WLU18" s="8"/>
      <c r="WLV18" s="8"/>
      <c r="WLW18" s="8"/>
      <c r="WLX18" s="8"/>
      <c r="WLY18" s="8"/>
      <c r="WLZ18" s="8"/>
      <c r="WMA18" s="8"/>
      <c r="WMB18" s="8"/>
      <c r="WMC18" s="8"/>
      <c r="WMD18" s="8"/>
      <c r="WME18" s="8"/>
      <c r="WMF18" s="8"/>
      <c r="WMG18" s="8"/>
      <c r="WMH18" s="8"/>
      <c r="WMI18" s="8"/>
      <c r="WMJ18" s="8"/>
      <c r="WMK18" s="8"/>
      <c r="WML18" s="8"/>
      <c r="WMM18" s="8"/>
      <c r="WMN18" s="8"/>
      <c r="WMO18" s="8"/>
      <c r="WMP18" s="8"/>
      <c r="WMQ18" s="8"/>
      <c r="WMR18" s="8"/>
      <c r="WMS18" s="8"/>
      <c r="WMT18" s="8"/>
      <c r="WMU18" s="8"/>
      <c r="WMV18" s="8"/>
      <c r="WMW18" s="8"/>
      <c r="WMX18" s="8"/>
      <c r="WMY18" s="8"/>
      <c r="WMZ18" s="8"/>
      <c r="WNA18" s="8"/>
      <c r="WNB18" s="8"/>
      <c r="WNC18" s="8"/>
      <c r="WND18" s="8"/>
      <c r="WNE18" s="8"/>
      <c r="WNF18" s="8"/>
      <c r="WNG18" s="8"/>
      <c r="WNH18" s="8"/>
      <c r="WNI18" s="8"/>
      <c r="WNJ18" s="8"/>
      <c r="WNK18" s="8"/>
      <c r="WNL18" s="8"/>
      <c r="WNM18" s="8"/>
      <c r="WNN18" s="8"/>
      <c r="WNO18" s="8"/>
      <c r="WNP18" s="8"/>
      <c r="WNQ18" s="8"/>
      <c r="WNR18" s="8"/>
      <c r="WNS18" s="8"/>
      <c r="WNT18" s="8"/>
      <c r="WNU18" s="8"/>
      <c r="WNV18" s="8"/>
      <c r="WNW18" s="8"/>
      <c r="WNX18" s="8"/>
      <c r="WNY18" s="8"/>
      <c r="WNZ18" s="8"/>
      <c r="WOA18" s="8"/>
      <c r="WOB18" s="8"/>
      <c r="WOC18" s="8"/>
      <c r="WOD18" s="8"/>
      <c r="WOE18" s="8"/>
      <c r="WOF18" s="8"/>
      <c r="WOG18" s="8"/>
      <c r="WOH18" s="8"/>
      <c r="WOI18" s="8"/>
      <c r="WOJ18" s="8"/>
      <c r="WOK18" s="8"/>
      <c r="WOL18" s="8"/>
      <c r="WOM18" s="8"/>
      <c r="WON18" s="8"/>
      <c r="WOO18" s="8"/>
      <c r="WOP18" s="8"/>
      <c r="WOQ18" s="8"/>
      <c r="WOR18" s="8"/>
      <c r="WOS18" s="8"/>
      <c r="WOT18" s="8"/>
      <c r="WOU18" s="8"/>
      <c r="WOV18" s="8"/>
      <c r="WOW18" s="8"/>
      <c r="WOX18" s="8"/>
      <c r="WOY18" s="8"/>
      <c r="WOZ18" s="8"/>
      <c r="WPA18" s="8"/>
      <c r="WPB18" s="8"/>
      <c r="WPC18" s="8"/>
      <c r="WPD18" s="8"/>
      <c r="WPE18" s="8"/>
      <c r="WPF18" s="8"/>
      <c r="WPG18" s="8"/>
      <c r="WPH18" s="8"/>
      <c r="WPI18" s="8"/>
      <c r="WPJ18" s="8"/>
      <c r="WPK18" s="8"/>
      <c r="WPL18" s="8"/>
      <c r="WPM18" s="8"/>
      <c r="WPN18" s="8"/>
      <c r="WPO18" s="8"/>
      <c r="WPP18" s="8"/>
      <c r="WPQ18" s="8"/>
      <c r="WPR18" s="8"/>
      <c r="WPS18" s="8"/>
      <c r="WPT18" s="8"/>
      <c r="WPU18" s="8"/>
      <c r="WPV18" s="8"/>
      <c r="WPW18" s="8"/>
      <c r="WPX18" s="8"/>
      <c r="WPY18" s="8"/>
      <c r="WPZ18" s="8"/>
      <c r="WQA18" s="8"/>
      <c r="WQB18" s="8"/>
      <c r="WQC18" s="8"/>
      <c r="WQD18" s="8"/>
      <c r="WQE18" s="8"/>
      <c r="WQF18" s="8"/>
      <c r="WQG18" s="8"/>
      <c r="WQH18" s="8"/>
      <c r="WQI18" s="8"/>
      <c r="WQJ18" s="8"/>
      <c r="WQK18" s="8"/>
      <c r="WQL18" s="8"/>
      <c r="WQM18" s="8"/>
      <c r="WQN18" s="8"/>
      <c r="WQO18" s="8"/>
      <c r="WQP18" s="8"/>
      <c r="WQQ18" s="8"/>
      <c r="WQR18" s="8"/>
      <c r="WQS18" s="8"/>
      <c r="WQT18" s="8"/>
      <c r="WQU18" s="8"/>
      <c r="WQV18" s="8"/>
      <c r="WQW18" s="8"/>
      <c r="WQX18" s="8"/>
      <c r="WQY18" s="8"/>
      <c r="WQZ18" s="8"/>
      <c r="WRA18" s="8"/>
      <c r="WRB18" s="8"/>
      <c r="WRC18" s="8"/>
      <c r="WRD18" s="8"/>
      <c r="WRE18" s="8"/>
      <c r="WRF18" s="8"/>
      <c r="WRG18" s="8"/>
      <c r="WRH18" s="8"/>
      <c r="WRI18" s="8"/>
      <c r="WRJ18" s="8"/>
      <c r="WRK18" s="8"/>
      <c r="WRL18" s="8"/>
      <c r="WRM18" s="8"/>
      <c r="WRN18" s="8"/>
      <c r="WRO18" s="8"/>
      <c r="WRP18" s="8"/>
      <c r="WRQ18" s="8"/>
      <c r="WRR18" s="8"/>
      <c r="WRS18" s="8"/>
      <c r="WRT18" s="8"/>
      <c r="WRU18" s="8"/>
      <c r="WRV18" s="8"/>
      <c r="WRW18" s="8"/>
      <c r="WRX18" s="8"/>
      <c r="WRY18" s="8"/>
      <c r="WRZ18" s="8"/>
      <c r="WSA18" s="8"/>
      <c r="WSB18" s="8"/>
      <c r="WSC18" s="8"/>
      <c r="WSD18" s="8"/>
      <c r="WSE18" s="8"/>
      <c r="WSF18" s="8"/>
      <c r="WSG18" s="8"/>
      <c r="WSH18" s="8"/>
      <c r="WSI18" s="8"/>
      <c r="WSJ18" s="8"/>
      <c r="WSK18" s="8"/>
      <c r="WSL18" s="8"/>
      <c r="WSM18" s="8"/>
      <c r="WSN18" s="8"/>
      <c r="WSO18" s="8"/>
      <c r="WSP18" s="8"/>
      <c r="WSQ18" s="8"/>
      <c r="WSR18" s="8"/>
      <c r="WSS18" s="8"/>
      <c r="WST18" s="8"/>
      <c r="WSU18" s="8"/>
      <c r="WSV18" s="8"/>
      <c r="WSW18" s="8"/>
      <c r="WSX18" s="8"/>
      <c r="WSY18" s="8"/>
      <c r="WSZ18" s="8"/>
      <c r="WTA18" s="8"/>
      <c r="WTB18" s="8"/>
      <c r="WTC18" s="8"/>
      <c r="WTD18" s="8"/>
      <c r="WTE18" s="8"/>
      <c r="WTF18" s="8"/>
      <c r="WTG18" s="8"/>
      <c r="WTH18" s="8"/>
      <c r="WTI18" s="8"/>
      <c r="WTJ18" s="8"/>
      <c r="WTK18" s="8"/>
      <c r="WTL18" s="8"/>
      <c r="WTM18" s="8"/>
      <c r="WTN18" s="8"/>
      <c r="WTO18" s="8"/>
      <c r="WTP18" s="8"/>
      <c r="WTQ18" s="8"/>
      <c r="WTR18" s="8"/>
      <c r="WTS18" s="8"/>
      <c r="WTT18" s="8"/>
      <c r="WTU18" s="8"/>
      <c r="WTV18" s="8"/>
      <c r="WTW18" s="8"/>
      <c r="WTX18" s="8"/>
      <c r="WTY18" s="8"/>
      <c r="WTZ18" s="8"/>
      <c r="WUA18" s="8"/>
      <c r="WUB18" s="8"/>
      <c r="WUC18" s="8"/>
      <c r="WUD18" s="8"/>
      <c r="WUE18" s="8"/>
      <c r="WUF18" s="8"/>
      <c r="WUG18" s="8"/>
      <c r="WUH18" s="8"/>
      <c r="WUI18" s="8"/>
      <c r="WUJ18" s="8"/>
      <c r="WUK18" s="8"/>
      <c r="WUL18" s="8"/>
      <c r="WUM18" s="8"/>
      <c r="WUN18" s="8"/>
      <c r="WUO18" s="8"/>
      <c r="WUP18" s="8"/>
      <c r="WUQ18" s="8"/>
      <c r="WUR18" s="8"/>
      <c r="WUS18" s="8"/>
      <c r="WUT18" s="8"/>
      <c r="WUU18" s="8"/>
      <c r="WUV18" s="8"/>
      <c r="WUW18" s="8"/>
      <c r="WUX18" s="8"/>
      <c r="WUY18" s="8"/>
      <c r="WUZ18" s="8"/>
      <c r="WVA18" s="8"/>
      <c r="WVB18" s="8"/>
      <c r="WVC18" s="8"/>
      <c r="WVD18" s="8"/>
      <c r="WVE18" s="8"/>
      <c r="WVF18" s="8"/>
      <c r="WVG18" s="8"/>
      <c r="WVH18" s="8"/>
      <c r="WVI18" s="8"/>
      <c r="WVJ18" s="8"/>
      <c r="WVK18" s="8"/>
      <c r="WVL18" s="8"/>
      <c r="WVM18" s="8"/>
      <c r="WVN18" s="8"/>
      <c r="WVO18" s="8"/>
      <c r="WVP18" s="8"/>
      <c r="WVQ18" s="8"/>
      <c r="WVR18" s="8"/>
      <c r="WVS18" s="8"/>
      <c r="WVT18" s="8"/>
      <c r="WVU18" s="8"/>
      <c r="WVV18" s="8"/>
      <c r="WVW18" s="8"/>
      <c r="WVX18" s="8"/>
      <c r="WVY18" s="8"/>
      <c r="WVZ18" s="8"/>
      <c r="WWA18" s="8"/>
      <c r="WWB18" s="8"/>
      <c r="WWC18" s="8"/>
      <c r="WWD18" s="8"/>
      <c r="WWE18" s="8"/>
      <c r="WWF18" s="8"/>
      <c r="WWG18" s="8"/>
      <c r="WWH18" s="8"/>
      <c r="WWI18" s="8"/>
      <c r="WWJ18" s="8"/>
      <c r="WWK18" s="8"/>
      <c r="WWL18" s="8"/>
      <c r="WWM18" s="8"/>
      <c r="WWN18" s="8"/>
      <c r="WWO18" s="8"/>
      <c r="WWP18" s="8"/>
      <c r="WWQ18" s="8"/>
      <c r="WWR18" s="8"/>
      <c r="WWS18" s="8"/>
      <c r="WWT18" s="8"/>
      <c r="WWU18" s="8"/>
      <c r="WWV18" s="8"/>
      <c r="WWW18" s="8"/>
      <c r="WWX18" s="8"/>
      <c r="WWY18" s="8"/>
      <c r="WWZ18" s="8"/>
      <c r="WXA18" s="8"/>
      <c r="WXB18" s="8"/>
      <c r="WXC18" s="8"/>
      <c r="WXD18" s="8"/>
      <c r="WXE18" s="8"/>
      <c r="WXF18" s="8"/>
      <c r="WXG18" s="8"/>
      <c r="WXH18" s="8"/>
      <c r="WXI18" s="8"/>
      <c r="WXJ18" s="8"/>
      <c r="WXK18" s="8"/>
      <c r="WXL18" s="8"/>
      <c r="WXM18" s="8"/>
      <c r="WXN18" s="8"/>
      <c r="WXO18" s="8"/>
      <c r="WXP18" s="8"/>
      <c r="WXQ18" s="8"/>
      <c r="WXR18" s="8"/>
      <c r="WXS18" s="8"/>
      <c r="WXT18" s="8"/>
      <c r="WXU18" s="8"/>
      <c r="WXV18" s="8"/>
      <c r="WXW18" s="8"/>
      <c r="WXX18" s="8"/>
      <c r="WXY18" s="8"/>
      <c r="WXZ18" s="8"/>
      <c r="WYA18" s="8"/>
      <c r="WYB18" s="8"/>
      <c r="WYC18" s="8"/>
      <c r="WYD18" s="8"/>
      <c r="WYE18" s="8"/>
      <c r="WYF18" s="8"/>
      <c r="WYG18" s="8"/>
      <c r="WYH18" s="8"/>
      <c r="WYI18" s="8"/>
      <c r="WYJ18" s="8"/>
      <c r="WYK18" s="8"/>
      <c r="WYL18" s="8"/>
      <c r="WYM18" s="8"/>
      <c r="WYN18" s="8"/>
      <c r="WYO18" s="8"/>
      <c r="WYP18" s="8"/>
      <c r="WYQ18" s="8"/>
      <c r="WYR18" s="8"/>
      <c r="WYS18" s="8"/>
      <c r="WYT18" s="8"/>
      <c r="WYU18" s="8"/>
      <c r="WYV18" s="8"/>
      <c r="WYW18" s="8"/>
      <c r="WYX18" s="8"/>
      <c r="WYY18" s="8"/>
      <c r="WYZ18" s="8"/>
      <c r="WZA18" s="8"/>
      <c r="WZB18" s="8"/>
      <c r="WZC18" s="8"/>
      <c r="WZD18" s="8"/>
      <c r="WZE18" s="8"/>
      <c r="WZF18" s="8"/>
      <c r="WZG18" s="8"/>
      <c r="WZH18" s="8"/>
      <c r="WZI18" s="8"/>
      <c r="WZJ18" s="8"/>
      <c r="WZK18" s="8"/>
      <c r="WZL18" s="8"/>
      <c r="WZM18" s="8"/>
      <c r="WZN18" s="8"/>
      <c r="WZO18" s="8"/>
      <c r="WZP18" s="8"/>
      <c r="WZQ18" s="8"/>
      <c r="WZR18" s="8"/>
      <c r="WZS18" s="8"/>
      <c r="WZT18" s="8"/>
      <c r="WZU18" s="8"/>
      <c r="WZV18" s="8"/>
      <c r="WZW18" s="8"/>
      <c r="WZX18" s="8"/>
      <c r="WZY18" s="8"/>
      <c r="WZZ18" s="8"/>
      <c r="XAA18" s="8"/>
      <c r="XAB18" s="8"/>
      <c r="XAC18" s="8"/>
      <c r="XAD18" s="8"/>
      <c r="XAE18" s="8"/>
      <c r="XAF18" s="8"/>
      <c r="XAG18" s="8"/>
      <c r="XAH18" s="8"/>
      <c r="XAI18" s="8"/>
      <c r="XAJ18" s="8"/>
      <c r="XAK18" s="8"/>
      <c r="XAL18" s="8"/>
      <c r="XAM18" s="8"/>
      <c r="XAN18" s="8"/>
      <c r="XAO18" s="8"/>
      <c r="XAP18" s="8"/>
      <c r="XAQ18" s="8"/>
      <c r="XAR18" s="8"/>
      <c r="XAS18" s="8"/>
      <c r="XAT18" s="8"/>
      <c r="XAU18" s="8"/>
      <c r="XAV18" s="8"/>
      <c r="XAW18" s="8"/>
      <c r="XAX18" s="8"/>
      <c r="XAY18" s="8"/>
      <c r="XAZ18" s="8"/>
      <c r="XBA18" s="8"/>
      <c r="XBB18" s="8"/>
      <c r="XBC18" s="8"/>
      <c r="XBD18" s="8"/>
      <c r="XBE18" s="8"/>
      <c r="XBF18" s="8"/>
      <c r="XBG18" s="8"/>
      <c r="XBH18" s="8"/>
      <c r="XBI18" s="8"/>
      <c r="XBJ18" s="8"/>
      <c r="XBK18" s="8"/>
      <c r="XBL18" s="8"/>
      <c r="XBM18" s="8"/>
      <c r="XBN18" s="8"/>
      <c r="XBO18" s="8"/>
      <c r="XBP18" s="8"/>
      <c r="XBQ18" s="8"/>
      <c r="XBR18" s="8"/>
      <c r="XBS18" s="8"/>
      <c r="XBT18" s="8"/>
      <c r="XBU18" s="8"/>
      <c r="XBV18" s="8"/>
      <c r="XBW18" s="8"/>
      <c r="XBX18" s="8"/>
      <c r="XBY18" s="8"/>
      <c r="XBZ18" s="8"/>
      <c r="XCA18" s="8"/>
      <c r="XCB18" s="8"/>
      <c r="XCC18" s="8"/>
      <c r="XCD18" s="8"/>
      <c r="XCE18" s="8"/>
      <c r="XCF18" s="8"/>
      <c r="XCG18" s="8"/>
      <c r="XCH18" s="8"/>
      <c r="XCI18" s="8"/>
      <c r="XCJ18" s="8"/>
      <c r="XCK18" s="8"/>
      <c r="XCL18" s="8"/>
      <c r="XCM18" s="8"/>
      <c r="XCN18" s="8"/>
      <c r="XCO18" s="8"/>
      <c r="XCP18" s="8"/>
      <c r="XCQ18" s="8"/>
      <c r="XCR18" s="8"/>
      <c r="XCS18" s="8"/>
      <c r="XCT18" s="8"/>
      <c r="XCU18" s="8"/>
      <c r="XCV18" s="8"/>
      <c r="XCW18" s="8"/>
      <c r="XCX18" s="8"/>
      <c r="XCY18" s="8"/>
      <c r="XCZ18" s="8"/>
      <c r="XDA18" s="8"/>
      <c r="XDB18" s="8"/>
      <c r="XDC18" s="8"/>
      <c r="XDD18" s="8"/>
      <c r="XDE18" s="8"/>
      <c r="XDF18" s="8"/>
      <c r="XDG18" s="8"/>
      <c r="XDH18" s="8"/>
      <c r="XDI18" s="8"/>
      <c r="XDJ18" s="8"/>
      <c r="XDK18" s="8"/>
      <c r="XDL18" s="8"/>
      <c r="XDM18" s="8"/>
      <c r="XDN18" s="8"/>
      <c r="XDO18" s="8"/>
      <c r="XDP18" s="8"/>
      <c r="XDQ18" s="8"/>
      <c r="XDR18" s="8"/>
      <c r="XDS18" s="8"/>
      <c r="XDT18" s="8"/>
      <c r="XDU18" s="8"/>
      <c r="XDV18" s="8"/>
      <c r="XDW18" s="8"/>
      <c r="XDX18" s="8"/>
      <c r="XDY18" s="8"/>
      <c r="XDZ18" s="8"/>
      <c r="XEA18" s="8"/>
      <c r="XEB18" s="8"/>
      <c r="XEC18" s="8"/>
      <c r="XED18" s="8"/>
      <c r="XEE18" s="8"/>
      <c r="XEF18" s="8"/>
      <c r="XEG18" s="8"/>
      <c r="XEH18" s="8"/>
      <c r="XEI18" s="8"/>
      <c r="XEJ18" s="8"/>
      <c r="XEK18" s="8"/>
      <c r="XEL18" s="8"/>
      <c r="XEM18" s="8"/>
      <c r="XEN18" s="8"/>
      <c r="XEO18" s="8"/>
      <c r="XEP18" s="8"/>
      <c r="XEQ18" s="8"/>
      <c r="XER18" s="8"/>
      <c r="XES18" s="8"/>
      <c r="XET18" s="8"/>
      <c r="XEU18" s="8"/>
      <c r="XEV18" s="8"/>
      <c r="XEW18" s="8"/>
      <c r="XEX18" s="8"/>
      <c r="XEY18" s="8"/>
      <c r="XEZ18" s="8"/>
      <c r="XFA18" s="8"/>
      <c r="XFB18" s="8"/>
      <c r="XFC18" s="8"/>
      <c r="XFD18" s="8"/>
    </row>
    <row r="19" spans="1:16384" ht="13.95" customHeight="1" x14ac:dyDescent="0.25">
      <c r="A19" s="14" t="s">
        <v>134</v>
      </c>
      <c r="B19" s="96" t="s">
        <v>58</v>
      </c>
      <c r="C19" s="93" t="s">
        <v>135</v>
      </c>
      <c r="D19" s="93" t="s">
        <v>136</v>
      </c>
      <c r="E19" s="93">
        <v>1988</v>
      </c>
      <c r="F19" s="93">
        <v>646015</v>
      </c>
      <c r="G19" s="93" t="s">
        <v>4</v>
      </c>
      <c r="H19" s="111">
        <v>1</v>
      </c>
      <c r="I19" s="111">
        <v>1</v>
      </c>
      <c r="J19" s="111">
        <v>1</v>
      </c>
      <c r="K19" s="111">
        <v>1</v>
      </c>
      <c r="L19" s="111">
        <v>0</v>
      </c>
      <c r="M19" s="111">
        <v>1</v>
      </c>
      <c r="N19" s="111">
        <v>0</v>
      </c>
      <c r="O19" s="111">
        <v>0</v>
      </c>
      <c r="P19" s="111">
        <v>1</v>
      </c>
      <c r="Q19" s="111">
        <v>0</v>
      </c>
      <c r="R19" s="111">
        <v>0</v>
      </c>
      <c r="S19" s="111">
        <v>0</v>
      </c>
      <c r="T19" s="111">
        <v>1</v>
      </c>
      <c r="U19" s="111">
        <v>0</v>
      </c>
      <c r="V19" s="111">
        <v>0</v>
      </c>
      <c r="W19" s="111">
        <v>1</v>
      </c>
      <c r="X19" s="111">
        <v>0</v>
      </c>
      <c r="Y19" s="111">
        <v>0</v>
      </c>
      <c r="Z19" s="111">
        <v>0</v>
      </c>
      <c r="AA19" s="111">
        <v>0</v>
      </c>
      <c r="AB19" s="111">
        <v>0</v>
      </c>
      <c r="AC19" s="111">
        <v>0</v>
      </c>
      <c r="AD19" s="111">
        <v>0</v>
      </c>
      <c r="AE19" s="111">
        <v>0</v>
      </c>
      <c r="AF19" s="111">
        <v>0</v>
      </c>
      <c r="AG19" s="111">
        <v>0</v>
      </c>
      <c r="AH19" s="111">
        <v>0</v>
      </c>
      <c r="AI19" s="111">
        <v>0</v>
      </c>
      <c r="AJ19" s="111">
        <v>0</v>
      </c>
      <c r="AK19" s="111">
        <v>0</v>
      </c>
      <c r="AL19" s="111">
        <v>0</v>
      </c>
      <c r="AM19" s="111">
        <v>0</v>
      </c>
      <c r="AN19" s="111">
        <v>0</v>
      </c>
      <c r="AO19" s="111">
        <v>1</v>
      </c>
      <c r="AP19" s="111">
        <v>1</v>
      </c>
      <c r="AQ19" s="111">
        <v>0</v>
      </c>
      <c r="AR19" s="111">
        <v>0</v>
      </c>
      <c r="AS19" s="111">
        <v>1</v>
      </c>
      <c r="AT19" s="111" t="s">
        <v>400</v>
      </c>
      <c r="AU19" s="111">
        <v>1</v>
      </c>
      <c r="AV19" s="111">
        <v>1</v>
      </c>
      <c r="AW19" s="111">
        <v>0</v>
      </c>
      <c r="AX19" s="112" t="s">
        <v>22339</v>
      </c>
      <c r="AY19" s="112" t="s">
        <v>22340</v>
      </c>
      <c r="AZ19" s="112" t="s">
        <v>137</v>
      </c>
      <c r="BA19" s="112" t="s">
        <v>22341</v>
      </c>
      <c r="BB19" s="107">
        <v>45884</v>
      </c>
      <c r="BC19" s="8"/>
      <c r="BD19" s="8"/>
      <c r="BE19" s="8"/>
      <c r="BF19" s="8"/>
      <c r="BG19" s="8"/>
      <c r="BH19" s="8"/>
      <c r="BI19" s="8"/>
      <c r="BJ19" s="8"/>
      <c r="BK19" s="8"/>
      <c r="BL19" s="8"/>
      <c r="BM19" s="8"/>
      <c r="BN19" s="8"/>
      <c r="BO19" s="8"/>
      <c r="BP19" s="8"/>
      <c r="BQ19" s="8"/>
      <c r="BR19" s="8"/>
      <c r="BS19" s="8"/>
      <c r="BT19" s="8"/>
      <c r="BU19" s="8"/>
      <c r="BV19" s="8"/>
      <c r="BW19" s="8"/>
      <c r="BX19" s="8"/>
      <c r="BY19" s="8"/>
      <c r="BZ19" s="8"/>
      <c r="CA19" s="8"/>
      <c r="CB19" s="8"/>
      <c r="CC19" s="8"/>
      <c r="CD19" s="8"/>
      <c r="CE19" s="8"/>
      <c r="CF19" s="8"/>
      <c r="CG19" s="8"/>
      <c r="CH19" s="8"/>
      <c r="CI19" s="8"/>
      <c r="CJ19" s="8"/>
      <c r="CK19" s="8"/>
      <c r="CL19" s="8"/>
      <c r="CM19" s="8"/>
      <c r="CN19" s="8"/>
      <c r="CO19" s="8"/>
      <c r="CP19" s="8"/>
      <c r="CQ19" s="8"/>
      <c r="CR19" s="8"/>
      <c r="CS19" s="8"/>
      <c r="CT19" s="8"/>
      <c r="CU19" s="8"/>
      <c r="CV19" s="8"/>
      <c r="CW19" s="8"/>
      <c r="CX19" s="8"/>
      <c r="CY19" s="8"/>
      <c r="CZ19" s="8"/>
      <c r="DA19" s="8"/>
      <c r="DB19" s="8"/>
      <c r="DC19" s="8"/>
      <c r="DD19" s="8"/>
      <c r="DE19" s="8"/>
      <c r="DF19" s="8"/>
      <c r="DG19" s="8"/>
      <c r="DH19" s="8"/>
      <c r="DI19" s="8"/>
      <c r="DJ19" s="8"/>
      <c r="DK19" s="8"/>
      <c r="DL19" s="8"/>
      <c r="DM19" s="8"/>
      <c r="DN19" s="8"/>
      <c r="DO19" s="8"/>
      <c r="DP19" s="8"/>
      <c r="DQ19" s="8"/>
      <c r="DR19" s="8"/>
      <c r="DS19" s="8"/>
      <c r="DT19" s="8"/>
      <c r="DU19" s="8"/>
      <c r="DV19" s="8"/>
      <c r="DW19" s="8"/>
      <c r="DX19" s="8"/>
      <c r="DY19" s="8"/>
      <c r="DZ19" s="8"/>
      <c r="EA19" s="8"/>
      <c r="EB19" s="8"/>
      <c r="EC19" s="8"/>
      <c r="ED19" s="8"/>
      <c r="EE19" s="8"/>
      <c r="EF19" s="8"/>
      <c r="EG19" s="8"/>
      <c r="EH19" s="8"/>
      <c r="EI19" s="8"/>
      <c r="EJ19" s="8"/>
      <c r="EK19" s="8"/>
      <c r="EL19" s="8"/>
      <c r="EM19" s="8"/>
      <c r="EN19" s="8"/>
      <c r="EO19" s="8"/>
      <c r="EP19" s="8"/>
      <c r="EQ19" s="8"/>
      <c r="ER19" s="8"/>
      <c r="ES19" s="8"/>
      <c r="ET19" s="8"/>
      <c r="EU19" s="8"/>
      <c r="EV19" s="8"/>
      <c r="EW19" s="8"/>
      <c r="EX19" s="8"/>
      <c r="EY19" s="8"/>
      <c r="EZ19" s="8"/>
      <c r="FA19" s="8"/>
      <c r="FB19" s="8"/>
      <c r="FC19" s="8"/>
      <c r="FD19" s="8"/>
      <c r="FE19" s="8"/>
      <c r="FF19" s="8"/>
      <c r="FG19" s="8"/>
      <c r="FH19" s="8"/>
      <c r="FI19" s="8"/>
      <c r="FJ19" s="8"/>
      <c r="FK19" s="8"/>
      <c r="FL19" s="8"/>
      <c r="FM19" s="8"/>
      <c r="FN19" s="8"/>
      <c r="FO19" s="8"/>
      <c r="FP19" s="8"/>
      <c r="FQ19" s="8"/>
      <c r="FR19" s="8"/>
      <c r="FS19" s="8"/>
      <c r="FT19" s="8"/>
      <c r="FU19" s="8"/>
      <c r="FV19" s="8"/>
      <c r="FW19" s="8"/>
      <c r="FX19" s="8"/>
      <c r="FY19" s="8"/>
      <c r="FZ19" s="8"/>
      <c r="GA19" s="8"/>
      <c r="GB19" s="8"/>
      <c r="GC19" s="8"/>
      <c r="GD19" s="8"/>
      <c r="GE19" s="8"/>
      <c r="GF19" s="8"/>
      <c r="GG19" s="8"/>
      <c r="GH19" s="8"/>
      <c r="GI19" s="8"/>
      <c r="GJ19" s="8"/>
      <c r="GK19" s="8"/>
      <c r="GL19" s="8"/>
      <c r="GM19" s="8"/>
      <c r="GN19" s="8"/>
      <c r="GO19" s="8"/>
      <c r="GP19" s="8"/>
      <c r="GQ19" s="8"/>
      <c r="GR19" s="8"/>
      <c r="GS19" s="8"/>
      <c r="GT19" s="8"/>
      <c r="GU19" s="8"/>
      <c r="GV19" s="8"/>
      <c r="GW19" s="8"/>
      <c r="GX19" s="8"/>
      <c r="GY19" s="8"/>
      <c r="GZ19" s="8"/>
      <c r="HA19" s="8"/>
      <c r="HB19" s="8"/>
      <c r="HC19" s="8"/>
      <c r="HD19" s="8"/>
      <c r="HE19" s="8"/>
      <c r="HF19" s="8"/>
      <c r="HG19" s="8"/>
      <c r="HH19" s="8"/>
      <c r="HI19" s="8"/>
      <c r="HJ19" s="8"/>
      <c r="HK19" s="8"/>
      <c r="HL19" s="8"/>
      <c r="HM19" s="8"/>
      <c r="HN19" s="8"/>
      <c r="HO19" s="8"/>
      <c r="HP19" s="8"/>
      <c r="HQ19" s="8"/>
      <c r="HR19" s="8"/>
      <c r="HS19" s="8"/>
      <c r="HT19" s="8"/>
      <c r="HU19" s="8"/>
      <c r="HV19" s="8"/>
      <c r="HW19" s="8"/>
      <c r="HX19" s="8"/>
      <c r="HY19" s="8"/>
      <c r="HZ19" s="8"/>
      <c r="IA19" s="8"/>
      <c r="IB19" s="8"/>
      <c r="IC19" s="8"/>
      <c r="ID19" s="8"/>
      <c r="IE19" s="8"/>
      <c r="IF19" s="8"/>
      <c r="IG19" s="8"/>
      <c r="IH19" s="8"/>
      <c r="II19" s="8"/>
      <c r="IJ19" s="8"/>
      <c r="IK19" s="8"/>
      <c r="IL19" s="8"/>
      <c r="IM19" s="8"/>
      <c r="IN19" s="8"/>
      <c r="IO19" s="8"/>
      <c r="IP19" s="8"/>
      <c r="IQ19" s="8"/>
      <c r="IR19" s="8"/>
      <c r="IS19" s="8"/>
      <c r="IT19" s="8"/>
      <c r="IU19" s="8"/>
      <c r="IV19" s="8"/>
      <c r="IW19" s="8"/>
      <c r="IX19" s="8"/>
      <c r="IY19" s="8"/>
      <c r="IZ19" s="8"/>
      <c r="JA19" s="8"/>
      <c r="JB19" s="8"/>
      <c r="JC19" s="8"/>
      <c r="JD19" s="8"/>
      <c r="JE19" s="8"/>
      <c r="JF19" s="8"/>
      <c r="JG19" s="8"/>
      <c r="JH19" s="8"/>
      <c r="JI19" s="8"/>
      <c r="JJ19" s="8"/>
      <c r="JK19" s="8"/>
      <c r="JL19" s="8"/>
      <c r="JM19" s="8"/>
      <c r="JN19" s="8"/>
      <c r="JO19" s="8"/>
      <c r="JP19" s="8"/>
      <c r="JQ19" s="8"/>
      <c r="JR19" s="8"/>
      <c r="JS19" s="8"/>
      <c r="JT19" s="8"/>
      <c r="JU19" s="8"/>
      <c r="JV19" s="8"/>
      <c r="JW19" s="8"/>
      <c r="JX19" s="8"/>
      <c r="JY19" s="8"/>
      <c r="JZ19" s="8"/>
      <c r="KA19" s="8"/>
      <c r="KB19" s="8"/>
      <c r="KC19" s="8"/>
      <c r="KD19" s="8"/>
      <c r="KE19" s="8"/>
      <c r="KF19" s="8"/>
      <c r="KG19" s="8"/>
      <c r="KH19" s="8"/>
      <c r="KI19" s="8"/>
      <c r="KJ19" s="8"/>
      <c r="KK19" s="8"/>
      <c r="KL19" s="8"/>
      <c r="KM19" s="8"/>
      <c r="KN19" s="8"/>
      <c r="KO19" s="8"/>
      <c r="KP19" s="8"/>
      <c r="KQ19" s="8"/>
      <c r="KR19" s="8"/>
      <c r="KS19" s="8"/>
      <c r="KT19" s="8"/>
      <c r="KU19" s="8"/>
      <c r="KV19" s="8"/>
      <c r="KW19" s="8"/>
      <c r="KX19" s="8"/>
      <c r="KY19" s="8"/>
      <c r="KZ19" s="8"/>
      <c r="LA19" s="8"/>
      <c r="LB19" s="8"/>
      <c r="LC19" s="8"/>
      <c r="LD19" s="8"/>
      <c r="LE19" s="8"/>
      <c r="LF19" s="8"/>
      <c r="LG19" s="8"/>
      <c r="LH19" s="8"/>
      <c r="LI19" s="8"/>
      <c r="LJ19" s="8"/>
      <c r="LK19" s="8"/>
      <c r="LL19" s="8"/>
      <c r="LM19" s="8"/>
      <c r="LN19" s="8"/>
      <c r="LO19" s="8"/>
      <c r="LP19" s="8"/>
      <c r="LQ19" s="8"/>
      <c r="LR19" s="8"/>
      <c r="LS19" s="8"/>
      <c r="LT19" s="8"/>
      <c r="LU19" s="8"/>
      <c r="LV19" s="8"/>
      <c r="LW19" s="8"/>
      <c r="LX19" s="8"/>
      <c r="LY19" s="8"/>
      <c r="LZ19" s="8"/>
      <c r="MA19" s="8"/>
      <c r="MB19" s="8"/>
      <c r="MC19" s="8"/>
      <c r="MD19" s="8"/>
      <c r="ME19" s="8"/>
      <c r="MF19" s="8"/>
      <c r="MG19" s="8"/>
      <c r="MH19" s="8"/>
      <c r="MI19" s="8"/>
      <c r="MJ19" s="8"/>
      <c r="MK19" s="8"/>
      <c r="ML19" s="8"/>
      <c r="MM19" s="8"/>
      <c r="MN19" s="8"/>
      <c r="MO19" s="8"/>
      <c r="MP19" s="8"/>
      <c r="MQ19" s="8"/>
      <c r="MR19" s="8"/>
      <c r="MS19" s="8"/>
      <c r="MT19" s="8"/>
      <c r="MU19" s="8"/>
      <c r="MV19" s="8"/>
      <c r="MW19" s="8"/>
      <c r="MX19" s="8"/>
      <c r="MY19" s="8"/>
      <c r="MZ19" s="8"/>
      <c r="NA19" s="8"/>
      <c r="NB19" s="8"/>
      <c r="NC19" s="8"/>
      <c r="ND19" s="8"/>
      <c r="NE19" s="8"/>
      <c r="NF19" s="8"/>
      <c r="NG19" s="8"/>
      <c r="NH19" s="8"/>
      <c r="NI19" s="8"/>
      <c r="NJ19" s="8"/>
      <c r="NK19" s="8"/>
      <c r="NL19" s="8"/>
      <c r="NM19" s="8"/>
      <c r="NN19" s="8"/>
      <c r="NO19" s="8"/>
      <c r="NP19" s="8"/>
      <c r="NQ19" s="8"/>
      <c r="NR19" s="8"/>
      <c r="NS19" s="8"/>
      <c r="NT19" s="8"/>
      <c r="NU19" s="8"/>
      <c r="NV19" s="8"/>
      <c r="NW19" s="8"/>
      <c r="NX19" s="8"/>
      <c r="NY19" s="8"/>
      <c r="NZ19" s="8"/>
      <c r="OA19" s="8"/>
      <c r="OB19" s="8"/>
      <c r="OC19" s="8"/>
      <c r="OD19" s="8"/>
      <c r="OE19" s="8"/>
      <c r="OF19" s="8"/>
      <c r="OG19" s="8"/>
      <c r="OH19" s="8"/>
      <c r="OI19" s="8"/>
      <c r="OJ19" s="8"/>
      <c r="OK19" s="8"/>
      <c r="OL19" s="8"/>
      <c r="OM19" s="8"/>
      <c r="ON19" s="8"/>
      <c r="OO19" s="8"/>
      <c r="OP19" s="8"/>
      <c r="OQ19" s="8"/>
      <c r="OR19" s="8"/>
      <c r="OS19" s="8"/>
      <c r="OT19" s="8"/>
      <c r="OU19" s="8"/>
      <c r="OV19" s="8"/>
      <c r="OW19" s="8"/>
      <c r="OX19" s="8"/>
      <c r="OY19" s="8"/>
      <c r="OZ19" s="8"/>
      <c r="PA19" s="8"/>
      <c r="PB19" s="8"/>
      <c r="PC19" s="8"/>
      <c r="PD19" s="8"/>
      <c r="PE19" s="8"/>
      <c r="PF19" s="8"/>
      <c r="PG19" s="8"/>
      <c r="PH19" s="8"/>
      <c r="PI19" s="8"/>
      <c r="PJ19" s="8"/>
      <c r="PK19" s="8"/>
      <c r="PL19" s="8"/>
      <c r="PM19" s="8"/>
      <c r="PN19" s="8"/>
      <c r="PO19" s="8"/>
      <c r="PP19" s="8"/>
      <c r="PQ19" s="8"/>
      <c r="PR19" s="8"/>
      <c r="PS19" s="8"/>
      <c r="PT19" s="8"/>
      <c r="PU19" s="8"/>
      <c r="PV19" s="8"/>
      <c r="PW19" s="8"/>
      <c r="PX19" s="8"/>
      <c r="PY19" s="8"/>
      <c r="PZ19" s="8"/>
      <c r="QA19" s="8"/>
      <c r="QB19" s="8"/>
      <c r="QC19" s="8"/>
      <c r="QD19" s="8"/>
      <c r="QE19" s="8"/>
      <c r="QF19" s="8"/>
      <c r="QG19" s="8"/>
      <c r="QH19" s="8"/>
      <c r="QI19" s="8"/>
      <c r="QJ19" s="8"/>
      <c r="QK19" s="8"/>
      <c r="QL19" s="8"/>
      <c r="QM19" s="8"/>
      <c r="QN19" s="8"/>
      <c r="QO19" s="8"/>
      <c r="QP19" s="8"/>
      <c r="QQ19" s="8"/>
      <c r="QR19" s="8"/>
      <c r="QS19" s="8"/>
      <c r="QT19" s="8"/>
      <c r="QU19" s="8"/>
      <c r="QV19" s="8"/>
      <c r="QW19" s="8"/>
      <c r="QX19" s="8"/>
      <c r="QY19" s="8"/>
      <c r="QZ19" s="8"/>
      <c r="RA19" s="8"/>
      <c r="RB19" s="8"/>
      <c r="RC19" s="8"/>
      <c r="RD19" s="8"/>
      <c r="RE19" s="8"/>
      <c r="RF19" s="8"/>
      <c r="RG19" s="8"/>
      <c r="RH19" s="8"/>
      <c r="RI19" s="8"/>
      <c r="RJ19" s="8"/>
      <c r="RK19" s="8"/>
      <c r="RL19" s="8"/>
      <c r="RM19" s="8"/>
      <c r="RN19" s="8"/>
      <c r="RO19" s="8"/>
      <c r="RP19" s="8"/>
      <c r="RQ19" s="8"/>
      <c r="RR19" s="8"/>
      <c r="RS19" s="8"/>
      <c r="RT19" s="8"/>
      <c r="RU19" s="8"/>
      <c r="RV19" s="8"/>
      <c r="RW19" s="8"/>
      <c r="RX19" s="8"/>
      <c r="RY19" s="8"/>
      <c r="RZ19" s="8"/>
      <c r="SA19" s="8"/>
      <c r="SB19" s="8"/>
      <c r="SC19" s="8"/>
      <c r="SD19" s="8"/>
      <c r="SE19" s="8"/>
      <c r="SF19" s="8"/>
      <c r="SG19" s="8"/>
      <c r="SH19" s="8"/>
      <c r="SI19" s="8"/>
      <c r="SJ19" s="8"/>
      <c r="SK19" s="8"/>
      <c r="SL19" s="8"/>
      <c r="SM19" s="8"/>
      <c r="SN19" s="8"/>
      <c r="SO19" s="8"/>
      <c r="SP19" s="8"/>
      <c r="SQ19" s="8"/>
      <c r="SR19" s="8"/>
      <c r="SS19" s="8"/>
      <c r="ST19" s="8"/>
      <c r="SU19" s="8"/>
      <c r="SV19" s="8"/>
      <c r="SW19" s="8"/>
      <c r="SX19" s="8"/>
      <c r="SY19" s="8"/>
      <c r="SZ19" s="8"/>
      <c r="TA19" s="8"/>
      <c r="TB19" s="8"/>
      <c r="TC19" s="8"/>
      <c r="TD19" s="8"/>
      <c r="TE19" s="8"/>
      <c r="TF19" s="8"/>
      <c r="TG19" s="8"/>
      <c r="TH19" s="8"/>
      <c r="TI19" s="8"/>
      <c r="TJ19" s="8"/>
      <c r="TK19" s="8"/>
      <c r="TL19" s="8"/>
      <c r="TM19" s="8"/>
      <c r="TN19" s="8"/>
      <c r="TO19" s="8"/>
      <c r="TP19" s="8"/>
      <c r="TQ19" s="8"/>
      <c r="TR19" s="8"/>
      <c r="TS19" s="8"/>
      <c r="TT19" s="8"/>
      <c r="TU19" s="8"/>
      <c r="TV19" s="8"/>
      <c r="TW19" s="8"/>
      <c r="TX19" s="8"/>
      <c r="TY19" s="8"/>
      <c r="TZ19" s="8"/>
      <c r="UA19" s="8"/>
      <c r="UB19" s="8"/>
      <c r="UC19" s="8"/>
      <c r="UD19" s="8"/>
      <c r="UE19" s="8"/>
      <c r="UF19" s="8"/>
      <c r="UG19" s="8"/>
      <c r="UH19" s="8"/>
      <c r="UI19" s="8"/>
      <c r="UJ19" s="8"/>
      <c r="UK19" s="8"/>
      <c r="UL19" s="8"/>
      <c r="UM19" s="8"/>
      <c r="UN19" s="8"/>
      <c r="UO19" s="8"/>
      <c r="UP19" s="8"/>
      <c r="UQ19" s="8"/>
      <c r="UR19" s="8"/>
      <c r="US19" s="8"/>
      <c r="UT19" s="8"/>
      <c r="UU19" s="8"/>
      <c r="UV19" s="8"/>
      <c r="UW19" s="8"/>
      <c r="UX19" s="8"/>
      <c r="UY19" s="8"/>
      <c r="UZ19" s="8"/>
      <c r="VA19" s="8"/>
      <c r="VB19" s="8"/>
      <c r="VC19" s="8"/>
      <c r="VD19" s="8"/>
      <c r="VE19" s="8"/>
      <c r="VF19" s="8"/>
      <c r="VG19" s="8"/>
      <c r="VH19" s="8"/>
      <c r="VI19" s="8"/>
      <c r="VJ19" s="8"/>
      <c r="VK19" s="8"/>
      <c r="VL19" s="8"/>
      <c r="VM19" s="8"/>
      <c r="VN19" s="8"/>
      <c r="VO19" s="8"/>
      <c r="VP19" s="8"/>
      <c r="VQ19" s="8"/>
      <c r="VR19" s="8"/>
      <c r="VS19" s="8"/>
      <c r="VT19" s="8"/>
      <c r="VU19" s="8"/>
      <c r="VV19" s="8"/>
      <c r="VW19" s="8"/>
      <c r="VX19" s="8"/>
      <c r="VY19" s="8"/>
      <c r="VZ19" s="8"/>
      <c r="WA19" s="8"/>
      <c r="WB19" s="8"/>
      <c r="WC19" s="8"/>
      <c r="WD19" s="8"/>
      <c r="WE19" s="8"/>
      <c r="WF19" s="8"/>
      <c r="WG19" s="8"/>
      <c r="WH19" s="8"/>
      <c r="WI19" s="8"/>
      <c r="WJ19" s="8"/>
      <c r="WK19" s="8"/>
      <c r="WL19" s="8"/>
      <c r="WM19" s="8"/>
      <c r="WN19" s="8"/>
      <c r="WO19" s="8"/>
      <c r="WP19" s="8"/>
      <c r="WQ19" s="8"/>
      <c r="WR19" s="8"/>
      <c r="WS19" s="8"/>
      <c r="WT19" s="8"/>
      <c r="WU19" s="8"/>
      <c r="WV19" s="8"/>
      <c r="WW19" s="8"/>
      <c r="WX19" s="8"/>
      <c r="WY19" s="8"/>
      <c r="WZ19" s="8"/>
      <c r="XA19" s="8"/>
      <c r="XB19" s="8"/>
      <c r="XC19" s="8"/>
      <c r="XD19" s="8"/>
      <c r="XE19" s="8"/>
      <c r="XF19" s="8"/>
      <c r="XG19" s="8"/>
      <c r="XH19" s="8"/>
      <c r="XI19" s="8"/>
      <c r="XJ19" s="8"/>
      <c r="XK19" s="8"/>
      <c r="XL19" s="8"/>
      <c r="XM19" s="8"/>
      <c r="XN19" s="8"/>
      <c r="XO19" s="8"/>
      <c r="XP19" s="8"/>
      <c r="XQ19" s="8"/>
      <c r="XR19" s="8"/>
      <c r="XS19" s="8"/>
      <c r="XT19" s="8"/>
      <c r="XU19" s="8"/>
      <c r="XV19" s="8"/>
      <c r="XW19" s="8"/>
      <c r="XX19" s="8"/>
      <c r="XY19" s="8"/>
      <c r="XZ19" s="8"/>
      <c r="YA19" s="8"/>
      <c r="YB19" s="8"/>
      <c r="YC19" s="8"/>
      <c r="YD19" s="8"/>
      <c r="YE19" s="8"/>
      <c r="YF19" s="8"/>
      <c r="YG19" s="8"/>
      <c r="YH19" s="8"/>
      <c r="YI19" s="8"/>
      <c r="YJ19" s="8"/>
      <c r="YK19" s="8"/>
      <c r="YL19" s="8"/>
      <c r="YM19" s="8"/>
      <c r="YN19" s="8"/>
      <c r="YO19" s="8"/>
      <c r="YP19" s="8"/>
      <c r="YQ19" s="8"/>
      <c r="YR19" s="8"/>
      <c r="YS19" s="8"/>
      <c r="YT19" s="8"/>
      <c r="YU19" s="8"/>
      <c r="YV19" s="8"/>
      <c r="YW19" s="8"/>
      <c r="YX19" s="8"/>
      <c r="YY19" s="8"/>
      <c r="YZ19" s="8"/>
      <c r="ZA19" s="8"/>
      <c r="ZB19" s="8"/>
      <c r="ZC19" s="8"/>
      <c r="ZD19" s="8"/>
      <c r="ZE19" s="8"/>
      <c r="ZF19" s="8"/>
      <c r="ZG19" s="8"/>
      <c r="ZH19" s="8"/>
      <c r="ZI19" s="8"/>
      <c r="ZJ19" s="8"/>
      <c r="ZK19" s="8"/>
      <c r="ZL19" s="8"/>
      <c r="ZM19" s="8"/>
      <c r="ZN19" s="8"/>
      <c r="ZO19" s="8"/>
      <c r="ZP19" s="8"/>
      <c r="ZQ19" s="8"/>
      <c r="ZR19" s="8"/>
      <c r="ZS19" s="8"/>
      <c r="ZT19" s="8"/>
      <c r="ZU19" s="8"/>
      <c r="ZV19" s="8"/>
      <c r="ZW19" s="8"/>
      <c r="ZX19" s="8"/>
      <c r="ZY19" s="8"/>
      <c r="ZZ19" s="8"/>
      <c r="AAA19" s="8"/>
      <c r="AAB19" s="8"/>
      <c r="AAC19" s="8"/>
      <c r="AAD19" s="8"/>
      <c r="AAE19" s="8"/>
      <c r="AAF19" s="8"/>
      <c r="AAG19" s="8"/>
      <c r="AAH19" s="8"/>
      <c r="AAI19" s="8"/>
      <c r="AAJ19" s="8"/>
      <c r="AAK19" s="8"/>
      <c r="AAL19" s="8"/>
      <c r="AAM19" s="8"/>
      <c r="AAN19" s="8"/>
      <c r="AAO19" s="8"/>
      <c r="AAP19" s="8"/>
      <c r="AAQ19" s="8"/>
      <c r="AAR19" s="8"/>
      <c r="AAS19" s="8"/>
      <c r="AAT19" s="8"/>
      <c r="AAU19" s="8"/>
      <c r="AAV19" s="8"/>
      <c r="AAW19" s="8"/>
      <c r="AAX19" s="8"/>
      <c r="AAY19" s="8"/>
      <c r="AAZ19" s="8"/>
      <c r="ABA19" s="8"/>
      <c r="ABB19" s="8"/>
      <c r="ABC19" s="8"/>
      <c r="ABD19" s="8"/>
      <c r="ABE19" s="8"/>
      <c r="ABF19" s="8"/>
      <c r="ABG19" s="8"/>
      <c r="ABH19" s="8"/>
      <c r="ABI19" s="8"/>
      <c r="ABJ19" s="8"/>
      <c r="ABK19" s="8"/>
      <c r="ABL19" s="8"/>
      <c r="ABM19" s="8"/>
      <c r="ABN19" s="8"/>
      <c r="ABO19" s="8"/>
      <c r="ABP19" s="8"/>
      <c r="ABQ19" s="8"/>
      <c r="ABR19" s="8"/>
      <c r="ABS19" s="8"/>
      <c r="ABT19" s="8"/>
      <c r="ABU19" s="8"/>
      <c r="ABV19" s="8"/>
      <c r="ABW19" s="8"/>
      <c r="ABX19" s="8"/>
      <c r="ABY19" s="8"/>
      <c r="ABZ19" s="8"/>
      <c r="ACA19" s="8"/>
      <c r="ACB19" s="8"/>
      <c r="ACC19" s="8"/>
      <c r="ACD19" s="8"/>
      <c r="ACE19" s="8"/>
      <c r="ACF19" s="8"/>
      <c r="ACG19" s="8"/>
      <c r="ACH19" s="8"/>
      <c r="ACI19" s="8"/>
      <c r="ACJ19" s="8"/>
      <c r="ACK19" s="8"/>
      <c r="ACL19" s="8"/>
      <c r="ACM19" s="8"/>
      <c r="ACN19" s="8"/>
      <c r="ACO19" s="8"/>
      <c r="ACP19" s="8"/>
      <c r="ACQ19" s="8"/>
      <c r="ACR19" s="8"/>
      <c r="ACS19" s="8"/>
      <c r="ACT19" s="8"/>
      <c r="ACU19" s="8"/>
      <c r="ACV19" s="8"/>
      <c r="ACW19" s="8"/>
      <c r="ACX19" s="8"/>
      <c r="ACY19" s="8"/>
      <c r="ACZ19" s="8"/>
      <c r="ADA19" s="8"/>
      <c r="ADB19" s="8"/>
      <c r="ADC19" s="8"/>
      <c r="ADD19" s="8"/>
      <c r="ADE19" s="8"/>
      <c r="ADF19" s="8"/>
      <c r="ADG19" s="8"/>
      <c r="ADH19" s="8"/>
      <c r="ADI19" s="8"/>
      <c r="ADJ19" s="8"/>
      <c r="ADK19" s="8"/>
      <c r="ADL19" s="8"/>
      <c r="ADM19" s="8"/>
      <c r="ADN19" s="8"/>
      <c r="ADO19" s="8"/>
      <c r="ADP19" s="8"/>
      <c r="ADQ19" s="8"/>
      <c r="ADR19" s="8"/>
      <c r="ADS19" s="8"/>
      <c r="ADT19" s="8"/>
      <c r="ADU19" s="8"/>
      <c r="ADV19" s="8"/>
      <c r="ADW19" s="8"/>
      <c r="ADX19" s="8"/>
      <c r="ADY19" s="8"/>
      <c r="ADZ19" s="8"/>
      <c r="AEA19" s="8"/>
      <c r="AEB19" s="8"/>
      <c r="AEC19" s="8"/>
      <c r="AED19" s="8"/>
      <c r="AEE19" s="8"/>
      <c r="AEF19" s="8"/>
      <c r="AEG19" s="8"/>
      <c r="AEH19" s="8"/>
      <c r="AEI19" s="8"/>
      <c r="AEJ19" s="8"/>
      <c r="AEK19" s="8"/>
      <c r="AEL19" s="8"/>
      <c r="AEM19" s="8"/>
      <c r="AEN19" s="8"/>
      <c r="AEO19" s="8"/>
      <c r="AEP19" s="8"/>
      <c r="AEQ19" s="8"/>
      <c r="AER19" s="8"/>
      <c r="AES19" s="8"/>
      <c r="AET19" s="8"/>
      <c r="AEU19" s="8"/>
      <c r="AEV19" s="8"/>
      <c r="AEW19" s="8"/>
      <c r="AEX19" s="8"/>
      <c r="AEY19" s="8"/>
      <c r="AEZ19" s="8"/>
      <c r="AFA19" s="8"/>
      <c r="AFB19" s="8"/>
      <c r="AFC19" s="8"/>
      <c r="AFD19" s="8"/>
      <c r="AFE19" s="8"/>
      <c r="AFF19" s="8"/>
      <c r="AFG19" s="8"/>
      <c r="AFH19" s="8"/>
      <c r="AFI19" s="8"/>
      <c r="AFJ19" s="8"/>
      <c r="AFK19" s="8"/>
      <c r="AFL19" s="8"/>
      <c r="AFM19" s="8"/>
      <c r="AFN19" s="8"/>
      <c r="AFO19" s="8"/>
      <c r="AFP19" s="8"/>
      <c r="AFQ19" s="8"/>
      <c r="AFR19" s="8"/>
      <c r="AFS19" s="8"/>
      <c r="AFT19" s="8"/>
      <c r="AFU19" s="8"/>
      <c r="AFV19" s="8"/>
      <c r="AFW19" s="8"/>
      <c r="AFX19" s="8"/>
      <c r="AFY19" s="8"/>
      <c r="AFZ19" s="8"/>
      <c r="AGA19" s="8"/>
      <c r="AGB19" s="8"/>
      <c r="AGC19" s="8"/>
      <c r="AGD19" s="8"/>
      <c r="AGE19" s="8"/>
      <c r="AGF19" s="8"/>
      <c r="AGG19" s="8"/>
      <c r="AGH19" s="8"/>
      <c r="AGI19" s="8"/>
      <c r="AGJ19" s="8"/>
      <c r="AGK19" s="8"/>
      <c r="AGL19" s="8"/>
      <c r="AGM19" s="8"/>
      <c r="AGN19" s="8"/>
      <c r="AGO19" s="8"/>
      <c r="AGP19" s="8"/>
      <c r="AGQ19" s="8"/>
      <c r="AGR19" s="8"/>
      <c r="AGS19" s="8"/>
      <c r="AGT19" s="8"/>
      <c r="AGU19" s="8"/>
      <c r="AGV19" s="8"/>
      <c r="AGW19" s="8"/>
      <c r="AGX19" s="8"/>
      <c r="AGY19" s="8"/>
      <c r="AGZ19" s="8"/>
      <c r="AHA19" s="8"/>
      <c r="AHB19" s="8"/>
      <c r="AHC19" s="8"/>
      <c r="AHD19" s="8"/>
      <c r="AHE19" s="8"/>
      <c r="AHF19" s="8"/>
      <c r="AHG19" s="8"/>
      <c r="AHH19" s="8"/>
      <c r="AHI19" s="8"/>
      <c r="AHJ19" s="8"/>
      <c r="AHK19" s="8"/>
      <c r="AHL19" s="8"/>
      <c r="AHM19" s="8"/>
      <c r="AHN19" s="8"/>
      <c r="AHO19" s="8"/>
      <c r="AHP19" s="8"/>
      <c r="AHQ19" s="8"/>
      <c r="AHR19" s="8"/>
      <c r="AHS19" s="8"/>
      <c r="AHT19" s="8"/>
      <c r="AHU19" s="8"/>
      <c r="AHV19" s="8"/>
      <c r="AHW19" s="8"/>
      <c r="AHX19" s="8"/>
      <c r="AHY19" s="8"/>
      <c r="AHZ19" s="8"/>
      <c r="AIA19" s="8"/>
      <c r="AIB19" s="8"/>
      <c r="AIC19" s="8"/>
      <c r="AID19" s="8"/>
      <c r="AIE19" s="8"/>
      <c r="AIF19" s="8"/>
      <c r="AIG19" s="8"/>
      <c r="AIH19" s="8"/>
      <c r="AII19" s="8"/>
      <c r="AIJ19" s="8"/>
      <c r="AIK19" s="8"/>
      <c r="AIL19" s="8"/>
      <c r="AIM19" s="8"/>
      <c r="AIN19" s="8"/>
      <c r="AIO19" s="8"/>
      <c r="AIP19" s="8"/>
      <c r="AIQ19" s="8"/>
      <c r="AIR19" s="8"/>
      <c r="AIS19" s="8"/>
      <c r="AIT19" s="8"/>
      <c r="AIU19" s="8"/>
      <c r="AIV19" s="8"/>
      <c r="AIW19" s="8"/>
      <c r="AIX19" s="8"/>
      <c r="AIY19" s="8"/>
      <c r="AIZ19" s="8"/>
      <c r="AJA19" s="8"/>
      <c r="AJB19" s="8"/>
      <c r="AJC19" s="8"/>
      <c r="AJD19" s="8"/>
      <c r="AJE19" s="8"/>
      <c r="AJF19" s="8"/>
      <c r="AJG19" s="8"/>
      <c r="AJH19" s="8"/>
      <c r="AJI19" s="8"/>
      <c r="AJJ19" s="8"/>
      <c r="AJK19" s="8"/>
      <c r="AJL19" s="8"/>
      <c r="AJM19" s="8"/>
      <c r="AJN19" s="8"/>
      <c r="AJO19" s="8"/>
      <c r="AJP19" s="8"/>
      <c r="AJQ19" s="8"/>
      <c r="AJR19" s="8"/>
      <c r="AJS19" s="8"/>
      <c r="AJT19" s="8"/>
      <c r="AJU19" s="8"/>
      <c r="AJV19" s="8"/>
      <c r="AJW19" s="8"/>
      <c r="AJX19" s="8"/>
      <c r="AJY19" s="8"/>
      <c r="AJZ19" s="8"/>
      <c r="AKA19" s="8"/>
      <c r="AKB19" s="8"/>
      <c r="AKC19" s="8"/>
      <c r="AKD19" s="8"/>
      <c r="AKE19" s="8"/>
      <c r="AKF19" s="8"/>
      <c r="AKG19" s="8"/>
      <c r="AKH19" s="8"/>
      <c r="AKI19" s="8"/>
      <c r="AKJ19" s="8"/>
      <c r="AKK19" s="8"/>
      <c r="AKL19" s="8"/>
      <c r="AKM19" s="8"/>
      <c r="AKN19" s="8"/>
      <c r="AKO19" s="8"/>
      <c r="AKP19" s="8"/>
      <c r="AKQ19" s="8"/>
      <c r="AKR19" s="8"/>
      <c r="AKS19" s="8"/>
      <c r="AKT19" s="8"/>
      <c r="AKU19" s="8"/>
      <c r="AKV19" s="8"/>
      <c r="AKW19" s="8"/>
      <c r="AKX19" s="8"/>
      <c r="AKY19" s="8"/>
      <c r="AKZ19" s="8"/>
      <c r="ALA19" s="8"/>
      <c r="ALB19" s="8"/>
      <c r="ALC19" s="8"/>
      <c r="ALD19" s="8"/>
      <c r="ALE19" s="8"/>
      <c r="ALF19" s="8"/>
      <c r="ALG19" s="8"/>
      <c r="ALH19" s="8"/>
      <c r="ALI19" s="8"/>
      <c r="ALJ19" s="8"/>
      <c r="ALK19" s="8"/>
      <c r="ALL19" s="8"/>
      <c r="ALM19" s="8"/>
      <c r="ALN19" s="8"/>
      <c r="ALO19" s="8"/>
      <c r="ALP19" s="8"/>
      <c r="ALQ19" s="8"/>
      <c r="ALR19" s="8"/>
      <c r="ALS19" s="8"/>
      <c r="ALT19" s="8"/>
      <c r="ALU19" s="8"/>
      <c r="ALV19" s="8"/>
      <c r="ALW19" s="8"/>
      <c r="ALX19" s="8"/>
      <c r="ALY19" s="8"/>
      <c r="ALZ19" s="8"/>
      <c r="AMA19" s="8"/>
      <c r="AMB19" s="8"/>
      <c r="AMC19" s="8"/>
      <c r="AMD19" s="8"/>
      <c r="AME19" s="8"/>
      <c r="AMF19" s="8"/>
      <c r="AMG19" s="8"/>
      <c r="AMH19" s="8"/>
      <c r="AMI19" s="8"/>
      <c r="AMJ19" s="8"/>
      <c r="AMK19" s="8"/>
      <c r="AML19" s="8"/>
      <c r="AMM19" s="8"/>
      <c r="AMN19" s="8"/>
      <c r="AMO19" s="8"/>
      <c r="AMP19" s="8"/>
      <c r="AMQ19" s="8"/>
      <c r="AMR19" s="8"/>
      <c r="AMS19" s="8"/>
      <c r="AMT19" s="8"/>
      <c r="AMU19" s="8"/>
      <c r="AMV19" s="8"/>
      <c r="AMW19" s="8"/>
      <c r="AMX19" s="8"/>
      <c r="AMY19" s="8"/>
      <c r="AMZ19" s="8"/>
      <c r="ANA19" s="8"/>
      <c r="ANB19" s="8"/>
      <c r="ANC19" s="8"/>
      <c r="AND19" s="8"/>
      <c r="ANE19" s="8"/>
      <c r="ANF19" s="8"/>
      <c r="ANG19" s="8"/>
      <c r="ANH19" s="8"/>
      <c r="ANI19" s="8"/>
      <c r="ANJ19" s="8"/>
      <c r="ANK19" s="8"/>
      <c r="ANL19" s="8"/>
      <c r="ANM19" s="8"/>
      <c r="ANN19" s="8"/>
      <c r="ANO19" s="8"/>
      <c r="ANP19" s="8"/>
      <c r="ANQ19" s="8"/>
      <c r="ANR19" s="8"/>
      <c r="ANS19" s="8"/>
      <c r="ANT19" s="8"/>
      <c r="ANU19" s="8"/>
      <c r="ANV19" s="8"/>
      <c r="ANW19" s="8"/>
      <c r="ANX19" s="8"/>
      <c r="ANY19" s="8"/>
      <c r="ANZ19" s="8"/>
      <c r="AOA19" s="8"/>
      <c r="AOB19" s="8"/>
      <c r="AOC19" s="8"/>
      <c r="AOD19" s="8"/>
      <c r="AOE19" s="8"/>
      <c r="AOF19" s="8"/>
      <c r="AOG19" s="8"/>
      <c r="AOH19" s="8"/>
      <c r="AOI19" s="8"/>
      <c r="AOJ19" s="8"/>
      <c r="AOK19" s="8"/>
      <c r="AOL19" s="8"/>
      <c r="AOM19" s="8"/>
      <c r="AON19" s="8"/>
      <c r="AOO19" s="8"/>
      <c r="AOP19" s="8"/>
      <c r="AOQ19" s="8"/>
      <c r="AOR19" s="8"/>
      <c r="AOS19" s="8"/>
      <c r="AOT19" s="8"/>
      <c r="AOU19" s="8"/>
      <c r="AOV19" s="8"/>
      <c r="AOW19" s="8"/>
      <c r="AOX19" s="8"/>
      <c r="AOY19" s="8"/>
      <c r="AOZ19" s="8"/>
      <c r="APA19" s="8"/>
      <c r="APB19" s="8"/>
      <c r="APC19" s="8"/>
      <c r="APD19" s="8"/>
      <c r="APE19" s="8"/>
      <c r="APF19" s="8"/>
      <c r="APG19" s="8"/>
      <c r="APH19" s="8"/>
      <c r="API19" s="8"/>
      <c r="APJ19" s="8"/>
      <c r="APK19" s="8"/>
      <c r="APL19" s="8"/>
      <c r="APM19" s="8"/>
      <c r="APN19" s="8"/>
      <c r="APO19" s="8"/>
      <c r="APP19" s="8"/>
      <c r="APQ19" s="8"/>
      <c r="APR19" s="8"/>
      <c r="APS19" s="8"/>
      <c r="APT19" s="8"/>
      <c r="APU19" s="8"/>
      <c r="APV19" s="8"/>
      <c r="APW19" s="8"/>
      <c r="APX19" s="8"/>
      <c r="APY19" s="8"/>
      <c r="APZ19" s="8"/>
      <c r="AQA19" s="8"/>
      <c r="AQB19" s="8"/>
      <c r="AQC19" s="8"/>
      <c r="AQD19" s="8"/>
      <c r="AQE19" s="8"/>
      <c r="AQF19" s="8"/>
      <c r="AQG19" s="8"/>
      <c r="AQH19" s="8"/>
      <c r="AQI19" s="8"/>
      <c r="AQJ19" s="8"/>
      <c r="AQK19" s="8"/>
      <c r="AQL19" s="8"/>
      <c r="AQM19" s="8"/>
      <c r="AQN19" s="8"/>
      <c r="AQO19" s="8"/>
      <c r="AQP19" s="8"/>
      <c r="AQQ19" s="8"/>
      <c r="AQR19" s="8"/>
      <c r="AQS19" s="8"/>
      <c r="AQT19" s="8"/>
      <c r="AQU19" s="8"/>
      <c r="AQV19" s="8"/>
      <c r="AQW19" s="8"/>
      <c r="AQX19" s="8"/>
      <c r="AQY19" s="8"/>
      <c r="AQZ19" s="8"/>
      <c r="ARA19" s="8"/>
      <c r="ARB19" s="8"/>
      <c r="ARC19" s="8"/>
      <c r="ARD19" s="8"/>
      <c r="ARE19" s="8"/>
      <c r="ARF19" s="8"/>
      <c r="ARG19" s="8"/>
      <c r="ARH19" s="8"/>
      <c r="ARI19" s="8"/>
      <c r="ARJ19" s="8"/>
      <c r="ARK19" s="8"/>
      <c r="ARL19" s="8"/>
      <c r="ARM19" s="8"/>
      <c r="ARN19" s="8"/>
      <c r="ARO19" s="8"/>
      <c r="ARP19" s="8"/>
      <c r="ARQ19" s="8"/>
      <c r="ARR19" s="8"/>
      <c r="ARS19" s="8"/>
      <c r="ART19" s="8"/>
      <c r="ARU19" s="8"/>
      <c r="ARV19" s="8"/>
      <c r="ARW19" s="8"/>
      <c r="ARX19" s="8"/>
      <c r="ARY19" s="8"/>
      <c r="ARZ19" s="8"/>
      <c r="ASA19" s="8"/>
      <c r="ASB19" s="8"/>
      <c r="ASC19" s="8"/>
      <c r="ASD19" s="8"/>
      <c r="ASE19" s="8"/>
      <c r="ASF19" s="8"/>
      <c r="ASG19" s="8"/>
      <c r="ASH19" s="8"/>
      <c r="ASI19" s="8"/>
      <c r="ASJ19" s="8"/>
      <c r="ASK19" s="8"/>
      <c r="ASL19" s="8"/>
      <c r="ASM19" s="8"/>
      <c r="ASN19" s="8"/>
      <c r="ASO19" s="8"/>
      <c r="ASP19" s="8"/>
      <c r="ASQ19" s="8"/>
      <c r="ASR19" s="8"/>
      <c r="ASS19" s="8"/>
      <c r="AST19" s="8"/>
      <c r="ASU19" s="8"/>
      <c r="ASV19" s="8"/>
      <c r="ASW19" s="8"/>
      <c r="ASX19" s="8"/>
      <c r="ASY19" s="8"/>
      <c r="ASZ19" s="8"/>
      <c r="ATA19" s="8"/>
      <c r="ATB19" s="8"/>
      <c r="ATC19" s="8"/>
      <c r="ATD19" s="8"/>
      <c r="ATE19" s="8"/>
      <c r="ATF19" s="8"/>
      <c r="ATG19" s="8"/>
      <c r="ATH19" s="8"/>
      <c r="ATI19" s="8"/>
      <c r="ATJ19" s="8"/>
      <c r="ATK19" s="8"/>
      <c r="ATL19" s="8"/>
      <c r="ATM19" s="8"/>
      <c r="ATN19" s="8"/>
      <c r="ATO19" s="8"/>
      <c r="ATP19" s="8"/>
      <c r="ATQ19" s="8"/>
      <c r="ATR19" s="8"/>
      <c r="ATS19" s="8"/>
      <c r="ATT19" s="8"/>
      <c r="ATU19" s="8"/>
      <c r="ATV19" s="8"/>
      <c r="ATW19" s="8"/>
      <c r="ATX19" s="8"/>
      <c r="ATY19" s="8"/>
      <c r="ATZ19" s="8"/>
      <c r="AUA19" s="8"/>
      <c r="AUB19" s="8"/>
      <c r="AUC19" s="8"/>
      <c r="AUD19" s="8"/>
      <c r="AUE19" s="8"/>
      <c r="AUF19" s="8"/>
      <c r="AUG19" s="8"/>
      <c r="AUH19" s="8"/>
      <c r="AUI19" s="8"/>
      <c r="AUJ19" s="8"/>
      <c r="AUK19" s="8"/>
      <c r="AUL19" s="8"/>
      <c r="AUM19" s="8"/>
      <c r="AUN19" s="8"/>
      <c r="AUO19" s="8"/>
      <c r="AUP19" s="8"/>
      <c r="AUQ19" s="8"/>
      <c r="AUR19" s="8"/>
      <c r="AUS19" s="8"/>
      <c r="AUT19" s="8"/>
      <c r="AUU19" s="8"/>
      <c r="AUV19" s="8"/>
      <c r="AUW19" s="8"/>
      <c r="AUX19" s="8"/>
      <c r="AUY19" s="8"/>
      <c r="AUZ19" s="8"/>
      <c r="AVA19" s="8"/>
      <c r="AVB19" s="8"/>
      <c r="AVC19" s="8"/>
      <c r="AVD19" s="8"/>
      <c r="AVE19" s="8"/>
      <c r="AVF19" s="8"/>
      <c r="AVG19" s="8"/>
      <c r="AVH19" s="8"/>
      <c r="AVI19" s="8"/>
      <c r="AVJ19" s="8"/>
      <c r="AVK19" s="8"/>
      <c r="AVL19" s="8"/>
      <c r="AVM19" s="8"/>
      <c r="AVN19" s="8"/>
      <c r="AVO19" s="8"/>
      <c r="AVP19" s="8"/>
      <c r="AVQ19" s="8"/>
      <c r="AVR19" s="8"/>
      <c r="AVS19" s="8"/>
      <c r="AVT19" s="8"/>
      <c r="AVU19" s="8"/>
      <c r="AVV19" s="8"/>
      <c r="AVW19" s="8"/>
      <c r="AVX19" s="8"/>
      <c r="AVY19" s="8"/>
      <c r="AVZ19" s="8"/>
      <c r="AWA19" s="8"/>
      <c r="AWB19" s="8"/>
      <c r="AWC19" s="8"/>
      <c r="AWD19" s="8"/>
      <c r="AWE19" s="8"/>
      <c r="AWF19" s="8"/>
      <c r="AWG19" s="8"/>
      <c r="AWH19" s="8"/>
      <c r="AWI19" s="8"/>
      <c r="AWJ19" s="8"/>
      <c r="AWK19" s="8"/>
      <c r="AWL19" s="8"/>
      <c r="AWM19" s="8"/>
      <c r="AWN19" s="8"/>
      <c r="AWO19" s="8"/>
      <c r="AWP19" s="8"/>
      <c r="AWQ19" s="8"/>
      <c r="AWR19" s="8"/>
      <c r="AWS19" s="8"/>
      <c r="AWT19" s="8"/>
      <c r="AWU19" s="8"/>
      <c r="AWV19" s="8"/>
      <c r="AWW19" s="8"/>
      <c r="AWX19" s="8"/>
      <c r="AWY19" s="8"/>
      <c r="AWZ19" s="8"/>
      <c r="AXA19" s="8"/>
      <c r="AXB19" s="8"/>
      <c r="AXC19" s="8"/>
      <c r="AXD19" s="8"/>
      <c r="AXE19" s="8"/>
      <c r="AXF19" s="8"/>
      <c r="AXG19" s="8"/>
      <c r="AXH19" s="8"/>
      <c r="AXI19" s="8"/>
      <c r="AXJ19" s="8"/>
      <c r="AXK19" s="8"/>
      <c r="AXL19" s="8"/>
      <c r="AXM19" s="8"/>
      <c r="AXN19" s="8"/>
      <c r="AXO19" s="8"/>
      <c r="AXP19" s="8"/>
      <c r="AXQ19" s="8"/>
      <c r="AXR19" s="8"/>
      <c r="AXS19" s="8"/>
      <c r="AXT19" s="8"/>
      <c r="AXU19" s="8"/>
      <c r="AXV19" s="8"/>
      <c r="AXW19" s="8"/>
      <c r="AXX19" s="8"/>
      <c r="AXY19" s="8"/>
      <c r="AXZ19" s="8"/>
      <c r="AYA19" s="8"/>
      <c r="AYB19" s="8"/>
      <c r="AYC19" s="8"/>
      <c r="AYD19" s="8"/>
      <c r="AYE19" s="8"/>
      <c r="AYF19" s="8"/>
      <c r="AYG19" s="8"/>
      <c r="AYH19" s="8"/>
      <c r="AYI19" s="8"/>
      <c r="AYJ19" s="8"/>
      <c r="AYK19" s="8"/>
      <c r="AYL19" s="8"/>
      <c r="AYM19" s="8"/>
      <c r="AYN19" s="8"/>
      <c r="AYO19" s="8"/>
      <c r="AYP19" s="8"/>
      <c r="AYQ19" s="8"/>
      <c r="AYR19" s="8"/>
      <c r="AYS19" s="8"/>
      <c r="AYT19" s="8"/>
      <c r="AYU19" s="8"/>
      <c r="AYV19" s="8"/>
      <c r="AYW19" s="8"/>
      <c r="AYX19" s="8"/>
      <c r="AYY19" s="8"/>
      <c r="AYZ19" s="8"/>
      <c r="AZA19" s="8"/>
      <c r="AZB19" s="8"/>
      <c r="AZC19" s="8"/>
      <c r="AZD19" s="8"/>
      <c r="AZE19" s="8"/>
      <c r="AZF19" s="8"/>
      <c r="AZG19" s="8"/>
      <c r="AZH19" s="8"/>
      <c r="AZI19" s="8"/>
      <c r="AZJ19" s="8"/>
      <c r="AZK19" s="8"/>
      <c r="AZL19" s="8"/>
      <c r="AZM19" s="8"/>
      <c r="AZN19" s="8"/>
      <c r="AZO19" s="8"/>
      <c r="AZP19" s="8"/>
      <c r="AZQ19" s="8"/>
      <c r="AZR19" s="8"/>
      <c r="AZS19" s="8"/>
      <c r="AZT19" s="8"/>
      <c r="AZU19" s="8"/>
      <c r="AZV19" s="8"/>
      <c r="AZW19" s="8"/>
      <c r="AZX19" s="8"/>
      <c r="AZY19" s="8"/>
      <c r="AZZ19" s="8"/>
      <c r="BAA19" s="8"/>
      <c r="BAB19" s="8"/>
      <c r="BAC19" s="8"/>
      <c r="BAD19" s="8"/>
      <c r="BAE19" s="8"/>
      <c r="BAF19" s="8"/>
      <c r="BAG19" s="8"/>
      <c r="BAH19" s="8"/>
      <c r="BAI19" s="8"/>
      <c r="BAJ19" s="8"/>
      <c r="BAK19" s="8"/>
      <c r="BAL19" s="8"/>
      <c r="BAM19" s="8"/>
      <c r="BAN19" s="8"/>
      <c r="BAO19" s="8"/>
      <c r="BAP19" s="8"/>
      <c r="BAQ19" s="8"/>
      <c r="BAR19" s="8"/>
      <c r="BAS19" s="8"/>
      <c r="BAT19" s="8"/>
      <c r="BAU19" s="8"/>
      <c r="BAV19" s="8"/>
      <c r="BAW19" s="8"/>
      <c r="BAX19" s="8"/>
      <c r="BAY19" s="8"/>
      <c r="BAZ19" s="8"/>
      <c r="BBA19" s="8"/>
      <c r="BBB19" s="8"/>
      <c r="BBC19" s="8"/>
      <c r="BBD19" s="8"/>
      <c r="BBE19" s="8"/>
      <c r="BBF19" s="8"/>
      <c r="BBG19" s="8"/>
      <c r="BBH19" s="8"/>
      <c r="BBI19" s="8"/>
      <c r="BBJ19" s="8"/>
      <c r="BBK19" s="8"/>
      <c r="BBL19" s="8"/>
      <c r="BBM19" s="8"/>
      <c r="BBN19" s="8"/>
      <c r="BBO19" s="8"/>
      <c r="BBP19" s="8"/>
      <c r="BBQ19" s="8"/>
      <c r="BBR19" s="8"/>
      <c r="BBS19" s="8"/>
      <c r="BBT19" s="8"/>
      <c r="BBU19" s="8"/>
      <c r="BBV19" s="8"/>
      <c r="BBW19" s="8"/>
      <c r="BBX19" s="8"/>
      <c r="BBY19" s="8"/>
      <c r="BBZ19" s="8"/>
      <c r="BCA19" s="8"/>
      <c r="BCB19" s="8"/>
      <c r="BCC19" s="8"/>
      <c r="BCD19" s="8"/>
      <c r="BCE19" s="8"/>
      <c r="BCF19" s="8"/>
      <c r="BCG19" s="8"/>
      <c r="BCH19" s="8"/>
      <c r="BCI19" s="8"/>
      <c r="BCJ19" s="8"/>
      <c r="BCK19" s="8"/>
      <c r="BCL19" s="8"/>
      <c r="BCM19" s="8"/>
      <c r="BCN19" s="8"/>
      <c r="BCO19" s="8"/>
      <c r="BCP19" s="8"/>
      <c r="BCQ19" s="8"/>
      <c r="BCR19" s="8"/>
      <c r="BCS19" s="8"/>
      <c r="BCT19" s="8"/>
      <c r="BCU19" s="8"/>
      <c r="BCV19" s="8"/>
      <c r="BCW19" s="8"/>
      <c r="BCX19" s="8"/>
      <c r="BCY19" s="8"/>
      <c r="BCZ19" s="8"/>
      <c r="BDA19" s="8"/>
      <c r="BDB19" s="8"/>
      <c r="BDC19" s="8"/>
      <c r="BDD19" s="8"/>
      <c r="BDE19" s="8"/>
      <c r="BDF19" s="8"/>
      <c r="BDG19" s="8"/>
      <c r="BDH19" s="8"/>
      <c r="BDI19" s="8"/>
      <c r="BDJ19" s="8"/>
      <c r="BDK19" s="8"/>
      <c r="BDL19" s="8"/>
      <c r="BDM19" s="8"/>
      <c r="BDN19" s="8"/>
      <c r="BDO19" s="8"/>
      <c r="BDP19" s="8"/>
      <c r="BDQ19" s="8"/>
      <c r="BDR19" s="8"/>
      <c r="BDS19" s="8"/>
      <c r="BDT19" s="8"/>
      <c r="BDU19" s="8"/>
      <c r="BDV19" s="8"/>
      <c r="BDW19" s="8"/>
      <c r="BDX19" s="8"/>
      <c r="BDY19" s="8"/>
      <c r="BDZ19" s="8"/>
      <c r="BEA19" s="8"/>
      <c r="BEB19" s="8"/>
      <c r="BEC19" s="8"/>
      <c r="BED19" s="8"/>
      <c r="BEE19" s="8"/>
      <c r="BEF19" s="8"/>
      <c r="BEG19" s="8"/>
      <c r="BEH19" s="8"/>
      <c r="BEI19" s="8"/>
      <c r="BEJ19" s="8"/>
      <c r="BEK19" s="8"/>
      <c r="BEL19" s="8"/>
      <c r="BEM19" s="8"/>
      <c r="BEN19" s="8"/>
      <c r="BEO19" s="8"/>
      <c r="BEP19" s="8"/>
      <c r="BEQ19" s="8"/>
      <c r="BER19" s="8"/>
      <c r="BES19" s="8"/>
      <c r="BET19" s="8"/>
      <c r="BEU19" s="8"/>
      <c r="BEV19" s="8"/>
      <c r="BEW19" s="8"/>
      <c r="BEX19" s="8"/>
      <c r="BEY19" s="8"/>
      <c r="BEZ19" s="8"/>
      <c r="BFA19" s="8"/>
      <c r="BFB19" s="8"/>
      <c r="BFC19" s="8"/>
      <c r="BFD19" s="8"/>
      <c r="BFE19" s="8"/>
      <c r="BFF19" s="8"/>
      <c r="BFG19" s="8"/>
      <c r="BFH19" s="8"/>
      <c r="BFI19" s="8"/>
      <c r="BFJ19" s="8"/>
      <c r="BFK19" s="8"/>
      <c r="BFL19" s="8"/>
      <c r="BFM19" s="8"/>
      <c r="BFN19" s="8"/>
      <c r="BFO19" s="8"/>
      <c r="BFP19" s="8"/>
      <c r="BFQ19" s="8"/>
      <c r="BFR19" s="8"/>
      <c r="BFS19" s="8"/>
      <c r="BFT19" s="8"/>
      <c r="BFU19" s="8"/>
      <c r="BFV19" s="8"/>
      <c r="BFW19" s="8"/>
      <c r="BFX19" s="8"/>
      <c r="BFY19" s="8"/>
      <c r="BFZ19" s="8"/>
      <c r="BGA19" s="8"/>
      <c r="BGB19" s="8"/>
      <c r="BGC19" s="8"/>
      <c r="BGD19" s="8"/>
      <c r="BGE19" s="8"/>
      <c r="BGF19" s="8"/>
      <c r="BGG19" s="8"/>
      <c r="BGH19" s="8"/>
      <c r="BGI19" s="8"/>
      <c r="BGJ19" s="8"/>
      <c r="BGK19" s="8"/>
      <c r="BGL19" s="8"/>
      <c r="BGM19" s="8"/>
      <c r="BGN19" s="8"/>
      <c r="BGO19" s="8"/>
      <c r="BGP19" s="8"/>
      <c r="BGQ19" s="8"/>
      <c r="BGR19" s="8"/>
      <c r="BGS19" s="8"/>
      <c r="BGT19" s="8"/>
      <c r="BGU19" s="8"/>
      <c r="BGV19" s="8"/>
      <c r="BGW19" s="8"/>
      <c r="BGX19" s="8"/>
      <c r="BGY19" s="8"/>
      <c r="BGZ19" s="8"/>
      <c r="BHA19" s="8"/>
      <c r="BHB19" s="8"/>
      <c r="BHC19" s="8"/>
      <c r="BHD19" s="8"/>
      <c r="BHE19" s="8"/>
      <c r="BHF19" s="8"/>
      <c r="BHG19" s="8"/>
      <c r="BHH19" s="8"/>
      <c r="BHI19" s="8"/>
      <c r="BHJ19" s="8"/>
      <c r="BHK19" s="8"/>
      <c r="BHL19" s="8"/>
      <c r="BHM19" s="8"/>
      <c r="BHN19" s="8"/>
      <c r="BHO19" s="8"/>
      <c r="BHP19" s="8"/>
      <c r="BHQ19" s="8"/>
      <c r="BHR19" s="8"/>
      <c r="BHS19" s="8"/>
      <c r="BHT19" s="8"/>
      <c r="BHU19" s="8"/>
      <c r="BHV19" s="8"/>
      <c r="BHW19" s="8"/>
      <c r="BHX19" s="8"/>
      <c r="BHY19" s="8"/>
      <c r="BHZ19" s="8"/>
      <c r="BIA19" s="8"/>
      <c r="BIB19" s="8"/>
      <c r="BIC19" s="8"/>
      <c r="BID19" s="8"/>
      <c r="BIE19" s="8"/>
      <c r="BIF19" s="8"/>
      <c r="BIG19" s="8"/>
      <c r="BIH19" s="8"/>
      <c r="BII19" s="8"/>
      <c r="BIJ19" s="8"/>
      <c r="BIK19" s="8"/>
      <c r="BIL19" s="8"/>
      <c r="BIM19" s="8"/>
      <c r="BIN19" s="8"/>
      <c r="BIO19" s="8"/>
      <c r="BIP19" s="8"/>
      <c r="BIQ19" s="8"/>
      <c r="BIR19" s="8"/>
      <c r="BIS19" s="8"/>
      <c r="BIT19" s="8"/>
      <c r="BIU19" s="8"/>
      <c r="BIV19" s="8"/>
      <c r="BIW19" s="8"/>
      <c r="BIX19" s="8"/>
      <c r="BIY19" s="8"/>
      <c r="BIZ19" s="8"/>
      <c r="BJA19" s="8"/>
      <c r="BJB19" s="8"/>
      <c r="BJC19" s="8"/>
      <c r="BJD19" s="8"/>
      <c r="BJE19" s="8"/>
      <c r="BJF19" s="8"/>
      <c r="BJG19" s="8"/>
      <c r="BJH19" s="8"/>
      <c r="BJI19" s="8"/>
      <c r="BJJ19" s="8"/>
      <c r="BJK19" s="8"/>
      <c r="BJL19" s="8"/>
      <c r="BJM19" s="8"/>
      <c r="BJN19" s="8"/>
      <c r="BJO19" s="8"/>
      <c r="BJP19" s="8"/>
      <c r="BJQ19" s="8"/>
      <c r="BJR19" s="8"/>
      <c r="BJS19" s="8"/>
      <c r="BJT19" s="8"/>
      <c r="BJU19" s="8"/>
      <c r="BJV19" s="8"/>
      <c r="BJW19" s="8"/>
      <c r="BJX19" s="8"/>
      <c r="BJY19" s="8"/>
      <c r="BJZ19" s="8"/>
      <c r="BKA19" s="8"/>
      <c r="BKB19" s="8"/>
      <c r="BKC19" s="8"/>
      <c r="BKD19" s="8"/>
      <c r="BKE19" s="8"/>
      <c r="BKF19" s="8"/>
      <c r="BKG19" s="8"/>
      <c r="BKH19" s="8"/>
      <c r="BKI19" s="8"/>
      <c r="BKJ19" s="8"/>
      <c r="BKK19" s="8"/>
      <c r="BKL19" s="8"/>
      <c r="BKM19" s="8"/>
      <c r="BKN19" s="8"/>
      <c r="BKO19" s="8"/>
      <c r="BKP19" s="8"/>
      <c r="BKQ19" s="8"/>
      <c r="BKR19" s="8"/>
      <c r="BKS19" s="8"/>
      <c r="BKT19" s="8"/>
      <c r="BKU19" s="8"/>
      <c r="BKV19" s="8"/>
      <c r="BKW19" s="8"/>
      <c r="BKX19" s="8"/>
      <c r="BKY19" s="8"/>
      <c r="BKZ19" s="8"/>
      <c r="BLA19" s="8"/>
      <c r="BLB19" s="8"/>
      <c r="BLC19" s="8"/>
      <c r="BLD19" s="8"/>
      <c r="BLE19" s="8"/>
      <c r="BLF19" s="8"/>
      <c r="BLG19" s="8"/>
      <c r="BLH19" s="8"/>
      <c r="BLI19" s="8"/>
      <c r="BLJ19" s="8"/>
      <c r="BLK19" s="8"/>
      <c r="BLL19" s="8"/>
      <c r="BLM19" s="8"/>
      <c r="BLN19" s="8"/>
      <c r="BLO19" s="8"/>
      <c r="BLP19" s="8"/>
      <c r="BLQ19" s="8"/>
      <c r="BLR19" s="8"/>
      <c r="BLS19" s="8"/>
      <c r="BLT19" s="8"/>
      <c r="BLU19" s="8"/>
      <c r="BLV19" s="8"/>
      <c r="BLW19" s="8"/>
      <c r="BLX19" s="8"/>
      <c r="BLY19" s="8"/>
      <c r="BLZ19" s="8"/>
      <c r="BMA19" s="8"/>
      <c r="BMB19" s="8"/>
      <c r="BMC19" s="8"/>
      <c r="BMD19" s="8"/>
      <c r="BME19" s="8"/>
      <c r="BMF19" s="8"/>
      <c r="BMG19" s="8"/>
      <c r="BMH19" s="8"/>
      <c r="BMI19" s="8"/>
      <c r="BMJ19" s="8"/>
      <c r="BMK19" s="8"/>
      <c r="BML19" s="8"/>
      <c r="BMM19" s="8"/>
      <c r="BMN19" s="8"/>
      <c r="BMO19" s="8"/>
      <c r="BMP19" s="8"/>
      <c r="BMQ19" s="8"/>
      <c r="BMR19" s="8"/>
      <c r="BMS19" s="8"/>
      <c r="BMT19" s="8"/>
      <c r="BMU19" s="8"/>
      <c r="BMV19" s="8"/>
      <c r="BMW19" s="8"/>
      <c r="BMX19" s="8"/>
      <c r="BMY19" s="8"/>
      <c r="BMZ19" s="8"/>
      <c r="BNA19" s="8"/>
      <c r="BNB19" s="8"/>
      <c r="BNC19" s="8"/>
      <c r="BND19" s="8"/>
      <c r="BNE19" s="8"/>
      <c r="BNF19" s="8"/>
      <c r="BNG19" s="8"/>
      <c r="BNH19" s="8"/>
      <c r="BNI19" s="8"/>
      <c r="BNJ19" s="8"/>
      <c r="BNK19" s="8"/>
      <c r="BNL19" s="8"/>
      <c r="BNM19" s="8"/>
      <c r="BNN19" s="8"/>
      <c r="BNO19" s="8"/>
      <c r="BNP19" s="8"/>
      <c r="BNQ19" s="8"/>
      <c r="BNR19" s="8"/>
      <c r="BNS19" s="8"/>
      <c r="BNT19" s="8"/>
      <c r="BNU19" s="8"/>
      <c r="BNV19" s="8"/>
      <c r="BNW19" s="8"/>
      <c r="BNX19" s="8"/>
      <c r="BNY19" s="8"/>
      <c r="BNZ19" s="8"/>
      <c r="BOA19" s="8"/>
      <c r="BOB19" s="8"/>
      <c r="BOC19" s="8"/>
      <c r="BOD19" s="8"/>
      <c r="BOE19" s="8"/>
      <c r="BOF19" s="8"/>
      <c r="BOG19" s="8"/>
      <c r="BOH19" s="8"/>
      <c r="BOI19" s="8"/>
      <c r="BOJ19" s="8"/>
      <c r="BOK19" s="8"/>
      <c r="BOL19" s="8"/>
      <c r="BOM19" s="8"/>
      <c r="BON19" s="8"/>
      <c r="BOO19" s="8"/>
      <c r="BOP19" s="8"/>
      <c r="BOQ19" s="8"/>
      <c r="BOR19" s="8"/>
      <c r="BOS19" s="8"/>
      <c r="BOT19" s="8"/>
      <c r="BOU19" s="8"/>
      <c r="BOV19" s="8"/>
      <c r="BOW19" s="8"/>
      <c r="BOX19" s="8"/>
      <c r="BOY19" s="8"/>
      <c r="BOZ19" s="8"/>
      <c r="BPA19" s="8"/>
      <c r="BPB19" s="8"/>
      <c r="BPC19" s="8"/>
      <c r="BPD19" s="8"/>
      <c r="BPE19" s="8"/>
      <c r="BPF19" s="8"/>
      <c r="BPG19" s="8"/>
      <c r="BPH19" s="8"/>
      <c r="BPI19" s="8"/>
      <c r="BPJ19" s="8"/>
      <c r="BPK19" s="8"/>
      <c r="BPL19" s="8"/>
      <c r="BPM19" s="8"/>
      <c r="BPN19" s="8"/>
      <c r="BPO19" s="8"/>
      <c r="BPP19" s="8"/>
      <c r="BPQ19" s="8"/>
      <c r="BPR19" s="8"/>
      <c r="BPS19" s="8"/>
      <c r="BPT19" s="8"/>
      <c r="BPU19" s="8"/>
      <c r="BPV19" s="8"/>
      <c r="BPW19" s="8"/>
      <c r="BPX19" s="8"/>
      <c r="BPY19" s="8"/>
      <c r="BPZ19" s="8"/>
      <c r="BQA19" s="8"/>
      <c r="BQB19" s="8"/>
      <c r="BQC19" s="8"/>
      <c r="BQD19" s="8"/>
      <c r="BQE19" s="8"/>
      <c r="BQF19" s="8"/>
      <c r="BQG19" s="8"/>
      <c r="BQH19" s="8"/>
      <c r="BQI19" s="8"/>
      <c r="BQJ19" s="8"/>
      <c r="BQK19" s="8"/>
      <c r="BQL19" s="8"/>
      <c r="BQM19" s="8"/>
      <c r="BQN19" s="8"/>
      <c r="BQO19" s="8"/>
      <c r="BQP19" s="8"/>
      <c r="BQQ19" s="8"/>
      <c r="BQR19" s="8"/>
      <c r="BQS19" s="8"/>
      <c r="BQT19" s="8"/>
      <c r="BQU19" s="8"/>
      <c r="BQV19" s="8"/>
      <c r="BQW19" s="8"/>
      <c r="BQX19" s="8"/>
      <c r="BQY19" s="8"/>
      <c r="BQZ19" s="8"/>
      <c r="BRA19" s="8"/>
      <c r="BRB19" s="8"/>
      <c r="BRC19" s="8"/>
      <c r="BRD19" s="8"/>
      <c r="BRE19" s="8"/>
      <c r="BRF19" s="8"/>
      <c r="BRG19" s="8"/>
      <c r="BRH19" s="8"/>
      <c r="BRI19" s="8"/>
      <c r="BRJ19" s="8"/>
      <c r="BRK19" s="8"/>
      <c r="BRL19" s="8"/>
      <c r="BRM19" s="8"/>
      <c r="BRN19" s="8"/>
      <c r="BRO19" s="8"/>
      <c r="BRP19" s="8"/>
      <c r="BRQ19" s="8"/>
      <c r="BRR19" s="8"/>
      <c r="BRS19" s="8"/>
      <c r="BRT19" s="8"/>
      <c r="BRU19" s="8"/>
      <c r="BRV19" s="8"/>
      <c r="BRW19" s="8"/>
      <c r="BRX19" s="8"/>
      <c r="BRY19" s="8"/>
      <c r="BRZ19" s="8"/>
      <c r="BSA19" s="8"/>
      <c r="BSB19" s="8"/>
      <c r="BSC19" s="8"/>
      <c r="BSD19" s="8"/>
      <c r="BSE19" s="8"/>
      <c r="BSF19" s="8"/>
      <c r="BSG19" s="8"/>
      <c r="BSH19" s="8"/>
      <c r="BSI19" s="8"/>
      <c r="BSJ19" s="8"/>
      <c r="BSK19" s="8"/>
      <c r="BSL19" s="8"/>
      <c r="BSM19" s="8"/>
      <c r="BSN19" s="8"/>
      <c r="BSO19" s="8"/>
      <c r="BSP19" s="8"/>
      <c r="BSQ19" s="8"/>
      <c r="BSR19" s="8"/>
      <c r="BSS19" s="8"/>
      <c r="BST19" s="8"/>
      <c r="BSU19" s="8"/>
      <c r="BSV19" s="8"/>
      <c r="BSW19" s="8"/>
      <c r="BSX19" s="8"/>
      <c r="BSY19" s="8"/>
      <c r="BSZ19" s="8"/>
      <c r="BTA19" s="8"/>
      <c r="BTB19" s="8"/>
      <c r="BTC19" s="8"/>
      <c r="BTD19" s="8"/>
      <c r="BTE19" s="8"/>
      <c r="BTF19" s="8"/>
      <c r="BTG19" s="8"/>
      <c r="BTH19" s="8"/>
      <c r="BTI19" s="8"/>
      <c r="BTJ19" s="8"/>
      <c r="BTK19" s="8"/>
      <c r="BTL19" s="8"/>
      <c r="BTM19" s="8"/>
      <c r="BTN19" s="8"/>
      <c r="BTO19" s="8"/>
      <c r="BTP19" s="8"/>
      <c r="BTQ19" s="8"/>
      <c r="BTR19" s="8"/>
      <c r="BTS19" s="8"/>
      <c r="BTT19" s="8"/>
      <c r="BTU19" s="8"/>
      <c r="BTV19" s="8"/>
      <c r="BTW19" s="8"/>
      <c r="BTX19" s="8"/>
      <c r="BTY19" s="8"/>
      <c r="BTZ19" s="8"/>
      <c r="BUA19" s="8"/>
      <c r="BUB19" s="8"/>
      <c r="BUC19" s="8"/>
      <c r="BUD19" s="8"/>
      <c r="BUE19" s="8"/>
      <c r="BUF19" s="8"/>
      <c r="BUG19" s="8"/>
      <c r="BUH19" s="8"/>
      <c r="BUI19" s="8"/>
      <c r="BUJ19" s="8"/>
      <c r="BUK19" s="8"/>
      <c r="BUL19" s="8"/>
      <c r="BUM19" s="8"/>
      <c r="BUN19" s="8"/>
      <c r="BUO19" s="8"/>
      <c r="BUP19" s="8"/>
      <c r="BUQ19" s="8"/>
      <c r="BUR19" s="8"/>
      <c r="BUS19" s="8"/>
      <c r="BUT19" s="8"/>
      <c r="BUU19" s="8"/>
      <c r="BUV19" s="8"/>
      <c r="BUW19" s="8"/>
      <c r="BUX19" s="8"/>
      <c r="BUY19" s="8"/>
      <c r="BUZ19" s="8"/>
      <c r="BVA19" s="8"/>
      <c r="BVB19" s="8"/>
      <c r="BVC19" s="8"/>
      <c r="BVD19" s="8"/>
      <c r="BVE19" s="8"/>
      <c r="BVF19" s="8"/>
      <c r="BVG19" s="8"/>
      <c r="BVH19" s="8"/>
      <c r="BVI19" s="8"/>
      <c r="BVJ19" s="8"/>
      <c r="BVK19" s="8"/>
      <c r="BVL19" s="8"/>
      <c r="BVM19" s="8"/>
      <c r="BVN19" s="8"/>
      <c r="BVO19" s="8"/>
      <c r="BVP19" s="8"/>
      <c r="BVQ19" s="8"/>
      <c r="BVR19" s="8"/>
      <c r="BVS19" s="8"/>
      <c r="BVT19" s="8"/>
      <c r="BVU19" s="8"/>
      <c r="BVV19" s="8"/>
      <c r="BVW19" s="8"/>
      <c r="BVX19" s="8"/>
      <c r="BVY19" s="8"/>
      <c r="BVZ19" s="8"/>
      <c r="BWA19" s="8"/>
      <c r="BWB19" s="8"/>
      <c r="BWC19" s="8"/>
      <c r="BWD19" s="8"/>
      <c r="BWE19" s="8"/>
      <c r="BWF19" s="8"/>
      <c r="BWG19" s="8"/>
      <c r="BWH19" s="8"/>
      <c r="BWI19" s="8"/>
      <c r="BWJ19" s="8"/>
      <c r="BWK19" s="8"/>
      <c r="BWL19" s="8"/>
      <c r="BWM19" s="8"/>
      <c r="BWN19" s="8"/>
      <c r="BWO19" s="8"/>
      <c r="BWP19" s="8"/>
      <c r="BWQ19" s="8"/>
      <c r="BWR19" s="8"/>
      <c r="BWS19" s="8"/>
      <c r="BWT19" s="8"/>
      <c r="BWU19" s="8"/>
      <c r="BWV19" s="8"/>
      <c r="BWW19" s="8"/>
      <c r="BWX19" s="8"/>
      <c r="BWY19" s="8"/>
      <c r="BWZ19" s="8"/>
      <c r="BXA19" s="8"/>
      <c r="BXB19" s="8"/>
      <c r="BXC19" s="8"/>
      <c r="BXD19" s="8"/>
      <c r="BXE19" s="8"/>
      <c r="BXF19" s="8"/>
      <c r="BXG19" s="8"/>
      <c r="BXH19" s="8"/>
      <c r="BXI19" s="8"/>
      <c r="BXJ19" s="8"/>
      <c r="BXK19" s="8"/>
      <c r="BXL19" s="8"/>
      <c r="BXM19" s="8"/>
      <c r="BXN19" s="8"/>
      <c r="BXO19" s="8"/>
      <c r="BXP19" s="8"/>
      <c r="BXQ19" s="8"/>
      <c r="BXR19" s="8"/>
      <c r="BXS19" s="8"/>
      <c r="BXT19" s="8"/>
      <c r="BXU19" s="8"/>
      <c r="BXV19" s="8"/>
      <c r="BXW19" s="8"/>
      <c r="BXX19" s="8"/>
      <c r="BXY19" s="8"/>
      <c r="BXZ19" s="8"/>
      <c r="BYA19" s="8"/>
      <c r="BYB19" s="8"/>
      <c r="BYC19" s="8"/>
      <c r="BYD19" s="8"/>
      <c r="BYE19" s="8"/>
      <c r="BYF19" s="8"/>
      <c r="BYG19" s="8"/>
      <c r="BYH19" s="8"/>
      <c r="BYI19" s="8"/>
      <c r="BYJ19" s="8"/>
      <c r="BYK19" s="8"/>
      <c r="BYL19" s="8"/>
      <c r="BYM19" s="8"/>
      <c r="BYN19" s="8"/>
      <c r="BYO19" s="8"/>
      <c r="BYP19" s="8"/>
      <c r="BYQ19" s="8"/>
      <c r="BYR19" s="8"/>
      <c r="BYS19" s="8"/>
      <c r="BYT19" s="8"/>
      <c r="BYU19" s="8"/>
      <c r="BYV19" s="8"/>
      <c r="BYW19" s="8"/>
      <c r="BYX19" s="8"/>
      <c r="BYY19" s="8"/>
      <c r="BYZ19" s="8"/>
      <c r="BZA19" s="8"/>
      <c r="BZB19" s="8"/>
      <c r="BZC19" s="8"/>
      <c r="BZD19" s="8"/>
      <c r="BZE19" s="8"/>
      <c r="BZF19" s="8"/>
      <c r="BZG19" s="8"/>
      <c r="BZH19" s="8"/>
      <c r="BZI19" s="8"/>
      <c r="BZJ19" s="8"/>
      <c r="BZK19" s="8"/>
      <c r="BZL19" s="8"/>
      <c r="BZM19" s="8"/>
      <c r="BZN19" s="8"/>
      <c r="BZO19" s="8"/>
      <c r="BZP19" s="8"/>
      <c r="BZQ19" s="8"/>
      <c r="BZR19" s="8"/>
      <c r="BZS19" s="8"/>
      <c r="BZT19" s="8"/>
      <c r="BZU19" s="8"/>
      <c r="BZV19" s="8"/>
      <c r="BZW19" s="8"/>
      <c r="BZX19" s="8"/>
      <c r="BZY19" s="8"/>
      <c r="BZZ19" s="8"/>
      <c r="CAA19" s="8"/>
      <c r="CAB19" s="8"/>
      <c r="CAC19" s="8"/>
      <c r="CAD19" s="8"/>
      <c r="CAE19" s="8"/>
      <c r="CAF19" s="8"/>
      <c r="CAG19" s="8"/>
      <c r="CAH19" s="8"/>
      <c r="CAI19" s="8"/>
      <c r="CAJ19" s="8"/>
      <c r="CAK19" s="8"/>
      <c r="CAL19" s="8"/>
      <c r="CAM19" s="8"/>
      <c r="CAN19" s="8"/>
      <c r="CAO19" s="8"/>
      <c r="CAP19" s="8"/>
      <c r="CAQ19" s="8"/>
      <c r="CAR19" s="8"/>
      <c r="CAS19" s="8"/>
      <c r="CAT19" s="8"/>
      <c r="CAU19" s="8"/>
      <c r="CAV19" s="8"/>
      <c r="CAW19" s="8"/>
      <c r="CAX19" s="8"/>
      <c r="CAY19" s="8"/>
      <c r="CAZ19" s="8"/>
      <c r="CBA19" s="8"/>
      <c r="CBB19" s="8"/>
      <c r="CBC19" s="8"/>
      <c r="CBD19" s="8"/>
      <c r="CBE19" s="8"/>
      <c r="CBF19" s="8"/>
      <c r="CBG19" s="8"/>
      <c r="CBH19" s="8"/>
      <c r="CBI19" s="8"/>
      <c r="CBJ19" s="8"/>
      <c r="CBK19" s="8"/>
      <c r="CBL19" s="8"/>
      <c r="CBM19" s="8"/>
      <c r="CBN19" s="8"/>
      <c r="CBO19" s="8"/>
      <c r="CBP19" s="8"/>
      <c r="CBQ19" s="8"/>
      <c r="CBR19" s="8"/>
      <c r="CBS19" s="8"/>
      <c r="CBT19" s="8"/>
      <c r="CBU19" s="8"/>
      <c r="CBV19" s="8"/>
      <c r="CBW19" s="8"/>
      <c r="CBX19" s="8"/>
      <c r="CBY19" s="8"/>
      <c r="CBZ19" s="8"/>
      <c r="CCA19" s="8"/>
      <c r="CCB19" s="8"/>
      <c r="CCC19" s="8"/>
      <c r="CCD19" s="8"/>
      <c r="CCE19" s="8"/>
      <c r="CCF19" s="8"/>
      <c r="CCG19" s="8"/>
      <c r="CCH19" s="8"/>
      <c r="CCI19" s="8"/>
      <c r="CCJ19" s="8"/>
      <c r="CCK19" s="8"/>
      <c r="CCL19" s="8"/>
      <c r="CCM19" s="8"/>
      <c r="CCN19" s="8"/>
      <c r="CCO19" s="8"/>
      <c r="CCP19" s="8"/>
      <c r="CCQ19" s="8"/>
      <c r="CCR19" s="8"/>
      <c r="CCS19" s="8"/>
      <c r="CCT19" s="8"/>
      <c r="CCU19" s="8"/>
      <c r="CCV19" s="8"/>
      <c r="CCW19" s="8"/>
      <c r="CCX19" s="8"/>
      <c r="CCY19" s="8"/>
      <c r="CCZ19" s="8"/>
      <c r="CDA19" s="8"/>
      <c r="CDB19" s="8"/>
      <c r="CDC19" s="8"/>
      <c r="CDD19" s="8"/>
      <c r="CDE19" s="8"/>
      <c r="CDF19" s="8"/>
      <c r="CDG19" s="8"/>
      <c r="CDH19" s="8"/>
      <c r="CDI19" s="8"/>
      <c r="CDJ19" s="8"/>
      <c r="CDK19" s="8"/>
      <c r="CDL19" s="8"/>
      <c r="CDM19" s="8"/>
      <c r="CDN19" s="8"/>
      <c r="CDO19" s="8"/>
      <c r="CDP19" s="8"/>
      <c r="CDQ19" s="8"/>
      <c r="CDR19" s="8"/>
      <c r="CDS19" s="8"/>
      <c r="CDT19" s="8"/>
      <c r="CDU19" s="8"/>
      <c r="CDV19" s="8"/>
      <c r="CDW19" s="8"/>
      <c r="CDX19" s="8"/>
      <c r="CDY19" s="8"/>
      <c r="CDZ19" s="8"/>
      <c r="CEA19" s="8"/>
      <c r="CEB19" s="8"/>
      <c r="CEC19" s="8"/>
      <c r="CED19" s="8"/>
      <c r="CEE19" s="8"/>
      <c r="CEF19" s="8"/>
      <c r="CEG19" s="8"/>
      <c r="CEH19" s="8"/>
      <c r="CEI19" s="8"/>
      <c r="CEJ19" s="8"/>
      <c r="CEK19" s="8"/>
      <c r="CEL19" s="8"/>
      <c r="CEM19" s="8"/>
      <c r="CEN19" s="8"/>
      <c r="CEO19" s="8"/>
      <c r="CEP19" s="8"/>
      <c r="CEQ19" s="8"/>
      <c r="CER19" s="8"/>
      <c r="CES19" s="8"/>
      <c r="CET19" s="8"/>
      <c r="CEU19" s="8"/>
      <c r="CEV19" s="8"/>
      <c r="CEW19" s="8"/>
      <c r="CEX19" s="8"/>
      <c r="CEY19" s="8"/>
      <c r="CEZ19" s="8"/>
      <c r="CFA19" s="8"/>
      <c r="CFB19" s="8"/>
      <c r="CFC19" s="8"/>
      <c r="CFD19" s="8"/>
      <c r="CFE19" s="8"/>
      <c r="CFF19" s="8"/>
      <c r="CFG19" s="8"/>
      <c r="CFH19" s="8"/>
      <c r="CFI19" s="8"/>
      <c r="CFJ19" s="8"/>
      <c r="CFK19" s="8"/>
      <c r="CFL19" s="8"/>
      <c r="CFM19" s="8"/>
      <c r="CFN19" s="8"/>
      <c r="CFO19" s="8"/>
      <c r="CFP19" s="8"/>
      <c r="CFQ19" s="8"/>
      <c r="CFR19" s="8"/>
      <c r="CFS19" s="8"/>
      <c r="CFT19" s="8"/>
      <c r="CFU19" s="8"/>
      <c r="CFV19" s="8"/>
      <c r="CFW19" s="8"/>
      <c r="CFX19" s="8"/>
      <c r="CFY19" s="8"/>
      <c r="CFZ19" s="8"/>
      <c r="CGA19" s="8"/>
      <c r="CGB19" s="8"/>
      <c r="CGC19" s="8"/>
      <c r="CGD19" s="8"/>
      <c r="CGE19" s="8"/>
      <c r="CGF19" s="8"/>
      <c r="CGG19" s="8"/>
      <c r="CGH19" s="8"/>
      <c r="CGI19" s="8"/>
      <c r="CGJ19" s="8"/>
      <c r="CGK19" s="8"/>
      <c r="CGL19" s="8"/>
      <c r="CGM19" s="8"/>
      <c r="CGN19" s="8"/>
      <c r="CGO19" s="8"/>
      <c r="CGP19" s="8"/>
      <c r="CGQ19" s="8"/>
      <c r="CGR19" s="8"/>
      <c r="CGS19" s="8"/>
      <c r="CGT19" s="8"/>
      <c r="CGU19" s="8"/>
      <c r="CGV19" s="8"/>
      <c r="CGW19" s="8"/>
      <c r="CGX19" s="8"/>
      <c r="CGY19" s="8"/>
      <c r="CGZ19" s="8"/>
      <c r="CHA19" s="8"/>
      <c r="CHB19" s="8"/>
      <c r="CHC19" s="8"/>
      <c r="CHD19" s="8"/>
      <c r="CHE19" s="8"/>
      <c r="CHF19" s="8"/>
      <c r="CHG19" s="8"/>
      <c r="CHH19" s="8"/>
      <c r="CHI19" s="8"/>
      <c r="CHJ19" s="8"/>
      <c r="CHK19" s="8"/>
      <c r="CHL19" s="8"/>
      <c r="CHM19" s="8"/>
      <c r="CHN19" s="8"/>
      <c r="CHO19" s="8"/>
      <c r="CHP19" s="8"/>
      <c r="CHQ19" s="8"/>
      <c r="CHR19" s="8"/>
      <c r="CHS19" s="8"/>
      <c r="CHT19" s="8"/>
      <c r="CHU19" s="8"/>
      <c r="CHV19" s="8"/>
      <c r="CHW19" s="8"/>
      <c r="CHX19" s="8"/>
      <c r="CHY19" s="8"/>
      <c r="CHZ19" s="8"/>
      <c r="CIA19" s="8"/>
      <c r="CIB19" s="8"/>
      <c r="CIC19" s="8"/>
      <c r="CID19" s="8"/>
      <c r="CIE19" s="8"/>
      <c r="CIF19" s="8"/>
      <c r="CIG19" s="8"/>
      <c r="CIH19" s="8"/>
      <c r="CII19" s="8"/>
      <c r="CIJ19" s="8"/>
      <c r="CIK19" s="8"/>
      <c r="CIL19" s="8"/>
      <c r="CIM19" s="8"/>
      <c r="CIN19" s="8"/>
      <c r="CIO19" s="8"/>
      <c r="CIP19" s="8"/>
      <c r="CIQ19" s="8"/>
      <c r="CIR19" s="8"/>
      <c r="CIS19" s="8"/>
      <c r="CIT19" s="8"/>
      <c r="CIU19" s="8"/>
      <c r="CIV19" s="8"/>
      <c r="CIW19" s="8"/>
      <c r="CIX19" s="8"/>
      <c r="CIY19" s="8"/>
      <c r="CIZ19" s="8"/>
      <c r="CJA19" s="8"/>
      <c r="CJB19" s="8"/>
      <c r="CJC19" s="8"/>
      <c r="CJD19" s="8"/>
      <c r="CJE19" s="8"/>
      <c r="CJF19" s="8"/>
      <c r="CJG19" s="8"/>
      <c r="CJH19" s="8"/>
      <c r="CJI19" s="8"/>
      <c r="CJJ19" s="8"/>
      <c r="CJK19" s="8"/>
      <c r="CJL19" s="8"/>
      <c r="CJM19" s="8"/>
      <c r="CJN19" s="8"/>
      <c r="CJO19" s="8"/>
      <c r="CJP19" s="8"/>
      <c r="CJQ19" s="8"/>
      <c r="CJR19" s="8"/>
      <c r="CJS19" s="8"/>
      <c r="CJT19" s="8"/>
      <c r="CJU19" s="8"/>
      <c r="CJV19" s="8"/>
      <c r="CJW19" s="8"/>
      <c r="CJX19" s="8"/>
      <c r="CJY19" s="8"/>
      <c r="CJZ19" s="8"/>
      <c r="CKA19" s="8"/>
      <c r="CKB19" s="8"/>
      <c r="CKC19" s="8"/>
      <c r="CKD19" s="8"/>
      <c r="CKE19" s="8"/>
      <c r="CKF19" s="8"/>
      <c r="CKG19" s="8"/>
      <c r="CKH19" s="8"/>
      <c r="CKI19" s="8"/>
      <c r="CKJ19" s="8"/>
      <c r="CKK19" s="8"/>
      <c r="CKL19" s="8"/>
      <c r="CKM19" s="8"/>
      <c r="CKN19" s="8"/>
      <c r="CKO19" s="8"/>
      <c r="CKP19" s="8"/>
      <c r="CKQ19" s="8"/>
      <c r="CKR19" s="8"/>
      <c r="CKS19" s="8"/>
      <c r="CKT19" s="8"/>
      <c r="CKU19" s="8"/>
      <c r="CKV19" s="8"/>
      <c r="CKW19" s="8"/>
      <c r="CKX19" s="8"/>
      <c r="CKY19" s="8"/>
      <c r="CKZ19" s="8"/>
      <c r="CLA19" s="8"/>
      <c r="CLB19" s="8"/>
      <c r="CLC19" s="8"/>
      <c r="CLD19" s="8"/>
      <c r="CLE19" s="8"/>
      <c r="CLF19" s="8"/>
      <c r="CLG19" s="8"/>
      <c r="CLH19" s="8"/>
      <c r="CLI19" s="8"/>
      <c r="CLJ19" s="8"/>
      <c r="CLK19" s="8"/>
      <c r="CLL19" s="8"/>
      <c r="CLM19" s="8"/>
      <c r="CLN19" s="8"/>
      <c r="CLO19" s="8"/>
      <c r="CLP19" s="8"/>
      <c r="CLQ19" s="8"/>
      <c r="CLR19" s="8"/>
      <c r="CLS19" s="8"/>
      <c r="CLT19" s="8"/>
      <c r="CLU19" s="8"/>
      <c r="CLV19" s="8"/>
      <c r="CLW19" s="8"/>
      <c r="CLX19" s="8"/>
      <c r="CLY19" s="8"/>
      <c r="CLZ19" s="8"/>
      <c r="CMA19" s="8"/>
      <c r="CMB19" s="8"/>
      <c r="CMC19" s="8"/>
      <c r="CMD19" s="8"/>
      <c r="CME19" s="8"/>
      <c r="CMF19" s="8"/>
      <c r="CMG19" s="8"/>
      <c r="CMH19" s="8"/>
      <c r="CMI19" s="8"/>
      <c r="CMJ19" s="8"/>
      <c r="CMK19" s="8"/>
      <c r="CML19" s="8"/>
      <c r="CMM19" s="8"/>
      <c r="CMN19" s="8"/>
      <c r="CMO19" s="8"/>
      <c r="CMP19" s="8"/>
      <c r="CMQ19" s="8"/>
      <c r="CMR19" s="8"/>
      <c r="CMS19" s="8"/>
      <c r="CMT19" s="8"/>
      <c r="CMU19" s="8"/>
      <c r="CMV19" s="8"/>
      <c r="CMW19" s="8"/>
      <c r="CMX19" s="8"/>
      <c r="CMY19" s="8"/>
      <c r="CMZ19" s="8"/>
      <c r="CNA19" s="8"/>
      <c r="CNB19" s="8"/>
      <c r="CNC19" s="8"/>
      <c r="CND19" s="8"/>
      <c r="CNE19" s="8"/>
      <c r="CNF19" s="8"/>
      <c r="CNG19" s="8"/>
      <c r="CNH19" s="8"/>
      <c r="CNI19" s="8"/>
      <c r="CNJ19" s="8"/>
      <c r="CNK19" s="8"/>
      <c r="CNL19" s="8"/>
      <c r="CNM19" s="8"/>
      <c r="CNN19" s="8"/>
      <c r="CNO19" s="8"/>
      <c r="CNP19" s="8"/>
      <c r="CNQ19" s="8"/>
      <c r="CNR19" s="8"/>
      <c r="CNS19" s="8"/>
      <c r="CNT19" s="8"/>
      <c r="CNU19" s="8"/>
      <c r="CNV19" s="8"/>
      <c r="CNW19" s="8"/>
      <c r="CNX19" s="8"/>
      <c r="CNY19" s="8"/>
      <c r="CNZ19" s="8"/>
      <c r="COA19" s="8"/>
      <c r="COB19" s="8"/>
      <c r="COC19" s="8"/>
      <c r="COD19" s="8"/>
      <c r="COE19" s="8"/>
      <c r="COF19" s="8"/>
      <c r="COG19" s="8"/>
      <c r="COH19" s="8"/>
      <c r="COI19" s="8"/>
      <c r="COJ19" s="8"/>
      <c r="COK19" s="8"/>
      <c r="COL19" s="8"/>
      <c r="COM19" s="8"/>
      <c r="CON19" s="8"/>
      <c r="COO19" s="8"/>
      <c r="COP19" s="8"/>
      <c r="COQ19" s="8"/>
      <c r="COR19" s="8"/>
      <c r="COS19" s="8"/>
      <c r="COT19" s="8"/>
      <c r="COU19" s="8"/>
      <c r="COV19" s="8"/>
      <c r="COW19" s="8"/>
      <c r="COX19" s="8"/>
      <c r="COY19" s="8"/>
      <c r="COZ19" s="8"/>
      <c r="CPA19" s="8"/>
      <c r="CPB19" s="8"/>
      <c r="CPC19" s="8"/>
      <c r="CPD19" s="8"/>
      <c r="CPE19" s="8"/>
      <c r="CPF19" s="8"/>
      <c r="CPG19" s="8"/>
      <c r="CPH19" s="8"/>
      <c r="CPI19" s="8"/>
      <c r="CPJ19" s="8"/>
      <c r="CPK19" s="8"/>
      <c r="CPL19" s="8"/>
      <c r="CPM19" s="8"/>
      <c r="CPN19" s="8"/>
      <c r="CPO19" s="8"/>
      <c r="CPP19" s="8"/>
      <c r="CPQ19" s="8"/>
      <c r="CPR19" s="8"/>
      <c r="CPS19" s="8"/>
      <c r="CPT19" s="8"/>
      <c r="CPU19" s="8"/>
      <c r="CPV19" s="8"/>
      <c r="CPW19" s="8"/>
      <c r="CPX19" s="8"/>
      <c r="CPY19" s="8"/>
      <c r="CPZ19" s="8"/>
      <c r="CQA19" s="8"/>
      <c r="CQB19" s="8"/>
      <c r="CQC19" s="8"/>
      <c r="CQD19" s="8"/>
      <c r="CQE19" s="8"/>
      <c r="CQF19" s="8"/>
      <c r="CQG19" s="8"/>
      <c r="CQH19" s="8"/>
      <c r="CQI19" s="8"/>
      <c r="CQJ19" s="8"/>
      <c r="CQK19" s="8"/>
      <c r="CQL19" s="8"/>
      <c r="CQM19" s="8"/>
      <c r="CQN19" s="8"/>
      <c r="CQO19" s="8"/>
      <c r="CQP19" s="8"/>
      <c r="CQQ19" s="8"/>
      <c r="CQR19" s="8"/>
      <c r="CQS19" s="8"/>
      <c r="CQT19" s="8"/>
      <c r="CQU19" s="8"/>
      <c r="CQV19" s="8"/>
      <c r="CQW19" s="8"/>
      <c r="CQX19" s="8"/>
      <c r="CQY19" s="8"/>
      <c r="CQZ19" s="8"/>
      <c r="CRA19" s="8"/>
      <c r="CRB19" s="8"/>
      <c r="CRC19" s="8"/>
      <c r="CRD19" s="8"/>
      <c r="CRE19" s="8"/>
      <c r="CRF19" s="8"/>
      <c r="CRG19" s="8"/>
      <c r="CRH19" s="8"/>
      <c r="CRI19" s="8"/>
      <c r="CRJ19" s="8"/>
      <c r="CRK19" s="8"/>
      <c r="CRL19" s="8"/>
      <c r="CRM19" s="8"/>
      <c r="CRN19" s="8"/>
      <c r="CRO19" s="8"/>
      <c r="CRP19" s="8"/>
      <c r="CRQ19" s="8"/>
      <c r="CRR19" s="8"/>
      <c r="CRS19" s="8"/>
      <c r="CRT19" s="8"/>
      <c r="CRU19" s="8"/>
      <c r="CRV19" s="8"/>
      <c r="CRW19" s="8"/>
      <c r="CRX19" s="8"/>
      <c r="CRY19" s="8"/>
      <c r="CRZ19" s="8"/>
      <c r="CSA19" s="8"/>
      <c r="CSB19" s="8"/>
      <c r="CSC19" s="8"/>
      <c r="CSD19" s="8"/>
      <c r="CSE19" s="8"/>
      <c r="CSF19" s="8"/>
      <c r="CSG19" s="8"/>
      <c r="CSH19" s="8"/>
      <c r="CSI19" s="8"/>
      <c r="CSJ19" s="8"/>
      <c r="CSK19" s="8"/>
      <c r="CSL19" s="8"/>
      <c r="CSM19" s="8"/>
      <c r="CSN19" s="8"/>
      <c r="CSO19" s="8"/>
      <c r="CSP19" s="8"/>
      <c r="CSQ19" s="8"/>
      <c r="CSR19" s="8"/>
      <c r="CSS19" s="8"/>
      <c r="CST19" s="8"/>
      <c r="CSU19" s="8"/>
      <c r="CSV19" s="8"/>
      <c r="CSW19" s="8"/>
      <c r="CSX19" s="8"/>
      <c r="CSY19" s="8"/>
      <c r="CSZ19" s="8"/>
      <c r="CTA19" s="8"/>
      <c r="CTB19" s="8"/>
      <c r="CTC19" s="8"/>
      <c r="CTD19" s="8"/>
      <c r="CTE19" s="8"/>
      <c r="CTF19" s="8"/>
      <c r="CTG19" s="8"/>
      <c r="CTH19" s="8"/>
      <c r="CTI19" s="8"/>
      <c r="CTJ19" s="8"/>
      <c r="CTK19" s="8"/>
      <c r="CTL19" s="8"/>
      <c r="CTM19" s="8"/>
      <c r="CTN19" s="8"/>
      <c r="CTO19" s="8"/>
      <c r="CTP19" s="8"/>
      <c r="CTQ19" s="8"/>
      <c r="CTR19" s="8"/>
      <c r="CTS19" s="8"/>
      <c r="CTT19" s="8"/>
      <c r="CTU19" s="8"/>
      <c r="CTV19" s="8"/>
      <c r="CTW19" s="8"/>
      <c r="CTX19" s="8"/>
      <c r="CTY19" s="8"/>
      <c r="CTZ19" s="8"/>
      <c r="CUA19" s="8"/>
      <c r="CUB19" s="8"/>
      <c r="CUC19" s="8"/>
      <c r="CUD19" s="8"/>
      <c r="CUE19" s="8"/>
      <c r="CUF19" s="8"/>
      <c r="CUG19" s="8"/>
      <c r="CUH19" s="8"/>
      <c r="CUI19" s="8"/>
      <c r="CUJ19" s="8"/>
      <c r="CUK19" s="8"/>
      <c r="CUL19" s="8"/>
      <c r="CUM19" s="8"/>
      <c r="CUN19" s="8"/>
      <c r="CUO19" s="8"/>
      <c r="CUP19" s="8"/>
      <c r="CUQ19" s="8"/>
      <c r="CUR19" s="8"/>
      <c r="CUS19" s="8"/>
      <c r="CUT19" s="8"/>
      <c r="CUU19" s="8"/>
      <c r="CUV19" s="8"/>
      <c r="CUW19" s="8"/>
      <c r="CUX19" s="8"/>
      <c r="CUY19" s="8"/>
      <c r="CUZ19" s="8"/>
      <c r="CVA19" s="8"/>
      <c r="CVB19" s="8"/>
      <c r="CVC19" s="8"/>
      <c r="CVD19" s="8"/>
      <c r="CVE19" s="8"/>
      <c r="CVF19" s="8"/>
      <c r="CVG19" s="8"/>
      <c r="CVH19" s="8"/>
      <c r="CVI19" s="8"/>
      <c r="CVJ19" s="8"/>
      <c r="CVK19" s="8"/>
      <c r="CVL19" s="8"/>
      <c r="CVM19" s="8"/>
      <c r="CVN19" s="8"/>
      <c r="CVO19" s="8"/>
      <c r="CVP19" s="8"/>
      <c r="CVQ19" s="8"/>
      <c r="CVR19" s="8"/>
      <c r="CVS19" s="8"/>
      <c r="CVT19" s="8"/>
      <c r="CVU19" s="8"/>
      <c r="CVV19" s="8"/>
      <c r="CVW19" s="8"/>
      <c r="CVX19" s="8"/>
      <c r="CVY19" s="8"/>
      <c r="CVZ19" s="8"/>
      <c r="CWA19" s="8"/>
      <c r="CWB19" s="8"/>
      <c r="CWC19" s="8"/>
      <c r="CWD19" s="8"/>
      <c r="CWE19" s="8"/>
      <c r="CWF19" s="8"/>
      <c r="CWG19" s="8"/>
      <c r="CWH19" s="8"/>
      <c r="CWI19" s="8"/>
      <c r="CWJ19" s="8"/>
      <c r="CWK19" s="8"/>
      <c r="CWL19" s="8"/>
      <c r="CWM19" s="8"/>
      <c r="CWN19" s="8"/>
      <c r="CWO19" s="8"/>
      <c r="CWP19" s="8"/>
      <c r="CWQ19" s="8"/>
      <c r="CWR19" s="8"/>
      <c r="CWS19" s="8"/>
      <c r="CWT19" s="8"/>
      <c r="CWU19" s="8"/>
      <c r="CWV19" s="8"/>
      <c r="CWW19" s="8"/>
      <c r="CWX19" s="8"/>
      <c r="CWY19" s="8"/>
      <c r="CWZ19" s="8"/>
      <c r="CXA19" s="8"/>
      <c r="CXB19" s="8"/>
      <c r="CXC19" s="8"/>
      <c r="CXD19" s="8"/>
      <c r="CXE19" s="8"/>
      <c r="CXF19" s="8"/>
      <c r="CXG19" s="8"/>
      <c r="CXH19" s="8"/>
      <c r="CXI19" s="8"/>
      <c r="CXJ19" s="8"/>
      <c r="CXK19" s="8"/>
      <c r="CXL19" s="8"/>
      <c r="CXM19" s="8"/>
      <c r="CXN19" s="8"/>
      <c r="CXO19" s="8"/>
      <c r="CXP19" s="8"/>
      <c r="CXQ19" s="8"/>
      <c r="CXR19" s="8"/>
      <c r="CXS19" s="8"/>
      <c r="CXT19" s="8"/>
      <c r="CXU19" s="8"/>
      <c r="CXV19" s="8"/>
      <c r="CXW19" s="8"/>
      <c r="CXX19" s="8"/>
      <c r="CXY19" s="8"/>
      <c r="CXZ19" s="8"/>
      <c r="CYA19" s="8"/>
      <c r="CYB19" s="8"/>
      <c r="CYC19" s="8"/>
      <c r="CYD19" s="8"/>
      <c r="CYE19" s="8"/>
      <c r="CYF19" s="8"/>
      <c r="CYG19" s="8"/>
      <c r="CYH19" s="8"/>
      <c r="CYI19" s="8"/>
      <c r="CYJ19" s="8"/>
      <c r="CYK19" s="8"/>
      <c r="CYL19" s="8"/>
      <c r="CYM19" s="8"/>
      <c r="CYN19" s="8"/>
      <c r="CYO19" s="8"/>
      <c r="CYP19" s="8"/>
      <c r="CYQ19" s="8"/>
      <c r="CYR19" s="8"/>
      <c r="CYS19" s="8"/>
      <c r="CYT19" s="8"/>
      <c r="CYU19" s="8"/>
      <c r="CYV19" s="8"/>
      <c r="CYW19" s="8"/>
      <c r="CYX19" s="8"/>
      <c r="CYY19" s="8"/>
      <c r="CYZ19" s="8"/>
      <c r="CZA19" s="8"/>
      <c r="CZB19" s="8"/>
      <c r="CZC19" s="8"/>
      <c r="CZD19" s="8"/>
      <c r="CZE19" s="8"/>
      <c r="CZF19" s="8"/>
      <c r="CZG19" s="8"/>
      <c r="CZH19" s="8"/>
      <c r="CZI19" s="8"/>
      <c r="CZJ19" s="8"/>
      <c r="CZK19" s="8"/>
      <c r="CZL19" s="8"/>
      <c r="CZM19" s="8"/>
      <c r="CZN19" s="8"/>
      <c r="CZO19" s="8"/>
      <c r="CZP19" s="8"/>
      <c r="CZQ19" s="8"/>
      <c r="CZR19" s="8"/>
      <c r="CZS19" s="8"/>
      <c r="CZT19" s="8"/>
      <c r="CZU19" s="8"/>
      <c r="CZV19" s="8"/>
      <c r="CZW19" s="8"/>
      <c r="CZX19" s="8"/>
      <c r="CZY19" s="8"/>
      <c r="CZZ19" s="8"/>
      <c r="DAA19" s="8"/>
      <c r="DAB19" s="8"/>
      <c r="DAC19" s="8"/>
      <c r="DAD19" s="8"/>
      <c r="DAE19" s="8"/>
      <c r="DAF19" s="8"/>
      <c r="DAG19" s="8"/>
      <c r="DAH19" s="8"/>
      <c r="DAI19" s="8"/>
      <c r="DAJ19" s="8"/>
      <c r="DAK19" s="8"/>
      <c r="DAL19" s="8"/>
      <c r="DAM19" s="8"/>
      <c r="DAN19" s="8"/>
      <c r="DAO19" s="8"/>
      <c r="DAP19" s="8"/>
      <c r="DAQ19" s="8"/>
      <c r="DAR19" s="8"/>
      <c r="DAS19" s="8"/>
      <c r="DAT19" s="8"/>
      <c r="DAU19" s="8"/>
      <c r="DAV19" s="8"/>
      <c r="DAW19" s="8"/>
      <c r="DAX19" s="8"/>
      <c r="DAY19" s="8"/>
      <c r="DAZ19" s="8"/>
      <c r="DBA19" s="8"/>
      <c r="DBB19" s="8"/>
      <c r="DBC19" s="8"/>
      <c r="DBD19" s="8"/>
      <c r="DBE19" s="8"/>
      <c r="DBF19" s="8"/>
      <c r="DBG19" s="8"/>
      <c r="DBH19" s="8"/>
      <c r="DBI19" s="8"/>
      <c r="DBJ19" s="8"/>
      <c r="DBK19" s="8"/>
      <c r="DBL19" s="8"/>
      <c r="DBM19" s="8"/>
      <c r="DBN19" s="8"/>
      <c r="DBO19" s="8"/>
      <c r="DBP19" s="8"/>
      <c r="DBQ19" s="8"/>
      <c r="DBR19" s="8"/>
      <c r="DBS19" s="8"/>
      <c r="DBT19" s="8"/>
      <c r="DBU19" s="8"/>
      <c r="DBV19" s="8"/>
      <c r="DBW19" s="8"/>
      <c r="DBX19" s="8"/>
      <c r="DBY19" s="8"/>
      <c r="DBZ19" s="8"/>
      <c r="DCA19" s="8"/>
      <c r="DCB19" s="8"/>
      <c r="DCC19" s="8"/>
      <c r="DCD19" s="8"/>
      <c r="DCE19" s="8"/>
      <c r="DCF19" s="8"/>
      <c r="DCG19" s="8"/>
      <c r="DCH19" s="8"/>
      <c r="DCI19" s="8"/>
      <c r="DCJ19" s="8"/>
      <c r="DCK19" s="8"/>
      <c r="DCL19" s="8"/>
      <c r="DCM19" s="8"/>
      <c r="DCN19" s="8"/>
      <c r="DCO19" s="8"/>
      <c r="DCP19" s="8"/>
      <c r="DCQ19" s="8"/>
      <c r="DCR19" s="8"/>
      <c r="DCS19" s="8"/>
      <c r="DCT19" s="8"/>
      <c r="DCU19" s="8"/>
      <c r="DCV19" s="8"/>
      <c r="DCW19" s="8"/>
      <c r="DCX19" s="8"/>
      <c r="DCY19" s="8"/>
      <c r="DCZ19" s="8"/>
      <c r="DDA19" s="8"/>
      <c r="DDB19" s="8"/>
      <c r="DDC19" s="8"/>
      <c r="DDD19" s="8"/>
      <c r="DDE19" s="8"/>
      <c r="DDF19" s="8"/>
      <c r="DDG19" s="8"/>
      <c r="DDH19" s="8"/>
      <c r="DDI19" s="8"/>
      <c r="DDJ19" s="8"/>
      <c r="DDK19" s="8"/>
      <c r="DDL19" s="8"/>
      <c r="DDM19" s="8"/>
      <c r="DDN19" s="8"/>
      <c r="DDO19" s="8"/>
      <c r="DDP19" s="8"/>
      <c r="DDQ19" s="8"/>
      <c r="DDR19" s="8"/>
      <c r="DDS19" s="8"/>
      <c r="DDT19" s="8"/>
      <c r="DDU19" s="8"/>
      <c r="DDV19" s="8"/>
      <c r="DDW19" s="8"/>
      <c r="DDX19" s="8"/>
      <c r="DDY19" s="8"/>
      <c r="DDZ19" s="8"/>
      <c r="DEA19" s="8"/>
      <c r="DEB19" s="8"/>
      <c r="DEC19" s="8"/>
      <c r="DED19" s="8"/>
      <c r="DEE19" s="8"/>
      <c r="DEF19" s="8"/>
      <c r="DEG19" s="8"/>
      <c r="DEH19" s="8"/>
      <c r="DEI19" s="8"/>
      <c r="DEJ19" s="8"/>
      <c r="DEK19" s="8"/>
      <c r="DEL19" s="8"/>
      <c r="DEM19" s="8"/>
      <c r="DEN19" s="8"/>
      <c r="DEO19" s="8"/>
      <c r="DEP19" s="8"/>
      <c r="DEQ19" s="8"/>
      <c r="DER19" s="8"/>
      <c r="DES19" s="8"/>
      <c r="DET19" s="8"/>
      <c r="DEU19" s="8"/>
      <c r="DEV19" s="8"/>
      <c r="DEW19" s="8"/>
      <c r="DEX19" s="8"/>
      <c r="DEY19" s="8"/>
      <c r="DEZ19" s="8"/>
      <c r="DFA19" s="8"/>
      <c r="DFB19" s="8"/>
      <c r="DFC19" s="8"/>
      <c r="DFD19" s="8"/>
      <c r="DFE19" s="8"/>
      <c r="DFF19" s="8"/>
      <c r="DFG19" s="8"/>
      <c r="DFH19" s="8"/>
      <c r="DFI19" s="8"/>
      <c r="DFJ19" s="8"/>
      <c r="DFK19" s="8"/>
      <c r="DFL19" s="8"/>
      <c r="DFM19" s="8"/>
      <c r="DFN19" s="8"/>
      <c r="DFO19" s="8"/>
      <c r="DFP19" s="8"/>
      <c r="DFQ19" s="8"/>
      <c r="DFR19" s="8"/>
      <c r="DFS19" s="8"/>
      <c r="DFT19" s="8"/>
      <c r="DFU19" s="8"/>
      <c r="DFV19" s="8"/>
      <c r="DFW19" s="8"/>
      <c r="DFX19" s="8"/>
      <c r="DFY19" s="8"/>
      <c r="DFZ19" s="8"/>
      <c r="DGA19" s="8"/>
      <c r="DGB19" s="8"/>
      <c r="DGC19" s="8"/>
      <c r="DGD19" s="8"/>
      <c r="DGE19" s="8"/>
      <c r="DGF19" s="8"/>
      <c r="DGG19" s="8"/>
      <c r="DGH19" s="8"/>
      <c r="DGI19" s="8"/>
      <c r="DGJ19" s="8"/>
      <c r="DGK19" s="8"/>
      <c r="DGL19" s="8"/>
      <c r="DGM19" s="8"/>
      <c r="DGN19" s="8"/>
      <c r="DGO19" s="8"/>
      <c r="DGP19" s="8"/>
      <c r="DGQ19" s="8"/>
      <c r="DGR19" s="8"/>
      <c r="DGS19" s="8"/>
      <c r="DGT19" s="8"/>
      <c r="DGU19" s="8"/>
      <c r="DGV19" s="8"/>
      <c r="DGW19" s="8"/>
      <c r="DGX19" s="8"/>
      <c r="DGY19" s="8"/>
      <c r="DGZ19" s="8"/>
      <c r="DHA19" s="8"/>
      <c r="DHB19" s="8"/>
      <c r="DHC19" s="8"/>
      <c r="DHD19" s="8"/>
      <c r="DHE19" s="8"/>
      <c r="DHF19" s="8"/>
      <c r="DHG19" s="8"/>
      <c r="DHH19" s="8"/>
      <c r="DHI19" s="8"/>
      <c r="DHJ19" s="8"/>
      <c r="DHK19" s="8"/>
      <c r="DHL19" s="8"/>
      <c r="DHM19" s="8"/>
      <c r="DHN19" s="8"/>
      <c r="DHO19" s="8"/>
      <c r="DHP19" s="8"/>
      <c r="DHQ19" s="8"/>
      <c r="DHR19" s="8"/>
      <c r="DHS19" s="8"/>
      <c r="DHT19" s="8"/>
      <c r="DHU19" s="8"/>
      <c r="DHV19" s="8"/>
      <c r="DHW19" s="8"/>
      <c r="DHX19" s="8"/>
      <c r="DHY19" s="8"/>
      <c r="DHZ19" s="8"/>
      <c r="DIA19" s="8"/>
      <c r="DIB19" s="8"/>
      <c r="DIC19" s="8"/>
      <c r="DID19" s="8"/>
      <c r="DIE19" s="8"/>
      <c r="DIF19" s="8"/>
      <c r="DIG19" s="8"/>
      <c r="DIH19" s="8"/>
      <c r="DII19" s="8"/>
      <c r="DIJ19" s="8"/>
      <c r="DIK19" s="8"/>
      <c r="DIL19" s="8"/>
      <c r="DIM19" s="8"/>
      <c r="DIN19" s="8"/>
      <c r="DIO19" s="8"/>
      <c r="DIP19" s="8"/>
      <c r="DIQ19" s="8"/>
      <c r="DIR19" s="8"/>
      <c r="DIS19" s="8"/>
      <c r="DIT19" s="8"/>
      <c r="DIU19" s="8"/>
      <c r="DIV19" s="8"/>
      <c r="DIW19" s="8"/>
      <c r="DIX19" s="8"/>
      <c r="DIY19" s="8"/>
      <c r="DIZ19" s="8"/>
      <c r="DJA19" s="8"/>
      <c r="DJB19" s="8"/>
      <c r="DJC19" s="8"/>
      <c r="DJD19" s="8"/>
      <c r="DJE19" s="8"/>
      <c r="DJF19" s="8"/>
      <c r="DJG19" s="8"/>
      <c r="DJH19" s="8"/>
      <c r="DJI19" s="8"/>
      <c r="DJJ19" s="8"/>
      <c r="DJK19" s="8"/>
      <c r="DJL19" s="8"/>
      <c r="DJM19" s="8"/>
      <c r="DJN19" s="8"/>
      <c r="DJO19" s="8"/>
      <c r="DJP19" s="8"/>
      <c r="DJQ19" s="8"/>
      <c r="DJR19" s="8"/>
      <c r="DJS19" s="8"/>
      <c r="DJT19" s="8"/>
      <c r="DJU19" s="8"/>
      <c r="DJV19" s="8"/>
      <c r="DJW19" s="8"/>
      <c r="DJX19" s="8"/>
      <c r="DJY19" s="8"/>
      <c r="DJZ19" s="8"/>
      <c r="DKA19" s="8"/>
      <c r="DKB19" s="8"/>
      <c r="DKC19" s="8"/>
      <c r="DKD19" s="8"/>
      <c r="DKE19" s="8"/>
      <c r="DKF19" s="8"/>
      <c r="DKG19" s="8"/>
      <c r="DKH19" s="8"/>
      <c r="DKI19" s="8"/>
      <c r="DKJ19" s="8"/>
      <c r="DKK19" s="8"/>
      <c r="DKL19" s="8"/>
      <c r="DKM19" s="8"/>
      <c r="DKN19" s="8"/>
      <c r="DKO19" s="8"/>
      <c r="DKP19" s="8"/>
      <c r="DKQ19" s="8"/>
      <c r="DKR19" s="8"/>
      <c r="DKS19" s="8"/>
      <c r="DKT19" s="8"/>
      <c r="DKU19" s="8"/>
      <c r="DKV19" s="8"/>
      <c r="DKW19" s="8"/>
      <c r="DKX19" s="8"/>
      <c r="DKY19" s="8"/>
      <c r="DKZ19" s="8"/>
      <c r="DLA19" s="8"/>
      <c r="DLB19" s="8"/>
      <c r="DLC19" s="8"/>
      <c r="DLD19" s="8"/>
      <c r="DLE19" s="8"/>
      <c r="DLF19" s="8"/>
      <c r="DLG19" s="8"/>
      <c r="DLH19" s="8"/>
      <c r="DLI19" s="8"/>
      <c r="DLJ19" s="8"/>
      <c r="DLK19" s="8"/>
      <c r="DLL19" s="8"/>
      <c r="DLM19" s="8"/>
      <c r="DLN19" s="8"/>
      <c r="DLO19" s="8"/>
      <c r="DLP19" s="8"/>
      <c r="DLQ19" s="8"/>
      <c r="DLR19" s="8"/>
      <c r="DLS19" s="8"/>
      <c r="DLT19" s="8"/>
      <c r="DLU19" s="8"/>
      <c r="DLV19" s="8"/>
      <c r="DLW19" s="8"/>
      <c r="DLX19" s="8"/>
      <c r="DLY19" s="8"/>
      <c r="DLZ19" s="8"/>
      <c r="DMA19" s="8"/>
      <c r="DMB19" s="8"/>
      <c r="DMC19" s="8"/>
      <c r="DMD19" s="8"/>
      <c r="DME19" s="8"/>
      <c r="DMF19" s="8"/>
      <c r="DMG19" s="8"/>
      <c r="DMH19" s="8"/>
      <c r="DMI19" s="8"/>
      <c r="DMJ19" s="8"/>
      <c r="DMK19" s="8"/>
      <c r="DML19" s="8"/>
      <c r="DMM19" s="8"/>
      <c r="DMN19" s="8"/>
      <c r="DMO19" s="8"/>
      <c r="DMP19" s="8"/>
      <c r="DMQ19" s="8"/>
      <c r="DMR19" s="8"/>
      <c r="DMS19" s="8"/>
      <c r="DMT19" s="8"/>
      <c r="DMU19" s="8"/>
      <c r="DMV19" s="8"/>
      <c r="DMW19" s="8"/>
      <c r="DMX19" s="8"/>
      <c r="DMY19" s="8"/>
      <c r="DMZ19" s="8"/>
      <c r="DNA19" s="8"/>
      <c r="DNB19" s="8"/>
      <c r="DNC19" s="8"/>
      <c r="DND19" s="8"/>
      <c r="DNE19" s="8"/>
      <c r="DNF19" s="8"/>
      <c r="DNG19" s="8"/>
      <c r="DNH19" s="8"/>
      <c r="DNI19" s="8"/>
      <c r="DNJ19" s="8"/>
      <c r="DNK19" s="8"/>
      <c r="DNL19" s="8"/>
      <c r="DNM19" s="8"/>
      <c r="DNN19" s="8"/>
      <c r="DNO19" s="8"/>
      <c r="DNP19" s="8"/>
      <c r="DNQ19" s="8"/>
      <c r="DNR19" s="8"/>
      <c r="DNS19" s="8"/>
      <c r="DNT19" s="8"/>
      <c r="DNU19" s="8"/>
      <c r="DNV19" s="8"/>
      <c r="DNW19" s="8"/>
      <c r="DNX19" s="8"/>
      <c r="DNY19" s="8"/>
      <c r="DNZ19" s="8"/>
      <c r="DOA19" s="8"/>
      <c r="DOB19" s="8"/>
      <c r="DOC19" s="8"/>
      <c r="DOD19" s="8"/>
      <c r="DOE19" s="8"/>
      <c r="DOF19" s="8"/>
      <c r="DOG19" s="8"/>
      <c r="DOH19" s="8"/>
      <c r="DOI19" s="8"/>
      <c r="DOJ19" s="8"/>
      <c r="DOK19" s="8"/>
      <c r="DOL19" s="8"/>
      <c r="DOM19" s="8"/>
      <c r="DON19" s="8"/>
      <c r="DOO19" s="8"/>
      <c r="DOP19" s="8"/>
      <c r="DOQ19" s="8"/>
      <c r="DOR19" s="8"/>
      <c r="DOS19" s="8"/>
      <c r="DOT19" s="8"/>
      <c r="DOU19" s="8"/>
      <c r="DOV19" s="8"/>
      <c r="DOW19" s="8"/>
      <c r="DOX19" s="8"/>
      <c r="DOY19" s="8"/>
      <c r="DOZ19" s="8"/>
      <c r="DPA19" s="8"/>
      <c r="DPB19" s="8"/>
      <c r="DPC19" s="8"/>
      <c r="DPD19" s="8"/>
      <c r="DPE19" s="8"/>
      <c r="DPF19" s="8"/>
      <c r="DPG19" s="8"/>
      <c r="DPH19" s="8"/>
      <c r="DPI19" s="8"/>
      <c r="DPJ19" s="8"/>
      <c r="DPK19" s="8"/>
      <c r="DPL19" s="8"/>
      <c r="DPM19" s="8"/>
      <c r="DPN19" s="8"/>
      <c r="DPO19" s="8"/>
      <c r="DPP19" s="8"/>
      <c r="DPQ19" s="8"/>
      <c r="DPR19" s="8"/>
      <c r="DPS19" s="8"/>
      <c r="DPT19" s="8"/>
      <c r="DPU19" s="8"/>
      <c r="DPV19" s="8"/>
      <c r="DPW19" s="8"/>
      <c r="DPX19" s="8"/>
      <c r="DPY19" s="8"/>
      <c r="DPZ19" s="8"/>
      <c r="DQA19" s="8"/>
      <c r="DQB19" s="8"/>
      <c r="DQC19" s="8"/>
      <c r="DQD19" s="8"/>
      <c r="DQE19" s="8"/>
      <c r="DQF19" s="8"/>
      <c r="DQG19" s="8"/>
      <c r="DQH19" s="8"/>
      <c r="DQI19" s="8"/>
      <c r="DQJ19" s="8"/>
      <c r="DQK19" s="8"/>
      <c r="DQL19" s="8"/>
      <c r="DQM19" s="8"/>
      <c r="DQN19" s="8"/>
      <c r="DQO19" s="8"/>
      <c r="DQP19" s="8"/>
      <c r="DQQ19" s="8"/>
      <c r="DQR19" s="8"/>
      <c r="DQS19" s="8"/>
      <c r="DQT19" s="8"/>
      <c r="DQU19" s="8"/>
      <c r="DQV19" s="8"/>
      <c r="DQW19" s="8"/>
      <c r="DQX19" s="8"/>
      <c r="DQY19" s="8"/>
      <c r="DQZ19" s="8"/>
      <c r="DRA19" s="8"/>
      <c r="DRB19" s="8"/>
      <c r="DRC19" s="8"/>
      <c r="DRD19" s="8"/>
      <c r="DRE19" s="8"/>
      <c r="DRF19" s="8"/>
      <c r="DRG19" s="8"/>
      <c r="DRH19" s="8"/>
      <c r="DRI19" s="8"/>
      <c r="DRJ19" s="8"/>
      <c r="DRK19" s="8"/>
      <c r="DRL19" s="8"/>
      <c r="DRM19" s="8"/>
      <c r="DRN19" s="8"/>
      <c r="DRO19" s="8"/>
      <c r="DRP19" s="8"/>
      <c r="DRQ19" s="8"/>
      <c r="DRR19" s="8"/>
      <c r="DRS19" s="8"/>
      <c r="DRT19" s="8"/>
      <c r="DRU19" s="8"/>
      <c r="DRV19" s="8"/>
      <c r="DRW19" s="8"/>
      <c r="DRX19" s="8"/>
      <c r="DRY19" s="8"/>
      <c r="DRZ19" s="8"/>
      <c r="DSA19" s="8"/>
      <c r="DSB19" s="8"/>
      <c r="DSC19" s="8"/>
      <c r="DSD19" s="8"/>
      <c r="DSE19" s="8"/>
      <c r="DSF19" s="8"/>
      <c r="DSG19" s="8"/>
      <c r="DSH19" s="8"/>
      <c r="DSI19" s="8"/>
      <c r="DSJ19" s="8"/>
      <c r="DSK19" s="8"/>
      <c r="DSL19" s="8"/>
      <c r="DSM19" s="8"/>
      <c r="DSN19" s="8"/>
      <c r="DSO19" s="8"/>
      <c r="DSP19" s="8"/>
      <c r="DSQ19" s="8"/>
      <c r="DSR19" s="8"/>
      <c r="DSS19" s="8"/>
      <c r="DST19" s="8"/>
      <c r="DSU19" s="8"/>
      <c r="DSV19" s="8"/>
      <c r="DSW19" s="8"/>
      <c r="DSX19" s="8"/>
      <c r="DSY19" s="8"/>
      <c r="DSZ19" s="8"/>
      <c r="DTA19" s="8"/>
      <c r="DTB19" s="8"/>
      <c r="DTC19" s="8"/>
      <c r="DTD19" s="8"/>
      <c r="DTE19" s="8"/>
      <c r="DTF19" s="8"/>
      <c r="DTG19" s="8"/>
      <c r="DTH19" s="8"/>
      <c r="DTI19" s="8"/>
      <c r="DTJ19" s="8"/>
      <c r="DTK19" s="8"/>
      <c r="DTL19" s="8"/>
      <c r="DTM19" s="8"/>
      <c r="DTN19" s="8"/>
      <c r="DTO19" s="8"/>
      <c r="DTP19" s="8"/>
      <c r="DTQ19" s="8"/>
      <c r="DTR19" s="8"/>
      <c r="DTS19" s="8"/>
      <c r="DTT19" s="8"/>
      <c r="DTU19" s="8"/>
      <c r="DTV19" s="8"/>
      <c r="DTW19" s="8"/>
      <c r="DTX19" s="8"/>
      <c r="DTY19" s="8"/>
      <c r="DTZ19" s="8"/>
      <c r="DUA19" s="8"/>
      <c r="DUB19" s="8"/>
      <c r="DUC19" s="8"/>
      <c r="DUD19" s="8"/>
      <c r="DUE19" s="8"/>
      <c r="DUF19" s="8"/>
      <c r="DUG19" s="8"/>
      <c r="DUH19" s="8"/>
      <c r="DUI19" s="8"/>
      <c r="DUJ19" s="8"/>
      <c r="DUK19" s="8"/>
      <c r="DUL19" s="8"/>
      <c r="DUM19" s="8"/>
      <c r="DUN19" s="8"/>
      <c r="DUO19" s="8"/>
      <c r="DUP19" s="8"/>
      <c r="DUQ19" s="8"/>
      <c r="DUR19" s="8"/>
      <c r="DUS19" s="8"/>
      <c r="DUT19" s="8"/>
      <c r="DUU19" s="8"/>
      <c r="DUV19" s="8"/>
      <c r="DUW19" s="8"/>
      <c r="DUX19" s="8"/>
      <c r="DUY19" s="8"/>
      <c r="DUZ19" s="8"/>
      <c r="DVA19" s="8"/>
      <c r="DVB19" s="8"/>
      <c r="DVC19" s="8"/>
      <c r="DVD19" s="8"/>
      <c r="DVE19" s="8"/>
      <c r="DVF19" s="8"/>
      <c r="DVG19" s="8"/>
      <c r="DVH19" s="8"/>
      <c r="DVI19" s="8"/>
      <c r="DVJ19" s="8"/>
      <c r="DVK19" s="8"/>
      <c r="DVL19" s="8"/>
      <c r="DVM19" s="8"/>
      <c r="DVN19" s="8"/>
      <c r="DVO19" s="8"/>
      <c r="DVP19" s="8"/>
      <c r="DVQ19" s="8"/>
      <c r="DVR19" s="8"/>
      <c r="DVS19" s="8"/>
      <c r="DVT19" s="8"/>
      <c r="DVU19" s="8"/>
      <c r="DVV19" s="8"/>
      <c r="DVW19" s="8"/>
      <c r="DVX19" s="8"/>
      <c r="DVY19" s="8"/>
      <c r="DVZ19" s="8"/>
      <c r="DWA19" s="8"/>
      <c r="DWB19" s="8"/>
      <c r="DWC19" s="8"/>
      <c r="DWD19" s="8"/>
      <c r="DWE19" s="8"/>
      <c r="DWF19" s="8"/>
      <c r="DWG19" s="8"/>
      <c r="DWH19" s="8"/>
      <c r="DWI19" s="8"/>
      <c r="DWJ19" s="8"/>
      <c r="DWK19" s="8"/>
      <c r="DWL19" s="8"/>
      <c r="DWM19" s="8"/>
      <c r="DWN19" s="8"/>
      <c r="DWO19" s="8"/>
      <c r="DWP19" s="8"/>
      <c r="DWQ19" s="8"/>
      <c r="DWR19" s="8"/>
      <c r="DWS19" s="8"/>
      <c r="DWT19" s="8"/>
      <c r="DWU19" s="8"/>
      <c r="DWV19" s="8"/>
      <c r="DWW19" s="8"/>
      <c r="DWX19" s="8"/>
      <c r="DWY19" s="8"/>
      <c r="DWZ19" s="8"/>
      <c r="DXA19" s="8"/>
      <c r="DXB19" s="8"/>
      <c r="DXC19" s="8"/>
      <c r="DXD19" s="8"/>
      <c r="DXE19" s="8"/>
      <c r="DXF19" s="8"/>
      <c r="DXG19" s="8"/>
      <c r="DXH19" s="8"/>
      <c r="DXI19" s="8"/>
      <c r="DXJ19" s="8"/>
      <c r="DXK19" s="8"/>
      <c r="DXL19" s="8"/>
      <c r="DXM19" s="8"/>
      <c r="DXN19" s="8"/>
      <c r="DXO19" s="8"/>
      <c r="DXP19" s="8"/>
      <c r="DXQ19" s="8"/>
      <c r="DXR19" s="8"/>
      <c r="DXS19" s="8"/>
      <c r="DXT19" s="8"/>
      <c r="DXU19" s="8"/>
      <c r="DXV19" s="8"/>
      <c r="DXW19" s="8"/>
      <c r="DXX19" s="8"/>
      <c r="DXY19" s="8"/>
      <c r="DXZ19" s="8"/>
      <c r="DYA19" s="8"/>
      <c r="DYB19" s="8"/>
      <c r="DYC19" s="8"/>
      <c r="DYD19" s="8"/>
      <c r="DYE19" s="8"/>
      <c r="DYF19" s="8"/>
      <c r="DYG19" s="8"/>
      <c r="DYH19" s="8"/>
      <c r="DYI19" s="8"/>
      <c r="DYJ19" s="8"/>
      <c r="DYK19" s="8"/>
      <c r="DYL19" s="8"/>
      <c r="DYM19" s="8"/>
      <c r="DYN19" s="8"/>
      <c r="DYO19" s="8"/>
      <c r="DYP19" s="8"/>
      <c r="DYQ19" s="8"/>
      <c r="DYR19" s="8"/>
      <c r="DYS19" s="8"/>
      <c r="DYT19" s="8"/>
      <c r="DYU19" s="8"/>
      <c r="DYV19" s="8"/>
      <c r="DYW19" s="8"/>
      <c r="DYX19" s="8"/>
      <c r="DYY19" s="8"/>
      <c r="DYZ19" s="8"/>
      <c r="DZA19" s="8"/>
      <c r="DZB19" s="8"/>
      <c r="DZC19" s="8"/>
      <c r="DZD19" s="8"/>
      <c r="DZE19" s="8"/>
      <c r="DZF19" s="8"/>
      <c r="DZG19" s="8"/>
      <c r="DZH19" s="8"/>
      <c r="DZI19" s="8"/>
      <c r="DZJ19" s="8"/>
      <c r="DZK19" s="8"/>
      <c r="DZL19" s="8"/>
      <c r="DZM19" s="8"/>
      <c r="DZN19" s="8"/>
      <c r="DZO19" s="8"/>
      <c r="DZP19" s="8"/>
      <c r="DZQ19" s="8"/>
      <c r="DZR19" s="8"/>
      <c r="DZS19" s="8"/>
      <c r="DZT19" s="8"/>
      <c r="DZU19" s="8"/>
      <c r="DZV19" s="8"/>
      <c r="DZW19" s="8"/>
      <c r="DZX19" s="8"/>
      <c r="DZY19" s="8"/>
      <c r="DZZ19" s="8"/>
      <c r="EAA19" s="8"/>
      <c r="EAB19" s="8"/>
      <c r="EAC19" s="8"/>
      <c r="EAD19" s="8"/>
      <c r="EAE19" s="8"/>
      <c r="EAF19" s="8"/>
      <c r="EAG19" s="8"/>
      <c r="EAH19" s="8"/>
      <c r="EAI19" s="8"/>
      <c r="EAJ19" s="8"/>
      <c r="EAK19" s="8"/>
      <c r="EAL19" s="8"/>
      <c r="EAM19" s="8"/>
      <c r="EAN19" s="8"/>
      <c r="EAO19" s="8"/>
      <c r="EAP19" s="8"/>
      <c r="EAQ19" s="8"/>
      <c r="EAR19" s="8"/>
      <c r="EAS19" s="8"/>
      <c r="EAT19" s="8"/>
      <c r="EAU19" s="8"/>
      <c r="EAV19" s="8"/>
      <c r="EAW19" s="8"/>
      <c r="EAX19" s="8"/>
      <c r="EAY19" s="8"/>
      <c r="EAZ19" s="8"/>
      <c r="EBA19" s="8"/>
      <c r="EBB19" s="8"/>
      <c r="EBC19" s="8"/>
      <c r="EBD19" s="8"/>
      <c r="EBE19" s="8"/>
      <c r="EBF19" s="8"/>
      <c r="EBG19" s="8"/>
      <c r="EBH19" s="8"/>
      <c r="EBI19" s="8"/>
      <c r="EBJ19" s="8"/>
      <c r="EBK19" s="8"/>
      <c r="EBL19" s="8"/>
      <c r="EBM19" s="8"/>
      <c r="EBN19" s="8"/>
      <c r="EBO19" s="8"/>
      <c r="EBP19" s="8"/>
      <c r="EBQ19" s="8"/>
      <c r="EBR19" s="8"/>
      <c r="EBS19" s="8"/>
      <c r="EBT19" s="8"/>
      <c r="EBU19" s="8"/>
      <c r="EBV19" s="8"/>
      <c r="EBW19" s="8"/>
      <c r="EBX19" s="8"/>
      <c r="EBY19" s="8"/>
      <c r="EBZ19" s="8"/>
      <c r="ECA19" s="8"/>
      <c r="ECB19" s="8"/>
      <c r="ECC19" s="8"/>
      <c r="ECD19" s="8"/>
      <c r="ECE19" s="8"/>
      <c r="ECF19" s="8"/>
      <c r="ECG19" s="8"/>
      <c r="ECH19" s="8"/>
      <c r="ECI19" s="8"/>
      <c r="ECJ19" s="8"/>
      <c r="ECK19" s="8"/>
      <c r="ECL19" s="8"/>
      <c r="ECM19" s="8"/>
      <c r="ECN19" s="8"/>
      <c r="ECO19" s="8"/>
      <c r="ECP19" s="8"/>
      <c r="ECQ19" s="8"/>
      <c r="ECR19" s="8"/>
      <c r="ECS19" s="8"/>
      <c r="ECT19" s="8"/>
      <c r="ECU19" s="8"/>
      <c r="ECV19" s="8"/>
      <c r="ECW19" s="8"/>
      <c r="ECX19" s="8"/>
      <c r="ECY19" s="8"/>
      <c r="ECZ19" s="8"/>
      <c r="EDA19" s="8"/>
      <c r="EDB19" s="8"/>
      <c r="EDC19" s="8"/>
      <c r="EDD19" s="8"/>
      <c r="EDE19" s="8"/>
      <c r="EDF19" s="8"/>
      <c r="EDG19" s="8"/>
      <c r="EDH19" s="8"/>
      <c r="EDI19" s="8"/>
      <c r="EDJ19" s="8"/>
      <c r="EDK19" s="8"/>
      <c r="EDL19" s="8"/>
      <c r="EDM19" s="8"/>
      <c r="EDN19" s="8"/>
      <c r="EDO19" s="8"/>
      <c r="EDP19" s="8"/>
      <c r="EDQ19" s="8"/>
      <c r="EDR19" s="8"/>
      <c r="EDS19" s="8"/>
      <c r="EDT19" s="8"/>
      <c r="EDU19" s="8"/>
      <c r="EDV19" s="8"/>
      <c r="EDW19" s="8"/>
      <c r="EDX19" s="8"/>
      <c r="EDY19" s="8"/>
      <c r="EDZ19" s="8"/>
      <c r="EEA19" s="8"/>
      <c r="EEB19" s="8"/>
      <c r="EEC19" s="8"/>
      <c r="EED19" s="8"/>
      <c r="EEE19" s="8"/>
      <c r="EEF19" s="8"/>
      <c r="EEG19" s="8"/>
      <c r="EEH19" s="8"/>
      <c r="EEI19" s="8"/>
      <c r="EEJ19" s="8"/>
      <c r="EEK19" s="8"/>
      <c r="EEL19" s="8"/>
      <c r="EEM19" s="8"/>
      <c r="EEN19" s="8"/>
      <c r="EEO19" s="8"/>
      <c r="EEP19" s="8"/>
      <c r="EEQ19" s="8"/>
      <c r="EER19" s="8"/>
      <c r="EES19" s="8"/>
      <c r="EET19" s="8"/>
      <c r="EEU19" s="8"/>
      <c r="EEV19" s="8"/>
      <c r="EEW19" s="8"/>
      <c r="EEX19" s="8"/>
      <c r="EEY19" s="8"/>
      <c r="EEZ19" s="8"/>
      <c r="EFA19" s="8"/>
      <c r="EFB19" s="8"/>
      <c r="EFC19" s="8"/>
      <c r="EFD19" s="8"/>
      <c r="EFE19" s="8"/>
      <c r="EFF19" s="8"/>
      <c r="EFG19" s="8"/>
      <c r="EFH19" s="8"/>
      <c r="EFI19" s="8"/>
      <c r="EFJ19" s="8"/>
      <c r="EFK19" s="8"/>
      <c r="EFL19" s="8"/>
      <c r="EFM19" s="8"/>
      <c r="EFN19" s="8"/>
      <c r="EFO19" s="8"/>
      <c r="EFP19" s="8"/>
      <c r="EFQ19" s="8"/>
      <c r="EFR19" s="8"/>
      <c r="EFS19" s="8"/>
      <c r="EFT19" s="8"/>
      <c r="EFU19" s="8"/>
      <c r="EFV19" s="8"/>
      <c r="EFW19" s="8"/>
      <c r="EFX19" s="8"/>
      <c r="EFY19" s="8"/>
      <c r="EFZ19" s="8"/>
      <c r="EGA19" s="8"/>
      <c r="EGB19" s="8"/>
      <c r="EGC19" s="8"/>
      <c r="EGD19" s="8"/>
      <c r="EGE19" s="8"/>
      <c r="EGF19" s="8"/>
      <c r="EGG19" s="8"/>
      <c r="EGH19" s="8"/>
      <c r="EGI19" s="8"/>
      <c r="EGJ19" s="8"/>
      <c r="EGK19" s="8"/>
      <c r="EGL19" s="8"/>
      <c r="EGM19" s="8"/>
      <c r="EGN19" s="8"/>
      <c r="EGO19" s="8"/>
      <c r="EGP19" s="8"/>
      <c r="EGQ19" s="8"/>
      <c r="EGR19" s="8"/>
      <c r="EGS19" s="8"/>
      <c r="EGT19" s="8"/>
      <c r="EGU19" s="8"/>
      <c r="EGV19" s="8"/>
      <c r="EGW19" s="8"/>
      <c r="EGX19" s="8"/>
      <c r="EGY19" s="8"/>
      <c r="EGZ19" s="8"/>
      <c r="EHA19" s="8"/>
      <c r="EHB19" s="8"/>
      <c r="EHC19" s="8"/>
      <c r="EHD19" s="8"/>
      <c r="EHE19" s="8"/>
      <c r="EHF19" s="8"/>
      <c r="EHG19" s="8"/>
      <c r="EHH19" s="8"/>
      <c r="EHI19" s="8"/>
      <c r="EHJ19" s="8"/>
      <c r="EHK19" s="8"/>
      <c r="EHL19" s="8"/>
      <c r="EHM19" s="8"/>
      <c r="EHN19" s="8"/>
      <c r="EHO19" s="8"/>
      <c r="EHP19" s="8"/>
      <c r="EHQ19" s="8"/>
      <c r="EHR19" s="8"/>
      <c r="EHS19" s="8"/>
      <c r="EHT19" s="8"/>
      <c r="EHU19" s="8"/>
      <c r="EHV19" s="8"/>
      <c r="EHW19" s="8"/>
      <c r="EHX19" s="8"/>
      <c r="EHY19" s="8"/>
      <c r="EHZ19" s="8"/>
      <c r="EIA19" s="8"/>
      <c r="EIB19" s="8"/>
      <c r="EIC19" s="8"/>
      <c r="EID19" s="8"/>
      <c r="EIE19" s="8"/>
      <c r="EIF19" s="8"/>
      <c r="EIG19" s="8"/>
      <c r="EIH19" s="8"/>
      <c r="EII19" s="8"/>
      <c r="EIJ19" s="8"/>
      <c r="EIK19" s="8"/>
      <c r="EIL19" s="8"/>
      <c r="EIM19" s="8"/>
      <c r="EIN19" s="8"/>
      <c r="EIO19" s="8"/>
      <c r="EIP19" s="8"/>
      <c r="EIQ19" s="8"/>
      <c r="EIR19" s="8"/>
      <c r="EIS19" s="8"/>
      <c r="EIT19" s="8"/>
      <c r="EIU19" s="8"/>
      <c r="EIV19" s="8"/>
      <c r="EIW19" s="8"/>
      <c r="EIX19" s="8"/>
      <c r="EIY19" s="8"/>
      <c r="EIZ19" s="8"/>
      <c r="EJA19" s="8"/>
      <c r="EJB19" s="8"/>
      <c r="EJC19" s="8"/>
      <c r="EJD19" s="8"/>
      <c r="EJE19" s="8"/>
      <c r="EJF19" s="8"/>
      <c r="EJG19" s="8"/>
      <c r="EJH19" s="8"/>
      <c r="EJI19" s="8"/>
      <c r="EJJ19" s="8"/>
      <c r="EJK19" s="8"/>
      <c r="EJL19" s="8"/>
      <c r="EJM19" s="8"/>
      <c r="EJN19" s="8"/>
      <c r="EJO19" s="8"/>
      <c r="EJP19" s="8"/>
      <c r="EJQ19" s="8"/>
      <c r="EJR19" s="8"/>
      <c r="EJS19" s="8"/>
      <c r="EJT19" s="8"/>
      <c r="EJU19" s="8"/>
      <c r="EJV19" s="8"/>
      <c r="EJW19" s="8"/>
      <c r="EJX19" s="8"/>
      <c r="EJY19" s="8"/>
      <c r="EJZ19" s="8"/>
      <c r="EKA19" s="8"/>
      <c r="EKB19" s="8"/>
      <c r="EKC19" s="8"/>
      <c r="EKD19" s="8"/>
      <c r="EKE19" s="8"/>
      <c r="EKF19" s="8"/>
      <c r="EKG19" s="8"/>
      <c r="EKH19" s="8"/>
      <c r="EKI19" s="8"/>
      <c r="EKJ19" s="8"/>
      <c r="EKK19" s="8"/>
      <c r="EKL19" s="8"/>
      <c r="EKM19" s="8"/>
      <c r="EKN19" s="8"/>
      <c r="EKO19" s="8"/>
      <c r="EKP19" s="8"/>
      <c r="EKQ19" s="8"/>
      <c r="EKR19" s="8"/>
      <c r="EKS19" s="8"/>
      <c r="EKT19" s="8"/>
      <c r="EKU19" s="8"/>
      <c r="EKV19" s="8"/>
      <c r="EKW19" s="8"/>
      <c r="EKX19" s="8"/>
      <c r="EKY19" s="8"/>
      <c r="EKZ19" s="8"/>
      <c r="ELA19" s="8"/>
      <c r="ELB19" s="8"/>
      <c r="ELC19" s="8"/>
      <c r="ELD19" s="8"/>
      <c r="ELE19" s="8"/>
      <c r="ELF19" s="8"/>
      <c r="ELG19" s="8"/>
      <c r="ELH19" s="8"/>
      <c r="ELI19" s="8"/>
      <c r="ELJ19" s="8"/>
      <c r="ELK19" s="8"/>
      <c r="ELL19" s="8"/>
      <c r="ELM19" s="8"/>
      <c r="ELN19" s="8"/>
      <c r="ELO19" s="8"/>
      <c r="ELP19" s="8"/>
      <c r="ELQ19" s="8"/>
      <c r="ELR19" s="8"/>
      <c r="ELS19" s="8"/>
      <c r="ELT19" s="8"/>
      <c r="ELU19" s="8"/>
      <c r="ELV19" s="8"/>
      <c r="ELW19" s="8"/>
      <c r="ELX19" s="8"/>
      <c r="ELY19" s="8"/>
      <c r="ELZ19" s="8"/>
      <c r="EMA19" s="8"/>
      <c r="EMB19" s="8"/>
      <c r="EMC19" s="8"/>
      <c r="EMD19" s="8"/>
      <c r="EME19" s="8"/>
      <c r="EMF19" s="8"/>
      <c r="EMG19" s="8"/>
      <c r="EMH19" s="8"/>
      <c r="EMI19" s="8"/>
      <c r="EMJ19" s="8"/>
      <c r="EMK19" s="8"/>
      <c r="EML19" s="8"/>
      <c r="EMM19" s="8"/>
      <c r="EMN19" s="8"/>
      <c r="EMO19" s="8"/>
      <c r="EMP19" s="8"/>
      <c r="EMQ19" s="8"/>
      <c r="EMR19" s="8"/>
      <c r="EMS19" s="8"/>
      <c r="EMT19" s="8"/>
      <c r="EMU19" s="8"/>
      <c r="EMV19" s="8"/>
      <c r="EMW19" s="8"/>
      <c r="EMX19" s="8"/>
      <c r="EMY19" s="8"/>
      <c r="EMZ19" s="8"/>
      <c r="ENA19" s="8"/>
      <c r="ENB19" s="8"/>
      <c r="ENC19" s="8"/>
      <c r="END19" s="8"/>
      <c r="ENE19" s="8"/>
      <c r="ENF19" s="8"/>
      <c r="ENG19" s="8"/>
      <c r="ENH19" s="8"/>
      <c r="ENI19" s="8"/>
      <c r="ENJ19" s="8"/>
      <c r="ENK19" s="8"/>
      <c r="ENL19" s="8"/>
      <c r="ENM19" s="8"/>
      <c r="ENN19" s="8"/>
      <c r="ENO19" s="8"/>
      <c r="ENP19" s="8"/>
      <c r="ENQ19" s="8"/>
      <c r="ENR19" s="8"/>
      <c r="ENS19" s="8"/>
      <c r="ENT19" s="8"/>
      <c r="ENU19" s="8"/>
      <c r="ENV19" s="8"/>
      <c r="ENW19" s="8"/>
      <c r="ENX19" s="8"/>
      <c r="ENY19" s="8"/>
      <c r="ENZ19" s="8"/>
      <c r="EOA19" s="8"/>
      <c r="EOB19" s="8"/>
      <c r="EOC19" s="8"/>
      <c r="EOD19" s="8"/>
      <c r="EOE19" s="8"/>
      <c r="EOF19" s="8"/>
      <c r="EOG19" s="8"/>
      <c r="EOH19" s="8"/>
      <c r="EOI19" s="8"/>
      <c r="EOJ19" s="8"/>
      <c r="EOK19" s="8"/>
      <c r="EOL19" s="8"/>
      <c r="EOM19" s="8"/>
      <c r="EON19" s="8"/>
      <c r="EOO19" s="8"/>
      <c r="EOP19" s="8"/>
      <c r="EOQ19" s="8"/>
      <c r="EOR19" s="8"/>
      <c r="EOS19" s="8"/>
      <c r="EOT19" s="8"/>
      <c r="EOU19" s="8"/>
      <c r="EOV19" s="8"/>
      <c r="EOW19" s="8"/>
      <c r="EOX19" s="8"/>
      <c r="EOY19" s="8"/>
      <c r="EOZ19" s="8"/>
      <c r="EPA19" s="8"/>
      <c r="EPB19" s="8"/>
      <c r="EPC19" s="8"/>
      <c r="EPD19" s="8"/>
      <c r="EPE19" s="8"/>
      <c r="EPF19" s="8"/>
      <c r="EPG19" s="8"/>
      <c r="EPH19" s="8"/>
      <c r="EPI19" s="8"/>
      <c r="EPJ19" s="8"/>
      <c r="EPK19" s="8"/>
      <c r="EPL19" s="8"/>
      <c r="EPM19" s="8"/>
      <c r="EPN19" s="8"/>
      <c r="EPO19" s="8"/>
      <c r="EPP19" s="8"/>
      <c r="EPQ19" s="8"/>
      <c r="EPR19" s="8"/>
      <c r="EPS19" s="8"/>
      <c r="EPT19" s="8"/>
      <c r="EPU19" s="8"/>
      <c r="EPV19" s="8"/>
      <c r="EPW19" s="8"/>
      <c r="EPX19" s="8"/>
      <c r="EPY19" s="8"/>
      <c r="EPZ19" s="8"/>
      <c r="EQA19" s="8"/>
      <c r="EQB19" s="8"/>
      <c r="EQC19" s="8"/>
      <c r="EQD19" s="8"/>
      <c r="EQE19" s="8"/>
      <c r="EQF19" s="8"/>
      <c r="EQG19" s="8"/>
      <c r="EQH19" s="8"/>
      <c r="EQI19" s="8"/>
      <c r="EQJ19" s="8"/>
      <c r="EQK19" s="8"/>
      <c r="EQL19" s="8"/>
      <c r="EQM19" s="8"/>
      <c r="EQN19" s="8"/>
      <c r="EQO19" s="8"/>
      <c r="EQP19" s="8"/>
      <c r="EQQ19" s="8"/>
      <c r="EQR19" s="8"/>
      <c r="EQS19" s="8"/>
      <c r="EQT19" s="8"/>
      <c r="EQU19" s="8"/>
      <c r="EQV19" s="8"/>
      <c r="EQW19" s="8"/>
      <c r="EQX19" s="8"/>
      <c r="EQY19" s="8"/>
      <c r="EQZ19" s="8"/>
      <c r="ERA19" s="8"/>
      <c r="ERB19" s="8"/>
      <c r="ERC19" s="8"/>
      <c r="ERD19" s="8"/>
      <c r="ERE19" s="8"/>
      <c r="ERF19" s="8"/>
      <c r="ERG19" s="8"/>
      <c r="ERH19" s="8"/>
      <c r="ERI19" s="8"/>
      <c r="ERJ19" s="8"/>
      <c r="ERK19" s="8"/>
      <c r="ERL19" s="8"/>
      <c r="ERM19" s="8"/>
      <c r="ERN19" s="8"/>
      <c r="ERO19" s="8"/>
      <c r="ERP19" s="8"/>
      <c r="ERQ19" s="8"/>
      <c r="ERR19" s="8"/>
      <c r="ERS19" s="8"/>
      <c r="ERT19" s="8"/>
      <c r="ERU19" s="8"/>
      <c r="ERV19" s="8"/>
      <c r="ERW19" s="8"/>
      <c r="ERX19" s="8"/>
      <c r="ERY19" s="8"/>
      <c r="ERZ19" s="8"/>
      <c r="ESA19" s="8"/>
      <c r="ESB19" s="8"/>
      <c r="ESC19" s="8"/>
      <c r="ESD19" s="8"/>
      <c r="ESE19" s="8"/>
      <c r="ESF19" s="8"/>
      <c r="ESG19" s="8"/>
      <c r="ESH19" s="8"/>
      <c r="ESI19" s="8"/>
      <c r="ESJ19" s="8"/>
      <c r="ESK19" s="8"/>
      <c r="ESL19" s="8"/>
      <c r="ESM19" s="8"/>
      <c r="ESN19" s="8"/>
      <c r="ESO19" s="8"/>
      <c r="ESP19" s="8"/>
      <c r="ESQ19" s="8"/>
      <c r="ESR19" s="8"/>
      <c r="ESS19" s="8"/>
      <c r="EST19" s="8"/>
      <c r="ESU19" s="8"/>
      <c r="ESV19" s="8"/>
      <c r="ESW19" s="8"/>
      <c r="ESX19" s="8"/>
      <c r="ESY19" s="8"/>
      <c r="ESZ19" s="8"/>
      <c r="ETA19" s="8"/>
      <c r="ETB19" s="8"/>
      <c r="ETC19" s="8"/>
      <c r="ETD19" s="8"/>
      <c r="ETE19" s="8"/>
      <c r="ETF19" s="8"/>
      <c r="ETG19" s="8"/>
      <c r="ETH19" s="8"/>
      <c r="ETI19" s="8"/>
      <c r="ETJ19" s="8"/>
      <c r="ETK19" s="8"/>
      <c r="ETL19" s="8"/>
      <c r="ETM19" s="8"/>
      <c r="ETN19" s="8"/>
      <c r="ETO19" s="8"/>
      <c r="ETP19" s="8"/>
      <c r="ETQ19" s="8"/>
      <c r="ETR19" s="8"/>
      <c r="ETS19" s="8"/>
      <c r="ETT19" s="8"/>
      <c r="ETU19" s="8"/>
      <c r="ETV19" s="8"/>
      <c r="ETW19" s="8"/>
      <c r="ETX19" s="8"/>
      <c r="ETY19" s="8"/>
      <c r="ETZ19" s="8"/>
      <c r="EUA19" s="8"/>
      <c r="EUB19" s="8"/>
      <c r="EUC19" s="8"/>
      <c r="EUD19" s="8"/>
      <c r="EUE19" s="8"/>
      <c r="EUF19" s="8"/>
      <c r="EUG19" s="8"/>
      <c r="EUH19" s="8"/>
      <c r="EUI19" s="8"/>
      <c r="EUJ19" s="8"/>
      <c r="EUK19" s="8"/>
      <c r="EUL19" s="8"/>
      <c r="EUM19" s="8"/>
      <c r="EUN19" s="8"/>
      <c r="EUO19" s="8"/>
      <c r="EUP19" s="8"/>
      <c r="EUQ19" s="8"/>
      <c r="EUR19" s="8"/>
      <c r="EUS19" s="8"/>
      <c r="EUT19" s="8"/>
      <c r="EUU19" s="8"/>
      <c r="EUV19" s="8"/>
      <c r="EUW19" s="8"/>
      <c r="EUX19" s="8"/>
      <c r="EUY19" s="8"/>
      <c r="EUZ19" s="8"/>
      <c r="EVA19" s="8"/>
      <c r="EVB19" s="8"/>
      <c r="EVC19" s="8"/>
      <c r="EVD19" s="8"/>
      <c r="EVE19" s="8"/>
      <c r="EVF19" s="8"/>
      <c r="EVG19" s="8"/>
      <c r="EVH19" s="8"/>
      <c r="EVI19" s="8"/>
      <c r="EVJ19" s="8"/>
      <c r="EVK19" s="8"/>
      <c r="EVL19" s="8"/>
      <c r="EVM19" s="8"/>
      <c r="EVN19" s="8"/>
      <c r="EVO19" s="8"/>
      <c r="EVP19" s="8"/>
      <c r="EVQ19" s="8"/>
      <c r="EVR19" s="8"/>
      <c r="EVS19" s="8"/>
      <c r="EVT19" s="8"/>
      <c r="EVU19" s="8"/>
      <c r="EVV19" s="8"/>
      <c r="EVW19" s="8"/>
      <c r="EVX19" s="8"/>
      <c r="EVY19" s="8"/>
      <c r="EVZ19" s="8"/>
      <c r="EWA19" s="8"/>
      <c r="EWB19" s="8"/>
      <c r="EWC19" s="8"/>
      <c r="EWD19" s="8"/>
      <c r="EWE19" s="8"/>
      <c r="EWF19" s="8"/>
      <c r="EWG19" s="8"/>
      <c r="EWH19" s="8"/>
      <c r="EWI19" s="8"/>
      <c r="EWJ19" s="8"/>
      <c r="EWK19" s="8"/>
      <c r="EWL19" s="8"/>
      <c r="EWM19" s="8"/>
      <c r="EWN19" s="8"/>
      <c r="EWO19" s="8"/>
      <c r="EWP19" s="8"/>
      <c r="EWQ19" s="8"/>
      <c r="EWR19" s="8"/>
      <c r="EWS19" s="8"/>
      <c r="EWT19" s="8"/>
      <c r="EWU19" s="8"/>
      <c r="EWV19" s="8"/>
      <c r="EWW19" s="8"/>
      <c r="EWX19" s="8"/>
      <c r="EWY19" s="8"/>
      <c r="EWZ19" s="8"/>
      <c r="EXA19" s="8"/>
      <c r="EXB19" s="8"/>
      <c r="EXC19" s="8"/>
      <c r="EXD19" s="8"/>
      <c r="EXE19" s="8"/>
      <c r="EXF19" s="8"/>
      <c r="EXG19" s="8"/>
      <c r="EXH19" s="8"/>
      <c r="EXI19" s="8"/>
      <c r="EXJ19" s="8"/>
      <c r="EXK19" s="8"/>
      <c r="EXL19" s="8"/>
      <c r="EXM19" s="8"/>
      <c r="EXN19" s="8"/>
      <c r="EXO19" s="8"/>
      <c r="EXP19" s="8"/>
      <c r="EXQ19" s="8"/>
      <c r="EXR19" s="8"/>
      <c r="EXS19" s="8"/>
      <c r="EXT19" s="8"/>
      <c r="EXU19" s="8"/>
      <c r="EXV19" s="8"/>
      <c r="EXW19" s="8"/>
      <c r="EXX19" s="8"/>
      <c r="EXY19" s="8"/>
      <c r="EXZ19" s="8"/>
      <c r="EYA19" s="8"/>
      <c r="EYB19" s="8"/>
      <c r="EYC19" s="8"/>
      <c r="EYD19" s="8"/>
      <c r="EYE19" s="8"/>
      <c r="EYF19" s="8"/>
      <c r="EYG19" s="8"/>
      <c r="EYH19" s="8"/>
      <c r="EYI19" s="8"/>
      <c r="EYJ19" s="8"/>
      <c r="EYK19" s="8"/>
      <c r="EYL19" s="8"/>
      <c r="EYM19" s="8"/>
      <c r="EYN19" s="8"/>
      <c r="EYO19" s="8"/>
      <c r="EYP19" s="8"/>
      <c r="EYQ19" s="8"/>
      <c r="EYR19" s="8"/>
      <c r="EYS19" s="8"/>
      <c r="EYT19" s="8"/>
      <c r="EYU19" s="8"/>
      <c r="EYV19" s="8"/>
      <c r="EYW19" s="8"/>
      <c r="EYX19" s="8"/>
      <c r="EYY19" s="8"/>
      <c r="EYZ19" s="8"/>
      <c r="EZA19" s="8"/>
      <c r="EZB19" s="8"/>
      <c r="EZC19" s="8"/>
      <c r="EZD19" s="8"/>
      <c r="EZE19" s="8"/>
      <c r="EZF19" s="8"/>
      <c r="EZG19" s="8"/>
      <c r="EZH19" s="8"/>
      <c r="EZI19" s="8"/>
      <c r="EZJ19" s="8"/>
      <c r="EZK19" s="8"/>
      <c r="EZL19" s="8"/>
      <c r="EZM19" s="8"/>
      <c r="EZN19" s="8"/>
      <c r="EZO19" s="8"/>
      <c r="EZP19" s="8"/>
      <c r="EZQ19" s="8"/>
      <c r="EZR19" s="8"/>
      <c r="EZS19" s="8"/>
      <c r="EZT19" s="8"/>
      <c r="EZU19" s="8"/>
      <c r="EZV19" s="8"/>
      <c r="EZW19" s="8"/>
      <c r="EZX19" s="8"/>
      <c r="EZY19" s="8"/>
      <c r="EZZ19" s="8"/>
      <c r="FAA19" s="8"/>
      <c r="FAB19" s="8"/>
      <c r="FAC19" s="8"/>
      <c r="FAD19" s="8"/>
      <c r="FAE19" s="8"/>
      <c r="FAF19" s="8"/>
      <c r="FAG19" s="8"/>
      <c r="FAH19" s="8"/>
      <c r="FAI19" s="8"/>
      <c r="FAJ19" s="8"/>
      <c r="FAK19" s="8"/>
      <c r="FAL19" s="8"/>
      <c r="FAM19" s="8"/>
      <c r="FAN19" s="8"/>
      <c r="FAO19" s="8"/>
      <c r="FAP19" s="8"/>
      <c r="FAQ19" s="8"/>
      <c r="FAR19" s="8"/>
      <c r="FAS19" s="8"/>
      <c r="FAT19" s="8"/>
      <c r="FAU19" s="8"/>
      <c r="FAV19" s="8"/>
      <c r="FAW19" s="8"/>
      <c r="FAX19" s="8"/>
      <c r="FAY19" s="8"/>
      <c r="FAZ19" s="8"/>
      <c r="FBA19" s="8"/>
      <c r="FBB19" s="8"/>
      <c r="FBC19" s="8"/>
      <c r="FBD19" s="8"/>
      <c r="FBE19" s="8"/>
      <c r="FBF19" s="8"/>
      <c r="FBG19" s="8"/>
      <c r="FBH19" s="8"/>
      <c r="FBI19" s="8"/>
      <c r="FBJ19" s="8"/>
      <c r="FBK19" s="8"/>
      <c r="FBL19" s="8"/>
      <c r="FBM19" s="8"/>
      <c r="FBN19" s="8"/>
      <c r="FBO19" s="8"/>
      <c r="FBP19" s="8"/>
      <c r="FBQ19" s="8"/>
      <c r="FBR19" s="8"/>
      <c r="FBS19" s="8"/>
      <c r="FBT19" s="8"/>
      <c r="FBU19" s="8"/>
      <c r="FBV19" s="8"/>
      <c r="FBW19" s="8"/>
      <c r="FBX19" s="8"/>
      <c r="FBY19" s="8"/>
      <c r="FBZ19" s="8"/>
      <c r="FCA19" s="8"/>
      <c r="FCB19" s="8"/>
      <c r="FCC19" s="8"/>
      <c r="FCD19" s="8"/>
      <c r="FCE19" s="8"/>
      <c r="FCF19" s="8"/>
      <c r="FCG19" s="8"/>
      <c r="FCH19" s="8"/>
      <c r="FCI19" s="8"/>
      <c r="FCJ19" s="8"/>
      <c r="FCK19" s="8"/>
      <c r="FCL19" s="8"/>
      <c r="FCM19" s="8"/>
      <c r="FCN19" s="8"/>
      <c r="FCO19" s="8"/>
      <c r="FCP19" s="8"/>
      <c r="FCQ19" s="8"/>
      <c r="FCR19" s="8"/>
      <c r="FCS19" s="8"/>
      <c r="FCT19" s="8"/>
      <c r="FCU19" s="8"/>
      <c r="FCV19" s="8"/>
      <c r="FCW19" s="8"/>
      <c r="FCX19" s="8"/>
      <c r="FCY19" s="8"/>
      <c r="FCZ19" s="8"/>
      <c r="FDA19" s="8"/>
      <c r="FDB19" s="8"/>
      <c r="FDC19" s="8"/>
      <c r="FDD19" s="8"/>
      <c r="FDE19" s="8"/>
      <c r="FDF19" s="8"/>
      <c r="FDG19" s="8"/>
      <c r="FDH19" s="8"/>
      <c r="FDI19" s="8"/>
      <c r="FDJ19" s="8"/>
      <c r="FDK19" s="8"/>
      <c r="FDL19" s="8"/>
      <c r="FDM19" s="8"/>
      <c r="FDN19" s="8"/>
      <c r="FDO19" s="8"/>
      <c r="FDP19" s="8"/>
      <c r="FDQ19" s="8"/>
      <c r="FDR19" s="8"/>
      <c r="FDS19" s="8"/>
      <c r="FDT19" s="8"/>
      <c r="FDU19" s="8"/>
      <c r="FDV19" s="8"/>
      <c r="FDW19" s="8"/>
      <c r="FDX19" s="8"/>
      <c r="FDY19" s="8"/>
      <c r="FDZ19" s="8"/>
      <c r="FEA19" s="8"/>
      <c r="FEB19" s="8"/>
      <c r="FEC19" s="8"/>
      <c r="FED19" s="8"/>
      <c r="FEE19" s="8"/>
      <c r="FEF19" s="8"/>
      <c r="FEG19" s="8"/>
      <c r="FEH19" s="8"/>
      <c r="FEI19" s="8"/>
      <c r="FEJ19" s="8"/>
      <c r="FEK19" s="8"/>
      <c r="FEL19" s="8"/>
      <c r="FEM19" s="8"/>
      <c r="FEN19" s="8"/>
      <c r="FEO19" s="8"/>
      <c r="FEP19" s="8"/>
      <c r="FEQ19" s="8"/>
      <c r="FER19" s="8"/>
      <c r="FES19" s="8"/>
      <c r="FET19" s="8"/>
      <c r="FEU19" s="8"/>
      <c r="FEV19" s="8"/>
      <c r="FEW19" s="8"/>
      <c r="FEX19" s="8"/>
      <c r="FEY19" s="8"/>
      <c r="FEZ19" s="8"/>
      <c r="FFA19" s="8"/>
      <c r="FFB19" s="8"/>
      <c r="FFC19" s="8"/>
      <c r="FFD19" s="8"/>
      <c r="FFE19" s="8"/>
      <c r="FFF19" s="8"/>
      <c r="FFG19" s="8"/>
      <c r="FFH19" s="8"/>
      <c r="FFI19" s="8"/>
      <c r="FFJ19" s="8"/>
      <c r="FFK19" s="8"/>
      <c r="FFL19" s="8"/>
      <c r="FFM19" s="8"/>
      <c r="FFN19" s="8"/>
      <c r="FFO19" s="8"/>
      <c r="FFP19" s="8"/>
      <c r="FFQ19" s="8"/>
      <c r="FFR19" s="8"/>
      <c r="FFS19" s="8"/>
      <c r="FFT19" s="8"/>
      <c r="FFU19" s="8"/>
      <c r="FFV19" s="8"/>
      <c r="FFW19" s="8"/>
      <c r="FFX19" s="8"/>
      <c r="FFY19" s="8"/>
      <c r="FFZ19" s="8"/>
      <c r="FGA19" s="8"/>
      <c r="FGB19" s="8"/>
      <c r="FGC19" s="8"/>
      <c r="FGD19" s="8"/>
      <c r="FGE19" s="8"/>
      <c r="FGF19" s="8"/>
      <c r="FGG19" s="8"/>
      <c r="FGH19" s="8"/>
      <c r="FGI19" s="8"/>
      <c r="FGJ19" s="8"/>
      <c r="FGK19" s="8"/>
      <c r="FGL19" s="8"/>
      <c r="FGM19" s="8"/>
      <c r="FGN19" s="8"/>
      <c r="FGO19" s="8"/>
      <c r="FGP19" s="8"/>
      <c r="FGQ19" s="8"/>
      <c r="FGR19" s="8"/>
      <c r="FGS19" s="8"/>
      <c r="FGT19" s="8"/>
      <c r="FGU19" s="8"/>
      <c r="FGV19" s="8"/>
      <c r="FGW19" s="8"/>
      <c r="FGX19" s="8"/>
      <c r="FGY19" s="8"/>
      <c r="FGZ19" s="8"/>
      <c r="FHA19" s="8"/>
      <c r="FHB19" s="8"/>
      <c r="FHC19" s="8"/>
      <c r="FHD19" s="8"/>
      <c r="FHE19" s="8"/>
      <c r="FHF19" s="8"/>
      <c r="FHG19" s="8"/>
      <c r="FHH19" s="8"/>
      <c r="FHI19" s="8"/>
      <c r="FHJ19" s="8"/>
      <c r="FHK19" s="8"/>
      <c r="FHL19" s="8"/>
      <c r="FHM19" s="8"/>
      <c r="FHN19" s="8"/>
      <c r="FHO19" s="8"/>
      <c r="FHP19" s="8"/>
      <c r="FHQ19" s="8"/>
      <c r="FHR19" s="8"/>
      <c r="FHS19" s="8"/>
      <c r="FHT19" s="8"/>
      <c r="FHU19" s="8"/>
      <c r="FHV19" s="8"/>
      <c r="FHW19" s="8"/>
      <c r="FHX19" s="8"/>
      <c r="FHY19" s="8"/>
      <c r="FHZ19" s="8"/>
      <c r="FIA19" s="8"/>
      <c r="FIB19" s="8"/>
      <c r="FIC19" s="8"/>
      <c r="FID19" s="8"/>
      <c r="FIE19" s="8"/>
      <c r="FIF19" s="8"/>
      <c r="FIG19" s="8"/>
      <c r="FIH19" s="8"/>
      <c r="FII19" s="8"/>
      <c r="FIJ19" s="8"/>
      <c r="FIK19" s="8"/>
      <c r="FIL19" s="8"/>
      <c r="FIM19" s="8"/>
      <c r="FIN19" s="8"/>
      <c r="FIO19" s="8"/>
      <c r="FIP19" s="8"/>
      <c r="FIQ19" s="8"/>
      <c r="FIR19" s="8"/>
      <c r="FIS19" s="8"/>
      <c r="FIT19" s="8"/>
      <c r="FIU19" s="8"/>
      <c r="FIV19" s="8"/>
      <c r="FIW19" s="8"/>
      <c r="FIX19" s="8"/>
      <c r="FIY19" s="8"/>
      <c r="FIZ19" s="8"/>
      <c r="FJA19" s="8"/>
      <c r="FJB19" s="8"/>
      <c r="FJC19" s="8"/>
      <c r="FJD19" s="8"/>
      <c r="FJE19" s="8"/>
      <c r="FJF19" s="8"/>
      <c r="FJG19" s="8"/>
      <c r="FJH19" s="8"/>
      <c r="FJI19" s="8"/>
      <c r="FJJ19" s="8"/>
      <c r="FJK19" s="8"/>
      <c r="FJL19" s="8"/>
      <c r="FJM19" s="8"/>
      <c r="FJN19" s="8"/>
      <c r="FJO19" s="8"/>
      <c r="FJP19" s="8"/>
      <c r="FJQ19" s="8"/>
      <c r="FJR19" s="8"/>
      <c r="FJS19" s="8"/>
      <c r="FJT19" s="8"/>
      <c r="FJU19" s="8"/>
      <c r="FJV19" s="8"/>
      <c r="FJW19" s="8"/>
      <c r="FJX19" s="8"/>
      <c r="FJY19" s="8"/>
      <c r="FJZ19" s="8"/>
      <c r="FKA19" s="8"/>
      <c r="FKB19" s="8"/>
      <c r="FKC19" s="8"/>
      <c r="FKD19" s="8"/>
      <c r="FKE19" s="8"/>
      <c r="FKF19" s="8"/>
      <c r="FKG19" s="8"/>
      <c r="FKH19" s="8"/>
      <c r="FKI19" s="8"/>
      <c r="FKJ19" s="8"/>
      <c r="FKK19" s="8"/>
      <c r="FKL19" s="8"/>
      <c r="FKM19" s="8"/>
      <c r="FKN19" s="8"/>
      <c r="FKO19" s="8"/>
      <c r="FKP19" s="8"/>
      <c r="FKQ19" s="8"/>
      <c r="FKR19" s="8"/>
      <c r="FKS19" s="8"/>
      <c r="FKT19" s="8"/>
      <c r="FKU19" s="8"/>
      <c r="FKV19" s="8"/>
      <c r="FKW19" s="8"/>
      <c r="FKX19" s="8"/>
      <c r="FKY19" s="8"/>
      <c r="FKZ19" s="8"/>
      <c r="FLA19" s="8"/>
      <c r="FLB19" s="8"/>
      <c r="FLC19" s="8"/>
      <c r="FLD19" s="8"/>
      <c r="FLE19" s="8"/>
      <c r="FLF19" s="8"/>
      <c r="FLG19" s="8"/>
      <c r="FLH19" s="8"/>
      <c r="FLI19" s="8"/>
      <c r="FLJ19" s="8"/>
      <c r="FLK19" s="8"/>
      <c r="FLL19" s="8"/>
      <c r="FLM19" s="8"/>
      <c r="FLN19" s="8"/>
      <c r="FLO19" s="8"/>
      <c r="FLP19" s="8"/>
      <c r="FLQ19" s="8"/>
      <c r="FLR19" s="8"/>
      <c r="FLS19" s="8"/>
      <c r="FLT19" s="8"/>
      <c r="FLU19" s="8"/>
      <c r="FLV19" s="8"/>
      <c r="FLW19" s="8"/>
      <c r="FLX19" s="8"/>
      <c r="FLY19" s="8"/>
      <c r="FLZ19" s="8"/>
      <c r="FMA19" s="8"/>
      <c r="FMB19" s="8"/>
      <c r="FMC19" s="8"/>
      <c r="FMD19" s="8"/>
      <c r="FME19" s="8"/>
      <c r="FMF19" s="8"/>
      <c r="FMG19" s="8"/>
      <c r="FMH19" s="8"/>
      <c r="FMI19" s="8"/>
      <c r="FMJ19" s="8"/>
      <c r="FMK19" s="8"/>
      <c r="FML19" s="8"/>
      <c r="FMM19" s="8"/>
      <c r="FMN19" s="8"/>
      <c r="FMO19" s="8"/>
      <c r="FMP19" s="8"/>
      <c r="FMQ19" s="8"/>
      <c r="FMR19" s="8"/>
      <c r="FMS19" s="8"/>
      <c r="FMT19" s="8"/>
      <c r="FMU19" s="8"/>
      <c r="FMV19" s="8"/>
      <c r="FMW19" s="8"/>
      <c r="FMX19" s="8"/>
      <c r="FMY19" s="8"/>
      <c r="FMZ19" s="8"/>
      <c r="FNA19" s="8"/>
      <c r="FNB19" s="8"/>
      <c r="FNC19" s="8"/>
      <c r="FND19" s="8"/>
      <c r="FNE19" s="8"/>
      <c r="FNF19" s="8"/>
      <c r="FNG19" s="8"/>
      <c r="FNH19" s="8"/>
      <c r="FNI19" s="8"/>
      <c r="FNJ19" s="8"/>
      <c r="FNK19" s="8"/>
      <c r="FNL19" s="8"/>
      <c r="FNM19" s="8"/>
      <c r="FNN19" s="8"/>
      <c r="FNO19" s="8"/>
      <c r="FNP19" s="8"/>
      <c r="FNQ19" s="8"/>
      <c r="FNR19" s="8"/>
      <c r="FNS19" s="8"/>
      <c r="FNT19" s="8"/>
      <c r="FNU19" s="8"/>
      <c r="FNV19" s="8"/>
      <c r="FNW19" s="8"/>
      <c r="FNX19" s="8"/>
      <c r="FNY19" s="8"/>
      <c r="FNZ19" s="8"/>
      <c r="FOA19" s="8"/>
      <c r="FOB19" s="8"/>
      <c r="FOC19" s="8"/>
      <c r="FOD19" s="8"/>
      <c r="FOE19" s="8"/>
      <c r="FOF19" s="8"/>
      <c r="FOG19" s="8"/>
      <c r="FOH19" s="8"/>
      <c r="FOI19" s="8"/>
      <c r="FOJ19" s="8"/>
      <c r="FOK19" s="8"/>
      <c r="FOL19" s="8"/>
      <c r="FOM19" s="8"/>
      <c r="FON19" s="8"/>
      <c r="FOO19" s="8"/>
      <c r="FOP19" s="8"/>
      <c r="FOQ19" s="8"/>
      <c r="FOR19" s="8"/>
      <c r="FOS19" s="8"/>
      <c r="FOT19" s="8"/>
      <c r="FOU19" s="8"/>
      <c r="FOV19" s="8"/>
      <c r="FOW19" s="8"/>
      <c r="FOX19" s="8"/>
      <c r="FOY19" s="8"/>
      <c r="FOZ19" s="8"/>
      <c r="FPA19" s="8"/>
      <c r="FPB19" s="8"/>
      <c r="FPC19" s="8"/>
      <c r="FPD19" s="8"/>
      <c r="FPE19" s="8"/>
      <c r="FPF19" s="8"/>
      <c r="FPG19" s="8"/>
      <c r="FPH19" s="8"/>
      <c r="FPI19" s="8"/>
      <c r="FPJ19" s="8"/>
      <c r="FPK19" s="8"/>
      <c r="FPL19" s="8"/>
      <c r="FPM19" s="8"/>
      <c r="FPN19" s="8"/>
      <c r="FPO19" s="8"/>
      <c r="FPP19" s="8"/>
      <c r="FPQ19" s="8"/>
      <c r="FPR19" s="8"/>
      <c r="FPS19" s="8"/>
      <c r="FPT19" s="8"/>
      <c r="FPU19" s="8"/>
      <c r="FPV19" s="8"/>
      <c r="FPW19" s="8"/>
      <c r="FPX19" s="8"/>
      <c r="FPY19" s="8"/>
      <c r="FPZ19" s="8"/>
      <c r="FQA19" s="8"/>
      <c r="FQB19" s="8"/>
      <c r="FQC19" s="8"/>
      <c r="FQD19" s="8"/>
      <c r="FQE19" s="8"/>
      <c r="FQF19" s="8"/>
      <c r="FQG19" s="8"/>
      <c r="FQH19" s="8"/>
      <c r="FQI19" s="8"/>
      <c r="FQJ19" s="8"/>
      <c r="FQK19" s="8"/>
      <c r="FQL19" s="8"/>
      <c r="FQM19" s="8"/>
      <c r="FQN19" s="8"/>
      <c r="FQO19" s="8"/>
      <c r="FQP19" s="8"/>
      <c r="FQQ19" s="8"/>
      <c r="FQR19" s="8"/>
      <c r="FQS19" s="8"/>
      <c r="FQT19" s="8"/>
      <c r="FQU19" s="8"/>
      <c r="FQV19" s="8"/>
      <c r="FQW19" s="8"/>
      <c r="FQX19" s="8"/>
      <c r="FQY19" s="8"/>
      <c r="FQZ19" s="8"/>
      <c r="FRA19" s="8"/>
      <c r="FRB19" s="8"/>
      <c r="FRC19" s="8"/>
      <c r="FRD19" s="8"/>
      <c r="FRE19" s="8"/>
      <c r="FRF19" s="8"/>
      <c r="FRG19" s="8"/>
      <c r="FRH19" s="8"/>
      <c r="FRI19" s="8"/>
      <c r="FRJ19" s="8"/>
      <c r="FRK19" s="8"/>
      <c r="FRL19" s="8"/>
      <c r="FRM19" s="8"/>
      <c r="FRN19" s="8"/>
      <c r="FRO19" s="8"/>
      <c r="FRP19" s="8"/>
      <c r="FRQ19" s="8"/>
      <c r="FRR19" s="8"/>
      <c r="FRS19" s="8"/>
      <c r="FRT19" s="8"/>
      <c r="FRU19" s="8"/>
      <c r="FRV19" s="8"/>
      <c r="FRW19" s="8"/>
      <c r="FRX19" s="8"/>
      <c r="FRY19" s="8"/>
      <c r="FRZ19" s="8"/>
      <c r="FSA19" s="8"/>
      <c r="FSB19" s="8"/>
      <c r="FSC19" s="8"/>
      <c r="FSD19" s="8"/>
      <c r="FSE19" s="8"/>
      <c r="FSF19" s="8"/>
      <c r="FSG19" s="8"/>
      <c r="FSH19" s="8"/>
      <c r="FSI19" s="8"/>
      <c r="FSJ19" s="8"/>
      <c r="FSK19" s="8"/>
      <c r="FSL19" s="8"/>
      <c r="FSM19" s="8"/>
      <c r="FSN19" s="8"/>
      <c r="FSO19" s="8"/>
      <c r="FSP19" s="8"/>
      <c r="FSQ19" s="8"/>
      <c r="FSR19" s="8"/>
      <c r="FSS19" s="8"/>
      <c r="FST19" s="8"/>
      <c r="FSU19" s="8"/>
      <c r="FSV19" s="8"/>
      <c r="FSW19" s="8"/>
      <c r="FSX19" s="8"/>
      <c r="FSY19" s="8"/>
      <c r="FSZ19" s="8"/>
      <c r="FTA19" s="8"/>
      <c r="FTB19" s="8"/>
      <c r="FTC19" s="8"/>
      <c r="FTD19" s="8"/>
      <c r="FTE19" s="8"/>
      <c r="FTF19" s="8"/>
      <c r="FTG19" s="8"/>
      <c r="FTH19" s="8"/>
      <c r="FTI19" s="8"/>
      <c r="FTJ19" s="8"/>
      <c r="FTK19" s="8"/>
      <c r="FTL19" s="8"/>
      <c r="FTM19" s="8"/>
      <c r="FTN19" s="8"/>
      <c r="FTO19" s="8"/>
      <c r="FTP19" s="8"/>
      <c r="FTQ19" s="8"/>
      <c r="FTR19" s="8"/>
      <c r="FTS19" s="8"/>
      <c r="FTT19" s="8"/>
      <c r="FTU19" s="8"/>
      <c r="FTV19" s="8"/>
      <c r="FTW19" s="8"/>
      <c r="FTX19" s="8"/>
      <c r="FTY19" s="8"/>
      <c r="FTZ19" s="8"/>
      <c r="FUA19" s="8"/>
      <c r="FUB19" s="8"/>
      <c r="FUC19" s="8"/>
      <c r="FUD19" s="8"/>
      <c r="FUE19" s="8"/>
      <c r="FUF19" s="8"/>
      <c r="FUG19" s="8"/>
      <c r="FUH19" s="8"/>
      <c r="FUI19" s="8"/>
      <c r="FUJ19" s="8"/>
      <c r="FUK19" s="8"/>
      <c r="FUL19" s="8"/>
      <c r="FUM19" s="8"/>
      <c r="FUN19" s="8"/>
      <c r="FUO19" s="8"/>
      <c r="FUP19" s="8"/>
      <c r="FUQ19" s="8"/>
      <c r="FUR19" s="8"/>
      <c r="FUS19" s="8"/>
      <c r="FUT19" s="8"/>
      <c r="FUU19" s="8"/>
      <c r="FUV19" s="8"/>
      <c r="FUW19" s="8"/>
      <c r="FUX19" s="8"/>
      <c r="FUY19" s="8"/>
      <c r="FUZ19" s="8"/>
      <c r="FVA19" s="8"/>
      <c r="FVB19" s="8"/>
      <c r="FVC19" s="8"/>
      <c r="FVD19" s="8"/>
      <c r="FVE19" s="8"/>
      <c r="FVF19" s="8"/>
      <c r="FVG19" s="8"/>
      <c r="FVH19" s="8"/>
      <c r="FVI19" s="8"/>
      <c r="FVJ19" s="8"/>
      <c r="FVK19" s="8"/>
      <c r="FVL19" s="8"/>
      <c r="FVM19" s="8"/>
      <c r="FVN19" s="8"/>
      <c r="FVO19" s="8"/>
      <c r="FVP19" s="8"/>
      <c r="FVQ19" s="8"/>
      <c r="FVR19" s="8"/>
      <c r="FVS19" s="8"/>
      <c r="FVT19" s="8"/>
      <c r="FVU19" s="8"/>
      <c r="FVV19" s="8"/>
      <c r="FVW19" s="8"/>
      <c r="FVX19" s="8"/>
      <c r="FVY19" s="8"/>
      <c r="FVZ19" s="8"/>
      <c r="FWA19" s="8"/>
      <c r="FWB19" s="8"/>
      <c r="FWC19" s="8"/>
      <c r="FWD19" s="8"/>
      <c r="FWE19" s="8"/>
      <c r="FWF19" s="8"/>
      <c r="FWG19" s="8"/>
      <c r="FWH19" s="8"/>
      <c r="FWI19" s="8"/>
      <c r="FWJ19" s="8"/>
      <c r="FWK19" s="8"/>
      <c r="FWL19" s="8"/>
      <c r="FWM19" s="8"/>
      <c r="FWN19" s="8"/>
      <c r="FWO19" s="8"/>
      <c r="FWP19" s="8"/>
      <c r="FWQ19" s="8"/>
      <c r="FWR19" s="8"/>
      <c r="FWS19" s="8"/>
      <c r="FWT19" s="8"/>
      <c r="FWU19" s="8"/>
      <c r="FWV19" s="8"/>
      <c r="FWW19" s="8"/>
      <c r="FWX19" s="8"/>
      <c r="FWY19" s="8"/>
      <c r="FWZ19" s="8"/>
      <c r="FXA19" s="8"/>
      <c r="FXB19" s="8"/>
      <c r="FXC19" s="8"/>
      <c r="FXD19" s="8"/>
      <c r="FXE19" s="8"/>
      <c r="FXF19" s="8"/>
      <c r="FXG19" s="8"/>
      <c r="FXH19" s="8"/>
      <c r="FXI19" s="8"/>
      <c r="FXJ19" s="8"/>
      <c r="FXK19" s="8"/>
      <c r="FXL19" s="8"/>
      <c r="FXM19" s="8"/>
      <c r="FXN19" s="8"/>
      <c r="FXO19" s="8"/>
      <c r="FXP19" s="8"/>
      <c r="FXQ19" s="8"/>
      <c r="FXR19" s="8"/>
      <c r="FXS19" s="8"/>
      <c r="FXT19" s="8"/>
      <c r="FXU19" s="8"/>
      <c r="FXV19" s="8"/>
      <c r="FXW19" s="8"/>
      <c r="FXX19" s="8"/>
      <c r="FXY19" s="8"/>
      <c r="FXZ19" s="8"/>
      <c r="FYA19" s="8"/>
      <c r="FYB19" s="8"/>
      <c r="FYC19" s="8"/>
      <c r="FYD19" s="8"/>
      <c r="FYE19" s="8"/>
      <c r="FYF19" s="8"/>
      <c r="FYG19" s="8"/>
      <c r="FYH19" s="8"/>
      <c r="FYI19" s="8"/>
      <c r="FYJ19" s="8"/>
      <c r="FYK19" s="8"/>
      <c r="FYL19" s="8"/>
      <c r="FYM19" s="8"/>
      <c r="FYN19" s="8"/>
      <c r="FYO19" s="8"/>
      <c r="FYP19" s="8"/>
      <c r="FYQ19" s="8"/>
      <c r="FYR19" s="8"/>
      <c r="FYS19" s="8"/>
      <c r="FYT19" s="8"/>
      <c r="FYU19" s="8"/>
      <c r="FYV19" s="8"/>
      <c r="FYW19" s="8"/>
      <c r="FYX19" s="8"/>
      <c r="FYY19" s="8"/>
      <c r="FYZ19" s="8"/>
      <c r="FZA19" s="8"/>
      <c r="FZB19" s="8"/>
      <c r="FZC19" s="8"/>
      <c r="FZD19" s="8"/>
      <c r="FZE19" s="8"/>
      <c r="FZF19" s="8"/>
      <c r="FZG19" s="8"/>
      <c r="FZH19" s="8"/>
      <c r="FZI19" s="8"/>
      <c r="FZJ19" s="8"/>
      <c r="FZK19" s="8"/>
      <c r="FZL19" s="8"/>
      <c r="FZM19" s="8"/>
      <c r="FZN19" s="8"/>
      <c r="FZO19" s="8"/>
      <c r="FZP19" s="8"/>
      <c r="FZQ19" s="8"/>
      <c r="FZR19" s="8"/>
      <c r="FZS19" s="8"/>
      <c r="FZT19" s="8"/>
      <c r="FZU19" s="8"/>
      <c r="FZV19" s="8"/>
      <c r="FZW19" s="8"/>
      <c r="FZX19" s="8"/>
      <c r="FZY19" s="8"/>
      <c r="FZZ19" s="8"/>
      <c r="GAA19" s="8"/>
      <c r="GAB19" s="8"/>
      <c r="GAC19" s="8"/>
      <c r="GAD19" s="8"/>
      <c r="GAE19" s="8"/>
      <c r="GAF19" s="8"/>
      <c r="GAG19" s="8"/>
      <c r="GAH19" s="8"/>
      <c r="GAI19" s="8"/>
      <c r="GAJ19" s="8"/>
      <c r="GAK19" s="8"/>
      <c r="GAL19" s="8"/>
      <c r="GAM19" s="8"/>
      <c r="GAN19" s="8"/>
      <c r="GAO19" s="8"/>
      <c r="GAP19" s="8"/>
      <c r="GAQ19" s="8"/>
      <c r="GAR19" s="8"/>
      <c r="GAS19" s="8"/>
      <c r="GAT19" s="8"/>
      <c r="GAU19" s="8"/>
      <c r="GAV19" s="8"/>
      <c r="GAW19" s="8"/>
      <c r="GAX19" s="8"/>
      <c r="GAY19" s="8"/>
      <c r="GAZ19" s="8"/>
      <c r="GBA19" s="8"/>
      <c r="GBB19" s="8"/>
      <c r="GBC19" s="8"/>
      <c r="GBD19" s="8"/>
      <c r="GBE19" s="8"/>
      <c r="GBF19" s="8"/>
      <c r="GBG19" s="8"/>
      <c r="GBH19" s="8"/>
      <c r="GBI19" s="8"/>
      <c r="GBJ19" s="8"/>
      <c r="GBK19" s="8"/>
      <c r="GBL19" s="8"/>
      <c r="GBM19" s="8"/>
      <c r="GBN19" s="8"/>
      <c r="GBO19" s="8"/>
      <c r="GBP19" s="8"/>
      <c r="GBQ19" s="8"/>
      <c r="GBR19" s="8"/>
      <c r="GBS19" s="8"/>
      <c r="GBT19" s="8"/>
      <c r="GBU19" s="8"/>
      <c r="GBV19" s="8"/>
      <c r="GBW19" s="8"/>
      <c r="GBX19" s="8"/>
      <c r="GBY19" s="8"/>
      <c r="GBZ19" s="8"/>
      <c r="GCA19" s="8"/>
      <c r="GCB19" s="8"/>
      <c r="GCC19" s="8"/>
      <c r="GCD19" s="8"/>
      <c r="GCE19" s="8"/>
      <c r="GCF19" s="8"/>
      <c r="GCG19" s="8"/>
      <c r="GCH19" s="8"/>
      <c r="GCI19" s="8"/>
      <c r="GCJ19" s="8"/>
      <c r="GCK19" s="8"/>
      <c r="GCL19" s="8"/>
      <c r="GCM19" s="8"/>
      <c r="GCN19" s="8"/>
      <c r="GCO19" s="8"/>
      <c r="GCP19" s="8"/>
      <c r="GCQ19" s="8"/>
      <c r="GCR19" s="8"/>
      <c r="GCS19" s="8"/>
      <c r="GCT19" s="8"/>
      <c r="GCU19" s="8"/>
      <c r="GCV19" s="8"/>
      <c r="GCW19" s="8"/>
      <c r="GCX19" s="8"/>
      <c r="GCY19" s="8"/>
      <c r="GCZ19" s="8"/>
      <c r="GDA19" s="8"/>
      <c r="GDB19" s="8"/>
      <c r="GDC19" s="8"/>
      <c r="GDD19" s="8"/>
      <c r="GDE19" s="8"/>
      <c r="GDF19" s="8"/>
      <c r="GDG19" s="8"/>
      <c r="GDH19" s="8"/>
      <c r="GDI19" s="8"/>
      <c r="GDJ19" s="8"/>
      <c r="GDK19" s="8"/>
      <c r="GDL19" s="8"/>
      <c r="GDM19" s="8"/>
      <c r="GDN19" s="8"/>
      <c r="GDO19" s="8"/>
      <c r="GDP19" s="8"/>
      <c r="GDQ19" s="8"/>
      <c r="GDR19" s="8"/>
      <c r="GDS19" s="8"/>
      <c r="GDT19" s="8"/>
      <c r="GDU19" s="8"/>
      <c r="GDV19" s="8"/>
      <c r="GDW19" s="8"/>
      <c r="GDX19" s="8"/>
      <c r="GDY19" s="8"/>
      <c r="GDZ19" s="8"/>
      <c r="GEA19" s="8"/>
      <c r="GEB19" s="8"/>
      <c r="GEC19" s="8"/>
      <c r="GED19" s="8"/>
      <c r="GEE19" s="8"/>
      <c r="GEF19" s="8"/>
      <c r="GEG19" s="8"/>
      <c r="GEH19" s="8"/>
      <c r="GEI19" s="8"/>
      <c r="GEJ19" s="8"/>
      <c r="GEK19" s="8"/>
      <c r="GEL19" s="8"/>
      <c r="GEM19" s="8"/>
      <c r="GEN19" s="8"/>
      <c r="GEO19" s="8"/>
      <c r="GEP19" s="8"/>
      <c r="GEQ19" s="8"/>
      <c r="GER19" s="8"/>
      <c r="GES19" s="8"/>
      <c r="GET19" s="8"/>
      <c r="GEU19" s="8"/>
      <c r="GEV19" s="8"/>
      <c r="GEW19" s="8"/>
      <c r="GEX19" s="8"/>
      <c r="GEY19" s="8"/>
      <c r="GEZ19" s="8"/>
      <c r="GFA19" s="8"/>
      <c r="GFB19" s="8"/>
      <c r="GFC19" s="8"/>
      <c r="GFD19" s="8"/>
      <c r="GFE19" s="8"/>
      <c r="GFF19" s="8"/>
      <c r="GFG19" s="8"/>
      <c r="GFH19" s="8"/>
      <c r="GFI19" s="8"/>
      <c r="GFJ19" s="8"/>
      <c r="GFK19" s="8"/>
      <c r="GFL19" s="8"/>
      <c r="GFM19" s="8"/>
      <c r="GFN19" s="8"/>
      <c r="GFO19" s="8"/>
      <c r="GFP19" s="8"/>
      <c r="GFQ19" s="8"/>
      <c r="GFR19" s="8"/>
      <c r="GFS19" s="8"/>
      <c r="GFT19" s="8"/>
      <c r="GFU19" s="8"/>
      <c r="GFV19" s="8"/>
      <c r="GFW19" s="8"/>
      <c r="GFX19" s="8"/>
      <c r="GFY19" s="8"/>
      <c r="GFZ19" s="8"/>
      <c r="GGA19" s="8"/>
      <c r="GGB19" s="8"/>
      <c r="GGC19" s="8"/>
      <c r="GGD19" s="8"/>
      <c r="GGE19" s="8"/>
      <c r="GGF19" s="8"/>
      <c r="GGG19" s="8"/>
      <c r="GGH19" s="8"/>
      <c r="GGI19" s="8"/>
      <c r="GGJ19" s="8"/>
      <c r="GGK19" s="8"/>
      <c r="GGL19" s="8"/>
      <c r="GGM19" s="8"/>
      <c r="GGN19" s="8"/>
      <c r="GGO19" s="8"/>
      <c r="GGP19" s="8"/>
      <c r="GGQ19" s="8"/>
      <c r="GGR19" s="8"/>
      <c r="GGS19" s="8"/>
      <c r="GGT19" s="8"/>
      <c r="GGU19" s="8"/>
      <c r="GGV19" s="8"/>
      <c r="GGW19" s="8"/>
      <c r="GGX19" s="8"/>
      <c r="GGY19" s="8"/>
      <c r="GGZ19" s="8"/>
      <c r="GHA19" s="8"/>
      <c r="GHB19" s="8"/>
      <c r="GHC19" s="8"/>
      <c r="GHD19" s="8"/>
      <c r="GHE19" s="8"/>
      <c r="GHF19" s="8"/>
      <c r="GHG19" s="8"/>
      <c r="GHH19" s="8"/>
      <c r="GHI19" s="8"/>
      <c r="GHJ19" s="8"/>
      <c r="GHK19" s="8"/>
      <c r="GHL19" s="8"/>
      <c r="GHM19" s="8"/>
      <c r="GHN19" s="8"/>
      <c r="GHO19" s="8"/>
      <c r="GHP19" s="8"/>
      <c r="GHQ19" s="8"/>
      <c r="GHR19" s="8"/>
      <c r="GHS19" s="8"/>
      <c r="GHT19" s="8"/>
      <c r="GHU19" s="8"/>
      <c r="GHV19" s="8"/>
      <c r="GHW19" s="8"/>
      <c r="GHX19" s="8"/>
      <c r="GHY19" s="8"/>
      <c r="GHZ19" s="8"/>
      <c r="GIA19" s="8"/>
      <c r="GIB19" s="8"/>
      <c r="GIC19" s="8"/>
      <c r="GID19" s="8"/>
      <c r="GIE19" s="8"/>
      <c r="GIF19" s="8"/>
      <c r="GIG19" s="8"/>
      <c r="GIH19" s="8"/>
      <c r="GII19" s="8"/>
      <c r="GIJ19" s="8"/>
      <c r="GIK19" s="8"/>
      <c r="GIL19" s="8"/>
      <c r="GIM19" s="8"/>
      <c r="GIN19" s="8"/>
      <c r="GIO19" s="8"/>
      <c r="GIP19" s="8"/>
      <c r="GIQ19" s="8"/>
      <c r="GIR19" s="8"/>
      <c r="GIS19" s="8"/>
      <c r="GIT19" s="8"/>
      <c r="GIU19" s="8"/>
      <c r="GIV19" s="8"/>
      <c r="GIW19" s="8"/>
      <c r="GIX19" s="8"/>
      <c r="GIY19" s="8"/>
      <c r="GIZ19" s="8"/>
      <c r="GJA19" s="8"/>
      <c r="GJB19" s="8"/>
      <c r="GJC19" s="8"/>
      <c r="GJD19" s="8"/>
      <c r="GJE19" s="8"/>
      <c r="GJF19" s="8"/>
      <c r="GJG19" s="8"/>
      <c r="GJH19" s="8"/>
      <c r="GJI19" s="8"/>
      <c r="GJJ19" s="8"/>
      <c r="GJK19" s="8"/>
      <c r="GJL19" s="8"/>
      <c r="GJM19" s="8"/>
      <c r="GJN19" s="8"/>
      <c r="GJO19" s="8"/>
      <c r="GJP19" s="8"/>
      <c r="GJQ19" s="8"/>
      <c r="GJR19" s="8"/>
      <c r="GJS19" s="8"/>
      <c r="GJT19" s="8"/>
      <c r="GJU19" s="8"/>
      <c r="GJV19" s="8"/>
      <c r="GJW19" s="8"/>
      <c r="GJX19" s="8"/>
      <c r="GJY19" s="8"/>
      <c r="GJZ19" s="8"/>
      <c r="GKA19" s="8"/>
      <c r="GKB19" s="8"/>
      <c r="GKC19" s="8"/>
      <c r="GKD19" s="8"/>
      <c r="GKE19" s="8"/>
      <c r="GKF19" s="8"/>
      <c r="GKG19" s="8"/>
      <c r="GKH19" s="8"/>
      <c r="GKI19" s="8"/>
      <c r="GKJ19" s="8"/>
      <c r="GKK19" s="8"/>
      <c r="GKL19" s="8"/>
      <c r="GKM19" s="8"/>
      <c r="GKN19" s="8"/>
      <c r="GKO19" s="8"/>
      <c r="GKP19" s="8"/>
      <c r="GKQ19" s="8"/>
      <c r="GKR19" s="8"/>
      <c r="GKS19" s="8"/>
      <c r="GKT19" s="8"/>
      <c r="GKU19" s="8"/>
      <c r="GKV19" s="8"/>
      <c r="GKW19" s="8"/>
      <c r="GKX19" s="8"/>
      <c r="GKY19" s="8"/>
      <c r="GKZ19" s="8"/>
      <c r="GLA19" s="8"/>
      <c r="GLB19" s="8"/>
      <c r="GLC19" s="8"/>
      <c r="GLD19" s="8"/>
      <c r="GLE19" s="8"/>
      <c r="GLF19" s="8"/>
      <c r="GLG19" s="8"/>
      <c r="GLH19" s="8"/>
      <c r="GLI19" s="8"/>
      <c r="GLJ19" s="8"/>
      <c r="GLK19" s="8"/>
      <c r="GLL19" s="8"/>
      <c r="GLM19" s="8"/>
      <c r="GLN19" s="8"/>
      <c r="GLO19" s="8"/>
      <c r="GLP19" s="8"/>
      <c r="GLQ19" s="8"/>
      <c r="GLR19" s="8"/>
      <c r="GLS19" s="8"/>
      <c r="GLT19" s="8"/>
      <c r="GLU19" s="8"/>
      <c r="GLV19" s="8"/>
      <c r="GLW19" s="8"/>
      <c r="GLX19" s="8"/>
      <c r="GLY19" s="8"/>
      <c r="GLZ19" s="8"/>
      <c r="GMA19" s="8"/>
      <c r="GMB19" s="8"/>
      <c r="GMC19" s="8"/>
      <c r="GMD19" s="8"/>
      <c r="GME19" s="8"/>
      <c r="GMF19" s="8"/>
      <c r="GMG19" s="8"/>
      <c r="GMH19" s="8"/>
      <c r="GMI19" s="8"/>
      <c r="GMJ19" s="8"/>
      <c r="GMK19" s="8"/>
      <c r="GML19" s="8"/>
      <c r="GMM19" s="8"/>
      <c r="GMN19" s="8"/>
      <c r="GMO19" s="8"/>
      <c r="GMP19" s="8"/>
      <c r="GMQ19" s="8"/>
      <c r="GMR19" s="8"/>
      <c r="GMS19" s="8"/>
      <c r="GMT19" s="8"/>
      <c r="GMU19" s="8"/>
      <c r="GMV19" s="8"/>
      <c r="GMW19" s="8"/>
      <c r="GMX19" s="8"/>
      <c r="GMY19" s="8"/>
      <c r="GMZ19" s="8"/>
      <c r="GNA19" s="8"/>
      <c r="GNB19" s="8"/>
      <c r="GNC19" s="8"/>
      <c r="GND19" s="8"/>
      <c r="GNE19" s="8"/>
      <c r="GNF19" s="8"/>
      <c r="GNG19" s="8"/>
      <c r="GNH19" s="8"/>
      <c r="GNI19" s="8"/>
      <c r="GNJ19" s="8"/>
      <c r="GNK19" s="8"/>
      <c r="GNL19" s="8"/>
      <c r="GNM19" s="8"/>
      <c r="GNN19" s="8"/>
      <c r="GNO19" s="8"/>
      <c r="GNP19" s="8"/>
      <c r="GNQ19" s="8"/>
      <c r="GNR19" s="8"/>
      <c r="GNS19" s="8"/>
      <c r="GNT19" s="8"/>
      <c r="GNU19" s="8"/>
      <c r="GNV19" s="8"/>
      <c r="GNW19" s="8"/>
      <c r="GNX19" s="8"/>
      <c r="GNY19" s="8"/>
      <c r="GNZ19" s="8"/>
      <c r="GOA19" s="8"/>
      <c r="GOB19" s="8"/>
      <c r="GOC19" s="8"/>
      <c r="GOD19" s="8"/>
      <c r="GOE19" s="8"/>
      <c r="GOF19" s="8"/>
      <c r="GOG19" s="8"/>
      <c r="GOH19" s="8"/>
      <c r="GOI19" s="8"/>
      <c r="GOJ19" s="8"/>
      <c r="GOK19" s="8"/>
      <c r="GOL19" s="8"/>
      <c r="GOM19" s="8"/>
      <c r="GON19" s="8"/>
      <c r="GOO19" s="8"/>
      <c r="GOP19" s="8"/>
      <c r="GOQ19" s="8"/>
      <c r="GOR19" s="8"/>
      <c r="GOS19" s="8"/>
      <c r="GOT19" s="8"/>
      <c r="GOU19" s="8"/>
      <c r="GOV19" s="8"/>
      <c r="GOW19" s="8"/>
      <c r="GOX19" s="8"/>
      <c r="GOY19" s="8"/>
      <c r="GOZ19" s="8"/>
      <c r="GPA19" s="8"/>
      <c r="GPB19" s="8"/>
      <c r="GPC19" s="8"/>
      <c r="GPD19" s="8"/>
      <c r="GPE19" s="8"/>
      <c r="GPF19" s="8"/>
      <c r="GPG19" s="8"/>
      <c r="GPH19" s="8"/>
      <c r="GPI19" s="8"/>
      <c r="GPJ19" s="8"/>
      <c r="GPK19" s="8"/>
      <c r="GPL19" s="8"/>
      <c r="GPM19" s="8"/>
      <c r="GPN19" s="8"/>
      <c r="GPO19" s="8"/>
      <c r="GPP19" s="8"/>
      <c r="GPQ19" s="8"/>
      <c r="GPR19" s="8"/>
      <c r="GPS19" s="8"/>
      <c r="GPT19" s="8"/>
      <c r="GPU19" s="8"/>
      <c r="GPV19" s="8"/>
      <c r="GPW19" s="8"/>
      <c r="GPX19" s="8"/>
      <c r="GPY19" s="8"/>
      <c r="GPZ19" s="8"/>
      <c r="GQA19" s="8"/>
      <c r="GQB19" s="8"/>
      <c r="GQC19" s="8"/>
      <c r="GQD19" s="8"/>
      <c r="GQE19" s="8"/>
      <c r="GQF19" s="8"/>
      <c r="GQG19" s="8"/>
      <c r="GQH19" s="8"/>
      <c r="GQI19" s="8"/>
      <c r="GQJ19" s="8"/>
      <c r="GQK19" s="8"/>
      <c r="GQL19" s="8"/>
      <c r="GQM19" s="8"/>
      <c r="GQN19" s="8"/>
      <c r="GQO19" s="8"/>
      <c r="GQP19" s="8"/>
      <c r="GQQ19" s="8"/>
      <c r="GQR19" s="8"/>
      <c r="GQS19" s="8"/>
      <c r="GQT19" s="8"/>
      <c r="GQU19" s="8"/>
      <c r="GQV19" s="8"/>
      <c r="GQW19" s="8"/>
      <c r="GQX19" s="8"/>
      <c r="GQY19" s="8"/>
      <c r="GQZ19" s="8"/>
      <c r="GRA19" s="8"/>
      <c r="GRB19" s="8"/>
      <c r="GRC19" s="8"/>
      <c r="GRD19" s="8"/>
      <c r="GRE19" s="8"/>
      <c r="GRF19" s="8"/>
      <c r="GRG19" s="8"/>
      <c r="GRH19" s="8"/>
      <c r="GRI19" s="8"/>
      <c r="GRJ19" s="8"/>
      <c r="GRK19" s="8"/>
      <c r="GRL19" s="8"/>
      <c r="GRM19" s="8"/>
      <c r="GRN19" s="8"/>
      <c r="GRO19" s="8"/>
      <c r="GRP19" s="8"/>
      <c r="GRQ19" s="8"/>
      <c r="GRR19" s="8"/>
      <c r="GRS19" s="8"/>
      <c r="GRT19" s="8"/>
      <c r="GRU19" s="8"/>
      <c r="GRV19" s="8"/>
      <c r="GRW19" s="8"/>
      <c r="GRX19" s="8"/>
      <c r="GRY19" s="8"/>
      <c r="GRZ19" s="8"/>
      <c r="GSA19" s="8"/>
      <c r="GSB19" s="8"/>
      <c r="GSC19" s="8"/>
      <c r="GSD19" s="8"/>
      <c r="GSE19" s="8"/>
      <c r="GSF19" s="8"/>
      <c r="GSG19" s="8"/>
      <c r="GSH19" s="8"/>
      <c r="GSI19" s="8"/>
      <c r="GSJ19" s="8"/>
      <c r="GSK19" s="8"/>
      <c r="GSL19" s="8"/>
      <c r="GSM19" s="8"/>
      <c r="GSN19" s="8"/>
      <c r="GSO19" s="8"/>
      <c r="GSP19" s="8"/>
      <c r="GSQ19" s="8"/>
      <c r="GSR19" s="8"/>
      <c r="GSS19" s="8"/>
      <c r="GST19" s="8"/>
      <c r="GSU19" s="8"/>
      <c r="GSV19" s="8"/>
      <c r="GSW19" s="8"/>
      <c r="GSX19" s="8"/>
      <c r="GSY19" s="8"/>
      <c r="GSZ19" s="8"/>
      <c r="GTA19" s="8"/>
      <c r="GTB19" s="8"/>
      <c r="GTC19" s="8"/>
      <c r="GTD19" s="8"/>
      <c r="GTE19" s="8"/>
      <c r="GTF19" s="8"/>
      <c r="GTG19" s="8"/>
      <c r="GTH19" s="8"/>
      <c r="GTI19" s="8"/>
      <c r="GTJ19" s="8"/>
      <c r="GTK19" s="8"/>
      <c r="GTL19" s="8"/>
      <c r="GTM19" s="8"/>
      <c r="GTN19" s="8"/>
      <c r="GTO19" s="8"/>
      <c r="GTP19" s="8"/>
      <c r="GTQ19" s="8"/>
      <c r="GTR19" s="8"/>
      <c r="GTS19" s="8"/>
      <c r="GTT19" s="8"/>
      <c r="GTU19" s="8"/>
      <c r="GTV19" s="8"/>
      <c r="GTW19" s="8"/>
      <c r="GTX19" s="8"/>
      <c r="GTY19" s="8"/>
      <c r="GTZ19" s="8"/>
      <c r="GUA19" s="8"/>
      <c r="GUB19" s="8"/>
      <c r="GUC19" s="8"/>
      <c r="GUD19" s="8"/>
      <c r="GUE19" s="8"/>
      <c r="GUF19" s="8"/>
      <c r="GUG19" s="8"/>
      <c r="GUH19" s="8"/>
      <c r="GUI19" s="8"/>
      <c r="GUJ19" s="8"/>
      <c r="GUK19" s="8"/>
      <c r="GUL19" s="8"/>
      <c r="GUM19" s="8"/>
      <c r="GUN19" s="8"/>
      <c r="GUO19" s="8"/>
      <c r="GUP19" s="8"/>
      <c r="GUQ19" s="8"/>
      <c r="GUR19" s="8"/>
      <c r="GUS19" s="8"/>
      <c r="GUT19" s="8"/>
      <c r="GUU19" s="8"/>
      <c r="GUV19" s="8"/>
      <c r="GUW19" s="8"/>
      <c r="GUX19" s="8"/>
      <c r="GUY19" s="8"/>
      <c r="GUZ19" s="8"/>
      <c r="GVA19" s="8"/>
      <c r="GVB19" s="8"/>
      <c r="GVC19" s="8"/>
      <c r="GVD19" s="8"/>
      <c r="GVE19" s="8"/>
      <c r="GVF19" s="8"/>
      <c r="GVG19" s="8"/>
      <c r="GVH19" s="8"/>
      <c r="GVI19" s="8"/>
      <c r="GVJ19" s="8"/>
      <c r="GVK19" s="8"/>
      <c r="GVL19" s="8"/>
      <c r="GVM19" s="8"/>
      <c r="GVN19" s="8"/>
      <c r="GVO19" s="8"/>
      <c r="GVP19" s="8"/>
      <c r="GVQ19" s="8"/>
      <c r="GVR19" s="8"/>
      <c r="GVS19" s="8"/>
      <c r="GVT19" s="8"/>
      <c r="GVU19" s="8"/>
      <c r="GVV19" s="8"/>
      <c r="GVW19" s="8"/>
      <c r="GVX19" s="8"/>
      <c r="GVY19" s="8"/>
      <c r="GVZ19" s="8"/>
      <c r="GWA19" s="8"/>
      <c r="GWB19" s="8"/>
      <c r="GWC19" s="8"/>
      <c r="GWD19" s="8"/>
      <c r="GWE19" s="8"/>
      <c r="GWF19" s="8"/>
      <c r="GWG19" s="8"/>
      <c r="GWH19" s="8"/>
      <c r="GWI19" s="8"/>
      <c r="GWJ19" s="8"/>
      <c r="GWK19" s="8"/>
      <c r="GWL19" s="8"/>
      <c r="GWM19" s="8"/>
      <c r="GWN19" s="8"/>
      <c r="GWO19" s="8"/>
      <c r="GWP19" s="8"/>
      <c r="GWQ19" s="8"/>
      <c r="GWR19" s="8"/>
      <c r="GWS19" s="8"/>
      <c r="GWT19" s="8"/>
      <c r="GWU19" s="8"/>
      <c r="GWV19" s="8"/>
      <c r="GWW19" s="8"/>
      <c r="GWX19" s="8"/>
      <c r="GWY19" s="8"/>
      <c r="GWZ19" s="8"/>
      <c r="GXA19" s="8"/>
      <c r="GXB19" s="8"/>
      <c r="GXC19" s="8"/>
      <c r="GXD19" s="8"/>
      <c r="GXE19" s="8"/>
      <c r="GXF19" s="8"/>
      <c r="GXG19" s="8"/>
      <c r="GXH19" s="8"/>
      <c r="GXI19" s="8"/>
      <c r="GXJ19" s="8"/>
      <c r="GXK19" s="8"/>
      <c r="GXL19" s="8"/>
      <c r="GXM19" s="8"/>
      <c r="GXN19" s="8"/>
      <c r="GXO19" s="8"/>
      <c r="GXP19" s="8"/>
      <c r="GXQ19" s="8"/>
      <c r="GXR19" s="8"/>
      <c r="GXS19" s="8"/>
      <c r="GXT19" s="8"/>
      <c r="GXU19" s="8"/>
      <c r="GXV19" s="8"/>
      <c r="GXW19" s="8"/>
      <c r="GXX19" s="8"/>
      <c r="GXY19" s="8"/>
      <c r="GXZ19" s="8"/>
      <c r="GYA19" s="8"/>
      <c r="GYB19" s="8"/>
      <c r="GYC19" s="8"/>
      <c r="GYD19" s="8"/>
      <c r="GYE19" s="8"/>
      <c r="GYF19" s="8"/>
      <c r="GYG19" s="8"/>
      <c r="GYH19" s="8"/>
      <c r="GYI19" s="8"/>
      <c r="GYJ19" s="8"/>
      <c r="GYK19" s="8"/>
      <c r="GYL19" s="8"/>
      <c r="GYM19" s="8"/>
      <c r="GYN19" s="8"/>
      <c r="GYO19" s="8"/>
      <c r="GYP19" s="8"/>
      <c r="GYQ19" s="8"/>
      <c r="GYR19" s="8"/>
      <c r="GYS19" s="8"/>
      <c r="GYT19" s="8"/>
      <c r="GYU19" s="8"/>
      <c r="GYV19" s="8"/>
      <c r="GYW19" s="8"/>
      <c r="GYX19" s="8"/>
      <c r="GYY19" s="8"/>
      <c r="GYZ19" s="8"/>
      <c r="GZA19" s="8"/>
      <c r="GZB19" s="8"/>
      <c r="GZC19" s="8"/>
      <c r="GZD19" s="8"/>
      <c r="GZE19" s="8"/>
      <c r="GZF19" s="8"/>
      <c r="GZG19" s="8"/>
      <c r="GZH19" s="8"/>
      <c r="GZI19" s="8"/>
      <c r="GZJ19" s="8"/>
      <c r="GZK19" s="8"/>
      <c r="GZL19" s="8"/>
      <c r="GZM19" s="8"/>
      <c r="GZN19" s="8"/>
      <c r="GZO19" s="8"/>
      <c r="GZP19" s="8"/>
      <c r="GZQ19" s="8"/>
      <c r="GZR19" s="8"/>
      <c r="GZS19" s="8"/>
      <c r="GZT19" s="8"/>
      <c r="GZU19" s="8"/>
      <c r="GZV19" s="8"/>
      <c r="GZW19" s="8"/>
      <c r="GZX19" s="8"/>
      <c r="GZY19" s="8"/>
      <c r="GZZ19" s="8"/>
      <c r="HAA19" s="8"/>
      <c r="HAB19" s="8"/>
      <c r="HAC19" s="8"/>
      <c r="HAD19" s="8"/>
      <c r="HAE19" s="8"/>
      <c r="HAF19" s="8"/>
      <c r="HAG19" s="8"/>
      <c r="HAH19" s="8"/>
      <c r="HAI19" s="8"/>
      <c r="HAJ19" s="8"/>
      <c r="HAK19" s="8"/>
      <c r="HAL19" s="8"/>
      <c r="HAM19" s="8"/>
      <c r="HAN19" s="8"/>
      <c r="HAO19" s="8"/>
      <c r="HAP19" s="8"/>
      <c r="HAQ19" s="8"/>
      <c r="HAR19" s="8"/>
      <c r="HAS19" s="8"/>
      <c r="HAT19" s="8"/>
      <c r="HAU19" s="8"/>
      <c r="HAV19" s="8"/>
      <c r="HAW19" s="8"/>
      <c r="HAX19" s="8"/>
      <c r="HAY19" s="8"/>
      <c r="HAZ19" s="8"/>
      <c r="HBA19" s="8"/>
      <c r="HBB19" s="8"/>
      <c r="HBC19" s="8"/>
      <c r="HBD19" s="8"/>
      <c r="HBE19" s="8"/>
      <c r="HBF19" s="8"/>
      <c r="HBG19" s="8"/>
      <c r="HBH19" s="8"/>
      <c r="HBI19" s="8"/>
      <c r="HBJ19" s="8"/>
      <c r="HBK19" s="8"/>
      <c r="HBL19" s="8"/>
      <c r="HBM19" s="8"/>
      <c r="HBN19" s="8"/>
      <c r="HBO19" s="8"/>
      <c r="HBP19" s="8"/>
      <c r="HBQ19" s="8"/>
      <c r="HBR19" s="8"/>
      <c r="HBS19" s="8"/>
      <c r="HBT19" s="8"/>
      <c r="HBU19" s="8"/>
      <c r="HBV19" s="8"/>
      <c r="HBW19" s="8"/>
      <c r="HBX19" s="8"/>
      <c r="HBY19" s="8"/>
      <c r="HBZ19" s="8"/>
      <c r="HCA19" s="8"/>
      <c r="HCB19" s="8"/>
      <c r="HCC19" s="8"/>
      <c r="HCD19" s="8"/>
      <c r="HCE19" s="8"/>
      <c r="HCF19" s="8"/>
      <c r="HCG19" s="8"/>
      <c r="HCH19" s="8"/>
      <c r="HCI19" s="8"/>
      <c r="HCJ19" s="8"/>
      <c r="HCK19" s="8"/>
      <c r="HCL19" s="8"/>
      <c r="HCM19" s="8"/>
      <c r="HCN19" s="8"/>
      <c r="HCO19" s="8"/>
      <c r="HCP19" s="8"/>
      <c r="HCQ19" s="8"/>
      <c r="HCR19" s="8"/>
      <c r="HCS19" s="8"/>
      <c r="HCT19" s="8"/>
      <c r="HCU19" s="8"/>
      <c r="HCV19" s="8"/>
      <c r="HCW19" s="8"/>
      <c r="HCX19" s="8"/>
      <c r="HCY19" s="8"/>
      <c r="HCZ19" s="8"/>
      <c r="HDA19" s="8"/>
      <c r="HDB19" s="8"/>
      <c r="HDC19" s="8"/>
      <c r="HDD19" s="8"/>
      <c r="HDE19" s="8"/>
      <c r="HDF19" s="8"/>
      <c r="HDG19" s="8"/>
      <c r="HDH19" s="8"/>
      <c r="HDI19" s="8"/>
      <c r="HDJ19" s="8"/>
      <c r="HDK19" s="8"/>
      <c r="HDL19" s="8"/>
      <c r="HDM19" s="8"/>
      <c r="HDN19" s="8"/>
      <c r="HDO19" s="8"/>
      <c r="HDP19" s="8"/>
      <c r="HDQ19" s="8"/>
      <c r="HDR19" s="8"/>
      <c r="HDS19" s="8"/>
      <c r="HDT19" s="8"/>
      <c r="HDU19" s="8"/>
      <c r="HDV19" s="8"/>
      <c r="HDW19" s="8"/>
      <c r="HDX19" s="8"/>
      <c r="HDY19" s="8"/>
      <c r="HDZ19" s="8"/>
      <c r="HEA19" s="8"/>
      <c r="HEB19" s="8"/>
      <c r="HEC19" s="8"/>
      <c r="HED19" s="8"/>
      <c r="HEE19" s="8"/>
      <c r="HEF19" s="8"/>
      <c r="HEG19" s="8"/>
      <c r="HEH19" s="8"/>
      <c r="HEI19" s="8"/>
      <c r="HEJ19" s="8"/>
      <c r="HEK19" s="8"/>
      <c r="HEL19" s="8"/>
      <c r="HEM19" s="8"/>
      <c r="HEN19" s="8"/>
      <c r="HEO19" s="8"/>
      <c r="HEP19" s="8"/>
      <c r="HEQ19" s="8"/>
      <c r="HER19" s="8"/>
      <c r="HES19" s="8"/>
      <c r="HET19" s="8"/>
      <c r="HEU19" s="8"/>
      <c r="HEV19" s="8"/>
      <c r="HEW19" s="8"/>
      <c r="HEX19" s="8"/>
      <c r="HEY19" s="8"/>
      <c r="HEZ19" s="8"/>
      <c r="HFA19" s="8"/>
      <c r="HFB19" s="8"/>
      <c r="HFC19" s="8"/>
      <c r="HFD19" s="8"/>
      <c r="HFE19" s="8"/>
      <c r="HFF19" s="8"/>
      <c r="HFG19" s="8"/>
      <c r="HFH19" s="8"/>
      <c r="HFI19" s="8"/>
      <c r="HFJ19" s="8"/>
      <c r="HFK19" s="8"/>
      <c r="HFL19" s="8"/>
      <c r="HFM19" s="8"/>
      <c r="HFN19" s="8"/>
      <c r="HFO19" s="8"/>
      <c r="HFP19" s="8"/>
      <c r="HFQ19" s="8"/>
      <c r="HFR19" s="8"/>
      <c r="HFS19" s="8"/>
      <c r="HFT19" s="8"/>
      <c r="HFU19" s="8"/>
      <c r="HFV19" s="8"/>
      <c r="HFW19" s="8"/>
      <c r="HFX19" s="8"/>
      <c r="HFY19" s="8"/>
      <c r="HFZ19" s="8"/>
      <c r="HGA19" s="8"/>
      <c r="HGB19" s="8"/>
      <c r="HGC19" s="8"/>
      <c r="HGD19" s="8"/>
      <c r="HGE19" s="8"/>
      <c r="HGF19" s="8"/>
      <c r="HGG19" s="8"/>
      <c r="HGH19" s="8"/>
      <c r="HGI19" s="8"/>
      <c r="HGJ19" s="8"/>
      <c r="HGK19" s="8"/>
      <c r="HGL19" s="8"/>
      <c r="HGM19" s="8"/>
      <c r="HGN19" s="8"/>
      <c r="HGO19" s="8"/>
      <c r="HGP19" s="8"/>
      <c r="HGQ19" s="8"/>
      <c r="HGR19" s="8"/>
      <c r="HGS19" s="8"/>
      <c r="HGT19" s="8"/>
      <c r="HGU19" s="8"/>
      <c r="HGV19" s="8"/>
      <c r="HGW19" s="8"/>
      <c r="HGX19" s="8"/>
      <c r="HGY19" s="8"/>
      <c r="HGZ19" s="8"/>
      <c r="HHA19" s="8"/>
      <c r="HHB19" s="8"/>
      <c r="HHC19" s="8"/>
      <c r="HHD19" s="8"/>
      <c r="HHE19" s="8"/>
      <c r="HHF19" s="8"/>
      <c r="HHG19" s="8"/>
      <c r="HHH19" s="8"/>
      <c r="HHI19" s="8"/>
      <c r="HHJ19" s="8"/>
      <c r="HHK19" s="8"/>
      <c r="HHL19" s="8"/>
      <c r="HHM19" s="8"/>
      <c r="HHN19" s="8"/>
      <c r="HHO19" s="8"/>
      <c r="HHP19" s="8"/>
      <c r="HHQ19" s="8"/>
      <c r="HHR19" s="8"/>
      <c r="HHS19" s="8"/>
      <c r="HHT19" s="8"/>
      <c r="HHU19" s="8"/>
      <c r="HHV19" s="8"/>
      <c r="HHW19" s="8"/>
      <c r="HHX19" s="8"/>
      <c r="HHY19" s="8"/>
      <c r="HHZ19" s="8"/>
      <c r="HIA19" s="8"/>
      <c r="HIB19" s="8"/>
      <c r="HIC19" s="8"/>
      <c r="HID19" s="8"/>
      <c r="HIE19" s="8"/>
      <c r="HIF19" s="8"/>
      <c r="HIG19" s="8"/>
      <c r="HIH19" s="8"/>
      <c r="HII19" s="8"/>
      <c r="HIJ19" s="8"/>
      <c r="HIK19" s="8"/>
      <c r="HIL19" s="8"/>
      <c r="HIM19" s="8"/>
      <c r="HIN19" s="8"/>
      <c r="HIO19" s="8"/>
      <c r="HIP19" s="8"/>
      <c r="HIQ19" s="8"/>
      <c r="HIR19" s="8"/>
      <c r="HIS19" s="8"/>
      <c r="HIT19" s="8"/>
      <c r="HIU19" s="8"/>
      <c r="HIV19" s="8"/>
      <c r="HIW19" s="8"/>
      <c r="HIX19" s="8"/>
      <c r="HIY19" s="8"/>
      <c r="HIZ19" s="8"/>
      <c r="HJA19" s="8"/>
      <c r="HJB19" s="8"/>
      <c r="HJC19" s="8"/>
      <c r="HJD19" s="8"/>
      <c r="HJE19" s="8"/>
      <c r="HJF19" s="8"/>
      <c r="HJG19" s="8"/>
      <c r="HJH19" s="8"/>
      <c r="HJI19" s="8"/>
      <c r="HJJ19" s="8"/>
      <c r="HJK19" s="8"/>
      <c r="HJL19" s="8"/>
      <c r="HJM19" s="8"/>
      <c r="HJN19" s="8"/>
      <c r="HJO19" s="8"/>
      <c r="HJP19" s="8"/>
      <c r="HJQ19" s="8"/>
      <c r="HJR19" s="8"/>
      <c r="HJS19" s="8"/>
      <c r="HJT19" s="8"/>
      <c r="HJU19" s="8"/>
      <c r="HJV19" s="8"/>
      <c r="HJW19" s="8"/>
      <c r="HJX19" s="8"/>
      <c r="HJY19" s="8"/>
      <c r="HJZ19" s="8"/>
      <c r="HKA19" s="8"/>
      <c r="HKB19" s="8"/>
      <c r="HKC19" s="8"/>
      <c r="HKD19" s="8"/>
      <c r="HKE19" s="8"/>
      <c r="HKF19" s="8"/>
      <c r="HKG19" s="8"/>
      <c r="HKH19" s="8"/>
      <c r="HKI19" s="8"/>
      <c r="HKJ19" s="8"/>
      <c r="HKK19" s="8"/>
      <c r="HKL19" s="8"/>
      <c r="HKM19" s="8"/>
      <c r="HKN19" s="8"/>
      <c r="HKO19" s="8"/>
      <c r="HKP19" s="8"/>
      <c r="HKQ19" s="8"/>
      <c r="HKR19" s="8"/>
      <c r="HKS19" s="8"/>
      <c r="HKT19" s="8"/>
      <c r="HKU19" s="8"/>
      <c r="HKV19" s="8"/>
      <c r="HKW19" s="8"/>
      <c r="HKX19" s="8"/>
      <c r="HKY19" s="8"/>
      <c r="HKZ19" s="8"/>
      <c r="HLA19" s="8"/>
      <c r="HLB19" s="8"/>
      <c r="HLC19" s="8"/>
      <c r="HLD19" s="8"/>
      <c r="HLE19" s="8"/>
      <c r="HLF19" s="8"/>
      <c r="HLG19" s="8"/>
      <c r="HLH19" s="8"/>
      <c r="HLI19" s="8"/>
      <c r="HLJ19" s="8"/>
      <c r="HLK19" s="8"/>
      <c r="HLL19" s="8"/>
      <c r="HLM19" s="8"/>
      <c r="HLN19" s="8"/>
      <c r="HLO19" s="8"/>
      <c r="HLP19" s="8"/>
      <c r="HLQ19" s="8"/>
      <c r="HLR19" s="8"/>
      <c r="HLS19" s="8"/>
      <c r="HLT19" s="8"/>
      <c r="HLU19" s="8"/>
      <c r="HLV19" s="8"/>
      <c r="HLW19" s="8"/>
      <c r="HLX19" s="8"/>
      <c r="HLY19" s="8"/>
      <c r="HLZ19" s="8"/>
      <c r="HMA19" s="8"/>
      <c r="HMB19" s="8"/>
      <c r="HMC19" s="8"/>
      <c r="HMD19" s="8"/>
      <c r="HME19" s="8"/>
      <c r="HMF19" s="8"/>
      <c r="HMG19" s="8"/>
      <c r="HMH19" s="8"/>
      <c r="HMI19" s="8"/>
      <c r="HMJ19" s="8"/>
      <c r="HMK19" s="8"/>
      <c r="HML19" s="8"/>
      <c r="HMM19" s="8"/>
      <c r="HMN19" s="8"/>
      <c r="HMO19" s="8"/>
      <c r="HMP19" s="8"/>
      <c r="HMQ19" s="8"/>
      <c r="HMR19" s="8"/>
      <c r="HMS19" s="8"/>
      <c r="HMT19" s="8"/>
      <c r="HMU19" s="8"/>
      <c r="HMV19" s="8"/>
      <c r="HMW19" s="8"/>
      <c r="HMX19" s="8"/>
      <c r="HMY19" s="8"/>
      <c r="HMZ19" s="8"/>
      <c r="HNA19" s="8"/>
      <c r="HNB19" s="8"/>
      <c r="HNC19" s="8"/>
      <c r="HND19" s="8"/>
      <c r="HNE19" s="8"/>
      <c r="HNF19" s="8"/>
      <c r="HNG19" s="8"/>
      <c r="HNH19" s="8"/>
      <c r="HNI19" s="8"/>
      <c r="HNJ19" s="8"/>
      <c r="HNK19" s="8"/>
      <c r="HNL19" s="8"/>
      <c r="HNM19" s="8"/>
      <c r="HNN19" s="8"/>
      <c r="HNO19" s="8"/>
      <c r="HNP19" s="8"/>
      <c r="HNQ19" s="8"/>
      <c r="HNR19" s="8"/>
      <c r="HNS19" s="8"/>
      <c r="HNT19" s="8"/>
      <c r="HNU19" s="8"/>
      <c r="HNV19" s="8"/>
      <c r="HNW19" s="8"/>
      <c r="HNX19" s="8"/>
      <c r="HNY19" s="8"/>
      <c r="HNZ19" s="8"/>
      <c r="HOA19" s="8"/>
      <c r="HOB19" s="8"/>
      <c r="HOC19" s="8"/>
      <c r="HOD19" s="8"/>
      <c r="HOE19" s="8"/>
      <c r="HOF19" s="8"/>
      <c r="HOG19" s="8"/>
      <c r="HOH19" s="8"/>
      <c r="HOI19" s="8"/>
      <c r="HOJ19" s="8"/>
      <c r="HOK19" s="8"/>
      <c r="HOL19" s="8"/>
      <c r="HOM19" s="8"/>
      <c r="HON19" s="8"/>
      <c r="HOO19" s="8"/>
      <c r="HOP19" s="8"/>
      <c r="HOQ19" s="8"/>
      <c r="HOR19" s="8"/>
      <c r="HOS19" s="8"/>
      <c r="HOT19" s="8"/>
      <c r="HOU19" s="8"/>
      <c r="HOV19" s="8"/>
      <c r="HOW19" s="8"/>
      <c r="HOX19" s="8"/>
      <c r="HOY19" s="8"/>
      <c r="HOZ19" s="8"/>
      <c r="HPA19" s="8"/>
      <c r="HPB19" s="8"/>
      <c r="HPC19" s="8"/>
      <c r="HPD19" s="8"/>
      <c r="HPE19" s="8"/>
      <c r="HPF19" s="8"/>
      <c r="HPG19" s="8"/>
      <c r="HPH19" s="8"/>
      <c r="HPI19" s="8"/>
      <c r="HPJ19" s="8"/>
      <c r="HPK19" s="8"/>
      <c r="HPL19" s="8"/>
      <c r="HPM19" s="8"/>
      <c r="HPN19" s="8"/>
      <c r="HPO19" s="8"/>
      <c r="HPP19" s="8"/>
      <c r="HPQ19" s="8"/>
      <c r="HPR19" s="8"/>
      <c r="HPS19" s="8"/>
      <c r="HPT19" s="8"/>
      <c r="HPU19" s="8"/>
      <c r="HPV19" s="8"/>
      <c r="HPW19" s="8"/>
      <c r="HPX19" s="8"/>
      <c r="HPY19" s="8"/>
      <c r="HPZ19" s="8"/>
      <c r="HQA19" s="8"/>
      <c r="HQB19" s="8"/>
      <c r="HQC19" s="8"/>
      <c r="HQD19" s="8"/>
      <c r="HQE19" s="8"/>
      <c r="HQF19" s="8"/>
      <c r="HQG19" s="8"/>
      <c r="HQH19" s="8"/>
      <c r="HQI19" s="8"/>
      <c r="HQJ19" s="8"/>
      <c r="HQK19" s="8"/>
      <c r="HQL19" s="8"/>
      <c r="HQM19" s="8"/>
      <c r="HQN19" s="8"/>
      <c r="HQO19" s="8"/>
      <c r="HQP19" s="8"/>
      <c r="HQQ19" s="8"/>
      <c r="HQR19" s="8"/>
      <c r="HQS19" s="8"/>
      <c r="HQT19" s="8"/>
      <c r="HQU19" s="8"/>
      <c r="HQV19" s="8"/>
      <c r="HQW19" s="8"/>
      <c r="HQX19" s="8"/>
      <c r="HQY19" s="8"/>
      <c r="HQZ19" s="8"/>
      <c r="HRA19" s="8"/>
      <c r="HRB19" s="8"/>
      <c r="HRC19" s="8"/>
      <c r="HRD19" s="8"/>
      <c r="HRE19" s="8"/>
      <c r="HRF19" s="8"/>
      <c r="HRG19" s="8"/>
      <c r="HRH19" s="8"/>
      <c r="HRI19" s="8"/>
      <c r="HRJ19" s="8"/>
      <c r="HRK19" s="8"/>
      <c r="HRL19" s="8"/>
      <c r="HRM19" s="8"/>
      <c r="HRN19" s="8"/>
      <c r="HRO19" s="8"/>
      <c r="HRP19" s="8"/>
      <c r="HRQ19" s="8"/>
      <c r="HRR19" s="8"/>
      <c r="HRS19" s="8"/>
      <c r="HRT19" s="8"/>
      <c r="HRU19" s="8"/>
      <c r="HRV19" s="8"/>
      <c r="HRW19" s="8"/>
      <c r="HRX19" s="8"/>
      <c r="HRY19" s="8"/>
      <c r="HRZ19" s="8"/>
      <c r="HSA19" s="8"/>
      <c r="HSB19" s="8"/>
      <c r="HSC19" s="8"/>
      <c r="HSD19" s="8"/>
      <c r="HSE19" s="8"/>
      <c r="HSF19" s="8"/>
      <c r="HSG19" s="8"/>
      <c r="HSH19" s="8"/>
      <c r="HSI19" s="8"/>
      <c r="HSJ19" s="8"/>
      <c r="HSK19" s="8"/>
      <c r="HSL19" s="8"/>
      <c r="HSM19" s="8"/>
      <c r="HSN19" s="8"/>
      <c r="HSO19" s="8"/>
      <c r="HSP19" s="8"/>
      <c r="HSQ19" s="8"/>
      <c r="HSR19" s="8"/>
      <c r="HSS19" s="8"/>
      <c r="HST19" s="8"/>
      <c r="HSU19" s="8"/>
      <c r="HSV19" s="8"/>
      <c r="HSW19" s="8"/>
      <c r="HSX19" s="8"/>
      <c r="HSY19" s="8"/>
      <c r="HSZ19" s="8"/>
      <c r="HTA19" s="8"/>
      <c r="HTB19" s="8"/>
      <c r="HTC19" s="8"/>
      <c r="HTD19" s="8"/>
      <c r="HTE19" s="8"/>
      <c r="HTF19" s="8"/>
      <c r="HTG19" s="8"/>
      <c r="HTH19" s="8"/>
      <c r="HTI19" s="8"/>
      <c r="HTJ19" s="8"/>
      <c r="HTK19" s="8"/>
      <c r="HTL19" s="8"/>
      <c r="HTM19" s="8"/>
      <c r="HTN19" s="8"/>
      <c r="HTO19" s="8"/>
      <c r="HTP19" s="8"/>
      <c r="HTQ19" s="8"/>
      <c r="HTR19" s="8"/>
      <c r="HTS19" s="8"/>
      <c r="HTT19" s="8"/>
      <c r="HTU19" s="8"/>
      <c r="HTV19" s="8"/>
      <c r="HTW19" s="8"/>
      <c r="HTX19" s="8"/>
      <c r="HTY19" s="8"/>
      <c r="HTZ19" s="8"/>
      <c r="HUA19" s="8"/>
      <c r="HUB19" s="8"/>
      <c r="HUC19" s="8"/>
      <c r="HUD19" s="8"/>
      <c r="HUE19" s="8"/>
      <c r="HUF19" s="8"/>
      <c r="HUG19" s="8"/>
      <c r="HUH19" s="8"/>
      <c r="HUI19" s="8"/>
      <c r="HUJ19" s="8"/>
      <c r="HUK19" s="8"/>
      <c r="HUL19" s="8"/>
      <c r="HUM19" s="8"/>
      <c r="HUN19" s="8"/>
      <c r="HUO19" s="8"/>
      <c r="HUP19" s="8"/>
      <c r="HUQ19" s="8"/>
      <c r="HUR19" s="8"/>
      <c r="HUS19" s="8"/>
      <c r="HUT19" s="8"/>
      <c r="HUU19" s="8"/>
      <c r="HUV19" s="8"/>
      <c r="HUW19" s="8"/>
      <c r="HUX19" s="8"/>
      <c r="HUY19" s="8"/>
      <c r="HUZ19" s="8"/>
      <c r="HVA19" s="8"/>
      <c r="HVB19" s="8"/>
      <c r="HVC19" s="8"/>
      <c r="HVD19" s="8"/>
      <c r="HVE19" s="8"/>
      <c r="HVF19" s="8"/>
      <c r="HVG19" s="8"/>
      <c r="HVH19" s="8"/>
      <c r="HVI19" s="8"/>
      <c r="HVJ19" s="8"/>
      <c r="HVK19" s="8"/>
      <c r="HVL19" s="8"/>
      <c r="HVM19" s="8"/>
      <c r="HVN19" s="8"/>
      <c r="HVO19" s="8"/>
      <c r="HVP19" s="8"/>
      <c r="HVQ19" s="8"/>
      <c r="HVR19" s="8"/>
      <c r="HVS19" s="8"/>
      <c r="HVT19" s="8"/>
      <c r="HVU19" s="8"/>
      <c r="HVV19" s="8"/>
      <c r="HVW19" s="8"/>
      <c r="HVX19" s="8"/>
      <c r="HVY19" s="8"/>
      <c r="HVZ19" s="8"/>
      <c r="HWA19" s="8"/>
      <c r="HWB19" s="8"/>
      <c r="HWC19" s="8"/>
      <c r="HWD19" s="8"/>
      <c r="HWE19" s="8"/>
      <c r="HWF19" s="8"/>
      <c r="HWG19" s="8"/>
      <c r="HWH19" s="8"/>
      <c r="HWI19" s="8"/>
      <c r="HWJ19" s="8"/>
      <c r="HWK19" s="8"/>
      <c r="HWL19" s="8"/>
      <c r="HWM19" s="8"/>
      <c r="HWN19" s="8"/>
      <c r="HWO19" s="8"/>
      <c r="HWP19" s="8"/>
      <c r="HWQ19" s="8"/>
      <c r="HWR19" s="8"/>
      <c r="HWS19" s="8"/>
      <c r="HWT19" s="8"/>
      <c r="HWU19" s="8"/>
      <c r="HWV19" s="8"/>
      <c r="HWW19" s="8"/>
      <c r="HWX19" s="8"/>
      <c r="HWY19" s="8"/>
      <c r="HWZ19" s="8"/>
      <c r="HXA19" s="8"/>
      <c r="HXB19" s="8"/>
      <c r="HXC19" s="8"/>
      <c r="HXD19" s="8"/>
      <c r="HXE19" s="8"/>
      <c r="HXF19" s="8"/>
      <c r="HXG19" s="8"/>
      <c r="HXH19" s="8"/>
      <c r="HXI19" s="8"/>
      <c r="HXJ19" s="8"/>
      <c r="HXK19" s="8"/>
      <c r="HXL19" s="8"/>
      <c r="HXM19" s="8"/>
      <c r="HXN19" s="8"/>
      <c r="HXO19" s="8"/>
      <c r="HXP19" s="8"/>
      <c r="HXQ19" s="8"/>
      <c r="HXR19" s="8"/>
      <c r="HXS19" s="8"/>
      <c r="HXT19" s="8"/>
      <c r="HXU19" s="8"/>
      <c r="HXV19" s="8"/>
      <c r="HXW19" s="8"/>
      <c r="HXX19" s="8"/>
      <c r="HXY19" s="8"/>
      <c r="HXZ19" s="8"/>
      <c r="HYA19" s="8"/>
      <c r="HYB19" s="8"/>
      <c r="HYC19" s="8"/>
      <c r="HYD19" s="8"/>
      <c r="HYE19" s="8"/>
      <c r="HYF19" s="8"/>
      <c r="HYG19" s="8"/>
      <c r="HYH19" s="8"/>
      <c r="HYI19" s="8"/>
      <c r="HYJ19" s="8"/>
      <c r="HYK19" s="8"/>
      <c r="HYL19" s="8"/>
      <c r="HYM19" s="8"/>
      <c r="HYN19" s="8"/>
      <c r="HYO19" s="8"/>
      <c r="HYP19" s="8"/>
      <c r="HYQ19" s="8"/>
      <c r="HYR19" s="8"/>
      <c r="HYS19" s="8"/>
      <c r="HYT19" s="8"/>
      <c r="HYU19" s="8"/>
      <c r="HYV19" s="8"/>
      <c r="HYW19" s="8"/>
      <c r="HYX19" s="8"/>
      <c r="HYY19" s="8"/>
      <c r="HYZ19" s="8"/>
      <c r="HZA19" s="8"/>
      <c r="HZB19" s="8"/>
      <c r="HZC19" s="8"/>
      <c r="HZD19" s="8"/>
      <c r="HZE19" s="8"/>
      <c r="HZF19" s="8"/>
      <c r="HZG19" s="8"/>
      <c r="HZH19" s="8"/>
      <c r="HZI19" s="8"/>
      <c r="HZJ19" s="8"/>
      <c r="HZK19" s="8"/>
      <c r="HZL19" s="8"/>
      <c r="HZM19" s="8"/>
      <c r="HZN19" s="8"/>
      <c r="HZO19" s="8"/>
      <c r="HZP19" s="8"/>
      <c r="HZQ19" s="8"/>
      <c r="HZR19" s="8"/>
      <c r="HZS19" s="8"/>
      <c r="HZT19" s="8"/>
      <c r="HZU19" s="8"/>
      <c r="HZV19" s="8"/>
      <c r="HZW19" s="8"/>
      <c r="HZX19" s="8"/>
      <c r="HZY19" s="8"/>
      <c r="HZZ19" s="8"/>
      <c r="IAA19" s="8"/>
      <c r="IAB19" s="8"/>
      <c r="IAC19" s="8"/>
      <c r="IAD19" s="8"/>
      <c r="IAE19" s="8"/>
      <c r="IAF19" s="8"/>
      <c r="IAG19" s="8"/>
      <c r="IAH19" s="8"/>
      <c r="IAI19" s="8"/>
      <c r="IAJ19" s="8"/>
      <c r="IAK19" s="8"/>
      <c r="IAL19" s="8"/>
      <c r="IAM19" s="8"/>
      <c r="IAN19" s="8"/>
      <c r="IAO19" s="8"/>
      <c r="IAP19" s="8"/>
      <c r="IAQ19" s="8"/>
      <c r="IAR19" s="8"/>
      <c r="IAS19" s="8"/>
      <c r="IAT19" s="8"/>
      <c r="IAU19" s="8"/>
      <c r="IAV19" s="8"/>
      <c r="IAW19" s="8"/>
      <c r="IAX19" s="8"/>
      <c r="IAY19" s="8"/>
      <c r="IAZ19" s="8"/>
      <c r="IBA19" s="8"/>
      <c r="IBB19" s="8"/>
      <c r="IBC19" s="8"/>
      <c r="IBD19" s="8"/>
      <c r="IBE19" s="8"/>
      <c r="IBF19" s="8"/>
      <c r="IBG19" s="8"/>
      <c r="IBH19" s="8"/>
      <c r="IBI19" s="8"/>
      <c r="IBJ19" s="8"/>
      <c r="IBK19" s="8"/>
      <c r="IBL19" s="8"/>
      <c r="IBM19" s="8"/>
      <c r="IBN19" s="8"/>
      <c r="IBO19" s="8"/>
      <c r="IBP19" s="8"/>
      <c r="IBQ19" s="8"/>
      <c r="IBR19" s="8"/>
      <c r="IBS19" s="8"/>
      <c r="IBT19" s="8"/>
      <c r="IBU19" s="8"/>
      <c r="IBV19" s="8"/>
      <c r="IBW19" s="8"/>
      <c r="IBX19" s="8"/>
      <c r="IBY19" s="8"/>
      <c r="IBZ19" s="8"/>
      <c r="ICA19" s="8"/>
      <c r="ICB19" s="8"/>
      <c r="ICC19" s="8"/>
      <c r="ICD19" s="8"/>
      <c r="ICE19" s="8"/>
      <c r="ICF19" s="8"/>
      <c r="ICG19" s="8"/>
      <c r="ICH19" s="8"/>
      <c r="ICI19" s="8"/>
      <c r="ICJ19" s="8"/>
      <c r="ICK19" s="8"/>
      <c r="ICL19" s="8"/>
      <c r="ICM19" s="8"/>
      <c r="ICN19" s="8"/>
      <c r="ICO19" s="8"/>
      <c r="ICP19" s="8"/>
      <c r="ICQ19" s="8"/>
      <c r="ICR19" s="8"/>
      <c r="ICS19" s="8"/>
      <c r="ICT19" s="8"/>
      <c r="ICU19" s="8"/>
      <c r="ICV19" s="8"/>
      <c r="ICW19" s="8"/>
      <c r="ICX19" s="8"/>
      <c r="ICY19" s="8"/>
      <c r="ICZ19" s="8"/>
      <c r="IDA19" s="8"/>
      <c r="IDB19" s="8"/>
      <c r="IDC19" s="8"/>
      <c r="IDD19" s="8"/>
      <c r="IDE19" s="8"/>
      <c r="IDF19" s="8"/>
      <c r="IDG19" s="8"/>
      <c r="IDH19" s="8"/>
      <c r="IDI19" s="8"/>
      <c r="IDJ19" s="8"/>
      <c r="IDK19" s="8"/>
      <c r="IDL19" s="8"/>
      <c r="IDM19" s="8"/>
      <c r="IDN19" s="8"/>
      <c r="IDO19" s="8"/>
      <c r="IDP19" s="8"/>
      <c r="IDQ19" s="8"/>
      <c r="IDR19" s="8"/>
      <c r="IDS19" s="8"/>
      <c r="IDT19" s="8"/>
      <c r="IDU19" s="8"/>
      <c r="IDV19" s="8"/>
      <c r="IDW19" s="8"/>
      <c r="IDX19" s="8"/>
      <c r="IDY19" s="8"/>
      <c r="IDZ19" s="8"/>
      <c r="IEA19" s="8"/>
      <c r="IEB19" s="8"/>
      <c r="IEC19" s="8"/>
      <c r="IED19" s="8"/>
      <c r="IEE19" s="8"/>
      <c r="IEF19" s="8"/>
      <c r="IEG19" s="8"/>
      <c r="IEH19" s="8"/>
      <c r="IEI19" s="8"/>
      <c r="IEJ19" s="8"/>
      <c r="IEK19" s="8"/>
      <c r="IEL19" s="8"/>
      <c r="IEM19" s="8"/>
      <c r="IEN19" s="8"/>
      <c r="IEO19" s="8"/>
      <c r="IEP19" s="8"/>
      <c r="IEQ19" s="8"/>
      <c r="IER19" s="8"/>
      <c r="IES19" s="8"/>
      <c r="IET19" s="8"/>
      <c r="IEU19" s="8"/>
      <c r="IEV19" s="8"/>
      <c r="IEW19" s="8"/>
      <c r="IEX19" s="8"/>
      <c r="IEY19" s="8"/>
      <c r="IEZ19" s="8"/>
      <c r="IFA19" s="8"/>
      <c r="IFB19" s="8"/>
      <c r="IFC19" s="8"/>
      <c r="IFD19" s="8"/>
      <c r="IFE19" s="8"/>
      <c r="IFF19" s="8"/>
      <c r="IFG19" s="8"/>
      <c r="IFH19" s="8"/>
      <c r="IFI19" s="8"/>
      <c r="IFJ19" s="8"/>
      <c r="IFK19" s="8"/>
      <c r="IFL19" s="8"/>
      <c r="IFM19" s="8"/>
      <c r="IFN19" s="8"/>
      <c r="IFO19" s="8"/>
      <c r="IFP19" s="8"/>
      <c r="IFQ19" s="8"/>
      <c r="IFR19" s="8"/>
      <c r="IFS19" s="8"/>
      <c r="IFT19" s="8"/>
      <c r="IFU19" s="8"/>
      <c r="IFV19" s="8"/>
      <c r="IFW19" s="8"/>
      <c r="IFX19" s="8"/>
      <c r="IFY19" s="8"/>
      <c r="IFZ19" s="8"/>
      <c r="IGA19" s="8"/>
      <c r="IGB19" s="8"/>
      <c r="IGC19" s="8"/>
      <c r="IGD19" s="8"/>
      <c r="IGE19" s="8"/>
      <c r="IGF19" s="8"/>
      <c r="IGG19" s="8"/>
      <c r="IGH19" s="8"/>
      <c r="IGI19" s="8"/>
      <c r="IGJ19" s="8"/>
      <c r="IGK19" s="8"/>
      <c r="IGL19" s="8"/>
      <c r="IGM19" s="8"/>
      <c r="IGN19" s="8"/>
      <c r="IGO19" s="8"/>
      <c r="IGP19" s="8"/>
      <c r="IGQ19" s="8"/>
      <c r="IGR19" s="8"/>
      <c r="IGS19" s="8"/>
      <c r="IGT19" s="8"/>
      <c r="IGU19" s="8"/>
      <c r="IGV19" s="8"/>
      <c r="IGW19" s="8"/>
      <c r="IGX19" s="8"/>
      <c r="IGY19" s="8"/>
      <c r="IGZ19" s="8"/>
      <c r="IHA19" s="8"/>
      <c r="IHB19" s="8"/>
      <c r="IHC19" s="8"/>
      <c r="IHD19" s="8"/>
      <c r="IHE19" s="8"/>
      <c r="IHF19" s="8"/>
      <c r="IHG19" s="8"/>
      <c r="IHH19" s="8"/>
      <c r="IHI19" s="8"/>
      <c r="IHJ19" s="8"/>
      <c r="IHK19" s="8"/>
      <c r="IHL19" s="8"/>
      <c r="IHM19" s="8"/>
      <c r="IHN19" s="8"/>
      <c r="IHO19" s="8"/>
      <c r="IHP19" s="8"/>
      <c r="IHQ19" s="8"/>
      <c r="IHR19" s="8"/>
      <c r="IHS19" s="8"/>
      <c r="IHT19" s="8"/>
      <c r="IHU19" s="8"/>
      <c r="IHV19" s="8"/>
      <c r="IHW19" s="8"/>
      <c r="IHX19" s="8"/>
      <c r="IHY19" s="8"/>
      <c r="IHZ19" s="8"/>
      <c r="IIA19" s="8"/>
      <c r="IIB19" s="8"/>
      <c r="IIC19" s="8"/>
      <c r="IID19" s="8"/>
      <c r="IIE19" s="8"/>
      <c r="IIF19" s="8"/>
      <c r="IIG19" s="8"/>
      <c r="IIH19" s="8"/>
      <c r="III19" s="8"/>
      <c r="IIJ19" s="8"/>
      <c r="IIK19" s="8"/>
      <c r="IIL19" s="8"/>
      <c r="IIM19" s="8"/>
      <c r="IIN19" s="8"/>
      <c r="IIO19" s="8"/>
      <c r="IIP19" s="8"/>
      <c r="IIQ19" s="8"/>
      <c r="IIR19" s="8"/>
      <c r="IIS19" s="8"/>
      <c r="IIT19" s="8"/>
      <c r="IIU19" s="8"/>
      <c r="IIV19" s="8"/>
      <c r="IIW19" s="8"/>
      <c r="IIX19" s="8"/>
      <c r="IIY19" s="8"/>
      <c r="IIZ19" s="8"/>
      <c r="IJA19" s="8"/>
      <c r="IJB19" s="8"/>
      <c r="IJC19" s="8"/>
      <c r="IJD19" s="8"/>
      <c r="IJE19" s="8"/>
      <c r="IJF19" s="8"/>
      <c r="IJG19" s="8"/>
      <c r="IJH19" s="8"/>
      <c r="IJI19" s="8"/>
      <c r="IJJ19" s="8"/>
      <c r="IJK19" s="8"/>
      <c r="IJL19" s="8"/>
      <c r="IJM19" s="8"/>
      <c r="IJN19" s="8"/>
      <c r="IJO19" s="8"/>
      <c r="IJP19" s="8"/>
      <c r="IJQ19" s="8"/>
      <c r="IJR19" s="8"/>
      <c r="IJS19" s="8"/>
      <c r="IJT19" s="8"/>
      <c r="IJU19" s="8"/>
      <c r="IJV19" s="8"/>
      <c r="IJW19" s="8"/>
      <c r="IJX19" s="8"/>
      <c r="IJY19" s="8"/>
      <c r="IJZ19" s="8"/>
      <c r="IKA19" s="8"/>
      <c r="IKB19" s="8"/>
      <c r="IKC19" s="8"/>
      <c r="IKD19" s="8"/>
      <c r="IKE19" s="8"/>
      <c r="IKF19" s="8"/>
      <c r="IKG19" s="8"/>
      <c r="IKH19" s="8"/>
      <c r="IKI19" s="8"/>
      <c r="IKJ19" s="8"/>
      <c r="IKK19" s="8"/>
      <c r="IKL19" s="8"/>
      <c r="IKM19" s="8"/>
      <c r="IKN19" s="8"/>
      <c r="IKO19" s="8"/>
      <c r="IKP19" s="8"/>
      <c r="IKQ19" s="8"/>
      <c r="IKR19" s="8"/>
      <c r="IKS19" s="8"/>
      <c r="IKT19" s="8"/>
      <c r="IKU19" s="8"/>
      <c r="IKV19" s="8"/>
      <c r="IKW19" s="8"/>
      <c r="IKX19" s="8"/>
      <c r="IKY19" s="8"/>
      <c r="IKZ19" s="8"/>
      <c r="ILA19" s="8"/>
      <c r="ILB19" s="8"/>
      <c r="ILC19" s="8"/>
      <c r="ILD19" s="8"/>
      <c r="ILE19" s="8"/>
      <c r="ILF19" s="8"/>
      <c r="ILG19" s="8"/>
      <c r="ILH19" s="8"/>
      <c r="ILI19" s="8"/>
      <c r="ILJ19" s="8"/>
      <c r="ILK19" s="8"/>
      <c r="ILL19" s="8"/>
      <c r="ILM19" s="8"/>
      <c r="ILN19" s="8"/>
      <c r="ILO19" s="8"/>
      <c r="ILP19" s="8"/>
      <c r="ILQ19" s="8"/>
      <c r="ILR19" s="8"/>
      <c r="ILS19" s="8"/>
      <c r="ILT19" s="8"/>
      <c r="ILU19" s="8"/>
      <c r="ILV19" s="8"/>
      <c r="ILW19" s="8"/>
      <c r="ILX19" s="8"/>
      <c r="ILY19" s="8"/>
      <c r="ILZ19" s="8"/>
      <c r="IMA19" s="8"/>
      <c r="IMB19" s="8"/>
      <c r="IMC19" s="8"/>
      <c r="IMD19" s="8"/>
      <c r="IME19" s="8"/>
      <c r="IMF19" s="8"/>
      <c r="IMG19" s="8"/>
      <c r="IMH19" s="8"/>
      <c r="IMI19" s="8"/>
      <c r="IMJ19" s="8"/>
      <c r="IMK19" s="8"/>
      <c r="IML19" s="8"/>
      <c r="IMM19" s="8"/>
      <c r="IMN19" s="8"/>
      <c r="IMO19" s="8"/>
      <c r="IMP19" s="8"/>
      <c r="IMQ19" s="8"/>
      <c r="IMR19" s="8"/>
      <c r="IMS19" s="8"/>
      <c r="IMT19" s="8"/>
      <c r="IMU19" s="8"/>
      <c r="IMV19" s="8"/>
      <c r="IMW19" s="8"/>
      <c r="IMX19" s="8"/>
      <c r="IMY19" s="8"/>
      <c r="IMZ19" s="8"/>
      <c r="INA19" s="8"/>
      <c r="INB19" s="8"/>
      <c r="INC19" s="8"/>
      <c r="IND19" s="8"/>
      <c r="INE19" s="8"/>
      <c r="INF19" s="8"/>
      <c r="ING19" s="8"/>
      <c r="INH19" s="8"/>
      <c r="INI19" s="8"/>
      <c r="INJ19" s="8"/>
      <c r="INK19" s="8"/>
      <c r="INL19" s="8"/>
      <c r="INM19" s="8"/>
      <c r="INN19" s="8"/>
      <c r="INO19" s="8"/>
      <c r="INP19" s="8"/>
      <c r="INQ19" s="8"/>
      <c r="INR19" s="8"/>
      <c r="INS19" s="8"/>
      <c r="INT19" s="8"/>
      <c r="INU19" s="8"/>
      <c r="INV19" s="8"/>
      <c r="INW19" s="8"/>
      <c r="INX19" s="8"/>
      <c r="INY19" s="8"/>
      <c r="INZ19" s="8"/>
      <c r="IOA19" s="8"/>
      <c r="IOB19" s="8"/>
      <c r="IOC19" s="8"/>
      <c r="IOD19" s="8"/>
      <c r="IOE19" s="8"/>
      <c r="IOF19" s="8"/>
      <c r="IOG19" s="8"/>
      <c r="IOH19" s="8"/>
      <c r="IOI19" s="8"/>
      <c r="IOJ19" s="8"/>
      <c r="IOK19" s="8"/>
      <c r="IOL19" s="8"/>
      <c r="IOM19" s="8"/>
      <c r="ION19" s="8"/>
      <c r="IOO19" s="8"/>
      <c r="IOP19" s="8"/>
      <c r="IOQ19" s="8"/>
      <c r="IOR19" s="8"/>
      <c r="IOS19" s="8"/>
      <c r="IOT19" s="8"/>
      <c r="IOU19" s="8"/>
      <c r="IOV19" s="8"/>
      <c r="IOW19" s="8"/>
      <c r="IOX19" s="8"/>
      <c r="IOY19" s="8"/>
      <c r="IOZ19" s="8"/>
      <c r="IPA19" s="8"/>
      <c r="IPB19" s="8"/>
      <c r="IPC19" s="8"/>
      <c r="IPD19" s="8"/>
      <c r="IPE19" s="8"/>
      <c r="IPF19" s="8"/>
      <c r="IPG19" s="8"/>
      <c r="IPH19" s="8"/>
      <c r="IPI19" s="8"/>
      <c r="IPJ19" s="8"/>
      <c r="IPK19" s="8"/>
      <c r="IPL19" s="8"/>
      <c r="IPM19" s="8"/>
      <c r="IPN19" s="8"/>
      <c r="IPO19" s="8"/>
      <c r="IPP19" s="8"/>
      <c r="IPQ19" s="8"/>
      <c r="IPR19" s="8"/>
      <c r="IPS19" s="8"/>
      <c r="IPT19" s="8"/>
      <c r="IPU19" s="8"/>
      <c r="IPV19" s="8"/>
      <c r="IPW19" s="8"/>
      <c r="IPX19" s="8"/>
      <c r="IPY19" s="8"/>
      <c r="IPZ19" s="8"/>
      <c r="IQA19" s="8"/>
      <c r="IQB19" s="8"/>
      <c r="IQC19" s="8"/>
      <c r="IQD19" s="8"/>
      <c r="IQE19" s="8"/>
      <c r="IQF19" s="8"/>
      <c r="IQG19" s="8"/>
      <c r="IQH19" s="8"/>
      <c r="IQI19" s="8"/>
      <c r="IQJ19" s="8"/>
      <c r="IQK19" s="8"/>
      <c r="IQL19" s="8"/>
      <c r="IQM19" s="8"/>
      <c r="IQN19" s="8"/>
      <c r="IQO19" s="8"/>
      <c r="IQP19" s="8"/>
      <c r="IQQ19" s="8"/>
      <c r="IQR19" s="8"/>
      <c r="IQS19" s="8"/>
      <c r="IQT19" s="8"/>
      <c r="IQU19" s="8"/>
      <c r="IQV19" s="8"/>
      <c r="IQW19" s="8"/>
      <c r="IQX19" s="8"/>
      <c r="IQY19" s="8"/>
      <c r="IQZ19" s="8"/>
      <c r="IRA19" s="8"/>
      <c r="IRB19" s="8"/>
      <c r="IRC19" s="8"/>
      <c r="IRD19" s="8"/>
      <c r="IRE19" s="8"/>
      <c r="IRF19" s="8"/>
      <c r="IRG19" s="8"/>
      <c r="IRH19" s="8"/>
      <c r="IRI19" s="8"/>
      <c r="IRJ19" s="8"/>
      <c r="IRK19" s="8"/>
      <c r="IRL19" s="8"/>
      <c r="IRM19" s="8"/>
      <c r="IRN19" s="8"/>
      <c r="IRO19" s="8"/>
      <c r="IRP19" s="8"/>
      <c r="IRQ19" s="8"/>
      <c r="IRR19" s="8"/>
      <c r="IRS19" s="8"/>
      <c r="IRT19" s="8"/>
      <c r="IRU19" s="8"/>
      <c r="IRV19" s="8"/>
      <c r="IRW19" s="8"/>
      <c r="IRX19" s="8"/>
      <c r="IRY19" s="8"/>
      <c r="IRZ19" s="8"/>
      <c r="ISA19" s="8"/>
      <c r="ISB19" s="8"/>
      <c r="ISC19" s="8"/>
      <c r="ISD19" s="8"/>
      <c r="ISE19" s="8"/>
      <c r="ISF19" s="8"/>
      <c r="ISG19" s="8"/>
      <c r="ISH19" s="8"/>
      <c r="ISI19" s="8"/>
      <c r="ISJ19" s="8"/>
      <c r="ISK19" s="8"/>
      <c r="ISL19" s="8"/>
      <c r="ISM19" s="8"/>
      <c r="ISN19" s="8"/>
      <c r="ISO19" s="8"/>
      <c r="ISP19" s="8"/>
      <c r="ISQ19" s="8"/>
      <c r="ISR19" s="8"/>
      <c r="ISS19" s="8"/>
      <c r="IST19" s="8"/>
      <c r="ISU19" s="8"/>
      <c r="ISV19" s="8"/>
      <c r="ISW19" s="8"/>
      <c r="ISX19" s="8"/>
      <c r="ISY19" s="8"/>
      <c r="ISZ19" s="8"/>
      <c r="ITA19" s="8"/>
      <c r="ITB19" s="8"/>
      <c r="ITC19" s="8"/>
      <c r="ITD19" s="8"/>
      <c r="ITE19" s="8"/>
      <c r="ITF19" s="8"/>
      <c r="ITG19" s="8"/>
      <c r="ITH19" s="8"/>
      <c r="ITI19" s="8"/>
      <c r="ITJ19" s="8"/>
      <c r="ITK19" s="8"/>
      <c r="ITL19" s="8"/>
      <c r="ITM19" s="8"/>
      <c r="ITN19" s="8"/>
      <c r="ITO19" s="8"/>
      <c r="ITP19" s="8"/>
      <c r="ITQ19" s="8"/>
      <c r="ITR19" s="8"/>
      <c r="ITS19" s="8"/>
      <c r="ITT19" s="8"/>
      <c r="ITU19" s="8"/>
      <c r="ITV19" s="8"/>
      <c r="ITW19" s="8"/>
      <c r="ITX19" s="8"/>
      <c r="ITY19" s="8"/>
      <c r="ITZ19" s="8"/>
      <c r="IUA19" s="8"/>
      <c r="IUB19" s="8"/>
      <c r="IUC19" s="8"/>
      <c r="IUD19" s="8"/>
      <c r="IUE19" s="8"/>
      <c r="IUF19" s="8"/>
      <c r="IUG19" s="8"/>
      <c r="IUH19" s="8"/>
      <c r="IUI19" s="8"/>
      <c r="IUJ19" s="8"/>
      <c r="IUK19" s="8"/>
      <c r="IUL19" s="8"/>
      <c r="IUM19" s="8"/>
      <c r="IUN19" s="8"/>
      <c r="IUO19" s="8"/>
      <c r="IUP19" s="8"/>
      <c r="IUQ19" s="8"/>
      <c r="IUR19" s="8"/>
      <c r="IUS19" s="8"/>
      <c r="IUT19" s="8"/>
      <c r="IUU19" s="8"/>
      <c r="IUV19" s="8"/>
      <c r="IUW19" s="8"/>
      <c r="IUX19" s="8"/>
      <c r="IUY19" s="8"/>
      <c r="IUZ19" s="8"/>
      <c r="IVA19" s="8"/>
      <c r="IVB19" s="8"/>
      <c r="IVC19" s="8"/>
      <c r="IVD19" s="8"/>
      <c r="IVE19" s="8"/>
      <c r="IVF19" s="8"/>
      <c r="IVG19" s="8"/>
      <c r="IVH19" s="8"/>
      <c r="IVI19" s="8"/>
      <c r="IVJ19" s="8"/>
      <c r="IVK19" s="8"/>
      <c r="IVL19" s="8"/>
      <c r="IVM19" s="8"/>
      <c r="IVN19" s="8"/>
      <c r="IVO19" s="8"/>
      <c r="IVP19" s="8"/>
      <c r="IVQ19" s="8"/>
      <c r="IVR19" s="8"/>
      <c r="IVS19" s="8"/>
      <c r="IVT19" s="8"/>
      <c r="IVU19" s="8"/>
      <c r="IVV19" s="8"/>
      <c r="IVW19" s="8"/>
      <c r="IVX19" s="8"/>
      <c r="IVY19" s="8"/>
      <c r="IVZ19" s="8"/>
      <c r="IWA19" s="8"/>
      <c r="IWB19" s="8"/>
      <c r="IWC19" s="8"/>
      <c r="IWD19" s="8"/>
      <c r="IWE19" s="8"/>
      <c r="IWF19" s="8"/>
      <c r="IWG19" s="8"/>
      <c r="IWH19" s="8"/>
      <c r="IWI19" s="8"/>
      <c r="IWJ19" s="8"/>
      <c r="IWK19" s="8"/>
      <c r="IWL19" s="8"/>
      <c r="IWM19" s="8"/>
      <c r="IWN19" s="8"/>
      <c r="IWO19" s="8"/>
      <c r="IWP19" s="8"/>
      <c r="IWQ19" s="8"/>
      <c r="IWR19" s="8"/>
      <c r="IWS19" s="8"/>
      <c r="IWT19" s="8"/>
      <c r="IWU19" s="8"/>
      <c r="IWV19" s="8"/>
      <c r="IWW19" s="8"/>
      <c r="IWX19" s="8"/>
      <c r="IWY19" s="8"/>
      <c r="IWZ19" s="8"/>
      <c r="IXA19" s="8"/>
      <c r="IXB19" s="8"/>
      <c r="IXC19" s="8"/>
      <c r="IXD19" s="8"/>
      <c r="IXE19" s="8"/>
      <c r="IXF19" s="8"/>
      <c r="IXG19" s="8"/>
      <c r="IXH19" s="8"/>
      <c r="IXI19" s="8"/>
      <c r="IXJ19" s="8"/>
      <c r="IXK19" s="8"/>
      <c r="IXL19" s="8"/>
      <c r="IXM19" s="8"/>
      <c r="IXN19" s="8"/>
      <c r="IXO19" s="8"/>
      <c r="IXP19" s="8"/>
      <c r="IXQ19" s="8"/>
      <c r="IXR19" s="8"/>
      <c r="IXS19" s="8"/>
      <c r="IXT19" s="8"/>
      <c r="IXU19" s="8"/>
      <c r="IXV19" s="8"/>
      <c r="IXW19" s="8"/>
      <c r="IXX19" s="8"/>
      <c r="IXY19" s="8"/>
      <c r="IXZ19" s="8"/>
      <c r="IYA19" s="8"/>
      <c r="IYB19" s="8"/>
      <c r="IYC19" s="8"/>
      <c r="IYD19" s="8"/>
      <c r="IYE19" s="8"/>
      <c r="IYF19" s="8"/>
      <c r="IYG19" s="8"/>
      <c r="IYH19" s="8"/>
      <c r="IYI19" s="8"/>
      <c r="IYJ19" s="8"/>
      <c r="IYK19" s="8"/>
      <c r="IYL19" s="8"/>
      <c r="IYM19" s="8"/>
      <c r="IYN19" s="8"/>
      <c r="IYO19" s="8"/>
      <c r="IYP19" s="8"/>
      <c r="IYQ19" s="8"/>
      <c r="IYR19" s="8"/>
      <c r="IYS19" s="8"/>
      <c r="IYT19" s="8"/>
      <c r="IYU19" s="8"/>
      <c r="IYV19" s="8"/>
      <c r="IYW19" s="8"/>
      <c r="IYX19" s="8"/>
      <c r="IYY19" s="8"/>
      <c r="IYZ19" s="8"/>
      <c r="IZA19" s="8"/>
      <c r="IZB19" s="8"/>
      <c r="IZC19" s="8"/>
      <c r="IZD19" s="8"/>
      <c r="IZE19" s="8"/>
      <c r="IZF19" s="8"/>
      <c r="IZG19" s="8"/>
      <c r="IZH19" s="8"/>
      <c r="IZI19" s="8"/>
      <c r="IZJ19" s="8"/>
      <c r="IZK19" s="8"/>
      <c r="IZL19" s="8"/>
      <c r="IZM19" s="8"/>
      <c r="IZN19" s="8"/>
      <c r="IZO19" s="8"/>
      <c r="IZP19" s="8"/>
      <c r="IZQ19" s="8"/>
      <c r="IZR19" s="8"/>
      <c r="IZS19" s="8"/>
      <c r="IZT19" s="8"/>
      <c r="IZU19" s="8"/>
      <c r="IZV19" s="8"/>
      <c r="IZW19" s="8"/>
      <c r="IZX19" s="8"/>
      <c r="IZY19" s="8"/>
      <c r="IZZ19" s="8"/>
      <c r="JAA19" s="8"/>
      <c r="JAB19" s="8"/>
      <c r="JAC19" s="8"/>
      <c r="JAD19" s="8"/>
      <c r="JAE19" s="8"/>
      <c r="JAF19" s="8"/>
      <c r="JAG19" s="8"/>
      <c r="JAH19" s="8"/>
      <c r="JAI19" s="8"/>
      <c r="JAJ19" s="8"/>
      <c r="JAK19" s="8"/>
      <c r="JAL19" s="8"/>
      <c r="JAM19" s="8"/>
      <c r="JAN19" s="8"/>
      <c r="JAO19" s="8"/>
      <c r="JAP19" s="8"/>
      <c r="JAQ19" s="8"/>
      <c r="JAR19" s="8"/>
      <c r="JAS19" s="8"/>
      <c r="JAT19" s="8"/>
      <c r="JAU19" s="8"/>
      <c r="JAV19" s="8"/>
      <c r="JAW19" s="8"/>
      <c r="JAX19" s="8"/>
      <c r="JAY19" s="8"/>
      <c r="JAZ19" s="8"/>
      <c r="JBA19" s="8"/>
      <c r="JBB19" s="8"/>
      <c r="JBC19" s="8"/>
      <c r="JBD19" s="8"/>
      <c r="JBE19" s="8"/>
      <c r="JBF19" s="8"/>
      <c r="JBG19" s="8"/>
      <c r="JBH19" s="8"/>
      <c r="JBI19" s="8"/>
      <c r="JBJ19" s="8"/>
      <c r="JBK19" s="8"/>
      <c r="JBL19" s="8"/>
      <c r="JBM19" s="8"/>
      <c r="JBN19" s="8"/>
      <c r="JBO19" s="8"/>
      <c r="JBP19" s="8"/>
      <c r="JBQ19" s="8"/>
      <c r="JBR19" s="8"/>
      <c r="JBS19" s="8"/>
      <c r="JBT19" s="8"/>
      <c r="JBU19" s="8"/>
      <c r="JBV19" s="8"/>
      <c r="JBW19" s="8"/>
      <c r="JBX19" s="8"/>
      <c r="JBY19" s="8"/>
      <c r="JBZ19" s="8"/>
      <c r="JCA19" s="8"/>
      <c r="JCB19" s="8"/>
      <c r="JCC19" s="8"/>
      <c r="JCD19" s="8"/>
      <c r="JCE19" s="8"/>
      <c r="JCF19" s="8"/>
      <c r="JCG19" s="8"/>
      <c r="JCH19" s="8"/>
      <c r="JCI19" s="8"/>
      <c r="JCJ19" s="8"/>
      <c r="JCK19" s="8"/>
      <c r="JCL19" s="8"/>
      <c r="JCM19" s="8"/>
      <c r="JCN19" s="8"/>
      <c r="JCO19" s="8"/>
      <c r="JCP19" s="8"/>
      <c r="JCQ19" s="8"/>
      <c r="JCR19" s="8"/>
      <c r="JCS19" s="8"/>
      <c r="JCT19" s="8"/>
      <c r="JCU19" s="8"/>
      <c r="JCV19" s="8"/>
      <c r="JCW19" s="8"/>
      <c r="JCX19" s="8"/>
      <c r="JCY19" s="8"/>
      <c r="JCZ19" s="8"/>
      <c r="JDA19" s="8"/>
      <c r="JDB19" s="8"/>
      <c r="JDC19" s="8"/>
      <c r="JDD19" s="8"/>
      <c r="JDE19" s="8"/>
      <c r="JDF19" s="8"/>
      <c r="JDG19" s="8"/>
      <c r="JDH19" s="8"/>
      <c r="JDI19" s="8"/>
      <c r="JDJ19" s="8"/>
      <c r="JDK19" s="8"/>
      <c r="JDL19" s="8"/>
      <c r="JDM19" s="8"/>
      <c r="JDN19" s="8"/>
      <c r="JDO19" s="8"/>
      <c r="JDP19" s="8"/>
      <c r="JDQ19" s="8"/>
      <c r="JDR19" s="8"/>
      <c r="JDS19" s="8"/>
      <c r="JDT19" s="8"/>
      <c r="JDU19" s="8"/>
      <c r="JDV19" s="8"/>
      <c r="JDW19" s="8"/>
      <c r="JDX19" s="8"/>
      <c r="JDY19" s="8"/>
      <c r="JDZ19" s="8"/>
      <c r="JEA19" s="8"/>
      <c r="JEB19" s="8"/>
      <c r="JEC19" s="8"/>
      <c r="JED19" s="8"/>
      <c r="JEE19" s="8"/>
      <c r="JEF19" s="8"/>
      <c r="JEG19" s="8"/>
      <c r="JEH19" s="8"/>
      <c r="JEI19" s="8"/>
      <c r="JEJ19" s="8"/>
      <c r="JEK19" s="8"/>
      <c r="JEL19" s="8"/>
      <c r="JEM19" s="8"/>
      <c r="JEN19" s="8"/>
      <c r="JEO19" s="8"/>
      <c r="JEP19" s="8"/>
      <c r="JEQ19" s="8"/>
      <c r="JER19" s="8"/>
      <c r="JES19" s="8"/>
      <c r="JET19" s="8"/>
      <c r="JEU19" s="8"/>
      <c r="JEV19" s="8"/>
      <c r="JEW19" s="8"/>
      <c r="JEX19" s="8"/>
      <c r="JEY19" s="8"/>
      <c r="JEZ19" s="8"/>
      <c r="JFA19" s="8"/>
      <c r="JFB19" s="8"/>
      <c r="JFC19" s="8"/>
      <c r="JFD19" s="8"/>
      <c r="JFE19" s="8"/>
      <c r="JFF19" s="8"/>
      <c r="JFG19" s="8"/>
      <c r="JFH19" s="8"/>
      <c r="JFI19" s="8"/>
      <c r="JFJ19" s="8"/>
      <c r="JFK19" s="8"/>
      <c r="JFL19" s="8"/>
      <c r="JFM19" s="8"/>
      <c r="JFN19" s="8"/>
      <c r="JFO19" s="8"/>
      <c r="JFP19" s="8"/>
      <c r="JFQ19" s="8"/>
      <c r="JFR19" s="8"/>
      <c r="JFS19" s="8"/>
      <c r="JFT19" s="8"/>
      <c r="JFU19" s="8"/>
      <c r="JFV19" s="8"/>
      <c r="JFW19" s="8"/>
      <c r="JFX19" s="8"/>
      <c r="JFY19" s="8"/>
      <c r="JFZ19" s="8"/>
      <c r="JGA19" s="8"/>
      <c r="JGB19" s="8"/>
      <c r="JGC19" s="8"/>
      <c r="JGD19" s="8"/>
      <c r="JGE19" s="8"/>
      <c r="JGF19" s="8"/>
      <c r="JGG19" s="8"/>
      <c r="JGH19" s="8"/>
      <c r="JGI19" s="8"/>
      <c r="JGJ19" s="8"/>
      <c r="JGK19" s="8"/>
      <c r="JGL19" s="8"/>
      <c r="JGM19" s="8"/>
      <c r="JGN19" s="8"/>
      <c r="JGO19" s="8"/>
      <c r="JGP19" s="8"/>
      <c r="JGQ19" s="8"/>
      <c r="JGR19" s="8"/>
      <c r="JGS19" s="8"/>
      <c r="JGT19" s="8"/>
      <c r="JGU19" s="8"/>
      <c r="JGV19" s="8"/>
      <c r="JGW19" s="8"/>
      <c r="JGX19" s="8"/>
      <c r="JGY19" s="8"/>
      <c r="JGZ19" s="8"/>
      <c r="JHA19" s="8"/>
      <c r="JHB19" s="8"/>
      <c r="JHC19" s="8"/>
      <c r="JHD19" s="8"/>
      <c r="JHE19" s="8"/>
      <c r="JHF19" s="8"/>
      <c r="JHG19" s="8"/>
      <c r="JHH19" s="8"/>
      <c r="JHI19" s="8"/>
      <c r="JHJ19" s="8"/>
      <c r="JHK19" s="8"/>
      <c r="JHL19" s="8"/>
      <c r="JHM19" s="8"/>
      <c r="JHN19" s="8"/>
      <c r="JHO19" s="8"/>
      <c r="JHP19" s="8"/>
      <c r="JHQ19" s="8"/>
      <c r="JHR19" s="8"/>
      <c r="JHS19" s="8"/>
      <c r="JHT19" s="8"/>
      <c r="JHU19" s="8"/>
      <c r="JHV19" s="8"/>
      <c r="JHW19" s="8"/>
      <c r="JHX19" s="8"/>
      <c r="JHY19" s="8"/>
      <c r="JHZ19" s="8"/>
      <c r="JIA19" s="8"/>
      <c r="JIB19" s="8"/>
      <c r="JIC19" s="8"/>
      <c r="JID19" s="8"/>
      <c r="JIE19" s="8"/>
      <c r="JIF19" s="8"/>
      <c r="JIG19" s="8"/>
      <c r="JIH19" s="8"/>
      <c r="JII19" s="8"/>
      <c r="JIJ19" s="8"/>
      <c r="JIK19" s="8"/>
      <c r="JIL19" s="8"/>
      <c r="JIM19" s="8"/>
      <c r="JIN19" s="8"/>
      <c r="JIO19" s="8"/>
      <c r="JIP19" s="8"/>
      <c r="JIQ19" s="8"/>
      <c r="JIR19" s="8"/>
      <c r="JIS19" s="8"/>
      <c r="JIT19" s="8"/>
      <c r="JIU19" s="8"/>
      <c r="JIV19" s="8"/>
      <c r="JIW19" s="8"/>
      <c r="JIX19" s="8"/>
      <c r="JIY19" s="8"/>
      <c r="JIZ19" s="8"/>
      <c r="JJA19" s="8"/>
      <c r="JJB19" s="8"/>
      <c r="JJC19" s="8"/>
      <c r="JJD19" s="8"/>
      <c r="JJE19" s="8"/>
      <c r="JJF19" s="8"/>
      <c r="JJG19" s="8"/>
      <c r="JJH19" s="8"/>
      <c r="JJI19" s="8"/>
      <c r="JJJ19" s="8"/>
      <c r="JJK19" s="8"/>
      <c r="JJL19" s="8"/>
      <c r="JJM19" s="8"/>
      <c r="JJN19" s="8"/>
      <c r="JJO19" s="8"/>
      <c r="JJP19" s="8"/>
      <c r="JJQ19" s="8"/>
      <c r="JJR19" s="8"/>
      <c r="JJS19" s="8"/>
      <c r="JJT19" s="8"/>
      <c r="JJU19" s="8"/>
      <c r="JJV19" s="8"/>
      <c r="JJW19" s="8"/>
      <c r="JJX19" s="8"/>
      <c r="JJY19" s="8"/>
      <c r="JJZ19" s="8"/>
      <c r="JKA19" s="8"/>
      <c r="JKB19" s="8"/>
      <c r="JKC19" s="8"/>
      <c r="JKD19" s="8"/>
      <c r="JKE19" s="8"/>
      <c r="JKF19" s="8"/>
      <c r="JKG19" s="8"/>
      <c r="JKH19" s="8"/>
      <c r="JKI19" s="8"/>
      <c r="JKJ19" s="8"/>
      <c r="JKK19" s="8"/>
      <c r="JKL19" s="8"/>
      <c r="JKM19" s="8"/>
      <c r="JKN19" s="8"/>
      <c r="JKO19" s="8"/>
      <c r="JKP19" s="8"/>
      <c r="JKQ19" s="8"/>
      <c r="JKR19" s="8"/>
      <c r="JKS19" s="8"/>
      <c r="JKT19" s="8"/>
      <c r="JKU19" s="8"/>
      <c r="JKV19" s="8"/>
      <c r="JKW19" s="8"/>
      <c r="JKX19" s="8"/>
      <c r="JKY19" s="8"/>
      <c r="JKZ19" s="8"/>
      <c r="JLA19" s="8"/>
      <c r="JLB19" s="8"/>
      <c r="JLC19" s="8"/>
      <c r="JLD19" s="8"/>
      <c r="JLE19" s="8"/>
      <c r="JLF19" s="8"/>
      <c r="JLG19" s="8"/>
      <c r="JLH19" s="8"/>
      <c r="JLI19" s="8"/>
      <c r="JLJ19" s="8"/>
      <c r="JLK19" s="8"/>
      <c r="JLL19" s="8"/>
      <c r="JLM19" s="8"/>
      <c r="JLN19" s="8"/>
      <c r="JLO19" s="8"/>
      <c r="JLP19" s="8"/>
      <c r="JLQ19" s="8"/>
      <c r="JLR19" s="8"/>
      <c r="JLS19" s="8"/>
      <c r="JLT19" s="8"/>
      <c r="JLU19" s="8"/>
      <c r="JLV19" s="8"/>
      <c r="JLW19" s="8"/>
      <c r="JLX19" s="8"/>
      <c r="JLY19" s="8"/>
      <c r="JLZ19" s="8"/>
      <c r="JMA19" s="8"/>
      <c r="JMB19" s="8"/>
      <c r="JMC19" s="8"/>
      <c r="JMD19" s="8"/>
      <c r="JME19" s="8"/>
      <c r="JMF19" s="8"/>
      <c r="JMG19" s="8"/>
      <c r="JMH19" s="8"/>
      <c r="JMI19" s="8"/>
      <c r="JMJ19" s="8"/>
      <c r="JMK19" s="8"/>
      <c r="JML19" s="8"/>
      <c r="JMM19" s="8"/>
      <c r="JMN19" s="8"/>
      <c r="JMO19" s="8"/>
      <c r="JMP19" s="8"/>
      <c r="JMQ19" s="8"/>
      <c r="JMR19" s="8"/>
      <c r="JMS19" s="8"/>
      <c r="JMT19" s="8"/>
      <c r="JMU19" s="8"/>
      <c r="JMV19" s="8"/>
      <c r="JMW19" s="8"/>
      <c r="JMX19" s="8"/>
      <c r="JMY19" s="8"/>
      <c r="JMZ19" s="8"/>
      <c r="JNA19" s="8"/>
      <c r="JNB19" s="8"/>
      <c r="JNC19" s="8"/>
      <c r="JND19" s="8"/>
      <c r="JNE19" s="8"/>
      <c r="JNF19" s="8"/>
      <c r="JNG19" s="8"/>
      <c r="JNH19" s="8"/>
      <c r="JNI19" s="8"/>
      <c r="JNJ19" s="8"/>
      <c r="JNK19" s="8"/>
      <c r="JNL19" s="8"/>
      <c r="JNM19" s="8"/>
      <c r="JNN19" s="8"/>
      <c r="JNO19" s="8"/>
      <c r="JNP19" s="8"/>
      <c r="JNQ19" s="8"/>
      <c r="JNR19" s="8"/>
      <c r="JNS19" s="8"/>
      <c r="JNT19" s="8"/>
      <c r="JNU19" s="8"/>
      <c r="JNV19" s="8"/>
      <c r="JNW19" s="8"/>
      <c r="JNX19" s="8"/>
      <c r="JNY19" s="8"/>
      <c r="JNZ19" s="8"/>
      <c r="JOA19" s="8"/>
      <c r="JOB19" s="8"/>
      <c r="JOC19" s="8"/>
      <c r="JOD19" s="8"/>
      <c r="JOE19" s="8"/>
      <c r="JOF19" s="8"/>
      <c r="JOG19" s="8"/>
      <c r="JOH19" s="8"/>
      <c r="JOI19" s="8"/>
      <c r="JOJ19" s="8"/>
      <c r="JOK19" s="8"/>
      <c r="JOL19" s="8"/>
      <c r="JOM19" s="8"/>
      <c r="JON19" s="8"/>
      <c r="JOO19" s="8"/>
      <c r="JOP19" s="8"/>
      <c r="JOQ19" s="8"/>
      <c r="JOR19" s="8"/>
      <c r="JOS19" s="8"/>
      <c r="JOT19" s="8"/>
      <c r="JOU19" s="8"/>
      <c r="JOV19" s="8"/>
      <c r="JOW19" s="8"/>
      <c r="JOX19" s="8"/>
      <c r="JOY19" s="8"/>
      <c r="JOZ19" s="8"/>
      <c r="JPA19" s="8"/>
      <c r="JPB19" s="8"/>
      <c r="JPC19" s="8"/>
      <c r="JPD19" s="8"/>
      <c r="JPE19" s="8"/>
      <c r="JPF19" s="8"/>
      <c r="JPG19" s="8"/>
      <c r="JPH19" s="8"/>
      <c r="JPI19" s="8"/>
      <c r="JPJ19" s="8"/>
      <c r="JPK19" s="8"/>
      <c r="JPL19" s="8"/>
      <c r="JPM19" s="8"/>
      <c r="JPN19" s="8"/>
      <c r="JPO19" s="8"/>
      <c r="JPP19" s="8"/>
      <c r="JPQ19" s="8"/>
      <c r="JPR19" s="8"/>
      <c r="JPS19" s="8"/>
      <c r="JPT19" s="8"/>
      <c r="JPU19" s="8"/>
      <c r="JPV19" s="8"/>
      <c r="JPW19" s="8"/>
      <c r="JPX19" s="8"/>
      <c r="JPY19" s="8"/>
      <c r="JPZ19" s="8"/>
      <c r="JQA19" s="8"/>
      <c r="JQB19" s="8"/>
      <c r="JQC19" s="8"/>
      <c r="JQD19" s="8"/>
      <c r="JQE19" s="8"/>
      <c r="JQF19" s="8"/>
      <c r="JQG19" s="8"/>
      <c r="JQH19" s="8"/>
      <c r="JQI19" s="8"/>
      <c r="JQJ19" s="8"/>
      <c r="JQK19" s="8"/>
      <c r="JQL19" s="8"/>
      <c r="JQM19" s="8"/>
      <c r="JQN19" s="8"/>
      <c r="JQO19" s="8"/>
      <c r="JQP19" s="8"/>
      <c r="JQQ19" s="8"/>
      <c r="JQR19" s="8"/>
      <c r="JQS19" s="8"/>
      <c r="JQT19" s="8"/>
      <c r="JQU19" s="8"/>
      <c r="JQV19" s="8"/>
      <c r="JQW19" s="8"/>
      <c r="JQX19" s="8"/>
      <c r="JQY19" s="8"/>
      <c r="JQZ19" s="8"/>
      <c r="JRA19" s="8"/>
      <c r="JRB19" s="8"/>
      <c r="JRC19" s="8"/>
      <c r="JRD19" s="8"/>
      <c r="JRE19" s="8"/>
      <c r="JRF19" s="8"/>
      <c r="JRG19" s="8"/>
      <c r="JRH19" s="8"/>
      <c r="JRI19" s="8"/>
      <c r="JRJ19" s="8"/>
      <c r="JRK19" s="8"/>
      <c r="JRL19" s="8"/>
      <c r="JRM19" s="8"/>
      <c r="JRN19" s="8"/>
      <c r="JRO19" s="8"/>
      <c r="JRP19" s="8"/>
      <c r="JRQ19" s="8"/>
      <c r="JRR19" s="8"/>
      <c r="JRS19" s="8"/>
      <c r="JRT19" s="8"/>
      <c r="JRU19" s="8"/>
      <c r="JRV19" s="8"/>
      <c r="JRW19" s="8"/>
      <c r="JRX19" s="8"/>
      <c r="JRY19" s="8"/>
      <c r="JRZ19" s="8"/>
      <c r="JSA19" s="8"/>
      <c r="JSB19" s="8"/>
      <c r="JSC19" s="8"/>
      <c r="JSD19" s="8"/>
      <c r="JSE19" s="8"/>
      <c r="JSF19" s="8"/>
      <c r="JSG19" s="8"/>
      <c r="JSH19" s="8"/>
      <c r="JSI19" s="8"/>
      <c r="JSJ19" s="8"/>
      <c r="JSK19" s="8"/>
      <c r="JSL19" s="8"/>
      <c r="JSM19" s="8"/>
      <c r="JSN19" s="8"/>
      <c r="JSO19" s="8"/>
      <c r="JSP19" s="8"/>
      <c r="JSQ19" s="8"/>
      <c r="JSR19" s="8"/>
      <c r="JSS19" s="8"/>
      <c r="JST19" s="8"/>
      <c r="JSU19" s="8"/>
      <c r="JSV19" s="8"/>
      <c r="JSW19" s="8"/>
      <c r="JSX19" s="8"/>
      <c r="JSY19" s="8"/>
      <c r="JSZ19" s="8"/>
      <c r="JTA19" s="8"/>
      <c r="JTB19" s="8"/>
      <c r="JTC19" s="8"/>
      <c r="JTD19" s="8"/>
      <c r="JTE19" s="8"/>
      <c r="JTF19" s="8"/>
      <c r="JTG19" s="8"/>
      <c r="JTH19" s="8"/>
      <c r="JTI19" s="8"/>
      <c r="JTJ19" s="8"/>
      <c r="JTK19" s="8"/>
      <c r="JTL19" s="8"/>
      <c r="JTM19" s="8"/>
      <c r="JTN19" s="8"/>
      <c r="JTO19" s="8"/>
      <c r="JTP19" s="8"/>
      <c r="JTQ19" s="8"/>
      <c r="JTR19" s="8"/>
      <c r="JTS19" s="8"/>
      <c r="JTT19" s="8"/>
      <c r="JTU19" s="8"/>
      <c r="JTV19" s="8"/>
      <c r="JTW19" s="8"/>
      <c r="JTX19" s="8"/>
      <c r="JTY19" s="8"/>
      <c r="JTZ19" s="8"/>
      <c r="JUA19" s="8"/>
      <c r="JUB19" s="8"/>
      <c r="JUC19" s="8"/>
      <c r="JUD19" s="8"/>
      <c r="JUE19" s="8"/>
      <c r="JUF19" s="8"/>
      <c r="JUG19" s="8"/>
      <c r="JUH19" s="8"/>
      <c r="JUI19" s="8"/>
      <c r="JUJ19" s="8"/>
      <c r="JUK19" s="8"/>
      <c r="JUL19" s="8"/>
      <c r="JUM19" s="8"/>
      <c r="JUN19" s="8"/>
      <c r="JUO19" s="8"/>
      <c r="JUP19" s="8"/>
      <c r="JUQ19" s="8"/>
      <c r="JUR19" s="8"/>
      <c r="JUS19" s="8"/>
      <c r="JUT19" s="8"/>
      <c r="JUU19" s="8"/>
      <c r="JUV19" s="8"/>
      <c r="JUW19" s="8"/>
      <c r="JUX19" s="8"/>
      <c r="JUY19" s="8"/>
      <c r="JUZ19" s="8"/>
      <c r="JVA19" s="8"/>
      <c r="JVB19" s="8"/>
      <c r="JVC19" s="8"/>
      <c r="JVD19" s="8"/>
      <c r="JVE19" s="8"/>
      <c r="JVF19" s="8"/>
      <c r="JVG19" s="8"/>
      <c r="JVH19" s="8"/>
      <c r="JVI19" s="8"/>
      <c r="JVJ19" s="8"/>
      <c r="JVK19" s="8"/>
      <c r="JVL19" s="8"/>
      <c r="JVM19" s="8"/>
      <c r="JVN19" s="8"/>
      <c r="JVO19" s="8"/>
      <c r="JVP19" s="8"/>
      <c r="JVQ19" s="8"/>
      <c r="JVR19" s="8"/>
      <c r="JVS19" s="8"/>
      <c r="JVT19" s="8"/>
      <c r="JVU19" s="8"/>
      <c r="JVV19" s="8"/>
      <c r="JVW19" s="8"/>
      <c r="JVX19" s="8"/>
      <c r="JVY19" s="8"/>
      <c r="JVZ19" s="8"/>
      <c r="JWA19" s="8"/>
      <c r="JWB19" s="8"/>
      <c r="JWC19" s="8"/>
      <c r="JWD19" s="8"/>
      <c r="JWE19" s="8"/>
      <c r="JWF19" s="8"/>
      <c r="JWG19" s="8"/>
      <c r="JWH19" s="8"/>
      <c r="JWI19" s="8"/>
      <c r="JWJ19" s="8"/>
      <c r="JWK19" s="8"/>
      <c r="JWL19" s="8"/>
      <c r="JWM19" s="8"/>
      <c r="JWN19" s="8"/>
      <c r="JWO19" s="8"/>
      <c r="JWP19" s="8"/>
      <c r="JWQ19" s="8"/>
      <c r="JWR19" s="8"/>
      <c r="JWS19" s="8"/>
      <c r="JWT19" s="8"/>
      <c r="JWU19" s="8"/>
      <c r="JWV19" s="8"/>
      <c r="JWW19" s="8"/>
      <c r="JWX19" s="8"/>
      <c r="JWY19" s="8"/>
      <c r="JWZ19" s="8"/>
      <c r="JXA19" s="8"/>
      <c r="JXB19" s="8"/>
      <c r="JXC19" s="8"/>
      <c r="JXD19" s="8"/>
      <c r="JXE19" s="8"/>
      <c r="JXF19" s="8"/>
      <c r="JXG19" s="8"/>
      <c r="JXH19" s="8"/>
      <c r="JXI19" s="8"/>
      <c r="JXJ19" s="8"/>
      <c r="JXK19" s="8"/>
      <c r="JXL19" s="8"/>
      <c r="JXM19" s="8"/>
      <c r="JXN19" s="8"/>
      <c r="JXO19" s="8"/>
      <c r="JXP19" s="8"/>
      <c r="JXQ19" s="8"/>
      <c r="JXR19" s="8"/>
      <c r="JXS19" s="8"/>
      <c r="JXT19" s="8"/>
      <c r="JXU19" s="8"/>
      <c r="JXV19" s="8"/>
      <c r="JXW19" s="8"/>
      <c r="JXX19" s="8"/>
      <c r="JXY19" s="8"/>
      <c r="JXZ19" s="8"/>
      <c r="JYA19" s="8"/>
      <c r="JYB19" s="8"/>
      <c r="JYC19" s="8"/>
      <c r="JYD19" s="8"/>
      <c r="JYE19" s="8"/>
      <c r="JYF19" s="8"/>
      <c r="JYG19" s="8"/>
      <c r="JYH19" s="8"/>
      <c r="JYI19" s="8"/>
      <c r="JYJ19" s="8"/>
      <c r="JYK19" s="8"/>
      <c r="JYL19" s="8"/>
      <c r="JYM19" s="8"/>
      <c r="JYN19" s="8"/>
      <c r="JYO19" s="8"/>
      <c r="JYP19" s="8"/>
      <c r="JYQ19" s="8"/>
      <c r="JYR19" s="8"/>
      <c r="JYS19" s="8"/>
      <c r="JYT19" s="8"/>
      <c r="JYU19" s="8"/>
      <c r="JYV19" s="8"/>
      <c r="JYW19" s="8"/>
      <c r="JYX19" s="8"/>
      <c r="JYY19" s="8"/>
      <c r="JYZ19" s="8"/>
      <c r="JZA19" s="8"/>
      <c r="JZB19" s="8"/>
      <c r="JZC19" s="8"/>
      <c r="JZD19" s="8"/>
      <c r="JZE19" s="8"/>
      <c r="JZF19" s="8"/>
      <c r="JZG19" s="8"/>
      <c r="JZH19" s="8"/>
      <c r="JZI19" s="8"/>
      <c r="JZJ19" s="8"/>
      <c r="JZK19" s="8"/>
      <c r="JZL19" s="8"/>
      <c r="JZM19" s="8"/>
      <c r="JZN19" s="8"/>
      <c r="JZO19" s="8"/>
      <c r="JZP19" s="8"/>
      <c r="JZQ19" s="8"/>
      <c r="JZR19" s="8"/>
      <c r="JZS19" s="8"/>
      <c r="JZT19" s="8"/>
      <c r="JZU19" s="8"/>
      <c r="JZV19" s="8"/>
      <c r="JZW19" s="8"/>
      <c r="JZX19" s="8"/>
      <c r="JZY19" s="8"/>
      <c r="JZZ19" s="8"/>
      <c r="KAA19" s="8"/>
      <c r="KAB19" s="8"/>
      <c r="KAC19" s="8"/>
      <c r="KAD19" s="8"/>
      <c r="KAE19" s="8"/>
      <c r="KAF19" s="8"/>
      <c r="KAG19" s="8"/>
      <c r="KAH19" s="8"/>
      <c r="KAI19" s="8"/>
      <c r="KAJ19" s="8"/>
      <c r="KAK19" s="8"/>
      <c r="KAL19" s="8"/>
      <c r="KAM19" s="8"/>
      <c r="KAN19" s="8"/>
      <c r="KAO19" s="8"/>
      <c r="KAP19" s="8"/>
      <c r="KAQ19" s="8"/>
      <c r="KAR19" s="8"/>
      <c r="KAS19" s="8"/>
      <c r="KAT19" s="8"/>
      <c r="KAU19" s="8"/>
      <c r="KAV19" s="8"/>
      <c r="KAW19" s="8"/>
      <c r="KAX19" s="8"/>
      <c r="KAY19" s="8"/>
      <c r="KAZ19" s="8"/>
      <c r="KBA19" s="8"/>
      <c r="KBB19" s="8"/>
      <c r="KBC19" s="8"/>
      <c r="KBD19" s="8"/>
      <c r="KBE19" s="8"/>
      <c r="KBF19" s="8"/>
      <c r="KBG19" s="8"/>
      <c r="KBH19" s="8"/>
      <c r="KBI19" s="8"/>
      <c r="KBJ19" s="8"/>
      <c r="KBK19" s="8"/>
      <c r="KBL19" s="8"/>
      <c r="KBM19" s="8"/>
      <c r="KBN19" s="8"/>
      <c r="KBO19" s="8"/>
      <c r="KBP19" s="8"/>
      <c r="KBQ19" s="8"/>
      <c r="KBR19" s="8"/>
      <c r="KBS19" s="8"/>
      <c r="KBT19" s="8"/>
      <c r="KBU19" s="8"/>
      <c r="KBV19" s="8"/>
      <c r="KBW19" s="8"/>
      <c r="KBX19" s="8"/>
      <c r="KBY19" s="8"/>
      <c r="KBZ19" s="8"/>
      <c r="KCA19" s="8"/>
      <c r="KCB19" s="8"/>
      <c r="KCC19" s="8"/>
      <c r="KCD19" s="8"/>
      <c r="KCE19" s="8"/>
      <c r="KCF19" s="8"/>
      <c r="KCG19" s="8"/>
      <c r="KCH19" s="8"/>
      <c r="KCI19" s="8"/>
      <c r="KCJ19" s="8"/>
      <c r="KCK19" s="8"/>
      <c r="KCL19" s="8"/>
      <c r="KCM19" s="8"/>
      <c r="KCN19" s="8"/>
      <c r="KCO19" s="8"/>
      <c r="KCP19" s="8"/>
      <c r="KCQ19" s="8"/>
      <c r="KCR19" s="8"/>
      <c r="KCS19" s="8"/>
      <c r="KCT19" s="8"/>
      <c r="KCU19" s="8"/>
      <c r="KCV19" s="8"/>
      <c r="KCW19" s="8"/>
      <c r="KCX19" s="8"/>
      <c r="KCY19" s="8"/>
      <c r="KCZ19" s="8"/>
      <c r="KDA19" s="8"/>
      <c r="KDB19" s="8"/>
      <c r="KDC19" s="8"/>
      <c r="KDD19" s="8"/>
      <c r="KDE19" s="8"/>
      <c r="KDF19" s="8"/>
      <c r="KDG19" s="8"/>
      <c r="KDH19" s="8"/>
      <c r="KDI19" s="8"/>
      <c r="KDJ19" s="8"/>
      <c r="KDK19" s="8"/>
      <c r="KDL19" s="8"/>
      <c r="KDM19" s="8"/>
      <c r="KDN19" s="8"/>
      <c r="KDO19" s="8"/>
      <c r="KDP19" s="8"/>
      <c r="KDQ19" s="8"/>
      <c r="KDR19" s="8"/>
      <c r="KDS19" s="8"/>
      <c r="KDT19" s="8"/>
      <c r="KDU19" s="8"/>
      <c r="KDV19" s="8"/>
      <c r="KDW19" s="8"/>
      <c r="KDX19" s="8"/>
      <c r="KDY19" s="8"/>
      <c r="KDZ19" s="8"/>
      <c r="KEA19" s="8"/>
      <c r="KEB19" s="8"/>
      <c r="KEC19" s="8"/>
      <c r="KED19" s="8"/>
      <c r="KEE19" s="8"/>
      <c r="KEF19" s="8"/>
      <c r="KEG19" s="8"/>
      <c r="KEH19" s="8"/>
      <c r="KEI19" s="8"/>
      <c r="KEJ19" s="8"/>
      <c r="KEK19" s="8"/>
      <c r="KEL19" s="8"/>
      <c r="KEM19" s="8"/>
      <c r="KEN19" s="8"/>
      <c r="KEO19" s="8"/>
      <c r="KEP19" s="8"/>
      <c r="KEQ19" s="8"/>
      <c r="KER19" s="8"/>
      <c r="KES19" s="8"/>
      <c r="KET19" s="8"/>
      <c r="KEU19" s="8"/>
      <c r="KEV19" s="8"/>
      <c r="KEW19" s="8"/>
      <c r="KEX19" s="8"/>
      <c r="KEY19" s="8"/>
      <c r="KEZ19" s="8"/>
      <c r="KFA19" s="8"/>
      <c r="KFB19" s="8"/>
      <c r="KFC19" s="8"/>
      <c r="KFD19" s="8"/>
      <c r="KFE19" s="8"/>
      <c r="KFF19" s="8"/>
      <c r="KFG19" s="8"/>
      <c r="KFH19" s="8"/>
      <c r="KFI19" s="8"/>
      <c r="KFJ19" s="8"/>
      <c r="KFK19" s="8"/>
      <c r="KFL19" s="8"/>
      <c r="KFM19" s="8"/>
      <c r="KFN19" s="8"/>
      <c r="KFO19" s="8"/>
      <c r="KFP19" s="8"/>
      <c r="KFQ19" s="8"/>
      <c r="KFR19" s="8"/>
      <c r="KFS19" s="8"/>
      <c r="KFT19" s="8"/>
      <c r="KFU19" s="8"/>
      <c r="KFV19" s="8"/>
      <c r="KFW19" s="8"/>
      <c r="KFX19" s="8"/>
      <c r="KFY19" s="8"/>
      <c r="KFZ19" s="8"/>
      <c r="KGA19" s="8"/>
      <c r="KGB19" s="8"/>
      <c r="KGC19" s="8"/>
      <c r="KGD19" s="8"/>
      <c r="KGE19" s="8"/>
      <c r="KGF19" s="8"/>
      <c r="KGG19" s="8"/>
      <c r="KGH19" s="8"/>
      <c r="KGI19" s="8"/>
      <c r="KGJ19" s="8"/>
      <c r="KGK19" s="8"/>
      <c r="KGL19" s="8"/>
      <c r="KGM19" s="8"/>
      <c r="KGN19" s="8"/>
      <c r="KGO19" s="8"/>
      <c r="KGP19" s="8"/>
      <c r="KGQ19" s="8"/>
      <c r="KGR19" s="8"/>
      <c r="KGS19" s="8"/>
      <c r="KGT19" s="8"/>
      <c r="KGU19" s="8"/>
      <c r="KGV19" s="8"/>
      <c r="KGW19" s="8"/>
      <c r="KGX19" s="8"/>
      <c r="KGY19" s="8"/>
      <c r="KGZ19" s="8"/>
      <c r="KHA19" s="8"/>
      <c r="KHB19" s="8"/>
      <c r="KHC19" s="8"/>
      <c r="KHD19" s="8"/>
      <c r="KHE19" s="8"/>
      <c r="KHF19" s="8"/>
      <c r="KHG19" s="8"/>
      <c r="KHH19" s="8"/>
      <c r="KHI19" s="8"/>
      <c r="KHJ19" s="8"/>
      <c r="KHK19" s="8"/>
      <c r="KHL19" s="8"/>
      <c r="KHM19" s="8"/>
      <c r="KHN19" s="8"/>
      <c r="KHO19" s="8"/>
      <c r="KHP19" s="8"/>
      <c r="KHQ19" s="8"/>
      <c r="KHR19" s="8"/>
      <c r="KHS19" s="8"/>
      <c r="KHT19" s="8"/>
      <c r="KHU19" s="8"/>
      <c r="KHV19" s="8"/>
      <c r="KHW19" s="8"/>
      <c r="KHX19" s="8"/>
      <c r="KHY19" s="8"/>
      <c r="KHZ19" s="8"/>
      <c r="KIA19" s="8"/>
      <c r="KIB19" s="8"/>
      <c r="KIC19" s="8"/>
      <c r="KID19" s="8"/>
      <c r="KIE19" s="8"/>
      <c r="KIF19" s="8"/>
      <c r="KIG19" s="8"/>
      <c r="KIH19" s="8"/>
      <c r="KII19" s="8"/>
      <c r="KIJ19" s="8"/>
      <c r="KIK19" s="8"/>
      <c r="KIL19" s="8"/>
      <c r="KIM19" s="8"/>
      <c r="KIN19" s="8"/>
      <c r="KIO19" s="8"/>
      <c r="KIP19" s="8"/>
      <c r="KIQ19" s="8"/>
      <c r="KIR19" s="8"/>
      <c r="KIS19" s="8"/>
      <c r="KIT19" s="8"/>
      <c r="KIU19" s="8"/>
      <c r="KIV19" s="8"/>
      <c r="KIW19" s="8"/>
      <c r="KIX19" s="8"/>
      <c r="KIY19" s="8"/>
      <c r="KIZ19" s="8"/>
      <c r="KJA19" s="8"/>
      <c r="KJB19" s="8"/>
      <c r="KJC19" s="8"/>
      <c r="KJD19" s="8"/>
      <c r="KJE19" s="8"/>
      <c r="KJF19" s="8"/>
      <c r="KJG19" s="8"/>
      <c r="KJH19" s="8"/>
      <c r="KJI19" s="8"/>
      <c r="KJJ19" s="8"/>
      <c r="KJK19" s="8"/>
      <c r="KJL19" s="8"/>
      <c r="KJM19" s="8"/>
      <c r="KJN19" s="8"/>
      <c r="KJO19" s="8"/>
      <c r="KJP19" s="8"/>
      <c r="KJQ19" s="8"/>
      <c r="KJR19" s="8"/>
      <c r="KJS19" s="8"/>
      <c r="KJT19" s="8"/>
      <c r="KJU19" s="8"/>
      <c r="KJV19" s="8"/>
      <c r="KJW19" s="8"/>
      <c r="KJX19" s="8"/>
      <c r="KJY19" s="8"/>
      <c r="KJZ19" s="8"/>
      <c r="KKA19" s="8"/>
      <c r="KKB19" s="8"/>
      <c r="KKC19" s="8"/>
      <c r="KKD19" s="8"/>
      <c r="KKE19" s="8"/>
      <c r="KKF19" s="8"/>
      <c r="KKG19" s="8"/>
      <c r="KKH19" s="8"/>
      <c r="KKI19" s="8"/>
      <c r="KKJ19" s="8"/>
      <c r="KKK19" s="8"/>
      <c r="KKL19" s="8"/>
      <c r="KKM19" s="8"/>
      <c r="KKN19" s="8"/>
      <c r="KKO19" s="8"/>
      <c r="KKP19" s="8"/>
      <c r="KKQ19" s="8"/>
      <c r="KKR19" s="8"/>
      <c r="KKS19" s="8"/>
      <c r="KKT19" s="8"/>
      <c r="KKU19" s="8"/>
      <c r="KKV19" s="8"/>
      <c r="KKW19" s="8"/>
      <c r="KKX19" s="8"/>
      <c r="KKY19" s="8"/>
      <c r="KKZ19" s="8"/>
      <c r="KLA19" s="8"/>
      <c r="KLB19" s="8"/>
      <c r="KLC19" s="8"/>
      <c r="KLD19" s="8"/>
      <c r="KLE19" s="8"/>
      <c r="KLF19" s="8"/>
      <c r="KLG19" s="8"/>
      <c r="KLH19" s="8"/>
      <c r="KLI19" s="8"/>
      <c r="KLJ19" s="8"/>
      <c r="KLK19" s="8"/>
      <c r="KLL19" s="8"/>
      <c r="KLM19" s="8"/>
      <c r="KLN19" s="8"/>
      <c r="KLO19" s="8"/>
      <c r="KLP19" s="8"/>
      <c r="KLQ19" s="8"/>
      <c r="KLR19" s="8"/>
      <c r="KLS19" s="8"/>
      <c r="KLT19" s="8"/>
      <c r="KLU19" s="8"/>
      <c r="KLV19" s="8"/>
      <c r="KLW19" s="8"/>
      <c r="KLX19" s="8"/>
      <c r="KLY19" s="8"/>
      <c r="KLZ19" s="8"/>
      <c r="KMA19" s="8"/>
      <c r="KMB19" s="8"/>
      <c r="KMC19" s="8"/>
      <c r="KMD19" s="8"/>
      <c r="KME19" s="8"/>
      <c r="KMF19" s="8"/>
      <c r="KMG19" s="8"/>
      <c r="KMH19" s="8"/>
      <c r="KMI19" s="8"/>
      <c r="KMJ19" s="8"/>
      <c r="KMK19" s="8"/>
      <c r="KML19" s="8"/>
      <c r="KMM19" s="8"/>
      <c r="KMN19" s="8"/>
      <c r="KMO19" s="8"/>
      <c r="KMP19" s="8"/>
      <c r="KMQ19" s="8"/>
      <c r="KMR19" s="8"/>
      <c r="KMS19" s="8"/>
      <c r="KMT19" s="8"/>
      <c r="KMU19" s="8"/>
      <c r="KMV19" s="8"/>
      <c r="KMW19" s="8"/>
      <c r="KMX19" s="8"/>
      <c r="KMY19" s="8"/>
      <c r="KMZ19" s="8"/>
      <c r="KNA19" s="8"/>
      <c r="KNB19" s="8"/>
      <c r="KNC19" s="8"/>
      <c r="KND19" s="8"/>
      <c r="KNE19" s="8"/>
      <c r="KNF19" s="8"/>
      <c r="KNG19" s="8"/>
      <c r="KNH19" s="8"/>
      <c r="KNI19" s="8"/>
      <c r="KNJ19" s="8"/>
      <c r="KNK19" s="8"/>
      <c r="KNL19" s="8"/>
      <c r="KNM19" s="8"/>
      <c r="KNN19" s="8"/>
      <c r="KNO19" s="8"/>
      <c r="KNP19" s="8"/>
      <c r="KNQ19" s="8"/>
      <c r="KNR19" s="8"/>
      <c r="KNS19" s="8"/>
      <c r="KNT19" s="8"/>
      <c r="KNU19" s="8"/>
      <c r="KNV19" s="8"/>
      <c r="KNW19" s="8"/>
      <c r="KNX19" s="8"/>
      <c r="KNY19" s="8"/>
      <c r="KNZ19" s="8"/>
      <c r="KOA19" s="8"/>
      <c r="KOB19" s="8"/>
      <c r="KOC19" s="8"/>
      <c r="KOD19" s="8"/>
      <c r="KOE19" s="8"/>
      <c r="KOF19" s="8"/>
      <c r="KOG19" s="8"/>
      <c r="KOH19" s="8"/>
      <c r="KOI19" s="8"/>
      <c r="KOJ19" s="8"/>
      <c r="KOK19" s="8"/>
      <c r="KOL19" s="8"/>
      <c r="KOM19" s="8"/>
      <c r="KON19" s="8"/>
      <c r="KOO19" s="8"/>
      <c r="KOP19" s="8"/>
      <c r="KOQ19" s="8"/>
      <c r="KOR19" s="8"/>
      <c r="KOS19" s="8"/>
      <c r="KOT19" s="8"/>
      <c r="KOU19" s="8"/>
      <c r="KOV19" s="8"/>
      <c r="KOW19" s="8"/>
      <c r="KOX19" s="8"/>
      <c r="KOY19" s="8"/>
      <c r="KOZ19" s="8"/>
      <c r="KPA19" s="8"/>
      <c r="KPB19" s="8"/>
      <c r="KPC19" s="8"/>
      <c r="KPD19" s="8"/>
      <c r="KPE19" s="8"/>
      <c r="KPF19" s="8"/>
      <c r="KPG19" s="8"/>
      <c r="KPH19" s="8"/>
      <c r="KPI19" s="8"/>
      <c r="KPJ19" s="8"/>
      <c r="KPK19" s="8"/>
      <c r="KPL19" s="8"/>
      <c r="KPM19" s="8"/>
      <c r="KPN19" s="8"/>
      <c r="KPO19" s="8"/>
      <c r="KPP19" s="8"/>
      <c r="KPQ19" s="8"/>
      <c r="KPR19" s="8"/>
      <c r="KPS19" s="8"/>
      <c r="KPT19" s="8"/>
      <c r="KPU19" s="8"/>
      <c r="KPV19" s="8"/>
      <c r="KPW19" s="8"/>
      <c r="KPX19" s="8"/>
      <c r="KPY19" s="8"/>
      <c r="KPZ19" s="8"/>
      <c r="KQA19" s="8"/>
      <c r="KQB19" s="8"/>
      <c r="KQC19" s="8"/>
      <c r="KQD19" s="8"/>
      <c r="KQE19" s="8"/>
      <c r="KQF19" s="8"/>
      <c r="KQG19" s="8"/>
      <c r="KQH19" s="8"/>
      <c r="KQI19" s="8"/>
      <c r="KQJ19" s="8"/>
      <c r="KQK19" s="8"/>
      <c r="KQL19" s="8"/>
      <c r="KQM19" s="8"/>
      <c r="KQN19" s="8"/>
      <c r="KQO19" s="8"/>
      <c r="KQP19" s="8"/>
      <c r="KQQ19" s="8"/>
      <c r="KQR19" s="8"/>
      <c r="KQS19" s="8"/>
      <c r="KQT19" s="8"/>
      <c r="KQU19" s="8"/>
      <c r="KQV19" s="8"/>
      <c r="KQW19" s="8"/>
      <c r="KQX19" s="8"/>
      <c r="KQY19" s="8"/>
      <c r="KQZ19" s="8"/>
      <c r="KRA19" s="8"/>
      <c r="KRB19" s="8"/>
      <c r="KRC19" s="8"/>
      <c r="KRD19" s="8"/>
      <c r="KRE19" s="8"/>
      <c r="KRF19" s="8"/>
      <c r="KRG19" s="8"/>
      <c r="KRH19" s="8"/>
      <c r="KRI19" s="8"/>
      <c r="KRJ19" s="8"/>
      <c r="KRK19" s="8"/>
      <c r="KRL19" s="8"/>
      <c r="KRM19" s="8"/>
      <c r="KRN19" s="8"/>
      <c r="KRO19" s="8"/>
      <c r="KRP19" s="8"/>
      <c r="KRQ19" s="8"/>
      <c r="KRR19" s="8"/>
      <c r="KRS19" s="8"/>
      <c r="KRT19" s="8"/>
      <c r="KRU19" s="8"/>
      <c r="KRV19" s="8"/>
      <c r="KRW19" s="8"/>
      <c r="KRX19" s="8"/>
      <c r="KRY19" s="8"/>
      <c r="KRZ19" s="8"/>
      <c r="KSA19" s="8"/>
      <c r="KSB19" s="8"/>
      <c r="KSC19" s="8"/>
      <c r="KSD19" s="8"/>
      <c r="KSE19" s="8"/>
      <c r="KSF19" s="8"/>
      <c r="KSG19" s="8"/>
      <c r="KSH19" s="8"/>
      <c r="KSI19" s="8"/>
      <c r="KSJ19" s="8"/>
      <c r="KSK19" s="8"/>
      <c r="KSL19" s="8"/>
      <c r="KSM19" s="8"/>
      <c r="KSN19" s="8"/>
      <c r="KSO19" s="8"/>
      <c r="KSP19" s="8"/>
      <c r="KSQ19" s="8"/>
      <c r="KSR19" s="8"/>
      <c r="KSS19" s="8"/>
      <c r="KST19" s="8"/>
      <c r="KSU19" s="8"/>
      <c r="KSV19" s="8"/>
      <c r="KSW19" s="8"/>
      <c r="KSX19" s="8"/>
      <c r="KSY19" s="8"/>
      <c r="KSZ19" s="8"/>
      <c r="KTA19" s="8"/>
      <c r="KTB19" s="8"/>
      <c r="KTC19" s="8"/>
      <c r="KTD19" s="8"/>
      <c r="KTE19" s="8"/>
      <c r="KTF19" s="8"/>
      <c r="KTG19" s="8"/>
      <c r="KTH19" s="8"/>
      <c r="KTI19" s="8"/>
      <c r="KTJ19" s="8"/>
      <c r="KTK19" s="8"/>
      <c r="KTL19" s="8"/>
      <c r="KTM19" s="8"/>
      <c r="KTN19" s="8"/>
      <c r="KTO19" s="8"/>
      <c r="KTP19" s="8"/>
      <c r="KTQ19" s="8"/>
      <c r="KTR19" s="8"/>
      <c r="KTS19" s="8"/>
      <c r="KTT19" s="8"/>
      <c r="KTU19" s="8"/>
      <c r="KTV19" s="8"/>
      <c r="KTW19" s="8"/>
      <c r="KTX19" s="8"/>
      <c r="KTY19" s="8"/>
      <c r="KTZ19" s="8"/>
      <c r="KUA19" s="8"/>
      <c r="KUB19" s="8"/>
      <c r="KUC19" s="8"/>
      <c r="KUD19" s="8"/>
      <c r="KUE19" s="8"/>
      <c r="KUF19" s="8"/>
      <c r="KUG19" s="8"/>
      <c r="KUH19" s="8"/>
      <c r="KUI19" s="8"/>
      <c r="KUJ19" s="8"/>
      <c r="KUK19" s="8"/>
      <c r="KUL19" s="8"/>
      <c r="KUM19" s="8"/>
      <c r="KUN19" s="8"/>
      <c r="KUO19" s="8"/>
      <c r="KUP19" s="8"/>
      <c r="KUQ19" s="8"/>
      <c r="KUR19" s="8"/>
      <c r="KUS19" s="8"/>
      <c r="KUT19" s="8"/>
      <c r="KUU19" s="8"/>
      <c r="KUV19" s="8"/>
      <c r="KUW19" s="8"/>
      <c r="KUX19" s="8"/>
      <c r="KUY19" s="8"/>
      <c r="KUZ19" s="8"/>
      <c r="KVA19" s="8"/>
      <c r="KVB19" s="8"/>
      <c r="KVC19" s="8"/>
      <c r="KVD19" s="8"/>
      <c r="KVE19" s="8"/>
      <c r="KVF19" s="8"/>
      <c r="KVG19" s="8"/>
      <c r="KVH19" s="8"/>
      <c r="KVI19" s="8"/>
      <c r="KVJ19" s="8"/>
      <c r="KVK19" s="8"/>
      <c r="KVL19" s="8"/>
      <c r="KVM19" s="8"/>
      <c r="KVN19" s="8"/>
      <c r="KVO19" s="8"/>
      <c r="KVP19" s="8"/>
      <c r="KVQ19" s="8"/>
      <c r="KVR19" s="8"/>
      <c r="KVS19" s="8"/>
      <c r="KVT19" s="8"/>
      <c r="KVU19" s="8"/>
      <c r="KVV19" s="8"/>
      <c r="KVW19" s="8"/>
      <c r="KVX19" s="8"/>
      <c r="KVY19" s="8"/>
      <c r="KVZ19" s="8"/>
      <c r="KWA19" s="8"/>
      <c r="KWB19" s="8"/>
      <c r="KWC19" s="8"/>
      <c r="KWD19" s="8"/>
      <c r="KWE19" s="8"/>
      <c r="KWF19" s="8"/>
      <c r="KWG19" s="8"/>
      <c r="KWH19" s="8"/>
      <c r="KWI19" s="8"/>
      <c r="KWJ19" s="8"/>
      <c r="KWK19" s="8"/>
      <c r="KWL19" s="8"/>
      <c r="KWM19" s="8"/>
      <c r="KWN19" s="8"/>
      <c r="KWO19" s="8"/>
      <c r="KWP19" s="8"/>
      <c r="KWQ19" s="8"/>
      <c r="KWR19" s="8"/>
      <c r="KWS19" s="8"/>
      <c r="KWT19" s="8"/>
      <c r="KWU19" s="8"/>
      <c r="KWV19" s="8"/>
      <c r="KWW19" s="8"/>
      <c r="KWX19" s="8"/>
      <c r="KWY19" s="8"/>
      <c r="KWZ19" s="8"/>
      <c r="KXA19" s="8"/>
      <c r="KXB19" s="8"/>
      <c r="KXC19" s="8"/>
      <c r="KXD19" s="8"/>
      <c r="KXE19" s="8"/>
      <c r="KXF19" s="8"/>
      <c r="KXG19" s="8"/>
      <c r="KXH19" s="8"/>
      <c r="KXI19" s="8"/>
      <c r="KXJ19" s="8"/>
      <c r="KXK19" s="8"/>
      <c r="KXL19" s="8"/>
      <c r="KXM19" s="8"/>
      <c r="KXN19" s="8"/>
      <c r="KXO19" s="8"/>
      <c r="KXP19" s="8"/>
      <c r="KXQ19" s="8"/>
      <c r="KXR19" s="8"/>
      <c r="KXS19" s="8"/>
      <c r="KXT19" s="8"/>
      <c r="KXU19" s="8"/>
      <c r="KXV19" s="8"/>
      <c r="KXW19" s="8"/>
      <c r="KXX19" s="8"/>
      <c r="KXY19" s="8"/>
      <c r="KXZ19" s="8"/>
      <c r="KYA19" s="8"/>
      <c r="KYB19" s="8"/>
      <c r="KYC19" s="8"/>
      <c r="KYD19" s="8"/>
      <c r="KYE19" s="8"/>
      <c r="KYF19" s="8"/>
      <c r="KYG19" s="8"/>
      <c r="KYH19" s="8"/>
      <c r="KYI19" s="8"/>
      <c r="KYJ19" s="8"/>
      <c r="KYK19" s="8"/>
      <c r="KYL19" s="8"/>
      <c r="KYM19" s="8"/>
      <c r="KYN19" s="8"/>
      <c r="KYO19" s="8"/>
      <c r="KYP19" s="8"/>
      <c r="KYQ19" s="8"/>
      <c r="KYR19" s="8"/>
      <c r="KYS19" s="8"/>
      <c r="KYT19" s="8"/>
      <c r="KYU19" s="8"/>
      <c r="KYV19" s="8"/>
      <c r="KYW19" s="8"/>
      <c r="KYX19" s="8"/>
      <c r="KYY19" s="8"/>
      <c r="KYZ19" s="8"/>
      <c r="KZA19" s="8"/>
      <c r="KZB19" s="8"/>
      <c r="KZC19" s="8"/>
      <c r="KZD19" s="8"/>
      <c r="KZE19" s="8"/>
      <c r="KZF19" s="8"/>
      <c r="KZG19" s="8"/>
      <c r="KZH19" s="8"/>
      <c r="KZI19" s="8"/>
      <c r="KZJ19" s="8"/>
      <c r="KZK19" s="8"/>
      <c r="KZL19" s="8"/>
      <c r="KZM19" s="8"/>
      <c r="KZN19" s="8"/>
      <c r="KZO19" s="8"/>
      <c r="KZP19" s="8"/>
      <c r="KZQ19" s="8"/>
      <c r="KZR19" s="8"/>
      <c r="KZS19" s="8"/>
      <c r="KZT19" s="8"/>
      <c r="KZU19" s="8"/>
      <c r="KZV19" s="8"/>
      <c r="KZW19" s="8"/>
      <c r="KZX19" s="8"/>
      <c r="KZY19" s="8"/>
      <c r="KZZ19" s="8"/>
      <c r="LAA19" s="8"/>
      <c r="LAB19" s="8"/>
      <c r="LAC19" s="8"/>
      <c r="LAD19" s="8"/>
      <c r="LAE19" s="8"/>
      <c r="LAF19" s="8"/>
      <c r="LAG19" s="8"/>
      <c r="LAH19" s="8"/>
      <c r="LAI19" s="8"/>
      <c r="LAJ19" s="8"/>
      <c r="LAK19" s="8"/>
      <c r="LAL19" s="8"/>
      <c r="LAM19" s="8"/>
      <c r="LAN19" s="8"/>
      <c r="LAO19" s="8"/>
      <c r="LAP19" s="8"/>
      <c r="LAQ19" s="8"/>
      <c r="LAR19" s="8"/>
      <c r="LAS19" s="8"/>
      <c r="LAT19" s="8"/>
      <c r="LAU19" s="8"/>
      <c r="LAV19" s="8"/>
      <c r="LAW19" s="8"/>
      <c r="LAX19" s="8"/>
      <c r="LAY19" s="8"/>
      <c r="LAZ19" s="8"/>
      <c r="LBA19" s="8"/>
      <c r="LBB19" s="8"/>
      <c r="LBC19" s="8"/>
      <c r="LBD19" s="8"/>
      <c r="LBE19" s="8"/>
      <c r="LBF19" s="8"/>
      <c r="LBG19" s="8"/>
      <c r="LBH19" s="8"/>
      <c r="LBI19" s="8"/>
      <c r="LBJ19" s="8"/>
      <c r="LBK19" s="8"/>
      <c r="LBL19" s="8"/>
      <c r="LBM19" s="8"/>
      <c r="LBN19" s="8"/>
      <c r="LBO19" s="8"/>
      <c r="LBP19" s="8"/>
      <c r="LBQ19" s="8"/>
      <c r="LBR19" s="8"/>
      <c r="LBS19" s="8"/>
      <c r="LBT19" s="8"/>
      <c r="LBU19" s="8"/>
      <c r="LBV19" s="8"/>
      <c r="LBW19" s="8"/>
      <c r="LBX19" s="8"/>
      <c r="LBY19" s="8"/>
      <c r="LBZ19" s="8"/>
      <c r="LCA19" s="8"/>
      <c r="LCB19" s="8"/>
      <c r="LCC19" s="8"/>
      <c r="LCD19" s="8"/>
      <c r="LCE19" s="8"/>
      <c r="LCF19" s="8"/>
      <c r="LCG19" s="8"/>
      <c r="LCH19" s="8"/>
      <c r="LCI19" s="8"/>
      <c r="LCJ19" s="8"/>
      <c r="LCK19" s="8"/>
      <c r="LCL19" s="8"/>
      <c r="LCM19" s="8"/>
      <c r="LCN19" s="8"/>
      <c r="LCO19" s="8"/>
      <c r="LCP19" s="8"/>
      <c r="LCQ19" s="8"/>
      <c r="LCR19" s="8"/>
      <c r="LCS19" s="8"/>
      <c r="LCT19" s="8"/>
      <c r="LCU19" s="8"/>
      <c r="LCV19" s="8"/>
      <c r="LCW19" s="8"/>
      <c r="LCX19" s="8"/>
      <c r="LCY19" s="8"/>
      <c r="LCZ19" s="8"/>
      <c r="LDA19" s="8"/>
      <c r="LDB19" s="8"/>
      <c r="LDC19" s="8"/>
      <c r="LDD19" s="8"/>
      <c r="LDE19" s="8"/>
      <c r="LDF19" s="8"/>
      <c r="LDG19" s="8"/>
      <c r="LDH19" s="8"/>
      <c r="LDI19" s="8"/>
      <c r="LDJ19" s="8"/>
      <c r="LDK19" s="8"/>
      <c r="LDL19" s="8"/>
      <c r="LDM19" s="8"/>
      <c r="LDN19" s="8"/>
      <c r="LDO19" s="8"/>
      <c r="LDP19" s="8"/>
      <c r="LDQ19" s="8"/>
      <c r="LDR19" s="8"/>
      <c r="LDS19" s="8"/>
      <c r="LDT19" s="8"/>
      <c r="LDU19" s="8"/>
      <c r="LDV19" s="8"/>
      <c r="LDW19" s="8"/>
      <c r="LDX19" s="8"/>
      <c r="LDY19" s="8"/>
      <c r="LDZ19" s="8"/>
      <c r="LEA19" s="8"/>
      <c r="LEB19" s="8"/>
      <c r="LEC19" s="8"/>
      <c r="LED19" s="8"/>
      <c r="LEE19" s="8"/>
      <c r="LEF19" s="8"/>
      <c r="LEG19" s="8"/>
      <c r="LEH19" s="8"/>
      <c r="LEI19" s="8"/>
      <c r="LEJ19" s="8"/>
      <c r="LEK19" s="8"/>
      <c r="LEL19" s="8"/>
      <c r="LEM19" s="8"/>
      <c r="LEN19" s="8"/>
      <c r="LEO19" s="8"/>
      <c r="LEP19" s="8"/>
      <c r="LEQ19" s="8"/>
      <c r="LER19" s="8"/>
      <c r="LES19" s="8"/>
      <c r="LET19" s="8"/>
      <c r="LEU19" s="8"/>
      <c r="LEV19" s="8"/>
      <c r="LEW19" s="8"/>
      <c r="LEX19" s="8"/>
      <c r="LEY19" s="8"/>
      <c r="LEZ19" s="8"/>
      <c r="LFA19" s="8"/>
      <c r="LFB19" s="8"/>
      <c r="LFC19" s="8"/>
      <c r="LFD19" s="8"/>
      <c r="LFE19" s="8"/>
      <c r="LFF19" s="8"/>
      <c r="LFG19" s="8"/>
      <c r="LFH19" s="8"/>
      <c r="LFI19" s="8"/>
      <c r="LFJ19" s="8"/>
      <c r="LFK19" s="8"/>
      <c r="LFL19" s="8"/>
      <c r="LFM19" s="8"/>
      <c r="LFN19" s="8"/>
      <c r="LFO19" s="8"/>
      <c r="LFP19" s="8"/>
      <c r="LFQ19" s="8"/>
      <c r="LFR19" s="8"/>
      <c r="LFS19" s="8"/>
      <c r="LFT19" s="8"/>
      <c r="LFU19" s="8"/>
      <c r="LFV19" s="8"/>
      <c r="LFW19" s="8"/>
      <c r="LFX19" s="8"/>
      <c r="LFY19" s="8"/>
      <c r="LFZ19" s="8"/>
      <c r="LGA19" s="8"/>
      <c r="LGB19" s="8"/>
      <c r="LGC19" s="8"/>
      <c r="LGD19" s="8"/>
      <c r="LGE19" s="8"/>
      <c r="LGF19" s="8"/>
      <c r="LGG19" s="8"/>
      <c r="LGH19" s="8"/>
      <c r="LGI19" s="8"/>
      <c r="LGJ19" s="8"/>
      <c r="LGK19" s="8"/>
      <c r="LGL19" s="8"/>
      <c r="LGM19" s="8"/>
      <c r="LGN19" s="8"/>
      <c r="LGO19" s="8"/>
      <c r="LGP19" s="8"/>
      <c r="LGQ19" s="8"/>
      <c r="LGR19" s="8"/>
      <c r="LGS19" s="8"/>
      <c r="LGT19" s="8"/>
      <c r="LGU19" s="8"/>
      <c r="LGV19" s="8"/>
      <c r="LGW19" s="8"/>
      <c r="LGX19" s="8"/>
      <c r="LGY19" s="8"/>
      <c r="LGZ19" s="8"/>
      <c r="LHA19" s="8"/>
      <c r="LHB19" s="8"/>
      <c r="LHC19" s="8"/>
      <c r="LHD19" s="8"/>
      <c r="LHE19" s="8"/>
      <c r="LHF19" s="8"/>
      <c r="LHG19" s="8"/>
      <c r="LHH19" s="8"/>
      <c r="LHI19" s="8"/>
      <c r="LHJ19" s="8"/>
      <c r="LHK19" s="8"/>
      <c r="LHL19" s="8"/>
      <c r="LHM19" s="8"/>
      <c r="LHN19" s="8"/>
      <c r="LHO19" s="8"/>
      <c r="LHP19" s="8"/>
      <c r="LHQ19" s="8"/>
      <c r="LHR19" s="8"/>
      <c r="LHS19" s="8"/>
      <c r="LHT19" s="8"/>
      <c r="LHU19" s="8"/>
      <c r="LHV19" s="8"/>
      <c r="LHW19" s="8"/>
      <c r="LHX19" s="8"/>
      <c r="LHY19" s="8"/>
      <c r="LHZ19" s="8"/>
      <c r="LIA19" s="8"/>
      <c r="LIB19" s="8"/>
      <c r="LIC19" s="8"/>
      <c r="LID19" s="8"/>
      <c r="LIE19" s="8"/>
      <c r="LIF19" s="8"/>
      <c r="LIG19" s="8"/>
      <c r="LIH19" s="8"/>
      <c r="LII19" s="8"/>
      <c r="LIJ19" s="8"/>
      <c r="LIK19" s="8"/>
      <c r="LIL19" s="8"/>
      <c r="LIM19" s="8"/>
      <c r="LIN19" s="8"/>
      <c r="LIO19" s="8"/>
      <c r="LIP19" s="8"/>
      <c r="LIQ19" s="8"/>
      <c r="LIR19" s="8"/>
      <c r="LIS19" s="8"/>
      <c r="LIT19" s="8"/>
      <c r="LIU19" s="8"/>
      <c r="LIV19" s="8"/>
      <c r="LIW19" s="8"/>
      <c r="LIX19" s="8"/>
      <c r="LIY19" s="8"/>
      <c r="LIZ19" s="8"/>
      <c r="LJA19" s="8"/>
      <c r="LJB19" s="8"/>
      <c r="LJC19" s="8"/>
      <c r="LJD19" s="8"/>
      <c r="LJE19" s="8"/>
      <c r="LJF19" s="8"/>
      <c r="LJG19" s="8"/>
      <c r="LJH19" s="8"/>
      <c r="LJI19" s="8"/>
      <c r="LJJ19" s="8"/>
      <c r="LJK19" s="8"/>
      <c r="LJL19" s="8"/>
      <c r="LJM19" s="8"/>
      <c r="LJN19" s="8"/>
      <c r="LJO19" s="8"/>
      <c r="LJP19" s="8"/>
      <c r="LJQ19" s="8"/>
      <c r="LJR19" s="8"/>
      <c r="LJS19" s="8"/>
      <c r="LJT19" s="8"/>
      <c r="LJU19" s="8"/>
      <c r="LJV19" s="8"/>
      <c r="LJW19" s="8"/>
      <c r="LJX19" s="8"/>
      <c r="LJY19" s="8"/>
      <c r="LJZ19" s="8"/>
      <c r="LKA19" s="8"/>
      <c r="LKB19" s="8"/>
      <c r="LKC19" s="8"/>
      <c r="LKD19" s="8"/>
      <c r="LKE19" s="8"/>
      <c r="LKF19" s="8"/>
      <c r="LKG19" s="8"/>
      <c r="LKH19" s="8"/>
      <c r="LKI19" s="8"/>
      <c r="LKJ19" s="8"/>
      <c r="LKK19" s="8"/>
      <c r="LKL19" s="8"/>
      <c r="LKM19" s="8"/>
      <c r="LKN19" s="8"/>
      <c r="LKO19" s="8"/>
      <c r="LKP19" s="8"/>
      <c r="LKQ19" s="8"/>
      <c r="LKR19" s="8"/>
      <c r="LKS19" s="8"/>
      <c r="LKT19" s="8"/>
      <c r="LKU19" s="8"/>
      <c r="LKV19" s="8"/>
      <c r="LKW19" s="8"/>
      <c r="LKX19" s="8"/>
      <c r="LKY19" s="8"/>
      <c r="LKZ19" s="8"/>
      <c r="LLA19" s="8"/>
      <c r="LLB19" s="8"/>
      <c r="LLC19" s="8"/>
      <c r="LLD19" s="8"/>
      <c r="LLE19" s="8"/>
      <c r="LLF19" s="8"/>
      <c r="LLG19" s="8"/>
      <c r="LLH19" s="8"/>
      <c r="LLI19" s="8"/>
      <c r="LLJ19" s="8"/>
      <c r="LLK19" s="8"/>
      <c r="LLL19" s="8"/>
      <c r="LLM19" s="8"/>
      <c r="LLN19" s="8"/>
      <c r="LLO19" s="8"/>
      <c r="LLP19" s="8"/>
      <c r="LLQ19" s="8"/>
      <c r="LLR19" s="8"/>
      <c r="LLS19" s="8"/>
      <c r="LLT19" s="8"/>
      <c r="LLU19" s="8"/>
      <c r="LLV19" s="8"/>
      <c r="LLW19" s="8"/>
      <c r="LLX19" s="8"/>
      <c r="LLY19" s="8"/>
      <c r="LLZ19" s="8"/>
      <c r="LMA19" s="8"/>
      <c r="LMB19" s="8"/>
      <c r="LMC19" s="8"/>
      <c r="LMD19" s="8"/>
      <c r="LME19" s="8"/>
      <c r="LMF19" s="8"/>
      <c r="LMG19" s="8"/>
      <c r="LMH19" s="8"/>
      <c r="LMI19" s="8"/>
      <c r="LMJ19" s="8"/>
      <c r="LMK19" s="8"/>
      <c r="LML19" s="8"/>
      <c r="LMM19" s="8"/>
      <c r="LMN19" s="8"/>
      <c r="LMO19" s="8"/>
      <c r="LMP19" s="8"/>
      <c r="LMQ19" s="8"/>
      <c r="LMR19" s="8"/>
      <c r="LMS19" s="8"/>
      <c r="LMT19" s="8"/>
      <c r="LMU19" s="8"/>
      <c r="LMV19" s="8"/>
      <c r="LMW19" s="8"/>
      <c r="LMX19" s="8"/>
      <c r="LMY19" s="8"/>
      <c r="LMZ19" s="8"/>
      <c r="LNA19" s="8"/>
      <c r="LNB19" s="8"/>
      <c r="LNC19" s="8"/>
      <c r="LND19" s="8"/>
      <c r="LNE19" s="8"/>
      <c r="LNF19" s="8"/>
      <c r="LNG19" s="8"/>
      <c r="LNH19" s="8"/>
      <c r="LNI19" s="8"/>
      <c r="LNJ19" s="8"/>
      <c r="LNK19" s="8"/>
      <c r="LNL19" s="8"/>
      <c r="LNM19" s="8"/>
      <c r="LNN19" s="8"/>
      <c r="LNO19" s="8"/>
      <c r="LNP19" s="8"/>
      <c r="LNQ19" s="8"/>
      <c r="LNR19" s="8"/>
      <c r="LNS19" s="8"/>
      <c r="LNT19" s="8"/>
      <c r="LNU19" s="8"/>
      <c r="LNV19" s="8"/>
      <c r="LNW19" s="8"/>
      <c r="LNX19" s="8"/>
      <c r="LNY19" s="8"/>
      <c r="LNZ19" s="8"/>
      <c r="LOA19" s="8"/>
      <c r="LOB19" s="8"/>
      <c r="LOC19" s="8"/>
      <c r="LOD19" s="8"/>
      <c r="LOE19" s="8"/>
      <c r="LOF19" s="8"/>
      <c r="LOG19" s="8"/>
      <c r="LOH19" s="8"/>
      <c r="LOI19" s="8"/>
      <c r="LOJ19" s="8"/>
      <c r="LOK19" s="8"/>
      <c r="LOL19" s="8"/>
      <c r="LOM19" s="8"/>
      <c r="LON19" s="8"/>
      <c r="LOO19" s="8"/>
      <c r="LOP19" s="8"/>
      <c r="LOQ19" s="8"/>
      <c r="LOR19" s="8"/>
      <c r="LOS19" s="8"/>
      <c r="LOT19" s="8"/>
      <c r="LOU19" s="8"/>
      <c r="LOV19" s="8"/>
      <c r="LOW19" s="8"/>
      <c r="LOX19" s="8"/>
      <c r="LOY19" s="8"/>
      <c r="LOZ19" s="8"/>
      <c r="LPA19" s="8"/>
      <c r="LPB19" s="8"/>
      <c r="LPC19" s="8"/>
      <c r="LPD19" s="8"/>
      <c r="LPE19" s="8"/>
      <c r="LPF19" s="8"/>
      <c r="LPG19" s="8"/>
      <c r="LPH19" s="8"/>
      <c r="LPI19" s="8"/>
      <c r="LPJ19" s="8"/>
      <c r="LPK19" s="8"/>
      <c r="LPL19" s="8"/>
      <c r="LPM19" s="8"/>
      <c r="LPN19" s="8"/>
      <c r="LPO19" s="8"/>
      <c r="LPP19" s="8"/>
      <c r="LPQ19" s="8"/>
      <c r="LPR19" s="8"/>
      <c r="LPS19" s="8"/>
      <c r="LPT19" s="8"/>
      <c r="LPU19" s="8"/>
      <c r="LPV19" s="8"/>
      <c r="LPW19" s="8"/>
      <c r="LPX19" s="8"/>
      <c r="LPY19" s="8"/>
      <c r="LPZ19" s="8"/>
      <c r="LQA19" s="8"/>
      <c r="LQB19" s="8"/>
      <c r="LQC19" s="8"/>
      <c r="LQD19" s="8"/>
      <c r="LQE19" s="8"/>
      <c r="LQF19" s="8"/>
      <c r="LQG19" s="8"/>
      <c r="LQH19" s="8"/>
      <c r="LQI19" s="8"/>
      <c r="LQJ19" s="8"/>
      <c r="LQK19" s="8"/>
      <c r="LQL19" s="8"/>
      <c r="LQM19" s="8"/>
      <c r="LQN19" s="8"/>
      <c r="LQO19" s="8"/>
      <c r="LQP19" s="8"/>
      <c r="LQQ19" s="8"/>
      <c r="LQR19" s="8"/>
      <c r="LQS19" s="8"/>
      <c r="LQT19" s="8"/>
      <c r="LQU19" s="8"/>
      <c r="LQV19" s="8"/>
      <c r="LQW19" s="8"/>
      <c r="LQX19" s="8"/>
      <c r="LQY19" s="8"/>
      <c r="LQZ19" s="8"/>
      <c r="LRA19" s="8"/>
      <c r="LRB19" s="8"/>
      <c r="LRC19" s="8"/>
      <c r="LRD19" s="8"/>
      <c r="LRE19" s="8"/>
      <c r="LRF19" s="8"/>
      <c r="LRG19" s="8"/>
      <c r="LRH19" s="8"/>
      <c r="LRI19" s="8"/>
      <c r="LRJ19" s="8"/>
      <c r="LRK19" s="8"/>
      <c r="LRL19" s="8"/>
      <c r="LRM19" s="8"/>
      <c r="LRN19" s="8"/>
      <c r="LRO19" s="8"/>
      <c r="LRP19" s="8"/>
      <c r="LRQ19" s="8"/>
      <c r="LRR19" s="8"/>
      <c r="LRS19" s="8"/>
      <c r="LRT19" s="8"/>
      <c r="LRU19" s="8"/>
      <c r="LRV19" s="8"/>
      <c r="LRW19" s="8"/>
      <c r="LRX19" s="8"/>
      <c r="LRY19" s="8"/>
      <c r="LRZ19" s="8"/>
      <c r="LSA19" s="8"/>
      <c r="LSB19" s="8"/>
      <c r="LSC19" s="8"/>
      <c r="LSD19" s="8"/>
      <c r="LSE19" s="8"/>
      <c r="LSF19" s="8"/>
      <c r="LSG19" s="8"/>
      <c r="LSH19" s="8"/>
      <c r="LSI19" s="8"/>
      <c r="LSJ19" s="8"/>
      <c r="LSK19" s="8"/>
      <c r="LSL19" s="8"/>
      <c r="LSM19" s="8"/>
      <c r="LSN19" s="8"/>
      <c r="LSO19" s="8"/>
      <c r="LSP19" s="8"/>
      <c r="LSQ19" s="8"/>
      <c r="LSR19" s="8"/>
      <c r="LSS19" s="8"/>
      <c r="LST19" s="8"/>
      <c r="LSU19" s="8"/>
      <c r="LSV19" s="8"/>
      <c r="LSW19" s="8"/>
      <c r="LSX19" s="8"/>
      <c r="LSY19" s="8"/>
      <c r="LSZ19" s="8"/>
      <c r="LTA19" s="8"/>
      <c r="LTB19" s="8"/>
      <c r="LTC19" s="8"/>
      <c r="LTD19" s="8"/>
      <c r="LTE19" s="8"/>
      <c r="LTF19" s="8"/>
      <c r="LTG19" s="8"/>
      <c r="LTH19" s="8"/>
      <c r="LTI19" s="8"/>
      <c r="LTJ19" s="8"/>
      <c r="LTK19" s="8"/>
      <c r="LTL19" s="8"/>
      <c r="LTM19" s="8"/>
      <c r="LTN19" s="8"/>
      <c r="LTO19" s="8"/>
      <c r="LTP19" s="8"/>
      <c r="LTQ19" s="8"/>
      <c r="LTR19" s="8"/>
      <c r="LTS19" s="8"/>
      <c r="LTT19" s="8"/>
      <c r="LTU19" s="8"/>
      <c r="LTV19" s="8"/>
      <c r="LTW19" s="8"/>
      <c r="LTX19" s="8"/>
      <c r="LTY19" s="8"/>
      <c r="LTZ19" s="8"/>
      <c r="LUA19" s="8"/>
      <c r="LUB19" s="8"/>
      <c r="LUC19" s="8"/>
      <c r="LUD19" s="8"/>
      <c r="LUE19" s="8"/>
      <c r="LUF19" s="8"/>
      <c r="LUG19" s="8"/>
      <c r="LUH19" s="8"/>
      <c r="LUI19" s="8"/>
      <c r="LUJ19" s="8"/>
      <c r="LUK19" s="8"/>
      <c r="LUL19" s="8"/>
      <c r="LUM19" s="8"/>
      <c r="LUN19" s="8"/>
      <c r="LUO19" s="8"/>
      <c r="LUP19" s="8"/>
      <c r="LUQ19" s="8"/>
      <c r="LUR19" s="8"/>
      <c r="LUS19" s="8"/>
      <c r="LUT19" s="8"/>
      <c r="LUU19" s="8"/>
      <c r="LUV19" s="8"/>
      <c r="LUW19" s="8"/>
      <c r="LUX19" s="8"/>
      <c r="LUY19" s="8"/>
      <c r="LUZ19" s="8"/>
      <c r="LVA19" s="8"/>
      <c r="LVB19" s="8"/>
      <c r="LVC19" s="8"/>
      <c r="LVD19" s="8"/>
      <c r="LVE19" s="8"/>
      <c r="LVF19" s="8"/>
      <c r="LVG19" s="8"/>
      <c r="LVH19" s="8"/>
      <c r="LVI19" s="8"/>
      <c r="LVJ19" s="8"/>
      <c r="LVK19" s="8"/>
      <c r="LVL19" s="8"/>
      <c r="LVM19" s="8"/>
      <c r="LVN19" s="8"/>
      <c r="LVO19" s="8"/>
      <c r="LVP19" s="8"/>
      <c r="LVQ19" s="8"/>
      <c r="LVR19" s="8"/>
      <c r="LVS19" s="8"/>
      <c r="LVT19" s="8"/>
      <c r="LVU19" s="8"/>
      <c r="LVV19" s="8"/>
      <c r="LVW19" s="8"/>
      <c r="LVX19" s="8"/>
      <c r="LVY19" s="8"/>
      <c r="LVZ19" s="8"/>
      <c r="LWA19" s="8"/>
      <c r="LWB19" s="8"/>
      <c r="LWC19" s="8"/>
      <c r="LWD19" s="8"/>
      <c r="LWE19" s="8"/>
      <c r="LWF19" s="8"/>
      <c r="LWG19" s="8"/>
      <c r="LWH19" s="8"/>
      <c r="LWI19" s="8"/>
      <c r="LWJ19" s="8"/>
      <c r="LWK19" s="8"/>
      <c r="LWL19" s="8"/>
      <c r="LWM19" s="8"/>
      <c r="LWN19" s="8"/>
      <c r="LWO19" s="8"/>
      <c r="LWP19" s="8"/>
      <c r="LWQ19" s="8"/>
      <c r="LWR19" s="8"/>
      <c r="LWS19" s="8"/>
      <c r="LWT19" s="8"/>
      <c r="LWU19" s="8"/>
      <c r="LWV19" s="8"/>
      <c r="LWW19" s="8"/>
      <c r="LWX19" s="8"/>
      <c r="LWY19" s="8"/>
      <c r="LWZ19" s="8"/>
      <c r="LXA19" s="8"/>
      <c r="LXB19" s="8"/>
      <c r="LXC19" s="8"/>
      <c r="LXD19" s="8"/>
      <c r="LXE19" s="8"/>
      <c r="LXF19" s="8"/>
      <c r="LXG19" s="8"/>
      <c r="LXH19" s="8"/>
      <c r="LXI19" s="8"/>
      <c r="LXJ19" s="8"/>
      <c r="LXK19" s="8"/>
      <c r="LXL19" s="8"/>
      <c r="LXM19" s="8"/>
      <c r="LXN19" s="8"/>
      <c r="LXO19" s="8"/>
      <c r="LXP19" s="8"/>
      <c r="LXQ19" s="8"/>
      <c r="LXR19" s="8"/>
      <c r="LXS19" s="8"/>
      <c r="LXT19" s="8"/>
      <c r="LXU19" s="8"/>
      <c r="LXV19" s="8"/>
      <c r="LXW19" s="8"/>
      <c r="LXX19" s="8"/>
      <c r="LXY19" s="8"/>
      <c r="LXZ19" s="8"/>
      <c r="LYA19" s="8"/>
      <c r="LYB19" s="8"/>
      <c r="LYC19" s="8"/>
      <c r="LYD19" s="8"/>
      <c r="LYE19" s="8"/>
      <c r="LYF19" s="8"/>
      <c r="LYG19" s="8"/>
      <c r="LYH19" s="8"/>
      <c r="LYI19" s="8"/>
      <c r="LYJ19" s="8"/>
      <c r="LYK19" s="8"/>
      <c r="LYL19" s="8"/>
      <c r="LYM19" s="8"/>
      <c r="LYN19" s="8"/>
      <c r="LYO19" s="8"/>
      <c r="LYP19" s="8"/>
      <c r="LYQ19" s="8"/>
      <c r="LYR19" s="8"/>
      <c r="LYS19" s="8"/>
      <c r="LYT19" s="8"/>
      <c r="LYU19" s="8"/>
      <c r="LYV19" s="8"/>
      <c r="LYW19" s="8"/>
      <c r="LYX19" s="8"/>
      <c r="LYY19" s="8"/>
      <c r="LYZ19" s="8"/>
      <c r="LZA19" s="8"/>
      <c r="LZB19" s="8"/>
      <c r="LZC19" s="8"/>
      <c r="LZD19" s="8"/>
      <c r="LZE19" s="8"/>
      <c r="LZF19" s="8"/>
      <c r="LZG19" s="8"/>
      <c r="LZH19" s="8"/>
      <c r="LZI19" s="8"/>
      <c r="LZJ19" s="8"/>
      <c r="LZK19" s="8"/>
      <c r="LZL19" s="8"/>
      <c r="LZM19" s="8"/>
      <c r="LZN19" s="8"/>
      <c r="LZO19" s="8"/>
      <c r="LZP19" s="8"/>
      <c r="LZQ19" s="8"/>
      <c r="LZR19" s="8"/>
      <c r="LZS19" s="8"/>
      <c r="LZT19" s="8"/>
      <c r="LZU19" s="8"/>
      <c r="LZV19" s="8"/>
      <c r="LZW19" s="8"/>
      <c r="LZX19" s="8"/>
      <c r="LZY19" s="8"/>
      <c r="LZZ19" s="8"/>
      <c r="MAA19" s="8"/>
      <c r="MAB19" s="8"/>
      <c r="MAC19" s="8"/>
      <c r="MAD19" s="8"/>
      <c r="MAE19" s="8"/>
      <c r="MAF19" s="8"/>
      <c r="MAG19" s="8"/>
      <c r="MAH19" s="8"/>
      <c r="MAI19" s="8"/>
      <c r="MAJ19" s="8"/>
      <c r="MAK19" s="8"/>
      <c r="MAL19" s="8"/>
      <c r="MAM19" s="8"/>
      <c r="MAN19" s="8"/>
      <c r="MAO19" s="8"/>
      <c r="MAP19" s="8"/>
      <c r="MAQ19" s="8"/>
      <c r="MAR19" s="8"/>
      <c r="MAS19" s="8"/>
      <c r="MAT19" s="8"/>
      <c r="MAU19" s="8"/>
      <c r="MAV19" s="8"/>
      <c r="MAW19" s="8"/>
      <c r="MAX19" s="8"/>
      <c r="MAY19" s="8"/>
      <c r="MAZ19" s="8"/>
      <c r="MBA19" s="8"/>
      <c r="MBB19" s="8"/>
      <c r="MBC19" s="8"/>
      <c r="MBD19" s="8"/>
      <c r="MBE19" s="8"/>
      <c r="MBF19" s="8"/>
      <c r="MBG19" s="8"/>
      <c r="MBH19" s="8"/>
      <c r="MBI19" s="8"/>
      <c r="MBJ19" s="8"/>
      <c r="MBK19" s="8"/>
      <c r="MBL19" s="8"/>
      <c r="MBM19" s="8"/>
      <c r="MBN19" s="8"/>
      <c r="MBO19" s="8"/>
      <c r="MBP19" s="8"/>
      <c r="MBQ19" s="8"/>
      <c r="MBR19" s="8"/>
      <c r="MBS19" s="8"/>
      <c r="MBT19" s="8"/>
      <c r="MBU19" s="8"/>
      <c r="MBV19" s="8"/>
      <c r="MBW19" s="8"/>
      <c r="MBX19" s="8"/>
      <c r="MBY19" s="8"/>
      <c r="MBZ19" s="8"/>
      <c r="MCA19" s="8"/>
      <c r="MCB19" s="8"/>
      <c r="MCC19" s="8"/>
      <c r="MCD19" s="8"/>
      <c r="MCE19" s="8"/>
      <c r="MCF19" s="8"/>
      <c r="MCG19" s="8"/>
      <c r="MCH19" s="8"/>
      <c r="MCI19" s="8"/>
      <c r="MCJ19" s="8"/>
      <c r="MCK19" s="8"/>
      <c r="MCL19" s="8"/>
      <c r="MCM19" s="8"/>
      <c r="MCN19" s="8"/>
      <c r="MCO19" s="8"/>
      <c r="MCP19" s="8"/>
      <c r="MCQ19" s="8"/>
      <c r="MCR19" s="8"/>
      <c r="MCS19" s="8"/>
      <c r="MCT19" s="8"/>
      <c r="MCU19" s="8"/>
      <c r="MCV19" s="8"/>
      <c r="MCW19" s="8"/>
      <c r="MCX19" s="8"/>
      <c r="MCY19" s="8"/>
      <c r="MCZ19" s="8"/>
      <c r="MDA19" s="8"/>
      <c r="MDB19" s="8"/>
      <c r="MDC19" s="8"/>
      <c r="MDD19" s="8"/>
      <c r="MDE19" s="8"/>
      <c r="MDF19" s="8"/>
      <c r="MDG19" s="8"/>
      <c r="MDH19" s="8"/>
      <c r="MDI19" s="8"/>
      <c r="MDJ19" s="8"/>
      <c r="MDK19" s="8"/>
      <c r="MDL19" s="8"/>
      <c r="MDM19" s="8"/>
      <c r="MDN19" s="8"/>
      <c r="MDO19" s="8"/>
      <c r="MDP19" s="8"/>
      <c r="MDQ19" s="8"/>
      <c r="MDR19" s="8"/>
      <c r="MDS19" s="8"/>
      <c r="MDT19" s="8"/>
      <c r="MDU19" s="8"/>
      <c r="MDV19" s="8"/>
      <c r="MDW19" s="8"/>
      <c r="MDX19" s="8"/>
      <c r="MDY19" s="8"/>
      <c r="MDZ19" s="8"/>
      <c r="MEA19" s="8"/>
      <c r="MEB19" s="8"/>
      <c r="MEC19" s="8"/>
      <c r="MED19" s="8"/>
      <c r="MEE19" s="8"/>
      <c r="MEF19" s="8"/>
      <c r="MEG19" s="8"/>
      <c r="MEH19" s="8"/>
      <c r="MEI19" s="8"/>
      <c r="MEJ19" s="8"/>
      <c r="MEK19" s="8"/>
      <c r="MEL19" s="8"/>
      <c r="MEM19" s="8"/>
      <c r="MEN19" s="8"/>
      <c r="MEO19" s="8"/>
      <c r="MEP19" s="8"/>
      <c r="MEQ19" s="8"/>
      <c r="MER19" s="8"/>
      <c r="MES19" s="8"/>
      <c r="MET19" s="8"/>
      <c r="MEU19" s="8"/>
      <c r="MEV19" s="8"/>
      <c r="MEW19" s="8"/>
      <c r="MEX19" s="8"/>
      <c r="MEY19" s="8"/>
      <c r="MEZ19" s="8"/>
      <c r="MFA19" s="8"/>
      <c r="MFB19" s="8"/>
      <c r="MFC19" s="8"/>
      <c r="MFD19" s="8"/>
      <c r="MFE19" s="8"/>
      <c r="MFF19" s="8"/>
      <c r="MFG19" s="8"/>
      <c r="MFH19" s="8"/>
      <c r="MFI19" s="8"/>
      <c r="MFJ19" s="8"/>
      <c r="MFK19" s="8"/>
      <c r="MFL19" s="8"/>
      <c r="MFM19" s="8"/>
      <c r="MFN19" s="8"/>
      <c r="MFO19" s="8"/>
      <c r="MFP19" s="8"/>
      <c r="MFQ19" s="8"/>
      <c r="MFR19" s="8"/>
      <c r="MFS19" s="8"/>
      <c r="MFT19" s="8"/>
      <c r="MFU19" s="8"/>
      <c r="MFV19" s="8"/>
      <c r="MFW19" s="8"/>
      <c r="MFX19" s="8"/>
      <c r="MFY19" s="8"/>
      <c r="MFZ19" s="8"/>
      <c r="MGA19" s="8"/>
      <c r="MGB19" s="8"/>
      <c r="MGC19" s="8"/>
      <c r="MGD19" s="8"/>
      <c r="MGE19" s="8"/>
      <c r="MGF19" s="8"/>
      <c r="MGG19" s="8"/>
      <c r="MGH19" s="8"/>
      <c r="MGI19" s="8"/>
      <c r="MGJ19" s="8"/>
      <c r="MGK19" s="8"/>
      <c r="MGL19" s="8"/>
      <c r="MGM19" s="8"/>
      <c r="MGN19" s="8"/>
      <c r="MGO19" s="8"/>
      <c r="MGP19" s="8"/>
      <c r="MGQ19" s="8"/>
      <c r="MGR19" s="8"/>
      <c r="MGS19" s="8"/>
      <c r="MGT19" s="8"/>
      <c r="MGU19" s="8"/>
      <c r="MGV19" s="8"/>
      <c r="MGW19" s="8"/>
      <c r="MGX19" s="8"/>
      <c r="MGY19" s="8"/>
      <c r="MGZ19" s="8"/>
      <c r="MHA19" s="8"/>
      <c r="MHB19" s="8"/>
      <c r="MHC19" s="8"/>
      <c r="MHD19" s="8"/>
      <c r="MHE19" s="8"/>
      <c r="MHF19" s="8"/>
      <c r="MHG19" s="8"/>
      <c r="MHH19" s="8"/>
      <c r="MHI19" s="8"/>
      <c r="MHJ19" s="8"/>
      <c r="MHK19" s="8"/>
      <c r="MHL19" s="8"/>
      <c r="MHM19" s="8"/>
      <c r="MHN19" s="8"/>
      <c r="MHO19" s="8"/>
      <c r="MHP19" s="8"/>
      <c r="MHQ19" s="8"/>
      <c r="MHR19" s="8"/>
      <c r="MHS19" s="8"/>
      <c r="MHT19" s="8"/>
      <c r="MHU19" s="8"/>
      <c r="MHV19" s="8"/>
      <c r="MHW19" s="8"/>
      <c r="MHX19" s="8"/>
      <c r="MHY19" s="8"/>
      <c r="MHZ19" s="8"/>
      <c r="MIA19" s="8"/>
      <c r="MIB19" s="8"/>
      <c r="MIC19" s="8"/>
      <c r="MID19" s="8"/>
      <c r="MIE19" s="8"/>
      <c r="MIF19" s="8"/>
      <c r="MIG19" s="8"/>
      <c r="MIH19" s="8"/>
      <c r="MII19" s="8"/>
      <c r="MIJ19" s="8"/>
      <c r="MIK19" s="8"/>
      <c r="MIL19" s="8"/>
      <c r="MIM19" s="8"/>
      <c r="MIN19" s="8"/>
      <c r="MIO19" s="8"/>
      <c r="MIP19" s="8"/>
      <c r="MIQ19" s="8"/>
      <c r="MIR19" s="8"/>
      <c r="MIS19" s="8"/>
      <c r="MIT19" s="8"/>
      <c r="MIU19" s="8"/>
      <c r="MIV19" s="8"/>
      <c r="MIW19" s="8"/>
      <c r="MIX19" s="8"/>
      <c r="MIY19" s="8"/>
      <c r="MIZ19" s="8"/>
      <c r="MJA19" s="8"/>
      <c r="MJB19" s="8"/>
      <c r="MJC19" s="8"/>
      <c r="MJD19" s="8"/>
      <c r="MJE19" s="8"/>
      <c r="MJF19" s="8"/>
      <c r="MJG19" s="8"/>
      <c r="MJH19" s="8"/>
      <c r="MJI19" s="8"/>
      <c r="MJJ19" s="8"/>
      <c r="MJK19" s="8"/>
      <c r="MJL19" s="8"/>
      <c r="MJM19" s="8"/>
      <c r="MJN19" s="8"/>
      <c r="MJO19" s="8"/>
      <c r="MJP19" s="8"/>
      <c r="MJQ19" s="8"/>
      <c r="MJR19" s="8"/>
      <c r="MJS19" s="8"/>
      <c r="MJT19" s="8"/>
      <c r="MJU19" s="8"/>
      <c r="MJV19" s="8"/>
      <c r="MJW19" s="8"/>
      <c r="MJX19" s="8"/>
      <c r="MJY19" s="8"/>
      <c r="MJZ19" s="8"/>
      <c r="MKA19" s="8"/>
      <c r="MKB19" s="8"/>
      <c r="MKC19" s="8"/>
      <c r="MKD19" s="8"/>
      <c r="MKE19" s="8"/>
      <c r="MKF19" s="8"/>
      <c r="MKG19" s="8"/>
      <c r="MKH19" s="8"/>
      <c r="MKI19" s="8"/>
      <c r="MKJ19" s="8"/>
      <c r="MKK19" s="8"/>
      <c r="MKL19" s="8"/>
      <c r="MKM19" s="8"/>
      <c r="MKN19" s="8"/>
      <c r="MKO19" s="8"/>
      <c r="MKP19" s="8"/>
      <c r="MKQ19" s="8"/>
      <c r="MKR19" s="8"/>
      <c r="MKS19" s="8"/>
      <c r="MKT19" s="8"/>
      <c r="MKU19" s="8"/>
      <c r="MKV19" s="8"/>
      <c r="MKW19" s="8"/>
      <c r="MKX19" s="8"/>
      <c r="MKY19" s="8"/>
      <c r="MKZ19" s="8"/>
      <c r="MLA19" s="8"/>
      <c r="MLB19" s="8"/>
      <c r="MLC19" s="8"/>
      <c r="MLD19" s="8"/>
      <c r="MLE19" s="8"/>
      <c r="MLF19" s="8"/>
      <c r="MLG19" s="8"/>
      <c r="MLH19" s="8"/>
      <c r="MLI19" s="8"/>
      <c r="MLJ19" s="8"/>
      <c r="MLK19" s="8"/>
      <c r="MLL19" s="8"/>
      <c r="MLM19" s="8"/>
      <c r="MLN19" s="8"/>
      <c r="MLO19" s="8"/>
      <c r="MLP19" s="8"/>
      <c r="MLQ19" s="8"/>
      <c r="MLR19" s="8"/>
      <c r="MLS19" s="8"/>
      <c r="MLT19" s="8"/>
      <c r="MLU19" s="8"/>
      <c r="MLV19" s="8"/>
      <c r="MLW19" s="8"/>
      <c r="MLX19" s="8"/>
      <c r="MLY19" s="8"/>
      <c r="MLZ19" s="8"/>
      <c r="MMA19" s="8"/>
      <c r="MMB19" s="8"/>
      <c r="MMC19" s="8"/>
      <c r="MMD19" s="8"/>
      <c r="MME19" s="8"/>
      <c r="MMF19" s="8"/>
      <c r="MMG19" s="8"/>
      <c r="MMH19" s="8"/>
      <c r="MMI19" s="8"/>
      <c r="MMJ19" s="8"/>
      <c r="MMK19" s="8"/>
      <c r="MML19" s="8"/>
      <c r="MMM19" s="8"/>
      <c r="MMN19" s="8"/>
      <c r="MMO19" s="8"/>
      <c r="MMP19" s="8"/>
      <c r="MMQ19" s="8"/>
      <c r="MMR19" s="8"/>
      <c r="MMS19" s="8"/>
      <c r="MMT19" s="8"/>
      <c r="MMU19" s="8"/>
      <c r="MMV19" s="8"/>
      <c r="MMW19" s="8"/>
      <c r="MMX19" s="8"/>
      <c r="MMY19" s="8"/>
      <c r="MMZ19" s="8"/>
      <c r="MNA19" s="8"/>
      <c r="MNB19" s="8"/>
      <c r="MNC19" s="8"/>
      <c r="MND19" s="8"/>
      <c r="MNE19" s="8"/>
      <c r="MNF19" s="8"/>
      <c r="MNG19" s="8"/>
      <c r="MNH19" s="8"/>
      <c r="MNI19" s="8"/>
      <c r="MNJ19" s="8"/>
      <c r="MNK19" s="8"/>
      <c r="MNL19" s="8"/>
      <c r="MNM19" s="8"/>
      <c r="MNN19" s="8"/>
      <c r="MNO19" s="8"/>
      <c r="MNP19" s="8"/>
      <c r="MNQ19" s="8"/>
      <c r="MNR19" s="8"/>
      <c r="MNS19" s="8"/>
      <c r="MNT19" s="8"/>
      <c r="MNU19" s="8"/>
      <c r="MNV19" s="8"/>
      <c r="MNW19" s="8"/>
      <c r="MNX19" s="8"/>
      <c r="MNY19" s="8"/>
      <c r="MNZ19" s="8"/>
      <c r="MOA19" s="8"/>
      <c r="MOB19" s="8"/>
      <c r="MOC19" s="8"/>
      <c r="MOD19" s="8"/>
      <c r="MOE19" s="8"/>
      <c r="MOF19" s="8"/>
      <c r="MOG19" s="8"/>
      <c r="MOH19" s="8"/>
      <c r="MOI19" s="8"/>
      <c r="MOJ19" s="8"/>
      <c r="MOK19" s="8"/>
      <c r="MOL19" s="8"/>
      <c r="MOM19" s="8"/>
      <c r="MON19" s="8"/>
      <c r="MOO19" s="8"/>
      <c r="MOP19" s="8"/>
      <c r="MOQ19" s="8"/>
      <c r="MOR19" s="8"/>
      <c r="MOS19" s="8"/>
      <c r="MOT19" s="8"/>
      <c r="MOU19" s="8"/>
      <c r="MOV19" s="8"/>
      <c r="MOW19" s="8"/>
      <c r="MOX19" s="8"/>
      <c r="MOY19" s="8"/>
      <c r="MOZ19" s="8"/>
      <c r="MPA19" s="8"/>
      <c r="MPB19" s="8"/>
      <c r="MPC19" s="8"/>
      <c r="MPD19" s="8"/>
      <c r="MPE19" s="8"/>
      <c r="MPF19" s="8"/>
      <c r="MPG19" s="8"/>
      <c r="MPH19" s="8"/>
      <c r="MPI19" s="8"/>
      <c r="MPJ19" s="8"/>
      <c r="MPK19" s="8"/>
      <c r="MPL19" s="8"/>
      <c r="MPM19" s="8"/>
      <c r="MPN19" s="8"/>
      <c r="MPO19" s="8"/>
      <c r="MPP19" s="8"/>
      <c r="MPQ19" s="8"/>
      <c r="MPR19" s="8"/>
      <c r="MPS19" s="8"/>
      <c r="MPT19" s="8"/>
      <c r="MPU19" s="8"/>
      <c r="MPV19" s="8"/>
      <c r="MPW19" s="8"/>
      <c r="MPX19" s="8"/>
      <c r="MPY19" s="8"/>
      <c r="MPZ19" s="8"/>
      <c r="MQA19" s="8"/>
      <c r="MQB19" s="8"/>
      <c r="MQC19" s="8"/>
      <c r="MQD19" s="8"/>
      <c r="MQE19" s="8"/>
      <c r="MQF19" s="8"/>
      <c r="MQG19" s="8"/>
      <c r="MQH19" s="8"/>
      <c r="MQI19" s="8"/>
      <c r="MQJ19" s="8"/>
      <c r="MQK19" s="8"/>
      <c r="MQL19" s="8"/>
      <c r="MQM19" s="8"/>
      <c r="MQN19" s="8"/>
      <c r="MQO19" s="8"/>
      <c r="MQP19" s="8"/>
      <c r="MQQ19" s="8"/>
      <c r="MQR19" s="8"/>
      <c r="MQS19" s="8"/>
      <c r="MQT19" s="8"/>
      <c r="MQU19" s="8"/>
      <c r="MQV19" s="8"/>
      <c r="MQW19" s="8"/>
      <c r="MQX19" s="8"/>
      <c r="MQY19" s="8"/>
      <c r="MQZ19" s="8"/>
      <c r="MRA19" s="8"/>
      <c r="MRB19" s="8"/>
      <c r="MRC19" s="8"/>
      <c r="MRD19" s="8"/>
      <c r="MRE19" s="8"/>
      <c r="MRF19" s="8"/>
      <c r="MRG19" s="8"/>
      <c r="MRH19" s="8"/>
      <c r="MRI19" s="8"/>
      <c r="MRJ19" s="8"/>
      <c r="MRK19" s="8"/>
      <c r="MRL19" s="8"/>
      <c r="MRM19" s="8"/>
      <c r="MRN19" s="8"/>
      <c r="MRO19" s="8"/>
      <c r="MRP19" s="8"/>
      <c r="MRQ19" s="8"/>
      <c r="MRR19" s="8"/>
      <c r="MRS19" s="8"/>
      <c r="MRT19" s="8"/>
      <c r="MRU19" s="8"/>
      <c r="MRV19" s="8"/>
      <c r="MRW19" s="8"/>
      <c r="MRX19" s="8"/>
      <c r="MRY19" s="8"/>
      <c r="MRZ19" s="8"/>
      <c r="MSA19" s="8"/>
      <c r="MSB19" s="8"/>
      <c r="MSC19" s="8"/>
      <c r="MSD19" s="8"/>
      <c r="MSE19" s="8"/>
      <c r="MSF19" s="8"/>
      <c r="MSG19" s="8"/>
      <c r="MSH19" s="8"/>
      <c r="MSI19" s="8"/>
      <c r="MSJ19" s="8"/>
      <c r="MSK19" s="8"/>
      <c r="MSL19" s="8"/>
      <c r="MSM19" s="8"/>
      <c r="MSN19" s="8"/>
      <c r="MSO19" s="8"/>
      <c r="MSP19" s="8"/>
      <c r="MSQ19" s="8"/>
      <c r="MSR19" s="8"/>
      <c r="MSS19" s="8"/>
      <c r="MST19" s="8"/>
      <c r="MSU19" s="8"/>
      <c r="MSV19" s="8"/>
      <c r="MSW19" s="8"/>
      <c r="MSX19" s="8"/>
      <c r="MSY19" s="8"/>
      <c r="MSZ19" s="8"/>
      <c r="MTA19" s="8"/>
      <c r="MTB19" s="8"/>
      <c r="MTC19" s="8"/>
      <c r="MTD19" s="8"/>
      <c r="MTE19" s="8"/>
      <c r="MTF19" s="8"/>
      <c r="MTG19" s="8"/>
      <c r="MTH19" s="8"/>
      <c r="MTI19" s="8"/>
      <c r="MTJ19" s="8"/>
      <c r="MTK19" s="8"/>
      <c r="MTL19" s="8"/>
      <c r="MTM19" s="8"/>
      <c r="MTN19" s="8"/>
      <c r="MTO19" s="8"/>
      <c r="MTP19" s="8"/>
      <c r="MTQ19" s="8"/>
      <c r="MTR19" s="8"/>
      <c r="MTS19" s="8"/>
      <c r="MTT19" s="8"/>
      <c r="MTU19" s="8"/>
      <c r="MTV19" s="8"/>
      <c r="MTW19" s="8"/>
      <c r="MTX19" s="8"/>
      <c r="MTY19" s="8"/>
      <c r="MTZ19" s="8"/>
      <c r="MUA19" s="8"/>
      <c r="MUB19" s="8"/>
      <c r="MUC19" s="8"/>
      <c r="MUD19" s="8"/>
      <c r="MUE19" s="8"/>
      <c r="MUF19" s="8"/>
      <c r="MUG19" s="8"/>
      <c r="MUH19" s="8"/>
      <c r="MUI19" s="8"/>
      <c r="MUJ19" s="8"/>
      <c r="MUK19" s="8"/>
      <c r="MUL19" s="8"/>
      <c r="MUM19" s="8"/>
      <c r="MUN19" s="8"/>
      <c r="MUO19" s="8"/>
      <c r="MUP19" s="8"/>
      <c r="MUQ19" s="8"/>
      <c r="MUR19" s="8"/>
      <c r="MUS19" s="8"/>
      <c r="MUT19" s="8"/>
      <c r="MUU19" s="8"/>
      <c r="MUV19" s="8"/>
      <c r="MUW19" s="8"/>
      <c r="MUX19" s="8"/>
      <c r="MUY19" s="8"/>
      <c r="MUZ19" s="8"/>
      <c r="MVA19" s="8"/>
      <c r="MVB19" s="8"/>
      <c r="MVC19" s="8"/>
      <c r="MVD19" s="8"/>
      <c r="MVE19" s="8"/>
      <c r="MVF19" s="8"/>
      <c r="MVG19" s="8"/>
      <c r="MVH19" s="8"/>
      <c r="MVI19" s="8"/>
      <c r="MVJ19" s="8"/>
      <c r="MVK19" s="8"/>
      <c r="MVL19" s="8"/>
      <c r="MVM19" s="8"/>
      <c r="MVN19" s="8"/>
      <c r="MVO19" s="8"/>
      <c r="MVP19" s="8"/>
      <c r="MVQ19" s="8"/>
      <c r="MVR19" s="8"/>
      <c r="MVS19" s="8"/>
      <c r="MVT19" s="8"/>
      <c r="MVU19" s="8"/>
      <c r="MVV19" s="8"/>
      <c r="MVW19" s="8"/>
      <c r="MVX19" s="8"/>
      <c r="MVY19" s="8"/>
      <c r="MVZ19" s="8"/>
      <c r="MWA19" s="8"/>
      <c r="MWB19" s="8"/>
      <c r="MWC19" s="8"/>
      <c r="MWD19" s="8"/>
      <c r="MWE19" s="8"/>
      <c r="MWF19" s="8"/>
      <c r="MWG19" s="8"/>
      <c r="MWH19" s="8"/>
      <c r="MWI19" s="8"/>
      <c r="MWJ19" s="8"/>
      <c r="MWK19" s="8"/>
      <c r="MWL19" s="8"/>
      <c r="MWM19" s="8"/>
      <c r="MWN19" s="8"/>
      <c r="MWO19" s="8"/>
      <c r="MWP19" s="8"/>
      <c r="MWQ19" s="8"/>
      <c r="MWR19" s="8"/>
      <c r="MWS19" s="8"/>
      <c r="MWT19" s="8"/>
      <c r="MWU19" s="8"/>
      <c r="MWV19" s="8"/>
      <c r="MWW19" s="8"/>
      <c r="MWX19" s="8"/>
      <c r="MWY19" s="8"/>
      <c r="MWZ19" s="8"/>
      <c r="MXA19" s="8"/>
      <c r="MXB19" s="8"/>
      <c r="MXC19" s="8"/>
      <c r="MXD19" s="8"/>
      <c r="MXE19" s="8"/>
      <c r="MXF19" s="8"/>
      <c r="MXG19" s="8"/>
      <c r="MXH19" s="8"/>
      <c r="MXI19" s="8"/>
      <c r="MXJ19" s="8"/>
      <c r="MXK19" s="8"/>
      <c r="MXL19" s="8"/>
      <c r="MXM19" s="8"/>
      <c r="MXN19" s="8"/>
      <c r="MXO19" s="8"/>
      <c r="MXP19" s="8"/>
      <c r="MXQ19" s="8"/>
      <c r="MXR19" s="8"/>
      <c r="MXS19" s="8"/>
      <c r="MXT19" s="8"/>
      <c r="MXU19" s="8"/>
      <c r="MXV19" s="8"/>
      <c r="MXW19" s="8"/>
      <c r="MXX19" s="8"/>
      <c r="MXY19" s="8"/>
      <c r="MXZ19" s="8"/>
      <c r="MYA19" s="8"/>
      <c r="MYB19" s="8"/>
      <c r="MYC19" s="8"/>
      <c r="MYD19" s="8"/>
      <c r="MYE19" s="8"/>
      <c r="MYF19" s="8"/>
      <c r="MYG19" s="8"/>
      <c r="MYH19" s="8"/>
      <c r="MYI19" s="8"/>
      <c r="MYJ19" s="8"/>
      <c r="MYK19" s="8"/>
      <c r="MYL19" s="8"/>
      <c r="MYM19" s="8"/>
      <c r="MYN19" s="8"/>
      <c r="MYO19" s="8"/>
      <c r="MYP19" s="8"/>
      <c r="MYQ19" s="8"/>
      <c r="MYR19" s="8"/>
      <c r="MYS19" s="8"/>
      <c r="MYT19" s="8"/>
      <c r="MYU19" s="8"/>
      <c r="MYV19" s="8"/>
      <c r="MYW19" s="8"/>
      <c r="MYX19" s="8"/>
      <c r="MYY19" s="8"/>
      <c r="MYZ19" s="8"/>
      <c r="MZA19" s="8"/>
      <c r="MZB19" s="8"/>
      <c r="MZC19" s="8"/>
      <c r="MZD19" s="8"/>
      <c r="MZE19" s="8"/>
      <c r="MZF19" s="8"/>
      <c r="MZG19" s="8"/>
      <c r="MZH19" s="8"/>
      <c r="MZI19" s="8"/>
      <c r="MZJ19" s="8"/>
      <c r="MZK19" s="8"/>
      <c r="MZL19" s="8"/>
      <c r="MZM19" s="8"/>
      <c r="MZN19" s="8"/>
      <c r="MZO19" s="8"/>
      <c r="MZP19" s="8"/>
      <c r="MZQ19" s="8"/>
      <c r="MZR19" s="8"/>
      <c r="MZS19" s="8"/>
      <c r="MZT19" s="8"/>
      <c r="MZU19" s="8"/>
      <c r="MZV19" s="8"/>
      <c r="MZW19" s="8"/>
      <c r="MZX19" s="8"/>
      <c r="MZY19" s="8"/>
      <c r="MZZ19" s="8"/>
      <c r="NAA19" s="8"/>
      <c r="NAB19" s="8"/>
      <c r="NAC19" s="8"/>
      <c r="NAD19" s="8"/>
      <c r="NAE19" s="8"/>
      <c r="NAF19" s="8"/>
      <c r="NAG19" s="8"/>
      <c r="NAH19" s="8"/>
      <c r="NAI19" s="8"/>
      <c r="NAJ19" s="8"/>
      <c r="NAK19" s="8"/>
      <c r="NAL19" s="8"/>
      <c r="NAM19" s="8"/>
      <c r="NAN19" s="8"/>
      <c r="NAO19" s="8"/>
      <c r="NAP19" s="8"/>
      <c r="NAQ19" s="8"/>
      <c r="NAR19" s="8"/>
      <c r="NAS19" s="8"/>
      <c r="NAT19" s="8"/>
      <c r="NAU19" s="8"/>
      <c r="NAV19" s="8"/>
      <c r="NAW19" s="8"/>
      <c r="NAX19" s="8"/>
      <c r="NAY19" s="8"/>
      <c r="NAZ19" s="8"/>
      <c r="NBA19" s="8"/>
      <c r="NBB19" s="8"/>
      <c r="NBC19" s="8"/>
      <c r="NBD19" s="8"/>
      <c r="NBE19" s="8"/>
      <c r="NBF19" s="8"/>
      <c r="NBG19" s="8"/>
      <c r="NBH19" s="8"/>
      <c r="NBI19" s="8"/>
      <c r="NBJ19" s="8"/>
      <c r="NBK19" s="8"/>
      <c r="NBL19" s="8"/>
      <c r="NBM19" s="8"/>
      <c r="NBN19" s="8"/>
      <c r="NBO19" s="8"/>
      <c r="NBP19" s="8"/>
      <c r="NBQ19" s="8"/>
      <c r="NBR19" s="8"/>
      <c r="NBS19" s="8"/>
      <c r="NBT19" s="8"/>
      <c r="NBU19" s="8"/>
      <c r="NBV19" s="8"/>
      <c r="NBW19" s="8"/>
      <c r="NBX19" s="8"/>
      <c r="NBY19" s="8"/>
      <c r="NBZ19" s="8"/>
      <c r="NCA19" s="8"/>
      <c r="NCB19" s="8"/>
      <c r="NCC19" s="8"/>
      <c r="NCD19" s="8"/>
      <c r="NCE19" s="8"/>
      <c r="NCF19" s="8"/>
      <c r="NCG19" s="8"/>
      <c r="NCH19" s="8"/>
      <c r="NCI19" s="8"/>
      <c r="NCJ19" s="8"/>
      <c r="NCK19" s="8"/>
      <c r="NCL19" s="8"/>
      <c r="NCM19" s="8"/>
      <c r="NCN19" s="8"/>
      <c r="NCO19" s="8"/>
      <c r="NCP19" s="8"/>
      <c r="NCQ19" s="8"/>
      <c r="NCR19" s="8"/>
      <c r="NCS19" s="8"/>
      <c r="NCT19" s="8"/>
      <c r="NCU19" s="8"/>
      <c r="NCV19" s="8"/>
      <c r="NCW19" s="8"/>
      <c r="NCX19" s="8"/>
      <c r="NCY19" s="8"/>
      <c r="NCZ19" s="8"/>
      <c r="NDA19" s="8"/>
      <c r="NDB19" s="8"/>
      <c r="NDC19" s="8"/>
      <c r="NDD19" s="8"/>
      <c r="NDE19" s="8"/>
      <c r="NDF19" s="8"/>
      <c r="NDG19" s="8"/>
      <c r="NDH19" s="8"/>
      <c r="NDI19" s="8"/>
      <c r="NDJ19" s="8"/>
      <c r="NDK19" s="8"/>
      <c r="NDL19" s="8"/>
      <c r="NDM19" s="8"/>
      <c r="NDN19" s="8"/>
      <c r="NDO19" s="8"/>
      <c r="NDP19" s="8"/>
      <c r="NDQ19" s="8"/>
      <c r="NDR19" s="8"/>
      <c r="NDS19" s="8"/>
      <c r="NDT19" s="8"/>
      <c r="NDU19" s="8"/>
      <c r="NDV19" s="8"/>
      <c r="NDW19" s="8"/>
      <c r="NDX19" s="8"/>
      <c r="NDY19" s="8"/>
      <c r="NDZ19" s="8"/>
      <c r="NEA19" s="8"/>
      <c r="NEB19" s="8"/>
      <c r="NEC19" s="8"/>
      <c r="NED19" s="8"/>
      <c r="NEE19" s="8"/>
      <c r="NEF19" s="8"/>
      <c r="NEG19" s="8"/>
      <c r="NEH19" s="8"/>
      <c r="NEI19" s="8"/>
      <c r="NEJ19" s="8"/>
      <c r="NEK19" s="8"/>
      <c r="NEL19" s="8"/>
      <c r="NEM19" s="8"/>
      <c r="NEN19" s="8"/>
      <c r="NEO19" s="8"/>
      <c r="NEP19" s="8"/>
      <c r="NEQ19" s="8"/>
      <c r="NER19" s="8"/>
      <c r="NES19" s="8"/>
      <c r="NET19" s="8"/>
      <c r="NEU19" s="8"/>
      <c r="NEV19" s="8"/>
      <c r="NEW19" s="8"/>
      <c r="NEX19" s="8"/>
      <c r="NEY19" s="8"/>
      <c r="NEZ19" s="8"/>
      <c r="NFA19" s="8"/>
      <c r="NFB19" s="8"/>
      <c r="NFC19" s="8"/>
      <c r="NFD19" s="8"/>
      <c r="NFE19" s="8"/>
      <c r="NFF19" s="8"/>
      <c r="NFG19" s="8"/>
      <c r="NFH19" s="8"/>
      <c r="NFI19" s="8"/>
      <c r="NFJ19" s="8"/>
      <c r="NFK19" s="8"/>
      <c r="NFL19" s="8"/>
      <c r="NFM19" s="8"/>
      <c r="NFN19" s="8"/>
      <c r="NFO19" s="8"/>
      <c r="NFP19" s="8"/>
      <c r="NFQ19" s="8"/>
      <c r="NFR19" s="8"/>
      <c r="NFS19" s="8"/>
      <c r="NFT19" s="8"/>
      <c r="NFU19" s="8"/>
      <c r="NFV19" s="8"/>
      <c r="NFW19" s="8"/>
      <c r="NFX19" s="8"/>
      <c r="NFY19" s="8"/>
      <c r="NFZ19" s="8"/>
      <c r="NGA19" s="8"/>
      <c r="NGB19" s="8"/>
      <c r="NGC19" s="8"/>
      <c r="NGD19" s="8"/>
      <c r="NGE19" s="8"/>
      <c r="NGF19" s="8"/>
      <c r="NGG19" s="8"/>
      <c r="NGH19" s="8"/>
      <c r="NGI19" s="8"/>
      <c r="NGJ19" s="8"/>
      <c r="NGK19" s="8"/>
      <c r="NGL19" s="8"/>
      <c r="NGM19" s="8"/>
      <c r="NGN19" s="8"/>
      <c r="NGO19" s="8"/>
      <c r="NGP19" s="8"/>
      <c r="NGQ19" s="8"/>
      <c r="NGR19" s="8"/>
      <c r="NGS19" s="8"/>
      <c r="NGT19" s="8"/>
      <c r="NGU19" s="8"/>
      <c r="NGV19" s="8"/>
      <c r="NGW19" s="8"/>
      <c r="NGX19" s="8"/>
      <c r="NGY19" s="8"/>
      <c r="NGZ19" s="8"/>
      <c r="NHA19" s="8"/>
      <c r="NHB19" s="8"/>
      <c r="NHC19" s="8"/>
      <c r="NHD19" s="8"/>
      <c r="NHE19" s="8"/>
      <c r="NHF19" s="8"/>
      <c r="NHG19" s="8"/>
      <c r="NHH19" s="8"/>
      <c r="NHI19" s="8"/>
      <c r="NHJ19" s="8"/>
      <c r="NHK19" s="8"/>
      <c r="NHL19" s="8"/>
      <c r="NHM19" s="8"/>
      <c r="NHN19" s="8"/>
      <c r="NHO19" s="8"/>
      <c r="NHP19" s="8"/>
      <c r="NHQ19" s="8"/>
      <c r="NHR19" s="8"/>
      <c r="NHS19" s="8"/>
      <c r="NHT19" s="8"/>
      <c r="NHU19" s="8"/>
      <c r="NHV19" s="8"/>
      <c r="NHW19" s="8"/>
      <c r="NHX19" s="8"/>
      <c r="NHY19" s="8"/>
      <c r="NHZ19" s="8"/>
      <c r="NIA19" s="8"/>
      <c r="NIB19" s="8"/>
      <c r="NIC19" s="8"/>
      <c r="NID19" s="8"/>
      <c r="NIE19" s="8"/>
      <c r="NIF19" s="8"/>
      <c r="NIG19" s="8"/>
      <c r="NIH19" s="8"/>
      <c r="NII19" s="8"/>
      <c r="NIJ19" s="8"/>
      <c r="NIK19" s="8"/>
      <c r="NIL19" s="8"/>
      <c r="NIM19" s="8"/>
      <c r="NIN19" s="8"/>
      <c r="NIO19" s="8"/>
      <c r="NIP19" s="8"/>
      <c r="NIQ19" s="8"/>
      <c r="NIR19" s="8"/>
      <c r="NIS19" s="8"/>
      <c r="NIT19" s="8"/>
      <c r="NIU19" s="8"/>
      <c r="NIV19" s="8"/>
      <c r="NIW19" s="8"/>
      <c r="NIX19" s="8"/>
      <c r="NIY19" s="8"/>
      <c r="NIZ19" s="8"/>
      <c r="NJA19" s="8"/>
      <c r="NJB19" s="8"/>
      <c r="NJC19" s="8"/>
      <c r="NJD19" s="8"/>
      <c r="NJE19" s="8"/>
      <c r="NJF19" s="8"/>
      <c r="NJG19" s="8"/>
      <c r="NJH19" s="8"/>
      <c r="NJI19" s="8"/>
      <c r="NJJ19" s="8"/>
      <c r="NJK19" s="8"/>
      <c r="NJL19" s="8"/>
      <c r="NJM19" s="8"/>
      <c r="NJN19" s="8"/>
      <c r="NJO19" s="8"/>
      <c r="NJP19" s="8"/>
      <c r="NJQ19" s="8"/>
      <c r="NJR19" s="8"/>
      <c r="NJS19" s="8"/>
      <c r="NJT19" s="8"/>
      <c r="NJU19" s="8"/>
      <c r="NJV19" s="8"/>
      <c r="NJW19" s="8"/>
      <c r="NJX19" s="8"/>
      <c r="NJY19" s="8"/>
      <c r="NJZ19" s="8"/>
      <c r="NKA19" s="8"/>
      <c r="NKB19" s="8"/>
      <c r="NKC19" s="8"/>
      <c r="NKD19" s="8"/>
      <c r="NKE19" s="8"/>
      <c r="NKF19" s="8"/>
      <c r="NKG19" s="8"/>
      <c r="NKH19" s="8"/>
      <c r="NKI19" s="8"/>
      <c r="NKJ19" s="8"/>
      <c r="NKK19" s="8"/>
      <c r="NKL19" s="8"/>
      <c r="NKM19" s="8"/>
      <c r="NKN19" s="8"/>
      <c r="NKO19" s="8"/>
      <c r="NKP19" s="8"/>
      <c r="NKQ19" s="8"/>
      <c r="NKR19" s="8"/>
      <c r="NKS19" s="8"/>
      <c r="NKT19" s="8"/>
      <c r="NKU19" s="8"/>
      <c r="NKV19" s="8"/>
      <c r="NKW19" s="8"/>
      <c r="NKX19" s="8"/>
      <c r="NKY19" s="8"/>
      <c r="NKZ19" s="8"/>
      <c r="NLA19" s="8"/>
      <c r="NLB19" s="8"/>
      <c r="NLC19" s="8"/>
      <c r="NLD19" s="8"/>
      <c r="NLE19" s="8"/>
      <c r="NLF19" s="8"/>
      <c r="NLG19" s="8"/>
      <c r="NLH19" s="8"/>
      <c r="NLI19" s="8"/>
      <c r="NLJ19" s="8"/>
      <c r="NLK19" s="8"/>
      <c r="NLL19" s="8"/>
      <c r="NLM19" s="8"/>
      <c r="NLN19" s="8"/>
      <c r="NLO19" s="8"/>
      <c r="NLP19" s="8"/>
      <c r="NLQ19" s="8"/>
      <c r="NLR19" s="8"/>
      <c r="NLS19" s="8"/>
      <c r="NLT19" s="8"/>
      <c r="NLU19" s="8"/>
      <c r="NLV19" s="8"/>
      <c r="NLW19" s="8"/>
      <c r="NLX19" s="8"/>
      <c r="NLY19" s="8"/>
      <c r="NLZ19" s="8"/>
      <c r="NMA19" s="8"/>
      <c r="NMB19" s="8"/>
      <c r="NMC19" s="8"/>
      <c r="NMD19" s="8"/>
      <c r="NME19" s="8"/>
      <c r="NMF19" s="8"/>
      <c r="NMG19" s="8"/>
      <c r="NMH19" s="8"/>
      <c r="NMI19" s="8"/>
      <c r="NMJ19" s="8"/>
      <c r="NMK19" s="8"/>
      <c r="NML19" s="8"/>
      <c r="NMM19" s="8"/>
      <c r="NMN19" s="8"/>
      <c r="NMO19" s="8"/>
      <c r="NMP19" s="8"/>
      <c r="NMQ19" s="8"/>
      <c r="NMR19" s="8"/>
      <c r="NMS19" s="8"/>
      <c r="NMT19" s="8"/>
      <c r="NMU19" s="8"/>
      <c r="NMV19" s="8"/>
      <c r="NMW19" s="8"/>
      <c r="NMX19" s="8"/>
      <c r="NMY19" s="8"/>
      <c r="NMZ19" s="8"/>
      <c r="NNA19" s="8"/>
      <c r="NNB19" s="8"/>
      <c r="NNC19" s="8"/>
      <c r="NND19" s="8"/>
      <c r="NNE19" s="8"/>
      <c r="NNF19" s="8"/>
      <c r="NNG19" s="8"/>
      <c r="NNH19" s="8"/>
      <c r="NNI19" s="8"/>
      <c r="NNJ19" s="8"/>
      <c r="NNK19" s="8"/>
      <c r="NNL19" s="8"/>
      <c r="NNM19" s="8"/>
      <c r="NNN19" s="8"/>
      <c r="NNO19" s="8"/>
      <c r="NNP19" s="8"/>
      <c r="NNQ19" s="8"/>
      <c r="NNR19" s="8"/>
      <c r="NNS19" s="8"/>
      <c r="NNT19" s="8"/>
      <c r="NNU19" s="8"/>
      <c r="NNV19" s="8"/>
      <c r="NNW19" s="8"/>
      <c r="NNX19" s="8"/>
      <c r="NNY19" s="8"/>
      <c r="NNZ19" s="8"/>
      <c r="NOA19" s="8"/>
      <c r="NOB19" s="8"/>
      <c r="NOC19" s="8"/>
      <c r="NOD19" s="8"/>
      <c r="NOE19" s="8"/>
      <c r="NOF19" s="8"/>
      <c r="NOG19" s="8"/>
      <c r="NOH19" s="8"/>
      <c r="NOI19" s="8"/>
      <c r="NOJ19" s="8"/>
      <c r="NOK19" s="8"/>
      <c r="NOL19" s="8"/>
      <c r="NOM19" s="8"/>
      <c r="NON19" s="8"/>
      <c r="NOO19" s="8"/>
      <c r="NOP19" s="8"/>
      <c r="NOQ19" s="8"/>
      <c r="NOR19" s="8"/>
      <c r="NOS19" s="8"/>
      <c r="NOT19" s="8"/>
      <c r="NOU19" s="8"/>
      <c r="NOV19" s="8"/>
      <c r="NOW19" s="8"/>
      <c r="NOX19" s="8"/>
      <c r="NOY19" s="8"/>
      <c r="NOZ19" s="8"/>
      <c r="NPA19" s="8"/>
      <c r="NPB19" s="8"/>
      <c r="NPC19" s="8"/>
      <c r="NPD19" s="8"/>
      <c r="NPE19" s="8"/>
      <c r="NPF19" s="8"/>
      <c r="NPG19" s="8"/>
      <c r="NPH19" s="8"/>
      <c r="NPI19" s="8"/>
      <c r="NPJ19" s="8"/>
      <c r="NPK19" s="8"/>
      <c r="NPL19" s="8"/>
      <c r="NPM19" s="8"/>
      <c r="NPN19" s="8"/>
      <c r="NPO19" s="8"/>
      <c r="NPP19" s="8"/>
      <c r="NPQ19" s="8"/>
      <c r="NPR19" s="8"/>
      <c r="NPS19" s="8"/>
      <c r="NPT19" s="8"/>
      <c r="NPU19" s="8"/>
      <c r="NPV19" s="8"/>
      <c r="NPW19" s="8"/>
      <c r="NPX19" s="8"/>
      <c r="NPY19" s="8"/>
      <c r="NPZ19" s="8"/>
      <c r="NQA19" s="8"/>
      <c r="NQB19" s="8"/>
      <c r="NQC19" s="8"/>
      <c r="NQD19" s="8"/>
      <c r="NQE19" s="8"/>
      <c r="NQF19" s="8"/>
      <c r="NQG19" s="8"/>
      <c r="NQH19" s="8"/>
      <c r="NQI19" s="8"/>
      <c r="NQJ19" s="8"/>
      <c r="NQK19" s="8"/>
      <c r="NQL19" s="8"/>
      <c r="NQM19" s="8"/>
      <c r="NQN19" s="8"/>
      <c r="NQO19" s="8"/>
      <c r="NQP19" s="8"/>
      <c r="NQQ19" s="8"/>
      <c r="NQR19" s="8"/>
      <c r="NQS19" s="8"/>
      <c r="NQT19" s="8"/>
      <c r="NQU19" s="8"/>
      <c r="NQV19" s="8"/>
      <c r="NQW19" s="8"/>
      <c r="NQX19" s="8"/>
      <c r="NQY19" s="8"/>
      <c r="NQZ19" s="8"/>
      <c r="NRA19" s="8"/>
      <c r="NRB19" s="8"/>
      <c r="NRC19" s="8"/>
      <c r="NRD19" s="8"/>
      <c r="NRE19" s="8"/>
      <c r="NRF19" s="8"/>
      <c r="NRG19" s="8"/>
      <c r="NRH19" s="8"/>
      <c r="NRI19" s="8"/>
      <c r="NRJ19" s="8"/>
      <c r="NRK19" s="8"/>
      <c r="NRL19" s="8"/>
      <c r="NRM19" s="8"/>
      <c r="NRN19" s="8"/>
      <c r="NRO19" s="8"/>
      <c r="NRP19" s="8"/>
      <c r="NRQ19" s="8"/>
      <c r="NRR19" s="8"/>
      <c r="NRS19" s="8"/>
      <c r="NRT19" s="8"/>
      <c r="NRU19" s="8"/>
      <c r="NRV19" s="8"/>
      <c r="NRW19" s="8"/>
      <c r="NRX19" s="8"/>
      <c r="NRY19" s="8"/>
      <c r="NRZ19" s="8"/>
      <c r="NSA19" s="8"/>
      <c r="NSB19" s="8"/>
      <c r="NSC19" s="8"/>
      <c r="NSD19" s="8"/>
      <c r="NSE19" s="8"/>
      <c r="NSF19" s="8"/>
      <c r="NSG19" s="8"/>
      <c r="NSH19" s="8"/>
      <c r="NSI19" s="8"/>
      <c r="NSJ19" s="8"/>
      <c r="NSK19" s="8"/>
      <c r="NSL19" s="8"/>
      <c r="NSM19" s="8"/>
      <c r="NSN19" s="8"/>
      <c r="NSO19" s="8"/>
      <c r="NSP19" s="8"/>
      <c r="NSQ19" s="8"/>
      <c r="NSR19" s="8"/>
      <c r="NSS19" s="8"/>
      <c r="NST19" s="8"/>
      <c r="NSU19" s="8"/>
      <c r="NSV19" s="8"/>
      <c r="NSW19" s="8"/>
      <c r="NSX19" s="8"/>
      <c r="NSY19" s="8"/>
      <c r="NSZ19" s="8"/>
      <c r="NTA19" s="8"/>
      <c r="NTB19" s="8"/>
      <c r="NTC19" s="8"/>
      <c r="NTD19" s="8"/>
      <c r="NTE19" s="8"/>
      <c r="NTF19" s="8"/>
      <c r="NTG19" s="8"/>
      <c r="NTH19" s="8"/>
      <c r="NTI19" s="8"/>
      <c r="NTJ19" s="8"/>
      <c r="NTK19" s="8"/>
      <c r="NTL19" s="8"/>
      <c r="NTM19" s="8"/>
      <c r="NTN19" s="8"/>
      <c r="NTO19" s="8"/>
      <c r="NTP19" s="8"/>
      <c r="NTQ19" s="8"/>
      <c r="NTR19" s="8"/>
      <c r="NTS19" s="8"/>
      <c r="NTT19" s="8"/>
      <c r="NTU19" s="8"/>
      <c r="NTV19" s="8"/>
      <c r="NTW19" s="8"/>
      <c r="NTX19" s="8"/>
      <c r="NTY19" s="8"/>
      <c r="NTZ19" s="8"/>
      <c r="NUA19" s="8"/>
      <c r="NUB19" s="8"/>
      <c r="NUC19" s="8"/>
      <c r="NUD19" s="8"/>
      <c r="NUE19" s="8"/>
      <c r="NUF19" s="8"/>
      <c r="NUG19" s="8"/>
      <c r="NUH19" s="8"/>
      <c r="NUI19" s="8"/>
      <c r="NUJ19" s="8"/>
      <c r="NUK19" s="8"/>
      <c r="NUL19" s="8"/>
      <c r="NUM19" s="8"/>
      <c r="NUN19" s="8"/>
      <c r="NUO19" s="8"/>
      <c r="NUP19" s="8"/>
      <c r="NUQ19" s="8"/>
      <c r="NUR19" s="8"/>
      <c r="NUS19" s="8"/>
      <c r="NUT19" s="8"/>
      <c r="NUU19" s="8"/>
      <c r="NUV19" s="8"/>
      <c r="NUW19" s="8"/>
      <c r="NUX19" s="8"/>
      <c r="NUY19" s="8"/>
      <c r="NUZ19" s="8"/>
      <c r="NVA19" s="8"/>
      <c r="NVB19" s="8"/>
      <c r="NVC19" s="8"/>
      <c r="NVD19" s="8"/>
      <c r="NVE19" s="8"/>
      <c r="NVF19" s="8"/>
      <c r="NVG19" s="8"/>
      <c r="NVH19" s="8"/>
      <c r="NVI19" s="8"/>
      <c r="NVJ19" s="8"/>
      <c r="NVK19" s="8"/>
      <c r="NVL19" s="8"/>
      <c r="NVM19" s="8"/>
      <c r="NVN19" s="8"/>
      <c r="NVO19" s="8"/>
      <c r="NVP19" s="8"/>
      <c r="NVQ19" s="8"/>
      <c r="NVR19" s="8"/>
      <c r="NVS19" s="8"/>
      <c r="NVT19" s="8"/>
      <c r="NVU19" s="8"/>
      <c r="NVV19" s="8"/>
      <c r="NVW19" s="8"/>
      <c r="NVX19" s="8"/>
      <c r="NVY19" s="8"/>
      <c r="NVZ19" s="8"/>
      <c r="NWA19" s="8"/>
      <c r="NWB19" s="8"/>
      <c r="NWC19" s="8"/>
      <c r="NWD19" s="8"/>
      <c r="NWE19" s="8"/>
      <c r="NWF19" s="8"/>
      <c r="NWG19" s="8"/>
      <c r="NWH19" s="8"/>
      <c r="NWI19" s="8"/>
      <c r="NWJ19" s="8"/>
      <c r="NWK19" s="8"/>
      <c r="NWL19" s="8"/>
      <c r="NWM19" s="8"/>
      <c r="NWN19" s="8"/>
      <c r="NWO19" s="8"/>
      <c r="NWP19" s="8"/>
      <c r="NWQ19" s="8"/>
      <c r="NWR19" s="8"/>
      <c r="NWS19" s="8"/>
      <c r="NWT19" s="8"/>
      <c r="NWU19" s="8"/>
      <c r="NWV19" s="8"/>
      <c r="NWW19" s="8"/>
      <c r="NWX19" s="8"/>
      <c r="NWY19" s="8"/>
      <c r="NWZ19" s="8"/>
      <c r="NXA19" s="8"/>
      <c r="NXB19" s="8"/>
      <c r="NXC19" s="8"/>
      <c r="NXD19" s="8"/>
      <c r="NXE19" s="8"/>
      <c r="NXF19" s="8"/>
      <c r="NXG19" s="8"/>
      <c r="NXH19" s="8"/>
      <c r="NXI19" s="8"/>
      <c r="NXJ19" s="8"/>
      <c r="NXK19" s="8"/>
      <c r="NXL19" s="8"/>
      <c r="NXM19" s="8"/>
      <c r="NXN19" s="8"/>
      <c r="NXO19" s="8"/>
      <c r="NXP19" s="8"/>
      <c r="NXQ19" s="8"/>
      <c r="NXR19" s="8"/>
      <c r="NXS19" s="8"/>
      <c r="NXT19" s="8"/>
      <c r="NXU19" s="8"/>
      <c r="NXV19" s="8"/>
      <c r="NXW19" s="8"/>
      <c r="NXX19" s="8"/>
      <c r="NXY19" s="8"/>
      <c r="NXZ19" s="8"/>
      <c r="NYA19" s="8"/>
      <c r="NYB19" s="8"/>
      <c r="NYC19" s="8"/>
      <c r="NYD19" s="8"/>
      <c r="NYE19" s="8"/>
      <c r="NYF19" s="8"/>
      <c r="NYG19" s="8"/>
      <c r="NYH19" s="8"/>
      <c r="NYI19" s="8"/>
      <c r="NYJ19" s="8"/>
      <c r="NYK19" s="8"/>
      <c r="NYL19" s="8"/>
      <c r="NYM19" s="8"/>
      <c r="NYN19" s="8"/>
      <c r="NYO19" s="8"/>
      <c r="NYP19" s="8"/>
      <c r="NYQ19" s="8"/>
      <c r="NYR19" s="8"/>
      <c r="NYS19" s="8"/>
      <c r="NYT19" s="8"/>
      <c r="NYU19" s="8"/>
      <c r="NYV19" s="8"/>
      <c r="NYW19" s="8"/>
      <c r="NYX19" s="8"/>
      <c r="NYY19" s="8"/>
      <c r="NYZ19" s="8"/>
      <c r="NZA19" s="8"/>
      <c r="NZB19" s="8"/>
      <c r="NZC19" s="8"/>
      <c r="NZD19" s="8"/>
      <c r="NZE19" s="8"/>
      <c r="NZF19" s="8"/>
      <c r="NZG19" s="8"/>
      <c r="NZH19" s="8"/>
      <c r="NZI19" s="8"/>
      <c r="NZJ19" s="8"/>
      <c r="NZK19" s="8"/>
      <c r="NZL19" s="8"/>
      <c r="NZM19" s="8"/>
      <c r="NZN19" s="8"/>
      <c r="NZO19" s="8"/>
      <c r="NZP19" s="8"/>
      <c r="NZQ19" s="8"/>
      <c r="NZR19" s="8"/>
      <c r="NZS19" s="8"/>
      <c r="NZT19" s="8"/>
      <c r="NZU19" s="8"/>
      <c r="NZV19" s="8"/>
      <c r="NZW19" s="8"/>
      <c r="NZX19" s="8"/>
      <c r="NZY19" s="8"/>
      <c r="NZZ19" s="8"/>
      <c r="OAA19" s="8"/>
      <c r="OAB19" s="8"/>
      <c r="OAC19" s="8"/>
      <c r="OAD19" s="8"/>
      <c r="OAE19" s="8"/>
      <c r="OAF19" s="8"/>
      <c r="OAG19" s="8"/>
      <c r="OAH19" s="8"/>
      <c r="OAI19" s="8"/>
      <c r="OAJ19" s="8"/>
      <c r="OAK19" s="8"/>
      <c r="OAL19" s="8"/>
      <c r="OAM19" s="8"/>
      <c r="OAN19" s="8"/>
      <c r="OAO19" s="8"/>
      <c r="OAP19" s="8"/>
      <c r="OAQ19" s="8"/>
      <c r="OAR19" s="8"/>
      <c r="OAS19" s="8"/>
      <c r="OAT19" s="8"/>
      <c r="OAU19" s="8"/>
      <c r="OAV19" s="8"/>
      <c r="OAW19" s="8"/>
      <c r="OAX19" s="8"/>
      <c r="OAY19" s="8"/>
      <c r="OAZ19" s="8"/>
      <c r="OBA19" s="8"/>
      <c r="OBB19" s="8"/>
      <c r="OBC19" s="8"/>
      <c r="OBD19" s="8"/>
      <c r="OBE19" s="8"/>
      <c r="OBF19" s="8"/>
      <c r="OBG19" s="8"/>
      <c r="OBH19" s="8"/>
      <c r="OBI19" s="8"/>
      <c r="OBJ19" s="8"/>
      <c r="OBK19" s="8"/>
      <c r="OBL19" s="8"/>
      <c r="OBM19" s="8"/>
      <c r="OBN19" s="8"/>
      <c r="OBO19" s="8"/>
      <c r="OBP19" s="8"/>
      <c r="OBQ19" s="8"/>
      <c r="OBR19" s="8"/>
      <c r="OBS19" s="8"/>
      <c r="OBT19" s="8"/>
      <c r="OBU19" s="8"/>
      <c r="OBV19" s="8"/>
      <c r="OBW19" s="8"/>
      <c r="OBX19" s="8"/>
      <c r="OBY19" s="8"/>
      <c r="OBZ19" s="8"/>
      <c r="OCA19" s="8"/>
      <c r="OCB19" s="8"/>
      <c r="OCC19" s="8"/>
      <c r="OCD19" s="8"/>
      <c r="OCE19" s="8"/>
      <c r="OCF19" s="8"/>
      <c r="OCG19" s="8"/>
      <c r="OCH19" s="8"/>
      <c r="OCI19" s="8"/>
      <c r="OCJ19" s="8"/>
      <c r="OCK19" s="8"/>
      <c r="OCL19" s="8"/>
      <c r="OCM19" s="8"/>
      <c r="OCN19" s="8"/>
      <c r="OCO19" s="8"/>
      <c r="OCP19" s="8"/>
      <c r="OCQ19" s="8"/>
      <c r="OCR19" s="8"/>
      <c r="OCS19" s="8"/>
      <c r="OCT19" s="8"/>
      <c r="OCU19" s="8"/>
      <c r="OCV19" s="8"/>
      <c r="OCW19" s="8"/>
      <c r="OCX19" s="8"/>
      <c r="OCY19" s="8"/>
      <c r="OCZ19" s="8"/>
      <c r="ODA19" s="8"/>
      <c r="ODB19" s="8"/>
      <c r="ODC19" s="8"/>
      <c r="ODD19" s="8"/>
      <c r="ODE19" s="8"/>
      <c r="ODF19" s="8"/>
      <c r="ODG19" s="8"/>
      <c r="ODH19" s="8"/>
      <c r="ODI19" s="8"/>
      <c r="ODJ19" s="8"/>
      <c r="ODK19" s="8"/>
      <c r="ODL19" s="8"/>
      <c r="ODM19" s="8"/>
      <c r="ODN19" s="8"/>
      <c r="ODO19" s="8"/>
      <c r="ODP19" s="8"/>
      <c r="ODQ19" s="8"/>
      <c r="ODR19" s="8"/>
      <c r="ODS19" s="8"/>
      <c r="ODT19" s="8"/>
      <c r="ODU19" s="8"/>
      <c r="ODV19" s="8"/>
      <c r="ODW19" s="8"/>
      <c r="ODX19" s="8"/>
      <c r="ODY19" s="8"/>
      <c r="ODZ19" s="8"/>
      <c r="OEA19" s="8"/>
      <c r="OEB19" s="8"/>
      <c r="OEC19" s="8"/>
      <c r="OED19" s="8"/>
      <c r="OEE19" s="8"/>
      <c r="OEF19" s="8"/>
      <c r="OEG19" s="8"/>
      <c r="OEH19" s="8"/>
      <c r="OEI19" s="8"/>
      <c r="OEJ19" s="8"/>
      <c r="OEK19" s="8"/>
      <c r="OEL19" s="8"/>
      <c r="OEM19" s="8"/>
      <c r="OEN19" s="8"/>
      <c r="OEO19" s="8"/>
      <c r="OEP19" s="8"/>
      <c r="OEQ19" s="8"/>
      <c r="OER19" s="8"/>
      <c r="OES19" s="8"/>
      <c r="OET19" s="8"/>
      <c r="OEU19" s="8"/>
      <c r="OEV19" s="8"/>
      <c r="OEW19" s="8"/>
      <c r="OEX19" s="8"/>
      <c r="OEY19" s="8"/>
      <c r="OEZ19" s="8"/>
      <c r="OFA19" s="8"/>
      <c r="OFB19" s="8"/>
      <c r="OFC19" s="8"/>
      <c r="OFD19" s="8"/>
      <c r="OFE19" s="8"/>
      <c r="OFF19" s="8"/>
      <c r="OFG19" s="8"/>
      <c r="OFH19" s="8"/>
      <c r="OFI19" s="8"/>
      <c r="OFJ19" s="8"/>
      <c r="OFK19" s="8"/>
      <c r="OFL19" s="8"/>
      <c r="OFM19" s="8"/>
      <c r="OFN19" s="8"/>
      <c r="OFO19" s="8"/>
      <c r="OFP19" s="8"/>
      <c r="OFQ19" s="8"/>
      <c r="OFR19" s="8"/>
      <c r="OFS19" s="8"/>
      <c r="OFT19" s="8"/>
      <c r="OFU19" s="8"/>
      <c r="OFV19" s="8"/>
      <c r="OFW19" s="8"/>
      <c r="OFX19" s="8"/>
      <c r="OFY19" s="8"/>
      <c r="OFZ19" s="8"/>
      <c r="OGA19" s="8"/>
      <c r="OGB19" s="8"/>
      <c r="OGC19" s="8"/>
      <c r="OGD19" s="8"/>
      <c r="OGE19" s="8"/>
      <c r="OGF19" s="8"/>
      <c r="OGG19" s="8"/>
      <c r="OGH19" s="8"/>
      <c r="OGI19" s="8"/>
      <c r="OGJ19" s="8"/>
      <c r="OGK19" s="8"/>
      <c r="OGL19" s="8"/>
      <c r="OGM19" s="8"/>
      <c r="OGN19" s="8"/>
      <c r="OGO19" s="8"/>
      <c r="OGP19" s="8"/>
      <c r="OGQ19" s="8"/>
      <c r="OGR19" s="8"/>
      <c r="OGS19" s="8"/>
      <c r="OGT19" s="8"/>
      <c r="OGU19" s="8"/>
      <c r="OGV19" s="8"/>
      <c r="OGW19" s="8"/>
      <c r="OGX19" s="8"/>
      <c r="OGY19" s="8"/>
      <c r="OGZ19" s="8"/>
      <c r="OHA19" s="8"/>
      <c r="OHB19" s="8"/>
      <c r="OHC19" s="8"/>
      <c r="OHD19" s="8"/>
      <c r="OHE19" s="8"/>
      <c r="OHF19" s="8"/>
      <c r="OHG19" s="8"/>
      <c r="OHH19" s="8"/>
      <c r="OHI19" s="8"/>
      <c r="OHJ19" s="8"/>
      <c r="OHK19" s="8"/>
      <c r="OHL19" s="8"/>
      <c r="OHM19" s="8"/>
      <c r="OHN19" s="8"/>
      <c r="OHO19" s="8"/>
      <c r="OHP19" s="8"/>
      <c r="OHQ19" s="8"/>
      <c r="OHR19" s="8"/>
      <c r="OHS19" s="8"/>
      <c r="OHT19" s="8"/>
      <c r="OHU19" s="8"/>
      <c r="OHV19" s="8"/>
      <c r="OHW19" s="8"/>
      <c r="OHX19" s="8"/>
      <c r="OHY19" s="8"/>
      <c r="OHZ19" s="8"/>
      <c r="OIA19" s="8"/>
      <c r="OIB19" s="8"/>
      <c r="OIC19" s="8"/>
      <c r="OID19" s="8"/>
      <c r="OIE19" s="8"/>
      <c r="OIF19" s="8"/>
      <c r="OIG19" s="8"/>
      <c r="OIH19" s="8"/>
      <c r="OII19" s="8"/>
      <c r="OIJ19" s="8"/>
      <c r="OIK19" s="8"/>
      <c r="OIL19" s="8"/>
      <c r="OIM19" s="8"/>
      <c r="OIN19" s="8"/>
      <c r="OIO19" s="8"/>
      <c r="OIP19" s="8"/>
      <c r="OIQ19" s="8"/>
      <c r="OIR19" s="8"/>
      <c r="OIS19" s="8"/>
      <c r="OIT19" s="8"/>
      <c r="OIU19" s="8"/>
      <c r="OIV19" s="8"/>
      <c r="OIW19" s="8"/>
      <c r="OIX19" s="8"/>
      <c r="OIY19" s="8"/>
      <c r="OIZ19" s="8"/>
      <c r="OJA19" s="8"/>
      <c r="OJB19" s="8"/>
      <c r="OJC19" s="8"/>
      <c r="OJD19" s="8"/>
      <c r="OJE19" s="8"/>
      <c r="OJF19" s="8"/>
      <c r="OJG19" s="8"/>
      <c r="OJH19" s="8"/>
      <c r="OJI19" s="8"/>
      <c r="OJJ19" s="8"/>
      <c r="OJK19" s="8"/>
      <c r="OJL19" s="8"/>
      <c r="OJM19" s="8"/>
      <c r="OJN19" s="8"/>
      <c r="OJO19" s="8"/>
      <c r="OJP19" s="8"/>
      <c r="OJQ19" s="8"/>
      <c r="OJR19" s="8"/>
      <c r="OJS19" s="8"/>
      <c r="OJT19" s="8"/>
      <c r="OJU19" s="8"/>
      <c r="OJV19" s="8"/>
      <c r="OJW19" s="8"/>
      <c r="OJX19" s="8"/>
      <c r="OJY19" s="8"/>
      <c r="OJZ19" s="8"/>
      <c r="OKA19" s="8"/>
      <c r="OKB19" s="8"/>
      <c r="OKC19" s="8"/>
      <c r="OKD19" s="8"/>
      <c r="OKE19" s="8"/>
      <c r="OKF19" s="8"/>
      <c r="OKG19" s="8"/>
      <c r="OKH19" s="8"/>
      <c r="OKI19" s="8"/>
      <c r="OKJ19" s="8"/>
      <c r="OKK19" s="8"/>
      <c r="OKL19" s="8"/>
      <c r="OKM19" s="8"/>
      <c r="OKN19" s="8"/>
      <c r="OKO19" s="8"/>
      <c r="OKP19" s="8"/>
      <c r="OKQ19" s="8"/>
      <c r="OKR19" s="8"/>
      <c r="OKS19" s="8"/>
      <c r="OKT19" s="8"/>
      <c r="OKU19" s="8"/>
      <c r="OKV19" s="8"/>
      <c r="OKW19" s="8"/>
      <c r="OKX19" s="8"/>
      <c r="OKY19" s="8"/>
      <c r="OKZ19" s="8"/>
      <c r="OLA19" s="8"/>
      <c r="OLB19" s="8"/>
      <c r="OLC19" s="8"/>
      <c r="OLD19" s="8"/>
      <c r="OLE19" s="8"/>
      <c r="OLF19" s="8"/>
      <c r="OLG19" s="8"/>
      <c r="OLH19" s="8"/>
      <c r="OLI19" s="8"/>
      <c r="OLJ19" s="8"/>
      <c r="OLK19" s="8"/>
      <c r="OLL19" s="8"/>
      <c r="OLM19" s="8"/>
      <c r="OLN19" s="8"/>
      <c r="OLO19" s="8"/>
      <c r="OLP19" s="8"/>
      <c r="OLQ19" s="8"/>
      <c r="OLR19" s="8"/>
      <c r="OLS19" s="8"/>
      <c r="OLT19" s="8"/>
      <c r="OLU19" s="8"/>
      <c r="OLV19" s="8"/>
      <c r="OLW19" s="8"/>
      <c r="OLX19" s="8"/>
      <c r="OLY19" s="8"/>
      <c r="OLZ19" s="8"/>
      <c r="OMA19" s="8"/>
      <c r="OMB19" s="8"/>
      <c r="OMC19" s="8"/>
      <c r="OMD19" s="8"/>
      <c r="OME19" s="8"/>
      <c r="OMF19" s="8"/>
      <c r="OMG19" s="8"/>
      <c r="OMH19" s="8"/>
      <c r="OMI19" s="8"/>
      <c r="OMJ19" s="8"/>
      <c r="OMK19" s="8"/>
      <c r="OML19" s="8"/>
      <c r="OMM19" s="8"/>
      <c r="OMN19" s="8"/>
      <c r="OMO19" s="8"/>
      <c r="OMP19" s="8"/>
      <c r="OMQ19" s="8"/>
      <c r="OMR19" s="8"/>
      <c r="OMS19" s="8"/>
      <c r="OMT19" s="8"/>
      <c r="OMU19" s="8"/>
      <c r="OMV19" s="8"/>
      <c r="OMW19" s="8"/>
      <c r="OMX19" s="8"/>
      <c r="OMY19" s="8"/>
      <c r="OMZ19" s="8"/>
      <c r="ONA19" s="8"/>
      <c r="ONB19" s="8"/>
      <c r="ONC19" s="8"/>
      <c r="OND19" s="8"/>
      <c r="ONE19" s="8"/>
      <c r="ONF19" s="8"/>
      <c r="ONG19" s="8"/>
      <c r="ONH19" s="8"/>
      <c r="ONI19" s="8"/>
      <c r="ONJ19" s="8"/>
      <c r="ONK19" s="8"/>
      <c r="ONL19" s="8"/>
      <c r="ONM19" s="8"/>
      <c r="ONN19" s="8"/>
      <c r="ONO19" s="8"/>
      <c r="ONP19" s="8"/>
      <c r="ONQ19" s="8"/>
      <c r="ONR19" s="8"/>
      <c r="ONS19" s="8"/>
      <c r="ONT19" s="8"/>
      <c r="ONU19" s="8"/>
      <c r="ONV19" s="8"/>
      <c r="ONW19" s="8"/>
      <c r="ONX19" s="8"/>
      <c r="ONY19" s="8"/>
      <c r="ONZ19" s="8"/>
      <c r="OOA19" s="8"/>
      <c r="OOB19" s="8"/>
      <c r="OOC19" s="8"/>
      <c r="OOD19" s="8"/>
      <c r="OOE19" s="8"/>
      <c r="OOF19" s="8"/>
      <c r="OOG19" s="8"/>
      <c r="OOH19" s="8"/>
      <c r="OOI19" s="8"/>
      <c r="OOJ19" s="8"/>
      <c r="OOK19" s="8"/>
      <c r="OOL19" s="8"/>
      <c r="OOM19" s="8"/>
      <c r="OON19" s="8"/>
      <c r="OOO19" s="8"/>
      <c r="OOP19" s="8"/>
      <c r="OOQ19" s="8"/>
      <c r="OOR19" s="8"/>
      <c r="OOS19" s="8"/>
      <c r="OOT19" s="8"/>
      <c r="OOU19" s="8"/>
      <c r="OOV19" s="8"/>
      <c r="OOW19" s="8"/>
      <c r="OOX19" s="8"/>
      <c r="OOY19" s="8"/>
      <c r="OOZ19" s="8"/>
      <c r="OPA19" s="8"/>
      <c r="OPB19" s="8"/>
      <c r="OPC19" s="8"/>
      <c r="OPD19" s="8"/>
      <c r="OPE19" s="8"/>
      <c r="OPF19" s="8"/>
      <c r="OPG19" s="8"/>
      <c r="OPH19" s="8"/>
      <c r="OPI19" s="8"/>
      <c r="OPJ19" s="8"/>
      <c r="OPK19" s="8"/>
      <c r="OPL19" s="8"/>
      <c r="OPM19" s="8"/>
      <c r="OPN19" s="8"/>
      <c r="OPO19" s="8"/>
      <c r="OPP19" s="8"/>
      <c r="OPQ19" s="8"/>
      <c r="OPR19" s="8"/>
      <c r="OPS19" s="8"/>
      <c r="OPT19" s="8"/>
      <c r="OPU19" s="8"/>
      <c r="OPV19" s="8"/>
      <c r="OPW19" s="8"/>
      <c r="OPX19" s="8"/>
      <c r="OPY19" s="8"/>
      <c r="OPZ19" s="8"/>
      <c r="OQA19" s="8"/>
      <c r="OQB19" s="8"/>
      <c r="OQC19" s="8"/>
      <c r="OQD19" s="8"/>
      <c r="OQE19" s="8"/>
      <c r="OQF19" s="8"/>
      <c r="OQG19" s="8"/>
      <c r="OQH19" s="8"/>
      <c r="OQI19" s="8"/>
      <c r="OQJ19" s="8"/>
      <c r="OQK19" s="8"/>
      <c r="OQL19" s="8"/>
      <c r="OQM19" s="8"/>
      <c r="OQN19" s="8"/>
      <c r="OQO19" s="8"/>
      <c r="OQP19" s="8"/>
      <c r="OQQ19" s="8"/>
      <c r="OQR19" s="8"/>
      <c r="OQS19" s="8"/>
      <c r="OQT19" s="8"/>
      <c r="OQU19" s="8"/>
      <c r="OQV19" s="8"/>
      <c r="OQW19" s="8"/>
      <c r="OQX19" s="8"/>
      <c r="OQY19" s="8"/>
      <c r="OQZ19" s="8"/>
      <c r="ORA19" s="8"/>
      <c r="ORB19" s="8"/>
      <c r="ORC19" s="8"/>
      <c r="ORD19" s="8"/>
      <c r="ORE19" s="8"/>
      <c r="ORF19" s="8"/>
      <c r="ORG19" s="8"/>
      <c r="ORH19" s="8"/>
      <c r="ORI19" s="8"/>
      <c r="ORJ19" s="8"/>
      <c r="ORK19" s="8"/>
      <c r="ORL19" s="8"/>
      <c r="ORM19" s="8"/>
      <c r="ORN19" s="8"/>
      <c r="ORO19" s="8"/>
      <c r="ORP19" s="8"/>
      <c r="ORQ19" s="8"/>
      <c r="ORR19" s="8"/>
      <c r="ORS19" s="8"/>
      <c r="ORT19" s="8"/>
      <c r="ORU19" s="8"/>
      <c r="ORV19" s="8"/>
      <c r="ORW19" s="8"/>
      <c r="ORX19" s="8"/>
      <c r="ORY19" s="8"/>
      <c r="ORZ19" s="8"/>
      <c r="OSA19" s="8"/>
      <c r="OSB19" s="8"/>
      <c r="OSC19" s="8"/>
      <c r="OSD19" s="8"/>
      <c r="OSE19" s="8"/>
      <c r="OSF19" s="8"/>
      <c r="OSG19" s="8"/>
      <c r="OSH19" s="8"/>
      <c r="OSI19" s="8"/>
      <c r="OSJ19" s="8"/>
      <c r="OSK19" s="8"/>
      <c r="OSL19" s="8"/>
      <c r="OSM19" s="8"/>
      <c r="OSN19" s="8"/>
      <c r="OSO19" s="8"/>
      <c r="OSP19" s="8"/>
      <c r="OSQ19" s="8"/>
      <c r="OSR19" s="8"/>
      <c r="OSS19" s="8"/>
      <c r="OST19" s="8"/>
      <c r="OSU19" s="8"/>
      <c r="OSV19" s="8"/>
      <c r="OSW19" s="8"/>
      <c r="OSX19" s="8"/>
      <c r="OSY19" s="8"/>
      <c r="OSZ19" s="8"/>
      <c r="OTA19" s="8"/>
      <c r="OTB19" s="8"/>
      <c r="OTC19" s="8"/>
      <c r="OTD19" s="8"/>
      <c r="OTE19" s="8"/>
      <c r="OTF19" s="8"/>
      <c r="OTG19" s="8"/>
      <c r="OTH19" s="8"/>
      <c r="OTI19" s="8"/>
      <c r="OTJ19" s="8"/>
      <c r="OTK19" s="8"/>
      <c r="OTL19" s="8"/>
      <c r="OTM19" s="8"/>
      <c r="OTN19" s="8"/>
      <c r="OTO19" s="8"/>
      <c r="OTP19" s="8"/>
      <c r="OTQ19" s="8"/>
      <c r="OTR19" s="8"/>
      <c r="OTS19" s="8"/>
      <c r="OTT19" s="8"/>
      <c r="OTU19" s="8"/>
      <c r="OTV19" s="8"/>
      <c r="OTW19" s="8"/>
      <c r="OTX19" s="8"/>
      <c r="OTY19" s="8"/>
      <c r="OTZ19" s="8"/>
      <c r="OUA19" s="8"/>
      <c r="OUB19" s="8"/>
      <c r="OUC19" s="8"/>
      <c r="OUD19" s="8"/>
      <c r="OUE19" s="8"/>
      <c r="OUF19" s="8"/>
      <c r="OUG19" s="8"/>
      <c r="OUH19" s="8"/>
      <c r="OUI19" s="8"/>
      <c r="OUJ19" s="8"/>
      <c r="OUK19" s="8"/>
      <c r="OUL19" s="8"/>
      <c r="OUM19" s="8"/>
      <c r="OUN19" s="8"/>
      <c r="OUO19" s="8"/>
      <c r="OUP19" s="8"/>
      <c r="OUQ19" s="8"/>
      <c r="OUR19" s="8"/>
      <c r="OUS19" s="8"/>
      <c r="OUT19" s="8"/>
      <c r="OUU19" s="8"/>
      <c r="OUV19" s="8"/>
      <c r="OUW19" s="8"/>
      <c r="OUX19" s="8"/>
      <c r="OUY19" s="8"/>
      <c r="OUZ19" s="8"/>
      <c r="OVA19" s="8"/>
      <c r="OVB19" s="8"/>
      <c r="OVC19" s="8"/>
      <c r="OVD19" s="8"/>
      <c r="OVE19" s="8"/>
      <c r="OVF19" s="8"/>
      <c r="OVG19" s="8"/>
      <c r="OVH19" s="8"/>
      <c r="OVI19" s="8"/>
      <c r="OVJ19" s="8"/>
      <c r="OVK19" s="8"/>
      <c r="OVL19" s="8"/>
      <c r="OVM19" s="8"/>
      <c r="OVN19" s="8"/>
      <c r="OVO19" s="8"/>
      <c r="OVP19" s="8"/>
      <c r="OVQ19" s="8"/>
      <c r="OVR19" s="8"/>
      <c r="OVS19" s="8"/>
      <c r="OVT19" s="8"/>
      <c r="OVU19" s="8"/>
      <c r="OVV19" s="8"/>
      <c r="OVW19" s="8"/>
      <c r="OVX19" s="8"/>
      <c r="OVY19" s="8"/>
      <c r="OVZ19" s="8"/>
      <c r="OWA19" s="8"/>
      <c r="OWB19" s="8"/>
      <c r="OWC19" s="8"/>
      <c r="OWD19" s="8"/>
      <c r="OWE19" s="8"/>
      <c r="OWF19" s="8"/>
      <c r="OWG19" s="8"/>
      <c r="OWH19" s="8"/>
      <c r="OWI19" s="8"/>
      <c r="OWJ19" s="8"/>
      <c r="OWK19" s="8"/>
      <c r="OWL19" s="8"/>
      <c r="OWM19" s="8"/>
      <c r="OWN19" s="8"/>
      <c r="OWO19" s="8"/>
      <c r="OWP19" s="8"/>
      <c r="OWQ19" s="8"/>
      <c r="OWR19" s="8"/>
      <c r="OWS19" s="8"/>
      <c r="OWT19" s="8"/>
      <c r="OWU19" s="8"/>
      <c r="OWV19" s="8"/>
      <c r="OWW19" s="8"/>
      <c r="OWX19" s="8"/>
      <c r="OWY19" s="8"/>
      <c r="OWZ19" s="8"/>
      <c r="OXA19" s="8"/>
      <c r="OXB19" s="8"/>
      <c r="OXC19" s="8"/>
      <c r="OXD19" s="8"/>
      <c r="OXE19" s="8"/>
      <c r="OXF19" s="8"/>
      <c r="OXG19" s="8"/>
      <c r="OXH19" s="8"/>
      <c r="OXI19" s="8"/>
      <c r="OXJ19" s="8"/>
      <c r="OXK19" s="8"/>
      <c r="OXL19" s="8"/>
      <c r="OXM19" s="8"/>
      <c r="OXN19" s="8"/>
      <c r="OXO19" s="8"/>
      <c r="OXP19" s="8"/>
      <c r="OXQ19" s="8"/>
      <c r="OXR19" s="8"/>
      <c r="OXS19" s="8"/>
      <c r="OXT19" s="8"/>
      <c r="OXU19" s="8"/>
      <c r="OXV19" s="8"/>
      <c r="OXW19" s="8"/>
      <c r="OXX19" s="8"/>
      <c r="OXY19" s="8"/>
      <c r="OXZ19" s="8"/>
      <c r="OYA19" s="8"/>
      <c r="OYB19" s="8"/>
      <c r="OYC19" s="8"/>
      <c r="OYD19" s="8"/>
      <c r="OYE19" s="8"/>
      <c r="OYF19" s="8"/>
      <c r="OYG19" s="8"/>
      <c r="OYH19" s="8"/>
      <c r="OYI19" s="8"/>
      <c r="OYJ19" s="8"/>
      <c r="OYK19" s="8"/>
      <c r="OYL19" s="8"/>
      <c r="OYM19" s="8"/>
      <c r="OYN19" s="8"/>
      <c r="OYO19" s="8"/>
      <c r="OYP19" s="8"/>
      <c r="OYQ19" s="8"/>
      <c r="OYR19" s="8"/>
      <c r="OYS19" s="8"/>
      <c r="OYT19" s="8"/>
      <c r="OYU19" s="8"/>
      <c r="OYV19" s="8"/>
      <c r="OYW19" s="8"/>
      <c r="OYX19" s="8"/>
      <c r="OYY19" s="8"/>
      <c r="OYZ19" s="8"/>
      <c r="OZA19" s="8"/>
      <c r="OZB19" s="8"/>
      <c r="OZC19" s="8"/>
      <c r="OZD19" s="8"/>
      <c r="OZE19" s="8"/>
      <c r="OZF19" s="8"/>
      <c r="OZG19" s="8"/>
      <c r="OZH19" s="8"/>
      <c r="OZI19" s="8"/>
      <c r="OZJ19" s="8"/>
      <c r="OZK19" s="8"/>
      <c r="OZL19" s="8"/>
      <c r="OZM19" s="8"/>
      <c r="OZN19" s="8"/>
      <c r="OZO19" s="8"/>
      <c r="OZP19" s="8"/>
      <c r="OZQ19" s="8"/>
      <c r="OZR19" s="8"/>
      <c r="OZS19" s="8"/>
      <c r="OZT19" s="8"/>
      <c r="OZU19" s="8"/>
      <c r="OZV19" s="8"/>
      <c r="OZW19" s="8"/>
      <c r="OZX19" s="8"/>
      <c r="OZY19" s="8"/>
      <c r="OZZ19" s="8"/>
      <c r="PAA19" s="8"/>
      <c r="PAB19" s="8"/>
      <c r="PAC19" s="8"/>
      <c r="PAD19" s="8"/>
      <c r="PAE19" s="8"/>
      <c r="PAF19" s="8"/>
      <c r="PAG19" s="8"/>
      <c r="PAH19" s="8"/>
      <c r="PAI19" s="8"/>
      <c r="PAJ19" s="8"/>
      <c r="PAK19" s="8"/>
      <c r="PAL19" s="8"/>
      <c r="PAM19" s="8"/>
      <c r="PAN19" s="8"/>
      <c r="PAO19" s="8"/>
      <c r="PAP19" s="8"/>
      <c r="PAQ19" s="8"/>
      <c r="PAR19" s="8"/>
      <c r="PAS19" s="8"/>
      <c r="PAT19" s="8"/>
      <c r="PAU19" s="8"/>
      <c r="PAV19" s="8"/>
      <c r="PAW19" s="8"/>
      <c r="PAX19" s="8"/>
      <c r="PAY19" s="8"/>
      <c r="PAZ19" s="8"/>
      <c r="PBA19" s="8"/>
      <c r="PBB19" s="8"/>
      <c r="PBC19" s="8"/>
      <c r="PBD19" s="8"/>
      <c r="PBE19" s="8"/>
      <c r="PBF19" s="8"/>
      <c r="PBG19" s="8"/>
      <c r="PBH19" s="8"/>
      <c r="PBI19" s="8"/>
      <c r="PBJ19" s="8"/>
      <c r="PBK19" s="8"/>
      <c r="PBL19" s="8"/>
      <c r="PBM19" s="8"/>
      <c r="PBN19" s="8"/>
      <c r="PBO19" s="8"/>
      <c r="PBP19" s="8"/>
      <c r="PBQ19" s="8"/>
      <c r="PBR19" s="8"/>
      <c r="PBS19" s="8"/>
      <c r="PBT19" s="8"/>
      <c r="PBU19" s="8"/>
      <c r="PBV19" s="8"/>
      <c r="PBW19" s="8"/>
      <c r="PBX19" s="8"/>
      <c r="PBY19" s="8"/>
      <c r="PBZ19" s="8"/>
      <c r="PCA19" s="8"/>
      <c r="PCB19" s="8"/>
      <c r="PCC19" s="8"/>
      <c r="PCD19" s="8"/>
      <c r="PCE19" s="8"/>
      <c r="PCF19" s="8"/>
      <c r="PCG19" s="8"/>
      <c r="PCH19" s="8"/>
      <c r="PCI19" s="8"/>
      <c r="PCJ19" s="8"/>
      <c r="PCK19" s="8"/>
      <c r="PCL19" s="8"/>
      <c r="PCM19" s="8"/>
      <c r="PCN19" s="8"/>
      <c r="PCO19" s="8"/>
      <c r="PCP19" s="8"/>
      <c r="PCQ19" s="8"/>
      <c r="PCR19" s="8"/>
      <c r="PCS19" s="8"/>
      <c r="PCT19" s="8"/>
      <c r="PCU19" s="8"/>
      <c r="PCV19" s="8"/>
      <c r="PCW19" s="8"/>
      <c r="PCX19" s="8"/>
      <c r="PCY19" s="8"/>
      <c r="PCZ19" s="8"/>
      <c r="PDA19" s="8"/>
      <c r="PDB19" s="8"/>
      <c r="PDC19" s="8"/>
      <c r="PDD19" s="8"/>
      <c r="PDE19" s="8"/>
      <c r="PDF19" s="8"/>
      <c r="PDG19" s="8"/>
      <c r="PDH19" s="8"/>
      <c r="PDI19" s="8"/>
      <c r="PDJ19" s="8"/>
      <c r="PDK19" s="8"/>
      <c r="PDL19" s="8"/>
      <c r="PDM19" s="8"/>
      <c r="PDN19" s="8"/>
      <c r="PDO19" s="8"/>
      <c r="PDP19" s="8"/>
      <c r="PDQ19" s="8"/>
      <c r="PDR19" s="8"/>
      <c r="PDS19" s="8"/>
      <c r="PDT19" s="8"/>
      <c r="PDU19" s="8"/>
      <c r="PDV19" s="8"/>
      <c r="PDW19" s="8"/>
      <c r="PDX19" s="8"/>
      <c r="PDY19" s="8"/>
      <c r="PDZ19" s="8"/>
      <c r="PEA19" s="8"/>
      <c r="PEB19" s="8"/>
      <c r="PEC19" s="8"/>
      <c r="PED19" s="8"/>
      <c r="PEE19" s="8"/>
      <c r="PEF19" s="8"/>
      <c r="PEG19" s="8"/>
      <c r="PEH19" s="8"/>
      <c r="PEI19" s="8"/>
      <c r="PEJ19" s="8"/>
      <c r="PEK19" s="8"/>
      <c r="PEL19" s="8"/>
      <c r="PEM19" s="8"/>
      <c r="PEN19" s="8"/>
      <c r="PEO19" s="8"/>
      <c r="PEP19" s="8"/>
      <c r="PEQ19" s="8"/>
      <c r="PER19" s="8"/>
      <c r="PES19" s="8"/>
      <c r="PET19" s="8"/>
      <c r="PEU19" s="8"/>
      <c r="PEV19" s="8"/>
      <c r="PEW19" s="8"/>
      <c r="PEX19" s="8"/>
      <c r="PEY19" s="8"/>
      <c r="PEZ19" s="8"/>
      <c r="PFA19" s="8"/>
      <c r="PFB19" s="8"/>
      <c r="PFC19" s="8"/>
      <c r="PFD19" s="8"/>
      <c r="PFE19" s="8"/>
      <c r="PFF19" s="8"/>
      <c r="PFG19" s="8"/>
      <c r="PFH19" s="8"/>
      <c r="PFI19" s="8"/>
      <c r="PFJ19" s="8"/>
      <c r="PFK19" s="8"/>
      <c r="PFL19" s="8"/>
      <c r="PFM19" s="8"/>
      <c r="PFN19" s="8"/>
      <c r="PFO19" s="8"/>
      <c r="PFP19" s="8"/>
      <c r="PFQ19" s="8"/>
      <c r="PFR19" s="8"/>
      <c r="PFS19" s="8"/>
      <c r="PFT19" s="8"/>
      <c r="PFU19" s="8"/>
      <c r="PFV19" s="8"/>
      <c r="PFW19" s="8"/>
      <c r="PFX19" s="8"/>
      <c r="PFY19" s="8"/>
      <c r="PFZ19" s="8"/>
      <c r="PGA19" s="8"/>
      <c r="PGB19" s="8"/>
      <c r="PGC19" s="8"/>
      <c r="PGD19" s="8"/>
      <c r="PGE19" s="8"/>
      <c r="PGF19" s="8"/>
      <c r="PGG19" s="8"/>
      <c r="PGH19" s="8"/>
      <c r="PGI19" s="8"/>
      <c r="PGJ19" s="8"/>
      <c r="PGK19" s="8"/>
      <c r="PGL19" s="8"/>
      <c r="PGM19" s="8"/>
      <c r="PGN19" s="8"/>
      <c r="PGO19" s="8"/>
      <c r="PGP19" s="8"/>
      <c r="PGQ19" s="8"/>
      <c r="PGR19" s="8"/>
      <c r="PGS19" s="8"/>
      <c r="PGT19" s="8"/>
      <c r="PGU19" s="8"/>
      <c r="PGV19" s="8"/>
      <c r="PGW19" s="8"/>
      <c r="PGX19" s="8"/>
      <c r="PGY19" s="8"/>
      <c r="PGZ19" s="8"/>
      <c r="PHA19" s="8"/>
      <c r="PHB19" s="8"/>
      <c r="PHC19" s="8"/>
      <c r="PHD19" s="8"/>
      <c r="PHE19" s="8"/>
      <c r="PHF19" s="8"/>
      <c r="PHG19" s="8"/>
      <c r="PHH19" s="8"/>
      <c r="PHI19" s="8"/>
      <c r="PHJ19" s="8"/>
      <c r="PHK19" s="8"/>
      <c r="PHL19" s="8"/>
      <c r="PHM19" s="8"/>
      <c r="PHN19" s="8"/>
      <c r="PHO19" s="8"/>
      <c r="PHP19" s="8"/>
      <c r="PHQ19" s="8"/>
      <c r="PHR19" s="8"/>
      <c r="PHS19" s="8"/>
      <c r="PHT19" s="8"/>
      <c r="PHU19" s="8"/>
      <c r="PHV19" s="8"/>
      <c r="PHW19" s="8"/>
      <c r="PHX19" s="8"/>
      <c r="PHY19" s="8"/>
      <c r="PHZ19" s="8"/>
      <c r="PIA19" s="8"/>
      <c r="PIB19" s="8"/>
      <c r="PIC19" s="8"/>
      <c r="PID19" s="8"/>
      <c r="PIE19" s="8"/>
      <c r="PIF19" s="8"/>
      <c r="PIG19" s="8"/>
      <c r="PIH19" s="8"/>
      <c r="PII19" s="8"/>
      <c r="PIJ19" s="8"/>
      <c r="PIK19" s="8"/>
      <c r="PIL19" s="8"/>
      <c r="PIM19" s="8"/>
      <c r="PIN19" s="8"/>
      <c r="PIO19" s="8"/>
      <c r="PIP19" s="8"/>
      <c r="PIQ19" s="8"/>
      <c r="PIR19" s="8"/>
      <c r="PIS19" s="8"/>
      <c r="PIT19" s="8"/>
      <c r="PIU19" s="8"/>
      <c r="PIV19" s="8"/>
      <c r="PIW19" s="8"/>
      <c r="PIX19" s="8"/>
      <c r="PIY19" s="8"/>
      <c r="PIZ19" s="8"/>
      <c r="PJA19" s="8"/>
      <c r="PJB19" s="8"/>
      <c r="PJC19" s="8"/>
      <c r="PJD19" s="8"/>
      <c r="PJE19" s="8"/>
      <c r="PJF19" s="8"/>
      <c r="PJG19" s="8"/>
      <c r="PJH19" s="8"/>
      <c r="PJI19" s="8"/>
      <c r="PJJ19" s="8"/>
      <c r="PJK19" s="8"/>
      <c r="PJL19" s="8"/>
      <c r="PJM19" s="8"/>
      <c r="PJN19" s="8"/>
      <c r="PJO19" s="8"/>
      <c r="PJP19" s="8"/>
      <c r="PJQ19" s="8"/>
      <c r="PJR19" s="8"/>
      <c r="PJS19" s="8"/>
      <c r="PJT19" s="8"/>
      <c r="PJU19" s="8"/>
      <c r="PJV19" s="8"/>
      <c r="PJW19" s="8"/>
      <c r="PJX19" s="8"/>
      <c r="PJY19" s="8"/>
      <c r="PJZ19" s="8"/>
      <c r="PKA19" s="8"/>
      <c r="PKB19" s="8"/>
      <c r="PKC19" s="8"/>
      <c r="PKD19" s="8"/>
      <c r="PKE19" s="8"/>
      <c r="PKF19" s="8"/>
      <c r="PKG19" s="8"/>
      <c r="PKH19" s="8"/>
      <c r="PKI19" s="8"/>
      <c r="PKJ19" s="8"/>
      <c r="PKK19" s="8"/>
      <c r="PKL19" s="8"/>
      <c r="PKM19" s="8"/>
      <c r="PKN19" s="8"/>
      <c r="PKO19" s="8"/>
      <c r="PKP19" s="8"/>
      <c r="PKQ19" s="8"/>
      <c r="PKR19" s="8"/>
      <c r="PKS19" s="8"/>
      <c r="PKT19" s="8"/>
      <c r="PKU19" s="8"/>
      <c r="PKV19" s="8"/>
      <c r="PKW19" s="8"/>
      <c r="PKX19" s="8"/>
      <c r="PKY19" s="8"/>
      <c r="PKZ19" s="8"/>
      <c r="PLA19" s="8"/>
      <c r="PLB19" s="8"/>
      <c r="PLC19" s="8"/>
      <c r="PLD19" s="8"/>
      <c r="PLE19" s="8"/>
      <c r="PLF19" s="8"/>
      <c r="PLG19" s="8"/>
      <c r="PLH19" s="8"/>
      <c r="PLI19" s="8"/>
      <c r="PLJ19" s="8"/>
      <c r="PLK19" s="8"/>
      <c r="PLL19" s="8"/>
      <c r="PLM19" s="8"/>
      <c r="PLN19" s="8"/>
      <c r="PLO19" s="8"/>
      <c r="PLP19" s="8"/>
      <c r="PLQ19" s="8"/>
      <c r="PLR19" s="8"/>
      <c r="PLS19" s="8"/>
      <c r="PLT19" s="8"/>
      <c r="PLU19" s="8"/>
      <c r="PLV19" s="8"/>
      <c r="PLW19" s="8"/>
      <c r="PLX19" s="8"/>
      <c r="PLY19" s="8"/>
      <c r="PLZ19" s="8"/>
      <c r="PMA19" s="8"/>
      <c r="PMB19" s="8"/>
      <c r="PMC19" s="8"/>
      <c r="PMD19" s="8"/>
      <c r="PME19" s="8"/>
      <c r="PMF19" s="8"/>
      <c r="PMG19" s="8"/>
      <c r="PMH19" s="8"/>
      <c r="PMI19" s="8"/>
      <c r="PMJ19" s="8"/>
      <c r="PMK19" s="8"/>
      <c r="PML19" s="8"/>
      <c r="PMM19" s="8"/>
      <c r="PMN19" s="8"/>
      <c r="PMO19" s="8"/>
      <c r="PMP19" s="8"/>
      <c r="PMQ19" s="8"/>
      <c r="PMR19" s="8"/>
      <c r="PMS19" s="8"/>
      <c r="PMT19" s="8"/>
      <c r="PMU19" s="8"/>
      <c r="PMV19" s="8"/>
      <c r="PMW19" s="8"/>
      <c r="PMX19" s="8"/>
      <c r="PMY19" s="8"/>
      <c r="PMZ19" s="8"/>
      <c r="PNA19" s="8"/>
      <c r="PNB19" s="8"/>
      <c r="PNC19" s="8"/>
      <c r="PND19" s="8"/>
      <c r="PNE19" s="8"/>
      <c r="PNF19" s="8"/>
      <c r="PNG19" s="8"/>
      <c r="PNH19" s="8"/>
      <c r="PNI19" s="8"/>
      <c r="PNJ19" s="8"/>
      <c r="PNK19" s="8"/>
      <c r="PNL19" s="8"/>
      <c r="PNM19" s="8"/>
      <c r="PNN19" s="8"/>
      <c r="PNO19" s="8"/>
      <c r="PNP19" s="8"/>
      <c r="PNQ19" s="8"/>
      <c r="PNR19" s="8"/>
      <c r="PNS19" s="8"/>
      <c r="PNT19" s="8"/>
      <c r="PNU19" s="8"/>
      <c r="PNV19" s="8"/>
      <c r="PNW19" s="8"/>
      <c r="PNX19" s="8"/>
      <c r="PNY19" s="8"/>
      <c r="PNZ19" s="8"/>
      <c r="POA19" s="8"/>
      <c r="POB19" s="8"/>
      <c r="POC19" s="8"/>
      <c r="POD19" s="8"/>
      <c r="POE19" s="8"/>
      <c r="POF19" s="8"/>
      <c r="POG19" s="8"/>
      <c r="POH19" s="8"/>
      <c r="POI19" s="8"/>
      <c r="POJ19" s="8"/>
      <c r="POK19" s="8"/>
      <c r="POL19" s="8"/>
      <c r="POM19" s="8"/>
      <c r="PON19" s="8"/>
      <c r="POO19" s="8"/>
      <c r="POP19" s="8"/>
      <c r="POQ19" s="8"/>
      <c r="POR19" s="8"/>
      <c r="POS19" s="8"/>
      <c r="POT19" s="8"/>
      <c r="POU19" s="8"/>
      <c r="POV19" s="8"/>
      <c r="POW19" s="8"/>
      <c r="POX19" s="8"/>
      <c r="POY19" s="8"/>
      <c r="POZ19" s="8"/>
      <c r="PPA19" s="8"/>
      <c r="PPB19" s="8"/>
      <c r="PPC19" s="8"/>
      <c r="PPD19" s="8"/>
      <c r="PPE19" s="8"/>
      <c r="PPF19" s="8"/>
      <c r="PPG19" s="8"/>
      <c r="PPH19" s="8"/>
      <c r="PPI19" s="8"/>
      <c r="PPJ19" s="8"/>
      <c r="PPK19" s="8"/>
      <c r="PPL19" s="8"/>
      <c r="PPM19" s="8"/>
      <c r="PPN19" s="8"/>
      <c r="PPO19" s="8"/>
      <c r="PPP19" s="8"/>
      <c r="PPQ19" s="8"/>
      <c r="PPR19" s="8"/>
      <c r="PPS19" s="8"/>
      <c r="PPT19" s="8"/>
      <c r="PPU19" s="8"/>
      <c r="PPV19" s="8"/>
      <c r="PPW19" s="8"/>
      <c r="PPX19" s="8"/>
      <c r="PPY19" s="8"/>
      <c r="PPZ19" s="8"/>
      <c r="PQA19" s="8"/>
      <c r="PQB19" s="8"/>
      <c r="PQC19" s="8"/>
      <c r="PQD19" s="8"/>
      <c r="PQE19" s="8"/>
      <c r="PQF19" s="8"/>
      <c r="PQG19" s="8"/>
      <c r="PQH19" s="8"/>
      <c r="PQI19" s="8"/>
      <c r="PQJ19" s="8"/>
      <c r="PQK19" s="8"/>
      <c r="PQL19" s="8"/>
      <c r="PQM19" s="8"/>
      <c r="PQN19" s="8"/>
      <c r="PQO19" s="8"/>
      <c r="PQP19" s="8"/>
      <c r="PQQ19" s="8"/>
      <c r="PQR19" s="8"/>
      <c r="PQS19" s="8"/>
      <c r="PQT19" s="8"/>
      <c r="PQU19" s="8"/>
      <c r="PQV19" s="8"/>
      <c r="PQW19" s="8"/>
      <c r="PQX19" s="8"/>
      <c r="PQY19" s="8"/>
      <c r="PQZ19" s="8"/>
      <c r="PRA19" s="8"/>
      <c r="PRB19" s="8"/>
      <c r="PRC19" s="8"/>
      <c r="PRD19" s="8"/>
      <c r="PRE19" s="8"/>
      <c r="PRF19" s="8"/>
      <c r="PRG19" s="8"/>
      <c r="PRH19" s="8"/>
      <c r="PRI19" s="8"/>
      <c r="PRJ19" s="8"/>
      <c r="PRK19" s="8"/>
      <c r="PRL19" s="8"/>
      <c r="PRM19" s="8"/>
      <c r="PRN19" s="8"/>
      <c r="PRO19" s="8"/>
      <c r="PRP19" s="8"/>
      <c r="PRQ19" s="8"/>
      <c r="PRR19" s="8"/>
      <c r="PRS19" s="8"/>
      <c r="PRT19" s="8"/>
      <c r="PRU19" s="8"/>
      <c r="PRV19" s="8"/>
      <c r="PRW19" s="8"/>
      <c r="PRX19" s="8"/>
      <c r="PRY19" s="8"/>
      <c r="PRZ19" s="8"/>
      <c r="PSA19" s="8"/>
      <c r="PSB19" s="8"/>
      <c r="PSC19" s="8"/>
      <c r="PSD19" s="8"/>
      <c r="PSE19" s="8"/>
      <c r="PSF19" s="8"/>
      <c r="PSG19" s="8"/>
      <c r="PSH19" s="8"/>
      <c r="PSI19" s="8"/>
      <c r="PSJ19" s="8"/>
      <c r="PSK19" s="8"/>
      <c r="PSL19" s="8"/>
      <c r="PSM19" s="8"/>
      <c r="PSN19" s="8"/>
      <c r="PSO19" s="8"/>
      <c r="PSP19" s="8"/>
      <c r="PSQ19" s="8"/>
      <c r="PSR19" s="8"/>
      <c r="PSS19" s="8"/>
      <c r="PST19" s="8"/>
      <c r="PSU19" s="8"/>
      <c r="PSV19" s="8"/>
      <c r="PSW19" s="8"/>
      <c r="PSX19" s="8"/>
      <c r="PSY19" s="8"/>
      <c r="PSZ19" s="8"/>
      <c r="PTA19" s="8"/>
      <c r="PTB19" s="8"/>
      <c r="PTC19" s="8"/>
      <c r="PTD19" s="8"/>
      <c r="PTE19" s="8"/>
      <c r="PTF19" s="8"/>
      <c r="PTG19" s="8"/>
      <c r="PTH19" s="8"/>
      <c r="PTI19" s="8"/>
      <c r="PTJ19" s="8"/>
      <c r="PTK19" s="8"/>
      <c r="PTL19" s="8"/>
      <c r="PTM19" s="8"/>
      <c r="PTN19" s="8"/>
      <c r="PTO19" s="8"/>
      <c r="PTP19" s="8"/>
      <c r="PTQ19" s="8"/>
      <c r="PTR19" s="8"/>
      <c r="PTS19" s="8"/>
      <c r="PTT19" s="8"/>
      <c r="PTU19" s="8"/>
      <c r="PTV19" s="8"/>
      <c r="PTW19" s="8"/>
      <c r="PTX19" s="8"/>
      <c r="PTY19" s="8"/>
      <c r="PTZ19" s="8"/>
      <c r="PUA19" s="8"/>
      <c r="PUB19" s="8"/>
      <c r="PUC19" s="8"/>
      <c r="PUD19" s="8"/>
      <c r="PUE19" s="8"/>
      <c r="PUF19" s="8"/>
      <c r="PUG19" s="8"/>
      <c r="PUH19" s="8"/>
      <c r="PUI19" s="8"/>
      <c r="PUJ19" s="8"/>
      <c r="PUK19" s="8"/>
      <c r="PUL19" s="8"/>
      <c r="PUM19" s="8"/>
      <c r="PUN19" s="8"/>
      <c r="PUO19" s="8"/>
      <c r="PUP19" s="8"/>
      <c r="PUQ19" s="8"/>
      <c r="PUR19" s="8"/>
      <c r="PUS19" s="8"/>
      <c r="PUT19" s="8"/>
      <c r="PUU19" s="8"/>
      <c r="PUV19" s="8"/>
      <c r="PUW19" s="8"/>
      <c r="PUX19" s="8"/>
      <c r="PUY19" s="8"/>
      <c r="PUZ19" s="8"/>
      <c r="PVA19" s="8"/>
      <c r="PVB19" s="8"/>
      <c r="PVC19" s="8"/>
      <c r="PVD19" s="8"/>
      <c r="PVE19" s="8"/>
      <c r="PVF19" s="8"/>
      <c r="PVG19" s="8"/>
      <c r="PVH19" s="8"/>
      <c r="PVI19" s="8"/>
      <c r="PVJ19" s="8"/>
      <c r="PVK19" s="8"/>
      <c r="PVL19" s="8"/>
      <c r="PVM19" s="8"/>
      <c r="PVN19" s="8"/>
      <c r="PVO19" s="8"/>
      <c r="PVP19" s="8"/>
      <c r="PVQ19" s="8"/>
      <c r="PVR19" s="8"/>
      <c r="PVS19" s="8"/>
      <c r="PVT19" s="8"/>
      <c r="PVU19" s="8"/>
      <c r="PVV19" s="8"/>
      <c r="PVW19" s="8"/>
      <c r="PVX19" s="8"/>
      <c r="PVY19" s="8"/>
      <c r="PVZ19" s="8"/>
      <c r="PWA19" s="8"/>
      <c r="PWB19" s="8"/>
      <c r="PWC19" s="8"/>
      <c r="PWD19" s="8"/>
      <c r="PWE19" s="8"/>
      <c r="PWF19" s="8"/>
      <c r="PWG19" s="8"/>
      <c r="PWH19" s="8"/>
      <c r="PWI19" s="8"/>
      <c r="PWJ19" s="8"/>
      <c r="PWK19" s="8"/>
      <c r="PWL19" s="8"/>
      <c r="PWM19" s="8"/>
      <c r="PWN19" s="8"/>
      <c r="PWO19" s="8"/>
      <c r="PWP19" s="8"/>
      <c r="PWQ19" s="8"/>
      <c r="PWR19" s="8"/>
      <c r="PWS19" s="8"/>
      <c r="PWT19" s="8"/>
      <c r="PWU19" s="8"/>
      <c r="PWV19" s="8"/>
      <c r="PWW19" s="8"/>
      <c r="PWX19" s="8"/>
      <c r="PWY19" s="8"/>
      <c r="PWZ19" s="8"/>
      <c r="PXA19" s="8"/>
      <c r="PXB19" s="8"/>
      <c r="PXC19" s="8"/>
      <c r="PXD19" s="8"/>
      <c r="PXE19" s="8"/>
      <c r="PXF19" s="8"/>
      <c r="PXG19" s="8"/>
      <c r="PXH19" s="8"/>
      <c r="PXI19" s="8"/>
      <c r="PXJ19" s="8"/>
      <c r="PXK19" s="8"/>
      <c r="PXL19" s="8"/>
      <c r="PXM19" s="8"/>
      <c r="PXN19" s="8"/>
      <c r="PXO19" s="8"/>
      <c r="PXP19" s="8"/>
      <c r="PXQ19" s="8"/>
      <c r="PXR19" s="8"/>
      <c r="PXS19" s="8"/>
      <c r="PXT19" s="8"/>
      <c r="PXU19" s="8"/>
      <c r="PXV19" s="8"/>
      <c r="PXW19" s="8"/>
      <c r="PXX19" s="8"/>
      <c r="PXY19" s="8"/>
      <c r="PXZ19" s="8"/>
      <c r="PYA19" s="8"/>
      <c r="PYB19" s="8"/>
      <c r="PYC19" s="8"/>
      <c r="PYD19" s="8"/>
      <c r="PYE19" s="8"/>
      <c r="PYF19" s="8"/>
      <c r="PYG19" s="8"/>
      <c r="PYH19" s="8"/>
      <c r="PYI19" s="8"/>
      <c r="PYJ19" s="8"/>
      <c r="PYK19" s="8"/>
      <c r="PYL19" s="8"/>
      <c r="PYM19" s="8"/>
      <c r="PYN19" s="8"/>
      <c r="PYO19" s="8"/>
      <c r="PYP19" s="8"/>
      <c r="PYQ19" s="8"/>
      <c r="PYR19" s="8"/>
      <c r="PYS19" s="8"/>
      <c r="PYT19" s="8"/>
      <c r="PYU19" s="8"/>
      <c r="PYV19" s="8"/>
      <c r="PYW19" s="8"/>
      <c r="PYX19" s="8"/>
      <c r="PYY19" s="8"/>
      <c r="PYZ19" s="8"/>
      <c r="PZA19" s="8"/>
      <c r="PZB19" s="8"/>
      <c r="PZC19" s="8"/>
      <c r="PZD19" s="8"/>
      <c r="PZE19" s="8"/>
      <c r="PZF19" s="8"/>
      <c r="PZG19" s="8"/>
      <c r="PZH19" s="8"/>
      <c r="PZI19" s="8"/>
      <c r="PZJ19" s="8"/>
      <c r="PZK19" s="8"/>
      <c r="PZL19" s="8"/>
      <c r="PZM19" s="8"/>
      <c r="PZN19" s="8"/>
      <c r="PZO19" s="8"/>
      <c r="PZP19" s="8"/>
      <c r="PZQ19" s="8"/>
      <c r="PZR19" s="8"/>
      <c r="PZS19" s="8"/>
      <c r="PZT19" s="8"/>
      <c r="PZU19" s="8"/>
      <c r="PZV19" s="8"/>
      <c r="PZW19" s="8"/>
      <c r="PZX19" s="8"/>
      <c r="PZY19" s="8"/>
      <c r="PZZ19" s="8"/>
      <c r="QAA19" s="8"/>
      <c r="QAB19" s="8"/>
      <c r="QAC19" s="8"/>
      <c r="QAD19" s="8"/>
      <c r="QAE19" s="8"/>
      <c r="QAF19" s="8"/>
      <c r="QAG19" s="8"/>
      <c r="QAH19" s="8"/>
      <c r="QAI19" s="8"/>
      <c r="QAJ19" s="8"/>
      <c r="QAK19" s="8"/>
      <c r="QAL19" s="8"/>
      <c r="QAM19" s="8"/>
      <c r="QAN19" s="8"/>
      <c r="QAO19" s="8"/>
      <c r="QAP19" s="8"/>
      <c r="QAQ19" s="8"/>
      <c r="QAR19" s="8"/>
      <c r="QAS19" s="8"/>
      <c r="QAT19" s="8"/>
      <c r="QAU19" s="8"/>
      <c r="QAV19" s="8"/>
      <c r="QAW19" s="8"/>
      <c r="QAX19" s="8"/>
      <c r="QAY19" s="8"/>
      <c r="QAZ19" s="8"/>
      <c r="QBA19" s="8"/>
      <c r="QBB19" s="8"/>
      <c r="QBC19" s="8"/>
      <c r="QBD19" s="8"/>
      <c r="QBE19" s="8"/>
      <c r="QBF19" s="8"/>
      <c r="QBG19" s="8"/>
      <c r="QBH19" s="8"/>
      <c r="QBI19" s="8"/>
      <c r="QBJ19" s="8"/>
      <c r="QBK19" s="8"/>
      <c r="QBL19" s="8"/>
      <c r="QBM19" s="8"/>
      <c r="QBN19" s="8"/>
      <c r="QBO19" s="8"/>
      <c r="QBP19" s="8"/>
      <c r="QBQ19" s="8"/>
      <c r="QBR19" s="8"/>
      <c r="QBS19" s="8"/>
      <c r="QBT19" s="8"/>
      <c r="QBU19" s="8"/>
      <c r="QBV19" s="8"/>
      <c r="QBW19" s="8"/>
      <c r="QBX19" s="8"/>
      <c r="QBY19" s="8"/>
      <c r="QBZ19" s="8"/>
      <c r="QCA19" s="8"/>
      <c r="QCB19" s="8"/>
      <c r="QCC19" s="8"/>
      <c r="QCD19" s="8"/>
      <c r="QCE19" s="8"/>
      <c r="QCF19" s="8"/>
      <c r="QCG19" s="8"/>
      <c r="QCH19" s="8"/>
      <c r="QCI19" s="8"/>
      <c r="QCJ19" s="8"/>
      <c r="QCK19" s="8"/>
      <c r="QCL19" s="8"/>
      <c r="QCM19" s="8"/>
      <c r="QCN19" s="8"/>
      <c r="QCO19" s="8"/>
      <c r="QCP19" s="8"/>
      <c r="QCQ19" s="8"/>
      <c r="QCR19" s="8"/>
      <c r="QCS19" s="8"/>
      <c r="QCT19" s="8"/>
      <c r="QCU19" s="8"/>
      <c r="QCV19" s="8"/>
      <c r="QCW19" s="8"/>
      <c r="QCX19" s="8"/>
      <c r="QCY19" s="8"/>
      <c r="QCZ19" s="8"/>
      <c r="QDA19" s="8"/>
      <c r="QDB19" s="8"/>
      <c r="QDC19" s="8"/>
      <c r="QDD19" s="8"/>
      <c r="QDE19" s="8"/>
      <c r="QDF19" s="8"/>
      <c r="QDG19" s="8"/>
      <c r="QDH19" s="8"/>
      <c r="QDI19" s="8"/>
      <c r="QDJ19" s="8"/>
      <c r="QDK19" s="8"/>
      <c r="QDL19" s="8"/>
      <c r="QDM19" s="8"/>
      <c r="QDN19" s="8"/>
      <c r="QDO19" s="8"/>
      <c r="QDP19" s="8"/>
      <c r="QDQ19" s="8"/>
      <c r="QDR19" s="8"/>
      <c r="QDS19" s="8"/>
      <c r="QDT19" s="8"/>
      <c r="QDU19" s="8"/>
      <c r="QDV19" s="8"/>
      <c r="QDW19" s="8"/>
      <c r="QDX19" s="8"/>
      <c r="QDY19" s="8"/>
      <c r="QDZ19" s="8"/>
      <c r="QEA19" s="8"/>
      <c r="QEB19" s="8"/>
      <c r="QEC19" s="8"/>
      <c r="QED19" s="8"/>
      <c r="QEE19" s="8"/>
      <c r="QEF19" s="8"/>
      <c r="QEG19" s="8"/>
      <c r="QEH19" s="8"/>
      <c r="QEI19" s="8"/>
      <c r="QEJ19" s="8"/>
      <c r="QEK19" s="8"/>
      <c r="QEL19" s="8"/>
      <c r="QEM19" s="8"/>
      <c r="QEN19" s="8"/>
      <c r="QEO19" s="8"/>
      <c r="QEP19" s="8"/>
      <c r="QEQ19" s="8"/>
      <c r="QER19" s="8"/>
      <c r="QES19" s="8"/>
      <c r="QET19" s="8"/>
      <c r="QEU19" s="8"/>
      <c r="QEV19" s="8"/>
      <c r="QEW19" s="8"/>
      <c r="QEX19" s="8"/>
      <c r="QEY19" s="8"/>
      <c r="QEZ19" s="8"/>
      <c r="QFA19" s="8"/>
      <c r="QFB19" s="8"/>
      <c r="QFC19" s="8"/>
      <c r="QFD19" s="8"/>
      <c r="QFE19" s="8"/>
      <c r="QFF19" s="8"/>
      <c r="QFG19" s="8"/>
      <c r="QFH19" s="8"/>
      <c r="QFI19" s="8"/>
      <c r="QFJ19" s="8"/>
      <c r="QFK19" s="8"/>
      <c r="QFL19" s="8"/>
      <c r="QFM19" s="8"/>
      <c r="QFN19" s="8"/>
      <c r="QFO19" s="8"/>
      <c r="QFP19" s="8"/>
      <c r="QFQ19" s="8"/>
      <c r="QFR19" s="8"/>
      <c r="QFS19" s="8"/>
      <c r="QFT19" s="8"/>
      <c r="QFU19" s="8"/>
      <c r="QFV19" s="8"/>
      <c r="QFW19" s="8"/>
      <c r="QFX19" s="8"/>
      <c r="QFY19" s="8"/>
      <c r="QFZ19" s="8"/>
      <c r="QGA19" s="8"/>
      <c r="QGB19" s="8"/>
      <c r="QGC19" s="8"/>
      <c r="QGD19" s="8"/>
      <c r="QGE19" s="8"/>
      <c r="QGF19" s="8"/>
      <c r="QGG19" s="8"/>
      <c r="QGH19" s="8"/>
      <c r="QGI19" s="8"/>
      <c r="QGJ19" s="8"/>
      <c r="QGK19" s="8"/>
      <c r="QGL19" s="8"/>
      <c r="QGM19" s="8"/>
      <c r="QGN19" s="8"/>
      <c r="QGO19" s="8"/>
      <c r="QGP19" s="8"/>
      <c r="QGQ19" s="8"/>
      <c r="QGR19" s="8"/>
      <c r="QGS19" s="8"/>
      <c r="QGT19" s="8"/>
      <c r="QGU19" s="8"/>
      <c r="QGV19" s="8"/>
      <c r="QGW19" s="8"/>
      <c r="QGX19" s="8"/>
      <c r="QGY19" s="8"/>
      <c r="QGZ19" s="8"/>
      <c r="QHA19" s="8"/>
      <c r="QHB19" s="8"/>
      <c r="QHC19" s="8"/>
      <c r="QHD19" s="8"/>
      <c r="QHE19" s="8"/>
      <c r="QHF19" s="8"/>
      <c r="QHG19" s="8"/>
      <c r="QHH19" s="8"/>
      <c r="QHI19" s="8"/>
      <c r="QHJ19" s="8"/>
      <c r="QHK19" s="8"/>
      <c r="QHL19" s="8"/>
      <c r="QHM19" s="8"/>
      <c r="QHN19" s="8"/>
      <c r="QHO19" s="8"/>
      <c r="QHP19" s="8"/>
      <c r="QHQ19" s="8"/>
      <c r="QHR19" s="8"/>
      <c r="QHS19" s="8"/>
      <c r="QHT19" s="8"/>
      <c r="QHU19" s="8"/>
      <c r="QHV19" s="8"/>
      <c r="QHW19" s="8"/>
      <c r="QHX19" s="8"/>
      <c r="QHY19" s="8"/>
      <c r="QHZ19" s="8"/>
      <c r="QIA19" s="8"/>
      <c r="QIB19" s="8"/>
      <c r="QIC19" s="8"/>
      <c r="QID19" s="8"/>
      <c r="QIE19" s="8"/>
      <c r="QIF19" s="8"/>
      <c r="QIG19" s="8"/>
      <c r="QIH19" s="8"/>
      <c r="QII19" s="8"/>
      <c r="QIJ19" s="8"/>
      <c r="QIK19" s="8"/>
      <c r="QIL19" s="8"/>
      <c r="QIM19" s="8"/>
      <c r="QIN19" s="8"/>
      <c r="QIO19" s="8"/>
      <c r="QIP19" s="8"/>
      <c r="QIQ19" s="8"/>
      <c r="QIR19" s="8"/>
      <c r="QIS19" s="8"/>
      <c r="QIT19" s="8"/>
      <c r="QIU19" s="8"/>
      <c r="QIV19" s="8"/>
      <c r="QIW19" s="8"/>
      <c r="QIX19" s="8"/>
      <c r="QIY19" s="8"/>
      <c r="QIZ19" s="8"/>
      <c r="QJA19" s="8"/>
      <c r="QJB19" s="8"/>
      <c r="QJC19" s="8"/>
      <c r="QJD19" s="8"/>
      <c r="QJE19" s="8"/>
      <c r="QJF19" s="8"/>
      <c r="QJG19" s="8"/>
      <c r="QJH19" s="8"/>
      <c r="QJI19" s="8"/>
      <c r="QJJ19" s="8"/>
      <c r="QJK19" s="8"/>
      <c r="QJL19" s="8"/>
      <c r="QJM19" s="8"/>
      <c r="QJN19" s="8"/>
      <c r="QJO19" s="8"/>
      <c r="QJP19" s="8"/>
      <c r="QJQ19" s="8"/>
      <c r="QJR19" s="8"/>
      <c r="QJS19" s="8"/>
      <c r="QJT19" s="8"/>
      <c r="QJU19" s="8"/>
      <c r="QJV19" s="8"/>
      <c r="QJW19" s="8"/>
      <c r="QJX19" s="8"/>
      <c r="QJY19" s="8"/>
      <c r="QJZ19" s="8"/>
      <c r="QKA19" s="8"/>
      <c r="QKB19" s="8"/>
      <c r="QKC19" s="8"/>
      <c r="QKD19" s="8"/>
      <c r="QKE19" s="8"/>
      <c r="QKF19" s="8"/>
      <c r="QKG19" s="8"/>
      <c r="QKH19" s="8"/>
      <c r="QKI19" s="8"/>
      <c r="QKJ19" s="8"/>
      <c r="QKK19" s="8"/>
      <c r="QKL19" s="8"/>
      <c r="QKM19" s="8"/>
      <c r="QKN19" s="8"/>
      <c r="QKO19" s="8"/>
      <c r="QKP19" s="8"/>
      <c r="QKQ19" s="8"/>
      <c r="QKR19" s="8"/>
      <c r="QKS19" s="8"/>
      <c r="QKT19" s="8"/>
      <c r="QKU19" s="8"/>
      <c r="QKV19" s="8"/>
      <c r="QKW19" s="8"/>
      <c r="QKX19" s="8"/>
      <c r="QKY19" s="8"/>
      <c r="QKZ19" s="8"/>
      <c r="QLA19" s="8"/>
      <c r="QLB19" s="8"/>
      <c r="QLC19" s="8"/>
      <c r="QLD19" s="8"/>
      <c r="QLE19" s="8"/>
      <c r="QLF19" s="8"/>
      <c r="QLG19" s="8"/>
      <c r="QLH19" s="8"/>
      <c r="QLI19" s="8"/>
      <c r="QLJ19" s="8"/>
      <c r="QLK19" s="8"/>
      <c r="QLL19" s="8"/>
      <c r="QLM19" s="8"/>
      <c r="QLN19" s="8"/>
      <c r="QLO19" s="8"/>
      <c r="QLP19" s="8"/>
      <c r="QLQ19" s="8"/>
      <c r="QLR19" s="8"/>
      <c r="QLS19" s="8"/>
      <c r="QLT19" s="8"/>
      <c r="QLU19" s="8"/>
      <c r="QLV19" s="8"/>
      <c r="QLW19" s="8"/>
      <c r="QLX19" s="8"/>
      <c r="QLY19" s="8"/>
      <c r="QLZ19" s="8"/>
      <c r="QMA19" s="8"/>
      <c r="QMB19" s="8"/>
      <c r="QMC19" s="8"/>
      <c r="QMD19" s="8"/>
      <c r="QME19" s="8"/>
      <c r="QMF19" s="8"/>
      <c r="QMG19" s="8"/>
      <c r="QMH19" s="8"/>
      <c r="QMI19" s="8"/>
      <c r="QMJ19" s="8"/>
      <c r="QMK19" s="8"/>
      <c r="QML19" s="8"/>
      <c r="QMM19" s="8"/>
      <c r="QMN19" s="8"/>
      <c r="QMO19" s="8"/>
      <c r="QMP19" s="8"/>
      <c r="QMQ19" s="8"/>
      <c r="QMR19" s="8"/>
      <c r="QMS19" s="8"/>
      <c r="QMT19" s="8"/>
      <c r="QMU19" s="8"/>
      <c r="QMV19" s="8"/>
      <c r="QMW19" s="8"/>
      <c r="QMX19" s="8"/>
      <c r="QMY19" s="8"/>
      <c r="QMZ19" s="8"/>
      <c r="QNA19" s="8"/>
      <c r="QNB19" s="8"/>
      <c r="QNC19" s="8"/>
      <c r="QND19" s="8"/>
      <c r="QNE19" s="8"/>
      <c r="QNF19" s="8"/>
      <c r="QNG19" s="8"/>
      <c r="QNH19" s="8"/>
      <c r="QNI19" s="8"/>
      <c r="QNJ19" s="8"/>
      <c r="QNK19" s="8"/>
      <c r="QNL19" s="8"/>
      <c r="QNM19" s="8"/>
      <c r="QNN19" s="8"/>
      <c r="QNO19" s="8"/>
      <c r="QNP19" s="8"/>
      <c r="QNQ19" s="8"/>
      <c r="QNR19" s="8"/>
      <c r="QNS19" s="8"/>
      <c r="QNT19" s="8"/>
      <c r="QNU19" s="8"/>
      <c r="QNV19" s="8"/>
      <c r="QNW19" s="8"/>
      <c r="QNX19" s="8"/>
      <c r="QNY19" s="8"/>
      <c r="QNZ19" s="8"/>
      <c r="QOA19" s="8"/>
      <c r="QOB19" s="8"/>
      <c r="QOC19" s="8"/>
      <c r="QOD19" s="8"/>
      <c r="QOE19" s="8"/>
      <c r="QOF19" s="8"/>
      <c r="QOG19" s="8"/>
      <c r="QOH19" s="8"/>
      <c r="QOI19" s="8"/>
      <c r="QOJ19" s="8"/>
      <c r="QOK19" s="8"/>
      <c r="QOL19" s="8"/>
      <c r="QOM19" s="8"/>
      <c r="QON19" s="8"/>
      <c r="QOO19" s="8"/>
      <c r="QOP19" s="8"/>
      <c r="QOQ19" s="8"/>
      <c r="QOR19" s="8"/>
      <c r="QOS19" s="8"/>
      <c r="QOT19" s="8"/>
      <c r="QOU19" s="8"/>
      <c r="QOV19" s="8"/>
      <c r="QOW19" s="8"/>
      <c r="QOX19" s="8"/>
      <c r="QOY19" s="8"/>
      <c r="QOZ19" s="8"/>
      <c r="QPA19" s="8"/>
      <c r="QPB19" s="8"/>
      <c r="QPC19" s="8"/>
      <c r="QPD19" s="8"/>
      <c r="QPE19" s="8"/>
      <c r="QPF19" s="8"/>
      <c r="QPG19" s="8"/>
      <c r="QPH19" s="8"/>
      <c r="QPI19" s="8"/>
      <c r="QPJ19" s="8"/>
      <c r="QPK19" s="8"/>
      <c r="QPL19" s="8"/>
      <c r="QPM19" s="8"/>
      <c r="QPN19" s="8"/>
      <c r="QPO19" s="8"/>
      <c r="QPP19" s="8"/>
      <c r="QPQ19" s="8"/>
      <c r="QPR19" s="8"/>
      <c r="QPS19" s="8"/>
      <c r="QPT19" s="8"/>
      <c r="QPU19" s="8"/>
      <c r="QPV19" s="8"/>
      <c r="QPW19" s="8"/>
      <c r="QPX19" s="8"/>
      <c r="QPY19" s="8"/>
      <c r="QPZ19" s="8"/>
      <c r="QQA19" s="8"/>
      <c r="QQB19" s="8"/>
      <c r="QQC19" s="8"/>
      <c r="QQD19" s="8"/>
      <c r="QQE19" s="8"/>
      <c r="QQF19" s="8"/>
      <c r="QQG19" s="8"/>
      <c r="QQH19" s="8"/>
      <c r="QQI19" s="8"/>
      <c r="QQJ19" s="8"/>
      <c r="QQK19" s="8"/>
      <c r="QQL19" s="8"/>
      <c r="QQM19" s="8"/>
      <c r="QQN19" s="8"/>
      <c r="QQO19" s="8"/>
      <c r="QQP19" s="8"/>
      <c r="QQQ19" s="8"/>
      <c r="QQR19" s="8"/>
      <c r="QQS19" s="8"/>
      <c r="QQT19" s="8"/>
      <c r="QQU19" s="8"/>
      <c r="QQV19" s="8"/>
      <c r="QQW19" s="8"/>
      <c r="QQX19" s="8"/>
      <c r="QQY19" s="8"/>
      <c r="QQZ19" s="8"/>
      <c r="QRA19" s="8"/>
      <c r="QRB19" s="8"/>
      <c r="QRC19" s="8"/>
      <c r="QRD19" s="8"/>
      <c r="QRE19" s="8"/>
      <c r="QRF19" s="8"/>
      <c r="QRG19" s="8"/>
      <c r="QRH19" s="8"/>
      <c r="QRI19" s="8"/>
      <c r="QRJ19" s="8"/>
      <c r="QRK19" s="8"/>
      <c r="QRL19" s="8"/>
      <c r="QRM19" s="8"/>
      <c r="QRN19" s="8"/>
      <c r="QRO19" s="8"/>
      <c r="QRP19" s="8"/>
      <c r="QRQ19" s="8"/>
      <c r="QRR19" s="8"/>
      <c r="QRS19" s="8"/>
      <c r="QRT19" s="8"/>
      <c r="QRU19" s="8"/>
      <c r="QRV19" s="8"/>
      <c r="QRW19" s="8"/>
      <c r="QRX19" s="8"/>
      <c r="QRY19" s="8"/>
      <c r="QRZ19" s="8"/>
      <c r="QSA19" s="8"/>
      <c r="QSB19" s="8"/>
      <c r="QSC19" s="8"/>
      <c r="QSD19" s="8"/>
      <c r="QSE19" s="8"/>
      <c r="QSF19" s="8"/>
      <c r="QSG19" s="8"/>
      <c r="QSH19" s="8"/>
      <c r="QSI19" s="8"/>
      <c r="QSJ19" s="8"/>
      <c r="QSK19" s="8"/>
      <c r="QSL19" s="8"/>
      <c r="QSM19" s="8"/>
      <c r="QSN19" s="8"/>
      <c r="QSO19" s="8"/>
      <c r="QSP19" s="8"/>
      <c r="QSQ19" s="8"/>
      <c r="QSR19" s="8"/>
      <c r="QSS19" s="8"/>
      <c r="QST19" s="8"/>
      <c r="QSU19" s="8"/>
      <c r="QSV19" s="8"/>
      <c r="QSW19" s="8"/>
      <c r="QSX19" s="8"/>
      <c r="QSY19" s="8"/>
      <c r="QSZ19" s="8"/>
      <c r="QTA19" s="8"/>
      <c r="QTB19" s="8"/>
      <c r="QTC19" s="8"/>
      <c r="QTD19" s="8"/>
      <c r="QTE19" s="8"/>
      <c r="QTF19" s="8"/>
      <c r="QTG19" s="8"/>
      <c r="QTH19" s="8"/>
      <c r="QTI19" s="8"/>
      <c r="QTJ19" s="8"/>
      <c r="QTK19" s="8"/>
      <c r="QTL19" s="8"/>
      <c r="QTM19" s="8"/>
      <c r="QTN19" s="8"/>
      <c r="QTO19" s="8"/>
      <c r="QTP19" s="8"/>
      <c r="QTQ19" s="8"/>
      <c r="QTR19" s="8"/>
      <c r="QTS19" s="8"/>
      <c r="QTT19" s="8"/>
      <c r="QTU19" s="8"/>
      <c r="QTV19" s="8"/>
      <c r="QTW19" s="8"/>
      <c r="QTX19" s="8"/>
      <c r="QTY19" s="8"/>
      <c r="QTZ19" s="8"/>
      <c r="QUA19" s="8"/>
      <c r="QUB19" s="8"/>
      <c r="QUC19" s="8"/>
      <c r="QUD19" s="8"/>
      <c r="QUE19" s="8"/>
      <c r="QUF19" s="8"/>
      <c r="QUG19" s="8"/>
      <c r="QUH19" s="8"/>
      <c r="QUI19" s="8"/>
      <c r="QUJ19" s="8"/>
      <c r="QUK19" s="8"/>
      <c r="QUL19" s="8"/>
      <c r="QUM19" s="8"/>
      <c r="QUN19" s="8"/>
      <c r="QUO19" s="8"/>
      <c r="QUP19" s="8"/>
      <c r="QUQ19" s="8"/>
      <c r="QUR19" s="8"/>
      <c r="QUS19" s="8"/>
      <c r="QUT19" s="8"/>
      <c r="QUU19" s="8"/>
      <c r="QUV19" s="8"/>
      <c r="QUW19" s="8"/>
      <c r="QUX19" s="8"/>
      <c r="QUY19" s="8"/>
      <c r="QUZ19" s="8"/>
      <c r="QVA19" s="8"/>
      <c r="QVB19" s="8"/>
      <c r="QVC19" s="8"/>
      <c r="QVD19" s="8"/>
      <c r="QVE19" s="8"/>
      <c r="QVF19" s="8"/>
      <c r="QVG19" s="8"/>
      <c r="QVH19" s="8"/>
      <c r="QVI19" s="8"/>
      <c r="QVJ19" s="8"/>
      <c r="QVK19" s="8"/>
      <c r="QVL19" s="8"/>
      <c r="QVM19" s="8"/>
      <c r="QVN19" s="8"/>
      <c r="QVO19" s="8"/>
      <c r="QVP19" s="8"/>
      <c r="QVQ19" s="8"/>
      <c r="QVR19" s="8"/>
      <c r="QVS19" s="8"/>
      <c r="QVT19" s="8"/>
      <c r="QVU19" s="8"/>
      <c r="QVV19" s="8"/>
      <c r="QVW19" s="8"/>
      <c r="QVX19" s="8"/>
      <c r="QVY19" s="8"/>
      <c r="QVZ19" s="8"/>
      <c r="QWA19" s="8"/>
      <c r="QWB19" s="8"/>
      <c r="QWC19" s="8"/>
      <c r="QWD19" s="8"/>
      <c r="QWE19" s="8"/>
      <c r="QWF19" s="8"/>
      <c r="QWG19" s="8"/>
      <c r="QWH19" s="8"/>
      <c r="QWI19" s="8"/>
      <c r="QWJ19" s="8"/>
      <c r="QWK19" s="8"/>
      <c r="QWL19" s="8"/>
      <c r="QWM19" s="8"/>
      <c r="QWN19" s="8"/>
      <c r="QWO19" s="8"/>
      <c r="QWP19" s="8"/>
      <c r="QWQ19" s="8"/>
      <c r="QWR19" s="8"/>
      <c r="QWS19" s="8"/>
      <c r="QWT19" s="8"/>
      <c r="QWU19" s="8"/>
      <c r="QWV19" s="8"/>
      <c r="QWW19" s="8"/>
      <c r="QWX19" s="8"/>
      <c r="QWY19" s="8"/>
      <c r="QWZ19" s="8"/>
      <c r="QXA19" s="8"/>
      <c r="QXB19" s="8"/>
      <c r="QXC19" s="8"/>
      <c r="QXD19" s="8"/>
      <c r="QXE19" s="8"/>
      <c r="QXF19" s="8"/>
      <c r="QXG19" s="8"/>
      <c r="QXH19" s="8"/>
      <c r="QXI19" s="8"/>
      <c r="QXJ19" s="8"/>
      <c r="QXK19" s="8"/>
      <c r="QXL19" s="8"/>
      <c r="QXM19" s="8"/>
      <c r="QXN19" s="8"/>
      <c r="QXO19" s="8"/>
      <c r="QXP19" s="8"/>
      <c r="QXQ19" s="8"/>
      <c r="QXR19" s="8"/>
      <c r="QXS19" s="8"/>
      <c r="QXT19" s="8"/>
      <c r="QXU19" s="8"/>
      <c r="QXV19" s="8"/>
      <c r="QXW19" s="8"/>
      <c r="QXX19" s="8"/>
      <c r="QXY19" s="8"/>
      <c r="QXZ19" s="8"/>
      <c r="QYA19" s="8"/>
      <c r="QYB19" s="8"/>
      <c r="QYC19" s="8"/>
      <c r="QYD19" s="8"/>
      <c r="QYE19" s="8"/>
      <c r="QYF19" s="8"/>
      <c r="QYG19" s="8"/>
      <c r="QYH19" s="8"/>
      <c r="QYI19" s="8"/>
      <c r="QYJ19" s="8"/>
      <c r="QYK19" s="8"/>
      <c r="QYL19" s="8"/>
      <c r="QYM19" s="8"/>
      <c r="QYN19" s="8"/>
      <c r="QYO19" s="8"/>
      <c r="QYP19" s="8"/>
      <c r="QYQ19" s="8"/>
      <c r="QYR19" s="8"/>
      <c r="QYS19" s="8"/>
      <c r="QYT19" s="8"/>
      <c r="QYU19" s="8"/>
      <c r="QYV19" s="8"/>
      <c r="QYW19" s="8"/>
      <c r="QYX19" s="8"/>
      <c r="QYY19" s="8"/>
      <c r="QYZ19" s="8"/>
      <c r="QZA19" s="8"/>
      <c r="QZB19" s="8"/>
      <c r="QZC19" s="8"/>
      <c r="QZD19" s="8"/>
      <c r="QZE19" s="8"/>
      <c r="QZF19" s="8"/>
      <c r="QZG19" s="8"/>
      <c r="QZH19" s="8"/>
      <c r="QZI19" s="8"/>
      <c r="QZJ19" s="8"/>
      <c r="QZK19" s="8"/>
      <c r="QZL19" s="8"/>
      <c r="QZM19" s="8"/>
      <c r="QZN19" s="8"/>
      <c r="QZO19" s="8"/>
      <c r="QZP19" s="8"/>
      <c r="QZQ19" s="8"/>
      <c r="QZR19" s="8"/>
      <c r="QZS19" s="8"/>
      <c r="QZT19" s="8"/>
      <c r="QZU19" s="8"/>
      <c r="QZV19" s="8"/>
      <c r="QZW19" s="8"/>
      <c r="QZX19" s="8"/>
      <c r="QZY19" s="8"/>
      <c r="QZZ19" s="8"/>
      <c r="RAA19" s="8"/>
      <c r="RAB19" s="8"/>
      <c r="RAC19" s="8"/>
      <c r="RAD19" s="8"/>
      <c r="RAE19" s="8"/>
      <c r="RAF19" s="8"/>
      <c r="RAG19" s="8"/>
      <c r="RAH19" s="8"/>
      <c r="RAI19" s="8"/>
      <c r="RAJ19" s="8"/>
      <c r="RAK19" s="8"/>
      <c r="RAL19" s="8"/>
      <c r="RAM19" s="8"/>
      <c r="RAN19" s="8"/>
      <c r="RAO19" s="8"/>
      <c r="RAP19" s="8"/>
      <c r="RAQ19" s="8"/>
      <c r="RAR19" s="8"/>
      <c r="RAS19" s="8"/>
      <c r="RAT19" s="8"/>
      <c r="RAU19" s="8"/>
      <c r="RAV19" s="8"/>
      <c r="RAW19" s="8"/>
      <c r="RAX19" s="8"/>
      <c r="RAY19" s="8"/>
      <c r="RAZ19" s="8"/>
      <c r="RBA19" s="8"/>
      <c r="RBB19" s="8"/>
      <c r="RBC19" s="8"/>
      <c r="RBD19" s="8"/>
      <c r="RBE19" s="8"/>
      <c r="RBF19" s="8"/>
      <c r="RBG19" s="8"/>
      <c r="RBH19" s="8"/>
      <c r="RBI19" s="8"/>
      <c r="RBJ19" s="8"/>
      <c r="RBK19" s="8"/>
      <c r="RBL19" s="8"/>
      <c r="RBM19" s="8"/>
      <c r="RBN19" s="8"/>
      <c r="RBO19" s="8"/>
      <c r="RBP19" s="8"/>
      <c r="RBQ19" s="8"/>
      <c r="RBR19" s="8"/>
      <c r="RBS19" s="8"/>
      <c r="RBT19" s="8"/>
      <c r="RBU19" s="8"/>
      <c r="RBV19" s="8"/>
      <c r="RBW19" s="8"/>
      <c r="RBX19" s="8"/>
      <c r="RBY19" s="8"/>
      <c r="RBZ19" s="8"/>
      <c r="RCA19" s="8"/>
      <c r="RCB19" s="8"/>
      <c r="RCC19" s="8"/>
      <c r="RCD19" s="8"/>
      <c r="RCE19" s="8"/>
      <c r="RCF19" s="8"/>
      <c r="RCG19" s="8"/>
      <c r="RCH19" s="8"/>
      <c r="RCI19" s="8"/>
      <c r="RCJ19" s="8"/>
      <c r="RCK19" s="8"/>
      <c r="RCL19" s="8"/>
      <c r="RCM19" s="8"/>
      <c r="RCN19" s="8"/>
      <c r="RCO19" s="8"/>
      <c r="RCP19" s="8"/>
      <c r="RCQ19" s="8"/>
      <c r="RCR19" s="8"/>
      <c r="RCS19" s="8"/>
      <c r="RCT19" s="8"/>
      <c r="RCU19" s="8"/>
      <c r="RCV19" s="8"/>
      <c r="RCW19" s="8"/>
      <c r="RCX19" s="8"/>
      <c r="RCY19" s="8"/>
      <c r="RCZ19" s="8"/>
      <c r="RDA19" s="8"/>
      <c r="RDB19" s="8"/>
      <c r="RDC19" s="8"/>
      <c r="RDD19" s="8"/>
      <c r="RDE19" s="8"/>
      <c r="RDF19" s="8"/>
      <c r="RDG19" s="8"/>
      <c r="RDH19" s="8"/>
      <c r="RDI19" s="8"/>
      <c r="RDJ19" s="8"/>
      <c r="RDK19" s="8"/>
      <c r="RDL19" s="8"/>
      <c r="RDM19" s="8"/>
      <c r="RDN19" s="8"/>
      <c r="RDO19" s="8"/>
      <c r="RDP19" s="8"/>
      <c r="RDQ19" s="8"/>
      <c r="RDR19" s="8"/>
      <c r="RDS19" s="8"/>
      <c r="RDT19" s="8"/>
      <c r="RDU19" s="8"/>
      <c r="RDV19" s="8"/>
      <c r="RDW19" s="8"/>
      <c r="RDX19" s="8"/>
      <c r="RDY19" s="8"/>
      <c r="RDZ19" s="8"/>
      <c r="REA19" s="8"/>
      <c r="REB19" s="8"/>
      <c r="REC19" s="8"/>
      <c r="RED19" s="8"/>
      <c r="REE19" s="8"/>
      <c r="REF19" s="8"/>
      <c r="REG19" s="8"/>
      <c r="REH19" s="8"/>
      <c r="REI19" s="8"/>
      <c r="REJ19" s="8"/>
      <c r="REK19" s="8"/>
      <c r="REL19" s="8"/>
      <c r="REM19" s="8"/>
      <c r="REN19" s="8"/>
      <c r="REO19" s="8"/>
      <c r="REP19" s="8"/>
      <c r="REQ19" s="8"/>
      <c r="RER19" s="8"/>
      <c r="RES19" s="8"/>
      <c r="RET19" s="8"/>
      <c r="REU19" s="8"/>
      <c r="REV19" s="8"/>
      <c r="REW19" s="8"/>
      <c r="REX19" s="8"/>
      <c r="REY19" s="8"/>
      <c r="REZ19" s="8"/>
      <c r="RFA19" s="8"/>
      <c r="RFB19" s="8"/>
      <c r="RFC19" s="8"/>
      <c r="RFD19" s="8"/>
      <c r="RFE19" s="8"/>
      <c r="RFF19" s="8"/>
      <c r="RFG19" s="8"/>
      <c r="RFH19" s="8"/>
      <c r="RFI19" s="8"/>
      <c r="RFJ19" s="8"/>
      <c r="RFK19" s="8"/>
      <c r="RFL19" s="8"/>
      <c r="RFM19" s="8"/>
      <c r="RFN19" s="8"/>
      <c r="RFO19" s="8"/>
      <c r="RFP19" s="8"/>
      <c r="RFQ19" s="8"/>
      <c r="RFR19" s="8"/>
      <c r="RFS19" s="8"/>
      <c r="RFT19" s="8"/>
      <c r="RFU19" s="8"/>
      <c r="RFV19" s="8"/>
      <c r="RFW19" s="8"/>
      <c r="RFX19" s="8"/>
      <c r="RFY19" s="8"/>
      <c r="RFZ19" s="8"/>
      <c r="RGA19" s="8"/>
      <c r="RGB19" s="8"/>
      <c r="RGC19" s="8"/>
      <c r="RGD19" s="8"/>
      <c r="RGE19" s="8"/>
      <c r="RGF19" s="8"/>
      <c r="RGG19" s="8"/>
      <c r="RGH19" s="8"/>
      <c r="RGI19" s="8"/>
      <c r="RGJ19" s="8"/>
      <c r="RGK19" s="8"/>
      <c r="RGL19" s="8"/>
      <c r="RGM19" s="8"/>
      <c r="RGN19" s="8"/>
      <c r="RGO19" s="8"/>
      <c r="RGP19" s="8"/>
      <c r="RGQ19" s="8"/>
      <c r="RGR19" s="8"/>
      <c r="RGS19" s="8"/>
      <c r="RGT19" s="8"/>
      <c r="RGU19" s="8"/>
      <c r="RGV19" s="8"/>
      <c r="RGW19" s="8"/>
      <c r="RGX19" s="8"/>
      <c r="RGY19" s="8"/>
      <c r="RGZ19" s="8"/>
      <c r="RHA19" s="8"/>
      <c r="RHB19" s="8"/>
      <c r="RHC19" s="8"/>
      <c r="RHD19" s="8"/>
      <c r="RHE19" s="8"/>
      <c r="RHF19" s="8"/>
      <c r="RHG19" s="8"/>
      <c r="RHH19" s="8"/>
      <c r="RHI19" s="8"/>
      <c r="RHJ19" s="8"/>
      <c r="RHK19" s="8"/>
      <c r="RHL19" s="8"/>
      <c r="RHM19" s="8"/>
      <c r="RHN19" s="8"/>
      <c r="RHO19" s="8"/>
      <c r="RHP19" s="8"/>
      <c r="RHQ19" s="8"/>
      <c r="RHR19" s="8"/>
      <c r="RHS19" s="8"/>
      <c r="RHT19" s="8"/>
      <c r="RHU19" s="8"/>
      <c r="RHV19" s="8"/>
      <c r="RHW19" s="8"/>
      <c r="RHX19" s="8"/>
      <c r="RHY19" s="8"/>
      <c r="RHZ19" s="8"/>
      <c r="RIA19" s="8"/>
      <c r="RIB19" s="8"/>
      <c r="RIC19" s="8"/>
      <c r="RID19" s="8"/>
      <c r="RIE19" s="8"/>
      <c r="RIF19" s="8"/>
      <c r="RIG19" s="8"/>
      <c r="RIH19" s="8"/>
      <c r="RII19" s="8"/>
      <c r="RIJ19" s="8"/>
      <c r="RIK19" s="8"/>
      <c r="RIL19" s="8"/>
      <c r="RIM19" s="8"/>
      <c r="RIN19" s="8"/>
      <c r="RIO19" s="8"/>
      <c r="RIP19" s="8"/>
      <c r="RIQ19" s="8"/>
      <c r="RIR19" s="8"/>
      <c r="RIS19" s="8"/>
      <c r="RIT19" s="8"/>
      <c r="RIU19" s="8"/>
      <c r="RIV19" s="8"/>
      <c r="RIW19" s="8"/>
      <c r="RIX19" s="8"/>
      <c r="RIY19" s="8"/>
      <c r="RIZ19" s="8"/>
      <c r="RJA19" s="8"/>
      <c r="RJB19" s="8"/>
      <c r="RJC19" s="8"/>
      <c r="RJD19" s="8"/>
      <c r="RJE19" s="8"/>
      <c r="RJF19" s="8"/>
      <c r="RJG19" s="8"/>
      <c r="RJH19" s="8"/>
      <c r="RJI19" s="8"/>
      <c r="RJJ19" s="8"/>
      <c r="RJK19" s="8"/>
      <c r="RJL19" s="8"/>
      <c r="RJM19" s="8"/>
      <c r="RJN19" s="8"/>
      <c r="RJO19" s="8"/>
      <c r="RJP19" s="8"/>
      <c r="RJQ19" s="8"/>
      <c r="RJR19" s="8"/>
      <c r="RJS19" s="8"/>
      <c r="RJT19" s="8"/>
      <c r="RJU19" s="8"/>
      <c r="RJV19" s="8"/>
      <c r="RJW19" s="8"/>
      <c r="RJX19" s="8"/>
      <c r="RJY19" s="8"/>
      <c r="RJZ19" s="8"/>
      <c r="RKA19" s="8"/>
      <c r="RKB19" s="8"/>
      <c r="RKC19" s="8"/>
      <c r="RKD19" s="8"/>
      <c r="RKE19" s="8"/>
      <c r="RKF19" s="8"/>
      <c r="RKG19" s="8"/>
      <c r="RKH19" s="8"/>
      <c r="RKI19" s="8"/>
      <c r="RKJ19" s="8"/>
      <c r="RKK19" s="8"/>
      <c r="RKL19" s="8"/>
      <c r="RKM19" s="8"/>
      <c r="RKN19" s="8"/>
      <c r="RKO19" s="8"/>
      <c r="RKP19" s="8"/>
      <c r="RKQ19" s="8"/>
      <c r="RKR19" s="8"/>
      <c r="RKS19" s="8"/>
      <c r="RKT19" s="8"/>
      <c r="RKU19" s="8"/>
      <c r="RKV19" s="8"/>
      <c r="RKW19" s="8"/>
      <c r="RKX19" s="8"/>
      <c r="RKY19" s="8"/>
      <c r="RKZ19" s="8"/>
      <c r="RLA19" s="8"/>
      <c r="RLB19" s="8"/>
      <c r="RLC19" s="8"/>
      <c r="RLD19" s="8"/>
      <c r="RLE19" s="8"/>
      <c r="RLF19" s="8"/>
      <c r="RLG19" s="8"/>
      <c r="RLH19" s="8"/>
      <c r="RLI19" s="8"/>
      <c r="RLJ19" s="8"/>
      <c r="RLK19" s="8"/>
      <c r="RLL19" s="8"/>
      <c r="RLM19" s="8"/>
      <c r="RLN19" s="8"/>
      <c r="RLO19" s="8"/>
      <c r="RLP19" s="8"/>
      <c r="RLQ19" s="8"/>
      <c r="RLR19" s="8"/>
      <c r="RLS19" s="8"/>
      <c r="RLT19" s="8"/>
      <c r="RLU19" s="8"/>
      <c r="RLV19" s="8"/>
      <c r="RLW19" s="8"/>
      <c r="RLX19" s="8"/>
      <c r="RLY19" s="8"/>
      <c r="RLZ19" s="8"/>
      <c r="RMA19" s="8"/>
      <c r="RMB19" s="8"/>
      <c r="RMC19" s="8"/>
      <c r="RMD19" s="8"/>
      <c r="RME19" s="8"/>
      <c r="RMF19" s="8"/>
      <c r="RMG19" s="8"/>
      <c r="RMH19" s="8"/>
      <c r="RMI19" s="8"/>
      <c r="RMJ19" s="8"/>
      <c r="RMK19" s="8"/>
      <c r="RML19" s="8"/>
      <c r="RMM19" s="8"/>
      <c r="RMN19" s="8"/>
      <c r="RMO19" s="8"/>
      <c r="RMP19" s="8"/>
      <c r="RMQ19" s="8"/>
      <c r="RMR19" s="8"/>
      <c r="RMS19" s="8"/>
      <c r="RMT19" s="8"/>
      <c r="RMU19" s="8"/>
      <c r="RMV19" s="8"/>
      <c r="RMW19" s="8"/>
      <c r="RMX19" s="8"/>
      <c r="RMY19" s="8"/>
      <c r="RMZ19" s="8"/>
      <c r="RNA19" s="8"/>
      <c r="RNB19" s="8"/>
      <c r="RNC19" s="8"/>
      <c r="RND19" s="8"/>
      <c r="RNE19" s="8"/>
      <c r="RNF19" s="8"/>
      <c r="RNG19" s="8"/>
      <c r="RNH19" s="8"/>
      <c r="RNI19" s="8"/>
      <c r="RNJ19" s="8"/>
      <c r="RNK19" s="8"/>
      <c r="RNL19" s="8"/>
      <c r="RNM19" s="8"/>
      <c r="RNN19" s="8"/>
      <c r="RNO19" s="8"/>
      <c r="RNP19" s="8"/>
      <c r="RNQ19" s="8"/>
      <c r="RNR19" s="8"/>
      <c r="RNS19" s="8"/>
      <c r="RNT19" s="8"/>
      <c r="RNU19" s="8"/>
      <c r="RNV19" s="8"/>
      <c r="RNW19" s="8"/>
      <c r="RNX19" s="8"/>
      <c r="RNY19" s="8"/>
      <c r="RNZ19" s="8"/>
      <c r="ROA19" s="8"/>
      <c r="ROB19" s="8"/>
      <c r="ROC19" s="8"/>
      <c r="ROD19" s="8"/>
      <c r="ROE19" s="8"/>
      <c r="ROF19" s="8"/>
      <c r="ROG19" s="8"/>
      <c r="ROH19" s="8"/>
      <c r="ROI19" s="8"/>
      <c r="ROJ19" s="8"/>
      <c r="ROK19" s="8"/>
      <c r="ROL19" s="8"/>
      <c r="ROM19" s="8"/>
      <c r="RON19" s="8"/>
      <c r="ROO19" s="8"/>
      <c r="ROP19" s="8"/>
      <c r="ROQ19" s="8"/>
      <c r="ROR19" s="8"/>
      <c r="ROS19" s="8"/>
      <c r="ROT19" s="8"/>
      <c r="ROU19" s="8"/>
      <c r="ROV19" s="8"/>
      <c r="ROW19" s="8"/>
      <c r="ROX19" s="8"/>
      <c r="ROY19" s="8"/>
      <c r="ROZ19" s="8"/>
      <c r="RPA19" s="8"/>
      <c r="RPB19" s="8"/>
      <c r="RPC19" s="8"/>
      <c r="RPD19" s="8"/>
      <c r="RPE19" s="8"/>
      <c r="RPF19" s="8"/>
      <c r="RPG19" s="8"/>
      <c r="RPH19" s="8"/>
      <c r="RPI19" s="8"/>
      <c r="RPJ19" s="8"/>
      <c r="RPK19" s="8"/>
      <c r="RPL19" s="8"/>
      <c r="RPM19" s="8"/>
      <c r="RPN19" s="8"/>
      <c r="RPO19" s="8"/>
      <c r="RPP19" s="8"/>
      <c r="RPQ19" s="8"/>
      <c r="RPR19" s="8"/>
      <c r="RPS19" s="8"/>
      <c r="RPT19" s="8"/>
      <c r="RPU19" s="8"/>
      <c r="RPV19" s="8"/>
      <c r="RPW19" s="8"/>
      <c r="RPX19" s="8"/>
      <c r="RPY19" s="8"/>
      <c r="RPZ19" s="8"/>
      <c r="RQA19" s="8"/>
      <c r="RQB19" s="8"/>
      <c r="RQC19" s="8"/>
      <c r="RQD19" s="8"/>
      <c r="RQE19" s="8"/>
      <c r="RQF19" s="8"/>
      <c r="RQG19" s="8"/>
      <c r="RQH19" s="8"/>
      <c r="RQI19" s="8"/>
      <c r="RQJ19" s="8"/>
      <c r="RQK19" s="8"/>
      <c r="RQL19" s="8"/>
      <c r="RQM19" s="8"/>
      <c r="RQN19" s="8"/>
      <c r="RQO19" s="8"/>
      <c r="RQP19" s="8"/>
      <c r="RQQ19" s="8"/>
      <c r="RQR19" s="8"/>
      <c r="RQS19" s="8"/>
      <c r="RQT19" s="8"/>
      <c r="RQU19" s="8"/>
      <c r="RQV19" s="8"/>
      <c r="RQW19" s="8"/>
      <c r="RQX19" s="8"/>
      <c r="RQY19" s="8"/>
      <c r="RQZ19" s="8"/>
      <c r="RRA19" s="8"/>
      <c r="RRB19" s="8"/>
      <c r="RRC19" s="8"/>
      <c r="RRD19" s="8"/>
      <c r="RRE19" s="8"/>
      <c r="RRF19" s="8"/>
      <c r="RRG19" s="8"/>
      <c r="RRH19" s="8"/>
      <c r="RRI19" s="8"/>
      <c r="RRJ19" s="8"/>
      <c r="RRK19" s="8"/>
      <c r="RRL19" s="8"/>
      <c r="RRM19" s="8"/>
      <c r="RRN19" s="8"/>
      <c r="RRO19" s="8"/>
      <c r="RRP19" s="8"/>
      <c r="RRQ19" s="8"/>
      <c r="RRR19" s="8"/>
      <c r="RRS19" s="8"/>
      <c r="RRT19" s="8"/>
      <c r="RRU19" s="8"/>
      <c r="RRV19" s="8"/>
      <c r="RRW19" s="8"/>
      <c r="RRX19" s="8"/>
      <c r="RRY19" s="8"/>
      <c r="RRZ19" s="8"/>
      <c r="RSA19" s="8"/>
      <c r="RSB19" s="8"/>
      <c r="RSC19" s="8"/>
      <c r="RSD19" s="8"/>
      <c r="RSE19" s="8"/>
      <c r="RSF19" s="8"/>
      <c r="RSG19" s="8"/>
      <c r="RSH19" s="8"/>
      <c r="RSI19" s="8"/>
      <c r="RSJ19" s="8"/>
      <c r="RSK19" s="8"/>
      <c r="RSL19" s="8"/>
      <c r="RSM19" s="8"/>
      <c r="RSN19" s="8"/>
      <c r="RSO19" s="8"/>
      <c r="RSP19" s="8"/>
      <c r="RSQ19" s="8"/>
      <c r="RSR19" s="8"/>
      <c r="RSS19" s="8"/>
      <c r="RST19" s="8"/>
      <c r="RSU19" s="8"/>
      <c r="RSV19" s="8"/>
      <c r="RSW19" s="8"/>
      <c r="RSX19" s="8"/>
      <c r="RSY19" s="8"/>
      <c r="RSZ19" s="8"/>
      <c r="RTA19" s="8"/>
      <c r="RTB19" s="8"/>
      <c r="RTC19" s="8"/>
      <c r="RTD19" s="8"/>
      <c r="RTE19" s="8"/>
      <c r="RTF19" s="8"/>
      <c r="RTG19" s="8"/>
      <c r="RTH19" s="8"/>
      <c r="RTI19" s="8"/>
      <c r="RTJ19" s="8"/>
      <c r="RTK19" s="8"/>
      <c r="RTL19" s="8"/>
      <c r="RTM19" s="8"/>
      <c r="RTN19" s="8"/>
      <c r="RTO19" s="8"/>
      <c r="RTP19" s="8"/>
      <c r="RTQ19" s="8"/>
      <c r="RTR19" s="8"/>
      <c r="RTS19" s="8"/>
      <c r="RTT19" s="8"/>
      <c r="RTU19" s="8"/>
      <c r="RTV19" s="8"/>
      <c r="RTW19" s="8"/>
      <c r="RTX19" s="8"/>
      <c r="RTY19" s="8"/>
      <c r="RTZ19" s="8"/>
      <c r="RUA19" s="8"/>
      <c r="RUB19" s="8"/>
      <c r="RUC19" s="8"/>
      <c r="RUD19" s="8"/>
      <c r="RUE19" s="8"/>
      <c r="RUF19" s="8"/>
      <c r="RUG19" s="8"/>
      <c r="RUH19" s="8"/>
      <c r="RUI19" s="8"/>
      <c r="RUJ19" s="8"/>
      <c r="RUK19" s="8"/>
      <c r="RUL19" s="8"/>
      <c r="RUM19" s="8"/>
      <c r="RUN19" s="8"/>
      <c r="RUO19" s="8"/>
      <c r="RUP19" s="8"/>
      <c r="RUQ19" s="8"/>
      <c r="RUR19" s="8"/>
      <c r="RUS19" s="8"/>
      <c r="RUT19" s="8"/>
      <c r="RUU19" s="8"/>
      <c r="RUV19" s="8"/>
      <c r="RUW19" s="8"/>
      <c r="RUX19" s="8"/>
      <c r="RUY19" s="8"/>
      <c r="RUZ19" s="8"/>
      <c r="RVA19" s="8"/>
      <c r="RVB19" s="8"/>
      <c r="RVC19" s="8"/>
      <c r="RVD19" s="8"/>
      <c r="RVE19" s="8"/>
      <c r="RVF19" s="8"/>
      <c r="RVG19" s="8"/>
      <c r="RVH19" s="8"/>
      <c r="RVI19" s="8"/>
      <c r="RVJ19" s="8"/>
      <c r="RVK19" s="8"/>
      <c r="RVL19" s="8"/>
      <c r="RVM19" s="8"/>
      <c r="RVN19" s="8"/>
      <c r="RVO19" s="8"/>
      <c r="RVP19" s="8"/>
      <c r="RVQ19" s="8"/>
      <c r="RVR19" s="8"/>
      <c r="RVS19" s="8"/>
      <c r="RVT19" s="8"/>
      <c r="RVU19" s="8"/>
      <c r="RVV19" s="8"/>
      <c r="RVW19" s="8"/>
      <c r="RVX19" s="8"/>
      <c r="RVY19" s="8"/>
      <c r="RVZ19" s="8"/>
      <c r="RWA19" s="8"/>
      <c r="RWB19" s="8"/>
      <c r="RWC19" s="8"/>
      <c r="RWD19" s="8"/>
      <c r="RWE19" s="8"/>
      <c r="RWF19" s="8"/>
      <c r="RWG19" s="8"/>
      <c r="RWH19" s="8"/>
      <c r="RWI19" s="8"/>
      <c r="RWJ19" s="8"/>
      <c r="RWK19" s="8"/>
      <c r="RWL19" s="8"/>
      <c r="RWM19" s="8"/>
      <c r="RWN19" s="8"/>
      <c r="RWO19" s="8"/>
      <c r="RWP19" s="8"/>
      <c r="RWQ19" s="8"/>
      <c r="RWR19" s="8"/>
      <c r="RWS19" s="8"/>
      <c r="RWT19" s="8"/>
      <c r="RWU19" s="8"/>
      <c r="RWV19" s="8"/>
      <c r="RWW19" s="8"/>
      <c r="RWX19" s="8"/>
      <c r="RWY19" s="8"/>
      <c r="RWZ19" s="8"/>
      <c r="RXA19" s="8"/>
      <c r="RXB19" s="8"/>
      <c r="RXC19" s="8"/>
      <c r="RXD19" s="8"/>
      <c r="RXE19" s="8"/>
      <c r="RXF19" s="8"/>
      <c r="RXG19" s="8"/>
      <c r="RXH19" s="8"/>
      <c r="RXI19" s="8"/>
      <c r="RXJ19" s="8"/>
      <c r="RXK19" s="8"/>
      <c r="RXL19" s="8"/>
      <c r="RXM19" s="8"/>
      <c r="RXN19" s="8"/>
      <c r="RXO19" s="8"/>
      <c r="RXP19" s="8"/>
      <c r="RXQ19" s="8"/>
      <c r="RXR19" s="8"/>
      <c r="RXS19" s="8"/>
      <c r="RXT19" s="8"/>
      <c r="RXU19" s="8"/>
      <c r="RXV19" s="8"/>
      <c r="RXW19" s="8"/>
      <c r="RXX19" s="8"/>
      <c r="RXY19" s="8"/>
      <c r="RXZ19" s="8"/>
      <c r="RYA19" s="8"/>
      <c r="RYB19" s="8"/>
      <c r="RYC19" s="8"/>
      <c r="RYD19" s="8"/>
      <c r="RYE19" s="8"/>
      <c r="RYF19" s="8"/>
      <c r="RYG19" s="8"/>
      <c r="RYH19" s="8"/>
      <c r="RYI19" s="8"/>
      <c r="RYJ19" s="8"/>
      <c r="RYK19" s="8"/>
      <c r="RYL19" s="8"/>
      <c r="RYM19" s="8"/>
      <c r="RYN19" s="8"/>
      <c r="RYO19" s="8"/>
      <c r="RYP19" s="8"/>
      <c r="RYQ19" s="8"/>
      <c r="RYR19" s="8"/>
      <c r="RYS19" s="8"/>
      <c r="RYT19" s="8"/>
      <c r="RYU19" s="8"/>
      <c r="RYV19" s="8"/>
      <c r="RYW19" s="8"/>
      <c r="RYX19" s="8"/>
      <c r="RYY19" s="8"/>
      <c r="RYZ19" s="8"/>
      <c r="RZA19" s="8"/>
      <c r="RZB19" s="8"/>
      <c r="RZC19" s="8"/>
      <c r="RZD19" s="8"/>
      <c r="RZE19" s="8"/>
      <c r="RZF19" s="8"/>
      <c r="RZG19" s="8"/>
      <c r="RZH19" s="8"/>
      <c r="RZI19" s="8"/>
      <c r="RZJ19" s="8"/>
      <c r="RZK19" s="8"/>
      <c r="RZL19" s="8"/>
      <c r="RZM19" s="8"/>
      <c r="RZN19" s="8"/>
      <c r="RZO19" s="8"/>
      <c r="RZP19" s="8"/>
      <c r="RZQ19" s="8"/>
      <c r="RZR19" s="8"/>
      <c r="RZS19" s="8"/>
      <c r="RZT19" s="8"/>
      <c r="RZU19" s="8"/>
      <c r="RZV19" s="8"/>
      <c r="RZW19" s="8"/>
      <c r="RZX19" s="8"/>
      <c r="RZY19" s="8"/>
      <c r="RZZ19" s="8"/>
      <c r="SAA19" s="8"/>
      <c r="SAB19" s="8"/>
      <c r="SAC19" s="8"/>
      <c r="SAD19" s="8"/>
      <c r="SAE19" s="8"/>
      <c r="SAF19" s="8"/>
      <c r="SAG19" s="8"/>
      <c r="SAH19" s="8"/>
      <c r="SAI19" s="8"/>
      <c r="SAJ19" s="8"/>
      <c r="SAK19" s="8"/>
      <c r="SAL19" s="8"/>
      <c r="SAM19" s="8"/>
      <c r="SAN19" s="8"/>
      <c r="SAO19" s="8"/>
      <c r="SAP19" s="8"/>
      <c r="SAQ19" s="8"/>
      <c r="SAR19" s="8"/>
      <c r="SAS19" s="8"/>
      <c r="SAT19" s="8"/>
      <c r="SAU19" s="8"/>
      <c r="SAV19" s="8"/>
      <c r="SAW19" s="8"/>
      <c r="SAX19" s="8"/>
      <c r="SAY19" s="8"/>
      <c r="SAZ19" s="8"/>
      <c r="SBA19" s="8"/>
      <c r="SBB19" s="8"/>
      <c r="SBC19" s="8"/>
      <c r="SBD19" s="8"/>
      <c r="SBE19" s="8"/>
      <c r="SBF19" s="8"/>
      <c r="SBG19" s="8"/>
      <c r="SBH19" s="8"/>
      <c r="SBI19" s="8"/>
      <c r="SBJ19" s="8"/>
      <c r="SBK19" s="8"/>
      <c r="SBL19" s="8"/>
      <c r="SBM19" s="8"/>
      <c r="SBN19" s="8"/>
      <c r="SBO19" s="8"/>
      <c r="SBP19" s="8"/>
      <c r="SBQ19" s="8"/>
      <c r="SBR19" s="8"/>
      <c r="SBS19" s="8"/>
      <c r="SBT19" s="8"/>
      <c r="SBU19" s="8"/>
      <c r="SBV19" s="8"/>
      <c r="SBW19" s="8"/>
      <c r="SBX19" s="8"/>
      <c r="SBY19" s="8"/>
      <c r="SBZ19" s="8"/>
      <c r="SCA19" s="8"/>
      <c r="SCB19" s="8"/>
      <c r="SCC19" s="8"/>
      <c r="SCD19" s="8"/>
      <c r="SCE19" s="8"/>
      <c r="SCF19" s="8"/>
      <c r="SCG19" s="8"/>
      <c r="SCH19" s="8"/>
      <c r="SCI19" s="8"/>
      <c r="SCJ19" s="8"/>
      <c r="SCK19" s="8"/>
      <c r="SCL19" s="8"/>
      <c r="SCM19" s="8"/>
      <c r="SCN19" s="8"/>
      <c r="SCO19" s="8"/>
      <c r="SCP19" s="8"/>
      <c r="SCQ19" s="8"/>
      <c r="SCR19" s="8"/>
      <c r="SCS19" s="8"/>
      <c r="SCT19" s="8"/>
      <c r="SCU19" s="8"/>
      <c r="SCV19" s="8"/>
      <c r="SCW19" s="8"/>
      <c r="SCX19" s="8"/>
      <c r="SCY19" s="8"/>
      <c r="SCZ19" s="8"/>
      <c r="SDA19" s="8"/>
      <c r="SDB19" s="8"/>
      <c r="SDC19" s="8"/>
      <c r="SDD19" s="8"/>
      <c r="SDE19" s="8"/>
      <c r="SDF19" s="8"/>
      <c r="SDG19" s="8"/>
      <c r="SDH19" s="8"/>
      <c r="SDI19" s="8"/>
      <c r="SDJ19" s="8"/>
      <c r="SDK19" s="8"/>
      <c r="SDL19" s="8"/>
      <c r="SDM19" s="8"/>
      <c r="SDN19" s="8"/>
      <c r="SDO19" s="8"/>
      <c r="SDP19" s="8"/>
      <c r="SDQ19" s="8"/>
      <c r="SDR19" s="8"/>
      <c r="SDS19" s="8"/>
      <c r="SDT19" s="8"/>
      <c r="SDU19" s="8"/>
      <c r="SDV19" s="8"/>
      <c r="SDW19" s="8"/>
      <c r="SDX19" s="8"/>
      <c r="SDY19" s="8"/>
      <c r="SDZ19" s="8"/>
      <c r="SEA19" s="8"/>
      <c r="SEB19" s="8"/>
      <c r="SEC19" s="8"/>
      <c r="SED19" s="8"/>
      <c r="SEE19" s="8"/>
      <c r="SEF19" s="8"/>
      <c r="SEG19" s="8"/>
      <c r="SEH19" s="8"/>
      <c r="SEI19" s="8"/>
      <c r="SEJ19" s="8"/>
      <c r="SEK19" s="8"/>
      <c r="SEL19" s="8"/>
      <c r="SEM19" s="8"/>
      <c r="SEN19" s="8"/>
      <c r="SEO19" s="8"/>
      <c r="SEP19" s="8"/>
      <c r="SEQ19" s="8"/>
      <c r="SER19" s="8"/>
      <c r="SES19" s="8"/>
      <c r="SET19" s="8"/>
      <c r="SEU19" s="8"/>
      <c r="SEV19" s="8"/>
      <c r="SEW19" s="8"/>
      <c r="SEX19" s="8"/>
      <c r="SEY19" s="8"/>
      <c r="SEZ19" s="8"/>
      <c r="SFA19" s="8"/>
      <c r="SFB19" s="8"/>
      <c r="SFC19" s="8"/>
      <c r="SFD19" s="8"/>
      <c r="SFE19" s="8"/>
      <c r="SFF19" s="8"/>
      <c r="SFG19" s="8"/>
      <c r="SFH19" s="8"/>
      <c r="SFI19" s="8"/>
      <c r="SFJ19" s="8"/>
      <c r="SFK19" s="8"/>
      <c r="SFL19" s="8"/>
      <c r="SFM19" s="8"/>
      <c r="SFN19" s="8"/>
      <c r="SFO19" s="8"/>
      <c r="SFP19" s="8"/>
      <c r="SFQ19" s="8"/>
      <c r="SFR19" s="8"/>
      <c r="SFS19" s="8"/>
      <c r="SFT19" s="8"/>
      <c r="SFU19" s="8"/>
      <c r="SFV19" s="8"/>
      <c r="SFW19" s="8"/>
      <c r="SFX19" s="8"/>
      <c r="SFY19" s="8"/>
      <c r="SFZ19" s="8"/>
      <c r="SGA19" s="8"/>
      <c r="SGB19" s="8"/>
      <c r="SGC19" s="8"/>
      <c r="SGD19" s="8"/>
      <c r="SGE19" s="8"/>
      <c r="SGF19" s="8"/>
      <c r="SGG19" s="8"/>
      <c r="SGH19" s="8"/>
      <c r="SGI19" s="8"/>
      <c r="SGJ19" s="8"/>
      <c r="SGK19" s="8"/>
      <c r="SGL19" s="8"/>
      <c r="SGM19" s="8"/>
      <c r="SGN19" s="8"/>
      <c r="SGO19" s="8"/>
      <c r="SGP19" s="8"/>
      <c r="SGQ19" s="8"/>
      <c r="SGR19" s="8"/>
      <c r="SGS19" s="8"/>
      <c r="SGT19" s="8"/>
      <c r="SGU19" s="8"/>
      <c r="SGV19" s="8"/>
      <c r="SGW19" s="8"/>
      <c r="SGX19" s="8"/>
      <c r="SGY19" s="8"/>
      <c r="SGZ19" s="8"/>
      <c r="SHA19" s="8"/>
      <c r="SHB19" s="8"/>
      <c r="SHC19" s="8"/>
      <c r="SHD19" s="8"/>
      <c r="SHE19" s="8"/>
      <c r="SHF19" s="8"/>
      <c r="SHG19" s="8"/>
      <c r="SHH19" s="8"/>
      <c r="SHI19" s="8"/>
      <c r="SHJ19" s="8"/>
      <c r="SHK19" s="8"/>
      <c r="SHL19" s="8"/>
      <c r="SHM19" s="8"/>
      <c r="SHN19" s="8"/>
      <c r="SHO19" s="8"/>
      <c r="SHP19" s="8"/>
      <c r="SHQ19" s="8"/>
      <c r="SHR19" s="8"/>
      <c r="SHS19" s="8"/>
      <c r="SHT19" s="8"/>
      <c r="SHU19" s="8"/>
      <c r="SHV19" s="8"/>
      <c r="SHW19" s="8"/>
      <c r="SHX19" s="8"/>
      <c r="SHY19" s="8"/>
      <c r="SHZ19" s="8"/>
      <c r="SIA19" s="8"/>
      <c r="SIB19" s="8"/>
      <c r="SIC19" s="8"/>
      <c r="SID19" s="8"/>
      <c r="SIE19" s="8"/>
      <c r="SIF19" s="8"/>
      <c r="SIG19" s="8"/>
      <c r="SIH19" s="8"/>
      <c r="SII19" s="8"/>
      <c r="SIJ19" s="8"/>
      <c r="SIK19" s="8"/>
      <c r="SIL19" s="8"/>
      <c r="SIM19" s="8"/>
      <c r="SIN19" s="8"/>
      <c r="SIO19" s="8"/>
      <c r="SIP19" s="8"/>
      <c r="SIQ19" s="8"/>
      <c r="SIR19" s="8"/>
      <c r="SIS19" s="8"/>
      <c r="SIT19" s="8"/>
      <c r="SIU19" s="8"/>
      <c r="SIV19" s="8"/>
      <c r="SIW19" s="8"/>
      <c r="SIX19" s="8"/>
      <c r="SIY19" s="8"/>
      <c r="SIZ19" s="8"/>
      <c r="SJA19" s="8"/>
      <c r="SJB19" s="8"/>
      <c r="SJC19" s="8"/>
      <c r="SJD19" s="8"/>
      <c r="SJE19" s="8"/>
      <c r="SJF19" s="8"/>
      <c r="SJG19" s="8"/>
      <c r="SJH19" s="8"/>
      <c r="SJI19" s="8"/>
      <c r="SJJ19" s="8"/>
      <c r="SJK19" s="8"/>
      <c r="SJL19" s="8"/>
      <c r="SJM19" s="8"/>
      <c r="SJN19" s="8"/>
      <c r="SJO19" s="8"/>
      <c r="SJP19" s="8"/>
      <c r="SJQ19" s="8"/>
      <c r="SJR19" s="8"/>
      <c r="SJS19" s="8"/>
      <c r="SJT19" s="8"/>
      <c r="SJU19" s="8"/>
      <c r="SJV19" s="8"/>
      <c r="SJW19" s="8"/>
      <c r="SJX19" s="8"/>
      <c r="SJY19" s="8"/>
      <c r="SJZ19" s="8"/>
      <c r="SKA19" s="8"/>
      <c r="SKB19" s="8"/>
      <c r="SKC19" s="8"/>
      <c r="SKD19" s="8"/>
      <c r="SKE19" s="8"/>
      <c r="SKF19" s="8"/>
      <c r="SKG19" s="8"/>
      <c r="SKH19" s="8"/>
      <c r="SKI19" s="8"/>
      <c r="SKJ19" s="8"/>
      <c r="SKK19" s="8"/>
      <c r="SKL19" s="8"/>
      <c r="SKM19" s="8"/>
      <c r="SKN19" s="8"/>
      <c r="SKO19" s="8"/>
      <c r="SKP19" s="8"/>
      <c r="SKQ19" s="8"/>
      <c r="SKR19" s="8"/>
      <c r="SKS19" s="8"/>
      <c r="SKT19" s="8"/>
      <c r="SKU19" s="8"/>
      <c r="SKV19" s="8"/>
      <c r="SKW19" s="8"/>
      <c r="SKX19" s="8"/>
      <c r="SKY19" s="8"/>
      <c r="SKZ19" s="8"/>
      <c r="SLA19" s="8"/>
      <c r="SLB19" s="8"/>
      <c r="SLC19" s="8"/>
      <c r="SLD19" s="8"/>
      <c r="SLE19" s="8"/>
      <c r="SLF19" s="8"/>
      <c r="SLG19" s="8"/>
      <c r="SLH19" s="8"/>
      <c r="SLI19" s="8"/>
      <c r="SLJ19" s="8"/>
      <c r="SLK19" s="8"/>
      <c r="SLL19" s="8"/>
      <c r="SLM19" s="8"/>
      <c r="SLN19" s="8"/>
      <c r="SLO19" s="8"/>
      <c r="SLP19" s="8"/>
      <c r="SLQ19" s="8"/>
      <c r="SLR19" s="8"/>
      <c r="SLS19" s="8"/>
      <c r="SLT19" s="8"/>
      <c r="SLU19" s="8"/>
      <c r="SLV19" s="8"/>
      <c r="SLW19" s="8"/>
      <c r="SLX19" s="8"/>
      <c r="SLY19" s="8"/>
      <c r="SLZ19" s="8"/>
      <c r="SMA19" s="8"/>
      <c r="SMB19" s="8"/>
      <c r="SMC19" s="8"/>
      <c r="SMD19" s="8"/>
      <c r="SME19" s="8"/>
      <c r="SMF19" s="8"/>
      <c r="SMG19" s="8"/>
      <c r="SMH19" s="8"/>
      <c r="SMI19" s="8"/>
      <c r="SMJ19" s="8"/>
      <c r="SMK19" s="8"/>
      <c r="SML19" s="8"/>
      <c r="SMM19" s="8"/>
      <c r="SMN19" s="8"/>
      <c r="SMO19" s="8"/>
      <c r="SMP19" s="8"/>
      <c r="SMQ19" s="8"/>
      <c r="SMR19" s="8"/>
      <c r="SMS19" s="8"/>
      <c r="SMT19" s="8"/>
      <c r="SMU19" s="8"/>
      <c r="SMV19" s="8"/>
      <c r="SMW19" s="8"/>
      <c r="SMX19" s="8"/>
      <c r="SMY19" s="8"/>
      <c r="SMZ19" s="8"/>
      <c r="SNA19" s="8"/>
      <c r="SNB19" s="8"/>
      <c r="SNC19" s="8"/>
      <c r="SND19" s="8"/>
      <c r="SNE19" s="8"/>
      <c r="SNF19" s="8"/>
      <c r="SNG19" s="8"/>
      <c r="SNH19" s="8"/>
      <c r="SNI19" s="8"/>
      <c r="SNJ19" s="8"/>
      <c r="SNK19" s="8"/>
      <c r="SNL19" s="8"/>
      <c r="SNM19" s="8"/>
      <c r="SNN19" s="8"/>
      <c r="SNO19" s="8"/>
      <c r="SNP19" s="8"/>
      <c r="SNQ19" s="8"/>
      <c r="SNR19" s="8"/>
      <c r="SNS19" s="8"/>
      <c r="SNT19" s="8"/>
      <c r="SNU19" s="8"/>
      <c r="SNV19" s="8"/>
      <c r="SNW19" s="8"/>
      <c r="SNX19" s="8"/>
      <c r="SNY19" s="8"/>
      <c r="SNZ19" s="8"/>
      <c r="SOA19" s="8"/>
      <c r="SOB19" s="8"/>
      <c r="SOC19" s="8"/>
      <c r="SOD19" s="8"/>
      <c r="SOE19" s="8"/>
      <c r="SOF19" s="8"/>
      <c r="SOG19" s="8"/>
      <c r="SOH19" s="8"/>
      <c r="SOI19" s="8"/>
      <c r="SOJ19" s="8"/>
      <c r="SOK19" s="8"/>
      <c r="SOL19" s="8"/>
      <c r="SOM19" s="8"/>
      <c r="SON19" s="8"/>
      <c r="SOO19" s="8"/>
      <c r="SOP19" s="8"/>
      <c r="SOQ19" s="8"/>
      <c r="SOR19" s="8"/>
      <c r="SOS19" s="8"/>
      <c r="SOT19" s="8"/>
      <c r="SOU19" s="8"/>
      <c r="SOV19" s="8"/>
      <c r="SOW19" s="8"/>
      <c r="SOX19" s="8"/>
      <c r="SOY19" s="8"/>
      <c r="SOZ19" s="8"/>
      <c r="SPA19" s="8"/>
      <c r="SPB19" s="8"/>
      <c r="SPC19" s="8"/>
      <c r="SPD19" s="8"/>
      <c r="SPE19" s="8"/>
      <c r="SPF19" s="8"/>
      <c r="SPG19" s="8"/>
      <c r="SPH19" s="8"/>
      <c r="SPI19" s="8"/>
      <c r="SPJ19" s="8"/>
      <c r="SPK19" s="8"/>
      <c r="SPL19" s="8"/>
      <c r="SPM19" s="8"/>
      <c r="SPN19" s="8"/>
      <c r="SPO19" s="8"/>
      <c r="SPP19" s="8"/>
      <c r="SPQ19" s="8"/>
      <c r="SPR19" s="8"/>
      <c r="SPS19" s="8"/>
      <c r="SPT19" s="8"/>
      <c r="SPU19" s="8"/>
      <c r="SPV19" s="8"/>
      <c r="SPW19" s="8"/>
      <c r="SPX19" s="8"/>
      <c r="SPY19" s="8"/>
      <c r="SPZ19" s="8"/>
      <c r="SQA19" s="8"/>
      <c r="SQB19" s="8"/>
      <c r="SQC19" s="8"/>
      <c r="SQD19" s="8"/>
      <c r="SQE19" s="8"/>
      <c r="SQF19" s="8"/>
      <c r="SQG19" s="8"/>
      <c r="SQH19" s="8"/>
      <c r="SQI19" s="8"/>
      <c r="SQJ19" s="8"/>
      <c r="SQK19" s="8"/>
      <c r="SQL19" s="8"/>
      <c r="SQM19" s="8"/>
      <c r="SQN19" s="8"/>
      <c r="SQO19" s="8"/>
      <c r="SQP19" s="8"/>
      <c r="SQQ19" s="8"/>
      <c r="SQR19" s="8"/>
      <c r="SQS19" s="8"/>
      <c r="SQT19" s="8"/>
      <c r="SQU19" s="8"/>
      <c r="SQV19" s="8"/>
      <c r="SQW19" s="8"/>
      <c r="SQX19" s="8"/>
      <c r="SQY19" s="8"/>
      <c r="SQZ19" s="8"/>
      <c r="SRA19" s="8"/>
      <c r="SRB19" s="8"/>
      <c r="SRC19" s="8"/>
      <c r="SRD19" s="8"/>
      <c r="SRE19" s="8"/>
      <c r="SRF19" s="8"/>
      <c r="SRG19" s="8"/>
      <c r="SRH19" s="8"/>
      <c r="SRI19" s="8"/>
      <c r="SRJ19" s="8"/>
      <c r="SRK19" s="8"/>
      <c r="SRL19" s="8"/>
      <c r="SRM19" s="8"/>
      <c r="SRN19" s="8"/>
      <c r="SRO19" s="8"/>
      <c r="SRP19" s="8"/>
      <c r="SRQ19" s="8"/>
      <c r="SRR19" s="8"/>
      <c r="SRS19" s="8"/>
      <c r="SRT19" s="8"/>
      <c r="SRU19" s="8"/>
      <c r="SRV19" s="8"/>
      <c r="SRW19" s="8"/>
      <c r="SRX19" s="8"/>
      <c r="SRY19" s="8"/>
      <c r="SRZ19" s="8"/>
      <c r="SSA19" s="8"/>
      <c r="SSB19" s="8"/>
      <c r="SSC19" s="8"/>
      <c r="SSD19" s="8"/>
      <c r="SSE19" s="8"/>
      <c r="SSF19" s="8"/>
      <c r="SSG19" s="8"/>
      <c r="SSH19" s="8"/>
      <c r="SSI19" s="8"/>
      <c r="SSJ19" s="8"/>
      <c r="SSK19" s="8"/>
      <c r="SSL19" s="8"/>
      <c r="SSM19" s="8"/>
      <c r="SSN19" s="8"/>
      <c r="SSO19" s="8"/>
      <c r="SSP19" s="8"/>
      <c r="SSQ19" s="8"/>
      <c r="SSR19" s="8"/>
      <c r="SSS19" s="8"/>
      <c r="SST19" s="8"/>
      <c r="SSU19" s="8"/>
      <c r="SSV19" s="8"/>
      <c r="SSW19" s="8"/>
      <c r="SSX19" s="8"/>
      <c r="SSY19" s="8"/>
      <c r="SSZ19" s="8"/>
      <c r="STA19" s="8"/>
      <c r="STB19" s="8"/>
      <c r="STC19" s="8"/>
      <c r="STD19" s="8"/>
      <c r="STE19" s="8"/>
      <c r="STF19" s="8"/>
      <c r="STG19" s="8"/>
      <c r="STH19" s="8"/>
      <c r="STI19" s="8"/>
      <c r="STJ19" s="8"/>
      <c r="STK19" s="8"/>
      <c r="STL19" s="8"/>
      <c r="STM19" s="8"/>
      <c r="STN19" s="8"/>
      <c r="STO19" s="8"/>
      <c r="STP19" s="8"/>
      <c r="STQ19" s="8"/>
      <c r="STR19" s="8"/>
      <c r="STS19" s="8"/>
      <c r="STT19" s="8"/>
      <c r="STU19" s="8"/>
      <c r="STV19" s="8"/>
      <c r="STW19" s="8"/>
      <c r="STX19" s="8"/>
      <c r="STY19" s="8"/>
      <c r="STZ19" s="8"/>
      <c r="SUA19" s="8"/>
      <c r="SUB19" s="8"/>
      <c r="SUC19" s="8"/>
      <c r="SUD19" s="8"/>
      <c r="SUE19" s="8"/>
      <c r="SUF19" s="8"/>
      <c r="SUG19" s="8"/>
      <c r="SUH19" s="8"/>
      <c r="SUI19" s="8"/>
      <c r="SUJ19" s="8"/>
      <c r="SUK19" s="8"/>
      <c r="SUL19" s="8"/>
      <c r="SUM19" s="8"/>
      <c r="SUN19" s="8"/>
      <c r="SUO19" s="8"/>
      <c r="SUP19" s="8"/>
      <c r="SUQ19" s="8"/>
      <c r="SUR19" s="8"/>
      <c r="SUS19" s="8"/>
      <c r="SUT19" s="8"/>
      <c r="SUU19" s="8"/>
      <c r="SUV19" s="8"/>
      <c r="SUW19" s="8"/>
      <c r="SUX19" s="8"/>
      <c r="SUY19" s="8"/>
      <c r="SUZ19" s="8"/>
      <c r="SVA19" s="8"/>
      <c r="SVB19" s="8"/>
      <c r="SVC19" s="8"/>
      <c r="SVD19" s="8"/>
      <c r="SVE19" s="8"/>
      <c r="SVF19" s="8"/>
      <c r="SVG19" s="8"/>
      <c r="SVH19" s="8"/>
      <c r="SVI19" s="8"/>
      <c r="SVJ19" s="8"/>
      <c r="SVK19" s="8"/>
      <c r="SVL19" s="8"/>
      <c r="SVM19" s="8"/>
      <c r="SVN19" s="8"/>
      <c r="SVO19" s="8"/>
      <c r="SVP19" s="8"/>
      <c r="SVQ19" s="8"/>
      <c r="SVR19" s="8"/>
      <c r="SVS19" s="8"/>
      <c r="SVT19" s="8"/>
      <c r="SVU19" s="8"/>
      <c r="SVV19" s="8"/>
      <c r="SVW19" s="8"/>
      <c r="SVX19" s="8"/>
      <c r="SVY19" s="8"/>
      <c r="SVZ19" s="8"/>
      <c r="SWA19" s="8"/>
      <c r="SWB19" s="8"/>
      <c r="SWC19" s="8"/>
      <c r="SWD19" s="8"/>
      <c r="SWE19" s="8"/>
      <c r="SWF19" s="8"/>
      <c r="SWG19" s="8"/>
      <c r="SWH19" s="8"/>
      <c r="SWI19" s="8"/>
      <c r="SWJ19" s="8"/>
      <c r="SWK19" s="8"/>
      <c r="SWL19" s="8"/>
      <c r="SWM19" s="8"/>
      <c r="SWN19" s="8"/>
      <c r="SWO19" s="8"/>
      <c r="SWP19" s="8"/>
      <c r="SWQ19" s="8"/>
      <c r="SWR19" s="8"/>
      <c r="SWS19" s="8"/>
      <c r="SWT19" s="8"/>
      <c r="SWU19" s="8"/>
      <c r="SWV19" s="8"/>
      <c r="SWW19" s="8"/>
      <c r="SWX19" s="8"/>
      <c r="SWY19" s="8"/>
      <c r="SWZ19" s="8"/>
      <c r="SXA19" s="8"/>
      <c r="SXB19" s="8"/>
      <c r="SXC19" s="8"/>
      <c r="SXD19" s="8"/>
      <c r="SXE19" s="8"/>
      <c r="SXF19" s="8"/>
      <c r="SXG19" s="8"/>
      <c r="SXH19" s="8"/>
      <c r="SXI19" s="8"/>
      <c r="SXJ19" s="8"/>
      <c r="SXK19" s="8"/>
      <c r="SXL19" s="8"/>
      <c r="SXM19" s="8"/>
      <c r="SXN19" s="8"/>
      <c r="SXO19" s="8"/>
      <c r="SXP19" s="8"/>
      <c r="SXQ19" s="8"/>
      <c r="SXR19" s="8"/>
      <c r="SXS19" s="8"/>
      <c r="SXT19" s="8"/>
      <c r="SXU19" s="8"/>
      <c r="SXV19" s="8"/>
      <c r="SXW19" s="8"/>
      <c r="SXX19" s="8"/>
      <c r="SXY19" s="8"/>
      <c r="SXZ19" s="8"/>
      <c r="SYA19" s="8"/>
      <c r="SYB19" s="8"/>
      <c r="SYC19" s="8"/>
      <c r="SYD19" s="8"/>
      <c r="SYE19" s="8"/>
      <c r="SYF19" s="8"/>
      <c r="SYG19" s="8"/>
      <c r="SYH19" s="8"/>
      <c r="SYI19" s="8"/>
      <c r="SYJ19" s="8"/>
      <c r="SYK19" s="8"/>
      <c r="SYL19" s="8"/>
      <c r="SYM19" s="8"/>
      <c r="SYN19" s="8"/>
      <c r="SYO19" s="8"/>
      <c r="SYP19" s="8"/>
      <c r="SYQ19" s="8"/>
      <c r="SYR19" s="8"/>
      <c r="SYS19" s="8"/>
      <c r="SYT19" s="8"/>
      <c r="SYU19" s="8"/>
      <c r="SYV19" s="8"/>
      <c r="SYW19" s="8"/>
      <c r="SYX19" s="8"/>
      <c r="SYY19" s="8"/>
      <c r="SYZ19" s="8"/>
      <c r="SZA19" s="8"/>
      <c r="SZB19" s="8"/>
      <c r="SZC19" s="8"/>
      <c r="SZD19" s="8"/>
      <c r="SZE19" s="8"/>
      <c r="SZF19" s="8"/>
      <c r="SZG19" s="8"/>
      <c r="SZH19" s="8"/>
      <c r="SZI19" s="8"/>
      <c r="SZJ19" s="8"/>
      <c r="SZK19" s="8"/>
      <c r="SZL19" s="8"/>
      <c r="SZM19" s="8"/>
      <c r="SZN19" s="8"/>
      <c r="SZO19" s="8"/>
      <c r="SZP19" s="8"/>
      <c r="SZQ19" s="8"/>
      <c r="SZR19" s="8"/>
      <c r="SZS19" s="8"/>
      <c r="SZT19" s="8"/>
      <c r="SZU19" s="8"/>
      <c r="SZV19" s="8"/>
      <c r="SZW19" s="8"/>
      <c r="SZX19" s="8"/>
      <c r="SZY19" s="8"/>
      <c r="SZZ19" s="8"/>
      <c r="TAA19" s="8"/>
      <c r="TAB19" s="8"/>
      <c r="TAC19" s="8"/>
      <c r="TAD19" s="8"/>
      <c r="TAE19" s="8"/>
      <c r="TAF19" s="8"/>
      <c r="TAG19" s="8"/>
      <c r="TAH19" s="8"/>
      <c r="TAI19" s="8"/>
      <c r="TAJ19" s="8"/>
      <c r="TAK19" s="8"/>
      <c r="TAL19" s="8"/>
      <c r="TAM19" s="8"/>
      <c r="TAN19" s="8"/>
      <c r="TAO19" s="8"/>
      <c r="TAP19" s="8"/>
      <c r="TAQ19" s="8"/>
      <c r="TAR19" s="8"/>
      <c r="TAS19" s="8"/>
      <c r="TAT19" s="8"/>
      <c r="TAU19" s="8"/>
      <c r="TAV19" s="8"/>
      <c r="TAW19" s="8"/>
      <c r="TAX19" s="8"/>
      <c r="TAY19" s="8"/>
      <c r="TAZ19" s="8"/>
      <c r="TBA19" s="8"/>
      <c r="TBB19" s="8"/>
      <c r="TBC19" s="8"/>
      <c r="TBD19" s="8"/>
      <c r="TBE19" s="8"/>
      <c r="TBF19" s="8"/>
      <c r="TBG19" s="8"/>
      <c r="TBH19" s="8"/>
      <c r="TBI19" s="8"/>
      <c r="TBJ19" s="8"/>
      <c r="TBK19" s="8"/>
      <c r="TBL19" s="8"/>
      <c r="TBM19" s="8"/>
      <c r="TBN19" s="8"/>
      <c r="TBO19" s="8"/>
      <c r="TBP19" s="8"/>
      <c r="TBQ19" s="8"/>
      <c r="TBR19" s="8"/>
      <c r="TBS19" s="8"/>
      <c r="TBT19" s="8"/>
      <c r="TBU19" s="8"/>
      <c r="TBV19" s="8"/>
      <c r="TBW19" s="8"/>
      <c r="TBX19" s="8"/>
      <c r="TBY19" s="8"/>
      <c r="TBZ19" s="8"/>
      <c r="TCA19" s="8"/>
      <c r="TCB19" s="8"/>
      <c r="TCC19" s="8"/>
      <c r="TCD19" s="8"/>
      <c r="TCE19" s="8"/>
      <c r="TCF19" s="8"/>
      <c r="TCG19" s="8"/>
      <c r="TCH19" s="8"/>
      <c r="TCI19" s="8"/>
      <c r="TCJ19" s="8"/>
      <c r="TCK19" s="8"/>
      <c r="TCL19" s="8"/>
      <c r="TCM19" s="8"/>
      <c r="TCN19" s="8"/>
      <c r="TCO19" s="8"/>
      <c r="TCP19" s="8"/>
      <c r="TCQ19" s="8"/>
      <c r="TCR19" s="8"/>
      <c r="TCS19" s="8"/>
      <c r="TCT19" s="8"/>
      <c r="TCU19" s="8"/>
      <c r="TCV19" s="8"/>
      <c r="TCW19" s="8"/>
      <c r="TCX19" s="8"/>
      <c r="TCY19" s="8"/>
      <c r="TCZ19" s="8"/>
      <c r="TDA19" s="8"/>
      <c r="TDB19" s="8"/>
      <c r="TDC19" s="8"/>
      <c r="TDD19" s="8"/>
      <c r="TDE19" s="8"/>
      <c r="TDF19" s="8"/>
      <c r="TDG19" s="8"/>
      <c r="TDH19" s="8"/>
      <c r="TDI19" s="8"/>
      <c r="TDJ19" s="8"/>
      <c r="TDK19" s="8"/>
      <c r="TDL19" s="8"/>
      <c r="TDM19" s="8"/>
      <c r="TDN19" s="8"/>
      <c r="TDO19" s="8"/>
      <c r="TDP19" s="8"/>
      <c r="TDQ19" s="8"/>
      <c r="TDR19" s="8"/>
      <c r="TDS19" s="8"/>
      <c r="TDT19" s="8"/>
      <c r="TDU19" s="8"/>
      <c r="TDV19" s="8"/>
      <c r="TDW19" s="8"/>
      <c r="TDX19" s="8"/>
      <c r="TDY19" s="8"/>
      <c r="TDZ19" s="8"/>
      <c r="TEA19" s="8"/>
      <c r="TEB19" s="8"/>
      <c r="TEC19" s="8"/>
      <c r="TED19" s="8"/>
      <c r="TEE19" s="8"/>
      <c r="TEF19" s="8"/>
      <c r="TEG19" s="8"/>
      <c r="TEH19" s="8"/>
      <c r="TEI19" s="8"/>
      <c r="TEJ19" s="8"/>
      <c r="TEK19" s="8"/>
      <c r="TEL19" s="8"/>
      <c r="TEM19" s="8"/>
      <c r="TEN19" s="8"/>
      <c r="TEO19" s="8"/>
      <c r="TEP19" s="8"/>
      <c r="TEQ19" s="8"/>
      <c r="TER19" s="8"/>
      <c r="TES19" s="8"/>
      <c r="TET19" s="8"/>
      <c r="TEU19" s="8"/>
      <c r="TEV19" s="8"/>
      <c r="TEW19" s="8"/>
      <c r="TEX19" s="8"/>
      <c r="TEY19" s="8"/>
      <c r="TEZ19" s="8"/>
      <c r="TFA19" s="8"/>
      <c r="TFB19" s="8"/>
      <c r="TFC19" s="8"/>
      <c r="TFD19" s="8"/>
      <c r="TFE19" s="8"/>
      <c r="TFF19" s="8"/>
      <c r="TFG19" s="8"/>
      <c r="TFH19" s="8"/>
      <c r="TFI19" s="8"/>
      <c r="TFJ19" s="8"/>
      <c r="TFK19" s="8"/>
      <c r="TFL19" s="8"/>
      <c r="TFM19" s="8"/>
      <c r="TFN19" s="8"/>
      <c r="TFO19" s="8"/>
      <c r="TFP19" s="8"/>
      <c r="TFQ19" s="8"/>
      <c r="TFR19" s="8"/>
      <c r="TFS19" s="8"/>
      <c r="TFT19" s="8"/>
      <c r="TFU19" s="8"/>
      <c r="TFV19" s="8"/>
      <c r="TFW19" s="8"/>
      <c r="TFX19" s="8"/>
      <c r="TFY19" s="8"/>
      <c r="TFZ19" s="8"/>
      <c r="TGA19" s="8"/>
      <c r="TGB19" s="8"/>
      <c r="TGC19" s="8"/>
      <c r="TGD19" s="8"/>
      <c r="TGE19" s="8"/>
      <c r="TGF19" s="8"/>
      <c r="TGG19" s="8"/>
      <c r="TGH19" s="8"/>
      <c r="TGI19" s="8"/>
      <c r="TGJ19" s="8"/>
      <c r="TGK19" s="8"/>
      <c r="TGL19" s="8"/>
      <c r="TGM19" s="8"/>
      <c r="TGN19" s="8"/>
      <c r="TGO19" s="8"/>
      <c r="TGP19" s="8"/>
      <c r="TGQ19" s="8"/>
      <c r="TGR19" s="8"/>
      <c r="TGS19" s="8"/>
      <c r="TGT19" s="8"/>
      <c r="TGU19" s="8"/>
      <c r="TGV19" s="8"/>
      <c r="TGW19" s="8"/>
      <c r="TGX19" s="8"/>
      <c r="TGY19" s="8"/>
      <c r="TGZ19" s="8"/>
      <c r="THA19" s="8"/>
      <c r="THB19" s="8"/>
      <c r="THC19" s="8"/>
      <c r="THD19" s="8"/>
      <c r="THE19" s="8"/>
      <c r="THF19" s="8"/>
      <c r="THG19" s="8"/>
      <c r="THH19" s="8"/>
      <c r="THI19" s="8"/>
      <c r="THJ19" s="8"/>
      <c r="THK19" s="8"/>
      <c r="THL19" s="8"/>
      <c r="THM19" s="8"/>
      <c r="THN19" s="8"/>
      <c r="THO19" s="8"/>
      <c r="THP19" s="8"/>
      <c r="THQ19" s="8"/>
      <c r="THR19" s="8"/>
      <c r="THS19" s="8"/>
      <c r="THT19" s="8"/>
      <c r="THU19" s="8"/>
      <c r="THV19" s="8"/>
      <c r="THW19" s="8"/>
      <c r="THX19" s="8"/>
      <c r="THY19" s="8"/>
      <c r="THZ19" s="8"/>
      <c r="TIA19" s="8"/>
      <c r="TIB19" s="8"/>
      <c r="TIC19" s="8"/>
      <c r="TID19" s="8"/>
      <c r="TIE19" s="8"/>
      <c r="TIF19" s="8"/>
      <c r="TIG19" s="8"/>
      <c r="TIH19" s="8"/>
      <c r="TII19" s="8"/>
      <c r="TIJ19" s="8"/>
      <c r="TIK19" s="8"/>
      <c r="TIL19" s="8"/>
      <c r="TIM19" s="8"/>
      <c r="TIN19" s="8"/>
      <c r="TIO19" s="8"/>
      <c r="TIP19" s="8"/>
      <c r="TIQ19" s="8"/>
      <c r="TIR19" s="8"/>
      <c r="TIS19" s="8"/>
      <c r="TIT19" s="8"/>
      <c r="TIU19" s="8"/>
      <c r="TIV19" s="8"/>
      <c r="TIW19" s="8"/>
      <c r="TIX19" s="8"/>
      <c r="TIY19" s="8"/>
      <c r="TIZ19" s="8"/>
      <c r="TJA19" s="8"/>
      <c r="TJB19" s="8"/>
      <c r="TJC19" s="8"/>
      <c r="TJD19" s="8"/>
      <c r="TJE19" s="8"/>
      <c r="TJF19" s="8"/>
      <c r="TJG19" s="8"/>
      <c r="TJH19" s="8"/>
      <c r="TJI19" s="8"/>
      <c r="TJJ19" s="8"/>
      <c r="TJK19" s="8"/>
      <c r="TJL19" s="8"/>
      <c r="TJM19" s="8"/>
      <c r="TJN19" s="8"/>
      <c r="TJO19" s="8"/>
      <c r="TJP19" s="8"/>
      <c r="TJQ19" s="8"/>
      <c r="TJR19" s="8"/>
      <c r="TJS19" s="8"/>
      <c r="TJT19" s="8"/>
      <c r="TJU19" s="8"/>
      <c r="TJV19" s="8"/>
      <c r="TJW19" s="8"/>
      <c r="TJX19" s="8"/>
      <c r="TJY19" s="8"/>
      <c r="TJZ19" s="8"/>
      <c r="TKA19" s="8"/>
      <c r="TKB19" s="8"/>
      <c r="TKC19" s="8"/>
      <c r="TKD19" s="8"/>
      <c r="TKE19" s="8"/>
      <c r="TKF19" s="8"/>
      <c r="TKG19" s="8"/>
      <c r="TKH19" s="8"/>
      <c r="TKI19" s="8"/>
      <c r="TKJ19" s="8"/>
      <c r="TKK19" s="8"/>
      <c r="TKL19" s="8"/>
      <c r="TKM19" s="8"/>
      <c r="TKN19" s="8"/>
      <c r="TKO19" s="8"/>
      <c r="TKP19" s="8"/>
      <c r="TKQ19" s="8"/>
      <c r="TKR19" s="8"/>
      <c r="TKS19" s="8"/>
      <c r="TKT19" s="8"/>
      <c r="TKU19" s="8"/>
      <c r="TKV19" s="8"/>
      <c r="TKW19" s="8"/>
      <c r="TKX19" s="8"/>
      <c r="TKY19" s="8"/>
      <c r="TKZ19" s="8"/>
      <c r="TLA19" s="8"/>
      <c r="TLB19" s="8"/>
      <c r="TLC19" s="8"/>
      <c r="TLD19" s="8"/>
      <c r="TLE19" s="8"/>
      <c r="TLF19" s="8"/>
      <c r="TLG19" s="8"/>
      <c r="TLH19" s="8"/>
      <c r="TLI19" s="8"/>
      <c r="TLJ19" s="8"/>
      <c r="TLK19" s="8"/>
      <c r="TLL19" s="8"/>
      <c r="TLM19" s="8"/>
      <c r="TLN19" s="8"/>
      <c r="TLO19" s="8"/>
      <c r="TLP19" s="8"/>
      <c r="TLQ19" s="8"/>
      <c r="TLR19" s="8"/>
      <c r="TLS19" s="8"/>
      <c r="TLT19" s="8"/>
      <c r="TLU19" s="8"/>
      <c r="TLV19" s="8"/>
      <c r="TLW19" s="8"/>
      <c r="TLX19" s="8"/>
      <c r="TLY19" s="8"/>
      <c r="TLZ19" s="8"/>
      <c r="TMA19" s="8"/>
      <c r="TMB19" s="8"/>
      <c r="TMC19" s="8"/>
      <c r="TMD19" s="8"/>
      <c r="TME19" s="8"/>
      <c r="TMF19" s="8"/>
      <c r="TMG19" s="8"/>
      <c r="TMH19" s="8"/>
      <c r="TMI19" s="8"/>
      <c r="TMJ19" s="8"/>
      <c r="TMK19" s="8"/>
      <c r="TML19" s="8"/>
      <c r="TMM19" s="8"/>
      <c r="TMN19" s="8"/>
      <c r="TMO19" s="8"/>
      <c r="TMP19" s="8"/>
      <c r="TMQ19" s="8"/>
      <c r="TMR19" s="8"/>
      <c r="TMS19" s="8"/>
      <c r="TMT19" s="8"/>
      <c r="TMU19" s="8"/>
      <c r="TMV19" s="8"/>
      <c r="TMW19" s="8"/>
      <c r="TMX19" s="8"/>
      <c r="TMY19" s="8"/>
      <c r="TMZ19" s="8"/>
      <c r="TNA19" s="8"/>
      <c r="TNB19" s="8"/>
      <c r="TNC19" s="8"/>
      <c r="TND19" s="8"/>
      <c r="TNE19" s="8"/>
      <c r="TNF19" s="8"/>
      <c r="TNG19" s="8"/>
      <c r="TNH19" s="8"/>
      <c r="TNI19" s="8"/>
      <c r="TNJ19" s="8"/>
      <c r="TNK19" s="8"/>
      <c r="TNL19" s="8"/>
      <c r="TNM19" s="8"/>
      <c r="TNN19" s="8"/>
      <c r="TNO19" s="8"/>
      <c r="TNP19" s="8"/>
      <c r="TNQ19" s="8"/>
      <c r="TNR19" s="8"/>
      <c r="TNS19" s="8"/>
      <c r="TNT19" s="8"/>
      <c r="TNU19" s="8"/>
      <c r="TNV19" s="8"/>
      <c r="TNW19" s="8"/>
      <c r="TNX19" s="8"/>
      <c r="TNY19" s="8"/>
      <c r="TNZ19" s="8"/>
      <c r="TOA19" s="8"/>
      <c r="TOB19" s="8"/>
      <c r="TOC19" s="8"/>
      <c r="TOD19" s="8"/>
      <c r="TOE19" s="8"/>
      <c r="TOF19" s="8"/>
      <c r="TOG19" s="8"/>
      <c r="TOH19" s="8"/>
      <c r="TOI19" s="8"/>
      <c r="TOJ19" s="8"/>
      <c r="TOK19" s="8"/>
      <c r="TOL19" s="8"/>
      <c r="TOM19" s="8"/>
      <c r="TON19" s="8"/>
      <c r="TOO19" s="8"/>
      <c r="TOP19" s="8"/>
      <c r="TOQ19" s="8"/>
      <c r="TOR19" s="8"/>
      <c r="TOS19" s="8"/>
      <c r="TOT19" s="8"/>
      <c r="TOU19" s="8"/>
      <c r="TOV19" s="8"/>
      <c r="TOW19" s="8"/>
      <c r="TOX19" s="8"/>
      <c r="TOY19" s="8"/>
      <c r="TOZ19" s="8"/>
      <c r="TPA19" s="8"/>
      <c r="TPB19" s="8"/>
      <c r="TPC19" s="8"/>
      <c r="TPD19" s="8"/>
      <c r="TPE19" s="8"/>
      <c r="TPF19" s="8"/>
      <c r="TPG19" s="8"/>
      <c r="TPH19" s="8"/>
      <c r="TPI19" s="8"/>
      <c r="TPJ19" s="8"/>
      <c r="TPK19" s="8"/>
      <c r="TPL19" s="8"/>
      <c r="TPM19" s="8"/>
      <c r="TPN19" s="8"/>
      <c r="TPO19" s="8"/>
      <c r="TPP19" s="8"/>
      <c r="TPQ19" s="8"/>
      <c r="TPR19" s="8"/>
      <c r="TPS19" s="8"/>
      <c r="TPT19" s="8"/>
      <c r="TPU19" s="8"/>
      <c r="TPV19" s="8"/>
      <c r="TPW19" s="8"/>
      <c r="TPX19" s="8"/>
      <c r="TPY19" s="8"/>
      <c r="TPZ19" s="8"/>
      <c r="TQA19" s="8"/>
      <c r="TQB19" s="8"/>
      <c r="TQC19" s="8"/>
      <c r="TQD19" s="8"/>
      <c r="TQE19" s="8"/>
      <c r="TQF19" s="8"/>
      <c r="TQG19" s="8"/>
      <c r="TQH19" s="8"/>
      <c r="TQI19" s="8"/>
      <c r="TQJ19" s="8"/>
      <c r="TQK19" s="8"/>
      <c r="TQL19" s="8"/>
      <c r="TQM19" s="8"/>
      <c r="TQN19" s="8"/>
      <c r="TQO19" s="8"/>
      <c r="TQP19" s="8"/>
      <c r="TQQ19" s="8"/>
      <c r="TQR19" s="8"/>
      <c r="TQS19" s="8"/>
      <c r="TQT19" s="8"/>
      <c r="TQU19" s="8"/>
      <c r="TQV19" s="8"/>
      <c r="TQW19" s="8"/>
      <c r="TQX19" s="8"/>
      <c r="TQY19" s="8"/>
      <c r="TQZ19" s="8"/>
      <c r="TRA19" s="8"/>
      <c r="TRB19" s="8"/>
      <c r="TRC19" s="8"/>
      <c r="TRD19" s="8"/>
      <c r="TRE19" s="8"/>
      <c r="TRF19" s="8"/>
      <c r="TRG19" s="8"/>
      <c r="TRH19" s="8"/>
      <c r="TRI19" s="8"/>
      <c r="TRJ19" s="8"/>
      <c r="TRK19" s="8"/>
      <c r="TRL19" s="8"/>
      <c r="TRM19" s="8"/>
      <c r="TRN19" s="8"/>
      <c r="TRO19" s="8"/>
      <c r="TRP19" s="8"/>
      <c r="TRQ19" s="8"/>
      <c r="TRR19" s="8"/>
      <c r="TRS19" s="8"/>
      <c r="TRT19" s="8"/>
      <c r="TRU19" s="8"/>
      <c r="TRV19" s="8"/>
      <c r="TRW19" s="8"/>
      <c r="TRX19" s="8"/>
      <c r="TRY19" s="8"/>
      <c r="TRZ19" s="8"/>
      <c r="TSA19" s="8"/>
      <c r="TSB19" s="8"/>
      <c r="TSC19" s="8"/>
      <c r="TSD19" s="8"/>
      <c r="TSE19" s="8"/>
      <c r="TSF19" s="8"/>
      <c r="TSG19" s="8"/>
      <c r="TSH19" s="8"/>
      <c r="TSI19" s="8"/>
      <c r="TSJ19" s="8"/>
      <c r="TSK19" s="8"/>
      <c r="TSL19" s="8"/>
      <c r="TSM19" s="8"/>
      <c r="TSN19" s="8"/>
      <c r="TSO19" s="8"/>
      <c r="TSP19" s="8"/>
      <c r="TSQ19" s="8"/>
      <c r="TSR19" s="8"/>
      <c r="TSS19" s="8"/>
      <c r="TST19" s="8"/>
      <c r="TSU19" s="8"/>
      <c r="TSV19" s="8"/>
      <c r="TSW19" s="8"/>
      <c r="TSX19" s="8"/>
      <c r="TSY19" s="8"/>
      <c r="TSZ19" s="8"/>
      <c r="TTA19" s="8"/>
      <c r="TTB19" s="8"/>
      <c r="TTC19" s="8"/>
      <c r="TTD19" s="8"/>
      <c r="TTE19" s="8"/>
      <c r="TTF19" s="8"/>
      <c r="TTG19" s="8"/>
      <c r="TTH19" s="8"/>
      <c r="TTI19" s="8"/>
      <c r="TTJ19" s="8"/>
      <c r="TTK19" s="8"/>
      <c r="TTL19" s="8"/>
      <c r="TTM19" s="8"/>
      <c r="TTN19" s="8"/>
      <c r="TTO19" s="8"/>
      <c r="TTP19" s="8"/>
      <c r="TTQ19" s="8"/>
      <c r="TTR19" s="8"/>
      <c r="TTS19" s="8"/>
      <c r="TTT19" s="8"/>
      <c r="TTU19" s="8"/>
      <c r="TTV19" s="8"/>
      <c r="TTW19" s="8"/>
      <c r="TTX19" s="8"/>
      <c r="TTY19" s="8"/>
      <c r="TTZ19" s="8"/>
      <c r="TUA19" s="8"/>
      <c r="TUB19" s="8"/>
      <c r="TUC19" s="8"/>
      <c r="TUD19" s="8"/>
      <c r="TUE19" s="8"/>
      <c r="TUF19" s="8"/>
      <c r="TUG19" s="8"/>
      <c r="TUH19" s="8"/>
      <c r="TUI19" s="8"/>
      <c r="TUJ19" s="8"/>
      <c r="TUK19" s="8"/>
      <c r="TUL19" s="8"/>
      <c r="TUM19" s="8"/>
      <c r="TUN19" s="8"/>
      <c r="TUO19" s="8"/>
      <c r="TUP19" s="8"/>
      <c r="TUQ19" s="8"/>
      <c r="TUR19" s="8"/>
      <c r="TUS19" s="8"/>
      <c r="TUT19" s="8"/>
      <c r="TUU19" s="8"/>
      <c r="TUV19" s="8"/>
      <c r="TUW19" s="8"/>
      <c r="TUX19" s="8"/>
      <c r="TUY19" s="8"/>
      <c r="TUZ19" s="8"/>
      <c r="TVA19" s="8"/>
      <c r="TVB19" s="8"/>
      <c r="TVC19" s="8"/>
      <c r="TVD19" s="8"/>
      <c r="TVE19" s="8"/>
      <c r="TVF19" s="8"/>
      <c r="TVG19" s="8"/>
      <c r="TVH19" s="8"/>
      <c r="TVI19" s="8"/>
      <c r="TVJ19" s="8"/>
      <c r="TVK19" s="8"/>
      <c r="TVL19" s="8"/>
      <c r="TVM19" s="8"/>
      <c r="TVN19" s="8"/>
      <c r="TVO19" s="8"/>
      <c r="TVP19" s="8"/>
      <c r="TVQ19" s="8"/>
      <c r="TVR19" s="8"/>
      <c r="TVS19" s="8"/>
      <c r="TVT19" s="8"/>
      <c r="TVU19" s="8"/>
      <c r="TVV19" s="8"/>
      <c r="TVW19" s="8"/>
      <c r="TVX19" s="8"/>
      <c r="TVY19" s="8"/>
      <c r="TVZ19" s="8"/>
      <c r="TWA19" s="8"/>
      <c r="TWB19" s="8"/>
      <c r="TWC19" s="8"/>
      <c r="TWD19" s="8"/>
      <c r="TWE19" s="8"/>
      <c r="TWF19" s="8"/>
      <c r="TWG19" s="8"/>
      <c r="TWH19" s="8"/>
      <c r="TWI19" s="8"/>
      <c r="TWJ19" s="8"/>
      <c r="TWK19" s="8"/>
      <c r="TWL19" s="8"/>
      <c r="TWM19" s="8"/>
      <c r="TWN19" s="8"/>
      <c r="TWO19" s="8"/>
      <c r="TWP19" s="8"/>
      <c r="TWQ19" s="8"/>
      <c r="TWR19" s="8"/>
      <c r="TWS19" s="8"/>
      <c r="TWT19" s="8"/>
      <c r="TWU19" s="8"/>
      <c r="TWV19" s="8"/>
      <c r="TWW19" s="8"/>
      <c r="TWX19" s="8"/>
      <c r="TWY19" s="8"/>
      <c r="TWZ19" s="8"/>
      <c r="TXA19" s="8"/>
      <c r="TXB19" s="8"/>
      <c r="TXC19" s="8"/>
      <c r="TXD19" s="8"/>
      <c r="TXE19" s="8"/>
      <c r="TXF19" s="8"/>
      <c r="TXG19" s="8"/>
      <c r="TXH19" s="8"/>
      <c r="TXI19" s="8"/>
      <c r="TXJ19" s="8"/>
      <c r="TXK19" s="8"/>
      <c r="TXL19" s="8"/>
      <c r="TXM19" s="8"/>
      <c r="TXN19" s="8"/>
      <c r="TXO19" s="8"/>
      <c r="TXP19" s="8"/>
      <c r="TXQ19" s="8"/>
      <c r="TXR19" s="8"/>
      <c r="TXS19" s="8"/>
      <c r="TXT19" s="8"/>
      <c r="TXU19" s="8"/>
      <c r="TXV19" s="8"/>
      <c r="TXW19" s="8"/>
      <c r="TXX19" s="8"/>
      <c r="TXY19" s="8"/>
      <c r="TXZ19" s="8"/>
      <c r="TYA19" s="8"/>
      <c r="TYB19" s="8"/>
      <c r="TYC19" s="8"/>
      <c r="TYD19" s="8"/>
      <c r="TYE19" s="8"/>
      <c r="TYF19" s="8"/>
      <c r="TYG19" s="8"/>
      <c r="TYH19" s="8"/>
      <c r="TYI19" s="8"/>
      <c r="TYJ19" s="8"/>
      <c r="TYK19" s="8"/>
      <c r="TYL19" s="8"/>
      <c r="TYM19" s="8"/>
      <c r="TYN19" s="8"/>
      <c r="TYO19" s="8"/>
      <c r="TYP19" s="8"/>
      <c r="TYQ19" s="8"/>
      <c r="TYR19" s="8"/>
      <c r="TYS19" s="8"/>
      <c r="TYT19" s="8"/>
      <c r="TYU19" s="8"/>
      <c r="TYV19" s="8"/>
      <c r="TYW19" s="8"/>
      <c r="TYX19" s="8"/>
      <c r="TYY19" s="8"/>
      <c r="TYZ19" s="8"/>
      <c r="TZA19" s="8"/>
      <c r="TZB19" s="8"/>
      <c r="TZC19" s="8"/>
      <c r="TZD19" s="8"/>
      <c r="TZE19" s="8"/>
      <c r="TZF19" s="8"/>
      <c r="TZG19" s="8"/>
      <c r="TZH19" s="8"/>
      <c r="TZI19" s="8"/>
      <c r="TZJ19" s="8"/>
      <c r="TZK19" s="8"/>
      <c r="TZL19" s="8"/>
      <c r="TZM19" s="8"/>
      <c r="TZN19" s="8"/>
      <c r="TZO19" s="8"/>
      <c r="TZP19" s="8"/>
      <c r="TZQ19" s="8"/>
      <c r="TZR19" s="8"/>
      <c r="TZS19" s="8"/>
      <c r="TZT19" s="8"/>
      <c r="TZU19" s="8"/>
      <c r="TZV19" s="8"/>
      <c r="TZW19" s="8"/>
      <c r="TZX19" s="8"/>
      <c r="TZY19" s="8"/>
      <c r="TZZ19" s="8"/>
      <c r="UAA19" s="8"/>
      <c r="UAB19" s="8"/>
      <c r="UAC19" s="8"/>
      <c r="UAD19" s="8"/>
      <c r="UAE19" s="8"/>
      <c r="UAF19" s="8"/>
      <c r="UAG19" s="8"/>
      <c r="UAH19" s="8"/>
      <c r="UAI19" s="8"/>
      <c r="UAJ19" s="8"/>
      <c r="UAK19" s="8"/>
      <c r="UAL19" s="8"/>
      <c r="UAM19" s="8"/>
      <c r="UAN19" s="8"/>
      <c r="UAO19" s="8"/>
      <c r="UAP19" s="8"/>
      <c r="UAQ19" s="8"/>
      <c r="UAR19" s="8"/>
      <c r="UAS19" s="8"/>
      <c r="UAT19" s="8"/>
      <c r="UAU19" s="8"/>
      <c r="UAV19" s="8"/>
      <c r="UAW19" s="8"/>
      <c r="UAX19" s="8"/>
      <c r="UAY19" s="8"/>
      <c r="UAZ19" s="8"/>
      <c r="UBA19" s="8"/>
      <c r="UBB19" s="8"/>
      <c r="UBC19" s="8"/>
      <c r="UBD19" s="8"/>
      <c r="UBE19" s="8"/>
      <c r="UBF19" s="8"/>
      <c r="UBG19" s="8"/>
      <c r="UBH19" s="8"/>
      <c r="UBI19" s="8"/>
      <c r="UBJ19" s="8"/>
      <c r="UBK19" s="8"/>
      <c r="UBL19" s="8"/>
      <c r="UBM19" s="8"/>
      <c r="UBN19" s="8"/>
      <c r="UBO19" s="8"/>
      <c r="UBP19" s="8"/>
      <c r="UBQ19" s="8"/>
      <c r="UBR19" s="8"/>
      <c r="UBS19" s="8"/>
      <c r="UBT19" s="8"/>
      <c r="UBU19" s="8"/>
      <c r="UBV19" s="8"/>
      <c r="UBW19" s="8"/>
      <c r="UBX19" s="8"/>
      <c r="UBY19" s="8"/>
      <c r="UBZ19" s="8"/>
      <c r="UCA19" s="8"/>
      <c r="UCB19" s="8"/>
      <c r="UCC19" s="8"/>
      <c r="UCD19" s="8"/>
      <c r="UCE19" s="8"/>
      <c r="UCF19" s="8"/>
      <c r="UCG19" s="8"/>
      <c r="UCH19" s="8"/>
      <c r="UCI19" s="8"/>
      <c r="UCJ19" s="8"/>
      <c r="UCK19" s="8"/>
      <c r="UCL19" s="8"/>
      <c r="UCM19" s="8"/>
      <c r="UCN19" s="8"/>
      <c r="UCO19" s="8"/>
      <c r="UCP19" s="8"/>
      <c r="UCQ19" s="8"/>
      <c r="UCR19" s="8"/>
      <c r="UCS19" s="8"/>
      <c r="UCT19" s="8"/>
      <c r="UCU19" s="8"/>
      <c r="UCV19" s="8"/>
      <c r="UCW19" s="8"/>
      <c r="UCX19" s="8"/>
      <c r="UCY19" s="8"/>
      <c r="UCZ19" s="8"/>
      <c r="UDA19" s="8"/>
      <c r="UDB19" s="8"/>
      <c r="UDC19" s="8"/>
      <c r="UDD19" s="8"/>
      <c r="UDE19" s="8"/>
      <c r="UDF19" s="8"/>
      <c r="UDG19" s="8"/>
      <c r="UDH19" s="8"/>
      <c r="UDI19" s="8"/>
      <c r="UDJ19" s="8"/>
      <c r="UDK19" s="8"/>
      <c r="UDL19" s="8"/>
      <c r="UDM19" s="8"/>
      <c r="UDN19" s="8"/>
      <c r="UDO19" s="8"/>
      <c r="UDP19" s="8"/>
      <c r="UDQ19" s="8"/>
      <c r="UDR19" s="8"/>
      <c r="UDS19" s="8"/>
      <c r="UDT19" s="8"/>
      <c r="UDU19" s="8"/>
      <c r="UDV19" s="8"/>
      <c r="UDW19" s="8"/>
      <c r="UDX19" s="8"/>
      <c r="UDY19" s="8"/>
      <c r="UDZ19" s="8"/>
      <c r="UEA19" s="8"/>
      <c r="UEB19" s="8"/>
      <c r="UEC19" s="8"/>
      <c r="UED19" s="8"/>
      <c r="UEE19" s="8"/>
      <c r="UEF19" s="8"/>
      <c r="UEG19" s="8"/>
      <c r="UEH19" s="8"/>
      <c r="UEI19" s="8"/>
      <c r="UEJ19" s="8"/>
      <c r="UEK19" s="8"/>
      <c r="UEL19" s="8"/>
      <c r="UEM19" s="8"/>
      <c r="UEN19" s="8"/>
      <c r="UEO19" s="8"/>
      <c r="UEP19" s="8"/>
      <c r="UEQ19" s="8"/>
      <c r="UER19" s="8"/>
      <c r="UES19" s="8"/>
      <c r="UET19" s="8"/>
      <c r="UEU19" s="8"/>
      <c r="UEV19" s="8"/>
      <c r="UEW19" s="8"/>
      <c r="UEX19" s="8"/>
      <c r="UEY19" s="8"/>
      <c r="UEZ19" s="8"/>
      <c r="UFA19" s="8"/>
      <c r="UFB19" s="8"/>
      <c r="UFC19" s="8"/>
      <c r="UFD19" s="8"/>
      <c r="UFE19" s="8"/>
      <c r="UFF19" s="8"/>
      <c r="UFG19" s="8"/>
      <c r="UFH19" s="8"/>
      <c r="UFI19" s="8"/>
      <c r="UFJ19" s="8"/>
      <c r="UFK19" s="8"/>
      <c r="UFL19" s="8"/>
      <c r="UFM19" s="8"/>
      <c r="UFN19" s="8"/>
      <c r="UFO19" s="8"/>
      <c r="UFP19" s="8"/>
      <c r="UFQ19" s="8"/>
      <c r="UFR19" s="8"/>
      <c r="UFS19" s="8"/>
      <c r="UFT19" s="8"/>
      <c r="UFU19" s="8"/>
      <c r="UFV19" s="8"/>
      <c r="UFW19" s="8"/>
      <c r="UFX19" s="8"/>
      <c r="UFY19" s="8"/>
      <c r="UFZ19" s="8"/>
      <c r="UGA19" s="8"/>
      <c r="UGB19" s="8"/>
      <c r="UGC19" s="8"/>
      <c r="UGD19" s="8"/>
      <c r="UGE19" s="8"/>
      <c r="UGF19" s="8"/>
      <c r="UGG19" s="8"/>
      <c r="UGH19" s="8"/>
      <c r="UGI19" s="8"/>
      <c r="UGJ19" s="8"/>
      <c r="UGK19" s="8"/>
      <c r="UGL19" s="8"/>
      <c r="UGM19" s="8"/>
      <c r="UGN19" s="8"/>
      <c r="UGO19" s="8"/>
      <c r="UGP19" s="8"/>
      <c r="UGQ19" s="8"/>
      <c r="UGR19" s="8"/>
      <c r="UGS19" s="8"/>
      <c r="UGT19" s="8"/>
      <c r="UGU19" s="8"/>
      <c r="UGV19" s="8"/>
      <c r="UGW19" s="8"/>
      <c r="UGX19" s="8"/>
      <c r="UGY19" s="8"/>
      <c r="UGZ19" s="8"/>
      <c r="UHA19" s="8"/>
      <c r="UHB19" s="8"/>
      <c r="UHC19" s="8"/>
      <c r="UHD19" s="8"/>
      <c r="UHE19" s="8"/>
      <c r="UHF19" s="8"/>
      <c r="UHG19" s="8"/>
      <c r="UHH19" s="8"/>
      <c r="UHI19" s="8"/>
      <c r="UHJ19" s="8"/>
      <c r="UHK19" s="8"/>
      <c r="UHL19" s="8"/>
      <c r="UHM19" s="8"/>
      <c r="UHN19" s="8"/>
      <c r="UHO19" s="8"/>
      <c r="UHP19" s="8"/>
      <c r="UHQ19" s="8"/>
      <c r="UHR19" s="8"/>
      <c r="UHS19" s="8"/>
      <c r="UHT19" s="8"/>
      <c r="UHU19" s="8"/>
      <c r="UHV19" s="8"/>
      <c r="UHW19" s="8"/>
      <c r="UHX19" s="8"/>
      <c r="UHY19" s="8"/>
      <c r="UHZ19" s="8"/>
      <c r="UIA19" s="8"/>
      <c r="UIB19" s="8"/>
      <c r="UIC19" s="8"/>
      <c r="UID19" s="8"/>
      <c r="UIE19" s="8"/>
      <c r="UIF19" s="8"/>
      <c r="UIG19" s="8"/>
      <c r="UIH19" s="8"/>
      <c r="UII19" s="8"/>
      <c r="UIJ19" s="8"/>
      <c r="UIK19" s="8"/>
      <c r="UIL19" s="8"/>
      <c r="UIM19" s="8"/>
      <c r="UIN19" s="8"/>
      <c r="UIO19" s="8"/>
      <c r="UIP19" s="8"/>
      <c r="UIQ19" s="8"/>
      <c r="UIR19" s="8"/>
      <c r="UIS19" s="8"/>
      <c r="UIT19" s="8"/>
      <c r="UIU19" s="8"/>
      <c r="UIV19" s="8"/>
      <c r="UIW19" s="8"/>
      <c r="UIX19" s="8"/>
      <c r="UIY19" s="8"/>
      <c r="UIZ19" s="8"/>
      <c r="UJA19" s="8"/>
      <c r="UJB19" s="8"/>
      <c r="UJC19" s="8"/>
      <c r="UJD19" s="8"/>
      <c r="UJE19" s="8"/>
      <c r="UJF19" s="8"/>
      <c r="UJG19" s="8"/>
      <c r="UJH19" s="8"/>
      <c r="UJI19" s="8"/>
      <c r="UJJ19" s="8"/>
      <c r="UJK19" s="8"/>
      <c r="UJL19" s="8"/>
      <c r="UJM19" s="8"/>
      <c r="UJN19" s="8"/>
      <c r="UJO19" s="8"/>
      <c r="UJP19" s="8"/>
      <c r="UJQ19" s="8"/>
      <c r="UJR19" s="8"/>
      <c r="UJS19" s="8"/>
      <c r="UJT19" s="8"/>
      <c r="UJU19" s="8"/>
      <c r="UJV19" s="8"/>
      <c r="UJW19" s="8"/>
      <c r="UJX19" s="8"/>
      <c r="UJY19" s="8"/>
      <c r="UJZ19" s="8"/>
      <c r="UKA19" s="8"/>
      <c r="UKB19" s="8"/>
      <c r="UKC19" s="8"/>
      <c r="UKD19" s="8"/>
      <c r="UKE19" s="8"/>
      <c r="UKF19" s="8"/>
      <c r="UKG19" s="8"/>
      <c r="UKH19" s="8"/>
      <c r="UKI19" s="8"/>
      <c r="UKJ19" s="8"/>
      <c r="UKK19" s="8"/>
      <c r="UKL19" s="8"/>
      <c r="UKM19" s="8"/>
      <c r="UKN19" s="8"/>
      <c r="UKO19" s="8"/>
      <c r="UKP19" s="8"/>
      <c r="UKQ19" s="8"/>
      <c r="UKR19" s="8"/>
      <c r="UKS19" s="8"/>
      <c r="UKT19" s="8"/>
      <c r="UKU19" s="8"/>
      <c r="UKV19" s="8"/>
      <c r="UKW19" s="8"/>
      <c r="UKX19" s="8"/>
      <c r="UKY19" s="8"/>
      <c r="UKZ19" s="8"/>
      <c r="ULA19" s="8"/>
      <c r="ULB19" s="8"/>
      <c r="ULC19" s="8"/>
      <c r="ULD19" s="8"/>
      <c r="ULE19" s="8"/>
      <c r="ULF19" s="8"/>
      <c r="ULG19" s="8"/>
      <c r="ULH19" s="8"/>
      <c r="ULI19" s="8"/>
      <c r="ULJ19" s="8"/>
      <c r="ULK19" s="8"/>
      <c r="ULL19" s="8"/>
      <c r="ULM19" s="8"/>
      <c r="ULN19" s="8"/>
      <c r="ULO19" s="8"/>
      <c r="ULP19" s="8"/>
      <c r="ULQ19" s="8"/>
      <c r="ULR19" s="8"/>
      <c r="ULS19" s="8"/>
      <c r="ULT19" s="8"/>
      <c r="ULU19" s="8"/>
      <c r="ULV19" s="8"/>
      <c r="ULW19" s="8"/>
      <c r="ULX19" s="8"/>
      <c r="ULY19" s="8"/>
      <c r="ULZ19" s="8"/>
      <c r="UMA19" s="8"/>
      <c r="UMB19" s="8"/>
      <c r="UMC19" s="8"/>
      <c r="UMD19" s="8"/>
      <c r="UME19" s="8"/>
      <c r="UMF19" s="8"/>
      <c r="UMG19" s="8"/>
      <c r="UMH19" s="8"/>
      <c r="UMI19" s="8"/>
      <c r="UMJ19" s="8"/>
      <c r="UMK19" s="8"/>
      <c r="UML19" s="8"/>
      <c r="UMM19" s="8"/>
      <c r="UMN19" s="8"/>
      <c r="UMO19" s="8"/>
      <c r="UMP19" s="8"/>
      <c r="UMQ19" s="8"/>
      <c r="UMR19" s="8"/>
      <c r="UMS19" s="8"/>
      <c r="UMT19" s="8"/>
      <c r="UMU19" s="8"/>
      <c r="UMV19" s="8"/>
      <c r="UMW19" s="8"/>
      <c r="UMX19" s="8"/>
      <c r="UMY19" s="8"/>
      <c r="UMZ19" s="8"/>
      <c r="UNA19" s="8"/>
      <c r="UNB19" s="8"/>
      <c r="UNC19" s="8"/>
      <c r="UND19" s="8"/>
      <c r="UNE19" s="8"/>
      <c r="UNF19" s="8"/>
      <c r="UNG19" s="8"/>
      <c r="UNH19" s="8"/>
      <c r="UNI19" s="8"/>
      <c r="UNJ19" s="8"/>
      <c r="UNK19" s="8"/>
      <c r="UNL19" s="8"/>
      <c r="UNM19" s="8"/>
      <c r="UNN19" s="8"/>
      <c r="UNO19" s="8"/>
      <c r="UNP19" s="8"/>
      <c r="UNQ19" s="8"/>
      <c r="UNR19" s="8"/>
      <c r="UNS19" s="8"/>
      <c r="UNT19" s="8"/>
      <c r="UNU19" s="8"/>
      <c r="UNV19" s="8"/>
      <c r="UNW19" s="8"/>
      <c r="UNX19" s="8"/>
      <c r="UNY19" s="8"/>
      <c r="UNZ19" s="8"/>
      <c r="UOA19" s="8"/>
      <c r="UOB19" s="8"/>
      <c r="UOC19" s="8"/>
      <c r="UOD19" s="8"/>
      <c r="UOE19" s="8"/>
      <c r="UOF19" s="8"/>
      <c r="UOG19" s="8"/>
      <c r="UOH19" s="8"/>
      <c r="UOI19" s="8"/>
      <c r="UOJ19" s="8"/>
      <c r="UOK19" s="8"/>
      <c r="UOL19" s="8"/>
      <c r="UOM19" s="8"/>
      <c r="UON19" s="8"/>
      <c r="UOO19" s="8"/>
      <c r="UOP19" s="8"/>
      <c r="UOQ19" s="8"/>
      <c r="UOR19" s="8"/>
      <c r="UOS19" s="8"/>
      <c r="UOT19" s="8"/>
      <c r="UOU19" s="8"/>
      <c r="UOV19" s="8"/>
      <c r="UOW19" s="8"/>
      <c r="UOX19" s="8"/>
      <c r="UOY19" s="8"/>
      <c r="UOZ19" s="8"/>
      <c r="UPA19" s="8"/>
      <c r="UPB19" s="8"/>
      <c r="UPC19" s="8"/>
      <c r="UPD19" s="8"/>
      <c r="UPE19" s="8"/>
      <c r="UPF19" s="8"/>
      <c r="UPG19" s="8"/>
      <c r="UPH19" s="8"/>
      <c r="UPI19" s="8"/>
      <c r="UPJ19" s="8"/>
      <c r="UPK19" s="8"/>
      <c r="UPL19" s="8"/>
      <c r="UPM19" s="8"/>
      <c r="UPN19" s="8"/>
      <c r="UPO19" s="8"/>
      <c r="UPP19" s="8"/>
      <c r="UPQ19" s="8"/>
      <c r="UPR19" s="8"/>
      <c r="UPS19" s="8"/>
      <c r="UPT19" s="8"/>
      <c r="UPU19" s="8"/>
      <c r="UPV19" s="8"/>
      <c r="UPW19" s="8"/>
      <c r="UPX19" s="8"/>
      <c r="UPY19" s="8"/>
      <c r="UPZ19" s="8"/>
      <c r="UQA19" s="8"/>
      <c r="UQB19" s="8"/>
      <c r="UQC19" s="8"/>
      <c r="UQD19" s="8"/>
      <c r="UQE19" s="8"/>
      <c r="UQF19" s="8"/>
      <c r="UQG19" s="8"/>
      <c r="UQH19" s="8"/>
      <c r="UQI19" s="8"/>
      <c r="UQJ19" s="8"/>
      <c r="UQK19" s="8"/>
      <c r="UQL19" s="8"/>
      <c r="UQM19" s="8"/>
      <c r="UQN19" s="8"/>
      <c r="UQO19" s="8"/>
      <c r="UQP19" s="8"/>
      <c r="UQQ19" s="8"/>
      <c r="UQR19" s="8"/>
      <c r="UQS19" s="8"/>
      <c r="UQT19" s="8"/>
      <c r="UQU19" s="8"/>
      <c r="UQV19" s="8"/>
      <c r="UQW19" s="8"/>
      <c r="UQX19" s="8"/>
      <c r="UQY19" s="8"/>
      <c r="UQZ19" s="8"/>
      <c r="URA19" s="8"/>
      <c r="URB19" s="8"/>
      <c r="URC19" s="8"/>
      <c r="URD19" s="8"/>
      <c r="URE19" s="8"/>
      <c r="URF19" s="8"/>
      <c r="URG19" s="8"/>
      <c r="URH19" s="8"/>
      <c r="URI19" s="8"/>
      <c r="URJ19" s="8"/>
      <c r="URK19" s="8"/>
      <c r="URL19" s="8"/>
      <c r="URM19" s="8"/>
      <c r="URN19" s="8"/>
      <c r="URO19" s="8"/>
      <c r="URP19" s="8"/>
      <c r="URQ19" s="8"/>
      <c r="URR19" s="8"/>
      <c r="URS19" s="8"/>
      <c r="URT19" s="8"/>
      <c r="URU19" s="8"/>
      <c r="URV19" s="8"/>
      <c r="URW19" s="8"/>
      <c r="URX19" s="8"/>
      <c r="URY19" s="8"/>
      <c r="URZ19" s="8"/>
      <c r="USA19" s="8"/>
      <c r="USB19" s="8"/>
      <c r="USC19" s="8"/>
      <c r="USD19" s="8"/>
      <c r="USE19" s="8"/>
      <c r="USF19" s="8"/>
      <c r="USG19" s="8"/>
      <c r="USH19" s="8"/>
      <c r="USI19" s="8"/>
      <c r="USJ19" s="8"/>
      <c r="USK19" s="8"/>
      <c r="USL19" s="8"/>
      <c r="USM19" s="8"/>
      <c r="USN19" s="8"/>
      <c r="USO19" s="8"/>
      <c r="USP19" s="8"/>
      <c r="USQ19" s="8"/>
      <c r="USR19" s="8"/>
      <c r="USS19" s="8"/>
      <c r="UST19" s="8"/>
      <c r="USU19" s="8"/>
      <c r="USV19" s="8"/>
      <c r="USW19" s="8"/>
      <c r="USX19" s="8"/>
      <c r="USY19" s="8"/>
      <c r="USZ19" s="8"/>
      <c r="UTA19" s="8"/>
      <c r="UTB19" s="8"/>
      <c r="UTC19" s="8"/>
      <c r="UTD19" s="8"/>
      <c r="UTE19" s="8"/>
      <c r="UTF19" s="8"/>
      <c r="UTG19" s="8"/>
      <c r="UTH19" s="8"/>
      <c r="UTI19" s="8"/>
      <c r="UTJ19" s="8"/>
      <c r="UTK19" s="8"/>
      <c r="UTL19" s="8"/>
      <c r="UTM19" s="8"/>
      <c r="UTN19" s="8"/>
      <c r="UTO19" s="8"/>
      <c r="UTP19" s="8"/>
      <c r="UTQ19" s="8"/>
      <c r="UTR19" s="8"/>
      <c r="UTS19" s="8"/>
      <c r="UTT19" s="8"/>
      <c r="UTU19" s="8"/>
      <c r="UTV19" s="8"/>
      <c r="UTW19" s="8"/>
      <c r="UTX19" s="8"/>
      <c r="UTY19" s="8"/>
      <c r="UTZ19" s="8"/>
      <c r="UUA19" s="8"/>
      <c r="UUB19" s="8"/>
      <c r="UUC19" s="8"/>
      <c r="UUD19" s="8"/>
      <c r="UUE19" s="8"/>
      <c r="UUF19" s="8"/>
      <c r="UUG19" s="8"/>
      <c r="UUH19" s="8"/>
      <c r="UUI19" s="8"/>
      <c r="UUJ19" s="8"/>
      <c r="UUK19" s="8"/>
      <c r="UUL19" s="8"/>
      <c r="UUM19" s="8"/>
      <c r="UUN19" s="8"/>
      <c r="UUO19" s="8"/>
      <c r="UUP19" s="8"/>
      <c r="UUQ19" s="8"/>
      <c r="UUR19" s="8"/>
      <c r="UUS19" s="8"/>
      <c r="UUT19" s="8"/>
      <c r="UUU19" s="8"/>
      <c r="UUV19" s="8"/>
      <c r="UUW19" s="8"/>
      <c r="UUX19" s="8"/>
      <c r="UUY19" s="8"/>
      <c r="UUZ19" s="8"/>
      <c r="UVA19" s="8"/>
      <c r="UVB19" s="8"/>
      <c r="UVC19" s="8"/>
      <c r="UVD19" s="8"/>
      <c r="UVE19" s="8"/>
      <c r="UVF19" s="8"/>
      <c r="UVG19" s="8"/>
      <c r="UVH19" s="8"/>
      <c r="UVI19" s="8"/>
      <c r="UVJ19" s="8"/>
      <c r="UVK19" s="8"/>
      <c r="UVL19" s="8"/>
      <c r="UVM19" s="8"/>
      <c r="UVN19" s="8"/>
      <c r="UVO19" s="8"/>
      <c r="UVP19" s="8"/>
      <c r="UVQ19" s="8"/>
      <c r="UVR19" s="8"/>
      <c r="UVS19" s="8"/>
      <c r="UVT19" s="8"/>
      <c r="UVU19" s="8"/>
      <c r="UVV19" s="8"/>
      <c r="UVW19" s="8"/>
      <c r="UVX19" s="8"/>
      <c r="UVY19" s="8"/>
      <c r="UVZ19" s="8"/>
      <c r="UWA19" s="8"/>
      <c r="UWB19" s="8"/>
      <c r="UWC19" s="8"/>
      <c r="UWD19" s="8"/>
      <c r="UWE19" s="8"/>
      <c r="UWF19" s="8"/>
      <c r="UWG19" s="8"/>
      <c r="UWH19" s="8"/>
      <c r="UWI19" s="8"/>
      <c r="UWJ19" s="8"/>
      <c r="UWK19" s="8"/>
      <c r="UWL19" s="8"/>
      <c r="UWM19" s="8"/>
      <c r="UWN19" s="8"/>
      <c r="UWO19" s="8"/>
      <c r="UWP19" s="8"/>
      <c r="UWQ19" s="8"/>
      <c r="UWR19" s="8"/>
      <c r="UWS19" s="8"/>
      <c r="UWT19" s="8"/>
      <c r="UWU19" s="8"/>
      <c r="UWV19" s="8"/>
      <c r="UWW19" s="8"/>
      <c r="UWX19" s="8"/>
      <c r="UWY19" s="8"/>
      <c r="UWZ19" s="8"/>
      <c r="UXA19" s="8"/>
      <c r="UXB19" s="8"/>
      <c r="UXC19" s="8"/>
      <c r="UXD19" s="8"/>
      <c r="UXE19" s="8"/>
      <c r="UXF19" s="8"/>
      <c r="UXG19" s="8"/>
      <c r="UXH19" s="8"/>
      <c r="UXI19" s="8"/>
      <c r="UXJ19" s="8"/>
      <c r="UXK19" s="8"/>
      <c r="UXL19" s="8"/>
      <c r="UXM19" s="8"/>
      <c r="UXN19" s="8"/>
      <c r="UXO19" s="8"/>
      <c r="UXP19" s="8"/>
      <c r="UXQ19" s="8"/>
      <c r="UXR19" s="8"/>
      <c r="UXS19" s="8"/>
      <c r="UXT19" s="8"/>
      <c r="UXU19" s="8"/>
      <c r="UXV19" s="8"/>
      <c r="UXW19" s="8"/>
      <c r="UXX19" s="8"/>
      <c r="UXY19" s="8"/>
      <c r="UXZ19" s="8"/>
      <c r="UYA19" s="8"/>
      <c r="UYB19" s="8"/>
      <c r="UYC19" s="8"/>
      <c r="UYD19" s="8"/>
      <c r="UYE19" s="8"/>
      <c r="UYF19" s="8"/>
      <c r="UYG19" s="8"/>
      <c r="UYH19" s="8"/>
      <c r="UYI19" s="8"/>
      <c r="UYJ19" s="8"/>
      <c r="UYK19" s="8"/>
      <c r="UYL19" s="8"/>
      <c r="UYM19" s="8"/>
      <c r="UYN19" s="8"/>
      <c r="UYO19" s="8"/>
      <c r="UYP19" s="8"/>
      <c r="UYQ19" s="8"/>
      <c r="UYR19" s="8"/>
      <c r="UYS19" s="8"/>
      <c r="UYT19" s="8"/>
      <c r="UYU19" s="8"/>
      <c r="UYV19" s="8"/>
      <c r="UYW19" s="8"/>
      <c r="UYX19" s="8"/>
      <c r="UYY19" s="8"/>
      <c r="UYZ19" s="8"/>
      <c r="UZA19" s="8"/>
      <c r="UZB19" s="8"/>
      <c r="UZC19" s="8"/>
      <c r="UZD19" s="8"/>
      <c r="UZE19" s="8"/>
      <c r="UZF19" s="8"/>
      <c r="UZG19" s="8"/>
      <c r="UZH19" s="8"/>
      <c r="UZI19" s="8"/>
      <c r="UZJ19" s="8"/>
      <c r="UZK19" s="8"/>
      <c r="UZL19" s="8"/>
      <c r="UZM19" s="8"/>
      <c r="UZN19" s="8"/>
      <c r="UZO19" s="8"/>
      <c r="UZP19" s="8"/>
      <c r="UZQ19" s="8"/>
      <c r="UZR19" s="8"/>
      <c r="UZS19" s="8"/>
      <c r="UZT19" s="8"/>
      <c r="UZU19" s="8"/>
      <c r="UZV19" s="8"/>
      <c r="UZW19" s="8"/>
      <c r="UZX19" s="8"/>
      <c r="UZY19" s="8"/>
      <c r="UZZ19" s="8"/>
      <c r="VAA19" s="8"/>
      <c r="VAB19" s="8"/>
      <c r="VAC19" s="8"/>
      <c r="VAD19" s="8"/>
      <c r="VAE19" s="8"/>
      <c r="VAF19" s="8"/>
      <c r="VAG19" s="8"/>
      <c r="VAH19" s="8"/>
      <c r="VAI19" s="8"/>
      <c r="VAJ19" s="8"/>
      <c r="VAK19" s="8"/>
      <c r="VAL19" s="8"/>
      <c r="VAM19" s="8"/>
      <c r="VAN19" s="8"/>
      <c r="VAO19" s="8"/>
      <c r="VAP19" s="8"/>
      <c r="VAQ19" s="8"/>
      <c r="VAR19" s="8"/>
      <c r="VAS19" s="8"/>
      <c r="VAT19" s="8"/>
      <c r="VAU19" s="8"/>
      <c r="VAV19" s="8"/>
      <c r="VAW19" s="8"/>
      <c r="VAX19" s="8"/>
      <c r="VAY19" s="8"/>
      <c r="VAZ19" s="8"/>
      <c r="VBA19" s="8"/>
      <c r="VBB19" s="8"/>
      <c r="VBC19" s="8"/>
      <c r="VBD19" s="8"/>
      <c r="VBE19" s="8"/>
      <c r="VBF19" s="8"/>
      <c r="VBG19" s="8"/>
      <c r="VBH19" s="8"/>
      <c r="VBI19" s="8"/>
      <c r="VBJ19" s="8"/>
      <c r="VBK19" s="8"/>
      <c r="VBL19" s="8"/>
      <c r="VBM19" s="8"/>
      <c r="VBN19" s="8"/>
      <c r="VBO19" s="8"/>
      <c r="VBP19" s="8"/>
      <c r="VBQ19" s="8"/>
      <c r="VBR19" s="8"/>
      <c r="VBS19" s="8"/>
      <c r="VBT19" s="8"/>
      <c r="VBU19" s="8"/>
      <c r="VBV19" s="8"/>
      <c r="VBW19" s="8"/>
      <c r="VBX19" s="8"/>
      <c r="VBY19" s="8"/>
      <c r="VBZ19" s="8"/>
      <c r="VCA19" s="8"/>
      <c r="VCB19" s="8"/>
      <c r="VCC19" s="8"/>
      <c r="VCD19" s="8"/>
      <c r="VCE19" s="8"/>
      <c r="VCF19" s="8"/>
      <c r="VCG19" s="8"/>
      <c r="VCH19" s="8"/>
      <c r="VCI19" s="8"/>
      <c r="VCJ19" s="8"/>
      <c r="VCK19" s="8"/>
      <c r="VCL19" s="8"/>
      <c r="VCM19" s="8"/>
      <c r="VCN19" s="8"/>
      <c r="VCO19" s="8"/>
      <c r="VCP19" s="8"/>
      <c r="VCQ19" s="8"/>
      <c r="VCR19" s="8"/>
      <c r="VCS19" s="8"/>
      <c r="VCT19" s="8"/>
      <c r="VCU19" s="8"/>
      <c r="VCV19" s="8"/>
      <c r="VCW19" s="8"/>
      <c r="VCX19" s="8"/>
      <c r="VCY19" s="8"/>
      <c r="VCZ19" s="8"/>
      <c r="VDA19" s="8"/>
      <c r="VDB19" s="8"/>
      <c r="VDC19" s="8"/>
      <c r="VDD19" s="8"/>
      <c r="VDE19" s="8"/>
      <c r="VDF19" s="8"/>
      <c r="VDG19" s="8"/>
      <c r="VDH19" s="8"/>
      <c r="VDI19" s="8"/>
      <c r="VDJ19" s="8"/>
      <c r="VDK19" s="8"/>
      <c r="VDL19" s="8"/>
      <c r="VDM19" s="8"/>
      <c r="VDN19" s="8"/>
      <c r="VDO19" s="8"/>
      <c r="VDP19" s="8"/>
      <c r="VDQ19" s="8"/>
      <c r="VDR19" s="8"/>
      <c r="VDS19" s="8"/>
      <c r="VDT19" s="8"/>
      <c r="VDU19" s="8"/>
      <c r="VDV19" s="8"/>
      <c r="VDW19" s="8"/>
      <c r="VDX19" s="8"/>
      <c r="VDY19" s="8"/>
      <c r="VDZ19" s="8"/>
      <c r="VEA19" s="8"/>
      <c r="VEB19" s="8"/>
      <c r="VEC19" s="8"/>
      <c r="VED19" s="8"/>
      <c r="VEE19" s="8"/>
      <c r="VEF19" s="8"/>
      <c r="VEG19" s="8"/>
      <c r="VEH19" s="8"/>
      <c r="VEI19" s="8"/>
      <c r="VEJ19" s="8"/>
      <c r="VEK19" s="8"/>
      <c r="VEL19" s="8"/>
      <c r="VEM19" s="8"/>
      <c r="VEN19" s="8"/>
      <c r="VEO19" s="8"/>
      <c r="VEP19" s="8"/>
      <c r="VEQ19" s="8"/>
      <c r="VER19" s="8"/>
      <c r="VES19" s="8"/>
      <c r="VET19" s="8"/>
      <c r="VEU19" s="8"/>
      <c r="VEV19" s="8"/>
      <c r="VEW19" s="8"/>
      <c r="VEX19" s="8"/>
      <c r="VEY19" s="8"/>
      <c r="VEZ19" s="8"/>
      <c r="VFA19" s="8"/>
      <c r="VFB19" s="8"/>
      <c r="VFC19" s="8"/>
      <c r="VFD19" s="8"/>
      <c r="VFE19" s="8"/>
      <c r="VFF19" s="8"/>
      <c r="VFG19" s="8"/>
      <c r="VFH19" s="8"/>
      <c r="VFI19" s="8"/>
      <c r="VFJ19" s="8"/>
      <c r="VFK19" s="8"/>
      <c r="VFL19" s="8"/>
      <c r="VFM19" s="8"/>
      <c r="VFN19" s="8"/>
      <c r="VFO19" s="8"/>
      <c r="VFP19" s="8"/>
      <c r="VFQ19" s="8"/>
      <c r="VFR19" s="8"/>
      <c r="VFS19" s="8"/>
      <c r="VFT19" s="8"/>
      <c r="VFU19" s="8"/>
      <c r="VFV19" s="8"/>
      <c r="VFW19" s="8"/>
      <c r="VFX19" s="8"/>
      <c r="VFY19" s="8"/>
      <c r="VFZ19" s="8"/>
      <c r="VGA19" s="8"/>
      <c r="VGB19" s="8"/>
      <c r="VGC19" s="8"/>
      <c r="VGD19" s="8"/>
      <c r="VGE19" s="8"/>
      <c r="VGF19" s="8"/>
      <c r="VGG19" s="8"/>
      <c r="VGH19" s="8"/>
      <c r="VGI19" s="8"/>
      <c r="VGJ19" s="8"/>
      <c r="VGK19" s="8"/>
      <c r="VGL19" s="8"/>
      <c r="VGM19" s="8"/>
      <c r="VGN19" s="8"/>
      <c r="VGO19" s="8"/>
      <c r="VGP19" s="8"/>
      <c r="VGQ19" s="8"/>
      <c r="VGR19" s="8"/>
      <c r="VGS19" s="8"/>
      <c r="VGT19" s="8"/>
      <c r="VGU19" s="8"/>
      <c r="VGV19" s="8"/>
      <c r="VGW19" s="8"/>
      <c r="VGX19" s="8"/>
      <c r="VGY19" s="8"/>
      <c r="VGZ19" s="8"/>
      <c r="VHA19" s="8"/>
      <c r="VHB19" s="8"/>
      <c r="VHC19" s="8"/>
      <c r="VHD19" s="8"/>
      <c r="VHE19" s="8"/>
      <c r="VHF19" s="8"/>
      <c r="VHG19" s="8"/>
      <c r="VHH19" s="8"/>
      <c r="VHI19" s="8"/>
      <c r="VHJ19" s="8"/>
      <c r="VHK19" s="8"/>
      <c r="VHL19" s="8"/>
      <c r="VHM19" s="8"/>
      <c r="VHN19" s="8"/>
      <c r="VHO19" s="8"/>
      <c r="VHP19" s="8"/>
      <c r="VHQ19" s="8"/>
      <c r="VHR19" s="8"/>
      <c r="VHS19" s="8"/>
      <c r="VHT19" s="8"/>
      <c r="VHU19" s="8"/>
      <c r="VHV19" s="8"/>
      <c r="VHW19" s="8"/>
      <c r="VHX19" s="8"/>
      <c r="VHY19" s="8"/>
      <c r="VHZ19" s="8"/>
      <c r="VIA19" s="8"/>
      <c r="VIB19" s="8"/>
      <c r="VIC19" s="8"/>
      <c r="VID19" s="8"/>
      <c r="VIE19" s="8"/>
      <c r="VIF19" s="8"/>
      <c r="VIG19" s="8"/>
      <c r="VIH19" s="8"/>
      <c r="VII19" s="8"/>
      <c r="VIJ19" s="8"/>
      <c r="VIK19" s="8"/>
      <c r="VIL19" s="8"/>
      <c r="VIM19" s="8"/>
      <c r="VIN19" s="8"/>
      <c r="VIO19" s="8"/>
      <c r="VIP19" s="8"/>
      <c r="VIQ19" s="8"/>
      <c r="VIR19" s="8"/>
      <c r="VIS19" s="8"/>
      <c r="VIT19" s="8"/>
      <c r="VIU19" s="8"/>
      <c r="VIV19" s="8"/>
      <c r="VIW19" s="8"/>
      <c r="VIX19" s="8"/>
      <c r="VIY19" s="8"/>
      <c r="VIZ19" s="8"/>
      <c r="VJA19" s="8"/>
      <c r="VJB19" s="8"/>
      <c r="VJC19" s="8"/>
      <c r="VJD19" s="8"/>
      <c r="VJE19" s="8"/>
      <c r="VJF19" s="8"/>
      <c r="VJG19" s="8"/>
      <c r="VJH19" s="8"/>
      <c r="VJI19" s="8"/>
      <c r="VJJ19" s="8"/>
      <c r="VJK19" s="8"/>
      <c r="VJL19" s="8"/>
      <c r="VJM19" s="8"/>
      <c r="VJN19" s="8"/>
      <c r="VJO19" s="8"/>
      <c r="VJP19" s="8"/>
      <c r="VJQ19" s="8"/>
      <c r="VJR19" s="8"/>
      <c r="VJS19" s="8"/>
      <c r="VJT19" s="8"/>
      <c r="VJU19" s="8"/>
      <c r="VJV19" s="8"/>
      <c r="VJW19" s="8"/>
      <c r="VJX19" s="8"/>
      <c r="VJY19" s="8"/>
      <c r="VJZ19" s="8"/>
      <c r="VKA19" s="8"/>
      <c r="VKB19" s="8"/>
      <c r="VKC19" s="8"/>
      <c r="VKD19" s="8"/>
      <c r="VKE19" s="8"/>
      <c r="VKF19" s="8"/>
      <c r="VKG19" s="8"/>
      <c r="VKH19" s="8"/>
      <c r="VKI19" s="8"/>
      <c r="VKJ19" s="8"/>
      <c r="VKK19" s="8"/>
      <c r="VKL19" s="8"/>
      <c r="VKM19" s="8"/>
      <c r="VKN19" s="8"/>
      <c r="VKO19" s="8"/>
      <c r="VKP19" s="8"/>
      <c r="VKQ19" s="8"/>
      <c r="VKR19" s="8"/>
      <c r="VKS19" s="8"/>
      <c r="VKT19" s="8"/>
      <c r="VKU19" s="8"/>
      <c r="VKV19" s="8"/>
      <c r="VKW19" s="8"/>
      <c r="VKX19" s="8"/>
      <c r="VKY19" s="8"/>
      <c r="VKZ19" s="8"/>
      <c r="VLA19" s="8"/>
      <c r="VLB19" s="8"/>
      <c r="VLC19" s="8"/>
      <c r="VLD19" s="8"/>
      <c r="VLE19" s="8"/>
      <c r="VLF19" s="8"/>
      <c r="VLG19" s="8"/>
      <c r="VLH19" s="8"/>
      <c r="VLI19" s="8"/>
      <c r="VLJ19" s="8"/>
      <c r="VLK19" s="8"/>
      <c r="VLL19" s="8"/>
      <c r="VLM19" s="8"/>
      <c r="VLN19" s="8"/>
      <c r="VLO19" s="8"/>
      <c r="VLP19" s="8"/>
      <c r="VLQ19" s="8"/>
      <c r="VLR19" s="8"/>
      <c r="VLS19" s="8"/>
      <c r="VLT19" s="8"/>
      <c r="VLU19" s="8"/>
      <c r="VLV19" s="8"/>
      <c r="VLW19" s="8"/>
      <c r="VLX19" s="8"/>
      <c r="VLY19" s="8"/>
      <c r="VLZ19" s="8"/>
      <c r="VMA19" s="8"/>
      <c r="VMB19" s="8"/>
      <c r="VMC19" s="8"/>
      <c r="VMD19" s="8"/>
      <c r="VME19" s="8"/>
      <c r="VMF19" s="8"/>
      <c r="VMG19" s="8"/>
      <c r="VMH19" s="8"/>
      <c r="VMI19" s="8"/>
      <c r="VMJ19" s="8"/>
      <c r="VMK19" s="8"/>
      <c r="VML19" s="8"/>
      <c r="VMM19" s="8"/>
      <c r="VMN19" s="8"/>
      <c r="VMO19" s="8"/>
      <c r="VMP19" s="8"/>
      <c r="VMQ19" s="8"/>
      <c r="VMR19" s="8"/>
      <c r="VMS19" s="8"/>
      <c r="VMT19" s="8"/>
      <c r="VMU19" s="8"/>
      <c r="VMV19" s="8"/>
      <c r="VMW19" s="8"/>
      <c r="VMX19" s="8"/>
      <c r="VMY19" s="8"/>
      <c r="VMZ19" s="8"/>
      <c r="VNA19" s="8"/>
      <c r="VNB19" s="8"/>
      <c r="VNC19" s="8"/>
      <c r="VND19" s="8"/>
      <c r="VNE19" s="8"/>
      <c r="VNF19" s="8"/>
      <c r="VNG19" s="8"/>
      <c r="VNH19" s="8"/>
      <c r="VNI19" s="8"/>
      <c r="VNJ19" s="8"/>
      <c r="VNK19" s="8"/>
      <c r="VNL19" s="8"/>
      <c r="VNM19" s="8"/>
      <c r="VNN19" s="8"/>
      <c r="VNO19" s="8"/>
      <c r="VNP19" s="8"/>
      <c r="VNQ19" s="8"/>
      <c r="VNR19" s="8"/>
      <c r="VNS19" s="8"/>
      <c r="VNT19" s="8"/>
      <c r="VNU19" s="8"/>
      <c r="VNV19" s="8"/>
      <c r="VNW19" s="8"/>
      <c r="VNX19" s="8"/>
      <c r="VNY19" s="8"/>
      <c r="VNZ19" s="8"/>
      <c r="VOA19" s="8"/>
      <c r="VOB19" s="8"/>
      <c r="VOC19" s="8"/>
      <c r="VOD19" s="8"/>
      <c r="VOE19" s="8"/>
      <c r="VOF19" s="8"/>
      <c r="VOG19" s="8"/>
      <c r="VOH19" s="8"/>
      <c r="VOI19" s="8"/>
      <c r="VOJ19" s="8"/>
      <c r="VOK19" s="8"/>
      <c r="VOL19" s="8"/>
      <c r="VOM19" s="8"/>
      <c r="VON19" s="8"/>
      <c r="VOO19" s="8"/>
      <c r="VOP19" s="8"/>
      <c r="VOQ19" s="8"/>
      <c r="VOR19" s="8"/>
      <c r="VOS19" s="8"/>
      <c r="VOT19" s="8"/>
      <c r="VOU19" s="8"/>
      <c r="VOV19" s="8"/>
      <c r="VOW19" s="8"/>
      <c r="VOX19" s="8"/>
      <c r="VOY19" s="8"/>
      <c r="VOZ19" s="8"/>
      <c r="VPA19" s="8"/>
      <c r="VPB19" s="8"/>
      <c r="VPC19" s="8"/>
      <c r="VPD19" s="8"/>
      <c r="VPE19" s="8"/>
      <c r="VPF19" s="8"/>
      <c r="VPG19" s="8"/>
      <c r="VPH19" s="8"/>
      <c r="VPI19" s="8"/>
      <c r="VPJ19" s="8"/>
      <c r="VPK19" s="8"/>
      <c r="VPL19" s="8"/>
      <c r="VPM19" s="8"/>
      <c r="VPN19" s="8"/>
      <c r="VPO19" s="8"/>
      <c r="VPP19" s="8"/>
      <c r="VPQ19" s="8"/>
      <c r="VPR19" s="8"/>
      <c r="VPS19" s="8"/>
      <c r="VPT19" s="8"/>
      <c r="VPU19" s="8"/>
      <c r="VPV19" s="8"/>
      <c r="VPW19" s="8"/>
      <c r="VPX19" s="8"/>
      <c r="VPY19" s="8"/>
      <c r="VPZ19" s="8"/>
      <c r="VQA19" s="8"/>
      <c r="VQB19" s="8"/>
      <c r="VQC19" s="8"/>
      <c r="VQD19" s="8"/>
      <c r="VQE19" s="8"/>
      <c r="VQF19" s="8"/>
      <c r="VQG19" s="8"/>
      <c r="VQH19" s="8"/>
      <c r="VQI19" s="8"/>
      <c r="VQJ19" s="8"/>
      <c r="VQK19" s="8"/>
      <c r="VQL19" s="8"/>
      <c r="VQM19" s="8"/>
      <c r="VQN19" s="8"/>
      <c r="VQO19" s="8"/>
      <c r="VQP19" s="8"/>
      <c r="VQQ19" s="8"/>
      <c r="VQR19" s="8"/>
      <c r="VQS19" s="8"/>
      <c r="VQT19" s="8"/>
      <c r="VQU19" s="8"/>
      <c r="VQV19" s="8"/>
      <c r="VQW19" s="8"/>
      <c r="VQX19" s="8"/>
      <c r="VQY19" s="8"/>
      <c r="VQZ19" s="8"/>
      <c r="VRA19" s="8"/>
      <c r="VRB19" s="8"/>
      <c r="VRC19" s="8"/>
      <c r="VRD19" s="8"/>
      <c r="VRE19" s="8"/>
      <c r="VRF19" s="8"/>
      <c r="VRG19" s="8"/>
      <c r="VRH19" s="8"/>
      <c r="VRI19" s="8"/>
      <c r="VRJ19" s="8"/>
      <c r="VRK19" s="8"/>
      <c r="VRL19" s="8"/>
      <c r="VRM19" s="8"/>
      <c r="VRN19" s="8"/>
      <c r="VRO19" s="8"/>
      <c r="VRP19" s="8"/>
      <c r="VRQ19" s="8"/>
      <c r="VRR19" s="8"/>
      <c r="VRS19" s="8"/>
      <c r="VRT19" s="8"/>
      <c r="VRU19" s="8"/>
      <c r="VRV19" s="8"/>
      <c r="VRW19" s="8"/>
      <c r="VRX19" s="8"/>
      <c r="VRY19" s="8"/>
      <c r="VRZ19" s="8"/>
      <c r="VSA19" s="8"/>
      <c r="VSB19" s="8"/>
      <c r="VSC19" s="8"/>
      <c r="VSD19" s="8"/>
      <c r="VSE19" s="8"/>
      <c r="VSF19" s="8"/>
      <c r="VSG19" s="8"/>
      <c r="VSH19" s="8"/>
      <c r="VSI19" s="8"/>
      <c r="VSJ19" s="8"/>
      <c r="VSK19" s="8"/>
      <c r="VSL19" s="8"/>
      <c r="VSM19" s="8"/>
      <c r="VSN19" s="8"/>
      <c r="VSO19" s="8"/>
      <c r="VSP19" s="8"/>
      <c r="VSQ19" s="8"/>
      <c r="VSR19" s="8"/>
      <c r="VSS19" s="8"/>
      <c r="VST19" s="8"/>
      <c r="VSU19" s="8"/>
      <c r="VSV19" s="8"/>
      <c r="VSW19" s="8"/>
      <c r="VSX19" s="8"/>
      <c r="VSY19" s="8"/>
      <c r="VSZ19" s="8"/>
      <c r="VTA19" s="8"/>
      <c r="VTB19" s="8"/>
      <c r="VTC19" s="8"/>
      <c r="VTD19" s="8"/>
      <c r="VTE19" s="8"/>
      <c r="VTF19" s="8"/>
      <c r="VTG19" s="8"/>
      <c r="VTH19" s="8"/>
      <c r="VTI19" s="8"/>
      <c r="VTJ19" s="8"/>
      <c r="VTK19" s="8"/>
      <c r="VTL19" s="8"/>
      <c r="VTM19" s="8"/>
      <c r="VTN19" s="8"/>
      <c r="VTO19" s="8"/>
      <c r="VTP19" s="8"/>
      <c r="VTQ19" s="8"/>
      <c r="VTR19" s="8"/>
      <c r="VTS19" s="8"/>
      <c r="VTT19" s="8"/>
      <c r="VTU19" s="8"/>
      <c r="VTV19" s="8"/>
      <c r="VTW19" s="8"/>
      <c r="VTX19" s="8"/>
      <c r="VTY19" s="8"/>
      <c r="VTZ19" s="8"/>
      <c r="VUA19" s="8"/>
      <c r="VUB19" s="8"/>
      <c r="VUC19" s="8"/>
      <c r="VUD19" s="8"/>
      <c r="VUE19" s="8"/>
      <c r="VUF19" s="8"/>
      <c r="VUG19" s="8"/>
      <c r="VUH19" s="8"/>
      <c r="VUI19" s="8"/>
      <c r="VUJ19" s="8"/>
      <c r="VUK19" s="8"/>
      <c r="VUL19" s="8"/>
      <c r="VUM19" s="8"/>
      <c r="VUN19" s="8"/>
      <c r="VUO19" s="8"/>
      <c r="VUP19" s="8"/>
      <c r="VUQ19" s="8"/>
      <c r="VUR19" s="8"/>
      <c r="VUS19" s="8"/>
      <c r="VUT19" s="8"/>
      <c r="VUU19" s="8"/>
      <c r="VUV19" s="8"/>
      <c r="VUW19" s="8"/>
      <c r="VUX19" s="8"/>
      <c r="VUY19" s="8"/>
      <c r="VUZ19" s="8"/>
      <c r="VVA19" s="8"/>
      <c r="VVB19" s="8"/>
      <c r="VVC19" s="8"/>
      <c r="VVD19" s="8"/>
      <c r="VVE19" s="8"/>
      <c r="VVF19" s="8"/>
      <c r="VVG19" s="8"/>
      <c r="VVH19" s="8"/>
      <c r="VVI19" s="8"/>
      <c r="VVJ19" s="8"/>
      <c r="VVK19" s="8"/>
      <c r="VVL19" s="8"/>
      <c r="VVM19" s="8"/>
      <c r="VVN19" s="8"/>
      <c r="VVO19" s="8"/>
      <c r="VVP19" s="8"/>
      <c r="VVQ19" s="8"/>
      <c r="VVR19" s="8"/>
      <c r="VVS19" s="8"/>
      <c r="VVT19" s="8"/>
      <c r="VVU19" s="8"/>
      <c r="VVV19" s="8"/>
      <c r="VVW19" s="8"/>
      <c r="VVX19" s="8"/>
      <c r="VVY19" s="8"/>
      <c r="VVZ19" s="8"/>
      <c r="VWA19" s="8"/>
      <c r="VWB19" s="8"/>
      <c r="VWC19" s="8"/>
      <c r="VWD19" s="8"/>
      <c r="VWE19" s="8"/>
      <c r="VWF19" s="8"/>
      <c r="VWG19" s="8"/>
      <c r="VWH19" s="8"/>
      <c r="VWI19" s="8"/>
      <c r="VWJ19" s="8"/>
      <c r="VWK19" s="8"/>
      <c r="VWL19" s="8"/>
      <c r="VWM19" s="8"/>
      <c r="VWN19" s="8"/>
      <c r="VWO19" s="8"/>
      <c r="VWP19" s="8"/>
      <c r="VWQ19" s="8"/>
      <c r="VWR19" s="8"/>
      <c r="VWS19" s="8"/>
      <c r="VWT19" s="8"/>
      <c r="VWU19" s="8"/>
      <c r="VWV19" s="8"/>
      <c r="VWW19" s="8"/>
      <c r="VWX19" s="8"/>
      <c r="VWY19" s="8"/>
      <c r="VWZ19" s="8"/>
      <c r="VXA19" s="8"/>
      <c r="VXB19" s="8"/>
      <c r="VXC19" s="8"/>
      <c r="VXD19" s="8"/>
      <c r="VXE19" s="8"/>
      <c r="VXF19" s="8"/>
      <c r="VXG19" s="8"/>
      <c r="VXH19" s="8"/>
      <c r="VXI19" s="8"/>
      <c r="VXJ19" s="8"/>
      <c r="VXK19" s="8"/>
      <c r="VXL19" s="8"/>
      <c r="VXM19" s="8"/>
      <c r="VXN19" s="8"/>
      <c r="VXO19" s="8"/>
      <c r="VXP19" s="8"/>
      <c r="VXQ19" s="8"/>
      <c r="VXR19" s="8"/>
      <c r="VXS19" s="8"/>
      <c r="VXT19" s="8"/>
      <c r="VXU19" s="8"/>
      <c r="VXV19" s="8"/>
      <c r="VXW19" s="8"/>
      <c r="VXX19" s="8"/>
      <c r="VXY19" s="8"/>
      <c r="VXZ19" s="8"/>
      <c r="VYA19" s="8"/>
      <c r="VYB19" s="8"/>
      <c r="VYC19" s="8"/>
      <c r="VYD19" s="8"/>
      <c r="VYE19" s="8"/>
      <c r="VYF19" s="8"/>
      <c r="VYG19" s="8"/>
      <c r="VYH19" s="8"/>
      <c r="VYI19" s="8"/>
      <c r="VYJ19" s="8"/>
      <c r="VYK19" s="8"/>
      <c r="VYL19" s="8"/>
      <c r="VYM19" s="8"/>
      <c r="VYN19" s="8"/>
      <c r="VYO19" s="8"/>
      <c r="VYP19" s="8"/>
      <c r="VYQ19" s="8"/>
      <c r="VYR19" s="8"/>
      <c r="VYS19" s="8"/>
      <c r="VYT19" s="8"/>
      <c r="VYU19" s="8"/>
      <c r="VYV19" s="8"/>
      <c r="VYW19" s="8"/>
      <c r="VYX19" s="8"/>
      <c r="VYY19" s="8"/>
      <c r="VYZ19" s="8"/>
      <c r="VZA19" s="8"/>
      <c r="VZB19" s="8"/>
      <c r="VZC19" s="8"/>
      <c r="VZD19" s="8"/>
      <c r="VZE19" s="8"/>
      <c r="VZF19" s="8"/>
      <c r="VZG19" s="8"/>
      <c r="VZH19" s="8"/>
      <c r="VZI19" s="8"/>
      <c r="VZJ19" s="8"/>
      <c r="VZK19" s="8"/>
      <c r="VZL19" s="8"/>
      <c r="VZM19" s="8"/>
      <c r="VZN19" s="8"/>
      <c r="VZO19" s="8"/>
      <c r="VZP19" s="8"/>
      <c r="VZQ19" s="8"/>
      <c r="VZR19" s="8"/>
      <c r="VZS19" s="8"/>
      <c r="VZT19" s="8"/>
      <c r="VZU19" s="8"/>
      <c r="VZV19" s="8"/>
      <c r="VZW19" s="8"/>
      <c r="VZX19" s="8"/>
      <c r="VZY19" s="8"/>
      <c r="VZZ19" s="8"/>
      <c r="WAA19" s="8"/>
      <c r="WAB19" s="8"/>
      <c r="WAC19" s="8"/>
      <c r="WAD19" s="8"/>
      <c r="WAE19" s="8"/>
      <c r="WAF19" s="8"/>
      <c r="WAG19" s="8"/>
      <c r="WAH19" s="8"/>
      <c r="WAI19" s="8"/>
      <c r="WAJ19" s="8"/>
      <c r="WAK19" s="8"/>
      <c r="WAL19" s="8"/>
      <c r="WAM19" s="8"/>
      <c r="WAN19" s="8"/>
      <c r="WAO19" s="8"/>
      <c r="WAP19" s="8"/>
      <c r="WAQ19" s="8"/>
      <c r="WAR19" s="8"/>
      <c r="WAS19" s="8"/>
      <c r="WAT19" s="8"/>
      <c r="WAU19" s="8"/>
      <c r="WAV19" s="8"/>
      <c r="WAW19" s="8"/>
      <c r="WAX19" s="8"/>
      <c r="WAY19" s="8"/>
      <c r="WAZ19" s="8"/>
      <c r="WBA19" s="8"/>
      <c r="WBB19" s="8"/>
      <c r="WBC19" s="8"/>
      <c r="WBD19" s="8"/>
      <c r="WBE19" s="8"/>
      <c r="WBF19" s="8"/>
      <c r="WBG19" s="8"/>
      <c r="WBH19" s="8"/>
      <c r="WBI19" s="8"/>
      <c r="WBJ19" s="8"/>
      <c r="WBK19" s="8"/>
      <c r="WBL19" s="8"/>
      <c r="WBM19" s="8"/>
      <c r="WBN19" s="8"/>
      <c r="WBO19" s="8"/>
      <c r="WBP19" s="8"/>
      <c r="WBQ19" s="8"/>
      <c r="WBR19" s="8"/>
      <c r="WBS19" s="8"/>
      <c r="WBT19" s="8"/>
      <c r="WBU19" s="8"/>
      <c r="WBV19" s="8"/>
      <c r="WBW19" s="8"/>
      <c r="WBX19" s="8"/>
      <c r="WBY19" s="8"/>
      <c r="WBZ19" s="8"/>
      <c r="WCA19" s="8"/>
      <c r="WCB19" s="8"/>
      <c r="WCC19" s="8"/>
      <c r="WCD19" s="8"/>
      <c r="WCE19" s="8"/>
      <c r="WCF19" s="8"/>
      <c r="WCG19" s="8"/>
      <c r="WCH19" s="8"/>
      <c r="WCI19" s="8"/>
      <c r="WCJ19" s="8"/>
      <c r="WCK19" s="8"/>
      <c r="WCL19" s="8"/>
      <c r="WCM19" s="8"/>
      <c r="WCN19" s="8"/>
      <c r="WCO19" s="8"/>
      <c r="WCP19" s="8"/>
      <c r="WCQ19" s="8"/>
      <c r="WCR19" s="8"/>
      <c r="WCS19" s="8"/>
      <c r="WCT19" s="8"/>
      <c r="WCU19" s="8"/>
      <c r="WCV19" s="8"/>
      <c r="WCW19" s="8"/>
      <c r="WCX19" s="8"/>
      <c r="WCY19" s="8"/>
      <c r="WCZ19" s="8"/>
      <c r="WDA19" s="8"/>
      <c r="WDB19" s="8"/>
      <c r="WDC19" s="8"/>
      <c r="WDD19" s="8"/>
      <c r="WDE19" s="8"/>
      <c r="WDF19" s="8"/>
      <c r="WDG19" s="8"/>
      <c r="WDH19" s="8"/>
      <c r="WDI19" s="8"/>
      <c r="WDJ19" s="8"/>
      <c r="WDK19" s="8"/>
      <c r="WDL19" s="8"/>
      <c r="WDM19" s="8"/>
      <c r="WDN19" s="8"/>
      <c r="WDO19" s="8"/>
      <c r="WDP19" s="8"/>
      <c r="WDQ19" s="8"/>
      <c r="WDR19" s="8"/>
      <c r="WDS19" s="8"/>
      <c r="WDT19" s="8"/>
      <c r="WDU19" s="8"/>
      <c r="WDV19" s="8"/>
      <c r="WDW19" s="8"/>
      <c r="WDX19" s="8"/>
      <c r="WDY19" s="8"/>
      <c r="WDZ19" s="8"/>
      <c r="WEA19" s="8"/>
      <c r="WEB19" s="8"/>
      <c r="WEC19" s="8"/>
      <c r="WED19" s="8"/>
      <c r="WEE19" s="8"/>
      <c r="WEF19" s="8"/>
      <c r="WEG19" s="8"/>
      <c r="WEH19" s="8"/>
      <c r="WEI19" s="8"/>
      <c r="WEJ19" s="8"/>
      <c r="WEK19" s="8"/>
      <c r="WEL19" s="8"/>
      <c r="WEM19" s="8"/>
      <c r="WEN19" s="8"/>
      <c r="WEO19" s="8"/>
      <c r="WEP19" s="8"/>
      <c r="WEQ19" s="8"/>
      <c r="WER19" s="8"/>
      <c r="WES19" s="8"/>
      <c r="WET19" s="8"/>
      <c r="WEU19" s="8"/>
      <c r="WEV19" s="8"/>
      <c r="WEW19" s="8"/>
      <c r="WEX19" s="8"/>
      <c r="WEY19" s="8"/>
      <c r="WEZ19" s="8"/>
      <c r="WFA19" s="8"/>
      <c r="WFB19" s="8"/>
      <c r="WFC19" s="8"/>
      <c r="WFD19" s="8"/>
      <c r="WFE19" s="8"/>
      <c r="WFF19" s="8"/>
      <c r="WFG19" s="8"/>
      <c r="WFH19" s="8"/>
      <c r="WFI19" s="8"/>
      <c r="WFJ19" s="8"/>
      <c r="WFK19" s="8"/>
      <c r="WFL19" s="8"/>
      <c r="WFM19" s="8"/>
      <c r="WFN19" s="8"/>
      <c r="WFO19" s="8"/>
      <c r="WFP19" s="8"/>
      <c r="WFQ19" s="8"/>
      <c r="WFR19" s="8"/>
      <c r="WFS19" s="8"/>
      <c r="WFT19" s="8"/>
      <c r="WFU19" s="8"/>
      <c r="WFV19" s="8"/>
      <c r="WFW19" s="8"/>
      <c r="WFX19" s="8"/>
      <c r="WFY19" s="8"/>
      <c r="WFZ19" s="8"/>
      <c r="WGA19" s="8"/>
      <c r="WGB19" s="8"/>
      <c r="WGC19" s="8"/>
      <c r="WGD19" s="8"/>
      <c r="WGE19" s="8"/>
      <c r="WGF19" s="8"/>
      <c r="WGG19" s="8"/>
      <c r="WGH19" s="8"/>
      <c r="WGI19" s="8"/>
      <c r="WGJ19" s="8"/>
      <c r="WGK19" s="8"/>
      <c r="WGL19" s="8"/>
      <c r="WGM19" s="8"/>
      <c r="WGN19" s="8"/>
      <c r="WGO19" s="8"/>
      <c r="WGP19" s="8"/>
      <c r="WGQ19" s="8"/>
      <c r="WGR19" s="8"/>
      <c r="WGS19" s="8"/>
      <c r="WGT19" s="8"/>
      <c r="WGU19" s="8"/>
      <c r="WGV19" s="8"/>
      <c r="WGW19" s="8"/>
      <c r="WGX19" s="8"/>
      <c r="WGY19" s="8"/>
      <c r="WGZ19" s="8"/>
      <c r="WHA19" s="8"/>
      <c r="WHB19" s="8"/>
      <c r="WHC19" s="8"/>
      <c r="WHD19" s="8"/>
      <c r="WHE19" s="8"/>
      <c r="WHF19" s="8"/>
      <c r="WHG19" s="8"/>
      <c r="WHH19" s="8"/>
      <c r="WHI19" s="8"/>
      <c r="WHJ19" s="8"/>
      <c r="WHK19" s="8"/>
      <c r="WHL19" s="8"/>
      <c r="WHM19" s="8"/>
      <c r="WHN19" s="8"/>
      <c r="WHO19" s="8"/>
      <c r="WHP19" s="8"/>
      <c r="WHQ19" s="8"/>
      <c r="WHR19" s="8"/>
      <c r="WHS19" s="8"/>
      <c r="WHT19" s="8"/>
      <c r="WHU19" s="8"/>
      <c r="WHV19" s="8"/>
      <c r="WHW19" s="8"/>
      <c r="WHX19" s="8"/>
      <c r="WHY19" s="8"/>
      <c r="WHZ19" s="8"/>
      <c r="WIA19" s="8"/>
      <c r="WIB19" s="8"/>
      <c r="WIC19" s="8"/>
      <c r="WID19" s="8"/>
      <c r="WIE19" s="8"/>
      <c r="WIF19" s="8"/>
      <c r="WIG19" s="8"/>
      <c r="WIH19" s="8"/>
      <c r="WII19" s="8"/>
      <c r="WIJ19" s="8"/>
      <c r="WIK19" s="8"/>
      <c r="WIL19" s="8"/>
      <c r="WIM19" s="8"/>
      <c r="WIN19" s="8"/>
      <c r="WIO19" s="8"/>
      <c r="WIP19" s="8"/>
      <c r="WIQ19" s="8"/>
      <c r="WIR19" s="8"/>
      <c r="WIS19" s="8"/>
      <c r="WIT19" s="8"/>
      <c r="WIU19" s="8"/>
      <c r="WIV19" s="8"/>
      <c r="WIW19" s="8"/>
      <c r="WIX19" s="8"/>
      <c r="WIY19" s="8"/>
      <c r="WIZ19" s="8"/>
      <c r="WJA19" s="8"/>
      <c r="WJB19" s="8"/>
      <c r="WJC19" s="8"/>
      <c r="WJD19" s="8"/>
      <c r="WJE19" s="8"/>
      <c r="WJF19" s="8"/>
      <c r="WJG19" s="8"/>
      <c r="WJH19" s="8"/>
      <c r="WJI19" s="8"/>
      <c r="WJJ19" s="8"/>
      <c r="WJK19" s="8"/>
      <c r="WJL19" s="8"/>
      <c r="WJM19" s="8"/>
      <c r="WJN19" s="8"/>
      <c r="WJO19" s="8"/>
      <c r="WJP19" s="8"/>
      <c r="WJQ19" s="8"/>
      <c r="WJR19" s="8"/>
      <c r="WJS19" s="8"/>
      <c r="WJT19" s="8"/>
      <c r="WJU19" s="8"/>
      <c r="WJV19" s="8"/>
      <c r="WJW19" s="8"/>
      <c r="WJX19" s="8"/>
      <c r="WJY19" s="8"/>
      <c r="WJZ19" s="8"/>
      <c r="WKA19" s="8"/>
      <c r="WKB19" s="8"/>
      <c r="WKC19" s="8"/>
      <c r="WKD19" s="8"/>
      <c r="WKE19" s="8"/>
      <c r="WKF19" s="8"/>
      <c r="WKG19" s="8"/>
      <c r="WKH19" s="8"/>
      <c r="WKI19" s="8"/>
      <c r="WKJ19" s="8"/>
      <c r="WKK19" s="8"/>
      <c r="WKL19" s="8"/>
      <c r="WKM19" s="8"/>
      <c r="WKN19" s="8"/>
      <c r="WKO19" s="8"/>
      <c r="WKP19" s="8"/>
      <c r="WKQ19" s="8"/>
      <c r="WKR19" s="8"/>
      <c r="WKS19" s="8"/>
      <c r="WKT19" s="8"/>
      <c r="WKU19" s="8"/>
      <c r="WKV19" s="8"/>
      <c r="WKW19" s="8"/>
      <c r="WKX19" s="8"/>
      <c r="WKY19" s="8"/>
      <c r="WKZ19" s="8"/>
      <c r="WLA19" s="8"/>
      <c r="WLB19" s="8"/>
      <c r="WLC19" s="8"/>
      <c r="WLD19" s="8"/>
      <c r="WLE19" s="8"/>
      <c r="WLF19" s="8"/>
      <c r="WLG19" s="8"/>
      <c r="WLH19" s="8"/>
      <c r="WLI19" s="8"/>
      <c r="WLJ19" s="8"/>
      <c r="WLK19" s="8"/>
      <c r="WLL19" s="8"/>
      <c r="WLM19" s="8"/>
      <c r="WLN19" s="8"/>
      <c r="WLO19" s="8"/>
      <c r="WLP19" s="8"/>
      <c r="WLQ19" s="8"/>
      <c r="WLR19" s="8"/>
      <c r="WLS19" s="8"/>
      <c r="WLT19" s="8"/>
      <c r="WLU19" s="8"/>
      <c r="WLV19" s="8"/>
      <c r="WLW19" s="8"/>
      <c r="WLX19" s="8"/>
      <c r="WLY19" s="8"/>
      <c r="WLZ19" s="8"/>
      <c r="WMA19" s="8"/>
      <c r="WMB19" s="8"/>
      <c r="WMC19" s="8"/>
      <c r="WMD19" s="8"/>
      <c r="WME19" s="8"/>
      <c r="WMF19" s="8"/>
      <c r="WMG19" s="8"/>
      <c r="WMH19" s="8"/>
      <c r="WMI19" s="8"/>
      <c r="WMJ19" s="8"/>
      <c r="WMK19" s="8"/>
      <c r="WML19" s="8"/>
      <c r="WMM19" s="8"/>
      <c r="WMN19" s="8"/>
      <c r="WMO19" s="8"/>
      <c r="WMP19" s="8"/>
      <c r="WMQ19" s="8"/>
      <c r="WMR19" s="8"/>
      <c r="WMS19" s="8"/>
      <c r="WMT19" s="8"/>
      <c r="WMU19" s="8"/>
      <c r="WMV19" s="8"/>
      <c r="WMW19" s="8"/>
      <c r="WMX19" s="8"/>
      <c r="WMY19" s="8"/>
      <c r="WMZ19" s="8"/>
      <c r="WNA19" s="8"/>
      <c r="WNB19" s="8"/>
      <c r="WNC19" s="8"/>
      <c r="WND19" s="8"/>
      <c r="WNE19" s="8"/>
      <c r="WNF19" s="8"/>
      <c r="WNG19" s="8"/>
      <c r="WNH19" s="8"/>
      <c r="WNI19" s="8"/>
      <c r="WNJ19" s="8"/>
      <c r="WNK19" s="8"/>
      <c r="WNL19" s="8"/>
      <c r="WNM19" s="8"/>
      <c r="WNN19" s="8"/>
      <c r="WNO19" s="8"/>
      <c r="WNP19" s="8"/>
      <c r="WNQ19" s="8"/>
      <c r="WNR19" s="8"/>
      <c r="WNS19" s="8"/>
      <c r="WNT19" s="8"/>
      <c r="WNU19" s="8"/>
      <c r="WNV19" s="8"/>
      <c r="WNW19" s="8"/>
      <c r="WNX19" s="8"/>
      <c r="WNY19" s="8"/>
      <c r="WNZ19" s="8"/>
      <c r="WOA19" s="8"/>
      <c r="WOB19" s="8"/>
      <c r="WOC19" s="8"/>
      <c r="WOD19" s="8"/>
      <c r="WOE19" s="8"/>
      <c r="WOF19" s="8"/>
      <c r="WOG19" s="8"/>
      <c r="WOH19" s="8"/>
      <c r="WOI19" s="8"/>
      <c r="WOJ19" s="8"/>
      <c r="WOK19" s="8"/>
      <c r="WOL19" s="8"/>
      <c r="WOM19" s="8"/>
      <c r="WON19" s="8"/>
      <c r="WOO19" s="8"/>
      <c r="WOP19" s="8"/>
      <c r="WOQ19" s="8"/>
      <c r="WOR19" s="8"/>
      <c r="WOS19" s="8"/>
      <c r="WOT19" s="8"/>
      <c r="WOU19" s="8"/>
      <c r="WOV19" s="8"/>
      <c r="WOW19" s="8"/>
      <c r="WOX19" s="8"/>
      <c r="WOY19" s="8"/>
      <c r="WOZ19" s="8"/>
      <c r="WPA19" s="8"/>
      <c r="WPB19" s="8"/>
      <c r="WPC19" s="8"/>
      <c r="WPD19" s="8"/>
      <c r="WPE19" s="8"/>
      <c r="WPF19" s="8"/>
      <c r="WPG19" s="8"/>
      <c r="WPH19" s="8"/>
      <c r="WPI19" s="8"/>
      <c r="WPJ19" s="8"/>
      <c r="WPK19" s="8"/>
      <c r="WPL19" s="8"/>
      <c r="WPM19" s="8"/>
      <c r="WPN19" s="8"/>
      <c r="WPO19" s="8"/>
      <c r="WPP19" s="8"/>
      <c r="WPQ19" s="8"/>
      <c r="WPR19" s="8"/>
      <c r="WPS19" s="8"/>
      <c r="WPT19" s="8"/>
      <c r="WPU19" s="8"/>
      <c r="WPV19" s="8"/>
      <c r="WPW19" s="8"/>
      <c r="WPX19" s="8"/>
      <c r="WPY19" s="8"/>
      <c r="WPZ19" s="8"/>
      <c r="WQA19" s="8"/>
      <c r="WQB19" s="8"/>
      <c r="WQC19" s="8"/>
      <c r="WQD19" s="8"/>
      <c r="WQE19" s="8"/>
      <c r="WQF19" s="8"/>
      <c r="WQG19" s="8"/>
      <c r="WQH19" s="8"/>
      <c r="WQI19" s="8"/>
      <c r="WQJ19" s="8"/>
      <c r="WQK19" s="8"/>
      <c r="WQL19" s="8"/>
      <c r="WQM19" s="8"/>
      <c r="WQN19" s="8"/>
      <c r="WQO19" s="8"/>
      <c r="WQP19" s="8"/>
      <c r="WQQ19" s="8"/>
      <c r="WQR19" s="8"/>
      <c r="WQS19" s="8"/>
      <c r="WQT19" s="8"/>
      <c r="WQU19" s="8"/>
      <c r="WQV19" s="8"/>
      <c r="WQW19" s="8"/>
      <c r="WQX19" s="8"/>
      <c r="WQY19" s="8"/>
      <c r="WQZ19" s="8"/>
      <c r="WRA19" s="8"/>
      <c r="WRB19" s="8"/>
      <c r="WRC19" s="8"/>
      <c r="WRD19" s="8"/>
      <c r="WRE19" s="8"/>
      <c r="WRF19" s="8"/>
      <c r="WRG19" s="8"/>
      <c r="WRH19" s="8"/>
      <c r="WRI19" s="8"/>
      <c r="WRJ19" s="8"/>
      <c r="WRK19" s="8"/>
      <c r="WRL19" s="8"/>
      <c r="WRM19" s="8"/>
      <c r="WRN19" s="8"/>
      <c r="WRO19" s="8"/>
      <c r="WRP19" s="8"/>
      <c r="WRQ19" s="8"/>
      <c r="WRR19" s="8"/>
      <c r="WRS19" s="8"/>
      <c r="WRT19" s="8"/>
      <c r="WRU19" s="8"/>
      <c r="WRV19" s="8"/>
      <c r="WRW19" s="8"/>
      <c r="WRX19" s="8"/>
      <c r="WRY19" s="8"/>
      <c r="WRZ19" s="8"/>
      <c r="WSA19" s="8"/>
      <c r="WSB19" s="8"/>
      <c r="WSC19" s="8"/>
      <c r="WSD19" s="8"/>
      <c r="WSE19" s="8"/>
      <c r="WSF19" s="8"/>
      <c r="WSG19" s="8"/>
      <c r="WSH19" s="8"/>
      <c r="WSI19" s="8"/>
      <c r="WSJ19" s="8"/>
      <c r="WSK19" s="8"/>
      <c r="WSL19" s="8"/>
      <c r="WSM19" s="8"/>
      <c r="WSN19" s="8"/>
      <c r="WSO19" s="8"/>
      <c r="WSP19" s="8"/>
      <c r="WSQ19" s="8"/>
      <c r="WSR19" s="8"/>
      <c r="WSS19" s="8"/>
      <c r="WST19" s="8"/>
      <c r="WSU19" s="8"/>
      <c r="WSV19" s="8"/>
      <c r="WSW19" s="8"/>
      <c r="WSX19" s="8"/>
      <c r="WSY19" s="8"/>
      <c r="WSZ19" s="8"/>
      <c r="WTA19" s="8"/>
      <c r="WTB19" s="8"/>
      <c r="WTC19" s="8"/>
      <c r="WTD19" s="8"/>
      <c r="WTE19" s="8"/>
      <c r="WTF19" s="8"/>
      <c r="WTG19" s="8"/>
      <c r="WTH19" s="8"/>
      <c r="WTI19" s="8"/>
      <c r="WTJ19" s="8"/>
      <c r="WTK19" s="8"/>
      <c r="WTL19" s="8"/>
      <c r="WTM19" s="8"/>
      <c r="WTN19" s="8"/>
      <c r="WTO19" s="8"/>
      <c r="WTP19" s="8"/>
      <c r="WTQ19" s="8"/>
      <c r="WTR19" s="8"/>
      <c r="WTS19" s="8"/>
      <c r="WTT19" s="8"/>
      <c r="WTU19" s="8"/>
      <c r="WTV19" s="8"/>
      <c r="WTW19" s="8"/>
      <c r="WTX19" s="8"/>
      <c r="WTY19" s="8"/>
      <c r="WTZ19" s="8"/>
      <c r="WUA19" s="8"/>
      <c r="WUB19" s="8"/>
      <c r="WUC19" s="8"/>
      <c r="WUD19" s="8"/>
      <c r="WUE19" s="8"/>
      <c r="WUF19" s="8"/>
      <c r="WUG19" s="8"/>
      <c r="WUH19" s="8"/>
      <c r="WUI19" s="8"/>
      <c r="WUJ19" s="8"/>
      <c r="WUK19" s="8"/>
      <c r="WUL19" s="8"/>
      <c r="WUM19" s="8"/>
      <c r="WUN19" s="8"/>
      <c r="WUO19" s="8"/>
      <c r="WUP19" s="8"/>
      <c r="WUQ19" s="8"/>
      <c r="WUR19" s="8"/>
      <c r="WUS19" s="8"/>
      <c r="WUT19" s="8"/>
      <c r="WUU19" s="8"/>
      <c r="WUV19" s="8"/>
      <c r="WUW19" s="8"/>
      <c r="WUX19" s="8"/>
      <c r="WUY19" s="8"/>
      <c r="WUZ19" s="8"/>
      <c r="WVA19" s="8"/>
      <c r="WVB19" s="8"/>
      <c r="WVC19" s="8"/>
      <c r="WVD19" s="8"/>
      <c r="WVE19" s="8"/>
      <c r="WVF19" s="8"/>
      <c r="WVG19" s="8"/>
      <c r="WVH19" s="8"/>
      <c r="WVI19" s="8"/>
      <c r="WVJ19" s="8"/>
      <c r="WVK19" s="8"/>
      <c r="WVL19" s="8"/>
      <c r="WVM19" s="8"/>
      <c r="WVN19" s="8"/>
      <c r="WVO19" s="8"/>
      <c r="WVP19" s="8"/>
      <c r="WVQ19" s="8"/>
      <c r="WVR19" s="8"/>
      <c r="WVS19" s="8"/>
      <c r="WVT19" s="8"/>
      <c r="WVU19" s="8"/>
      <c r="WVV19" s="8"/>
      <c r="WVW19" s="8"/>
      <c r="WVX19" s="8"/>
      <c r="WVY19" s="8"/>
      <c r="WVZ19" s="8"/>
      <c r="WWA19" s="8"/>
      <c r="WWB19" s="8"/>
      <c r="WWC19" s="8"/>
      <c r="WWD19" s="8"/>
      <c r="WWE19" s="8"/>
      <c r="WWF19" s="8"/>
      <c r="WWG19" s="8"/>
      <c r="WWH19" s="8"/>
      <c r="WWI19" s="8"/>
      <c r="WWJ19" s="8"/>
      <c r="WWK19" s="8"/>
      <c r="WWL19" s="8"/>
      <c r="WWM19" s="8"/>
      <c r="WWN19" s="8"/>
      <c r="WWO19" s="8"/>
      <c r="WWP19" s="8"/>
      <c r="WWQ19" s="8"/>
      <c r="WWR19" s="8"/>
      <c r="WWS19" s="8"/>
      <c r="WWT19" s="8"/>
      <c r="WWU19" s="8"/>
      <c r="WWV19" s="8"/>
      <c r="WWW19" s="8"/>
      <c r="WWX19" s="8"/>
      <c r="WWY19" s="8"/>
      <c r="WWZ19" s="8"/>
      <c r="WXA19" s="8"/>
      <c r="WXB19" s="8"/>
      <c r="WXC19" s="8"/>
      <c r="WXD19" s="8"/>
      <c r="WXE19" s="8"/>
      <c r="WXF19" s="8"/>
      <c r="WXG19" s="8"/>
      <c r="WXH19" s="8"/>
      <c r="WXI19" s="8"/>
      <c r="WXJ19" s="8"/>
      <c r="WXK19" s="8"/>
      <c r="WXL19" s="8"/>
      <c r="WXM19" s="8"/>
      <c r="WXN19" s="8"/>
      <c r="WXO19" s="8"/>
      <c r="WXP19" s="8"/>
      <c r="WXQ19" s="8"/>
      <c r="WXR19" s="8"/>
      <c r="WXS19" s="8"/>
      <c r="WXT19" s="8"/>
      <c r="WXU19" s="8"/>
      <c r="WXV19" s="8"/>
      <c r="WXW19" s="8"/>
      <c r="WXX19" s="8"/>
      <c r="WXY19" s="8"/>
      <c r="WXZ19" s="8"/>
      <c r="WYA19" s="8"/>
      <c r="WYB19" s="8"/>
      <c r="WYC19" s="8"/>
      <c r="WYD19" s="8"/>
      <c r="WYE19" s="8"/>
      <c r="WYF19" s="8"/>
      <c r="WYG19" s="8"/>
      <c r="WYH19" s="8"/>
      <c r="WYI19" s="8"/>
      <c r="WYJ19" s="8"/>
      <c r="WYK19" s="8"/>
      <c r="WYL19" s="8"/>
      <c r="WYM19" s="8"/>
      <c r="WYN19" s="8"/>
      <c r="WYO19" s="8"/>
      <c r="WYP19" s="8"/>
      <c r="WYQ19" s="8"/>
      <c r="WYR19" s="8"/>
      <c r="WYS19" s="8"/>
      <c r="WYT19" s="8"/>
      <c r="WYU19" s="8"/>
      <c r="WYV19" s="8"/>
      <c r="WYW19" s="8"/>
      <c r="WYX19" s="8"/>
      <c r="WYY19" s="8"/>
      <c r="WYZ19" s="8"/>
      <c r="WZA19" s="8"/>
      <c r="WZB19" s="8"/>
      <c r="WZC19" s="8"/>
      <c r="WZD19" s="8"/>
      <c r="WZE19" s="8"/>
      <c r="WZF19" s="8"/>
      <c r="WZG19" s="8"/>
      <c r="WZH19" s="8"/>
      <c r="WZI19" s="8"/>
      <c r="WZJ19" s="8"/>
      <c r="WZK19" s="8"/>
      <c r="WZL19" s="8"/>
      <c r="WZM19" s="8"/>
      <c r="WZN19" s="8"/>
      <c r="WZO19" s="8"/>
      <c r="WZP19" s="8"/>
      <c r="WZQ19" s="8"/>
      <c r="WZR19" s="8"/>
      <c r="WZS19" s="8"/>
      <c r="WZT19" s="8"/>
      <c r="WZU19" s="8"/>
      <c r="WZV19" s="8"/>
      <c r="WZW19" s="8"/>
      <c r="WZX19" s="8"/>
      <c r="WZY19" s="8"/>
      <c r="WZZ19" s="8"/>
      <c r="XAA19" s="8"/>
      <c r="XAB19" s="8"/>
      <c r="XAC19" s="8"/>
      <c r="XAD19" s="8"/>
      <c r="XAE19" s="8"/>
      <c r="XAF19" s="8"/>
      <c r="XAG19" s="8"/>
      <c r="XAH19" s="8"/>
      <c r="XAI19" s="8"/>
      <c r="XAJ19" s="8"/>
      <c r="XAK19" s="8"/>
      <c r="XAL19" s="8"/>
      <c r="XAM19" s="8"/>
      <c r="XAN19" s="8"/>
      <c r="XAO19" s="8"/>
      <c r="XAP19" s="8"/>
      <c r="XAQ19" s="8"/>
      <c r="XAR19" s="8"/>
      <c r="XAS19" s="8"/>
      <c r="XAT19" s="8"/>
      <c r="XAU19" s="8"/>
      <c r="XAV19" s="8"/>
      <c r="XAW19" s="8"/>
      <c r="XAX19" s="8"/>
      <c r="XAY19" s="8"/>
      <c r="XAZ19" s="8"/>
      <c r="XBA19" s="8"/>
      <c r="XBB19" s="8"/>
      <c r="XBC19" s="8"/>
      <c r="XBD19" s="8"/>
      <c r="XBE19" s="8"/>
      <c r="XBF19" s="8"/>
      <c r="XBG19" s="8"/>
      <c r="XBH19" s="8"/>
      <c r="XBI19" s="8"/>
      <c r="XBJ19" s="8"/>
      <c r="XBK19" s="8"/>
      <c r="XBL19" s="8"/>
      <c r="XBM19" s="8"/>
      <c r="XBN19" s="8"/>
      <c r="XBO19" s="8"/>
      <c r="XBP19" s="8"/>
      <c r="XBQ19" s="8"/>
      <c r="XBR19" s="8"/>
      <c r="XBS19" s="8"/>
      <c r="XBT19" s="8"/>
      <c r="XBU19" s="8"/>
      <c r="XBV19" s="8"/>
      <c r="XBW19" s="8"/>
      <c r="XBX19" s="8"/>
      <c r="XBY19" s="8"/>
      <c r="XBZ19" s="8"/>
      <c r="XCA19" s="8"/>
      <c r="XCB19" s="8"/>
      <c r="XCC19" s="8"/>
      <c r="XCD19" s="8"/>
      <c r="XCE19" s="8"/>
      <c r="XCF19" s="8"/>
      <c r="XCG19" s="8"/>
      <c r="XCH19" s="8"/>
      <c r="XCI19" s="8"/>
      <c r="XCJ19" s="8"/>
      <c r="XCK19" s="8"/>
      <c r="XCL19" s="8"/>
      <c r="XCM19" s="8"/>
      <c r="XCN19" s="8"/>
      <c r="XCO19" s="8"/>
      <c r="XCP19" s="8"/>
      <c r="XCQ19" s="8"/>
      <c r="XCR19" s="8"/>
      <c r="XCS19" s="8"/>
      <c r="XCT19" s="8"/>
      <c r="XCU19" s="8"/>
      <c r="XCV19" s="8"/>
      <c r="XCW19" s="8"/>
      <c r="XCX19" s="8"/>
      <c r="XCY19" s="8"/>
      <c r="XCZ19" s="8"/>
      <c r="XDA19" s="8"/>
      <c r="XDB19" s="8"/>
      <c r="XDC19" s="8"/>
      <c r="XDD19" s="8"/>
      <c r="XDE19" s="8"/>
      <c r="XDF19" s="8"/>
      <c r="XDG19" s="8"/>
      <c r="XDH19" s="8"/>
      <c r="XDI19" s="8"/>
      <c r="XDJ19" s="8"/>
      <c r="XDK19" s="8"/>
      <c r="XDL19" s="8"/>
      <c r="XDM19" s="8"/>
      <c r="XDN19" s="8"/>
      <c r="XDO19" s="8"/>
      <c r="XDP19" s="8"/>
      <c r="XDQ19" s="8"/>
      <c r="XDR19" s="8"/>
      <c r="XDS19" s="8"/>
      <c r="XDT19" s="8"/>
      <c r="XDU19" s="8"/>
      <c r="XDV19" s="8"/>
      <c r="XDW19" s="8"/>
      <c r="XDX19" s="8"/>
      <c r="XDY19" s="8"/>
      <c r="XDZ19" s="8"/>
      <c r="XEA19" s="8"/>
      <c r="XEB19" s="8"/>
      <c r="XEC19" s="8"/>
      <c r="XED19" s="8"/>
      <c r="XEE19" s="8"/>
      <c r="XEF19" s="8"/>
      <c r="XEG19" s="8"/>
      <c r="XEH19" s="8"/>
      <c r="XEI19" s="8"/>
      <c r="XEJ19" s="8"/>
      <c r="XEK19" s="8"/>
      <c r="XEL19" s="8"/>
      <c r="XEM19" s="8"/>
      <c r="XEN19" s="8"/>
      <c r="XEO19" s="8"/>
      <c r="XEP19" s="8"/>
      <c r="XEQ19" s="8"/>
      <c r="XER19" s="8"/>
      <c r="XES19" s="8"/>
      <c r="XET19" s="8"/>
      <c r="XEU19" s="8"/>
      <c r="XEV19" s="8"/>
      <c r="XEW19" s="8"/>
      <c r="XEX19" s="8"/>
      <c r="XEY19" s="8"/>
      <c r="XEZ19" s="8"/>
      <c r="XFA19" s="8"/>
      <c r="XFB19" s="8"/>
      <c r="XFC19" s="8"/>
      <c r="XFD19" s="8"/>
    </row>
    <row r="20" spans="1:16384" ht="13.95" customHeight="1" x14ac:dyDescent="0.25">
      <c r="A20" s="14" t="s">
        <v>138</v>
      </c>
      <c r="B20" s="96" t="s">
        <v>58</v>
      </c>
      <c r="C20" s="93" t="s">
        <v>22342</v>
      </c>
      <c r="D20" s="93" t="s">
        <v>139</v>
      </c>
      <c r="E20" s="93">
        <v>2014</v>
      </c>
      <c r="F20" s="93">
        <v>12129</v>
      </c>
      <c r="G20" s="93" t="s">
        <v>9</v>
      </c>
      <c r="H20" s="111">
        <v>1</v>
      </c>
      <c r="I20" s="111">
        <v>1</v>
      </c>
      <c r="J20" s="111">
        <v>0</v>
      </c>
      <c r="K20" s="111">
        <v>0</v>
      </c>
      <c r="L20" s="111">
        <v>0</v>
      </c>
      <c r="M20" s="111">
        <v>0</v>
      </c>
      <c r="N20" s="111">
        <v>0</v>
      </c>
      <c r="O20" s="111">
        <v>0</v>
      </c>
      <c r="P20" s="111">
        <v>0</v>
      </c>
      <c r="Q20" s="111">
        <v>0</v>
      </c>
      <c r="R20" s="111">
        <v>0</v>
      </c>
      <c r="S20" s="111">
        <v>0</v>
      </c>
      <c r="T20" s="111">
        <v>0</v>
      </c>
      <c r="U20" s="111">
        <v>0</v>
      </c>
      <c r="V20" s="111">
        <v>0</v>
      </c>
      <c r="W20" s="111">
        <v>0</v>
      </c>
      <c r="X20" s="111">
        <v>0</v>
      </c>
      <c r="Y20" s="111">
        <v>0</v>
      </c>
      <c r="Z20" s="111">
        <v>0</v>
      </c>
      <c r="AA20" s="111">
        <v>0</v>
      </c>
      <c r="AB20" s="111">
        <v>0</v>
      </c>
      <c r="AC20" s="111">
        <v>0</v>
      </c>
      <c r="AD20" s="111">
        <v>0</v>
      </c>
      <c r="AE20" s="111">
        <v>0</v>
      </c>
      <c r="AF20" s="111">
        <v>0</v>
      </c>
      <c r="AG20" s="111">
        <v>0</v>
      </c>
      <c r="AH20" s="111">
        <v>0</v>
      </c>
      <c r="AI20" s="111">
        <v>0</v>
      </c>
      <c r="AJ20" s="111">
        <v>0</v>
      </c>
      <c r="AK20" s="111">
        <v>0</v>
      </c>
      <c r="AL20" s="111">
        <v>0</v>
      </c>
      <c r="AM20" s="111">
        <v>0</v>
      </c>
      <c r="AN20" s="111">
        <v>0</v>
      </c>
      <c r="AO20" s="111">
        <v>0</v>
      </c>
      <c r="AP20" s="111">
        <v>0</v>
      </c>
      <c r="AQ20" s="111">
        <v>0</v>
      </c>
      <c r="AR20" s="111">
        <v>0</v>
      </c>
      <c r="AS20" s="111">
        <v>0</v>
      </c>
      <c r="AT20" s="111" t="s">
        <v>400</v>
      </c>
      <c r="AU20" s="111">
        <v>1</v>
      </c>
      <c r="AV20" s="111">
        <v>0</v>
      </c>
      <c r="AW20" s="111">
        <v>0</v>
      </c>
      <c r="AX20" s="112" t="s">
        <v>22311</v>
      </c>
      <c r="AY20" s="112" t="s">
        <v>22337</v>
      </c>
      <c r="AZ20" s="112" t="s">
        <v>140</v>
      </c>
      <c r="BA20" s="112" t="s">
        <v>141</v>
      </c>
      <c r="BB20" s="107">
        <v>45884</v>
      </c>
      <c r="BC20" s="8"/>
      <c r="BD20" s="8"/>
      <c r="BE20" s="8"/>
      <c r="BF20" s="8"/>
      <c r="BG20" s="8"/>
      <c r="BH20" s="8"/>
      <c r="BI20" s="8"/>
      <c r="BJ20" s="8"/>
      <c r="BK20" s="8"/>
      <c r="BL20" s="8"/>
      <c r="BM20" s="8"/>
      <c r="BN20" s="8"/>
      <c r="BO20" s="8"/>
      <c r="BP20" s="8"/>
      <c r="BQ20" s="8"/>
      <c r="BR20" s="8"/>
      <c r="BS20" s="8"/>
      <c r="BT20" s="8"/>
      <c r="BU20" s="8"/>
      <c r="BV20" s="8"/>
      <c r="BW20" s="8"/>
      <c r="BX20" s="8"/>
      <c r="BY20" s="8"/>
      <c r="BZ20" s="8"/>
      <c r="CA20" s="8"/>
      <c r="CB20" s="8"/>
      <c r="CC20" s="8"/>
      <c r="CD20" s="8"/>
      <c r="CE20" s="8"/>
      <c r="CF20" s="8"/>
      <c r="CG20" s="8"/>
      <c r="CH20" s="8"/>
      <c r="CI20" s="8"/>
      <c r="CJ20" s="8"/>
      <c r="CK20" s="8"/>
      <c r="CL20" s="8"/>
      <c r="CM20" s="8"/>
      <c r="CN20" s="8"/>
      <c r="CO20" s="8"/>
      <c r="CP20" s="8"/>
      <c r="CQ20" s="8"/>
      <c r="CR20" s="8"/>
      <c r="CS20" s="8"/>
      <c r="CT20" s="8"/>
      <c r="CU20" s="8"/>
      <c r="CV20" s="8"/>
      <c r="CW20" s="8"/>
      <c r="CX20" s="8"/>
      <c r="CY20" s="8"/>
      <c r="CZ20" s="8"/>
      <c r="DA20" s="8"/>
      <c r="DB20" s="8"/>
      <c r="DC20" s="8"/>
      <c r="DD20" s="8"/>
      <c r="DE20" s="8"/>
      <c r="DF20" s="8"/>
      <c r="DG20" s="8"/>
      <c r="DH20" s="8"/>
      <c r="DI20" s="8"/>
      <c r="DJ20" s="8"/>
      <c r="DK20" s="8"/>
      <c r="DL20" s="8"/>
      <c r="DM20" s="8"/>
      <c r="DN20" s="8"/>
      <c r="DO20" s="8"/>
      <c r="DP20" s="8"/>
      <c r="DQ20" s="8"/>
      <c r="DR20" s="8"/>
      <c r="DS20" s="8"/>
      <c r="DT20" s="8"/>
      <c r="DU20" s="8"/>
      <c r="DV20" s="8"/>
      <c r="DW20" s="8"/>
      <c r="DX20" s="8"/>
      <c r="DY20" s="8"/>
      <c r="DZ20" s="8"/>
      <c r="EA20" s="8"/>
      <c r="EB20" s="8"/>
      <c r="EC20" s="8"/>
      <c r="ED20" s="8"/>
      <c r="EE20" s="8"/>
      <c r="EF20" s="8"/>
      <c r="EG20" s="8"/>
      <c r="EH20" s="8"/>
      <c r="EI20" s="8"/>
      <c r="EJ20" s="8"/>
      <c r="EK20" s="8"/>
      <c r="EL20" s="8"/>
      <c r="EM20" s="8"/>
      <c r="EN20" s="8"/>
      <c r="EO20" s="8"/>
      <c r="EP20" s="8"/>
      <c r="EQ20" s="8"/>
      <c r="ER20" s="8"/>
      <c r="ES20" s="8"/>
      <c r="ET20" s="8"/>
      <c r="EU20" s="8"/>
      <c r="EV20" s="8"/>
      <c r="EW20" s="8"/>
      <c r="EX20" s="8"/>
      <c r="EY20" s="8"/>
      <c r="EZ20" s="8"/>
      <c r="FA20" s="8"/>
      <c r="FB20" s="8"/>
      <c r="FC20" s="8"/>
      <c r="FD20" s="8"/>
      <c r="FE20" s="8"/>
      <c r="FF20" s="8"/>
      <c r="FG20" s="8"/>
      <c r="FH20" s="8"/>
      <c r="FI20" s="8"/>
      <c r="FJ20" s="8"/>
      <c r="FK20" s="8"/>
      <c r="FL20" s="8"/>
      <c r="FM20" s="8"/>
      <c r="FN20" s="8"/>
      <c r="FO20" s="8"/>
      <c r="FP20" s="8"/>
      <c r="FQ20" s="8"/>
      <c r="FR20" s="8"/>
      <c r="FS20" s="8"/>
      <c r="FT20" s="8"/>
      <c r="FU20" s="8"/>
      <c r="FV20" s="8"/>
      <c r="FW20" s="8"/>
      <c r="FX20" s="8"/>
      <c r="FY20" s="8"/>
      <c r="FZ20" s="8"/>
      <c r="GA20" s="8"/>
      <c r="GB20" s="8"/>
      <c r="GC20" s="8"/>
      <c r="GD20" s="8"/>
      <c r="GE20" s="8"/>
      <c r="GF20" s="8"/>
      <c r="GG20" s="8"/>
      <c r="GH20" s="8"/>
      <c r="GI20" s="8"/>
      <c r="GJ20" s="8"/>
      <c r="GK20" s="8"/>
      <c r="GL20" s="8"/>
      <c r="GM20" s="8"/>
      <c r="GN20" s="8"/>
      <c r="GO20" s="8"/>
      <c r="GP20" s="8"/>
      <c r="GQ20" s="8"/>
      <c r="GR20" s="8"/>
      <c r="GS20" s="8"/>
      <c r="GT20" s="8"/>
      <c r="GU20" s="8"/>
      <c r="GV20" s="8"/>
      <c r="GW20" s="8"/>
      <c r="GX20" s="8"/>
      <c r="GY20" s="8"/>
      <c r="GZ20" s="8"/>
      <c r="HA20" s="8"/>
      <c r="HB20" s="8"/>
      <c r="HC20" s="8"/>
      <c r="HD20" s="8"/>
      <c r="HE20" s="8"/>
      <c r="HF20" s="8"/>
      <c r="HG20" s="8"/>
      <c r="HH20" s="8"/>
      <c r="HI20" s="8"/>
      <c r="HJ20" s="8"/>
      <c r="HK20" s="8"/>
      <c r="HL20" s="8"/>
      <c r="HM20" s="8"/>
      <c r="HN20" s="8"/>
      <c r="HO20" s="8"/>
      <c r="HP20" s="8"/>
      <c r="HQ20" s="8"/>
      <c r="HR20" s="8"/>
      <c r="HS20" s="8"/>
      <c r="HT20" s="8"/>
      <c r="HU20" s="8"/>
      <c r="HV20" s="8"/>
      <c r="HW20" s="8"/>
      <c r="HX20" s="8"/>
      <c r="HY20" s="8"/>
      <c r="HZ20" s="8"/>
      <c r="IA20" s="8"/>
      <c r="IB20" s="8"/>
      <c r="IC20" s="8"/>
      <c r="ID20" s="8"/>
      <c r="IE20" s="8"/>
      <c r="IF20" s="8"/>
      <c r="IG20" s="8"/>
      <c r="IH20" s="8"/>
      <c r="II20" s="8"/>
      <c r="IJ20" s="8"/>
      <c r="IK20" s="8"/>
      <c r="IL20" s="8"/>
      <c r="IM20" s="8"/>
      <c r="IN20" s="8"/>
      <c r="IO20" s="8"/>
      <c r="IP20" s="8"/>
      <c r="IQ20" s="8"/>
      <c r="IR20" s="8"/>
      <c r="IS20" s="8"/>
      <c r="IT20" s="8"/>
      <c r="IU20" s="8"/>
      <c r="IV20" s="8"/>
      <c r="IW20" s="8"/>
      <c r="IX20" s="8"/>
      <c r="IY20" s="8"/>
      <c r="IZ20" s="8"/>
      <c r="JA20" s="8"/>
      <c r="JB20" s="8"/>
      <c r="JC20" s="8"/>
      <c r="JD20" s="8"/>
      <c r="JE20" s="8"/>
      <c r="JF20" s="8"/>
      <c r="JG20" s="8"/>
      <c r="JH20" s="8"/>
      <c r="JI20" s="8"/>
      <c r="JJ20" s="8"/>
      <c r="JK20" s="8"/>
      <c r="JL20" s="8"/>
      <c r="JM20" s="8"/>
      <c r="JN20" s="8"/>
      <c r="JO20" s="8"/>
      <c r="JP20" s="8"/>
      <c r="JQ20" s="8"/>
      <c r="JR20" s="8"/>
      <c r="JS20" s="8"/>
      <c r="JT20" s="8"/>
      <c r="JU20" s="8"/>
      <c r="JV20" s="8"/>
      <c r="JW20" s="8"/>
      <c r="JX20" s="8"/>
      <c r="JY20" s="8"/>
      <c r="JZ20" s="8"/>
      <c r="KA20" s="8"/>
      <c r="KB20" s="8"/>
      <c r="KC20" s="8"/>
      <c r="KD20" s="8"/>
      <c r="KE20" s="8"/>
      <c r="KF20" s="8"/>
      <c r="KG20" s="8"/>
      <c r="KH20" s="8"/>
      <c r="KI20" s="8"/>
      <c r="KJ20" s="8"/>
      <c r="KK20" s="8"/>
      <c r="KL20" s="8"/>
      <c r="KM20" s="8"/>
      <c r="KN20" s="8"/>
      <c r="KO20" s="8"/>
      <c r="KP20" s="8"/>
      <c r="KQ20" s="8"/>
      <c r="KR20" s="8"/>
      <c r="KS20" s="8"/>
      <c r="KT20" s="8"/>
      <c r="KU20" s="8"/>
      <c r="KV20" s="8"/>
      <c r="KW20" s="8"/>
      <c r="KX20" s="8"/>
      <c r="KY20" s="8"/>
      <c r="KZ20" s="8"/>
      <c r="LA20" s="8"/>
      <c r="LB20" s="8"/>
      <c r="LC20" s="8"/>
      <c r="LD20" s="8"/>
      <c r="LE20" s="8"/>
      <c r="LF20" s="8"/>
      <c r="LG20" s="8"/>
      <c r="LH20" s="8"/>
      <c r="LI20" s="8"/>
      <c r="LJ20" s="8"/>
      <c r="LK20" s="8"/>
      <c r="LL20" s="8"/>
      <c r="LM20" s="8"/>
      <c r="LN20" s="8"/>
      <c r="LO20" s="8"/>
      <c r="LP20" s="8"/>
      <c r="LQ20" s="8"/>
      <c r="LR20" s="8"/>
      <c r="LS20" s="8"/>
      <c r="LT20" s="8"/>
      <c r="LU20" s="8"/>
      <c r="LV20" s="8"/>
      <c r="LW20" s="8"/>
      <c r="LX20" s="8"/>
      <c r="LY20" s="8"/>
      <c r="LZ20" s="8"/>
      <c r="MA20" s="8"/>
      <c r="MB20" s="8"/>
      <c r="MC20" s="8"/>
      <c r="MD20" s="8"/>
      <c r="ME20" s="8"/>
      <c r="MF20" s="8"/>
      <c r="MG20" s="8"/>
      <c r="MH20" s="8"/>
      <c r="MI20" s="8"/>
      <c r="MJ20" s="8"/>
      <c r="MK20" s="8"/>
      <c r="ML20" s="8"/>
      <c r="MM20" s="8"/>
      <c r="MN20" s="8"/>
      <c r="MO20" s="8"/>
      <c r="MP20" s="8"/>
      <c r="MQ20" s="8"/>
      <c r="MR20" s="8"/>
      <c r="MS20" s="8"/>
      <c r="MT20" s="8"/>
      <c r="MU20" s="8"/>
      <c r="MV20" s="8"/>
      <c r="MW20" s="8"/>
      <c r="MX20" s="8"/>
      <c r="MY20" s="8"/>
      <c r="MZ20" s="8"/>
      <c r="NA20" s="8"/>
      <c r="NB20" s="8"/>
      <c r="NC20" s="8"/>
      <c r="ND20" s="8"/>
      <c r="NE20" s="8"/>
      <c r="NF20" s="8"/>
      <c r="NG20" s="8"/>
      <c r="NH20" s="8"/>
      <c r="NI20" s="8"/>
      <c r="NJ20" s="8"/>
      <c r="NK20" s="8"/>
      <c r="NL20" s="8"/>
      <c r="NM20" s="8"/>
      <c r="NN20" s="8"/>
      <c r="NO20" s="8"/>
      <c r="NP20" s="8"/>
      <c r="NQ20" s="8"/>
      <c r="NR20" s="8"/>
      <c r="NS20" s="8"/>
      <c r="NT20" s="8"/>
      <c r="NU20" s="8"/>
      <c r="NV20" s="8"/>
      <c r="NW20" s="8"/>
      <c r="NX20" s="8"/>
      <c r="NY20" s="8"/>
      <c r="NZ20" s="8"/>
      <c r="OA20" s="8"/>
      <c r="OB20" s="8"/>
      <c r="OC20" s="8"/>
      <c r="OD20" s="8"/>
      <c r="OE20" s="8"/>
      <c r="OF20" s="8"/>
      <c r="OG20" s="8"/>
      <c r="OH20" s="8"/>
      <c r="OI20" s="8"/>
      <c r="OJ20" s="8"/>
      <c r="OK20" s="8"/>
      <c r="OL20" s="8"/>
      <c r="OM20" s="8"/>
      <c r="ON20" s="8"/>
      <c r="OO20" s="8"/>
      <c r="OP20" s="8"/>
      <c r="OQ20" s="8"/>
      <c r="OR20" s="8"/>
      <c r="OS20" s="8"/>
      <c r="OT20" s="8"/>
      <c r="OU20" s="8"/>
      <c r="OV20" s="8"/>
      <c r="OW20" s="8"/>
      <c r="OX20" s="8"/>
      <c r="OY20" s="8"/>
      <c r="OZ20" s="8"/>
      <c r="PA20" s="8"/>
      <c r="PB20" s="8"/>
      <c r="PC20" s="8"/>
      <c r="PD20" s="8"/>
      <c r="PE20" s="8"/>
      <c r="PF20" s="8"/>
      <c r="PG20" s="8"/>
      <c r="PH20" s="8"/>
      <c r="PI20" s="8"/>
      <c r="PJ20" s="8"/>
      <c r="PK20" s="8"/>
      <c r="PL20" s="8"/>
      <c r="PM20" s="8"/>
      <c r="PN20" s="8"/>
      <c r="PO20" s="8"/>
      <c r="PP20" s="8"/>
      <c r="PQ20" s="8"/>
      <c r="PR20" s="8"/>
      <c r="PS20" s="8"/>
      <c r="PT20" s="8"/>
      <c r="PU20" s="8"/>
      <c r="PV20" s="8"/>
      <c r="PW20" s="8"/>
      <c r="PX20" s="8"/>
      <c r="PY20" s="8"/>
      <c r="PZ20" s="8"/>
      <c r="QA20" s="8"/>
      <c r="QB20" s="8"/>
      <c r="QC20" s="8"/>
      <c r="QD20" s="8"/>
      <c r="QE20" s="8"/>
      <c r="QF20" s="8"/>
      <c r="QG20" s="8"/>
      <c r="QH20" s="8"/>
      <c r="QI20" s="8"/>
      <c r="QJ20" s="8"/>
      <c r="QK20" s="8"/>
      <c r="QL20" s="8"/>
      <c r="QM20" s="8"/>
      <c r="QN20" s="8"/>
      <c r="QO20" s="8"/>
      <c r="QP20" s="8"/>
      <c r="QQ20" s="8"/>
      <c r="QR20" s="8"/>
      <c r="QS20" s="8"/>
      <c r="QT20" s="8"/>
      <c r="QU20" s="8"/>
      <c r="QV20" s="8"/>
      <c r="QW20" s="8"/>
      <c r="QX20" s="8"/>
      <c r="QY20" s="8"/>
      <c r="QZ20" s="8"/>
      <c r="RA20" s="8"/>
      <c r="RB20" s="8"/>
      <c r="RC20" s="8"/>
      <c r="RD20" s="8"/>
      <c r="RE20" s="8"/>
      <c r="RF20" s="8"/>
      <c r="RG20" s="8"/>
      <c r="RH20" s="8"/>
      <c r="RI20" s="8"/>
      <c r="RJ20" s="8"/>
      <c r="RK20" s="8"/>
      <c r="RL20" s="8"/>
      <c r="RM20" s="8"/>
      <c r="RN20" s="8"/>
      <c r="RO20" s="8"/>
      <c r="RP20" s="8"/>
      <c r="RQ20" s="8"/>
      <c r="RR20" s="8"/>
      <c r="RS20" s="8"/>
      <c r="RT20" s="8"/>
      <c r="RU20" s="8"/>
      <c r="RV20" s="8"/>
      <c r="RW20" s="8"/>
      <c r="RX20" s="8"/>
      <c r="RY20" s="8"/>
      <c r="RZ20" s="8"/>
      <c r="SA20" s="8"/>
      <c r="SB20" s="8"/>
      <c r="SC20" s="8"/>
      <c r="SD20" s="8"/>
      <c r="SE20" s="8"/>
      <c r="SF20" s="8"/>
      <c r="SG20" s="8"/>
      <c r="SH20" s="8"/>
      <c r="SI20" s="8"/>
      <c r="SJ20" s="8"/>
      <c r="SK20" s="8"/>
      <c r="SL20" s="8"/>
      <c r="SM20" s="8"/>
      <c r="SN20" s="8"/>
      <c r="SO20" s="8"/>
      <c r="SP20" s="8"/>
      <c r="SQ20" s="8"/>
      <c r="SR20" s="8"/>
      <c r="SS20" s="8"/>
      <c r="ST20" s="8"/>
      <c r="SU20" s="8"/>
      <c r="SV20" s="8"/>
      <c r="SW20" s="8"/>
      <c r="SX20" s="8"/>
      <c r="SY20" s="8"/>
      <c r="SZ20" s="8"/>
      <c r="TA20" s="8"/>
      <c r="TB20" s="8"/>
      <c r="TC20" s="8"/>
      <c r="TD20" s="8"/>
      <c r="TE20" s="8"/>
      <c r="TF20" s="8"/>
      <c r="TG20" s="8"/>
      <c r="TH20" s="8"/>
      <c r="TI20" s="8"/>
      <c r="TJ20" s="8"/>
      <c r="TK20" s="8"/>
      <c r="TL20" s="8"/>
      <c r="TM20" s="8"/>
      <c r="TN20" s="8"/>
      <c r="TO20" s="8"/>
      <c r="TP20" s="8"/>
      <c r="TQ20" s="8"/>
      <c r="TR20" s="8"/>
      <c r="TS20" s="8"/>
      <c r="TT20" s="8"/>
      <c r="TU20" s="8"/>
      <c r="TV20" s="8"/>
      <c r="TW20" s="8"/>
      <c r="TX20" s="8"/>
      <c r="TY20" s="8"/>
      <c r="TZ20" s="8"/>
      <c r="UA20" s="8"/>
      <c r="UB20" s="8"/>
      <c r="UC20" s="8"/>
      <c r="UD20" s="8"/>
      <c r="UE20" s="8"/>
      <c r="UF20" s="8"/>
      <c r="UG20" s="8"/>
      <c r="UH20" s="8"/>
      <c r="UI20" s="8"/>
      <c r="UJ20" s="8"/>
      <c r="UK20" s="8"/>
      <c r="UL20" s="8"/>
      <c r="UM20" s="8"/>
      <c r="UN20" s="8"/>
      <c r="UO20" s="8"/>
      <c r="UP20" s="8"/>
      <c r="UQ20" s="8"/>
      <c r="UR20" s="8"/>
      <c r="US20" s="8"/>
      <c r="UT20" s="8"/>
      <c r="UU20" s="8"/>
      <c r="UV20" s="8"/>
      <c r="UW20" s="8"/>
      <c r="UX20" s="8"/>
      <c r="UY20" s="8"/>
      <c r="UZ20" s="8"/>
      <c r="VA20" s="8"/>
      <c r="VB20" s="8"/>
      <c r="VC20" s="8"/>
      <c r="VD20" s="8"/>
      <c r="VE20" s="8"/>
      <c r="VF20" s="8"/>
      <c r="VG20" s="8"/>
      <c r="VH20" s="8"/>
      <c r="VI20" s="8"/>
      <c r="VJ20" s="8"/>
      <c r="VK20" s="8"/>
      <c r="VL20" s="8"/>
      <c r="VM20" s="8"/>
      <c r="VN20" s="8"/>
      <c r="VO20" s="8"/>
      <c r="VP20" s="8"/>
      <c r="VQ20" s="8"/>
      <c r="VR20" s="8"/>
      <c r="VS20" s="8"/>
      <c r="VT20" s="8"/>
      <c r="VU20" s="8"/>
      <c r="VV20" s="8"/>
      <c r="VW20" s="8"/>
      <c r="VX20" s="8"/>
      <c r="VY20" s="8"/>
      <c r="VZ20" s="8"/>
      <c r="WA20" s="8"/>
      <c r="WB20" s="8"/>
      <c r="WC20" s="8"/>
      <c r="WD20" s="8"/>
      <c r="WE20" s="8"/>
      <c r="WF20" s="8"/>
      <c r="WG20" s="8"/>
      <c r="WH20" s="8"/>
      <c r="WI20" s="8"/>
      <c r="WJ20" s="8"/>
      <c r="WK20" s="8"/>
      <c r="WL20" s="8"/>
      <c r="WM20" s="8"/>
      <c r="WN20" s="8"/>
      <c r="WO20" s="8"/>
      <c r="WP20" s="8"/>
      <c r="WQ20" s="8"/>
      <c r="WR20" s="8"/>
      <c r="WS20" s="8"/>
      <c r="WT20" s="8"/>
      <c r="WU20" s="8"/>
      <c r="WV20" s="8"/>
      <c r="WW20" s="8"/>
      <c r="WX20" s="8"/>
      <c r="WY20" s="8"/>
      <c r="WZ20" s="8"/>
      <c r="XA20" s="8"/>
      <c r="XB20" s="8"/>
      <c r="XC20" s="8"/>
      <c r="XD20" s="8"/>
      <c r="XE20" s="8"/>
      <c r="XF20" s="8"/>
      <c r="XG20" s="8"/>
      <c r="XH20" s="8"/>
      <c r="XI20" s="8"/>
      <c r="XJ20" s="8"/>
      <c r="XK20" s="8"/>
      <c r="XL20" s="8"/>
      <c r="XM20" s="8"/>
      <c r="XN20" s="8"/>
      <c r="XO20" s="8"/>
      <c r="XP20" s="8"/>
      <c r="XQ20" s="8"/>
      <c r="XR20" s="8"/>
      <c r="XS20" s="8"/>
      <c r="XT20" s="8"/>
      <c r="XU20" s="8"/>
      <c r="XV20" s="8"/>
      <c r="XW20" s="8"/>
      <c r="XX20" s="8"/>
      <c r="XY20" s="8"/>
      <c r="XZ20" s="8"/>
      <c r="YA20" s="8"/>
      <c r="YB20" s="8"/>
      <c r="YC20" s="8"/>
      <c r="YD20" s="8"/>
      <c r="YE20" s="8"/>
      <c r="YF20" s="8"/>
      <c r="YG20" s="8"/>
      <c r="YH20" s="8"/>
      <c r="YI20" s="8"/>
      <c r="YJ20" s="8"/>
      <c r="YK20" s="8"/>
      <c r="YL20" s="8"/>
      <c r="YM20" s="8"/>
      <c r="YN20" s="8"/>
      <c r="YO20" s="8"/>
      <c r="YP20" s="8"/>
      <c r="YQ20" s="8"/>
      <c r="YR20" s="8"/>
      <c r="YS20" s="8"/>
      <c r="YT20" s="8"/>
      <c r="YU20" s="8"/>
      <c r="YV20" s="8"/>
      <c r="YW20" s="8"/>
      <c r="YX20" s="8"/>
      <c r="YY20" s="8"/>
      <c r="YZ20" s="8"/>
      <c r="ZA20" s="8"/>
      <c r="ZB20" s="8"/>
      <c r="ZC20" s="8"/>
      <c r="ZD20" s="8"/>
      <c r="ZE20" s="8"/>
      <c r="ZF20" s="8"/>
      <c r="ZG20" s="8"/>
      <c r="ZH20" s="8"/>
      <c r="ZI20" s="8"/>
      <c r="ZJ20" s="8"/>
      <c r="ZK20" s="8"/>
      <c r="ZL20" s="8"/>
      <c r="ZM20" s="8"/>
      <c r="ZN20" s="8"/>
      <c r="ZO20" s="8"/>
      <c r="ZP20" s="8"/>
      <c r="ZQ20" s="8"/>
      <c r="ZR20" s="8"/>
      <c r="ZS20" s="8"/>
      <c r="ZT20" s="8"/>
      <c r="ZU20" s="8"/>
      <c r="ZV20" s="8"/>
      <c r="ZW20" s="8"/>
      <c r="ZX20" s="8"/>
      <c r="ZY20" s="8"/>
      <c r="ZZ20" s="8"/>
      <c r="AAA20" s="8"/>
      <c r="AAB20" s="8"/>
      <c r="AAC20" s="8"/>
      <c r="AAD20" s="8"/>
      <c r="AAE20" s="8"/>
      <c r="AAF20" s="8"/>
      <c r="AAG20" s="8"/>
      <c r="AAH20" s="8"/>
      <c r="AAI20" s="8"/>
      <c r="AAJ20" s="8"/>
      <c r="AAK20" s="8"/>
      <c r="AAL20" s="8"/>
      <c r="AAM20" s="8"/>
      <c r="AAN20" s="8"/>
      <c r="AAO20" s="8"/>
      <c r="AAP20" s="8"/>
      <c r="AAQ20" s="8"/>
      <c r="AAR20" s="8"/>
      <c r="AAS20" s="8"/>
      <c r="AAT20" s="8"/>
      <c r="AAU20" s="8"/>
      <c r="AAV20" s="8"/>
      <c r="AAW20" s="8"/>
      <c r="AAX20" s="8"/>
      <c r="AAY20" s="8"/>
      <c r="AAZ20" s="8"/>
      <c r="ABA20" s="8"/>
      <c r="ABB20" s="8"/>
      <c r="ABC20" s="8"/>
      <c r="ABD20" s="8"/>
      <c r="ABE20" s="8"/>
      <c r="ABF20" s="8"/>
      <c r="ABG20" s="8"/>
      <c r="ABH20" s="8"/>
      <c r="ABI20" s="8"/>
      <c r="ABJ20" s="8"/>
      <c r="ABK20" s="8"/>
      <c r="ABL20" s="8"/>
      <c r="ABM20" s="8"/>
      <c r="ABN20" s="8"/>
      <c r="ABO20" s="8"/>
      <c r="ABP20" s="8"/>
      <c r="ABQ20" s="8"/>
      <c r="ABR20" s="8"/>
      <c r="ABS20" s="8"/>
      <c r="ABT20" s="8"/>
      <c r="ABU20" s="8"/>
      <c r="ABV20" s="8"/>
      <c r="ABW20" s="8"/>
      <c r="ABX20" s="8"/>
      <c r="ABY20" s="8"/>
      <c r="ABZ20" s="8"/>
      <c r="ACA20" s="8"/>
      <c r="ACB20" s="8"/>
      <c r="ACC20" s="8"/>
      <c r="ACD20" s="8"/>
      <c r="ACE20" s="8"/>
      <c r="ACF20" s="8"/>
      <c r="ACG20" s="8"/>
      <c r="ACH20" s="8"/>
      <c r="ACI20" s="8"/>
      <c r="ACJ20" s="8"/>
      <c r="ACK20" s="8"/>
      <c r="ACL20" s="8"/>
      <c r="ACM20" s="8"/>
      <c r="ACN20" s="8"/>
      <c r="ACO20" s="8"/>
      <c r="ACP20" s="8"/>
      <c r="ACQ20" s="8"/>
      <c r="ACR20" s="8"/>
      <c r="ACS20" s="8"/>
      <c r="ACT20" s="8"/>
      <c r="ACU20" s="8"/>
      <c r="ACV20" s="8"/>
      <c r="ACW20" s="8"/>
      <c r="ACX20" s="8"/>
      <c r="ACY20" s="8"/>
      <c r="ACZ20" s="8"/>
      <c r="ADA20" s="8"/>
      <c r="ADB20" s="8"/>
      <c r="ADC20" s="8"/>
      <c r="ADD20" s="8"/>
      <c r="ADE20" s="8"/>
      <c r="ADF20" s="8"/>
      <c r="ADG20" s="8"/>
      <c r="ADH20" s="8"/>
      <c r="ADI20" s="8"/>
      <c r="ADJ20" s="8"/>
      <c r="ADK20" s="8"/>
      <c r="ADL20" s="8"/>
      <c r="ADM20" s="8"/>
      <c r="ADN20" s="8"/>
      <c r="ADO20" s="8"/>
      <c r="ADP20" s="8"/>
      <c r="ADQ20" s="8"/>
      <c r="ADR20" s="8"/>
      <c r="ADS20" s="8"/>
      <c r="ADT20" s="8"/>
      <c r="ADU20" s="8"/>
      <c r="ADV20" s="8"/>
      <c r="ADW20" s="8"/>
      <c r="ADX20" s="8"/>
      <c r="ADY20" s="8"/>
      <c r="ADZ20" s="8"/>
      <c r="AEA20" s="8"/>
      <c r="AEB20" s="8"/>
      <c r="AEC20" s="8"/>
      <c r="AED20" s="8"/>
      <c r="AEE20" s="8"/>
      <c r="AEF20" s="8"/>
      <c r="AEG20" s="8"/>
      <c r="AEH20" s="8"/>
      <c r="AEI20" s="8"/>
      <c r="AEJ20" s="8"/>
      <c r="AEK20" s="8"/>
      <c r="AEL20" s="8"/>
      <c r="AEM20" s="8"/>
      <c r="AEN20" s="8"/>
      <c r="AEO20" s="8"/>
      <c r="AEP20" s="8"/>
      <c r="AEQ20" s="8"/>
      <c r="AER20" s="8"/>
      <c r="AES20" s="8"/>
      <c r="AET20" s="8"/>
      <c r="AEU20" s="8"/>
      <c r="AEV20" s="8"/>
      <c r="AEW20" s="8"/>
      <c r="AEX20" s="8"/>
      <c r="AEY20" s="8"/>
      <c r="AEZ20" s="8"/>
      <c r="AFA20" s="8"/>
      <c r="AFB20" s="8"/>
      <c r="AFC20" s="8"/>
      <c r="AFD20" s="8"/>
      <c r="AFE20" s="8"/>
      <c r="AFF20" s="8"/>
      <c r="AFG20" s="8"/>
      <c r="AFH20" s="8"/>
      <c r="AFI20" s="8"/>
      <c r="AFJ20" s="8"/>
      <c r="AFK20" s="8"/>
      <c r="AFL20" s="8"/>
      <c r="AFM20" s="8"/>
      <c r="AFN20" s="8"/>
      <c r="AFO20" s="8"/>
      <c r="AFP20" s="8"/>
      <c r="AFQ20" s="8"/>
      <c r="AFR20" s="8"/>
      <c r="AFS20" s="8"/>
      <c r="AFT20" s="8"/>
      <c r="AFU20" s="8"/>
      <c r="AFV20" s="8"/>
      <c r="AFW20" s="8"/>
      <c r="AFX20" s="8"/>
      <c r="AFY20" s="8"/>
      <c r="AFZ20" s="8"/>
      <c r="AGA20" s="8"/>
      <c r="AGB20" s="8"/>
      <c r="AGC20" s="8"/>
      <c r="AGD20" s="8"/>
      <c r="AGE20" s="8"/>
      <c r="AGF20" s="8"/>
      <c r="AGG20" s="8"/>
      <c r="AGH20" s="8"/>
      <c r="AGI20" s="8"/>
      <c r="AGJ20" s="8"/>
      <c r="AGK20" s="8"/>
      <c r="AGL20" s="8"/>
      <c r="AGM20" s="8"/>
      <c r="AGN20" s="8"/>
      <c r="AGO20" s="8"/>
      <c r="AGP20" s="8"/>
      <c r="AGQ20" s="8"/>
      <c r="AGR20" s="8"/>
      <c r="AGS20" s="8"/>
      <c r="AGT20" s="8"/>
      <c r="AGU20" s="8"/>
      <c r="AGV20" s="8"/>
      <c r="AGW20" s="8"/>
      <c r="AGX20" s="8"/>
      <c r="AGY20" s="8"/>
      <c r="AGZ20" s="8"/>
      <c r="AHA20" s="8"/>
      <c r="AHB20" s="8"/>
      <c r="AHC20" s="8"/>
      <c r="AHD20" s="8"/>
      <c r="AHE20" s="8"/>
      <c r="AHF20" s="8"/>
      <c r="AHG20" s="8"/>
      <c r="AHH20" s="8"/>
      <c r="AHI20" s="8"/>
      <c r="AHJ20" s="8"/>
      <c r="AHK20" s="8"/>
      <c r="AHL20" s="8"/>
      <c r="AHM20" s="8"/>
      <c r="AHN20" s="8"/>
      <c r="AHO20" s="8"/>
      <c r="AHP20" s="8"/>
      <c r="AHQ20" s="8"/>
      <c r="AHR20" s="8"/>
      <c r="AHS20" s="8"/>
      <c r="AHT20" s="8"/>
      <c r="AHU20" s="8"/>
      <c r="AHV20" s="8"/>
      <c r="AHW20" s="8"/>
      <c r="AHX20" s="8"/>
      <c r="AHY20" s="8"/>
      <c r="AHZ20" s="8"/>
      <c r="AIA20" s="8"/>
      <c r="AIB20" s="8"/>
      <c r="AIC20" s="8"/>
      <c r="AID20" s="8"/>
      <c r="AIE20" s="8"/>
      <c r="AIF20" s="8"/>
      <c r="AIG20" s="8"/>
      <c r="AIH20" s="8"/>
      <c r="AII20" s="8"/>
      <c r="AIJ20" s="8"/>
      <c r="AIK20" s="8"/>
      <c r="AIL20" s="8"/>
      <c r="AIM20" s="8"/>
      <c r="AIN20" s="8"/>
      <c r="AIO20" s="8"/>
      <c r="AIP20" s="8"/>
      <c r="AIQ20" s="8"/>
      <c r="AIR20" s="8"/>
      <c r="AIS20" s="8"/>
      <c r="AIT20" s="8"/>
      <c r="AIU20" s="8"/>
      <c r="AIV20" s="8"/>
      <c r="AIW20" s="8"/>
      <c r="AIX20" s="8"/>
      <c r="AIY20" s="8"/>
      <c r="AIZ20" s="8"/>
      <c r="AJA20" s="8"/>
      <c r="AJB20" s="8"/>
      <c r="AJC20" s="8"/>
      <c r="AJD20" s="8"/>
      <c r="AJE20" s="8"/>
      <c r="AJF20" s="8"/>
      <c r="AJG20" s="8"/>
      <c r="AJH20" s="8"/>
      <c r="AJI20" s="8"/>
      <c r="AJJ20" s="8"/>
      <c r="AJK20" s="8"/>
      <c r="AJL20" s="8"/>
      <c r="AJM20" s="8"/>
      <c r="AJN20" s="8"/>
      <c r="AJO20" s="8"/>
      <c r="AJP20" s="8"/>
      <c r="AJQ20" s="8"/>
      <c r="AJR20" s="8"/>
      <c r="AJS20" s="8"/>
      <c r="AJT20" s="8"/>
      <c r="AJU20" s="8"/>
      <c r="AJV20" s="8"/>
      <c r="AJW20" s="8"/>
      <c r="AJX20" s="8"/>
      <c r="AJY20" s="8"/>
      <c r="AJZ20" s="8"/>
      <c r="AKA20" s="8"/>
      <c r="AKB20" s="8"/>
      <c r="AKC20" s="8"/>
      <c r="AKD20" s="8"/>
      <c r="AKE20" s="8"/>
      <c r="AKF20" s="8"/>
      <c r="AKG20" s="8"/>
      <c r="AKH20" s="8"/>
      <c r="AKI20" s="8"/>
      <c r="AKJ20" s="8"/>
      <c r="AKK20" s="8"/>
      <c r="AKL20" s="8"/>
      <c r="AKM20" s="8"/>
      <c r="AKN20" s="8"/>
      <c r="AKO20" s="8"/>
      <c r="AKP20" s="8"/>
      <c r="AKQ20" s="8"/>
      <c r="AKR20" s="8"/>
      <c r="AKS20" s="8"/>
      <c r="AKT20" s="8"/>
      <c r="AKU20" s="8"/>
      <c r="AKV20" s="8"/>
      <c r="AKW20" s="8"/>
      <c r="AKX20" s="8"/>
      <c r="AKY20" s="8"/>
      <c r="AKZ20" s="8"/>
      <c r="ALA20" s="8"/>
      <c r="ALB20" s="8"/>
      <c r="ALC20" s="8"/>
      <c r="ALD20" s="8"/>
      <c r="ALE20" s="8"/>
      <c r="ALF20" s="8"/>
      <c r="ALG20" s="8"/>
      <c r="ALH20" s="8"/>
      <c r="ALI20" s="8"/>
      <c r="ALJ20" s="8"/>
      <c r="ALK20" s="8"/>
      <c r="ALL20" s="8"/>
      <c r="ALM20" s="8"/>
      <c r="ALN20" s="8"/>
      <c r="ALO20" s="8"/>
      <c r="ALP20" s="8"/>
      <c r="ALQ20" s="8"/>
      <c r="ALR20" s="8"/>
      <c r="ALS20" s="8"/>
      <c r="ALT20" s="8"/>
      <c r="ALU20" s="8"/>
      <c r="ALV20" s="8"/>
      <c r="ALW20" s="8"/>
      <c r="ALX20" s="8"/>
      <c r="ALY20" s="8"/>
      <c r="ALZ20" s="8"/>
      <c r="AMA20" s="8"/>
      <c r="AMB20" s="8"/>
      <c r="AMC20" s="8"/>
      <c r="AMD20" s="8"/>
      <c r="AME20" s="8"/>
      <c r="AMF20" s="8"/>
      <c r="AMG20" s="8"/>
      <c r="AMH20" s="8"/>
      <c r="AMI20" s="8"/>
      <c r="AMJ20" s="8"/>
      <c r="AMK20" s="8"/>
      <c r="AML20" s="8"/>
      <c r="AMM20" s="8"/>
      <c r="AMN20" s="8"/>
      <c r="AMO20" s="8"/>
      <c r="AMP20" s="8"/>
      <c r="AMQ20" s="8"/>
      <c r="AMR20" s="8"/>
      <c r="AMS20" s="8"/>
      <c r="AMT20" s="8"/>
      <c r="AMU20" s="8"/>
      <c r="AMV20" s="8"/>
      <c r="AMW20" s="8"/>
      <c r="AMX20" s="8"/>
      <c r="AMY20" s="8"/>
      <c r="AMZ20" s="8"/>
      <c r="ANA20" s="8"/>
      <c r="ANB20" s="8"/>
      <c r="ANC20" s="8"/>
      <c r="AND20" s="8"/>
      <c r="ANE20" s="8"/>
      <c r="ANF20" s="8"/>
      <c r="ANG20" s="8"/>
      <c r="ANH20" s="8"/>
      <c r="ANI20" s="8"/>
      <c r="ANJ20" s="8"/>
      <c r="ANK20" s="8"/>
      <c r="ANL20" s="8"/>
      <c r="ANM20" s="8"/>
      <c r="ANN20" s="8"/>
      <c r="ANO20" s="8"/>
      <c r="ANP20" s="8"/>
      <c r="ANQ20" s="8"/>
      <c r="ANR20" s="8"/>
      <c r="ANS20" s="8"/>
      <c r="ANT20" s="8"/>
      <c r="ANU20" s="8"/>
      <c r="ANV20" s="8"/>
      <c r="ANW20" s="8"/>
      <c r="ANX20" s="8"/>
      <c r="ANY20" s="8"/>
      <c r="ANZ20" s="8"/>
      <c r="AOA20" s="8"/>
      <c r="AOB20" s="8"/>
      <c r="AOC20" s="8"/>
      <c r="AOD20" s="8"/>
      <c r="AOE20" s="8"/>
      <c r="AOF20" s="8"/>
      <c r="AOG20" s="8"/>
      <c r="AOH20" s="8"/>
      <c r="AOI20" s="8"/>
      <c r="AOJ20" s="8"/>
      <c r="AOK20" s="8"/>
      <c r="AOL20" s="8"/>
      <c r="AOM20" s="8"/>
      <c r="AON20" s="8"/>
      <c r="AOO20" s="8"/>
      <c r="AOP20" s="8"/>
      <c r="AOQ20" s="8"/>
      <c r="AOR20" s="8"/>
      <c r="AOS20" s="8"/>
      <c r="AOT20" s="8"/>
      <c r="AOU20" s="8"/>
      <c r="AOV20" s="8"/>
      <c r="AOW20" s="8"/>
      <c r="AOX20" s="8"/>
      <c r="AOY20" s="8"/>
      <c r="AOZ20" s="8"/>
      <c r="APA20" s="8"/>
      <c r="APB20" s="8"/>
      <c r="APC20" s="8"/>
      <c r="APD20" s="8"/>
      <c r="APE20" s="8"/>
      <c r="APF20" s="8"/>
      <c r="APG20" s="8"/>
      <c r="APH20" s="8"/>
      <c r="API20" s="8"/>
      <c r="APJ20" s="8"/>
      <c r="APK20" s="8"/>
      <c r="APL20" s="8"/>
      <c r="APM20" s="8"/>
      <c r="APN20" s="8"/>
      <c r="APO20" s="8"/>
      <c r="APP20" s="8"/>
      <c r="APQ20" s="8"/>
      <c r="APR20" s="8"/>
      <c r="APS20" s="8"/>
      <c r="APT20" s="8"/>
      <c r="APU20" s="8"/>
      <c r="APV20" s="8"/>
      <c r="APW20" s="8"/>
      <c r="APX20" s="8"/>
      <c r="APY20" s="8"/>
      <c r="APZ20" s="8"/>
      <c r="AQA20" s="8"/>
      <c r="AQB20" s="8"/>
      <c r="AQC20" s="8"/>
      <c r="AQD20" s="8"/>
      <c r="AQE20" s="8"/>
      <c r="AQF20" s="8"/>
      <c r="AQG20" s="8"/>
      <c r="AQH20" s="8"/>
      <c r="AQI20" s="8"/>
      <c r="AQJ20" s="8"/>
      <c r="AQK20" s="8"/>
      <c r="AQL20" s="8"/>
      <c r="AQM20" s="8"/>
      <c r="AQN20" s="8"/>
      <c r="AQO20" s="8"/>
      <c r="AQP20" s="8"/>
      <c r="AQQ20" s="8"/>
      <c r="AQR20" s="8"/>
      <c r="AQS20" s="8"/>
      <c r="AQT20" s="8"/>
      <c r="AQU20" s="8"/>
      <c r="AQV20" s="8"/>
      <c r="AQW20" s="8"/>
      <c r="AQX20" s="8"/>
      <c r="AQY20" s="8"/>
      <c r="AQZ20" s="8"/>
      <c r="ARA20" s="8"/>
      <c r="ARB20" s="8"/>
      <c r="ARC20" s="8"/>
      <c r="ARD20" s="8"/>
      <c r="ARE20" s="8"/>
      <c r="ARF20" s="8"/>
      <c r="ARG20" s="8"/>
      <c r="ARH20" s="8"/>
      <c r="ARI20" s="8"/>
      <c r="ARJ20" s="8"/>
      <c r="ARK20" s="8"/>
      <c r="ARL20" s="8"/>
      <c r="ARM20" s="8"/>
      <c r="ARN20" s="8"/>
      <c r="ARO20" s="8"/>
      <c r="ARP20" s="8"/>
      <c r="ARQ20" s="8"/>
      <c r="ARR20" s="8"/>
      <c r="ARS20" s="8"/>
      <c r="ART20" s="8"/>
      <c r="ARU20" s="8"/>
      <c r="ARV20" s="8"/>
      <c r="ARW20" s="8"/>
      <c r="ARX20" s="8"/>
      <c r="ARY20" s="8"/>
      <c r="ARZ20" s="8"/>
      <c r="ASA20" s="8"/>
      <c r="ASB20" s="8"/>
      <c r="ASC20" s="8"/>
      <c r="ASD20" s="8"/>
      <c r="ASE20" s="8"/>
      <c r="ASF20" s="8"/>
      <c r="ASG20" s="8"/>
      <c r="ASH20" s="8"/>
      <c r="ASI20" s="8"/>
      <c r="ASJ20" s="8"/>
      <c r="ASK20" s="8"/>
      <c r="ASL20" s="8"/>
      <c r="ASM20" s="8"/>
      <c r="ASN20" s="8"/>
      <c r="ASO20" s="8"/>
      <c r="ASP20" s="8"/>
      <c r="ASQ20" s="8"/>
      <c r="ASR20" s="8"/>
      <c r="ASS20" s="8"/>
      <c r="AST20" s="8"/>
      <c r="ASU20" s="8"/>
      <c r="ASV20" s="8"/>
      <c r="ASW20" s="8"/>
      <c r="ASX20" s="8"/>
      <c r="ASY20" s="8"/>
      <c r="ASZ20" s="8"/>
      <c r="ATA20" s="8"/>
      <c r="ATB20" s="8"/>
      <c r="ATC20" s="8"/>
      <c r="ATD20" s="8"/>
      <c r="ATE20" s="8"/>
      <c r="ATF20" s="8"/>
      <c r="ATG20" s="8"/>
      <c r="ATH20" s="8"/>
      <c r="ATI20" s="8"/>
      <c r="ATJ20" s="8"/>
      <c r="ATK20" s="8"/>
      <c r="ATL20" s="8"/>
      <c r="ATM20" s="8"/>
      <c r="ATN20" s="8"/>
      <c r="ATO20" s="8"/>
      <c r="ATP20" s="8"/>
      <c r="ATQ20" s="8"/>
      <c r="ATR20" s="8"/>
      <c r="ATS20" s="8"/>
      <c r="ATT20" s="8"/>
      <c r="ATU20" s="8"/>
      <c r="ATV20" s="8"/>
      <c r="ATW20" s="8"/>
      <c r="ATX20" s="8"/>
      <c r="ATY20" s="8"/>
      <c r="ATZ20" s="8"/>
      <c r="AUA20" s="8"/>
      <c r="AUB20" s="8"/>
      <c r="AUC20" s="8"/>
      <c r="AUD20" s="8"/>
      <c r="AUE20" s="8"/>
      <c r="AUF20" s="8"/>
      <c r="AUG20" s="8"/>
      <c r="AUH20" s="8"/>
      <c r="AUI20" s="8"/>
      <c r="AUJ20" s="8"/>
      <c r="AUK20" s="8"/>
      <c r="AUL20" s="8"/>
      <c r="AUM20" s="8"/>
      <c r="AUN20" s="8"/>
      <c r="AUO20" s="8"/>
      <c r="AUP20" s="8"/>
      <c r="AUQ20" s="8"/>
      <c r="AUR20" s="8"/>
      <c r="AUS20" s="8"/>
      <c r="AUT20" s="8"/>
      <c r="AUU20" s="8"/>
      <c r="AUV20" s="8"/>
      <c r="AUW20" s="8"/>
      <c r="AUX20" s="8"/>
      <c r="AUY20" s="8"/>
      <c r="AUZ20" s="8"/>
      <c r="AVA20" s="8"/>
      <c r="AVB20" s="8"/>
      <c r="AVC20" s="8"/>
      <c r="AVD20" s="8"/>
      <c r="AVE20" s="8"/>
      <c r="AVF20" s="8"/>
      <c r="AVG20" s="8"/>
      <c r="AVH20" s="8"/>
      <c r="AVI20" s="8"/>
      <c r="AVJ20" s="8"/>
      <c r="AVK20" s="8"/>
      <c r="AVL20" s="8"/>
      <c r="AVM20" s="8"/>
      <c r="AVN20" s="8"/>
      <c r="AVO20" s="8"/>
      <c r="AVP20" s="8"/>
      <c r="AVQ20" s="8"/>
      <c r="AVR20" s="8"/>
      <c r="AVS20" s="8"/>
      <c r="AVT20" s="8"/>
      <c r="AVU20" s="8"/>
      <c r="AVV20" s="8"/>
      <c r="AVW20" s="8"/>
      <c r="AVX20" s="8"/>
      <c r="AVY20" s="8"/>
      <c r="AVZ20" s="8"/>
      <c r="AWA20" s="8"/>
      <c r="AWB20" s="8"/>
      <c r="AWC20" s="8"/>
      <c r="AWD20" s="8"/>
      <c r="AWE20" s="8"/>
      <c r="AWF20" s="8"/>
      <c r="AWG20" s="8"/>
      <c r="AWH20" s="8"/>
      <c r="AWI20" s="8"/>
      <c r="AWJ20" s="8"/>
      <c r="AWK20" s="8"/>
      <c r="AWL20" s="8"/>
      <c r="AWM20" s="8"/>
      <c r="AWN20" s="8"/>
      <c r="AWO20" s="8"/>
      <c r="AWP20" s="8"/>
      <c r="AWQ20" s="8"/>
      <c r="AWR20" s="8"/>
      <c r="AWS20" s="8"/>
      <c r="AWT20" s="8"/>
      <c r="AWU20" s="8"/>
      <c r="AWV20" s="8"/>
      <c r="AWW20" s="8"/>
      <c r="AWX20" s="8"/>
      <c r="AWY20" s="8"/>
      <c r="AWZ20" s="8"/>
      <c r="AXA20" s="8"/>
      <c r="AXB20" s="8"/>
      <c r="AXC20" s="8"/>
      <c r="AXD20" s="8"/>
      <c r="AXE20" s="8"/>
      <c r="AXF20" s="8"/>
      <c r="AXG20" s="8"/>
      <c r="AXH20" s="8"/>
      <c r="AXI20" s="8"/>
      <c r="AXJ20" s="8"/>
      <c r="AXK20" s="8"/>
      <c r="AXL20" s="8"/>
      <c r="AXM20" s="8"/>
      <c r="AXN20" s="8"/>
      <c r="AXO20" s="8"/>
      <c r="AXP20" s="8"/>
      <c r="AXQ20" s="8"/>
      <c r="AXR20" s="8"/>
      <c r="AXS20" s="8"/>
      <c r="AXT20" s="8"/>
      <c r="AXU20" s="8"/>
      <c r="AXV20" s="8"/>
      <c r="AXW20" s="8"/>
      <c r="AXX20" s="8"/>
      <c r="AXY20" s="8"/>
      <c r="AXZ20" s="8"/>
      <c r="AYA20" s="8"/>
      <c r="AYB20" s="8"/>
      <c r="AYC20" s="8"/>
      <c r="AYD20" s="8"/>
      <c r="AYE20" s="8"/>
      <c r="AYF20" s="8"/>
      <c r="AYG20" s="8"/>
      <c r="AYH20" s="8"/>
      <c r="AYI20" s="8"/>
      <c r="AYJ20" s="8"/>
      <c r="AYK20" s="8"/>
      <c r="AYL20" s="8"/>
      <c r="AYM20" s="8"/>
      <c r="AYN20" s="8"/>
      <c r="AYO20" s="8"/>
      <c r="AYP20" s="8"/>
      <c r="AYQ20" s="8"/>
      <c r="AYR20" s="8"/>
      <c r="AYS20" s="8"/>
      <c r="AYT20" s="8"/>
      <c r="AYU20" s="8"/>
      <c r="AYV20" s="8"/>
      <c r="AYW20" s="8"/>
      <c r="AYX20" s="8"/>
      <c r="AYY20" s="8"/>
      <c r="AYZ20" s="8"/>
      <c r="AZA20" s="8"/>
      <c r="AZB20" s="8"/>
      <c r="AZC20" s="8"/>
      <c r="AZD20" s="8"/>
      <c r="AZE20" s="8"/>
      <c r="AZF20" s="8"/>
      <c r="AZG20" s="8"/>
      <c r="AZH20" s="8"/>
      <c r="AZI20" s="8"/>
      <c r="AZJ20" s="8"/>
      <c r="AZK20" s="8"/>
      <c r="AZL20" s="8"/>
      <c r="AZM20" s="8"/>
      <c r="AZN20" s="8"/>
      <c r="AZO20" s="8"/>
      <c r="AZP20" s="8"/>
      <c r="AZQ20" s="8"/>
      <c r="AZR20" s="8"/>
      <c r="AZS20" s="8"/>
      <c r="AZT20" s="8"/>
      <c r="AZU20" s="8"/>
      <c r="AZV20" s="8"/>
      <c r="AZW20" s="8"/>
      <c r="AZX20" s="8"/>
      <c r="AZY20" s="8"/>
      <c r="AZZ20" s="8"/>
      <c r="BAA20" s="8"/>
      <c r="BAB20" s="8"/>
      <c r="BAC20" s="8"/>
      <c r="BAD20" s="8"/>
      <c r="BAE20" s="8"/>
      <c r="BAF20" s="8"/>
      <c r="BAG20" s="8"/>
      <c r="BAH20" s="8"/>
      <c r="BAI20" s="8"/>
      <c r="BAJ20" s="8"/>
      <c r="BAK20" s="8"/>
      <c r="BAL20" s="8"/>
      <c r="BAM20" s="8"/>
      <c r="BAN20" s="8"/>
      <c r="BAO20" s="8"/>
      <c r="BAP20" s="8"/>
      <c r="BAQ20" s="8"/>
      <c r="BAR20" s="8"/>
      <c r="BAS20" s="8"/>
      <c r="BAT20" s="8"/>
      <c r="BAU20" s="8"/>
      <c r="BAV20" s="8"/>
      <c r="BAW20" s="8"/>
      <c r="BAX20" s="8"/>
      <c r="BAY20" s="8"/>
      <c r="BAZ20" s="8"/>
      <c r="BBA20" s="8"/>
      <c r="BBB20" s="8"/>
      <c r="BBC20" s="8"/>
      <c r="BBD20" s="8"/>
      <c r="BBE20" s="8"/>
      <c r="BBF20" s="8"/>
      <c r="BBG20" s="8"/>
      <c r="BBH20" s="8"/>
      <c r="BBI20" s="8"/>
      <c r="BBJ20" s="8"/>
      <c r="BBK20" s="8"/>
      <c r="BBL20" s="8"/>
      <c r="BBM20" s="8"/>
      <c r="BBN20" s="8"/>
      <c r="BBO20" s="8"/>
      <c r="BBP20" s="8"/>
      <c r="BBQ20" s="8"/>
      <c r="BBR20" s="8"/>
      <c r="BBS20" s="8"/>
      <c r="BBT20" s="8"/>
      <c r="BBU20" s="8"/>
      <c r="BBV20" s="8"/>
      <c r="BBW20" s="8"/>
      <c r="BBX20" s="8"/>
      <c r="BBY20" s="8"/>
      <c r="BBZ20" s="8"/>
      <c r="BCA20" s="8"/>
      <c r="BCB20" s="8"/>
      <c r="BCC20" s="8"/>
      <c r="BCD20" s="8"/>
      <c r="BCE20" s="8"/>
      <c r="BCF20" s="8"/>
      <c r="BCG20" s="8"/>
      <c r="BCH20" s="8"/>
      <c r="BCI20" s="8"/>
      <c r="BCJ20" s="8"/>
      <c r="BCK20" s="8"/>
      <c r="BCL20" s="8"/>
      <c r="BCM20" s="8"/>
      <c r="BCN20" s="8"/>
      <c r="BCO20" s="8"/>
      <c r="BCP20" s="8"/>
      <c r="BCQ20" s="8"/>
      <c r="BCR20" s="8"/>
      <c r="BCS20" s="8"/>
      <c r="BCT20" s="8"/>
      <c r="BCU20" s="8"/>
      <c r="BCV20" s="8"/>
      <c r="BCW20" s="8"/>
      <c r="BCX20" s="8"/>
      <c r="BCY20" s="8"/>
      <c r="BCZ20" s="8"/>
      <c r="BDA20" s="8"/>
      <c r="BDB20" s="8"/>
      <c r="BDC20" s="8"/>
      <c r="BDD20" s="8"/>
      <c r="BDE20" s="8"/>
      <c r="BDF20" s="8"/>
      <c r="BDG20" s="8"/>
      <c r="BDH20" s="8"/>
      <c r="BDI20" s="8"/>
      <c r="BDJ20" s="8"/>
      <c r="BDK20" s="8"/>
      <c r="BDL20" s="8"/>
      <c r="BDM20" s="8"/>
      <c r="BDN20" s="8"/>
      <c r="BDO20" s="8"/>
      <c r="BDP20" s="8"/>
      <c r="BDQ20" s="8"/>
      <c r="BDR20" s="8"/>
      <c r="BDS20" s="8"/>
      <c r="BDT20" s="8"/>
      <c r="BDU20" s="8"/>
      <c r="BDV20" s="8"/>
      <c r="BDW20" s="8"/>
      <c r="BDX20" s="8"/>
      <c r="BDY20" s="8"/>
      <c r="BDZ20" s="8"/>
      <c r="BEA20" s="8"/>
      <c r="BEB20" s="8"/>
      <c r="BEC20" s="8"/>
      <c r="BED20" s="8"/>
      <c r="BEE20" s="8"/>
      <c r="BEF20" s="8"/>
      <c r="BEG20" s="8"/>
      <c r="BEH20" s="8"/>
      <c r="BEI20" s="8"/>
      <c r="BEJ20" s="8"/>
      <c r="BEK20" s="8"/>
      <c r="BEL20" s="8"/>
      <c r="BEM20" s="8"/>
      <c r="BEN20" s="8"/>
      <c r="BEO20" s="8"/>
      <c r="BEP20" s="8"/>
      <c r="BEQ20" s="8"/>
      <c r="BER20" s="8"/>
      <c r="BES20" s="8"/>
      <c r="BET20" s="8"/>
      <c r="BEU20" s="8"/>
      <c r="BEV20" s="8"/>
      <c r="BEW20" s="8"/>
      <c r="BEX20" s="8"/>
      <c r="BEY20" s="8"/>
      <c r="BEZ20" s="8"/>
      <c r="BFA20" s="8"/>
      <c r="BFB20" s="8"/>
      <c r="BFC20" s="8"/>
      <c r="BFD20" s="8"/>
      <c r="BFE20" s="8"/>
      <c r="BFF20" s="8"/>
      <c r="BFG20" s="8"/>
      <c r="BFH20" s="8"/>
      <c r="BFI20" s="8"/>
      <c r="BFJ20" s="8"/>
      <c r="BFK20" s="8"/>
      <c r="BFL20" s="8"/>
      <c r="BFM20" s="8"/>
      <c r="BFN20" s="8"/>
      <c r="BFO20" s="8"/>
      <c r="BFP20" s="8"/>
      <c r="BFQ20" s="8"/>
      <c r="BFR20" s="8"/>
      <c r="BFS20" s="8"/>
      <c r="BFT20" s="8"/>
      <c r="BFU20" s="8"/>
      <c r="BFV20" s="8"/>
      <c r="BFW20" s="8"/>
      <c r="BFX20" s="8"/>
      <c r="BFY20" s="8"/>
      <c r="BFZ20" s="8"/>
      <c r="BGA20" s="8"/>
      <c r="BGB20" s="8"/>
      <c r="BGC20" s="8"/>
      <c r="BGD20" s="8"/>
      <c r="BGE20" s="8"/>
      <c r="BGF20" s="8"/>
      <c r="BGG20" s="8"/>
      <c r="BGH20" s="8"/>
      <c r="BGI20" s="8"/>
      <c r="BGJ20" s="8"/>
      <c r="BGK20" s="8"/>
      <c r="BGL20" s="8"/>
      <c r="BGM20" s="8"/>
      <c r="BGN20" s="8"/>
      <c r="BGO20" s="8"/>
      <c r="BGP20" s="8"/>
      <c r="BGQ20" s="8"/>
      <c r="BGR20" s="8"/>
      <c r="BGS20" s="8"/>
      <c r="BGT20" s="8"/>
      <c r="BGU20" s="8"/>
      <c r="BGV20" s="8"/>
      <c r="BGW20" s="8"/>
      <c r="BGX20" s="8"/>
      <c r="BGY20" s="8"/>
      <c r="BGZ20" s="8"/>
      <c r="BHA20" s="8"/>
      <c r="BHB20" s="8"/>
      <c r="BHC20" s="8"/>
      <c r="BHD20" s="8"/>
      <c r="BHE20" s="8"/>
      <c r="BHF20" s="8"/>
      <c r="BHG20" s="8"/>
      <c r="BHH20" s="8"/>
      <c r="BHI20" s="8"/>
      <c r="BHJ20" s="8"/>
      <c r="BHK20" s="8"/>
      <c r="BHL20" s="8"/>
      <c r="BHM20" s="8"/>
      <c r="BHN20" s="8"/>
      <c r="BHO20" s="8"/>
      <c r="BHP20" s="8"/>
      <c r="BHQ20" s="8"/>
      <c r="BHR20" s="8"/>
      <c r="BHS20" s="8"/>
      <c r="BHT20" s="8"/>
      <c r="BHU20" s="8"/>
      <c r="BHV20" s="8"/>
      <c r="BHW20" s="8"/>
      <c r="BHX20" s="8"/>
      <c r="BHY20" s="8"/>
      <c r="BHZ20" s="8"/>
      <c r="BIA20" s="8"/>
      <c r="BIB20" s="8"/>
      <c r="BIC20" s="8"/>
      <c r="BID20" s="8"/>
      <c r="BIE20" s="8"/>
      <c r="BIF20" s="8"/>
      <c r="BIG20" s="8"/>
      <c r="BIH20" s="8"/>
      <c r="BII20" s="8"/>
      <c r="BIJ20" s="8"/>
      <c r="BIK20" s="8"/>
      <c r="BIL20" s="8"/>
      <c r="BIM20" s="8"/>
      <c r="BIN20" s="8"/>
      <c r="BIO20" s="8"/>
      <c r="BIP20" s="8"/>
      <c r="BIQ20" s="8"/>
      <c r="BIR20" s="8"/>
      <c r="BIS20" s="8"/>
      <c r="BIT20" s="8"/>
      <c r="BIU20" s="8"/>
      <c r="BIV20" s="8"/>
      <c r="BIW20" s="8"/>
      <c r="BIX20" s="8"/>
      <c r="BIY20" s="8"/>
      <c r="BIZ20" s="8"/>
      <c r="BJA20" s="8"/>
      <c r="BJB20" s="8"/>
      <c r="BJC20" s="8"/>
      <c r="BJD20" s="8"/>
      <c r="BJE20" s="8"/>
      <c r="BJF20" s="8"/>
      <c r="BJG20" s="8"/>
      <c r="BJH20" s="8"/>
      <c r="BJI20" s="8"/>
      <c r="BJJ20" s="8"/>
      <c r="BJK20" s="8"/>
      <c r="BJL20" s="8"/>
      <c r="BJM20" s="8"/>
      <c r="BJN20" s="8"/>
      <c r="BJO20" s="8"/>
      <c r="BJP20" s="8"/>
      <c r="BJQ20" s="8"/>
      <c r="BJR20" s="8"/>
      <c r="BJS20" s="8"/>
      <c r="BJT20" s="8"/>
      <c r="BJU20" s="8"/>
      <c r="BJV20" s="8"/>
      <c r="BJW20" s="8"/>
      <c r="BJX20" s="8"/>
      <c r="BJY20" s="8"/>
      <c r="BJZ20" s="8"/>
      <c r="BKA20" s="8"/>
      <c r="BKB20" s="8"/>
      <c r="BKC20" s="8"/>
      <c r="BKD20" s="8"/>
      <c r="BKE20" s="8"/>
      <c r="BKF20" s="8"/>
      <c r="BKG20" s="8"/>
      <c r="BKH20" s="8"/>
      <c r="BKI20" s="8"/>
      <c r="BKJ20" s="8"/>
      <c r="BKK20" s="8"/>
      <c r="BKL20" s="8"/>
      <c r="BKM20" s="8"/>
      <c r="BKN20" s="8"/>
      <c r="BKO20" s="8"/>
      <c r="BKP20" s="8"/>
      <c r="BKQ20" s="8"/>
      <c r="BKR20" s="8"/>
      <c r="BKS20" s="8"/>
      <c r="BKT20" s="8"/>
      <c r="BKU20" s="8"/>
      <c r="BKV20" s="8"/>
      <c r="BKW20" s="8"/>
      <c r="BKX20" s="8"/>
      <c r="BKY20" s="8"/>
      <c r="BKZ20" s="8"/>
      <c r="BLA20" s="8"/>
      <c r="BLB20" s="8"/>
      <c r="BLC20" s="8"/>
      <c r="BLD20" s="8"/>
      <c r="BLE20" s="8"/>
      <c r="BLF20" s="8"/>
      <c r="BLG20" s="8"/>
      <c r="BLH20" s="8"/>
      <c r="BLI20" s="8"/>
      <c r="BLJ20" s="8"/>
      <c r="BLK20" s="8"/>
      <c r="BLL20" s="8"/>
      <c r="BLM20" s="8"/>
      <c r="BLN20" s="8"/>
      <c r="BLO20" s="8"/>
      <c r="BLP20" s="8"/>
      <c r="BLQ20" s="8"/>
      <c r="BLR20" s="8"/>
      <c r="BLS20" s="8"/>
      <c r="BLT20" s="8"/>
      <c r="BLU20" s="8"/>
      <c r="BLV20" s="8"/>
      <c r="BLW20" s="8"/>
      <c r="BLX20" s="8"/>
      <c r="BLY20" s="8"/>
      <c r="BLZ20" s="8"/>
      <c r="BMA20" s="8"/>
      <c r="BMB20" s="8"/>
      <c r="BMC20" s="8"/>
      <c r="BMD20" s="8"/>
      <c r="BME20" s="8"/>
      <c r="BMF20" s="8"/>
      <c r="BMG20" s="8"/>
      <c r="BMH20" s="8"/>
      <c r="BMI20" s="8"/>
      <c r="BMJ20" s="8"/>
      <c r="BMK20" s="8"/>
      <c r="BML20" s="8"/>
      <c r="BMM20" s="8"/>
      <c r="BMN20" s="8"/>
      <c r="BMO20" s="8"/>
      <c r="BMP20" s="8"/>
      <c r="BMQ20" s="8"/>
      <c r="BMR20" s="8"/>
      <c r="BMS20" s="8"/>
      <c r="BMT20" s="8"/>
      <c r="BMU20" s="8"/>
      <c r="BMV20" s="8"/>
      <c r="BMW20" s="8"/>
      <c r="BMX20" s="8"/>
      <c r="BMY20" s="8"/>
      <c r="BMZ20" s="8"/>
      <c r="BNA20" s="8"/>
      <c r="BNB20" s="8"/>
      <c r="BNC20" s="8"/>
      <c r="BND20" s="8"/>
      <c r="BNE20" s="8"/>
      <c r="BNF20" s="8"/>
      <c r="BNG20" s="8"/>
      <c r="BNH20" s="8"/>
      <c r="BNI20" s="8"/>
      <c r="BNJ20" s="8"/>
      <c r="BNK20" s="8"/>
      <c r="BNL20" s="8"/>
      <c r="BNM20" s="8"/>
      <c r="BNN20" s="8"/>
      <c r="BNO20" s="8"/>
      <c r="BNP20" s="8"/>
      <c r="BNQ20" s="8"/>
      <c r="BNR20" s="8"/>
      <c r="BNS20" s="8"/>
      <c r="BNT20" s="8"/>
      <c r="BNU20" s="8"/>
      <c r="BNV20" s="8"/>
      <c r="BNW20" s="8"/>
      <c r="BNX20" s="8"/>
      <c r="BNY20" s="8"/>
      <c r="BNZ20" s="8"/>
      <c r="BOA20" s="8"/>
      <c r="BOB20" s="8"/>
      <c r="BOC20" s="8"/>
      <c r="BOD20" s="8"/>
      <c r="BOE20" s="8"/>
      <c r="BOF20" s="8"/>
      <c r="BOG20" s="8"/>
      <c r="BOH20" s="8"/>
      <c r="BOI20" s="8"/>
      <c r="BOJ20" s="8"/>
      <c r="BOK20" s="8"/>
      <c r="BOL20" s="8"/>
      <c r="BOM20" s="8"/>
      <c r="BON20" s="8"/>
      <c r="BOO20" s="8"/>
      <c r="BOP20" s="8"/>
      <c r="BOQ20" s="8"/>
      <c r="BOR20" s="8"/>
      <c r="BOS20" s="8"/>
      <c r="BOT20" s="8"/>
      <c r="BOU20" s="8"/>
      <c r="BOV20" s="8"/>
      <c r="BOW20" s="8"/>
      <c r="BOX20" s="8"/>
      <c r="BOY20" s="8"/>
      <c r="BOZ20" s="8"/>
      <c r="BPA20" s="8"/>
      <c r="BPB20" s="8"/>
      <c r="BPC20" s="8"/>
      <c r="BPD20" s="8"/>
      <c r="BPE20" s="8"/>
      <c r="BPF20" s="8"/>
      <c r="BPG20" s="8"/>
      <c r="BPH20" s="8"/>
      <c r="BPI20" s="8"/>
      <c r="BPJ20" s="8"/>
      <c r="BPK20" s="8"/>
      <c r="BPL20" s="8"/>
      <c r="BPM20" s="8"/>
      <c r="BPN20" s="8"/>
      <c r="BPO20" s="8"/>
      <c r="BPP20" s="8"/>
      <c r="BPQ20" s="8"/>
      <c r="BPR20" s="8"/>
      <c r="BPS20" s="8"/>
      <c r="BPT20" s="8"/>
      <c r="BPU20" s="8"/>
      <c r="BPV20" s="8"/>
      <c r="BPW20" s="8"/>
      <c r="BPX20" s="8"/>
      <c r="BPY20" s="8"/>
      <c r="BPZ20" s="8"/>
      <c r="BQA20" s="8"/>
      <c r="BQB20" s="8"/>
      <c r="BQC20" s="8"/>
      <c r="BQD20" s="8"/>
      <c r="BQE20" s="8"/>
      <c r="BQF20" s="8"/>
      <c r="BQG20" s="8"/>
      <c r="BQH20" s="8"/>
      <c r="BQI20" s="8"/>
      <c r="BQJ20" s="8"/>
      <c r="BQK20" s="8"/>
      <c r="BQL20" s="8"/>
      <c r="BQM20" s="8"/>
      <c r="BQN20" s="8"/>
      <c r="BQO20" s="8"/>
      <c r="BQP20" s="8"/>
      <c r="BQQ20" s="8"/>
      <c r="BQR20" s="8"/>
      <c r="BQS20" s="8"/>
      <c r="BQT20" s="8"/>
      <c r="BQU20" s="8"/>
      <c r="BQV20" s="8"/>
      <c r="BQW20" s="8"/>
      <c r="BQX20" s="8"/>
      <c r="BQY20" s="8"/>
      <c r="BQZ20" s="8"/>
      <c r="BRA20" s="8"/>
      <c r="BRB20" s="8"/>
      <c r="BRC20" s="8"/>
      <c r="BRD20" s="8"/>
      <c r="BRE20" s="8"/>
      <c r="BRF20" s="8"/>
      <c r="BRG20" s="8"/>
      <c r="BRH20" s="8"/>
      <c r="BRI20" s="8"/>
      <c r="BRJ20" s="8"/>
      <c r="BRK20" s="8"/>
      <c r="BRL20" s="8"/>
      <c r="BRM20" s="8"/>
      <c r="BRN20" s="8"/>
      <c r="BRO20" s="8"/>
      <c r="BRP20" s="8"/>
      <c r="BRQ20" s="8"/>
      <c r="BRR20" s="8"/>
      <c r="BRS20" s="8"/>
      <c r="BRT20" s="8"/>
      <c r="BRU20" s="8"/>
      <c r="BRV20" s="8"/>
      <c r="BRW20" s="8"/>
      <c r="BRX20" s="8"/>
      <c r="BRY20" s="8"/>
      <c r="BRZ20" s="8"/>
      <c r="BSA20" s="8"/>
      <c r="BSB20" s="8"/>
      <c r="BSC20" s="8"/>
      <c r="BSD20" s="8"/>
      <c r="BSE20" s="8"/>
      <c r="BSF20" s="8"/>
      <c r="BSG20" s="8"/>
      <c r="BSH20" s="8"/>
      <c r="BSI20" s="8"/>
      <c r="BSJ20" s="8"/>
      <c r="BSK20" s="8"/>
      <c r="BSL20" s="8"/>
      <c r="BSM20" s="8"/>
      <c r="BSN20" s="8"/>
      <c r="BSO20" s="8"/>
      <c r="BSP20" s="8"/>
      <c r="BSQ20" s="8"/>
      <c r="BSR20" s="8"/>
      <c r="BSS20" s="8"/>
      <c r="BST20" s="8"/>
      <c r="BSU20" s="8"/>
      <c r="BSV20" s="8"/>
      <c r="BSW20" s="8"/>
      <c r="BSX20" s="8"/>
      <c r="BSY20" s="8"/>
      <c r="BSZ20" s="8"/>
      <c r="BTA20" s="8"/>
      <c r="BTB20" s="8"/>
      <c r="BTC20" s="8"/>
      <c r="BTD20" s="8"/>
      <c r="BTE20" s="8"/>
      <c r="BTF20" s="8"/>
      <c r="BTG20" s="8"/>
      <c r="BTH20" s="8"/>
      <c r="BTI20" s="8"/>
      <c r="BTJ20" s="8"/>
      <c r="BTK20" s="8"/>
      <c r="BTL20" s="8"/>
      <c r="BTM20" s="8"/>
      <c r="BTN20" s="8"/>
      <c r="BTO20" s="8"/>
      <c r="BTP20" s="8"/>
      <c r="BTQ20" s="8"/>
      <c r="BTR20" s="8"/>
      <c r="BTS20" s="8"/>
      <c r="BTT20" s="8"/>
      <c r="BTU20" s="8"/>
      <c r="BTV20" s="8"/>
      <c r="BTW20" s="8"/>
      <c r="BTX20" s="8"/>
      <c r="BTY20" s="8"/>
      <c r="BTZ20" s="8"/>
      <c r="BUA20" s="8"/>
      <c r="BUB20" s="8"/>
      <c r="BUC20" s="8"/>
      <c r="BUD20" s="8"/>
      <c r="BUE20" s="8"/>
      <c r="BUF20" s="8"/>
      <c r="BUG20" s="8"/>
      <c r="BUH20" s="8"/>
      <c r="BUI20" s="8"/>
      <c r="BUJ20" s="8"/>
      <c r="BUK20" s="8"/>
      <c r="BUL20" s="8"/>
      <c r="BUM20" s="8"/>
      <c r="BUN20" s="8"/>
      <c r="BUO20" s="8"/>
      <c r="BUP20" s="8"/>
      <c r="BUQ20" s="8"/>
      <c r="BUR20" s="8"/>
      <c r="BUS20" s="8"/>
      <c r="BUT20" s="8"/>
      <c r="BUU20" s="8"/>
      <c r="BUV20" s="8"/>
      <c r="BUW20" s="8"/>
      <c r="BUX20" s="8"/>
      <c r="BUY20" s="8"/>
      <c r="BUZ20" s="8"/>
      <c r="BVA20" s="8"/>
      <c r="BVB20" s="8"/>
      <c r="BVC20" s="8"/>
      <c r="BVD20" s="8"/>
      <c r="BVE20" s="8"/>
      <c r="BVF20" s="8"/>
      <c r="BVG20" s="8"/>
      <c r="BVH20" s="8"/>
      <c r="BVI20" s="8"/>
      <c r="BVJ20" s="8"/>
      <c r="BVK20" s="8"/>
      <c r="BVL20" s="8"/>
      <c r="BVM20" s="8"/>
      <c r="BVN20" s="8"/>
      <c r="BVO20" s="8"/>
      <c r="BVP20" s="8"/>
      <c r="BVQ20" s="8"/>
      <c r="BVR20" s="8"/>
      <c r="BVS20" s="8"/>
      <c r="BVT20" s="8"/>
      <c r="BVU20" s="8"/>
      <c r="BVV20" s="8"/>
      <c r="BVW20" s="8"/>
      <c r="BVX20" s="8"/>
      <c r="BVY20" s="8"/>
      <c r="BVZ20" s="8"/>
      <c r="BWA20" s="8"/>
      <c r="BWB20" s="8"/>
      <c r="BWC20" s="8"/>
      <c r="BWD20" s="8"/>
      <c r="BWE20" s="8"/>
      <c r="BWF20" s="8"/>
      <c r="BWG20" s="8"/>
      <c r="BWH20" s="8"/>
      <c r="BWI20" s="8"/>
      <c r="BWJ20" s="8"/>
      <c r="BWK20" s="8"/>
      <c r="BWL20" s="8"/>
      <c r="BWM20" s="8"/>
      <c r="BWN20" s="8"/>
      <c r="BWO20" s="8"/>
      <c r="BWP20" s="8"/>
      <c r="BWQ20" s="8"/>
      <c r="BWR20" s="8"/>
      <c r="BWS20" s="8"/>
      <c r="BWT20" s="8"/>
      <c r="BWU20" s="8"/>
      <c r="BWV20" s="8"/>
      <c r="BWW20" s="8"/>
      <c r="BWX20" s="8"/>
      <c r="BWY20" s="8"/>
      <c r="BWZ20" s="8"/>
      <c r="BXA20" s="8"/>
      <c r="BXB20" s="8"/>
      <c r="BXC20" s="8"/>
      <c r="BXD20" s="8"/>
      <c r="BXE20" s="8"/>
      <c r="BXF20" s="8"/>
      <c r="BXG20" s="8"/>
      <c r="BXH20" s="8"/>
      <c r="BXI20" s="8"/>
      <c r="BXJ20" s="8"/>
      <c r="BXK20" s="8"/>
      <c r="BXL20" s="8"/>
      <c r="BXM20" s="8"/>
      <c r="BXN20" s="8"/>
      <c r="BXO20" s="8"/>
      <c r="BXP20" s="8"/>
      <c r="BXQ20" s="8"/>
      <c r="BXR20" s="8"/>
      <c r="BXS20" s="8"/>
      <c r="BXT20" s="8"/>
      <c r="BXU20" s="8"/>
      <c r="BXV20" s="8"/>
      <c r="BXW20" s="8"/>
      <c r="BXX20" s="8"/>
      <c r="BXY20" s="8"/>
      <c r="BXZ20" s="8"/>
      <c r="BYA20" s="8"/>
      <c r="BYB20" s="8"/>
      <c r="BYC20" s="8"/>
      <c r="BYD20" s="8"/>
      <c r="BYE20" s="8"/>
      <c r="BYF20" s="8"/>
      <c r="BYG20" s="8"/>
      <c r="BYH20" s="8"/>
      <c r="BYI20" s="8"/>
      <c r="BYJ20" s="8"/>
      <c r="BYK20" s="8"/>
      <c r="BYL20" s="8"/>
      <c r="BYM20" s="8"/>
      <c r="BYN20" s="8"/>
      <c r="BYO20" s="8"/>
      <c r="BYP20" s="8"/>
      <c r="BYQ20" s="8"/>
      <c r="BYR20" s="8"/>
      <c r="BYS20" s="8"/>
      <c r="BYT20" s="8"/>
      <c r="BYU20" s="8"/>
      <c r="BYV20" s="8"/>
      <c r="BYW20" s="8"/>
      <c r="BYX20" s="8"/>
      <c r="BYY20" s="8"/>
      <c r="BYZ20" s="8"/>
      <c r="BZA20" s="8"/>
      <c r="BZB20" s="8"/>
      <c r="BZC20" s="8"/>
      <c r="BZD20" s="8"/>
      <c r="BZE20" s="8"/>
      <c r="BZF20" s="8"/>
      <c r="BZG20" s="8"/>
      <c r="BZH20" s="8"/>
      <c r="BZI20" s="8"/>
      <c r="BZJ20" s="8"/>
      <c r="BZK20" s="8"/>
      <c r="BZL20" s="8"/>
      <c r="BZM20" s="8"/>
      <c r="BZN20" s="8"/>
      <c r="BZO20" s="8"/>
      <c r="BZP20" s="8"/>
      <c r="BZQ20" s="8"/>
      <c r="BZR20" s="8"/>
      <c r="BZS20" s="8"/>
      <c r="BZT20" s="8"/>
      <c r="BZU20" s="8"/>
      <c r="BZV20" s="8"/>
      <c r="BZW20" s="8"/>
      <c r="BZX20" s="8"/>
      <c r="BZY20" s="8"/>
      <c r="BZZ20" s="8"/>
      <c r="CAA20" s="8"/>
      <c r="CAB20" s="8"/>
      <c r="CAC20" s="8"/>
      <c r="CAD20" s="8"/>
      <c r="CAE20" s="8"/>
      <c r="CAF20" s="8"/>
      <c r="CAG20" s="8"/>
      <c r="CAH20" s="8"/>
      <c r="CAI20" s="8"/>
      <c r="CAJ20" s="8"/>
      <c r="CAK20" s="8"/>
      <c r="CAL20" s="8"/>
      <c r="CAM20" s="8"/>
      <c r="CAN20" s="8"/>
      <c r="CAO20" s="8"/>
      <c r="CAP20" s="8"/>
      <c r="CAQ20" s="8"/>
      <c r="CAR20" s="8"/>
      <c r="CAS20" s="8"/>
      <c r="CAT20" s="8"/>
      <c r="CAU20" s="8"/>
      <c r="CAV20" s="8"/>
      <c r="CAW20" s="8"/>
      <c r="CAX20" s="8"/>
      <c r="CAY20" s="8"/>
      <c r="CAZ20" s="8"/>
      <c r="CBA20" s="8"/>
      <c r="CBB20" s="8"/>
      <c r="CBC20" s="8"/>
      <c r="CBD20" s="8"/>
      <c r="CBE20" s="8"/>
      <c r="CBF20" s="8"/>
      <c r="CBG20" s="8"/>
      <c r="CBH20" s="8"/>
      <c r="CBI20" s="8"/>
      <c r="CBJ20" s="8"/>
      <c r="CBK20" s="8"/>
      <c r="CBL20" s="8"/>
      <c r="CBM20" s="8"/>
      <c r="CBN20" s="8"/>
      <c r="CBO20" s="8"/>
      <c r="CBP20" s="8"/>
      <c r="CBQ20" s="8"/>
      <c r="CBR20" s="8"/>
      <c r="CBS20" s="8"/>
      <c r="CBT20" s="8"/>
      <c r="CBU20" s="8"/>
      <c r="CBV20" s="8"/>
      <c r="CBW20" s="8"/>
      <c r="CBX20" s="8"/>
      <c r="CBY20" s="8"/>
      <c r="CBZ20" s="8"/>
      <c r="CCA20" s="8"/>
      <c r="CCB20" s="8"/>
      <c r="CCC20" s="8"/>
      <c r="CCD20" s="8"/>
      <c r="CCE20" s="8"/>
      <c r="CCF20" s="8"/>
      <c r="CCG20" s="8"/>
      <c r="CCH20" s="8"/>
      <c r="CCI20" s="8"/>
      <c r="CCJ20" s="8"/>
      <c r="CCK20" s="8"/>
      <c r="CCL20" s="8"/>
      <c r="CCM20" s="8"/>
      <c r="CCN20" s="8"/>
      <c r="CCO20" s="8"/>
      <c r="CCP20" s="8"/>
      <c r="CCQ20" s="8"/>
      <c r="CCR20" s="8"/>
      <c r="CCS20" s="8"/>
      <c r="CCT20" s="8"/>
      <c r="CCU20" s="8"/>
      <c r="CCV20" s="8"/>
      <c r="CCW20" s="8"/>
      <c r="CCX20" s="8"/>
      <c r="CCY20" s="8"/>
      <c r="CCZ20" s="8"/>
      <c r="CDA20" s="8"/>
      <c r="CDB20" s="8"/>
      <c r="CDC20" s="8"/>
      <c r="CDD20" s="8"/>
      <c r="CDE20" s="8"/>
      <c r="CDF20" s="8"/>
      <c r="CDG20" s="8"/>
      <c r="CDH20" s="8"/>
      <c r="CDI20" s="8"/>
      <c r="CDJ20" s="8"/>
      <c r="CDK20" s="8"/>
      <c r="CDL20" s="8"/>
      <c r="CDM20" s="8"/>
      <c r="CDN20" s="8"/>
      <c r="CDO20" s="8"/>
      <c r="CDP20" s="8"/>
      <c r="CDQ20" s="8"/>
      <c r="CDR20" s="8"/>
      <c r="CDS20" s="8"/>
      <c r="CDT20" s="8"/>
      <c r="CDU20" s="8"/>
      <c r="CDV20" s="8"/>
      <c r="CDW20" s="8"/>
      <c r="CDX20" s="8"/>
      <c r="CDY20" s="8"/>
      <c r="CDZ20" s="8"/>
      <c r="CEA20" s="8"/>
      <c r="CEB20" s="8"/>
      <c r="CEC20" s="8"/>
      <c r="CED20" s="8"/>
      <c r="CEE20" s="8"/>
      <c r="CEF20" s="8"/>
      <c r="CEG20" s="8"/>
      <c r="CEH20" s="8"/>
      <c r="CEI20" s="8"/>
      <c r="CEJ20" s="8"/>
      <c r="CEK20" s="8"/>
      <c r="CEL20" s="8"/>
      <c r="CEM20" s="8"/>
      <c r="CEN20" s="8"/>
      <c r="CEO20" s="8"/>
      <c r="CEP20" s="8"/>
      <c r="CEQ20" s="8"/>
      <c r="CER20" s="8"/>
      <c r="CES20" s="8"/>
      <c r="CET20" s="8"/>
      <c r="CEU20" s="8"/>
      <c r="CEV20" s="8"/>
      <c r="CEW20" s="8"/>
      <c r="CEX20" s="8"/>
      <c r="CEY20" s="8"/>
      <c r="CEZ20" s="8"/>
      <c r="CFA20" s="8"/>
      <c r="CFB20" s="8"/>
      <c r="CFC20" s="8"/>
      <c r="CFD20" s="8"/>
      <c r="CFE20" s="8"/>
      <c r="CFF20" s="8"/>
      <c r="CFG20" s="8"/>
      <c r="CFH20" s="8"/>
      <c r="CFI20" s="8"/>
      <c r="CFJ20" s="8"/>
      <c r="CFK20" s="8"/>
      <c r="CFL20" s="8"/>
      <c r="CFM20" s="8"/>
      <c r="CFN20" s="8"/>
      <c r="CFO20" s="8"/>
      <c r="CFP20" s="8"/>
      <c r="CFQ20" s="8"/>
      <c r="CFR20" s="8"/>
      <c r="CFS20" s="8"/>
      <c r="CFT20" s="8"/>
      <c r="CFU20" s="8"/>
      <c r="CFV20" s="8"/>
      <c r="CFW20" s="8"/>
      <c r="CFX20" s="8"/>
      <c r="CFY20" s="8"/>
      <c r="CFZ20" s="8"/>
      <c r="CGA20" s="8"/>
      <c r="CGB20" s="8"/>
      <c r="CGC20" s="8"/>
      <c r="CGD20" s="8"/>
      <c r="CGE20" s="8"/>
      <c r="CGF20" s="8"/>
      <c r="CGG20" s="8"/>
      <c r="CGH20" s="8"/>
      <c r="CGI20" s="8"/>
      <c r="CGJ20" s="8"/>
      <c r="CGK20" s="8"/>
      <c r="CGL20" s="8"/>
      <c r="CGM20" s="8"/>
      <c r="CGN20" s="8"/>
      <c r="CGO20" s="8"/>
      <c r="CGP20" s="8"/>
      <c r="CGQ20" s="8"/>
      <c r="CGR20" s="8"/>
      <c r="CGS20" s="8"/>
      <c r="CGT20" s="8"/>
      <c r="CGU20" s="8"/>
      <c r="CGV20" s="8"/>
      <c r="CGW20" s="8"/>
      <c r="CGX20" s="8"/>
      <c r="CGY20" s="8"/>
      <c r="CGZ20" s="8"/>
      <c r="CHA20" s="8"/>
      <c r="CHB20" s="8"/>
      <c r="CHC20" s="8"/>
      <c r="CHD20" s="8"/>
      <c r="CHE20" s="8"/>
      <c r="CHF20" s="8"/>
      <c r="CHG20" s="8"/>
      <c r="CHH20" s="8"/>
      <c r="CHI20" s="8"/>
      <c r="CHJ20" s="8"/>
      <c r="CHK20" s="8"/>
      <c r="CHL20" s="8"/>
      <c r="CHM20" s="8"/>
      <c r="CHN20" s="8"/>
      <c r="CHO20" s="8"/>
      <c r="CHP20" s="8"/>
      <c r="CHQ20" s="8"/>
      <c r="CHR20" s="8"/>
      <c r="CHS20" s="8"/>
      <c r="CHT20" s="8"/>
      <c r="CHU20" s="8"/>
      <c r="CHV20" s="8"/>
      <c r="CHW20" s="8"/>
      <c r="CHX20" s="8"/>
      <c r="CHY20" s="8"/>
      <c r="CHZ20" s="8"/>
      <c r="CIA20" s="8"/>
      <c r="CIB20" s="8"/>
      <c r="CIC20" s="8"/>
      <c r="CID20" s="8"/>
      <c r="CIE20" s="8"/>
      <c r="CIF20" s="8"/>
      <c r="CIG20" s="8"/>
      <c r="CIH20" s="8"/>
      <c r="CII20" s="8"/>
      <c r="CIJ20" s="8"/>
      <c r="CIK20" s="8"/>
      <c r="CIL20" s="8"/>
      <c r="CIM20" s="8"/>
      <c r="CIN20" s="8"/>
      <c r="CIO20" s="8"/>
      <c r="CIP20" s="8"/>
      <c r="CIQ20" s="8"/>
      <c r="CIR20" s="8"/>
      <c r="CIS20" s="8"/>
      <c r="CIT20" s="8"/>
      <c r="CIU20" s="8"/>
      <c r="CIV20" s="8"/>
      <c r="CIW20" s="8"/>
      <c r="CIX20" s="8"/>
      <c r="CIY20" s="8"/>
      <c r="CIZ20" s="8"/>
      <c r="CJA20" s="8"/>
      <c r="CJB20" s="8"/>
      <c r="CJC20" s="8"/>
      <c r="CJD20" s="8"/>
      <c r="CJE20" s="8"/>
      <c r="CJF20" s="8"/>
      <c r="CJG20" s="8"/>
      <c r="CJH20" s="8"/>
      <c r="CJI20" s="8"/>
      <c r="CJJ20" s="8"/>
      <c r="CJK20" s="8"/>
      <c r="CJL20" s="8"/>
      <c r="CJM20" s="8"/>
      <c r="CJN20" s="8"/>
      <c r="CJO20" s="8"/>
      <c r="CJP20" s="8"/>
      <c r="CJQ20" s="8"/>
      <c r="CJR20" s="8"/>
      <c r="CJS20" s="8"/>
      <c r="CJT20" s="8"/>
      <c r="CJU20" s="8"/>
      <c r="CJV20" s="8"/>
      <c r="CJW20" s="8"/>
      <c r="CJX20" s="8"/>
      <c r="CJY20" s="8"/>
      <c r="CJZ20" s="8"/>
      <c r="CKA20" s="8"/>
      <c r="CKB20" s="8"/>
      <c r="CKC20" s="8"/>
      <c r="CKD20" s="8"/>
      <c r="CKE20" s="8"/>
      <c r="CKF20" s="8"/>
      <c r="CKG20" s="8"/>
      <c r="CKH20" s="8"/>
      <c r="CKI20" s="8"/>
      <c r="CKJ20" s="8"/>
      <c r="CKK20" s="8"/>
      <c r="CKL20" s="8"/>
      <c r="CKM20" s="8"/>
      <c r="CKN20" s="8"/>
      <c r="CKO20" s="8"/>
      <c r="CKP20" s="8"/>
      <c r="CKQ20" s="8"/>
      <c r="CKR20" s="8"/>
      <c r="CKS20" s="8"/>
      <c r="CKT20" s="8"/>
      <c r="CKU20" s="8"/>
      <c r="CKV20" s="8"/>
      <c r="CKW20" s="8"/>
      <c r="CKX20" s="8"/>
      <c r="CKY20" s="8"/>
      <c r="CKZ20" s="8"/>
      <c r="CLA20" s="8"/>
      <c r="CLB20" s="8"/>
      <c r="CLC20" s="8"/>
      <c r="CLD20" s="8"/>
      <c r="CLE20" s="8"/>
      <c r="CLF20" s="8"/>
      <c r="CLG20" s="8"/>
      <c r="CLH20" s="8"/>
      <c r="CLI20" s="8"/>
      <c r="CLJ20" s="8"/>
      <c r="CLK20" s="8"/>
      <c r="CLL20" s="8"/>
      <c r="CLM20" s="8"/>
      <c r="CLN20" s="8"/>
      <c r="CLO20" s="8"/>
      <c r="CLP20" s="8"/>
      <c r="CLQ20" s="8"/>
      <c r="CLR20" s="8"/>
      <c r="CLS20" s="8"/>
      <c r="CLT20" s="8"/>
      <c r="CLU20" s="8"/>
      <c r="CLV20" s="8"/>
      <c r="CLW20" s="8"/>
      <c r="CLX20" s="8"/>
      <c r="CLY20" s="8"/>
      <c r="CLZ20" s="8"/>
      <c r="CMA20" s="8"/>
      <c r="CMB20" s="8"/>
      <c r="CMC20" s="8"/>
      <c r="CMD20" s="8"/>
      <c r="CME20" s="8"/>
      <c r="CMF20" s="8"/>
      <c r="CMG20" s="8"/>
      <c r="CMH20" s="8"/>
      <c r="CMI20" s="8"/>
      <c r="CMJ20" s="8"/>
      <c r="CMK20" s="8"/>
      <c r="CML20" s="8"/>
      <c r="CMM20" s="8"/>
      <c r="CMN20" s="8"/>
      <c r="CMO20" s="8"/>
      <c r="CMP20" s="8"/>
      <c r="CMQ20" s="8"/>
      <c r="CMR20" s="8"/>
      <c r="CMS20" s="8"/>
      <c r="CMT20" s="8"/>
      <c r="CMU20" s="8"/>
      <c r="CMV20" s="8"/>
      <c r="CMW20" s="8"/>
      <c r="CMX20" s="8"/>
      <c r="CMY20" s="8"/>
      <c r="CMZ20" s="8"/>
      <c r="CNA20" s="8"/>
      <c r="CNB20" s="8"/>
      <c r="CNC20" s="8"/>
      <c r="CND20" s="8"/>
      <c r="CNE20" s="8"/>
      <c r="CNF20" s="8"/>
      <c r="CNG20" s="8"/>
      <c r="CNH20" s="8"/>
      <c r="CNI20" s="8"/>
      <c r="CNJ20" s="8"/>
      <c r="CNK20" s="8"/>
      <c r="CNL20" s="8"/>
      <c r="CNM20" s="8"/>
      <c r="CNN20" s="8"/>
      <c r="CNO20" s="8"/>
      <c r="CNP20" s="8"/>
      <c r="CNQ20" s="8"/>
      <c r="CNR20" s="8"/>
      <c r="CNS20" s="8"/>
      <c r="CNT20" s="8"/>
      <c r="CNU20" s="8"/>
      <c r="CNV20" s="8"/>
      <c r="CNW20" s="8"/>
      <c r="CNX20" s="8"/>
      <c r="CNY20" s="8"/>
      <c r="CNZ20" s="8"/>
      <c r="COA20" s="8"/>
      <c r="COB20" s="8"/>
      <c r="COC20" s="8"/>
      <c r="COD20" s="8"/>
      <c r="COE20" s="8"/>
      <c r="COF20" s="8"/>
      <c r="COG20" s="8"/>
      <c r="COH20" s="8"/>
      <c r="COI20" s="8"/>
      <c r="COJ20" s="8"/>
      <c r="COK20" s="8"/>
      <c r="COL20" s="8"/>
      <c r="COM20" s="8"/>
      <c r="CON20" s="8"/>
      <c r="COO20" s="8"/>
      <c r="COP20" s="8"/>
      <c r="COQ20" s="8"/>
      <c r="COR20" s="8"/>
      <c r="COS20" s="8"/>
      <c r="COT20" s="8"/>
      <c r="COU20" s="8"/>
      <c r="COV20" s="8"/>
      <c r="COW20" s="8"/>
      <c r="COX20" s="8"/>
      <c r="COY20" s="8"/>
      <c r="COZ20" s="8"/>
      <c r="CPA20" s="8"/>
      <c r="CPB20" s="8"/>
      <c r="CPC20" s="8"/>
      <c r="CPD20" s="8"/>
      <c r="CPE20" s="8"/>
      <c r="CPF20" s="8"/>
      <c r="CPG20" s="8"/>
      <c r="CPH20" s="8"/>
      <c r="CPI20" s="8"/>
      <c r="CPJ20" s="8"/>
      <c r="CPK20" s="8"/>
      <c r="CPL20" s="8"/>
      <c r="CPM20" s="8"/>
      <c r="CPN20" s="8"/>
      <c r="CPO20" s="8"/>
      <c r="CPP20" s="8"/>
      <c r="CPQ20" s="8"/>
      <c r="CPR20" s="8"/>
      <c r="CPS20" s="8"/>
      <c r="CPT20" s="8"/>
      <c r="CPU20" s="8"/>
      <c r="CPV20" s="8"/>
      <c r="CPW20" s="8"/>
      <c r="CPX20" s="8"/>
      <c r="CPY20" s="8"/>
      <c r="CPZ20" s="8"/>
      <c r="CQA20" s="8"/>
      <c r="CQB20" s="8"/>
      <c r="CQC20" s="8"/>
      <c r="CQD20" s="8"/>
      <c r="CQE20" s="8"/>
      <c r="CQF20" s="8"/>
      <c r="CQG20" s="8"/>
      <c r="CQH20" s="8"/>
      <c r="CQI20" s="8"/>
      <c r="CQJ20" s="8"/>
      <c r="CQK20" s="8"/>
      <c r="CQL20" s="8"/>
      <c r="CQM20" s="8"/>
      <c r="CQN20" s="8"/>
      <c r="CQO20" s="8"/>
      <c r="CQP20" s="8"/>
      <c r="CQQ20" s="8"/>
      <c r="CQR20" s="8"/>
      <c r="CQS20" s="8"/>
      <c r="CQT20" s="8"/>
      <c r="CQU20" s="8"/>
      <c r="CQV20" s="8"/>
      <c r="CQW20" s="8"/>
      <c r="CQX20" s="8"/>
      <c r="CQY20" s="8"/>
      <c r="CQZ20" s="8"/>
      <c r="CRA20" s="8"/>
      <c r="CRB20" s="8"/>
      <c r="CRC20" s="8"/>
      <c r="CRD20" s="8"/>
      <c r="CRE20" s="8"/>
      <c r="CRF20" s="8"/>
      <c r="CRG20" s="8"/>
      <c r="CRH20" s="8"/>
      <c r="CRI20" s="8"/>
      <c r="CRJ20" s="8"/>
      <c r="CRK20" s="8"/>
      <c r="CRL20" s="8"/>
      <c r="CRM20" s="8"/>
      <c r="CRN20" s="8"/>
      <c r="CRO20" s="8"/>
      <c r="CRP20" s="8"/>
      <c r="CRQ20" s="8"/>
      <c r="CRR20" s="8"/>
      <c r="CRS20" s="8"/>
      <c r="CRT20" s="8"/>
      <c r="CRU20" s="8"/>
      <c r="CRV20" s="8"/>
      <c r="CRW20" s="8"/>
      <c r="CRX20" s="8"/>
      <c r="CRY20" s="8"/>
      <c r="CRZ20" s="8"/>
      <c r="CSA20" s="8"/>
      <c r="CSB20" s="8"/>
      <c r="CSC20" s="8"/>
      <c r="CSD20" s="8"/>
      <c r="CSE20" s="8"/>
      <c r="CSF20" s="8"/>
      <c r="CSG20" s="8"/>
      <c r="CSH20" s="8"/>
      <c r="CSI20" s="8"/>
      <c r="CSJ20" s="8"/>
      <c r="CSK20" s="8"/>
      <c r="CSL20" s="8"/>
      <c r="CSM20" s="8"/>
      <c r="CSN20" s="8"/>
      <c r="CSO20" s="8"/>
      <c r="CSP20" s="8"/>
      <c r="CSQ20" s="8"/>
      <c r="CSR20" s="8"/>
      <c r="CSS20" s="8"/>
      <c r="CST20" s="8"/>
      <c r="CSU20" s="8"/>
      <c r="CSV20" s="8"/>
      <c r="CSW20" s="8"/>
      <c r="CSX20" s="8"/>
      <c r="CSY20" s="8"/>
      <c r="CSZ20" s="8"/>
      <c r="CTA20" s="8"/>
      <c r="CTB20" s="8"/>
      <c r="CTC20" s="8"/>
      <c r="CTD20" s="8"/>
      <c r="CTE20" s="8"/>
      <c r="CTF20" s="8"/>
      <c r="CTG20" s="8"/>
      <c r="CTH20" s="8"/>
      <c r="CTI20" s="8"/>
      <c r="CTJ20" s="8"/>
      <c r="CTK20" s="8"/>
      <c r="CTL20" s="8"/>
      <c r="CTM20" s="8"/>
      <c r="CTN20" s="8"/>
      <c r="CTO20" s="8"/>
      <c r="CTP20" s="8"/>
      <c r="CTQ20" s="8"/>
      <c r="CTR20" s="8"/>
      <c r="CTS20" s="8"/>
      <c r="CTT20" s="8"/>
      <c r="CTU20" s="8"/>
      <c r="CTV20" s="8"/>
      <c r="CTW20" s="8"/>
      <c r="CTX20" s="8"/>
      <c r="CTY20" s="8"/>
      <c r="CTZ20" s="8"/>
      <c r="CUA20" s="8"/>
      <c r="CUB20" s="8"/>
      <c r="CUC20" s="8"/>
      <c r="CUD20" s="8"/>
      <c r="CUE20" s="8"/>
      <c r="CUF20" s="8"/>
      <c r="CUG20" s="8"/>
      <c r="CUH20" s="8"/>
      <c r="CUI20" s="8"/>
      <c r="CUJ20" s="8"/>
      <c r="CUK20" s="8"/>
      <c r="CUL20" s="8"/>
      <c r="CUM20" s="8"/>
      <c r="CUN20" s="8"/>
      <c r="CUO20" s="8"/>
      <c r="CUP20" s="8"/>
      <c r="CUQ20" s="8"/>
      <c r="CUR20" s="8"/>
      <c r="CUS20" s="8"/>
      <c r="CUT20" s="8"/>
      <c r="CUU20" s="8"/>
      <c r="CUV20" s="8"/>
      <c r="CUW20" s="8"/>
      <c r="CUX20" s="8"/>
      <c r="CUY20" s="8"/>
      <c r="CUZ20" s="8"/>
      <c r="CVA20" s="8"/>
      <c r="CVB20" s="8"/>
      <c r="CVC20" s="8"/>
      <c r="CVD20" s="8"/>
      <c r="CVE20" s="8"/>
      <c r="CVF20" s="8"/>
      <c r="CVG20" s="8"/>
      <c r="CVH20" s="8"/>
      <c r="CVI20" s="8"/>
      <c r="CVJ20" s="8"/>
      <c r="CVK20" s="8"/>
      <c r="CVL20" s="8"/>
      <c r="CVM20" s="8"/>
      <c r="CVN20" s="8"/>
      <c r="CVO20" s="8"/>
      <c r="CVP20" s="8"/>
      <c r="CVQ20" s="8"/>
      <c r="CVR20" s="8"/>
      <c r="CVS20" s="8"/>
      <c r="CVT20" s="8"/>
      <c r="CVU20" s="8"/>
      <c r="CVV20" s="8"/>
      <c r="CVW20" s="8"/>
      <c r="CVX20" s="8"/>
      <c r="CVY20" s="8"/>
      <c r="CVZ20" s="8"/>
      <c r="CWA20" s="8"/>
      <c r="CWB20" s="8"/>
      <c r="CWC20" s="8"/>
      <c r="CWD20" s="8"/>
      <c r="CWE20" s="8"/>
      <c r="CWF20" s="8"/>
      <c r="CWG20" s="8"/>
      <c r="CWH20" s="8"/>
      <c r="CWI20" s="8"/>
      <c r="CWJ20" s="8"/>
      <c r="CWK20" s="8"/>
      <c r="CWL20" s="8"/>
      <c r="CWM20" s="8"/>
      <c r="CWN20" s="8"/>
      <c r="CWO20" s="8"/>
      <c r="CWP20" s="8"/>
      <c r="CWQ20" s="8"/>
      <c r="CWR20" s="8"/>
      <c r="CWS20" s="8"/>
      <c r="CWT20" s="8"/>
      <c r="CWU20" s="8"/>
      <c r="CWV20" s="8"/>
      <c r="CWW20" s="8"/>
      <c r="CWX20" s="8"/>
      <c r="CWY20" s="8"/>
      <c r="CWZ20" s="8"/>
      <c r="CXA20" s="8"/>
      <c r="CXB20" s="8"/>
      <c r="CXC20" s="8"/>
      <c r="CXD20" s="8"/>
      <c r="CXE20" s="8"/>
      <c r="CXF20" s="8"/>
      <c r="CXG20" s="8"/>
      <c r="CXH20" s="8"/>
      <c r="CXI20" s="8"/>
      <c r="CXJ20" s="8"/>
      <c r="CXK20" s="8"/>
      <c r="CXL20" s="8"/>
      <c r="CXM20" s="8"/>
      <c r="CXN20" s="8"/>
      <c r="CXO20" s="8"/>
      <c r="CXP20" s="8"/>
      <c r="CXQ20" s="8"/>
      <c r="CXR20" s="8"/>
      <c r="CXS20" s="8"/>
      <c r="CXT20" s="8"/>
      <c r="CXU20" s="8"/>
      <c r="CXV20" s="8"/>
      <c r="CXW20" s="8"/>
      <c r="CXX20" s="8"/>
      <c r="CXY20" s="8"/>
      <c r="CXZ20" s="8"/>
      <c r="CYA20" s="8"/>
      <c r="CYB20" s="8"/>
      <c r="CYC20" s="8"/>
      <c r="CYD20" s="8"/>
      <c r="CYE20" s="8"/>
      <c r="CYF20" s="8"/>
      <c r="CYG20" s="8"/>
      <c r="CYH20" s="8"/>
      <c r="CYI20" s="8"/>
      <c r="CYJ20" s="8"/>
      <c r="CYK20" s="8"/>
      <c r="CYL20" s="8"/>
      <c r="CYM20" s="8"/>
      <c r="CYN20" s="8"/>
      <c r="CYO20" s="8"/>
      <c r="CYP20" s="8"/>
      <c r="CYQ20" s="8"/>
      <c r="CYR20" s="8"/>
      <c r="CYS20" s="8"/>
      <c r="CYT20" s="8"/>
      <c r="CYU20" s="8"/>
      <c r="CYV20" s="8"/>
      <c r="CYW20" s="8"/>
      <c r="CYX20" s="8"/>
      <c r="CYY20" s="8"/>
      <c r="CYZ20" s="8"/>
      <c r="CZA20" s="8"/>
      <c r="CZB20" s="8"/>
      <c r="CZC20" s="8"/>
      <c r="CZD20" s="8"/>
      <c r="CZE20" s="8"/>
      <c r="CZF20" s="8"/>
      <c r="CZG20" s="8"/>
      <c r="CZH20" s="8"/>
      <c r="CZI20" s="8"/>
      <c r="CZJ20" s="8"/>
      <c r="CZK20" s="8"/>
      <c r="CZL20" s="8"/>
      <c r="CZM20" s="8"/>
      <c r="CZN20" s="8"/>
      <c r="CZO20" s="8"/>
      <c r="CZP20" s="8"/>
      <c r="CZQ20" s="8"/>
      <c r="CZR20" s="8"/>
      <c r="CZS20" s="8"/>
      <c r="CZT20" s="8"/>
      <c r="CZU20" s="8"/>
      <c r="CZV20" s="8"/>
      <c r="CZW20" s="8"/>
      <c r="CZX20" s="8"/>
      <c r="CZY20" s="8"/>
      <c r="CZZ20" s="8"/>
      <c r="DAA20" s="8"/>
      <c r="DAB20" s="8"/>
      <c r="DAC20" s="8"/>
      <c r="DAD20" s="8"/>
      <c r="DAE20" s="8"/>
      <c r="DAF20" s="8"/>
      <c r="DAG20" s="8"/>
      <c r="DAH20" s="8"/>
      <c r="DAI20" s="8"/>
      <c r="DAJ20" s="8"/>
      <c r="DAK20" s="8"/>
      <c r="DAL20" s="8"/>
      <c r="DAM20" s="8"/>
      <c r="DAN20" s="8"/>
      <c r="DAO20" s="8"/>
      <c r="DAP20" s="8"/>
      <c r="DAQ20" s="8"/>
      <c r="DAR20" s="8"/>
      <c r="DAS20" s="8"/>
      <c r="DAT20" s="8"/>
      <c r="DAU20" s="8"/>
      <c r="DAV20" s="8"/>
      <c r="DAW20" s="8"/>
      <c r="DAX20" s="8"/>
      <c r="DAY20" s="8"/>
      <c r="DAZ20" s="8"/>
      <c r="DBA20" s="8"/>
      <c r="DBB20" s="8"/>
      <c r="DBC20" s="8"/>
      <c r="DBD20" s="8"/>
      <c r="DBE20" s="8"/>
      <c r="DBF20" s="8"/>
      <c r="DBG20" s="8"/>
      <c r="DBH20" s="8"/>
      <c r="DBI20" s="8"/>
      <c r="DBJ20" s="8"/>
      <c r="DBK20" s="8"/>
      <c r="DBL20" s="8"/>
      <c r="DBM20" s="8"/>
      <c r="DBN20" s="8"/>
      <c r="DBO20" s="8"/>
      <c r="DBP20" s="8"/>
      <c r="DBQ20" s="8"/>
      <c r="DBR20" s="8"/>
      <c r="DBS20" s="8"/>
      <c r="DBT20" s="8"/>
      <c r="DBU20" s="8"/>
      <c r="DBV20" s="8"/>
      <c r="DBW20" s="8"/>
      <c r="DBX20" s="8"/>
      <c r="DBY20" s="8"/>
      <c r="DBZ20" s="8"/>
      <c r="DCA20" s="8"/>
      <c r="DCB20" s="8"/>
      <c r="DCC20" s="8"/>
      <c r="DCD20" s="8"/>
      <c r="DCE20" s="8"/>
      <c r="DCF20" s="8"/>
      <c r="DCG20" s="8"/>
      <c r="DCH20" s="8"/>
      <c r="DCI20" s="8"/>
      <c r="DCJ20" s="8"/>
      <c r="DCK20" s="8"/>
      <c r="DCL20" s="8"/>
      <c r="DCM20" s="8"/>
      <c r="DCN20" s="8"/>
      <c r="DCO20" s="8"/>
      <c r="DCP20" s="8"/>
      <c r="DCQ20" s="8"/>
      <c r="DCR20" s="8"/>
      <c r="DCS20" s="8"/>
      <c r="DCT20" s="8"/>
      <c r="DCU20" s="8"/>
      <c r="DCV20" s="8"/>
      <c r="DCW20" s="8"/>
      <c r="DCX20" s="8"/>
      <c r="DCY20" s="8"/>
      <c r="DCZ20" s="8"/>
      <c r="DDA20" s="8"/>
      <c r="DDB20" s="8"/>
      <c r="DDC20" s="8"/>
      <c r="DDD20" s="8"/>
      <c r="DDE20" s="8"/>
      <c r="DDF20" s="8"/>
      <c r="DDG20" s="8"/>
      <c r="DDH20" s="8"/>
      <c r="DDI20" s="8"/>
      <c r="DDJ20" s="8"/>
      <c r="DDK20" s="8"/>
      <c r="DDL20" s="8"/>
      <c r="DDM20" s="8"/>
      <c r="DDN20" s="8"/>
      <c r="DDO20" s="8"/>
      <c r="DDP20" s="8"/>
      <c r="DDQ20" s="8"/>
      <c r="DDR20" s="8"/>
      <c r="DDS20" s="8"/>
      <c r="DDT20" s="8"/>
      <c r="DDU20" s="8"/>
      <c r="DDV20" s="8"/>
      <c r="DDW20" s="8"/>
      <c r="DDX20" s="8"/>
      <c r="DDY20" s="8"/>
      <c r="DDZ20" s="8"/>
      <c r="DEA20" s="8"/>
      <c r="DEB20" s="8"/>
      <c r="DEC20" s="8"/>
      <c r="DED20" s="8"/>
      <c r="DEE20" s="8"/>
      <c r="DEF20" s="8"/>
      <c r="DEG20" s="8"/>
      <c r="DEH20" s="8"/>
      <c r="DEI20" s="8"/>
      <c r="DEJ20" s="8"/>
      <c r="DEK20" s="8"/>
      <c r="DEL20" s="8"/>
      <c r="DEM20" s="8"/>
      <c r="DEN20" s="8"/>
      <c r="DEO20" s="8"/>
      <c r="DEP20" s="8"/>
      <c r="DEQ20" s="8"/>
      <c r="DER20" s="8"/>
      <c r="DES20" s="8"/>
      <c r="DET20" s="8"/>
      <c r="DEU20" s="8"/>
      <c r="DEV20" s="8"/>
      <c r="DEW20" s="8"/>
      <c r="DEX20" s="8"/>
      <c r="DEY20" s="8"/>
      <c r="DEZ20" s="8"/>
      <c r="DFA20" s="8"/>
      <c r="DFB20" s="8"/>
      <c r="DFC20" s="8"/>
      <c r="DFD20" s="8"/>
      <c r="DFE20" s="8"/>
      <c r="DFF20" s="8"/>
      <c r="DFG20" s="8"/>
      <c r="DFH20" s="8"/>
      <c r="DFI20" s="8"/>
      <c r="DFJ20" s="8"/>
      <c r="DFK20" s="8"/>
      <c r="DFL20" s="8"/>
      <c r="DFM20" s="8"/>
      <c r="DFN20" s="8"/>
      <c r="DFO20" s="8"/>
      <c r="DFP20" s="8"/>
      <c r="DFQ20" s="8"/>
      <c r="DFR20" s="8"/>
      <c r="DFS20" s="8"/>
      <c r="DFT20" s="8"/>
      <c r="DFU20" s="8"/>
      <c r="DFV20" s="8"/>
      <c r="DFW20" s="8"/>
      <c r="DFX20" s="8"/>
      <c r="DFY20" s="8"/>
      <c r="DFZ20" s="8"/>
      <c r="DGA20" s="8"/>
      <c r="DGB20" s="8"/>
      <c r="DGC20" s="8"/>
      <c r="DGD20" s="8"/>
      <c r="DGE20" s="8"/>
      <c r="DGF20" s="8"/>
      <c r="DGG20" s="8"/>
      <c r="DGH20" s="8"/>
      <c r="DGI20" s="8"/>
      <c r="DGJ20" s="8"/>
      <c r="DGK20" s="8"/>
      <c r="DGL20" s="8"/>
      <c r="DGM20" s="8"/>
      <c r="DGN20" s="8"/>
      <c r="DGO20" s="8"/>
      <c r="DGP20" s="8"/>
      <c r="DGQ20" s="8"/>
      <c r="DGR20" s="8"/>
      <c r="DGS20" s="8"/>
      <c r="DGT20" s="8"/>
      <c r="DGU20" s="8"/>
      <c r="DGV20" s="8"/>
      <c r="DGW20" s="8"/>
      <c r="DGX20" s="8"/>
      <c r="DGY20" s="8"/>
      <c r="DGZ20" s="8"/>
      <c r="DHA20" s="8"/>
      <c r="DHB20" s="8"/>
      <c r="DHC20" s="8"/>
      <c r="DHD20" s="8"/>
      <c r="DHE20" s="8"/>
      <c r="DHF20" s="8"/>
      <c r="DHG20" s="8"/>
      <c r="DHH20" s="8"/>
      <c r="DHI20" s="8"/>
      <c r="DHJ20" s="8"/>
      <c r="DHK20" s="8"/>
      <c r="DHL20" s="8"/>
      <c r="DHM20" s="8"/>
      <c r="DHN20" s="8"/>
      <c r="DHO20" s="8"/>
      <c r="DHP20" s="8"/>
      <c r="DHQ20" s="8"/>
      <c r="DHR20" s="8"/>
      <c r="DHS20" s="8"/>
      <c r="DHT20" s="8"/>
      <c r="DHU20" s="8"/>
      <c r="DHV20" s="8"/>
      <c r="DHW20" s="8"/>
      <c r="DHX20" s="8"/>
      <c r="DHY20" s="8"/>
      <c r="DHZ20" s="8"/>
      <c r="DIA20" s="8"/>
      <c r="DIB20" s="8"/>
      <c r="DIC20" s="8"/>
      <c r="DID20" s="8"/>
      <c r="DIE20" s="8"/>
      <c r="DIF20" s="8"/>
      <c r="DIG20" s="8"/>
      <c r="DIH20" s="8"/>
      <c r="DII20" s="8"/>
      <c r="DIJ20" s="8"/>
      <c r="DIK20" s="8"/>
      <c r="DIL20" s="8"/>
      <c r="DIM20" s="8"/>
      <c r="DIN20" s="8"/>
      <c r="DIO20" s="8"/>
      <c r="DIP20" s="8"/>
      <c r="DIQ20" s="8"/>
      <c r="DIR20" s="8"/>
      <c r="DIS20" s="8"/>
      <c r="DIT20" s="8"/>
      <c r="DIU20" s="8"/>
      <c r="DIV20" s="8"/>
      <c r="DIW20" s="8"/>
      <c r="DIX20" s="8"/>
      <c r="DIY20" s="8"/>
      <c r="DIZ20" s="8"/>
      <c r="DJA20" s="8"/>
      <c r="DJB20" s="8"/>
      <c r="DJC20" s="8"/>
      <c r="DJD20" s="8"/>
      <c r="DJE20" s="8"/>
      <c r="DJF20" s="8"/>
      <c r="DJG20" s="8"/>
      <c r="DJH20" s="8"/>
      <c r="DJI20" s="8"/>
      <c r="DJJ20" s="8"/>
      <c r="DJK20" s="8"/>
      <c r="DJL20" s="8"/>
      <c r="DJM20" s="8"/>
      <c r="DJN20" s="8"/>
      <c r="DJO20" s="8"/>
      <c r="DJP20" s="8"/>
      <c r="DJQ20" s="8"/>
      <c r="DJR20" s="8"/>
      <c r="DJS20" s="8"/>
      <c r="DJT20" s="8"/>
      <c r="DJU20" s="8"/>
      <c r="DJV20" s="8"/>
      <c r="DJW20" s="8"/>
      <c r="DJX20" s="8"/>
      <c r="DJY20" s="8"/>
      <c r="DJZ20" s="8"/>
      <c r="DKA20" s="8"/>
      <c r="DKB20" s="8"/>
      <c r="DKC20" s="8"/>
      <c r="DKD20" s="8"/>
      <c r="DKE20" s="8"/>
      <c r="DKF20" s="8"/>
      <c r="DKG20" s="8"/>
      <c r="DKH20" s="8"/>
      <c r="DKI20" s="8"/>
      <c r="DKJ20" s="8"/>
      <c r="DKK20" s="8"/>
      <c r="DKL20" s="8"/>
      <c r="DKM20" s="8"/>
      <c r="DKN20" s="8"/>
      <c r="DKO20" s="8"/>
      <c r="DKP20" s="8"/>
      <c r="DKQ20" s="8"/>
      <c r="DKR20" s="8"/>
      <c r="DKS20" s="8"/>
      <c r="DKT20" s="8"/>
      <c r="DKU20" s="8"/>
      <c r="DKV20" s="8"/>
      <c r="DKW20" s="8"/>
      <c r="DKX20" s="8"/>
      <c r="DKY20" s="8"/>
      <c r="DKZ20" s="8"/>
      <c r="DLA20" s="8"/>
      <c r="DLB20" s="8"/>
      <c r="DLC20" s="8"/>
      <c r="DLD20" s="8"/>
      <c r="DLE20" s="8"/>
      <c r="DLF20" s="8"/>
      <c r="DLG20" s="8"/>
      <c r="DLH20" s="8"/>
      <c r="DLI20" s="8"/>
      <c r="DLJ20" s="8"/>
      <c r="DLK20" s="8"/>
      <c r="DLL20" s="8"/>
      <c r="DLM20" s="8"/>
      <c r="DLN20" s="8"/>
      <c r="DLO20" s="8"/>
      <c r="DLP20" s="8"/>
      <c r="DLQ20" s="8"/>
      <c r="DLR20" s="8"/>
      <c r="DLS20" s="8"/>
      <c r="DLT20" s="8"/>
      <c r="DLU20" s="8"/>
      <c r="DLV20" s="8"/>
      <c r="DLW20" s="8"/>
      <c r="DLX20" s="8"/>
      <c r="DLY20" s="8"/>
      <c r="DLZ20" s="8"/>
      <c r="DMA20" s="8"/>
      <c r="DMB20" s="8"/>
      <c r="DMC20" s="8"/>
      <c r="DMD20" s="8"/>
      <c r="DME20" s="8"/>
      <c r="DMF20" s="8"/>
      <c r="DMG20" s="8"/>
      <c r="DMH20" s="8"/>
      <c r="DMI20" s="8"/>
      <c r="DMJ20" s="8"/>
      <c r="DMK20" s="8"/>
      <c r="DML20" s="8"/>
      <c r="DMM20" s="8"/>
      <c r="DMN20" s="8"/>
      <c r="DMO20" s="8"/>
      <c r="DMP20" s="8"/>
      <c r="DMQ20" s="8"/>
      <c r="DMR20" s="8"/>
      <c r="DMS20" s="8"/>
      <c r="DMT20" s="8"/>
      <c r="DMU20" s="8"/>
      <c r="DMV20" s="8"/>
      <c r="DMW20" s="8"/>
      <c r="DMX20" s="8"/>
      <c r="DMY20" s="8"/>
      <c r="DMZ20" s="8"/>
      <c r="DNA20" s="8"/>
      <c r="DNB20" s="8"/>
      <c r="DNC20" s="8"/>
      <c r="DND20" s="8"/>
      <c r="DNE20" s="8"/>
      <c r="DNF20" s="8"/>
      <c r="DNG20" s="8"/>
      <c r="DNH20" s="8"/>
      <c r="DNI20" s="8"/>
      <c r="DNJ20" s="8"/>
      <c r="DNK20" s="8"/>
      <c r="DNL20" s="8"/>
      <c r="DNM20" s="8"/>
      <c r="DNN20" s="8"/>
      <c r="DNO20" s="8"/>
      <c r="DNP20" s="8"/>
      <c r="DNQ20" s="8"/>
      <c r="DNR20" s="8"/>
      <c r="DNS20" s="8"/>
      <c r="DNT20" s="8"/>
      <c r="DNU20" s="8"/>
      <c r="DNV20" s="8"/>
      <c r="DNW20" s="8"/>
      <c r="DNX20" s="8"/>
      <c r="DNY20" s="8"/>
      <c r="DNZ20" s="8"/>
      <c r="DOA20" s="8"/>
      <c r="DOB20" s="8"/>
      <c r="DOC20" s="8"/>
      <c r="DOD20" s="8"/>
      <c r="DOE20" s="8"/>
      <c r="DOF20" s="8"/>
      <c r="DOG20" s="8"/>
      <c r="DOH20" s="8"/>
      <c r="DOI20" s="8"/>
      <c r="DOJ20" s="8"/>
      <c r="DOK20" s="8"/>
      <c r="DOL20" s="8"/>
      <c r="DOM20" s="8"/>
      <c r="DON20" s="8"/>
      <c r="DOO20" s="8"/>
      <c r="DOP20" s="8"/>
      <c r="DOQ20" s="8"/>
      <c r="DOR20" s="8"/>
      <c r="DOS20" s="8"/>
      <c r="DOT20" s="8"/>
      <c r="DOU20" s="8"/>
      <c r="DOV20" s="8"/>
      <c r="DOW20" s="8"/>
      <c r="DOX20" s="8"/>
      <c r="DOY20" s="8"/>
      <c r="DOZ20" s="8"/>
      <c r="DPA20" s="8"/>
      <c r="DPB20" s="8"/>
      <c r="DPC20" s="8"/>
      <c r="DPD20" s="8"/>
      <c r="DPE20" s="8"/>
      <c r="DPF20" s="8"/>
      <c r="DPG20" s="8"/>
      <c r="DPH20" s="8"/>
      <c r="DPI20" s="8"/>
      <c r="DPJ20" s="8"/>
      <c r="DPK20" s="8"/>
      <c r="DPL20" s="8"/>
      <c r="DPM20" s="8"/>
      <c r="DPN20" s="8"/>
      <c r="DPO20" s="8"/>
      <c r="DPP20" s="8"/>
      <c r="DPQ20" s="8"/>
      <c r="DPR20" s="8"/>
      <c r="DPS20" s="8"/>
      <c r="DPT20" s="8"/>
      <c r="DPU20" s="8"/>
      <c r="DPV20" s="8"/>
      <c r="DPW20" s="8"/>
      <c r="DPX20" s="8"/>
      <c r="DPY20" s="8"/>
      <c r="DPZ20" s="8"/>
      <c r="DQA20" s="8"/>
      <c r="DQB20" s="8"/>
      <c r="DQC20" s="8"/>
      <c r="DQD20" s="8"/>
      <c r="DQE20" s="8"/>
      <c r="DQF20" s="8"/>
      <c r="DQG20" s="8"/>
      <c r="DQH20" s="8"/>
      <c r="DQI20" s="8"/>
      <c r="DQJ20" s="8"/>
      <c r="DQK20" s="8"/>
      <c r="DQL20" s="8"/>
      <c r="DQM20" s="8"/>
      <c r="DQN20" s="8"/>
      <c r="DQO20" s="8"/>
      <c r="DQP20" s="8"/>
      <c r="DQQ20" s="8"/>
      <c r="DQR20" s="8"/>
      <c r="DQS20" s="8"/>
      <c r="DQT20" s="8"/>
      <c r="DQU20" s="8"/>
      <c r="DQV20" s="8"/>
      <c r="DQW20" s="8"/>
      <c r="DQX20" s="8"/>
      <c r="DQY20" s="8"/>
      <c r="DQZ20" s="8"/>
      <c r="DRA20" s="8"/>
      <c r="DRB20" s="8"/>
      <c r="DRC20" s="8"/>
      <c r="DRD20" s="8"/>
      <c r="DRE20" s="8"/>
      <c r="DRF20" s="8"/>
      <c r="DRG20" s="8"/>
      <c r="DRH20" s="8"/>
      <c r="DRI20" s="8"/>
      <c r="DRJ20" s="8"/>
      <c r="DRK20" s="8"/>
      <c r="DRL20" s="8"/>
      <c r="DRM20" s="8"/>
      <c r="DRN20" s="8"/>
      <c r="DRO20" s="8"/>
      <c r="DRP20" s="8"/>
      <c r="DRQ20" s="8"/>
      <c r="DRR20" s="8"/>
      <c r="DRS20" s="8"/>
      <c r="DRT20" s="8"/>
      <c r="DRU20" s="8"/>
      <c r="DRV20" s="8"/>
      <c r="DRW20" s="8"/>
      <c r="DRX20" s="8"/>
      <c r="DRY20" s="8"/>
      <c r="DRZ20" s="8"/>
      <c r="DSA20" s="8"/>
      <c r="DSB20" s="8"/>
      <c r="DSC20" s="8"/>
      <c r="DSD20" s="8"/>
      <c r="DSE20" s="8"/>
      <c r="DSF20" s="8"/>
      <c r="DSG20" s="8"/>
      <c r="DSH20" s="8"/>
      <c r="DSI20" s="8"/>
      <c r="DSJ20" s="8"/>
      <c r="DSK20" s="8"/>
      <c r="DSL20" s="8"/>
      <c r="DSM20" s="8"/>
      <c r="DSN20" s="8"/>
      <c r="DSO20" s="8"/>
      <c r="DSP20" s="8"/>
      <c r="DSQ20" s="8"/>
      <c r="DSR20" s="8"/>
      <c r="DSS20" s="8"/>
      <c r="DST20" s="8"/>
      <c r="DSU20" s="8"/>
      <c r="DSV20" s="8"/>
      <c r="DSW20" s="8"/>
      <c r="DSX20" s="8"/>
      <c r="DSY20" s="8"/>
      <c r="DSZ20" s="8"/>
      <c r="DTA20" s="8"/>
      <c r="DTB20" s="8"/>
      <c r="DTC20" s="8"/>
      <c r="DTD20" s="8"/>
      <c r="DTE20" s="8"/>
      <c r="DTF20" s="8"/>
      <c r="DTG20" s="8"/>
      <c r="DTH20" s="8"/>
      <c r="DTI20" s="8"/>
      <c r="DTJ20" s="8"/>
      <c r="DTK20" s="8"/>
      <c r="DTL20" s="8"/>
      <c r="DTM20" s="8"/>
      <c r="DTN20" s="8"/>
      <c r="DTO20" s="8"/>
      <c r="DTP20" s="8"/>
      <c r="DTQ20" s="8"/>
      <c r="DTR20" s="8"/>
      <c r="DTS20" s="8"/>
      <c r="DTT20" s="8"/>
      <c r="DTU20" s="8"/>
      <c r="DTV20" s="8"/>
      <c r="DTW20" s="8"/>
      <c r="DTX20" s="8"/>
      <c r="DTY20" s="8"/>
      <c r="DTZ20" s="8"/>
      <c r="DUA20" s="8"/>
      <c r="DUB20" s="8"/>
      <c r="DUC20" s="8"/>
      <c r="DUD20" s="8"/>
      <c r="DUE20" s="8"/>
      <c r="DUF20" s="8"/>
      <c r="DUG20" s="8"/>
      <c r="DUH20" s="8"/>
      <c r="DUI20" s="8"/>
      <c r="DUJ20" s="8"/>
      <c r="DUK20" s="8"/>
      <c r="DUL20" s="8"/>
      <c r="DUM20" s="8"/>
      <c r="DUN20" s="8"/>
      <c r="DUO20" s="8"/>
      <c r="DUP20" s="8"/>
      <c r="DUQ20" s="8"/>
      <c r="DUR20" s="8"/>
      <c r="DUS20" s="8"/>
      <c r="DUT20" s="8"/>
      <c r="DUU20" s="8"/>
      <c r="DUV20" s="8"/>
      <c r="DUW20" s="8"/>
      <c r="DUX20" s="8"/>
      <c r="DUY20" s="8"/>
      <c r="DUZ20" s="8"/>
      <c r="DVA20" s="8"/>
      <c r="DVB20" s="8"/>
      <c r="DVC20" s="8"/>
      <c r="DVD20" s="8"/>
      <c r="DVE20" s="8"/>
      <c r="DVF20" s="8"/>
      <c r="DVG20" s="8"/>
      <c r="DVH20" s="8"/>
      <c r="DVI20" s="8"/>
      <c r="DVJ20" s="8"/>
      <c r="DVK20" s="8"/>
      <c r="DVL20" s="8"/>
      <c r="DVM20" s="8"/>
      <c r="DVN20" s="8"/>
      <c r="DVO20" s="8"/>
      <c r="DVP20" s="8"/>
      <c r="DVQ20" s="8"/>
      <c r="DVR20" s="8"/>
      <c r="DVS20" s="8"/>
      <c r="DVT20" s="8"/>
      <c r="DVU20" s="8"/>
      <c r="DVV20" s="8"/>
      <c r="DVW20" s="8"/>
      <c r="DVX20" s="8"/>
      <c r="DVY20" s="8"/>
      <c r="DVZ20" s="8"/>
      <c r="DWA20" s="8"/>
      <c r="DWB20" s="8"/>
      <c r="DWC20" s="8"/>
      <c r="DWD20" s="8"/>
      <c r="DWE20" s="8"/>
      <c r="DWF20" s="8"/>
      <c r="DWG20" s="8"/>
      <c r="DWH20" s="8"/>
      <c r="DWI20" s="8"/>
      <c r="DWJ20" s="8"/>
      <c r="DWK20" s="8"/>
      <c r="DWL20" s="8"/>
      <c r="DWM20" s="8"/>
      <c r="DWN20" s="8"/>
      <c r="DWO20" s="8"/>
      <c r="DWP20" s="8"/>
      <c r="DWQ20" s="8"/>
      <c r="DWR20" s="8"/>
      <c r="DWS20" s="8"/>
      <c r="DWT20" s="8"/>
      <c r="DWU20" s="8"/>
      <c r="DWV20" s="8"/>
      <c r="DWW20" s="8"/>
      <c r="DWX20" s="8"/>
      <c r="DWY20" s="8"/>
      <c r="DWZ20" s="8"/>
      <c r="DXA20" s="8"/>
      <c r="DXB20" s="8"/>
      <c r="DXC20" s="8"/>
      <c r="DXD20" s="8"/>
      <c r="DXE20" s="8"/>
      <c r="DXF20" s="8"/>
      <c r="DXG20" s="8"/>
      <c r="DXH20" s="8"/>
      <c r="DXI20" s="8"/>
      <c r="DXJ20" s="8"/>
      <c r="DXK20" s="8"/>
      <c r="DXL20" s="8"/>
      <c r="DXM20" s="8"/>
      <c r="DXN20" s="8"/>
      <c r="DXO20" s="8"/>
      <c r="DXP20" s="8"/>
      <c r="DXQ20" s="8"/>
      <c r="DXR20" s="8"/>
      <c r="DXS20" s="8"/>
      <c r="DXT20" s="8"/>
      <c r="DXU20" s="8"/>
      <c r="DXV20" s="8"/>
      <c r="DXW20" s="8"/>
      <c r="DXX20" s="8"/>
      <c r="DXY20" s="8"/>
      <c r="DXZ20" s="8"/>
      <c r="DYA20" s="8"/>
      <c r="DYB20" s="8"/>
      <c r="DYC20" s="8"/>
      <c r="DYD20" s="8"/>
      <c r="DYE20" s="8"/>
      <c r="DYF20" s="8"/>
      <c r="DYG20" s="8"/>
      <c r="DYH20" s="8"/>
      <c r="DYI20" s="8"/>
      <c r="DYJ20" s="8"/>
      <c r="DYK20" s="8"/>
      <c r="DYL20" s="8"/>
      <c r="DYM20" s="8"/>
      <c r="DYN20" s="8"/>
      <c r="DYO20" s="8"/>
      <c r="DYP20" s="8"/>
      <c r="DYQ20" s="8"/>
      <c r="DYR20" s="8"/>
      <c r="DYS20" s="8"/>
      <c r="DYT20" s="8"/>
      <c r="DYU20" s="8"/>
      <c r="DYV20" s="8"/>
      <c r="DYW20" s="8"/>
      <c r="DYX20" s="8"/>
      <c r="DYY20" s="8"/>
      <c r="DYZ20" s="8"/>
      <c r="DZA20" s="8"/>
      <c r="DZB20" s="8"/>
      <c r="DZC20" s="8"/>
      <c r="DZD20" s="8"/>
      <c r="DZE20" s="8"/>
      <c r="DZF20" s="8"/>
      <c r="DZG20" s="8"/>
      <c r="DZH20" s="8"/>
      <c r="DZI20" s="8"/>
      <c r="DZJ20" s="8"/>
      <c r="DZK20" s="8"/>
      <c r="DZL20" s="8"/>
      <c r="DZM20" s="8"/>
      <c r="DZN20" s="8"/>
      <c r="DZO20" s="8"/>
      <c r="DZP20" s="8"/>
      <c r="DZQ20" s="8"/>
      <c r="DZR20" s="8"/>
      <c r="DZS20" s="8"/>
      <c r="DZT20" s="8"/>
      <c r="DZU20" s="8"/>
      <c r="DZV20" s="8"/>
      <c r="DZW20" s="8"/>
      <c r="DZX20" s="8"/>
      <c r="DZY20" s="8"/>
      <c r="DZZ20" s="8"/>
      <c r="EAA20" s="8"/>
      <c r="EAB20" s="8"/>
      <c r="EAC20" s="8"/>
      <c r="EAD20" s="8"/>
      <c r="EAE20" s="8"/>
      <c r="EAF20" s="8"/>
      <c r="EAG20" s="8"/>
      <c r="EAH20" s="8"/>
      <c r="EAI20" s="8"/>
      <c r="EAJ20" s="8"/>
      <c r="EAK20" s="8"/>
      <c r="EAL20" s="8"/>
      <c r="EAM20" s="8"/>
      <c r="EAN20" s="8"/>
      <c r="EAO20" s="8"/>
      <c r="EAP20" s="8"/>
      <c r="EAQ20" s="8"/>
      <c r="EAR20" s="8"/>
      <c r="EAS20" s="8"/>
      <c r="EAT20" s="8"/>
      <c r="EAU20" s="8"/>
      <c r="EAV20" s="8"/>
      <c r="EAW20" s="8"/>
      <c r="EAX20" s="8"/>
      <c r="EAY20" s="8"/>
      <c r="EAZ20" s="8"/>
      <c r="EBA20" s="8"/>
      <c r="EBB20" s="8"/>
      <c r="EBC20" s="8"/>
      <c r="EBD20" s="8"/>
      <c r="EBE20" s="8"/>
      <c r="EBF20" s="8"/>
      <c r="EBG20" s="8"/>
      <c r="EBH20" s="8"/>
      <c r="EBI20" s="8"/>
      <c r="EBJ20" s="8"/>
      <c r="EBK20" s="8"/>
      <c r="EBL20" s="8"/>
      <c r="EBM20" s="8"/>
      <c r="EBN20" s="8"/>
      <c r="EBO20" s="8"/>
      <c r="EBP20" s="8"/>
      <c r="EBQ20" s="8"/>
      <c r="EBR20" s="8"/>
      <c r="EBS20" s="8"/>
      <c r="EBT20" s="8"/>
      <c r="EBU20" s="8"/>
      <c r="EBV20" s="8"/>
      <c r="EBW20" s="8"/>
      <c r="EBX20" s="8"/>
      <c r="EBY20" s="8"/>
      <c r="EBZ20" s="8"/>
      <c r="ECA20" s="8"/>
      <c r="ECB20" s="8"/>
      <c r="ECC20" s="8"/>
      <c r="ECD20" s="8"/>
      <c r="ECE20" s="8"/>
      <c r="ECF20" s="8"/>
      <c r="ECG20" s="8"/>
      <c r="ECH20" s="8"/>
      <c r="ECI20" s="8"/>
      <c r="ECJ20" s="8"/>
      <c r="ECK20" s="8"/>
      <c r="ECL20" s="8"/>
      <c r="ECM20" s="8"/>
      <c r="ECN20" s="8"/>
      <c r="ECO20" s="8"/>
      <c r="ECP20" s="8"/>
      <c r="ECQ20" s="8"/>
      <c r="ECR20" s="8"/>
      <c r="ECS20" s="8"/>
      <c r="ECT20" s="8"/>
      <c r="ECU20" s="8"/>
      <c r="ECV20" s="8"/>
      <c r="ECW20" s="8"/>
      <c r="ECX20" s="8"/>
      <c r="ECY20" s="8"/>
      <c r="ECZ20" s="8"/>
      <c r="EDA20" s="8"/>
      <c r="EDB20" s="8"/>
      <c r="EDC20" s="8"/>
      <c r="EDD20" s="8"/>
      <c r="EDE20" s="8"/>
      <c r="EDF20" s="8"/>
      <c r="EDG20" s="8"/>
      <c r="EDH20" s="8"/>
      <c r="EDI20" s="8"/>
      <c r="EDJ20" s="8"/>
      <c r="EDK20" s="8"/>
      <c r="EDL20" s="8"/>
      <c r="EDM20" s="8"/>
      <c r="EDN20" s="8"/>
      <c r="EDO20" s="8"/>
      <c r="EDP20" s="8"/>
      <c r="EDQ20" s="8"/>
      <c r="EDR20" s="8"/>
      <c r="EDS20" s="8"/>
      <c r="EDT20" s="8"/>
      <c r="EDU20" s="8"/>
      <c r="EDV20" s="8"/>
      <c r="EDW20" s="8"/>
      <c r="EDX20" s="8"/>
      <c r="EDY20" s="8"/>
      <c r="EDZ20" s="8"/>
      <c r="EEA20" s="8"/>
      <c r="EEB20" s="8"/>
      <c r="EEC20" s="8"/>
      <c r="EED20" s="8"/>
      <c r="EEE20" s="8"/>
      <c r="EEF20" s="8"/>
      <c r="EEG20" s="8"/>
      <c r="EEH20" s="8"/>
      <c r="EEI20" s="8"/>
      <c r="EEJ20" s="8"/>
      <c r="EEK20" s="8"/>
      <c r="EEL20" s="8"/>
      <c r="EEM20" s="8"/>
      <c r="EEN20" s="8"/>
      <c r="EEO20" s="8"/>
      <c r="EEP20" s="8"/>
      <c r="EEQ20" s="8"/>
      <c r="EER20" s="8"/>
      <c r="EES20" s="8"/>
      <c r="EET20" s="8"/>
      <c r="EEU20" s="8"/>
      <c r="EEV20" s="8"/>
      <c r="EEW20" s="8"/>
      <c r="EEX20" s="8"/>
      <c r="EEY20" s="8"/>
      <c r="EEZ20" s="8"/>
      <c r="EFA20" s="8"/>
      <c r="EFB20" s="8"/>
      <c r="EFC20" s="8"/>
      <c r="EFD20" s="8"/>
      <c r="EFE20" s="8"/>
      <c r="EFF20" s="8"/>
      <c r="EFG20" s="8"/>
      <c r="EFH20" s="8"/>
      <c r="EFI20" s="8"/>
      <c r="EFJ20" s="8"/>
      <c r="EFK20" s="8"/>
      <c r="EFL20" s="8"/>
      <c r="EFM20" s="8"/>
      <c r="EFN20" s="8"/>
      <c r="EFO20" s="8"/>
      <c r="EFP20" s="8"/>
      <c r="EFQ20" s="8"/>
      <c r="EFR20" s="8"/>
      <c r="EFS20" s="8"/>
      <c r="EFT20" s="8"/>
      <c r="EFU20" s="8"/>
      <c r="EFV20" s="8"/>
      <c r="EFW20" s="8"/>
      <c r="EFX20" s="8"/>
      <c r="EFY20" s="8"/>
      <c r="EFZ20" s="8"/>
      <c r="EGA20" s="8"/>
      <c r="EGB20" s="8"/>
      <c r="EGC20" s="8"/>
      <c r="EGD20" s="8"/>
      <c r="EGE20" s="8"/>
      <c r="EGF20" s="8"/>
      <c r="EGG20" s="8"/>
      <c r="EGH20" s="8"/>
      <c r="EGI20" s="8"/>
      <c r="EGJ20" s="8"/>
      <c r="EGK20" s="8"/>
      <c r="EGL20" s="8"/>
      <c r="EGM20" s="8"/>
      <c r="EGN20" s="8"/>
      <c r="EGO20" s="8"/>
      <c r="EGP20" s="8"/>
      <c r="EGQ20" s="8"/>
      <c r="EGR20" s="8"/>
      <c r="EGS20" s="8"/>
      <c r="EGT20" s="8"/>
      <c r="EGU20" s="8"/>
      <c r="EGV20" s="8"/>
      <c r="EGW20" s="8"/>
      <c r="EGX20" s="8"/>
      <c r="EGY20" s="8"/>
      <c r="EGZ20" s="8"/>
      <c r="EHA20" s="8"/>
      <c r="EHB20" s="8"/>
      <c r="EHC20" s="8"/>
      <c r="EHD20" s="8"/>
      <c r="EHE20" s="8"/>
      <c r="EHF20" s="8"/>
      <c r="EHG20" s="8"/>
      <c r="EHH20" s="8"/>
      <c r="EHI20" s="8"/>
      <c r="EHJ20" s="8"/>
      <c r="EHK20" s="8"/>
      <c r="EHL20" s="8"/>
      <c r="EHM20" s="8"/>
      <c r="EHN20" s="8"/>
      <c r="EHO20" s="8"/>
      <c r="EHP20" s="8"/>
      <c r="EHQ20" s="8"/>
      <c r="EHR20" s="8"/>
      <c r="EHS20" s="8"/>
      <c r="EHT20" s="8"/>
      <c r="EHU20" s="8"/>
      <c r="EHV20" s="8"/>
      <c r="EHW20" s="8"/>
      <c r="EHX20" s="8"/>
      <c r="EHY20" s="8"/>
      <c r="EHZ20" s="8"/>
      <c r="EIA20" s="8"/>
      <c r="EIB20" s="8"/>
      <c r="EIC20" s="8"/>
      <c r="EID20" s="8"/>
      <c r="EIE20" s="8"/>
      <c r="EIF20" s="8"/>
      <c r="EIG20" s="8"/>
      <c r="EIH20" s="8"/>
      <c r="EII20" s="8"/>
      <c r="EIJ20" s="8"/>
      <c r="EIK20" s="8"/>
      <c r="EIL20" s="8"/>
      <c r="EIM20" s="8"/>
      <c r="EIN20" s="8"/>
      <c r="EIO20" s="8"/>
      <c r="EIP20" s="8"/>
      <c r="EIQ20" s="8"/>
      <c r="EIR20" s="8"/>
      <c r="EIS20" s="8"/>
      <c r="EIT20" s="8"/>
      <c r="EIU20" s="8"/>
      <c r="EIV20" s="8"/>
      <c r="EIW20" s="8"/>
      <c r="EIX20" s="8"/>
      <c r="EIY20" s="8"/>
      <c r="EIZ20" s="8"/>
      <c r="EJA20" s="8"/>
      <c r="EJB20" s="8"/>
      <c r="EJC20" s="8"/>
      <c r="EJD20" s="8"/>
      <c r="EJE20" s="8"/>
      <c r="EJF20" s="8"/>
      <c r="EJG20" s="8"/>
      <c r="EJH20" s="8"/>
      <c r="EJI20" s="8"/>
      <c r="EJJ20" s="8"/>
      <c r="EJK20" s="8"/>
      <c r="EJL20" s="8"/>
      <c r="EJM20" s="8"/>
      <c r="EJN20" s="8"/>
      <c r="EJO20" s="8"/>
      <c r="EJP20" s="8"/>
      <c r="EJQ20" s="8"/>
      <c r="EJR20" s="8"/>
      <c r="EJS20" s="8"/>
      <c r="EJT20" s="8"/>
      <c r="EJU20" s="8"/>
      <c r="EJV20" s="8"/>
      <c r="EJW20" s="8"/>
      <c r="EJX20" s="8"/>
      <c r="EJY20" s="8"/>
      <c r="EJZ20" s="8"/>
      <c r="EKA20" s="8"/>
      <c r="EKB20" s="8"/>
      <c r="EKC20" s="8"/>
      <c r="EKD20" s="8"/>
      <c r="EKE20" s="8"/>
      <c r="EKF20" s="8"/>
      <c r="EKG20" s="8"/>
      <c r="EKH20" s="8"/>
      <c r="EKI20" s="8"/>
      <c r="EKJ20" s="8"/>
      <c r="EKK20" s="8"/>
      <c r="EKL20" s="8"/>
      <c r="EKM20" s="8"/>
      <c r="EKN20" s="8"/>
      <c r="EKO20" s="8"/>
      <c r="EKP20" s="8"/>
      <c r="EKQ20" s="8"/>
      <c r="EKR20" s="8"/>
      <c r="EKS20" s="8"/>
      <c r="EKT20" s="8"/>
      <c r="EKU20" s="8"/>
      <c r="EKV20" s="8"/>
      <c r="EKW20" s="8"/>
      <c r="EKX20" s="8"/>
      <c r="EKY20" s="8"/>
      <c r="EKZ20" s="8"/>
      <c r="ELA20" s="8"/>
      <c r="ELB20" s="8"/>
      <c r="ELC20" s="8"/>
      <c r="ELD20" s="8"/>
      <c r="ELE20" s="8"/>
      <c r="ELF20" s="8"/>
      <c r="ELG20" s="8"/>
      <c r="ELH20" s="8"/>
      <c r="ELI20" s="8"/>
      <c r="ELJ20" s="8"/>
      <c r="ELK20" s="8"/>
      <c r="ELL20" s="8"/>
      <c r="ELM20" s="8"/>
      <c r="ELN20" s="8"/>
      <c r="ELO20" s="8"/>
      <c r="ELP20" s="8"/>
      <c r="ELQ20" s="8"/>
      <c r="ELR20" s="8"/>
      <c r="ELS20" s="8"/>
      <c r="ELT20" s="8"/>
      <c r="ELU20" s="8"/>
      <c r="ELV20" s="8"/>
      <c r="ELW20" s="8"/>
      <c r="ELX20" s="8"/>
      <c r="ELY20" s="8"/>
      <c r="ELZ20" s="8"/>
      <c r="EMA20" s="8"/>
      <c r="EMB20" s="8"/>
      <c r="EMC20" s="8"/>
      <c r="EMD20" s="8"/>
      <c r="EME20" s="8"/>
      <c r="EMF20" s="8"/>
      <c r="EMG20" s="8"/>
      <c r="EMH20" s="8"/>
      <c r="EMI20" s="8"/>
      <c r="EMJ20" s="8"/>
      <c r="EMK20" s="8"/>
      <c r="EML20" s="8"/>
      <c r="EMM20" s="8"/>
      <c r="EMN20" s="8"/>
      <c r="EMO20" s="8"/>
      <c r="EMP20" s="8"/>
      <c r="EMQ20" s="8"/>
      <c r="EMR20" s="8"/>
      <c r="EMS20" s="8"/>
      <c r="EMT20" s="8"/>
      <c r="EMU20" s="8"/>
      <c r="EMV20" s="8"/>
      <c r="EMW20" s="8"/>
      <c r="EMX20" s="8"/>
      <c r="EMY20" s="8"/>
      <c r="EMZ20" s="8"/>
      <c r="ENA20" s="8"/>
      <c r="ENB20" s="8"/>
      <c r="ENC20" s="8"/>
      <c r="END20" s="8"/>
      <c r="ENE20" s="8"/>
      <c r="ENF20" s="8"/>
      <c r="ENG20" s="8"/>
      <c r="ENH20" s="8"/>
      <c r="ENI20" s="8"/>
      <c r="ENJ20" s="8"/>
      <c r="ENK20" s="8"/>
      <c r="ENL20" s="8"/>
      <c r="ENM20" s="8"/>
      <c r="ENN20" s="8"/>
      <c r="ENO20" s="8"/>
      <c r="ENP20" s="8"/>
      <c r="ENQ20" s="8"/>
      <c r="ENR20" s="8"/>
      <c r="ENS20" s="8"/>
      <c r="ENT20" s="8"/>
      <c r="ENU20" s="8"/>
      <c r="ENV20" s="8"/>
      <c r="ENW20" s="8"/>
      <c r="ENX20" s="8"/>
      <c r="ENY20" s="8"/>
      <c r="ENZ20" s="8"/>
      <c r="EOA20" s="8"/>
      <c r="EOB20" s="8"/>
      <c r="EOC20" s="8"/>
      <c r="EOD20" s="8"/>
      <c r="EOE20" s="8"/>
      <c r="EOF20" s="8"/>
      <c r="EOG20" s="8"/>
      <c r="EOH20" s="8"/>
      <c r="EOI20" s="8"/>
      <c r="EOJ20" s="8"/>
      <c r="EOK20" s="8"/>
      <c r="EOL20" s="8"/>
      <c r="EOM20" s="8"/>
      <c r="EON20" s="8"/>
      <c r="EOO20" s="8"/>
      <c r="EOP20" s="8"/>
      <c r="EOQ20" s="8"/>
      <c r="EOR20" s="8"/>
      <c r="EOS20" s="8"/>
      <c r="EOT20" s="8"/>
      <c r="EOU20" s="8"/>
      <c r="EOV20" s="8"/>
      <c r="EOW20" s="8"/>
      <c r="EOX20" s="8"/>
      <c r="EOY20" s="8"/>
      <c r="EOZ20" s="8"/>
      <c r="EPA20" s="8"/>
      <c r="EPB20" s="8"/>
      <c r="EPC20" s="8"/>
      <c r="EPD20" s="8"/>
      <c r="EPE20" s="8"/>
      <c r="EPF20" s="8"/>
      <c r="EPG20" s="8"/>
      <c r="EPH20" s="8"/>
      <c r="EPI20" s="8"/>
      <c r="EPJ20" s="8"/>
      <c r="EPK20" s="8"/>
      <c r="EPL20" s="8"/>
      <c r="EPM20" s="8"/>
      <c r="EPN20" s="8"/>
      <c r="EPO20" s="8"/>
      <c r="EPP20" s="8"/>
      <c r="EPQ20" s="8"/>
      <c r="EPR20" s="8"/>
      <c r="EPS20" s="8"/>
      <c r="EPT20" s="8"/>
      <c r="EPU20" s="8"/>
      <c r="EPV20" s="8"/>
      <c r="EPW20" s="8"/>
      <c r="EPX20" s="8"/>
      <c r="EPY20" s="8"/>
      <c r="EPZ20" s="8"/>
      <c r="EQA20" s="8"/>
      <c r="EQB20" s="8"/>
      <c r="EQC20" s="8"/>
      <c r="EQD20" s="8"/>
      <c r="EQE20" s="8"/>
      <c r="EQF20" s="8"/>
      <c r="EQG20" s="8"/>
      <c r="EQH20" s="8"/>
      <c r="EQI20" s="8"/>
      <c r="EQJ20" s="8"/>
      <c r="EQK20" s="8"/>
      <c r="EQL20" s="8"/>
      <c r="EQM20" s="8"/>
      <c r="EQN20" s="8"/>
      <c r="EQO20" s="8"/>
      <c r="EQP20" s="8"/>
      <c r="EQQ20" s="8"/>
      <c r="EQR20" s="8"/>
      <c r="EQS20" s="8"/>
      <c r="EQT20" s="8"/>
      <c r="EQU20" s="8"/>
      <c r="EQV20" s="8"/>
      <c r="EQW20" s="8"/>
      <c r="EQX20" s="8"/>
      <c r="EQY20" s="8"/>
      <c r="EQZ20" s="8"/>
      <c r="ERA20" s="8"/>
      <c r="ERB20" s="8"/>
      <c r="ERC20" s="8"/>
      <c r="ERD20" s="8"/>
      <c r="ERE20" s="8"/>
      <c r="ERF20" s="8"/>
      <c r="ERG20" s="8"/>
      <c r="ERH20" s="8"/>
      <c r="ERI20" s="8"/>
      <c r="ERJ20" s="8"/>
      <c r="ERK20" s="8"/>
      <c r="ERL20" s="8"/>
      <c r="ERM20" s="8"/>
      <c r="ERN20" s="8"/>
      <c r="ERO20" s="8"/>
      <c r="ERP20" s="8"/>
      <c r="ERQ20" s="8"/>
      <c r="ERR20" s="8"/>
      <c r="ERS20" s="8"/>
      <c r="ERT20" s="8"/>
      <c r="ERU20" s="8"/>
      <c r="ERV20" s="8"/>
      <c r="ERW20" s="8"/>
      <c r="ERX20" s="8"/>
      <c r="ERY20" s="8"/>
      <c r="ERZ20" s="8"/>
      <c r="ESA20" s="8"/>
      <c r="ESB20" s="8"/>
      <c r="ESC20" s="8"/>
      <c r="ESD20" s="8"/>
      <c r="ESE20" s="8"/>
      <c r="ESF20" s="8"/>
      <c r="ESG20" s="8"/>
      <c r="ESH20" s="8"/>
      <c r="ESI20" s="8"/>
      <c r="ESJ20" s="8"/>
      <c r="ESK20" s="8"/>
      <c r="ESL20" s="8"/>
      <c r="ESM20" s="8"/>
      <c r="ESN20" s="8"/>
      <c r="ESO20" s="8"/>
      <c r="ESP20" s="8"/>
      <c r="ESQ20" s="8"/>
      <c r="ESR20" s="8"/>
      <c r="ESS20" s="8"/>
      <c r="EST20" s="8"/>
      <c r="ESU20" s="8"/>
      <c r="ESV20" s="8"/>
      <c r="ESW20" s="8"/>
      <c r="ESX20" s="8"/>
      <c r="ESY20" s="8"/>
      <c r="ESZ20" s="8"/>
      <c r="ETA20" s="8"/>
      <c r="ETB20" s="8"/>
      <c r="ETC20" s="8"/>
      <c r="ETD20" s="8"/>
      <c r="ETE20" s="8"/>
      <c r="ETF20" s="8"/>
      <c r="ETG20" s="8"/>
      <c r="ETH20" s="8"/>
      <c r="ETI20" s="8"/>
      <c r="ETJ20" s="8"/>
      <c r="ETK20" s="8"/>
      <c r="ETL20" s="8"/>
      <c r="ETM20" s="8"/>
      <c r="ETN20" s="8"/>
      <c r="ETO20" s="8"/>
      <c r="ETP20" s="8"/>
      <c r="ETQ20" s="8"/>
      <c r="ETR20" s="8"/>
      <c r="ETS20" s="8"/>
      <c r="ETT20" s="8"/>
      <c r="ETU20" s="8"/>
      <c r="ETV20" s="8"/>
      <c r="ETW20" s="8"/>
      <c r="ETX20" s="8"/>
      <c r="ETY20" s="8"/>
      <c r="ETZ20" s="8"/>
      <c r="EUA20" s="8"/>
      <c r="EUB20" s="8"/>
      <c r="EUC20" s="8"/>
      <c r="EUD20" s="8"/>
      <c r="EUE20" s="8"/>
      <c r="EUF20" s="8"/>
      <c r="EUG20" s="8"/>
      <c r="EUH20" s="8"/>
      <c r="EUI20" s="8"/>
      <c r="EUJ20" s="8"/>
      <c r="EUK20" s="8"/>
      <c r="EUL20" s="8"/>
      <c r="EUM20" s="8"/>
      <c r="EUN20" s="8"/>
      <c r="EUO20" s="8"/>
      <c r="EUP20" s="8"/>
      <c r="EUQ20" s="8"/>
      <c r="EUR20" s="8"/>
      <c r="EUS20" s="8"/>
      <c r="EUT20" s="8"/>
      <c r="EUU20" s="8"/>
      <c r="EUV20" s="8"/>
      <c r="EUW20" s="8"/>
      <c r="EUX20" s="8"/>
      <c r="EUY20" s="8"/>
      <c r="EUZ20" s="8"/>
      <c r="EVA20" s="8"/>
      <c r="EVB20" s="8"/>
      <c r="EVC20" s="8"/>
      <c r="EVD20" s="8"/>
      <c r="EVE20" s="8"/>
      <c r="EVF20" s="8"/>
      <c r="EVG20" s="8"/>
      <c r="EVH20" s="8"/>
      <c r="EVI20" s="8"/>
      <c r="EVJ20" s="8"/>
      <c r="EVK20" s="8"/>
      <c r="EVL20" s="8"/>
      <c r="EVM20" s="8"/>
      <c r="EVN20" s="8"/>
      <c r="EVO20" s="8"/>
      <c r="EVP20" s="8"/>
      <c r="EVQ20" s="8"/>
      <c r="EVR20" s="8"/>
      <c r="EVS20" s="8"/>
      <c r="EVT20" s="8"/>
      <c r="EVU20" s="8"/>
      <c r="EVV20" s="8"/>
      <c r="EVW20" s="8"/>
      <c r="EVX20" s="8"/>
      <c r="EVY20" s="8"/>
      <c r="EVZ20" s="8"/>
      <c r="EWA20" s="8"/>
      <c r="EWB20" s="8"/>
      <c r="EWC20" s="8"/>
      <c r="EWD20" s="8"/>
      <c r="EWE20" s="8"/>
      <c r="EWF20" s="8"/>
      <c r="EWG20" s="8"/>
      <c r="EWH20" s="8"/>
      <c r="EWI20" s="8"/>
      <c r="EWJ20" s="8"/>
      <c r="EWK20" s="8"/>
      <c r="EWL20" s="8"/>
      <c r="EWM20" s="8"/>
      <c r="EWN20" s="8"/>
      <c r="EWO20" s="8"/>
      <c r="EWP20" s="8"/>
      <c r="EWQ20" s="8"/>
      <c r="EWR20" s="8"/>
      <c r="EWS20" s="8"/>
      <c r="EWT20" s="8"/>
      <c r="EWU20" s="8"/>
      <c r="EWV20" s="8"/>
      <c r="EWW20" s="8"/>
      <c r="EWX20" s="8"/>
      <c r="EWY20" s="8"/>
      <c r="EWZ20" s="8"/>
      <c r="EXA20" s="8"/>
      <c r="EXB20" s="8"/>
      <c r="EXC20" s="8"/>
      <c r="EXD20" s="8"/>
      <c r="EXE20" s="8"/>
      <c r="EXF20" s="8"/>
      <c r="EXG20" s="8"/>
      <c r="EXH20" s="8"/>
      <c r="EXI20" s="8"/>
      <c r="EXJ20" s="8"/>
      <c r="EXK20" s="8"/>
      <c r="EXL20" s="8"/>
      <c r="EXM20" s="8"/>
      <c r="EXN20" s="8"/>
      <c r="EXO20" s="8"/>
      <c r="EXP20" s="8"/>
      <c r="EXQ20" s="8"/>
      <c r="EXR20" s="8"/>
      <c r="EXS20" s="8"/>
      <c r="EXT20" s="8"/>
      <c r="EXU20" s="8"/>
      <c r="EXV20" s="8"/>
      <c r="EXW20" s="8"/>
      <c r="EXX20" s="8"/>
      <c r="EXY20" s="8"/>
      <c r="EXZ20" s="8"/>
      <c r="EYA20" s="8"/>
      <c r="EYB20" s="8"/>
      <c r="EYC20" s="8"/>
      <c r="EYD20" s="8"/>
      <c r="EYE20" s="8"/>
      <c r="EYF20" s="8"/>
      <c r="EYG20" s="8"/>
      <c r="EYH20" s="8"/>
      <c r="EYI20" s="8"/>
      <c r="EYJ20" s="8"/>
      <c r="EYK20" s="8"/>
      <c r="EYL20" s="8"/>
      <c r="EYM20" s="8"/>
      <c r="EYN20" s="8"/>
      <c r="EYO20" s="8"/>
      <c r="EYP20" s="8"/>
      <c r="EYQ20" s="8"/>
      <c r="EYR20" s="8"/>
      <c r="EYS20" s="8"/>
      <c r="EYT20" s="8"/>
      <c r="EYU20" s="8"/>
      <c r="EYV20" s="8"/>
      <c r="EYW20" s="8"/>
      <c r="EYX20" s="8"/>
      <c r="EYY20" s="8"/>
      <c r="EYZ20" s="8"/>
      <c r="EZA20" s="8"/>
      <c r="EZB20" s="8"/>
      <c r="EZC20" s="8"/>
      <c r="EZD20" s="8"/>
      <c r="EZE20" s="8"/>
      <c r="EZF20" s="8"/>
      <c r="EZG20" s="8"/>
      <c r="EZH20" s="8"/>
      <c r="EZI20" s="8"/>
      <c r="EZJ20" s="8"/>
      <c r="EZK20" s="8"/>
      <c r="EZL20" s="8"/>
      <c r="EZM20" s="8"/>
      <c r="EZN20" s="8"/>
      <c r="EZO20" s="8"/>
      <c r="EZP20" s="8"/>
      <c r="EZQ20" s="8"/>
      <c r="EZR20" s="8"/>
      <c r="EZS20" s="8"/>
      <c r="EZT20" s="8"/>
      <c r="EZU20" s="8"/>
      <c r="EZV20" s="8"/>
      <c r="EZW20" s="8"/>
      <c r="EZX20" s="8"/>
      <c r="EZY20" s="8"/>
      <c r="EZZ20" s="8"/>
      <c r="FAA20" s="8"/>
      <c r="FAB20" s="8"/>
      <c r="FAC20" s="8"/>
      <c r="FAD20" s="8"/>
      <c r="FAE20" s="8"/>
      <c r="FAF20" s="8"/>
      <c r="FAG20" s="8"/>
      <c r="FAH20" s="8"/>
      <c r="FAI20" s="8"/>
      <c r="FAJ20" s="8"/>
      <c r="FAK20" s="8"/>
      <c r="FAL20" s="8"/>
      <c r="FAM20" s="8"/>
      <c r="FAN20" s="8"/>
      <c r="FAO20" s="8"/>
      <c r="FAP20" s="8"/>
      <c r="FAQ20" s="8"/>
      <c r="FAR20" s="8"/>
      <c r="FAS20" s="8"/>
      <c r="FAT20" s="8"/>
      <c r="FAU20" s="8"/>
      <c r="FAV20" s="8"/>
      <c r="FAW20" s="8"/>
      <c r="FAX20" s="8"/>
      <c r="FAY20" s="8"/>
      <c r="FAZ20" s="8"/>
      <c r="FBA20" s="8"/>
      <c r="FBB20" s="8"/>
      <c r="FBC20" s="8"/>
      <c r="FBD20" s="8"/>
      <c r="FBE20" s="8"/>
      <c r="FBF20" s="8"/>
      <c r="FBG20" s="8"/>
      <c r="FBH20" s="8"/>
      <c r="FBI20" s="8"/>
      <c r="FBJ20" s="8"/>
      <c r="FBK20" s="8"/>
      <c r="FBL20" s="8"/>
      <c r="FBM20" s="8"/>
      <c r="FBN20" s="8"/>
      <c r="FBO20" s="8"/>
      <c r="FBP20" s="8"/>
      <c r="FBQ20" s="8"/>
      <c r="FBR20" s="8"/>
      <c r="FBS20" s="8"/>
      <c r="FBT20" s="8"/>
      <c r="FBU20" s="8"/>
      <c r="FBV20" s="8"/>
      <c r="FBW20" s="8"/>
      <c r="FBX20" s="8"/>
      <c r="FBY20" s="8"/>
      <c r="FBZ20" s="8"/>
      <c r="FCA20" s="8"/>
      <c r="FCB20" s="8"/>
      <c r="FCC20" s="8"/>
      <c r="FCD20" s="8"/>
      <c r="FCE20" s="8"/>
      <c r="FCF20" s="8"/>
      <c r="FCG20" s="8"/>
      <c r="FCH20" s="8"/>
      <c r="FCI20" s="8"/>
      <c r="FCJ20" s="8"/>
      <c r="FCK20" s="8"/>
      <c r="FCL20" s="8"/>
      <c r="FCM20" s="8"/>
      <c r="FCN20" s="8"/>
      <c r="FCO20" s="8"/>
      <c r="FCP20" s="8"/>
      <c r="FCQ20" s="8"/>
      <c r="FCR20" s="8"/>
      <c r="FCS20" s="8"/>
      <c r="FCT20" s="8"/>
      <c r="FCU20" s="8"/>
      <c r="FCV20" s="8"/>
      <c r="FCW20" s="8"/>
      <c r="FCX20" s="8"/>
      <c r="FCY20" s="8"/>
      <c r="FCZ20" s="8"/>
      <c r="FDA20" s="8"/>
      <c r="FDB20" s="8"/>
      <c r="FDC20" s="8"/>
      <c r="FDD20" s="8"/>
      <c r="FDE20" s="8"/>
      <c r="FDF20" s="8"/>
      <c r="FDG20" s="8"/>
      <c r="FDH20" s="8"/>
      <c r="FDI20" s="8"/>
      <c r="FDJ20" s="8"/>
      <c r="FDK20" s="8"/>
      <c r="FDL20" s="8"/>
      <c r="FDM20" s="8"/>
      <c r="FDN20" s="8"/>
      <c r="FDO20" s="8"/>
      <c r="FDP20" s="8"/>
      <c r="FDQ20" s="8"/>
      <c r="FDR20" s="8"/>
      <c r="FDS20" s="8"/>
      <c r="FDT20" s="8"/>
      <c r="FDU20" s="8"/>
      <c r="FDV20" s="8"/>
      <c r="FDW20" s="8"/>
      <c r="FDX20" s="8"/>
      <c r="FDY20" s="8"/>
      <c r="FDZ20" s="8"/>
      <c r="FEA20" s="8"/>
      <c r="FEB20" s="8"/>
      <c r="FEC20" s="8"/>
      <c r="FED20" s="8"/>
      <c r="FEE20" s="8"/>
      <c r="FEF20" s="8"/>
      <c r="FEG20" s="8"/>
      <c r="FEH20" s="8"/>
      <c r="FEI20" s="8"/>
      <c r="FEJ20" s="8"/>
      <c r="FEK20" s="8"/>
      <c r="FEL20" s="8"/>
      <c r="FEM20" s="8"/>
      <c r="FEN20" s="8"/>
      <c r="FEO20" s="8"/>
      <c r="FEP20" s="8"/>
      <c r="FEQ20" s="8"/>
      <c r="FER20" s="8"/>
      <c r="FES20" s="8"/>
      <c r="FET20" s="8"/>
      <c r="FEU20" s="8"/>
      <c r="FEV20" s="8"/>
      <c r="FEW20" s="8"/>
      <c r="FEX20" s="8"/>
      <c r="FEY20" s="8"/>
      <c r="FEZ20" s="8"/>
      <c r="FFA20" s="8"/>
      <c r="FFB20" s="8"/>
      <c r="FFC20" s="8"/>
      <c r="FFD20" s="8"/>
      <c r="FFE20" s="8"/>
      <c r="FFF20" s="8"/>
      <c r="FFG20" s="8"/>
      <c r="FFH20" s="8"/>
      <c r="FFI20" s="8"/>
      <c r="FFJ20" s="8"/>
      <c r="FFK20" s="8"/>
      <c r="FFL20" s="8"/>
      <c r="FFM20" s="8"/>
      <c r="FFN20" s="8"/>
      <c r="FFO20" s="8"/>
      <c r="FFP20" s="8"/>
      <c r="FFQ20" s="8"/>
      <c r="FFR20" s="8"/>
      <c r="FFS20" s="8"/>
      <c r="FFT20" s="8"/>
      <c r="FFU20" s="8"/>
      <c r="FFV20" s="8"/>
      <c r="FFW20" s="8"/>
      <c r="FFX20" s="8"/>
      <c r="FFY20" s="8"/>
      <c r="FFZ20" s="8"/>
      <c r="FGA20" s="8"/>
      <c r="FGB20" s="8"/>
      <c r="FGC20" s="8"/>
      <c r="FGD20" s="8"/>
      <c r="FGE20" s="8"/>
      <c r="FGF20" s="8"/>
      <c r="FGG20" s="8"/>
      <c r="FGH20" s="8"/>
      <c r="FGI20" s="8"/>
      <c r="FGJ20" s="8"/>
      <c r="FGK20" s="8"/>
      <c r="FGL20" s="8"/>
      <c r="FGM20" s="8"/>
      <c r="FGN20" s="8"/>
      <c r="FGO20" s="8"/>
      <c r="FGP20" s="8"/>
      <c r="FGQ20" s="8"/>
      <c r="FGR20" s="8"/>
      <c r="FGS20" s="8"/>
      <c r="FGT20" s="8"/>
      <c r="FGU20" s="8"/>
      <c r="FGV20" s="8"/>
      <c r="FGW20" s="8"/>
      <c r="FGX20" s="8"/>
      <c r="FGY20" s="8"/>
      <c r="FGZ20" s="8"/>
      <c r="FHA20" s="8"/>
      <c r="FHB20" s="8"/>
      <c r="FHC20" s="8"/>
      <c r="FHD20" s="8"/>
      <c r="FHE20" s="8"/>
      <c r="FHF20" s="8"/>
      <c r="FHG20" s="8"/>
      <c r="FHH20" s="8"/>
      <c r="FHI20" s="8"/>
      <c r="FHJ20" s="8"/>
      <c r="FHK20" s="8"/>
      <c r="FHL20" s="8"/>
      <c r="FHM20" s="8"/>
      <c r="FHN20" s="8"/>
      <c r="FHO20" s="8"/>
      <c r="FHP20" s="8"/>
      <c r="FHQ20" s="8"/>
      <c r="FHR20" s="8"/>
      <c r="FHS20" s="8"/>
      <c r="FHT20" s="8"/>
      <c r="FHU20" s="8"/>
      <c r="FHV20" s="8"/>
      <c r="FHW20" s="8"/>
      <c r="FHX20" s="8"/>
      <c r="FHY20" s="8"/>
      <c r="FHZ20" s="8"/>
      <c r="FIA20" s="8"/>
      <c r="FIB20" s="8"/>
      <c r="FIC20" s="8"/>
      <c r="FID20" s="8"/>
      <c r="FIE20" s="8"/>
      <c r="FIF20" s="8"/>
      <c r="FIG20" s="8"/>
      <c r="FIH20" s="8"/>
      <c r="FII20" s="8"/>
      <c r="FIJ20" s="8"/>
      <c r="FIK20" s="8"/>
      <c r="FIL20" s="8"/>
      <c r="FIM20" s="8"/>
      <c r="FIN20" s="8"/>
      <c r="FIO20" s="8"/>
      <c r="FIP20" s="8"/>
      <c r="FIQ20" s="8"/>
      <c r="FIR20" s="8"/>
      <c r="FIS20" s="8"/>
      <c r="FIT20" s="8"/>
      <c r="FIU20" s="8"/>
      <c r="FIV20" s="8"/>
      <c r="FIW20" s="8"/>
      <c r="FIX20" s="8"/>
      <c r="FIY20" s="8"/>
      <c r="FIZ20" s="8"/>
      <c r="FJA20" s="8"/>
      <c r="FJB20" s="8"/>
      <c r="FJC20" s="8"/>
      <c r="FJD20" s="8"/>
      <c r="FJE20" s="8"/>
      <c r="FJF20" s="8"/>
      <c r="FJG20" s="8"/>
      <c r="FJH20" s="8"/>
      <c r="FJI20" s="8"/>
      <c r="FJJ20" s="8"/>
      <c r="FJK20" s="8"/>
      <c r="FJL20" s="8"/>
      <c r="FJM20" s="8"/>
      <c r="FJN20" s="8"/>
      <c r="FJO20" s="8"/>
      <c r="FJP20" s="8"/>
      <c r="FJQ20" s="8"/>
      <c r="FJR20" s="8"/>
      <c r="FJS20" s="8"/>
      <c r="FJT20" s="8"/>
      <c r="FJU20" s="8"/>
      <c r="FJV20" s="8"/>
      <c r="FJW20" s="8"/>
      <c r="FJX20" s="8"/>
      <c r="FJY20" s="8"/>
      <c r="FJZ20" s="8"/>
      <c r="FKA20" s="8"/>
      <c r="FKB20" s="8"/>
      <c r="FKC20" s="8"/>
      <c r="FKD20" s="8"/>
      <c r="FKE20" s="8"/>
      <c r="FKF20" s="8"/>
      <c r="FKG20" s="8"/>
      <c r="FKH20" s="8"/>
      <c r="FKI20" s="8"/>
      <c r="FKJ20" s="8"/>
      <c r="FKK20" s="8"/>
      <c r="FKL20" s="8"/>
      <c r="FKM20" s="8"/>
      <c r="FKN20" s="8"/>
      <c r="FKO20" s="8"/>
      <c r="FKP20" s="8"/>
      <c r="FKQ20" s="8"/>
      <c r="FKR20" s="8"/>
      <c r="FKS20" s="8"/>
      <c r="FKT20" s="8"/>
      <c r="FKU20" s="8"/>
      <c r="FKV20" s="8"/>
      <c r="FKW20" s="8"/>
      <c r="FKX20" s="8"/>
      <c r="FKY20" s="8"/>
      <c r="FKZ20" s="8"/>
      <c r="FLA20" s="8"/>
      <c r="FLB20" s="8"/>
      <c r="FLC20" s="8"/>
      <c r="FLD20" s="8"/>
      <c r="FLE20" s="8"/>
      <c r="FLF20" s="8"/>
      <c r="FLG20" s="8"/>
      <c r="FLH20" s="8"/>
      <c r="FLI20" s="8"/>
      <c r="FLJ20" s="8"/>
      <c r="FLK20" s="8"/>
      <c r="FLL20" s="8"/>
      <c r="FLM20" s="8"/>
      <c r="FLN20" s="8"/>
      <c r="FLO20" s="8"/>
      <c r="FLP20" s="8"/>
      <c r="FLQ20" s="8"/>
      <c r="FLR20" s="8"/>
      <c r="FLS20" s="8"/>
      <c r="FLT20" s="8"/>
      <c r="FLU20" s="8"/>
      <c r="FLV20" s="8"/>
      <c r="FLW20" s="8"/>
      <c r="FLX20" s="8"/>
      <c r="FLY20" s="8"/>
      <c r="FLZ20" s="8"/>
      <c r="FMA20" s="8"/>
      <c r="FMB20" s="8"/>
      <c r="FMC20" s="8"/>
      <c r="FMD20" s="8"/>
      <c r="FME20" s="8"/>
      <c r="FMF20" s="8"/>
      <c r="FMG20" s="8"/>
      <c r="FMH20" s="8"/>
      <c r="FMI20" s="8"/>
      <c r="FMJ20" s="8"/>
      <c r="FMK20" s="8"/>
      <c r="FML20" s="8"/>
      <c r="FMM20" s="8"/>
      <c r="FMN20" s="8"/>
      <c r="FMO20" s="8"/>
      <c r="FMP20" s="8"/>
      <c r="FMQ20" s="8"/>
      <c r="FMR20" s="8"/>
      <c r="FMS20" s="8"/>
      <c r="FMT20" s="8"/>
      <c r="FMU20" s="8"/>
      <c r="FMV20" s="8"/>
      <c r="FMW20" s="8"/>
      <c r="FMX20" s="8"/>
      <c r="FMY20" s="8"/>
      <c r="FMZ20" s="8"/>
      <c r="FNA20" s="8"/>
      <c r="FNB20" s="8"/>
      <c r="FNC20" s="8"/>
      <c r="FND20" s="8"/>
      <c r="FNE20" s="8"/>
      <c r="FNF20" s="8"/>
      <c r="FNG20" s="8"/>
      <c r="FNH20" s="8"/>
      <c r="FNI20" s="8"/>
      <c r="FNJ20" s="8"/>
      <c r="FNK20" s="8"/>
      <c r="FNL20" s="8"/>
      <c r="FNM20" s="8"/>
      <c r="FNN20" s="8"/>
      <c r="FNO20" s="8"/>
      <c r="FNP20" s="8"/>
      <c r="FNQ20" s="8"/>
      <c r="FNR20" s="8"/>
      <c r="FNS20" s="8"/>
      <c r="FNT20" s="8"/>
      <c r="FNU20" s="8"/>
      <c r="FNV20" s="8"/>
      <c r="FNW20" s="8"/>
      <c r="FNX20" s="8"/>
      <c r="FNY20" s="8"/>
      <c r="FNZ20" s="8"/>
      <c r="FOA20" s="8"/>
      <c r="FOB20" s="8"/>
      <c r="FOC20" s="8"/>
      <c r="FOD20" s="8"/>
      <c r="FOE20" s="8"/>
      <c r="FOF20" s="8"/>
      <c r="FOG20" s="8"/>
      <c r="FOH20" s="8"/>
      <c r="FOI20" s="8"/>
      <c r="FOJ20" s="8"/>
      <c r="FOK20" s="8"/>
      <c r="FOL20" s="8"/>
      <c r="FOM20" s="8"/>
      <c r="FON20" s="8"/>
      <c r="FOO20" s="8"/>
      <c r="FOP20" s="8"/>
      <c r="FOQ20" s="8"/>
      <c r="FOR20" s="8"/>
      <c r="FOS20" s="8"/>
      <c r="FOT20" s="8"/>
      <c r="FOU20" s="8"/>
      <c r="FOV20" s="8"/>
      <c r="FOW20" s="8"/>
      <c r="FOX20" s="8"/>
      <c r="FOY20" s="8"/>
      <c r="FOZ20" s="8"/>
      <c r="FPA20" s="8"/>
      <c r="FPB20" s="8"/>
      <c r="FPC20" s="8"/>
      <c r="FPD20" s="8"/>
      <c r="FPE20" s="8"/>
      <c r="FPF20" s="8"/>
      <c r="FPG20" s="8"/>
      <c r="FPH20" s="8"/>
      <c r="FPI20" s="8"/>
      <c r="FPJ20" s="8"/>
      <c r="FPK20" s="8"/>
      <c r="FPL20" s="8"/>
      <c r="FPM20" s="8"/>
      <c r="FPN20" s="8"/>
      <c r="FPO20" s="8"/>
      <c r="FPP20" s="8"/>
      <c r="FPQ20" s="8"/>
      <c r="FPR20" s="8"/>
      <c r="FPS20" s="8"/>
      <c r="FPT20" s="8"/>
      <c r="FPU20" s="8"/>
      <c r="FPV20" s="8"/>
      <c r="FPW20" s="8"/>
      <c r="FPX20" s="8"/>
      <c r="FPY20" s="8"/>
      <c r="FPZ20" s="8"/>
      <c r="FQA20" s="8"/>
      <c r="FQB20" s="8"/>
      <c r="FQC20" s="8"/>
      <c r="FQD20" s="8"/>
      <c r="FQE20" s="8"/>
      <c r="FQF20" s="8"/>
      <c r="FQG20" s="8"/>
      <c r="FQH20" s="8"/>
      <c r="FQI20" s="8"/>
      <c r="FQJ20" s="8"/>
      <c r="FQK20" s="8"/>
      <c r="FQL20" s="8"/>
      <c r="FQM20" s="8"/>
      <c r="FQN20" s="8"/>
      <c r="FQO20" s="8"/>
      <c r="FQP20" s="8"/>
      <c r="FQQ20" s="8"/>
      <c r="FQR20" s="8"/>
      <c r="FQS20" s="8"/>
      <c r="FQT20" s="8"/>
      <c r="FQU20" s="8"/>
      <c r="FQV20" s="8"/>
      <c r="FQW20" s="8"/>
      <c r="FQX20" s="8"/>
      <c r="FQY20" s="8"/>
      <c r="FQZ20" s="8"/>
      <c r="FRA20" s="8"/>
      <c r="FRB20" s="8"/>
      <c r="FRC20" s="8"/>
      <c r="FRD20" s="8"/>
      <c r="FRE20" s="8"/>
      <c r="FRF20" s="8"/>
      <c r="FRG20" s="8"/>
      <c r="FRH20" s="8"/>
      <c r="FRI20" s="8"/>
      <c r="FRJ20" s="8"/>
      <c r="FRK20" s="8"/>
      <c r="FRL20" s="8"/>
      <c r="FRM20" s="8"/>
      <c r="FRN20" s="8"/>
      <c r="FRO20" s="8"/>
      <c r="FRP20" s="8"/>
      <c r="FRQ20" s="8"/>
      <c r="FRR20" s="8"/>
      <c r="FRS20" s="8"/>
      <c r="FRT20" s="8"/>
      <c r="FRU20" s="8"/>
      <c r="FRV20" s="8"/>
      <c r="FRW20" s="8"/>
      <c r="FRX20" s="8"/>
      <c r="FRY20" s="8"/>
      <c r="FRZ20" s="8"/>
      <c r="FSA20" s="8"/>
      <c r="FSB20" s="8"/>
      <c r="FSC20" s="8"/>
      <c r="FSD20" s="8"/>
      <c r="FSE20" s="8"/>
      <c r="FSF20" s="8"/>
      <c r="FSG20" s="8"/>
      <c r="FSH20" s="8"/>
      <c r="FSI20" s="8"/>
      <c r="FSJ20" s="8"/>
      <c r="FSK20" s="8"/>
      <c r="FSL20" s="8"/>
      <c r="FSM20" s="8"/>
      <c r="FSN20" s="8"/>
      <c r="FSO20" s="8"/>
      <c r="FSP20" s="8"/>
      <c r="FSQ20" s="8"/>
      <c r="FSR20" s="8"/>
      <c r="FSS20" s="8"/>
      <c r="FST20" s="8"/>
      <c r="FSU20" s="8"/>
      <c r="FSV20" s="8"/>
      <c r="FSW20" s="8"/>
      <c r="FSX20" s="8"/>
      <c r="FSY20" s="8"/>
      <c r="FSZ20" s="8"/>
      <c r="FTA20" s="8"/>
      <c r="FTB20" s="8"/>
      <c r="FTC20" s="8"/>
      <c r="FTD20" s="8"/>
      <c r="FTE20" s="8"/>
      <c r="FTF20" s="8"/>
      <c r="FTG20" s="8"/>
      <c r="FTH20" s="8"/>
      <c r="FTI20" s="8"/>
      <c r="FTJ20" s="8"/>
      <c r="FTK20" s="8"/>
      <c r="FTL20" s="8"/>
      <c r="FTM20" s="8"/>
      <c r="FTN20" s="8"/>
      <c r="FTO20" s="8"/>
      <c r="FTP20" s="8"/>
      <c r="FTQ20" s="8"/>
      <c r="FTR20" s="8"/>
      <c r="FTS20" s="8"/>
      <c r="FTT20" s="8"/>
      <c r="FTU20" s="8"/>
      <c r="FTV20" s="8"/>
      <c r="FTW20" s="8"/>
      <c r="FTX20" s="8"/>
      <c r="FTY20" s="8"/>
      <c r="FTZ20" s="8"/>
      <c r="FUA20" s="8"/>
      <c r="FUB20" s="8"/>
      <c r="FUC20" s="8"/>
      <c r="FUD20" s="8"/>
      <c r="FUE20" s="8"/>
      <c r="FUF20" s="8"/>
      <c r="FUG20" s="8"/>
      <c r="FUH20" s="8"/>
      <c r="FUI20" s="8"/>
      <c r="FUJ20" s="8"/>
      <c r="FUK20" s="8"/>
      <c r="FUL20" s="8"/>
      <c r="FUM20" s="8"/>
      <c r="FUN20" s="8"/>
      <c r="FUO20" s="8"/>
      <c r="FUP20" s="8"/>
      <c r="FUQ20" s="8"/>
      <c r="FUR20" s="8"/>
      <c r="FUS20" s="8"/>
      <c r="FUT20" s="8"/>
      <c r="FUU20" s="8"/>
      <c r="FUV20" s="8"/>
      <c r="FUW20" s="8"/>
      <c r="FUX20" s="8"/>
      <c r="FUY20" s="8"/>
      <c r="FUZ20" s="8"/>
      <c r="FVA20" s="8"/>
      <c r="FVB20" s="8"/>
      <c r="FVC20" s="8"/>
      <c r="FVD20" s="8"/>
      <c r="FVE20" s="8"/>
      <c r="FVF20" s="8"/>
      <c r="FVG20" s="8"/>
      <c r="FVH20" s="8"/>
      <c r="FVI20" s="8"/>
      <c r="FVJ20" s="8"/>
      <c r="FVK20" s="8"/>
      <c r="FVL20" s="8"/>
      <c r="FVM20" s="8"/>
      <c r="FVN20" s="8"/>
      <c r="FVO20" s="8"/>
      <c r="FVP20" s="8"/>
      <c r="FVQ20" s="8"/>
      <c r="FVR20" s="8"/>
      <c r="FVS20" s="8"/>
      <c r="FVT20" s="8"/>
      <c r="FVU20" s="8"/>
      <c r="FVV20" s="8"/>
      <c r="FVW20" s="8"/>
      <c r="FVX20" s="8"/>
      <c r="FVY20" s="8"/>
      <c r="FVZ20" s="8"/>
      <c r="FWA20" s="8"/>
      <c r="FWB20" s="8"/>
      <c r="FWC20" s="8"/>
      <c r="FWD20" s="8"/>
      <c r="FWE20" s="8"/>
      <c r="FWF20" s="8"/>
      <c r="FWG20" s="8"/>
      <c r="FWH20" s="8"/>
      <c r="FWI20" s="8"/>
      <c r="FWJ20" s="8"/>
      <c r="FWK20" s="8"/>
      <c r="FWL20" s="8"/>
      <c r="FWM20" s="8"/>
      <c r="FWN20" s="8"/>
      <c r="FWO20" s="8"/>
      <c r="FWP20" s="8"/>
      <c r="FWQ20" s="8"/>
      <c r="FWR20" s="8"/>
      <c r="FWS20" s="8"/>
      <c r="FWT20" s="8"/>
      <c r="FWU20" s="8"/>
      <c r="FWV20" s="8"/>
      <c r="FWW20" s="8"/>
      <c r="FWX20" s="8"/>
      <c r="FWY20" s="8"/>
      <c r="FWZ20" s="8"/>
      <c r="FXA20" s="8"/>
      <c r="FXB20" s="8"/>
      <c r="FXC20" s="8"/>
      <c r="FXD20" s="8"/>
      <c r="FXE20" s="8"/>
      <c r="FXF20" s="8"/>
      <c r="FXG20" s="8"/>
      <c r="FXH20" s="8"/>
      <c r="FXI20" s="8"/>
      <c r="FXJ20" s="8"/>
      <c r="FXK20" s="8"/>
      <c r="FXL20" s="8"/>
      <c r="FXM20" s="8"/>
      <c r="FXN20" s="8"/>
      <c r="FXO20" s="8"/>
      <c r="FXP20" s="8"/>
      <c r="FXQ20" s="8"/>
      <c r="FXR20" s="8"/>
      <c r="FXS20" s="8"/>
      <c r="FXT20" s="8"/>
      <c r="FXU20" s="8"/>
      <c r="FXV20" s="8"/>
      <c r="FXW20" s="8"/>
      <c r="FXX20" s="8"/>
      <c r="FXY20" s="8"/>
      <c r="FXZ20" s="8"/>
      <c r="FYA20" s="8"/>
      <c r="FYB20" s="8"/>
      <c r="FYC20" s="8"/>
      <c r="FYD20" s="8"/>
      <c r="FYE20" s="8"/>
      <c r="FYF20" s="8"/>
      <c r="FYG20" s="8"/>
      <c r="FYH20" s="8"/>
      <c r="FYI20" s="8"/>
      <c r="FYJ20" s="8"/>
      <c r="FYK20" s="8"/>
      <c r="FYL20" s="8"/>
      <c r="FYM20" s="8"/>
      <c r="FYN20" s="8"/>
      <c r="FYO20" s="8"/>
      <c r="FYP20" s="8"/>
      <c r="FYQ20" s="8"/>
      <c r="FYR20" s="8"/>
      <c r="FYS20" s="8"/>
      <c r="FYT20" s="8"/>
      <c r="FYU20" s="8"/>
      <c r="FYV20" s="8"/>
      <c r="FYW20" s="8"/>
      <c r="FYX20" s="8"/>
      <c r="FYY20" s="8"/>
      <c r="FYZ20" s="8"/>
      <c r="FZA20" s="8"/>
      <c r="FZB20" s="8"/>
      <c r="FZC20" s="8"/>
      <c r="FZD20" s="8"/>
      <c r="FZE20" s="8"/>
      <c r="FZF20" s="8"/>
      <c r="FZG20" s="8"/>
      <c r="FZH20" s="8"/>
      <c r="FZI20" s="8"/>
      <c r="FZJ20" s="8"/>
      <c r="FZK20" s="8"/>
      <c r="FZL20" s="8"/>
      <c r="FZM20" s="8"/>
      <c r="FZN20" s="8"/>
      <c r="FZO20" s="8"/>
      <c r="FZP20" s="8"/>
      <c r="FZQ20" s="8"/>
      <c r="FZR20" s="8"/>
      <c r="FZS20" s="8"/>
      <c r="FZT20" s="8"/>
      <c r="FZU20" s="8"/>
      <c r="FZV20" s="8"/>
      <c r="FZW20" s="8"/>
      <c r="FZX20" s="8"/>
      <c r="FZY20" s="8"/>
      <c r="FZZ20" s="8"/>
      <c r="GAA20" s="8"/>
      <c r="GAB20" s="8"/>
      <c r="GAC20" s="8"/>
      <c r="GAD20" s="8"/>
      <c r="GAE20" s="8"/>
      <c r="GAF20" s="8"/>
      <c r="GAG20" s="8"/>
      <c r="GAH20" s="8"/>
      <c r="GAI20" s="8"/>
      <c r="GAJ20" s="8"/>
      <c r="GAK20" s="8"/>
      <c r="GAL20" s="8"/>
      <c r="GAM20" s="8"/>
      <c r="GAN20" s="8"/>
      <c r="GAO20" s="8"/>
      <c r="GAP20" s="8"/>
      <c r="GAQ20" s="8"/>
      <c r="GAR20" s="8"/>
      <c r="GAS20" s="8"/>
      <c r="GAT20" s="8"/>
      <c r="GAU20" s="8"/>
      <c r="GAV20" s="8"/>
      <c r="GAW20" s="8"/>
      <c r="GAX20" s="8"/>
      <c r="GAY20" s="8"/>
      <c r="GAZ20" s="8"/>
      <c r="GBA20" s="8"/>
      <c r="GBB20" s="8"/>
      <c r="GBC20" s="8"/>
      <c r="GBD20" s="8"/>
      <c r="GBE20" s="8"/>
      <c r="GBF20" s="8"/>
      <c r="GBG20" s="8"/>
      <c r="GBH20" s="8"/>
      <c r="GBI20" s="8"/>
      <c r="GBJ20" s="8"/>
      <c r="GBK20" s="8"/>
      <c r="GBL20" s="8"/>
      <c r="GBM20" s="8"/>
      <c r="GBN20" s="8"/>
      <c r="GBO20" s="8"/>
      <c r="GBP20" s="8"/>
      <c r="GBQ20" s="8"/>
      <c r="GBR20" s="8"/>
      <c r="GBS20" s="8"/>
      <c r="GBT20" s="8"/>
      <c r="GBU20" s="8"/>
      <c r="GBV20" s="8"/>
      <c r="GBW20" s="8"/>
      <c r="GBX20" s="8"/>
      <c r="GBY20" s="8"/>
      <c r="GBZ20" s="8"/>
      <c r="GCA20" s="8"/>
      <c r="GCB20" s="8"/>
      <c r="GCC20" s="8"/>
      <c r="GCD20" s="8"/>
      <c r="GCE20" s="8"/>
      <c r="GCF20" s="8"/>
      <c r="GCG20" s="8"/>
      <c r="GCH20" s="8"/>
      <c r="GCI20" s="8"/>
      <c r="GCJ20" s="8"/>
      <c r="GCK20" s="8"/>
      <c r="GCL20" s="8"/>
      <c r="GCM20" s="8"/>
      <c r="GCN20" s="8"/>
      <c r="GCO20" s="8"/>
      <c r="GCP20" s="8"/>
      <c r="GCQ20" s="8"/>
      <c r="GCR20" s="8"/>
      <c r="GCS20" s="8"/>
      <c r="GCT20" s="8"/>
      <c r="GCU20" s="8"/>
      <c r="GCV20" s="8"/>
      <c r="GCW20" s="8"/>
      <c r="GCX20" s="8"/>
      <c r="GCY20" s="8"/>
      <c r="GCZ20" s="8"/>
      <c r="GDA20" s="8"/>
      <c r="GDB20" s="8"/>
      <c r="GDC20" s="8"/>
      <c r="GDD20" s="8"/>
      <c r="GDE20" s="8"/>
      <c r="GDF20" s="8"/>
      <c r="GDG20" s="8"/>
      <c r="GDH20" s="8"/>
      <c r="GDI20" s="8"/>
      <c r="GDJ20" s="8"/>
      <c r="GDK20" s="8"/>
      <c r="GDL20" s="8"/>
      <c r="GDM20" s="8"/>
      <c r="GDN20" s="8"/>
      <c r="GDO20" s="8"/>
      <c r="GDP20" s="8"/>
      <c r="GDQ20" s="8"/>
      <c r="GDR20" s="8"/>
      <c r="GDS20" s="8"/>
      <c r="GDT20" s="8"/>
      <c r="GDU20" s="8"/>
      <c r="GDV20" s="8"/>
      <c r="GDW20" s="8"/>
      <c r="GDX20" s="8"/>
      <c r="GDY20" s="8"/>
      <c r="GDZ20" s="8"/>
      <c r="GEA20" s="8"/>
      <c r="GEB20" s="8"/>
      <c r="GEC20" s="8"/>
      <c r="GED20" s="8"/>
      <c r="GEE20" s="8"/>
      <c r="GEF20" s="8"/>
      <c r="GEG20" s="8"/>
      <c r="GEH20" s="8"/>
      <c r="GEI20" s="8"/>
      <c r="GEJ20" s="8"/>
      <c r="GEK20" s="8"/>
      <c r="GEL20" s="8"/>
      <c r="GEM20" s="8"/>
      <c r="GEN20" s="8"/>
      <c r="GEO20" s="8"/>
      <c r="GEP20" s="8"/>
      <c r="GEQ20" s="8"/>
      <c r="GER20" s="8"/>
      <c r="GES20" s="8"/>
      <c r="GET20" s="8"/>
      <c r="GEU20" s="8"/>
      <c r="GEV20" s="8"/>
      <c r="GEW20" s="8"/>
      <c r="GEX20" s="8"/>
      <c r="GEY20" s="8"/>
      <c r="GEZ20" s="8"/>
      <c r="GFA20" s="8"/>
      <c r="GFB20" s="8"/>
      <c r="GFC20" s="8"/>
      <c r="GFD20" s="8"/>
      <c r="GFE20" s="8"/>
      <c r="GFF20" s="8"/>
      <c r="GFG20" s="8"/>
      <c r="GFH20" s="8"/>
      <c r="GFI20" s="8"/>
      <c r="GFJ20" s="8"/>
      <c r="GFK20" s="8"/>
      <c r="GFL20" s="8"/>
      <c r="GFM20" s="8"/>
      <c r="GFN20" s="8"/>
      <c r="GFO20" s="8"/>
      <c r="GFP20" s="8"/>
      <c r="GFQ20" s="8"/>
      <c r="GFR20" s="8"/>
      <c r="GFS20" s="8"/>
      <c r="GFT20" s="8"/>
      <c r="GFU20" s="8"/>
      <c r="GFV20" s="8"/>
      <c r="GFW20" s="8"/>
      <c r="GFX20" s="8"/>
      <c r="GFY20" s="8"/>
      <c r="GFZ20" s="8"/>
      <c r="GGA20" s="8"/>
      <c r="GGB20" s="8"/>
      <c r="GGC20" s="8"/>
      <c r="GGD20" s="8"/>
      <c r="GGE20" s="8"/>
      <c r="GGF20" s="8"/>
      <c r="GGG20" s="8"/>
      <c r="GGH20" s="8"/>
      <c r="GGI20" s="8"/>
      <c r="GGJ20" s="8"/>
      <c r="GGK20" s="8"/>
      <c r="GGL20" s="8"/>
      <c r="GGM20" s="8"/>
      <c r="GGN20" s="8"/>
      <c r="GGO20" s="8"/>
      <c r="GGP20" s="8"/>
      <c r="GGQ20" s="8"/>
      <c r="GGR20" s="8"/>
      <c r="GGS20" s="8"/>
      <c r="GGT20" s="8"/>
      <c r="GGU20" s="8"/>
      <c r="GGV20" s="8"/>
      <c r="GGW20" s="8"/>
      <c r="GGX20" s="8"/>
      <c r="GGY20" s="8"/>
      <c r="GGZ20" s="8"/>
      <c r="GHA20" s="8"/>
      <c r="GHB20" s="8"/>
      <c r="GHC20" s="8"/>
      <c r="GHD20" s="8"/>
      <c r="GHE20" s="8"/>
      <c r="GHF20" s="8"/>
      <c r="GHG20" s="8"/>
      <c r="GHH20" s="8"/>
      <c r="GHI20" s="8"/>
      <c r="GHJ20" s="8"/>
      <c r="GHK20" s="8"/>
      <c r="GHL20" s="8"/>
      <c r="GHM20" s="8"/>
      <c r="GHN20" s="8"/>
      <c r="GHO20" s="8"/>
      <c r="GHP20" s="8"/>
      <c r="GHQ20" s="8"/>
      <c r="GHR20" s="8"/>
      <c r="GHS20" s="8"/>
      <c r="GHT20" s="8"/>
      <c r="GHU20" s="8"/>
      <c r="GHV20" s="8"/>
      <c r="GHW20" s="8"/>
      <c r="GHX20" s="8"/>
      <c r="GHY20" s="8"/>
      <c r="GHZ20" s="8"/>
      <c r="GIA20" s="8"/>
      <c r="GIB20" s="8"/>
      <c r="GIC20" s="8"/>
      <c r="GID20" s="8"/>
      <c r="GIE20" s="8"/>
      <c r="GIF20" s="8"/>
      <c r="GIG20" s="8"/>
      <c r="GIH20" s="8"/>
      <c r="GII20" s="8"/>
      <c r="GIJ20" s="8"/>
      <c r="GIK20" s="8"/>
      <c r="GIL20" s="8"/>
      <c r="GIM20" s="8"/>
      <c r="GIN20" s="8"/>
      <c r="GIO20" s="8"/>
      <c r="GIP20" s="8"/>
      <c r="GIQ20" s="8"/>
      <c r="GIR20" s="8"/>
      <c r="GIS20" s="8"/>
      <c r="GIT20" s="8"/>
      <c r="GIU20" s="8"/>
      <c r="GIV20" s="8"/>
      <c r="GIW20" s="8"/>
      <c r="GIX20" s="8"/>
      <c r="GIY20" s="8"/>
      <c r="GIZ20" s="8"/>
      <c r="GJA20" s="8"/>
      <c r="GJB20" s="8"/>
      <c r="GJC20" s="8"/>
      <c r="GJD20" s="8"/>
      <c r="GJE20" s="8"/>
      <c r="GJF20" s="8"/>
      <c r="GJG20" s="8"/>
      <c r="GJH20" s="8"/>
      <c r="GJI20" s="8"/>
      <c r="GJJ20" s="8"/>
      <c r="GJK20" s="8"/>
      <c r="GJL20" s="8"/>
      <c r="GJM20" s="8"/>
      <c r="GJN20" s="8"/>
      <c r="GJO20" s="8"/>
      <c r="GJP20" s="8"/>
      <c r="GJQ20" s="8"/>
      <c r="GJR20" s="8"/>
      <c r="GJS20" s="8"/>
      <c r="GJT20" s="8"/>
      <c r="GJU20" s="8"/>
      <c r="GJV20" s="8"/>
      <c r="GJW20" s="8"/>
      <c r="GJX20" s="8"/>
      <c r="GJY20" s="8"/>
      <c r="GJZ20" s="8"/>
      <c r="GKA20" s="8"/>
      <c r="GKB20" s="8"/>
      <c r="GKC20" s="8"/>
      <c r="GKD20" s="8"/>
      <c r="GKE20" s="8"/>
      <c r="GKF20" s="8"/>
      <c r="GKG20" s="8"/>
      <c r="GKH20" s="8"/>
      <c r="GKI20" s="8"/>
      <c r="GKJ20" s="8"/>
      <c r="GKK20" s="8"/>
      <c r="GKL20" s="8"/>
      <c r="GKM20" s="8"/>
      <c r="GKN20" s="8"/>
      <c r="GKO20" s="8"/>
      <c r="GKP20" s="8"/>
      <c r="GKQ20" s="8"/>
      <c r="GKR20" s="8"/>
      <c r="GKS20" s="8"/>
      <c r="GKT20" s="8"/>
      <c r="GKU20" s="8"/>
      <c r="GKV20" s="8"/>
      <c r="GKW20" s="8"/>
      <c r="GKX20" s="8"/>
      <c r="GKY20" s="8"/>
      <c r="GKZ20" s="8"/>
      <c r="GLA20" s="8"/>
      <c r="GLB20" s="8"/>
      <c r="GLC20" s="8"/>
      <c r="GLD20" s="8"/>
      <c r="GLE20" s="8"/>
      <c r="GLF20" s="8"/>
      <c r="GLG20" s="8"/>
      <c r="GLH20" s="8"/>
      <c r="GLI20" s="8"/>
      <c r="GLJ20" s="8"/>
      <c r="GLK20" s="8"/>
      <c r="GLL20" s="8"/>
      <c r="GLM20" s="8"/>
      <c r="GLN20" s="8"/>
      <c r="GLO20" s="8"/>
      <c r="GLP20" s="8"/>
      <c r="GLQ20" s="8"/>
      <c r="GLR20" s="8"/>
      <c r="GLS20" s="8"/>
      <c r="GLT20" s="8"/>
      <c r="GLU20" s="8"/>
      <c r="GLV20" s="8"/>
      <c r="GLW20" s="8"/>
      <c r="GLX20" s="8"/>
      <c r="GLY20" s="8"/>
      <c r="GLZ20" s="8"/>
      <c r="GMA20" s="8"/>
      <c r="GMB20" s="8"/>
      <c r="GMC20" s="8"/>
      <c r="GMD20" s="8"/>
      <c r="GME20" s="8"/>
      <c r="GMF20" s="8"/>
      <c r="GMG20" s="8"/>
      <c r="GMH20" s="8"/>
      <c r="GMI20" s="8"/>
      <c r="GMJ20" s="8"/>
      <c r="GMK20" s="8"/>
      <c r="GML20" s="8"/>
      <c r="GMM20" s="8"/>
      <c r="GMN20" s="8"/>
      <c r="GMO20" s="8"/>
      <c r="GMP20" s="8"/>
      <c r="GMQ20" s="8"/>
      <c r="GMR20" s="8"/>
      <c r="GMS20" s="8"/>
      <c r="GMT20" s="8"/>
      <c r="GMU20" s="8"/>
      <c r="GMV20" s="8"/>
      <c r="GMW20" s="8"/>
      <c r="GMX20" s="8"/>
      <c r="GMY20" s="8"/>
      <c r="GMZ20" s="8"/>
      <c r="GNA20" s="8"/>
      <c r="GNB20" s="8"/>
      <c r="GNC20" s="8"/>
      <c r="GND20" s="8"/>
      <c r="GNE20" s="8"/>
      <c r="GNF20" s="8"/>
      <c r="GNG20" s="8"/>
      <c r="GNH20" s="8"/>
      <c r="GNI20" s="8"/>
      <c r="GNJ20" s="8"/>
      <c r="GNK20" s="8"/>
      <c r="GNL20" s="8"/>
      <c r="GNM20" s="8"/>
      <c r="GNN20" s="8"/>
      <c r="GNO20" s="8"/>
      <c r="GNP20" s="8"/>
      <c r="GNQ20" s="8"/>
      <c r="GNR20" s="8"/>
      <c r="GNS20" s="8"/>
      <c r="GNT20" s="8"/>
      <c r="GNU20" s="8"/>
      <c r="GNV20" s="8"/>
      <c r="GNW20" s="8"/>
      <c r="GNX20" s="8"/>
      <c r="GNY20" s="8"/>
      <c r="GNZ20" s="8"/>
      <c r="GOA20" s="8"/>
      <c r="GOB20" s="8"/>
      <c r="GOC20" s="8"/>
      <c r="GOD20" s="8"/>
      <c r="GOE20" s="8"/>
      <c r="GOF20" s="8"/>
      <c r="GOG20" s="8"/>
      <c r="GOH20" s="8"/>
      <c r="GOI20" s="8"/>
      <c r="GOJ20" s="8"/>
      <c r="GOK20" s="8"/>
      <c r="GOL20" s="8"/>
      <c r="GOM20" s="8"/>
      <c r="GON20" s="8"/>
      <c r="GOO20" s="8"/>
      <c r="GOP20" s="8"/>
      <c r="GOQ20" s="8"/>
      <c r="GOR20" s="8"/>
      <c r="GOS20" s="8"/>
      <c r="GOT20" s="8"/>
      <c r="GOU20" s="8"/>
      <c r="GOV20" s="8"/>
      <c r="GOW20" s="8"/>
      <c r="GOX20" s="8"/>
      <c r="GOY20" s="8"/>
      <c r="GOZ20" s="8"/>
      <c r="GPA20" s="8"/>
      <c r="GPB20" s="8"/>
      <c r="GPC20" s="8"/>
      <c r="GPD20" s="8"/>
      <c r="GPE20" s="8"/>
      <c r="GPF20" s="8"/>
      <c r="GPG20" s="8"/>
      <c r="GPH20" s="8"/>
      <c r="GPI20" s="8"/>
      <c r="GPJ20" s="8"/>
      <c r="GPK20" s="8"/>
      <c r="GPL20" s="8"/>
      <c r="GPM20" s="8"/>
      <c r="GPN20" s="8"/>
      <c r="GPO20" s="8"/>
      <c r="GPP20" s="8"/>
      <c r="GPQ20" s="8"/>
      <c r="GPR20" s="8"/>
      <c r="GPS20" s="8"/>
      <c r="GPT20" s="8"/>
      <c r="GPU20" s="8"/>
      <c r="GPV20" s="8"/>
      <c r="GPW20" s="8"/>
      <c r="GPX20" s="8"/>
      <c r="GPY20" s="8"/>
      <c r="GPZ20" s="8"/>
      <c r="GQA20" s="8"/>
      <c r="GQB20" s="8"/>
      <c r="GQC20" s="8"/>
      <c r="GQD20" s="8"/>
      <c r="GQE20" s="8"/>
      <c r="GQF20" s="8"/>
      <c r="GQG20" s="8"/>
      <c r="GQH20" s="8"/>
      <c r="GQI20" s="8"/>
      <c r="GQJ20" s="8"/>
      <c r="GQK20" s="8"/>
      <c r="GQL20" s="8"/>
      <c r="GQM20" s="8"/>
      <c r="GQN20" s="8"/>
      <c r="GQO20" s="8"/>
      <c r="GQP20" s="8"/>
      <c r="GQQ20" s="8"/>
      <c r="GQR20" s="8"/>
      <c r="GQS20" s="8"/>
      <c r="GQT20" s="8"/>
      <c r="GQU20" s="8"/>
      <c r="GQV20" s="8"/>
      <c r="GQW20" s="8"/>
      <c r="GQX20" s="8"/>
      <c r="GQY20" s="8"/>
      <c r="GQZ20" s="8"/>
      <c r="GRA20" s="8"/>
      <c r="GRB20" s="8"/>
      <c r="GRC20" s="8"/>
      <c r="GRD20" s="8"/>
      <c r="GRE20" s="8"/>
      <c r="GRF20" s="8"/>
      <c r="GRG20" s="8"/>
      <c r="GRH20" s="8"/>
      <c r="GRI20" s="8"/>
      <c r="GRJ20" s="8"/>
      <c r="GRK20" s="8"/>
      <c r="GRL20" s="8"/>
      <c r="GRM20" s="8"/>
      <c r="GRN20" s="8"/>
      <c r="GRO20" s="8"/>
      <c r="GRP20" s="8"/>
      <c r="GRQ20" s="8"/>
      <c r="GRR20" s="8"/>
      <c r="GRS20" s="8"/>
      <c r="GRT20" s="8"/>
      <c r="GRU20" s="8"/>
      <c r="GRV20" s="8"/>
      <c r="GRW20" s="8"/>
      <c r="GRX20" s="8"/>
      <c r="GRY20" s="8"/>
      <c r="GRZ20" s="8"/>
      <c r="GSA20" s="8"/>
      <c r="GSB20" s="8"/>
      <c r="GSC20" s="8"/>
      <c r="GSD20" s="8"/>
      <c r="GSE20" s="8"/>
      <c r="GSF20" s="8"/>
      <c r="GSG20" s="8"/>
      <c r="GSH20" s="8"/>
      <c r="GSI20" s="8"/>
      <c r="GSJ20" s="8"/>
      <c r="GSK20" s="8"/>
      <c r="GSL20" s="8"/>
      <c r="GSM20" s="8"/>
      <c r="GSN20" s="8"/>
      <c r="GSO20" s="8"/>
      <c r="GSP20" s="8"/>
      <c r="GSQ20" s="8"/>
      <c r="GSR20" s="8"/>
      <c r="GSS20" s="8"/>
      <c r="GST20" s="8"/>
      <c r="GSU20" s="8"/>
      <c r="GSV20" s="8"/>
      <c r="GSW20" s="8"/>
      <c r="GSX20" s="8"/>
      <c r="GSY20" s="8"/>
      <c r="GSZ20" s="8"/>
      <c r="GTA20" s="8"/>
      <c r="GTB20" s="8"/>
      <c r="GTC20" s="8"/>
      <c r="GTD20" s="8"/>
      <c r="GTE20" s="8"/>
      <c r="GTF20" s="8"/>
      <c r="GTG20" s="8"/>
      <c r="GTH20" s="8"/>
      <c r="GTI20" s="8"/>
      <c r="GTJ20" s="8"/>
      <c r="GTK20" s="8"/>
      <c r="GTL20" s="8"/>
      <c r="GTM20" s="8"/>
      <c r="GTN20" s="8"/>
      <c r="GTO20" s="8"/>
      <c r="GTP20" s="8"/>
      <c r="GTQ20" s="8"/>
      <c r="GTR20" s="8"/>
      <c r="GTS20" s="8"/>
      <c r="GTT20" s="8"/>
      <c r="GTU20" s="8"/>
      <c r="GTV20" s="8"/>
      <c r="GTW20" s="8"/>
      <c r="GTX20" s="8"/>
      <c r="GTY20" s="8"/>
      <c r="GTZ20" s="8"/>
      <c r="GUA20" s="8"/>
      <c r="GUB20" s="8"/>
      <c r="GUC20" s="8"/>
      <c r="GUD20" s="8"/>
      <c r="GUE20" s="8"/>
      <c r="GUF20" s="8"/>
      <c r="GUG20" s="8"/>
      <c r="GUH20" s="8"/>
      <c r="GUI20" s="8"/>
      <c r="GUJ20" s="8"/>
      <c r="GUK20" s="8"/>
      <c r="GUL20" s="8"/>
      <c r="GUM20" s="8"/>
      <c r="GUN20" s="8"/>
      <c r="GUO20" s="8"/>
      <c r="GUP20" s="8"/>
      <c r="GUQ20" s="8"/>
      <c r="GUR20" s="8"/>
      <c r="GUS20" s="8"/>
      <c r="GUT20" s="8"/>
      <c r="GUU20" s="8"/>
      <c r="GUV20" s="8"/>
      <c r="GUW20" s="8"/>
      <c r="GUX20" s="8"/>
      <c r="GUY20" s="8"/>
      <c r="GUZ20" s="8"/>
      <c r="GVA20" s="8"/>
      <c r="GVB20" s="8"/>
      <c r="GVC20" s="8"/>
      <c r="GVD20" s="8"/>
      <c r="GVE20" s="8"/>
      <c r="GVF20" s="8"/>
      <c r="GVG20" s="8"/>
      <c r="GVH20" s="8"/>
      <c r="GVI20" s="8"/>
      <c r="GVJ20" s="8"/>
      <c r="GVK20" s="8"/>
      <c r="GVL20" s="8"/>
      <c r="GVM20" s="8"/>
      <c r="GVN20" s="8"/>
      <c r="GVO20" s="8"/>
      <c r="GVP20" s="8"/>
      <c r="GVQ20" s="8"/>
      <c r="GVR20" s="8"/>
      <c r="GVS20" s="8"/>
      <c r="GVT20" s="8"/>
      <c r="GVU20" s="8"/>
      <c r="GVV20" s="8"/>
      <c r="GVW20" s="8"/>
      <c r="GVX20" s="8"/>
      <c r="GVY20" s="8"/>
      <c r="GVZ20" s="8"/>
      <c r="GWA20" s="8"/>
      <c r="GWB20" s="8"/>
      <c r="GWC20" s="8"/>
      <c r="GWD20" s="8"/>
      <c r="GWE20" s="8"/>
      <c r="GWF20" s="8"/>
      <c r="GWG20" s="8"/>
      <c r="GWH20" s="8"/>
      <c r="GWI20" s="8"/>
      <c r="GWJ20" s="8"/>
      <c r="GWK20" s="8"/>
      <c r="GWL20" s="8"/>
      <c r="GWM20" s="8"/>
      <c r="GWN20" s="8"/>
      <c r="GWO20" s="8"/>
      <c r="GWP20" s="8"/>
      <c r="GWQ20" s="8"/>
      <c r="GWR20" s="8"/>
      <c r="GWS20" s="8"/>
      <c r="GWT20" s="8"/>
      <c r="GWU20" s="8"/>
      <c r="GWV20" s="8"/>
      <c r="GWW20" s="8"/>
      <c r="GWX20" s="8"/>
      <c r="GWY20" s="8"/>
      <c r="GWZ20" s="8"/>
      <c r="GXA20" s="8"/>
      <c r="GXB20" s="8"/>
      <c r="GXC20" s="8"/>
      <c r="GXD20" s="8"/>
      <c r="GXE20" s="8"/>
      <c r="GXF20" s="8"/>
      <c r="GXG20" s="8"/>
      <c r="GXH20" s="8"/>
      <c r="GXI20" s="8"/>
      <c r="GXJ20" s="8"/>
      <c r="GXK20" s="8"/>
      <c r="GXL20" s="8"/>
      <c r="GXM20" s="8"/>
      <c r="GXN20" s="8"/>
      <c r="GXO20" s="8"/>
      <c r="GXP20" s="8"/>
      <c r="GXQ20" s="8"/>
      <c r="GXR20" s="8"/>
      <c r="GXS20" s="8"/>
      <c r="GXT20" s="8"/>
      <c r="GXU20" s="8"/>
      <c r="GXV20" s="8"/>
      <c r="GXW20" s="8"/>
      <c r="GXX20" s="8"/>
      <c r="GXY20" s="8"/>
      <c r="GXZ20" s="8"/>
      <c r="GYA20" s="8"/>
      <c r="GYB20" s="8"/>
      <c r="GYC20" s="8"/>
      <c r="GYD20" s="8"/>
      <c r="GYE20" s="8"/>
      <c r="GYF20" s="8"/>
      <c r="GYG20" s="8"/>
      <c r="GYH20" s="8"/>
      <c r="GYI20" s="8"/>
      <c r="GYJ20" s="8"/>
      <c r="GYK20" s="8"/>
      <c r="GYL20" s="8"/>
      <c r="GYM20" s="8"/>
      <c r="GYN20" s="8"/>
      <c r="GYO20" s="8"/>
      <c r="GYP20" s="8"/>
      <c r="GYQ20" s="8"/>
      <c r="GYR20" s="8"/>
      <c r="GYS20" s="8"/>
      <c r="GYT20" s="8"/>
      <c r="GYU20" s="8"/>
      <c r="GYV20" s="8"/>
      <c r="GYW20" s="8"/>
      <c r="GYX20" s="8"/>
      <c r="GYY20" s="8"/>
      <c r="GYZ20" s="8"/>
      <c r="GZA20" s="8"/>
      <c r="GZB20" s="8"/>
      <c r="GZC20" s="8"/>
      <c r="GZD20" s="8"/>
      <c r="GZE20" s="8"/>
      <c r="GZF20" s="8"/>
      <c r="GZG20" s="8"/>
      <c r="GZH20" s="8"/>
      <c r="GZI20" s="8"/>
      <c r="GZJ20" s="8"/>
      <c r="GZK20" s="8"/>
      <c r="GZL20" s="8"/>
      <c r="GZM20" s="8"/>
      <c r="GZN20" s="8"/>
      <c r="GZO20" s="8"/>
      <c r="GZP20" s="8"/>
      <c r="GZQ20" s="8"/>
      <c r="GZR20" s="8"/>
      <c r="GZS20" s="8"/>
      <c r="GZT20" s="8"/>
      <c r="GZU20" s="8"/>
      <c r="GZV20" s="8"/>
      <c r="GZW20" s="8"/>
      <c r="GZX20" s="8"/>
      <c r="GZY20" s="8"/>
      <c r="GZZ20" s="8"/>
      <c r="HAA20" s="8"/>
      <c r="HAB20" s="8"/>
      <c r="HAC20" s="8"/>
      <c r="HAD20" s="8"/>
      <c r="HAE20" s="8"/>
      <c r="HAF20" s="8"/>
      <c r="HAG20" s="8"/>
      <c r="HAH20" s="8"/>
      <c r="HAI20" s="8"/>
      <c r="HAJ20" s="8"/>
      <c r="HAK20" s="8"/>
      <c r="HAL20" s="8"/>
      <c r="HAM20" s="8"/>
      <c r="HAN20" s="8"/>
      <c r="HAO20" s="8"/>
      <c r="HAP20" s="8"/>
      <c r="HAQ20" s="8"/>
      <c r="HAR20" s="8"/>
      <c r="HAS20" s="8"/>
      <c r="HAT20" s="8"/>
      <c r="HAU20" s="8"/>
      <c r="HAV20" s="8"/>
      <c r="HAW20" s="8"/>
      <c r="HAX20" s="8"/>
      <c r="HAY20" s="8"/>
      <c r="HAZ20" s="8"/>
      <c r="HBA20" s="8"/>
      <c r="HBB20" s="8"/>
      <c r="HBC20" s="8"/>
      <c r="HBD20" s="8"/>
      <c r="HBE20" s="8"/>
      <c r="HBF20" s="8"/>
      <c r="HBG20" s="8"/>
      <c r="HBH20" s="8"/>
      <c r="HBI20" s="8"/>
      <c r="HBJ20" s="8"/>
      <c r="HBK20" s="8"/>
      <c r="HBL20" s="8"/>
      <c r="HBM20" s="8"/>
      <c r="HBN20" s="8"/>
      <c r="HBO20" s="8"/>
      <c r="HBP20" s="8"/>
      <c r="HBQ20" s="8"/>
      <c r="HBR20" s="8"/>
      <c r="HBS20" s="8"/>
      <c r="HBT20" s="8"/>
      <c r="HBU20" s="8"/>
      <c r="HBV20" s="8"/>
      <c r="HBW20" s="8"/>
      <c r="HBX20" s="8"/>
      <c r="HBY20" s="8"/>
      <c r="HBZ20" s="8"/>
      <c r="HCA20" s="8"/>
      <c r="HCB20" s="8"/>
      <c r="HCC20" s="8"/>
      <c r="HCD20" s="8"/>
      <c r="HCE20" s="8"/>
      <c r="HCF20" s="8"/>
      <c r="HCG20" s="8"/>
      <c r="HCH20" s="8"/>
      <c r="HCI20" s="8"/>
      <c r="HCJ20" s="8"/>
      <c r="HCK20" s="8"/>
      <c r="HCL20" s="8"/>
      <c r="HCM20" s="8"/>
      <c r="HCN20" s="8"/>
      <c r="HCO20" s="8"/>
      <c r="HCP20" s="8"/>
      <c r="HCQ20" s="8"/>
      <c r="HCR20" s="8"/>
      <c r="HCS20" s="8"/>
      <c r="HCT20" s="8"/>
      <c r="HCU20" s="8"/>
      <c r="HCV20" s="8"/>
      <c r="HCW20" s="8"/>
      <c r="HCX20" s="8"/>
      <c r="HCY20" s="8"/>
      <c r="HCZ20" s="8"/>
      <c r="HDA20" s="8"/>
      <c r="HDB20" s="8"/>
      <c r="HDC20" s="8"/>
      <c r="HDD20" s="8"/>
      <c r="HDE20" s="8"/>
      <c r="HDF20" s="8"/>
      <c r="HDG20" s="8"/>
      <c r="HDH20" s="8"/>
      <c r="HDI20" s="8"/>
      <c r="HDJ20" s="8"/>
      <c r="HDK20" s="8"/>
      <c r="HDL20" s="8"/>
      <c r="HDM20" s="8"/>
      <c r="HDN20" s="8"/>
      <c r="HDO20" s="8"/>
      <c r="HDP20" s="8"/>
      <c r="HDQ20" s="8"/>
      <c r="HDR20" s="8"/>
      <c r="HDS20" s="8"/>
      <c r="HDT20" s="8"/>
      <c r="HDU20" s="8"/>
      <c r="HDV20" s="8"/>
      <c r="HDW20" s="8"/>
      <c r="HDX20" s="8"/>
      <c r="HDY20" s="8"/>
      <c r="HDZ20" s="8"/>
      <c r="HEA20" s="8"/>
      <c r="HEB20" s="8"/>
      <c r="HEC20" s="8"/>
      <c r="HED20" s="8"/>
      <c r="HEE20" s="8"/>
      <c r="HEF20" s="8"/>
      <c r="HEG20" s="8"/>
      <c r="HEH20" s="8"/>
      <c r="HEI20" s="8"/>
      <c r="HEJ20" s="8"/>
      <c r="HEK20" s="8"/>
      <c r="HEL20" s="8"/>
      <c r="HEM20" s="8"/>
      <c r="HEN20" s="8"/>
      <c r="HEO20" s="8"/>
      <c r="HEP20" s="8"/>
      <c r="HEQ20" s="8"/>
      <c r="HER20" s="8"/>
      <c r="HES20" s="8"/>
      <c r="HET20" s="8"/>
      <c r="HEU20" s="8"/>
      <c r="HEV20" s="8"/>
      <c r="HEW20" s="8"/>
      <c r="HEX20" s="8"/>
      <c r="HEY20" s="8"/>
      <c r="HEZ20" s="8"/>
      <c r="HFA20" s="8"/>
      <c r="HFB20" s="8"/>
      <c r="HFC20" s="8"/>
      <c r="HFD20" s="8"/>
      <c r="HFE20" s="8"/>
      <c r="HFF20" s="8"/>
      <c r="HFG20" s="8"/>
      <c r="HFH20" s="8"/>
      <c r="HFI20" s="8"/>
      <c r="HFJ20" s="8"/>
      <c r="HFK20" s="8"/>
      <c r="HFL20" s="8"/>
      <c r="HFM20" s="8"/>
      <c r="HFN20" s="8"/>
      <c r="HFO20" s="8"/>
      <c r="HFP20" s="8"/>
      <c r="HFQ20" s="8"/>
      <c r="HFR20" s="8"/>
      <c r="HFS20" s="8"/>
      <c r="HFT20" s="8"/>
      <c r="HFU20" s="8"/>
      <c r="HFV20" s="8"/>
      <c r="HFW20" s="8"/>
      <c r="HFX20" s="8"/>
      <c r="HFY20" s="8"/>
      <c r="HFZ20" s="8"/>
      <c r="HGA20" s="8"/>
      <c r="HGB20" s="8"/>
      <c r="HGC20" s="8"/>
      <c r="HGD20" s="8"/>
      <c r="HGE20" s="8"/>
      <c r="HGF20" s="8"/>
      <c r="HGG20" s="8"/>
      <c r="HGH20" s="8"/>
      <c r="HGI20" s="8"/>
      <c r="HGJ20" s="8"/>
      <c r="HGK20" s="8"/>
      <c r="HGL20" s="8"/>
      <c r="HGM20" s="8"/>
      <c r="HGN20" s="8"/>
      <c r="HGO20" s="8"/>
      <c r="HGP20" s="8"/>
      <c r="HGQ20" s="8"/>
      <c r="HGR20" s="8"/>
      <c r="HGS20" s="8"/>
      <c r="HGT20" s="8"/>
      <c r="HGU20" s="8"/>
      <c r="HGV20" s="8"/>
      <c r="HGW20" s="8"/>
      <c r="HGX20" s="8"/>
      <c r="HGY20" s="8"/>
      <c r="HGZ20" s="8"/>
      <c r="HHA20" s="8"/>
      <c r="HHB20" s="8"/>
      <c r="HHC20" s="8"/>
      <c r="HHD20" s="8"/>
      <c r="HHE20" s="8"/>
      <c r="HHF20" s="8"/>
      <c r="HHG20" s="8"/>
      <c r="HHH20" s="8"/>
      <c r="HHI20" s="8"/>
      <c r="HHJ20" s="8"/>
      <c r="HHK20" s="8"/>
      <c r="HHL20" s="8"/>
      <c r="HHM20" s="8"/>
      <c r="HHN20" s="8"/>
      <c r="HHO20" s="8"/>
      <c r="HHP20" s="8"/>
      <c r="HHQ20" s="8"/>
      <c r="HHR20" s="8"/>
      <c r="HHS20" s="8"/>
      <c r="HHT20" s="8"/>
      <c r="HHU20" s="8"/>
      <c r="HHV20" s="8"/>
      <c r="HHW20" s="8"/>
      <c r="HHX20" s="8"/>
      <c r="HHY20" s="8"/>
      <c r="HHZ20" s="8"/>
      <c r="HIA20" s="8"/>
      <c r="HIB20" s="8"/>
      <c r="HIC20" s="8"/>
      <c r="HID20" s="8"/>
      <c r="HIE20" s="8"/>
      <c r="HIF20" s="8"/>
      <c r="HIG20" s="8"/>
      <c r="HIH20" s="8"/>
      <c r="HII20" s="8"/>
      <c r="HIJ20" s="8"/>
      <c r="HIK20" s="8"/>
      <c r="HIL20" s="8"/>
      <c r="HIM20" s="8"/>
      <c r="HIN20" s="8"/>
      <c r="HIO20" s="8"/>
      <c r="HIP20" s="8"/>
      <c r="HIQ20" s="8"/>
      <c r="HIR20" s="8"/>
      <c r="HIS20" s="8"/>
      <c r="HIT20" s="8"/>
      <c r="HIU20" s="8"/>
      <c r="HIV20" s="8"/>
      <c r="HIW20" s="8"/>
      <c r="HIX20" s="8"/>
      <c r="HIY20" s="8"/>
      <c r="HIZ20" s="8"/>
      <c r="HJA20" s="8"/>
      <c r="HJB20" s="8"/>
      <c r="HJC20" s="8"/>
      <c r="HJD20" s="8"/>
      <c r="HJE20" s="8"/>
      <c r="HJF20" s="8"/>
      <c r="HJG20" s="8"/>
      <c r="HJH20" s="8"/>
      <c r="HJI20" s="8"/>
      <c r="HJJ20" s="8"/>
      <c r="HJK20" s="8"/>
      <c r="HJL20" s="8"/>
      <c r="HJM20" s="8"/>
      <c r="HJN20" s="8"/>
      <c r="HJO20" s="8"/>
      <c r="HJP20" s="8"/>
      <c r="HJQ20" s="8"/>
      <c r="HJR20" s="8"/>
      <c r="HJS20" s="8"/>
      <c r="HJT20" s="8"/>
      <c r="HJU20" s="8"/>
      <c r="HJV20" s="8"/>
      <c r="HJW20" s="8"/>
      <c r="HJX20" s="8"/>
      <c r="HJY20" s="8"/>
      <c r="HJZ20" s="8"/>
      <c r="HKA20" s="8"/>
      <c r="HKB20" s="8"/>
      <c r="HKC20" s="8"/>
      <c r="HKD20" s="8"/>
      <c r="HKE20" s="8"/>
      <c r="HKF20" s="8"/>
      <c r="HKG20" s="8"/>
      <c r="HKH20" s="8"/>
      <c r="HKI20" s="8"/>
      <c r="HKJ20" s="8"/>
      <c r="HKK20" s="8"/>
      <c r="HKL20" s="8"/>
      <c r="HKM20" s="8"/>
      <c r="HKN20" s="8"/>
      <c r="HKO20" s="8"/>
      <c r="HKP20" s="8"/>
      <c r="HKQ20" s="8"/>
      <c r="HKR20" s="8"/>
      <c r="HKS20" s="8"/>
      <c r="HKT20" s="8"/>
      <c r="HKU20" s="8"/>
      <c r="HKV20" s="8"/>
      <c r="HKW20" s="8"/>
      <c r="HKX20" s="8"/>
      <c r="HKY20" s="8"/>
      <c r="HKZ20" s="8"/>
      <c r="HLA20" s="8"/>
      <c r="HLB20" s="8"/>
      <c r="HLC20" s="8"/>
      <c r="HLD20" s="8"/>
      <c r="HLE20" s="8"/>
      <c r="HLF20" s="8"/>
      <c r="HLG20" s="8"/>
      <c r="HLH20" s="8"/>
      <c r="HLI20" s="8"/>
      <c r="HLJ20" s="8"/>
      <c r="HLK20" s="8"/>
      <c r="HLL20" s="8"/>
      <c r="HLM20" s="8"/>
      <c r="HLN20" s="8"/>
      <c r="HLO20" s="8"/>
      <c r="HLP20" s="8"/>
      <c r="HLQ20" s="8"/>
      <c r="HLR20" s="8"/>
      <c r="HLS20" s="8"/>
      <c r="HLT20" s="8"/>
      <c r="HLU20" s="8"/>
      <c r="HLV20" s="8"/>
      <c r="HLW20" s="8"/>
      <c r="HLX20" s="8"/>
      <c r="HLY20" s="8"/>
      <c r="HLZ20" s="8"/>
      <c r="HMA20" s="8"/>
      <c r="HMB20" s="8"/>
      <c r="HMC20" s="8"/>
      <c r="HMD20" s="8"/>
      <c r="HME20" s="8"/>
      <c r="HMF20" s="8"/>
      <c r="HMG20" s="8"/>
      <c r="HMH20" s="8"/>
      <c r="HMI20" s="8"/>
      <c r="HMJ20" s="8"/>
      <c r="HMK20" s="8"/>
      <c r="HML20" s="8"/>
      <c r="HMM20" s="8"/>
      <c r="HMN20" s="8"/>
      <c r="HMO20" s="8"/>
      <c r="HMP20" s="8"/>
      <c r="HMQ20" s="8"/>
      <c r="HMR20" s="8"/>
      <c r="HMS20" s="8"/>
      <c r="HMT20" s="8"/>
      <c r="HMU20" s="8"/>
      <c r="HMV20" s="8"/>
      <c r="HMW20" s="8"/>
      <c r="HMX20" s="8"/>
      <c r="HMY20" s="8"/>
      <c r="HMZ20" s="8"/>
      <c r="HNA20" s="8"/>
      <c r="HNB20" s="8"/>
      <c r="HNC20" s="8"/>
      <c r="HND20" s="8"/>
      <c r="HNE20" s="8"/>
      <c r="HNF20" s="8"/>
      <c r="HNG20" s="8"/>
      <c r="HNH20" s="8"/>
      <c r="HNI20" s="8"/>
      <c r="HNJ20" s="8"/>
      <c r="HNK20" s="8"/>
      <c r="HNL20" s="8"/>
      <c r="HNM20" s="8"/>
      <c r="HNN20" s="8"/>
      <c r="HNO20" s="8"/>
      <c r="HNP20" s="8"/>
      <c r="HNQ20" s="8"/>
      <c r="HNR20" s="8"/>
      <c r="HNS20" s="8"/>
      <c r="HNT20" s="8"/>
      <c r="HNU20" s="8"/>
      <c r="HNV20" s="8"/>
      <c r="HNW20" s="8"/>
      <c r="HNX20" s="8"/>
      <c r="HNY20" s="8"/>
      <c r="HNZ20" s="8"/>
      <c r="HOA20" s="8"/>
      <c r="HOB20" s="8"/>
      <c r="HOC20" s="8"/>
      <c r="HOD20" s="8"/>
      <c r="HOE20" s="8"/>
      <c r="HOF20" s="8"/>
      <c r="HOG20" s="8"/>
      <c r="HOH20" s="8"/>
      <c r="HOI20" s="8"/>
      <c r="HOJ20" s="8"/>
      <c r="HOK20" s="8"/>
      <c r="HOL20" s="8"/>
      <c r="HOM20" s="8"/>
      <c r="HON20" s="8"/>
      <c r="HOO20" s="8"/>
      <c r="HOP20" s="8"/>
      <c r="HOQ20" s="8"/>
      <c r="HOR20" s="8"/>
      <c r="HOS20" s="8"/>
      <c r="HOT20" s="8"/>
      <c r="HOU20" s="8"/>
      <c r="HOV20" s="8"/>
      <c r="HOW20" s="8"/>
      <c r="HOX20" s="8"/>
      <c r="HOY20" s="8"/>
      <c r="HOZ20" s="8"/>
      <c r="HPA20" s="8"/>
      <c r="HPB20" s="8"/>
      <c r="HPC20" s="8"/>
      <c r="HPD20" s="8"/>
      <c r="HPE20" s="8"/>
      <c r="HPF20" s="8"/>
      <c r="HPG20" s="8"/>
      <c r="HPH20" s="8"/>
      <c r="HPI20" s="8"/>
      <c r="HPJ20" s="8"/>
      <c r="HPK20" s="8"/>
      <c r="HPL20" s="8"/>
      <c r="HPM20" s="8"/>
      <c r="HPN20" s="8"/>
      <c r="HPO20" s="8"/>
      <c r="HPP20" s="8"/>
      <c r="HPQ20" s="8"/>
      <c r="HPR20" s="8"/>
      <c r="HPS20" s="8"/>
      <c r="HPT20" s="8"/>
      <c r="HPU20" s="8"/>
      <c r="HPV20" s="8"/>
      <c r="HPW20" s="8"/>
      <c r="HPX20" s="8"/>
      <c r="HPY20" s="8"/>
      <c r="HPZ20" s="8"/>
      <c r="HQA20" s="8"/>
      <c r="HQB20" s="8"/>
      <c r="HQC20" s="8"/>
      <c r="HQD20" s="8"/>
      <c r="HQE20" s="8"/>
      <c r="HQF20" s="8"/>
      <c r="HQG20" s="8"/>
      <c r="HQH20" s="8"/>
      <c r="HQI20" s="8"/>
      <c r="HQJ20" s="8"/>
      <c r="HQK20" s="8"/>
      <c r="HQL20" s="8"/>
      <c r="HQM20" s="8"/>
      <c r="HQN20" s="8"/>
      <c r="HQO20" s="8"/>
      <c r="HQP20" s="8"/>
      <c r="HQQ20" s="8"/>
      <c r="HQR20" s="8"/>
      <c r="HQS20" s="8"/>
      <c r="HQT20" s="8"/>
      <c r="HQU20" s="8"/>
      <c r="HQV20" s="8"/>
      <c r="HQW20" s="8"/>
      <c r="HQX20" s="8"/>
      <c r="HQY20" s="8"/>
      <c r="HQZ20" s="8"/>
      <c r="HRA20" s="8"/>
      <c r="HRB20" s="8"/>
      <c r="HRC20" s="8"/>
      <c r="HRD20" s="8"/>
      <c r="HRE20" s="8"/>
      <c r="HRF20" s="8"/>
      <c r="HRG20" s="8"/>
      <c r="HRH20" s="8"/>
      <c r="HRI20" s="8"/>
      <c r="HRJ20" s="8"/>
      <c r="HRK20" s="8"/>
      <c r="HRL20" s="8"/>
      <c r="HRM20" s="8"/>
      <c r="HRN20" s="8"/>
      <c r="HRO20" s="8"/>
      <c r="HRP20" s="8"/>
      <c r="HRQ20" s="8"/>
      <c r="HRR20" s="8"/>
      <c r="HRS20" s="8"/>
      <c r="HRT20" s="8"/>
      <c r="HRU20" s="8"/>
      <c r="HRV20" s="8"/>
      <c r="HRW20" s="8"/>
      <c r="HRX20" s="8"/>
      <c r="HRY20" s="8"/>
      <c r="HRZ20" s="8"/>
      <c r="HSA20" s="8"/>
      <c r="HSB20" s="8"/>
      <c r="HSC20" s="8"/>
      <c r="HSD20" s="8"/>
      <c r="HSE20" s="8"/>
      <c r="HSF20" s="8"/>
      <c r="HSG20" s="8"/>
      <c r="HSH20" s="8"/>
      <c r="HSI20" s="8"/>
      <c r="HSJ20" s="8"/>
      <c r="HSK20" s="8"/>
      <c r="HSL20" s="8"/>
      <c r="HSM20" s="8"/>
      <c r="HSN20" s="8"/>
      <c r="HSO20" s="8"/>
      <c r="HSP20" s="8"/>
      <c r="HSQ20" s="8"/>
      <c r="HSR20" s="8"/>
      <c r="HSS20" s="8"/>
      <c r="HST20" s="8"/>
      <c r="HSU20" s="8"/>
      <c r="HSV20" s="8"/>
      <c r="HSW20" s="8"/>
      <c r="HSX20" s="8"/>
      <c r="HSY20" s="8"/>
      <c r="HSZ20" s="8"/>
      <c r="HTA20" s="8"/>
      <c r="HTB20" s="8"/>
      <c r="HTC20" s="8"/>
      <c r="HTD20" s="8"/>
      <c r="HTE20" s="8"/>
      <c r="HTF20" s="8"/>
      <c r="HTG20" s="8"/>
      <c r="HTH20" s="8"/>
      <c r="HTI20" s="8"/>
      <c r="HTJ20" s="8"/>
      <c r="HTK20" s="8"/>
      <c r="HTL20" s="8"/>
      <c r="HTM20" s="8"/>
      <c r="HTN20" s="8"/>
      <c r="HTO20" s="8"/>
      <c r="HTP20" s="8"/>
      <c r="HTQ20" s="8"/>
      <c r="HTR20" s="8"/>
      <c r="HTS20" s="8"/>
      <c r="HTT20" s="8"/>
      <c r="HTU20" s="8"/>
      <c r="HTV20" s="8"/>
      <c r="HTW20" s="8"/>
      <c r="HTX20" s="8"/>
      <c r="HTY20" s="8"/>
      <c r="HTZ20" s="8"/>
      <c r="HUA20" s="8"/>
      <c r="HUB20" s="8"/>
      <c r="HUC20" s="8"/>
      <c r="HUD20" s="8"/>
      <c r="HUE20" s="8"/>
      <c r="HUF20" s="8"/>
      <c r="HUG20" s="8"/>
      <c r="HUH20" s="8"/>
      <c r="HUI20" s="8"/>
      <c r="HUJ20" s="8"/>
      <c r="HUK20" s="8"/>
      <c r="HUL20" s="8"/>
      <c r="HUM20" s="8"/>
      <c r="HUN20" s="8"/>
      <c r="HUO20" s="8"/>
      <c r="HUP20" s="8"/>
      <c r="HUQ20" s="8"/>
      <c r="HUR20" s="8"/>
      <c r="HUS20" s="8"/>
      <c r="HUT20" s="8"/>
      <c r="HUU20" s="8"/>
      <c r="HUV20" s="8"/>
      <c r="HUW20" s="8"/>
      <c r="HUX20" s="8"/>
      <c r="HUY20" s="8"/>
      <c r="HUZ20" s="8"/>
      <c r="HVA20" s="8"/>
      <c r="HVB20" s="8"/>
      <c r="HVC20" s="8"/>
      <c r="HVD20" s="8"/>
      <c r="HVE20" s="8"/>
      <c r="HVF20" s="8"/>
      <c r="HVG20" s="8"/>
      <c r="HVH20" s="8"/>
      <c r="HVI20" s="8"/>
      <c r="HVJ20" s="8"/>
      <c r="HVK20" s="8"/>
      <c r="HVL20" s="8"/>
      <c r="HVM20" s="8"/>
      <c r="HVN20" s="8"/>
      <c r="HVO20" s="8"/>
      <c r="HVP20" s="8"/>
      <c r="HVQ20" s="8"/>
      <c r="HVR20" s="8"/>
      <c r="HVS20" s="8"/>
      <c r="HVT20" s="8"/>
      <c r="HVU20" s="8"/>
      <c r="HVV20" s="8"/>
      <c r="HVW20" s="8"/>
      <c r="HVX20" s="8"/>
      <c r="HVY20" s="8"/>
      <c r="HVZ20" s="8"/>
      <c r="HWA20" s="8"/>
      <c r="HWB20" s="8"/>
      <c r="HWC20" s="8"/>
      <c r="HWD20" s="8"/>
      <c r="HWE20" s="8"/>
      <c r="HWF20" s="8"/>
      <c r="HWG20" s="8"/>
      <c r="HWH20" s="8"/>
      <c r="HWI20" s="8"/>
      <c r="HWJ20" s="8"/>
      <c r="HWK20" s="8"/>
      <c r="HWL20" s="8"/>
      <c r="HWM20" s="8"/>
      <c r="HWN20" s="8"/>
      <c r="HWO20" s="8"/>
      <c r="HWP20" s="8"/>
      <c r="HWQ20" s="8"/>
      <c r="HWR20" s="8"/>
      <c r="HWS20" s="8"/>
      <c r="HWT20" s="8"/>
      <c r="HWU20" s="8"/>
      <c r="HWV20" s="8"/>
      <c r="HWW20" s="8"/>
      <c r="HWX20" s="8"/>
      <c r="HWY20" s="8"/>
      <c r="HWZ20" s="8"/>
      <c r="HXA20" s="8"/>
      <c r="HXB20" s="8"/>
      <c r="HXC20" s="8"/>
      <c r="HXD20" s="8"/>
      <c r="HXE20" s="8"/>
      <c r="HXF20" s="8"/>
      <c r="HXG20" s="8"/>
      <c r="HXH20" s="8"/>
      <c r="HXI20" s="8"/>
      <c r="HXJ20" s="8"/>
      <c r="HXK20" s="8"/>
      <c r="HXL20" s="8"/>
      <c r="HXM20" s="8"/>
      <c r="HXN20" s="8"/>
      <c r="HXO20" s="8"/>
      <c r="HXP20" s="8"/>
      <c r="HXQ20" s="8"/>
      <c r="HXR20" s="8"/>
      <c r="HXS20" s="8"/>
      <c r="HXT20" s="8"/>
      <c r="HXU20" s="8"/>
      <c r="HXV20" s="8"/>
      <c r="HXW20" s="8"/>
      <c r="HXX20" s="8"/>
      <c r="HXY20" s="8"/>
      <c r="HXZ20" s="8"/>
      <c r="HYA20" s="8"/>
      <c r="HYB20" s="8"/>
      <c r="HYC20" s="8"/>
      <c r="HYD20" s="8"/>
      <c r="HYE20" s="8"/>
      <c r="HYF20" s="8"/>
      <c r="HYG20" s="8"/>
      <c r="HYH20" s="8"/>
      <c r="HYI20" s="8"/>
      <c r="HYJ20" s="8"/>
      <c r="HYK20" s="8"/>
      <c r="HYL20" s="8"/>
      <c r="HYM20" s="8"/>
      <c r="HYN20" s="8"/>
      <c r="HYO20" s="8"/>
      <c r="HYP20" s="8"/>
      <c r="HYQ20" s="8"/>
      <c r="HYR20" s="8"/>
      <c r="HYS20" s="8"/>
      <c r="HYT20" s="8"/>
      <c r="HYU20" s="8"/>
      <c r="HYV20" s="8"/>
      <c r="HYW20" s="8"/>
      <c r="HYX20" s="8"/>
      <c r="HYY20" s="8"/>
      <c r="HYZ20" s="8"/>
      <c r="HZA20" s="8"/>
      <c r="HZB20" s="8"/>
      <c r="HZC20" s="8"/>
      <c r="HZD20" s="8"/>
      <c r="HZE20" s="8"/>
      <c r="HZF20" s="8"/>
      <c r="HZG20" s="8"/>
      <c r="HZH20" s="8"/>
      <c r="HZI20" s="8"/>
      <c r="HZJ20" s="8"/>
      <c r="HZK20" s="8"/>
      <c r="HZL20" s="8"/>
      <c r="HZM20" s="8"/>
      <c r="HZN20" s="8"/>
      <c r="HZO20" s="8"/>
      <c r="HZP20" s="8"/>
      <c r="HZQ20" s="8"/>
      <c r="HZR20" s="8"/>
      <c r="HZS20" s="8"/>
      <c r="HZT20" s="8"/>
      <c r="HZU20" s="8"/>
      <c r="HZV20" s="8"/>
      <c r="HZW20" s="8"/>
      <c r="HZX20" s="8"/>
      <c r="HZY20" s="8"/>
      <c r="HZZ20" s="8"/>
      <c r="IAA20" s="8"/>
      <c r="IAB20" s="8"/>
      <c r="IAC20" s="8"/>
      <c r="IAD20" s="8"/>
      <c r="IAE20" s="8"/>
      <c r="IAF20" s="8"/>
      <c r="IAG20" s="8"/>
      <c r="IAH20" s="8"/>
      <c r="IAI20" s="8"/>
      <c r="IAJ20" s="8"/>
      <c r="IAK20" s="8"/>
      <c r="IAL20" s="8"/>
      <c r="IAM20" s="8"/>
      <c r="IAN20" s="8"/>
      <c r="IAO20" s="8"/>
      <c r="IAP20" s="8"/>
      <c r="IAQ20" s="8"/>
      <c r="IAR20" s="8"/>
      <c r="IAS20" s="8"/>
      <c r="IAT20" s="8"/>
      <c r="IAU20" s="8"/>
      <c r="IAV20" s="8"/>
      <c r="IAW20" s="8"/>
      <c r="IAX20" s="8"/>
      <c r="IAY20" s="8"/>
      <c r="IAZ20" s="8"/>
      <c r="IBA20" s="8"/>
      <c r="IBB20" s="8"/>
      <c r="IBC20" s="8"/>
      <c r="IBD20" s="8"/>
      <c r="IBE20" s="8"/>
      <c r="IBF20" s="8"/>
      <c r="IBG20" s="8"/>
      <c r="IBH20" s="8"/>
      <c r="IBI20" s="8"/>
      <c r="IBJ20" s="8"/>
      <c r="IBK20" s="8"/>
      <c r="IBL20" s="8"/>
      <c r="IBM20" s="8"/>
      <c r="IBN20" s="8"/>
      <c r="IBO20" s="8"/>
      <c r="IBP20" s="8"/>
      <c r="IBQ20" s="8"/>
      <c r="IBR20" s="8"/>
      <c r="IBS20" s="8"/>
      <c r="IBT20" s="8"/>
      <c r="IBU20" s="8"/>
      <c r="IBV20" s="8"/>
      <c r="IBW20" s="8"/>
      <c r="IBX20" s="8"/>
      <c r="IBY20" s="8"/>
      <c r="IBZ20" s="8"/>
      <c r="ICA20" s="8"/>
      <c r="ICB20" s="8"/>
      <c r="ICC20" s="8"/>
      <c r="ICD20" s="8"/>
      <c r="ICE20" s="8"/>
      <c r="ICF20" s="8"/>
      <c r="ICG20" s="8"/>
      <c r="ICH20" s="8"/>
      <c r="ICI20" s="8"/>
      <c r="ICJ20" s="8"/>
      <c r="ICK20" s="8"/>
      <c r="ICL20" s="8"/>
      <c r="ICM20" s="8"/>
      <c r="ICN20" s="8"/>
      <c r="ICO20" s="8"/>
      <c r="ICP20" s="8"/>
      <c r="ICQ20" s="8"/>
      <c r="ICR20" s="8"/>
      <c r="ICS20" s="8"/>
      <c r="ICT20" s="8"/>
      <c r="ICU20" s="8"/>
      <c r="ICV20" s="8"/>
      <c r="ICW20" s="8"/>
      <c r="ICX20" s="8"/>
      <c r="ICY20" s="8"/>
      <c r="ICZ20" s="8"/>
      <c r="IDA20" s="8"/>
      <c r="IDB20" s="8"/>
      <c r="IDC20" s="8"/>
      <c r="IDD20" s="8"/>
      <c r="IDE20" s="8"/>
      <c r="IDF20" s="8"/>
      <c r="IDG20" s="8"/>
      <c r="IDH20" s="8"/>
      <c r="IDI20" s="8"/>
      <c r="IDJ20" s="8"/>
      <c r="IDK20" s="8"/>
      <c r="IDL20" s="8"/>
      <c r="IDM20" s="8"/>
      <c r="IDN20" s="8"/>
      <c r="IDO20" s="8"/>
      <c r="IDP20" s="8"/>
      <c r="IDQ20" s="8"/>
      <c r="IDR20" s="8"/>
      <c r="IDS20" s="8"/>
      <c r="IDT20" s="8"/>
      <c r="IDU20" s="8"/>
      <c r="IDV20" s="8"/>
      <c r="IDW20" s="8"/>
      <c r="IDX20" s="8"/>
      <c r="IDY20" s="8"/>
      <c r="IDZ20" s="8"/>
      <c r="IEA20" s="8"/>
      <c r="IEB20" s="8"/>
      <c r="IEC20" s="8"/>
      <c r="IED20" s="8"/>
      <c r="IEE20" s="8"/>
      <c r="IEF20" s="8"/>
      <c r="IEG20" s="8"/>
      <c r="IEH20" s="8"/>
      <c r="IEI20" s="8"/>
      <c r="IEJ20" s="8"/>
      <c r="IEK20" s="8"/>
      <c r="IEL20" s="8"/>
      <c r="IEM20" s="8"/>
      <c r="IEN20" s="8"/>
      <c r="IEO20" s="8"/>
      <c r="IEP20" s="8"/>
      <c r="IEQ20" s="8"/>
      <c r="IER20" s="8"/>
      <c r="IES20" s="8"/>
      <c r="IET20" s="8"/>
      <c r="IEU20" s="8"/>
      <c r="IEV20" s="8"/>
      <c r="IEW20" s="8"/>
      <c r="IEX20" s="8"/>
      <c r="IEY20" s="8"/>
      <c r="IEZ20" s="8"/>
      <c r="IFA20" s="8"/>
      <c r="IFB20" s="8"/>
      <c r="IFC20" s="8"/>
      <c r="IFD20" s="8"/>
      <c r="IFE20" s="8"/>
      <c r="IFF20" s="8"/>
      <c r="IFG20" s="8"/>
      <c r="IFH20" s="8"/>
      <c r="IFI20" s="8"/>
      <c r="IFJ20" s="8"/>
      <c r="IFK20" s="8"/>
      <c r="IFL20" s="8"/>
      <c r="IFM20" s="8"/>
      <c r="IFN20" s="8"/>
      <c r="IFO20" s="8"/>
      <c r="IFP20" s="8"/>
      <c r="IFQ20" s="8"/>
      <c r="IFR20" s="8"/>
      <c r="IFS20" s="8"/>
      <c r="IFT20" s="8"/>
      <c r="IFU20" s="8"/>
      <c r="IFV20" s="8"/>
      <c r="IFW20" s="8"/>
      <c r="IFX20" s="8"/>
      <c r="IFY20" s="8"/>
      <c r="IFZ20" s="8"/>
      <c r="IGA20" s="8"/>
      <c r="IGB20" s="8"/>
      <c r="IGC20" s="8"/>
      <c r="IGD20" s="8"/>
      <c r="IGE20" s="8"/>
      <c r="IGF20" s="8"/>
      <c r="IGG20" s="8"/>
      <c r="IGH20" s="8"/>
      <c r="IGI20" s="8"/>
      <c r="IGJ20" s="8"/>
      <c r="IGK20" s="8"/>
      <c r="IGL20" s="8"/>
      <c r="IGM20" s="8"/>
      <c r="IGN20" s="8"/>
      <c r="IGO20" s="8"/>
      <c r="IGP20" s="8"/>
      <c r="IGQ20" s="8"/>
      <c r="IGR20" s="8"/>
      <c r="IGS20" s="8"/>
      <c r="IGT20" s="8"/>
      <c r="IGU20" s="8"/>
      <c r="IGV20" s="8"/>
      <c r="IGW20" s="8"/>
      <c r="IGX20" s="8"/>
      <c r="IGY20" s="8"/>
      <c r="IGZ20" s="8"/>
      <c r="IHA20" s="8"/>
      <c r="IHB20" s="8"/>
      <c r="IHC20" s="8"/>
      <c r="IHD20" s="8"/>
      <c r="IHE20" s="8"/>
      <c r="IHF20" s="8"/>
      <c r="IHG20" s="8"/>
      <c r="IHH20" s="8"/>
      <c r="IHI20" s="8"/>
      <c r="IHJ20" s="8"/>
      <c r="IHK20" s="8"/>
      <c r="IHL20" s="8"/>
      <c r="IHM20" s="8"/>
      <c r="IHN20" s="8"/>
      <c r="IHO20" s="8"/>
      <c r="IHP20" s="8"/>
      <c r="IHQ20" s="8"/>
      <c r="IHR20" s="8"/>
      <c r="IHS20" s="8"/>
      <c r="IHT20" s="8"/>
      <c r="IHU20" s="8"/>
      <c r="IHV20" s="8"/>
      <c r="IHW20" s="8"/>
      <c r="IHX20" s="8"/>
      <c r="IHY20" s="8"/>
      <c r="IHZ20" s="8"/>
      <c r="IIA20" s="8"/>
      <c r="IIB20" s="8"/>
      <c r="IIC20" s="8"/>
      <c r="IID20" s="8"/>
      <c r="IIE20" s="8"/>
      <c r="IIF20" s="8"/>
      <c r="IIG20" s="8"/>
      <c r="IIH20" s="8"/>
      <c r="III20" s="8"/>
      <c r="IIJ20" s="8"/>
      <c r="IIK20" s="8"/>
      <c r="IIL20" s="8"/>
      <c r="IIM20" s="8"/>
      <c r="IIN20" s="8"/>
      <c r="IIO20" s="8"/>
      <c r="IIP20" s="8"/>
      <c r="IIQ20" s="8"/>
      <c r="IIR20" s="8"/>
      <c r="IIS20" s="8"/>
      <c r="IIT20" s="8"/>
      <c r="IIU20" s="8"/>
      <c r="IIV20" s="8"/>
      <c r="IIW20" s="8"/>
      <c r="IIX20" s="8"/>
      <c r="IIY20" s="8"/>
      <c r="IIZ20" s="8"/>
      <c r="IJA20" s="8"/>
      <c r="IJB20" s="8"/>
      <c r="IJC20" s="8"/>
      <c r="IJD20" s="8"/>
      <c r="IJE20" s="8"/>
      <c r="IJF20" s="8"/>
      <c r="IJG20" s="8"/>
      <c r="IJH20" s="8"/>
      <c r="IJI20" s="8"/>
      <c r="IJJ20" s="8"/>
      <c r="IJK20" s="8"/>
      <c r="IJL20" s="8"/>
      <c r="IJM20" s="8"/>
      <c r="IJN20" s="8"/>
      <c r="IJO20" s="8"/>
      <c r="IJP20" s="8"/>
      <c r="IJQ20" s="8"/>
      <c r="IJR20" s="8"/>
      <c r="IJS20" s="8"/>
      <c r="IJT20" s="8"/>
      <c r="IJU20" s="8"/>
      <c r="IJV20" s="8"/>
      <c r="IJW20" s="8"/>
      <c r="IJX20" s="8"/>
      <c r="IJY20" s="8"/>
      <c r="IJZ20" s="8"/>
      <c r="IKA20" s="8"/>
      <c r="IKB20" s="8"/>
      <c r="IKC20" s="8"/>
      <c r="IKD20" s="8"/>
      <c r="IKE20" s="8"/>
      <c r="IKF20" s="8"/>
      <c r="IKG20" s="8"/>
      <c r="IKH20" s="8"/>
      <c r="IKI20" s="8"/>
      <c r="IKJ20" s="8"/>
      <c r="IKK20" s="8"/>
      <c r="IKL20" s="8"/>
      <c r="IKM20" s="8"/>
      <c r="IKN20" s="8"/>
      <c r="IKO20" s="8"/>
      <c r="IKP20" s="8"/>
      <c r="IKQ20" s="8"/>
      <c r="IKR20" s="8"/>
      <c r="IKS20" s="8"/>
      <c r="IKT20" s="8"/>
      <c r="IKU20" s="8"/>
      <c r="IKV20" s="8"/>
      <c r="IKW20" s="8"/>
      <c r="IKX20" s="8"/>
      <c r="IKY20" s="8"/>
      <c r="IKZ20" s="8"/>
      <c r="ILA20" s="8"/>
      <c r="ILB20" s="8"/>
      <c r="ILC20" s="8"/>
      <c r="ILD20" s="8"/>
      <c r="ILE20" s="8"/>
      <c r="ILF20" s="8"/>
      <c r="ILG20" s="8"/>
      <c r="ILH20" s="8"/>
      <c r="ILI20" s="8"/>
      <c r="ILJ20" s="8"/>
      <c r="ILK20" s="8"/>
      <c r="ILL20" s="8"/>
      <c r="ILM20" s="8"/>
      <c r="ILN20" s="8"/>
      <c r="ILO20" s="8"/>
      <c r="ILP20" s="8"/>
      <c r="ILQ20" s="8"/>
      <c r="ILR20" s="8"/>
      <c r="ILS20" s="8"/>
      <c r="ILT20" s="8"/>
      <c r="ILU20" s="8"/>
      <c r="ILV20" s="8"/>
      <c r="ILW20" s="8"/>
      <c r="ILX20" s="8"/>
      <c r="ILY20" s="8"/>
      <c r="ILZ20" s="8"/>
      <c r="IMA20" s="8"/>
      <c r="IMB20" s="8"/>
      <c r="IMC20" s="8"/>
      <c r="IMD20" s="8"/>
      <c r="IME20" s="8"/>
      <c r="IMF20" s="8"/>
      <c r="IMG20" s="8"/>
      <c r="IMH20" s="8"/>
      <c r="IMI20" s="8"/>
      <c r="IMJ20" s="8"/>
      <c r="IMK20" s="8"/>
      <c r="IML20" s="8"/>
      <c r="IMM20" s="8"/>
      <c r="IMN20" s="8"/>
      <c r="IMO20" s="8"/>
      <c r="IMP20" s="8"/>
      <c r="IMQ20" s="8"/>
      <c r="IMR20" s="8"/>
      <c r="IMS20" s="8"/>
      <c r="IMT20" s="8"/>
      <c r="IMU20" s="8"/>
      <c r="IMV20" s="8"/>
      <c r="IMW20" s="8"/>
      <c r="IMX20" s="8"/>
      <c r="IMY20" s="8"/>
      <c r="IMZ20" s="8"/>
      <c r="INA20" s="8"/>
      <c r="INB20" s="8"/>
      <c r="INC20" s="8"/>
      <c r="IND20" s="8"/>
      <c r="INE20" s="8"/>
      <c r="INF20" s="8"/>
      <c r="ING20" s="8"/>
      <c r="INH20" s="8"/>
      <c r="INI20" s="8"/>
      <c r="INJ20" s="8"/>
      <c r="INK20" s="8"/>
      <c r="INL20" s="8"/>
      <c r="INM20" s="8"/>
      <c r="INN20" s="8"/>
      <c r="INO20" s="8"/>
      <c r="INP20" s="8"/>
      <c r="INQ20" s="8"/>
      <c r="INR20" s="8"/>
      <c r="INS20" s="8"/>
      <c r="INT20" s="8"/>
      <c r="INU20" s="8"/>
      <c r="INV20" s="8"/>
      <c r="INW20" s="8"/>
      <c r="INX20" s="8"/>
      <c r="INY20" s="8"/>
      <c r="INZ20" s="8"/>
      <c r="IOA20" s="8"/>
      <c r="IOB20" s="8"/>
      <c r="IOC20" s="8"/>
      <c r="IOD20" s="8"/>
      <c r="IOE20" s="8"/>
      <c r="IOF20" s="8"/>
      <c r="IOG20" s="8"/>
      <c r="IOH20" s="8"/>
      <c r="IOI20" s="8"/>
      <c r="IOJ20" s="8"/>
      <c r="IOK20" s="8"/>
      <c r="IOL20" s="8"/>
      <c r="IOM20" s="8"/>
      <c r="ION20" s="8"/>
      <c r="IOO20" s="8"/>
      <c r="IOP20" s="8"/>
      <c r="IOQ20" s="8"/>
      <c r="IOR20" s="8"/>
      <c r="IOS20" s="8"/>
      <c r="IOT20" s="8"/>
      <c r="IOU20" s="8"/>
      <c r="IOV20" s="8"/>
      <c r="IOW20" s="8"/>
      <c r="IOX20" s="8"/>
      <c r="IOY20" s="8"/>
      <c r="IOZ20" s="8"/>
      <c r="IPA20" s="8"/>
      <c r="IPB20" s="8"/>
      <c r="IPC20" s="8"/>
      <c r="IPD20" s="8"/>
      <c r="IPE20" s="8"/>
      <c r="IPF20" s="8"/>
      <c r="IPG20" s="8"/>
      <c r="IPH20" s="8"/>
      <c r="IPI20" s="8"/>
      <c r="IPJ20" s="8"/>
      <c r="IPK20" s="8"/>
      <c r="IPL20" s="8"/>
      <c r="IPM20" s="8"/>
      <c r="IPN20" s="8"/>
      <c r="IPO20" s="8"/>
      <c r="IPP20" s="8"/>
      <c r="IPQ20" s="8"/>
      <c r="IPR20" s="8"/>
      <c r="IPS20" s="8"/>
      <c r="IPT20" s="8"/>
      <c r="IPU20" s="8"/>
      <c r="IPV20" s="8"/>
      <c r="IPW20" s="8"/>
      <c r="IPX20" s="8"/>
      <c r="IPY20" s="8"/>
      <c r="IPZ20" s="8"/>
      <c r="IQA20" s="8"/>
      <c r="IQB20" s="8"/>
      <c r="IQC20" s="8"/>
      <c r="IQD20" s="8"/>
      <c r="IQE20" s="8"/>
      <c r="IQF20" s="8"/>
      <c r="IQG20" s="8"/>
      <c r="IQH20" s="8"/>
      <c r="IQI20" s="8"/>
      <c r="IQJ20" s="8"/>
      <c r="IQK20" s="8"/>
      <c r="IQL20" s="8"/>
      <c r="IQM20" s="8"/>
      <c r="IQN20" s="8"/>
      <c r="IQO20" s="8"/>
      <c r="IQP20" s="8"/>
      <c r="IQQ20" s="8"/>
      <c r="IQR20" s="8"/>
      <c r="IQS20" s="8"/>
      <c r="IQT20" s="8"/>
      <c r="IQU20" s="8"/>
      <c r="IQV20" s="8"/>
      <c r="IQW20" s="8"/>
      <c r="IQX20" s="8"/>
      <c r="IQY20" s="8"/>
      <c r="IQZ20" s="8"/>
      <c r="IRA20" s="8"/>
      <c r="IRB20" s="8"/>
      <c r="IRC20" s="8"/>
      <c r="IRD20" s="8"/>
      <c r="IRE20" s="8"/>
      <c r="IRF20" s="8"/>
      <c r="IRG20" s="8"/>
      <c r="IRH20" s="8"/>
      <c r="IRI20" s="8"/>
      <c r="IRJ20" s="8"/>
      <c r="IRK20" s="8"/>
      <c r="IRL20" s="8"/>
      <c r="IRM20" s="8"/>
      <c r="IRN20" s="8"/>
      <c r="IRO20" s="8"/>
      <c r="IRP20" s="8"/>
      <c r="IRQ20" s="8"/>
      <c r="IRR20" s="8"/>
      <c r="IRS20" s="8"/>
      <c r="IRT20" s="8"/>
      <c r="IRU20" s="8"/>
      <c r="IRV20" s="8"/>
      <c r="IRW20" s="8"/>
      <c r="IRX20" s="8"/>
      <c r="IRY20" s="8"/>
      <c r="IRZ20" s="8"/>
      <c r="ISA20" s="8"/>
      <c r="ISB20" s="8"/>
      <c r="ISC20" s="8"/>
      <c r="ISD20" s="8"/>
      <c r="ISE20" s="8"/>
      <c r="ISF20" s="8"/>
      <c r="ISG20" s="8"/>
      <c r="ISH20" s="8"/>
      <c r="ISI20" s="8"/>
      <c r="ISJ20" s="8"/>
      <c r="ISK20" s="8"/>
      <c r="ISL20" s="8"/>
      <c r="ISM20" s="8"/>
      <c r="ISN20" s="8"/>
      <c r="ISO20" s="8"/>
      <c r="ISP20" s="8"/>
      <c r="ISQ20" s="8"/>
      <c r="ISR20" s="8"/>
      <c r="ISS20" s="8"/>
      <c r="IST20" s="8"/>
      <c r="ISU20" s="8"/>
      <c r="ISV20" s="8"/>
      <c r="ISW20" s="8"/>
      <c r="ISX20" s="8"/>
      <c r="ISY20" s="8"/>
      <c r="ISZ20" s="8"/>
      <c r="ITA20" s="8"/>
      <c r="ITB20" s="8"/>
      <c r="ITC20" s="8"/>
      <c r="ITD20" s="8"/>
      <c r="ITE20" s="8"/>
      <c r="ITF20" s="8"/>
      <c r="ITG20" s="8"/>
      <c r="ITH20" s="8"/>
      <c r="ITI20" s="8"/>
      <c r="ITJ20" s="8"/>
      <c r="ITK20" s="8"/>
      <c r="ITL20" s="8"/>
      <c r="ITM20" s="8"/>
      <c r="ITN20" s="8"/>
      <c r="ITO20" s="8"/>
      <c r="ITP20" s="8"/>
      <c r="ITQ20" s="8"/>
      <c r="ITR20" s="8"/>
      <c r="ITS20" s="8"/>
      <c r="ITT20" s="8"/>
      <c r="ITU20" s="8"/>
      <c r="ITV20" s="8"/>
      <c r="ITW20" s="8"/>
      <c r="ITX20" s="8"/>
      <c r="ITY20" s="8"/>
      <c r="ITZ20" s="8"/>
      <c r="IUA20" s="8"/>
      <c r="IUB20" s="8"/>
      <c r="IUC20" s="8"/>
      <c r="IUD20" s="8"/>
      <c r="IUE20" s="8"/>
      <c r="IUF20" s="8"/>
      <c r="IUG20" s="8"/>
      <c r="IUH20" s="8"/>
      <c r="IUI20" s="8"/>
      <c r="IUJ20" s="8"/>
      <c r="IUK20" s="8"/>
      <c r="IUL20" s="8"/>
      <c r="IUM20" s="8"/>
      <c r="IUN20" s="8"/>
      <c r="IUO20" s="8"/>
      <c r="IUP20" s="8"/>
      <c r="IUQ20" s="8"/>
      <c r="IUR20" s="8"/>
      <c r="IUS20" s="8"/>
      <c r="IUT20" s="8"/>
      <c r="IUU20" s="8"/>
      <c r="IUV20" s="8"/>
      <c r="IUW20" s="8"/>
      <c r="IUX20" s="8"/>
      <c r="IUY20" s="8"/>
      <c r="IUZ20" s="8"/>
      <c r="IVA20" s="8"/>
      <c r="IVB20" s="8"/>
      <c r="IVC20" s="8"/>
      <c r="IVD20" s="8"/>
      <c r="IVE20" s="8"/>
      <c r="IVF20" s="8"/>
      <c r="IVG20" s="8"/>
      <c r="IVH20" s="8"/>
      <c r="IVI20" s="8"/>
      <c r="IVJ20" s="8"/>
      <c r="IVK20" s="8"/>
      <c r="IVL20" s="8"/>
      <c r="IVM20" s="8"/>
      <c r="IVN20" s="8"/>
      <c r="IVO20" s="8"/>
      <c r="IVP20" s="8"/>
      <c r="IVQ20" s="8"/>
      <c r="IVR20" s="8"/>
      <c r="IVS20" s="8"/>
      <c r="IVT20" s="8"/>
      <c r="IVU20" s="8"/>
      <c r="IVV20" s="8"/>
      <c r="IVW20" s="8"/>
      <c r="IVX20" s="8"/>
      <c r="IVY20" s="8"/>
      <c r="IVZ20" s="8"/>
      <c r="IWA20" s="8"/>
      <c r="IWB20" s="8"/>
      <c r="IWC20" s="8"/>
      <c r="IWD20" s="8"/>
      <c r="IWE20" s="8"/>
      <c r="IWF20" s="8"/>
      <c r="IWG20" s="8"/>
      <c r="IWH20" s="8"/>
      <c r="IWI20" s="8"/>
      <c r="IWJ20" s="8"/>
      <c r="IWK20" s="8"/>
      <c r="IWL20" s="8"/>
      <c r="IWM20" s="8"/>
      <c r="IWN20" s="8"/>
      <c r="IWO20" s="8"/>
      <c r="IWP20" s="8"/>
      <c r="IWQ20" s="8"/>
      <c r="IWR20" s="8"/>
      <c r="IWS20" s="8"/>
      <c r="IWT20" s="8"/>
      <c r="IWU20" s="8"/>
      <c r="IWV20" s="8"/>
      <c r="IWW20" s="8"/>
      <c r="IWX20" s="8"/>
      <c r="IWY20" s="8"/>
      <c r="IWZ20" s="8"/>
      <c r="IXA20" s="8"/>
      <c r="IXB20" s="8"/>
      <c r="IXC20" s="8"/>
      <c r="IXD20" s="8"/>
      <c r="IXE20" s="8"/>
      <c r="IXF20" s="8"/>
      <c r="IXG20" s="8"/>
      <c r="IXH20" s="8"/>
      <c r="IXI20" s="8"/>
      <c r="IXJ20" s="8"/>
      <c r="IXK20" s="8"/>
      <c r="IXL20" s="8"/>
      <c r="IXM20" s="8"/>
      <c r="IXN20" s="8"/>
      <c r="IXO20" s="8"/>
      <c r="IXP20" s="8"/>
      <c r="IXQ20" s="8"/>
      <c r="IXR20" s="8"/>
      <c r="IXS20" s="8"/>
      <c r="IXT20" s="8"/>
      <c r="IXU20" s="8"/>
      <c r="IXV20" s="8"/>
      <c r="IXW20" s="8"/>
      <c r="IXX20" s="8"/>
      <c r="IXY20" s="8"/>
      <c r="IXZ20" s="8"/>
      <c r="IYA20" s="8"/>
      <c r="IYB20" s="8"/>
      <c r="IYC20" s="8"/>
      <c r="IYD20" s="8"/>
      <c r="IYE20" s="8"/>
      <c r="IYF20" s="8"/>
      <c r="IYG20" s="8"/>
      <c r="IYH20" s="8"/>
      <c r="IYI20" s="8"/>
      <c r="IYJ20" s="8"/>
      <c r="IYK20" s="8"/>
      <c r="IYL20" s="8"/>
      <c r="IYM20" s="8"/>
      <c r="IYN20" s="8"/>
      <c r="IYO20" s="8"/>
      <c r="IYP20" s="8"/>
      <c r="IYQ20" s="8"/>
      <c r="IYR20" s="8"/>
      <c r="IYS20" s="8"/>
      <c r="IYT20" s="8"/>
      <c r="IYU20" s="8"/>
      <c r="IYV20" s="8"/>
      <c r="IYW20" s="8"/>
      <c r="IYX20" s="8"/>
      <c r="IYY20" s="8"/>
      <c r="IYZ20" s="8"/>
      <c r="IZA20" s="8"/>
      <c r="IZB20" s="8"/>
      <c r="IZC20" s="8"/>
      <c r="IZD20" s="8"/>
      <c r="IZE20" s="8"/>
      <c r="IZF20" s="8"/>
      <c r="IZG20" s="8"/>
      <c r="IZH20" s="8"/>
      <c r="IZI20" s="8"/>
      <c r="IZJ20" s="8"/>
      <c r="IZK20" s="8"/>
      <c r="IZL20" s="8"/>
      <c r="IZM20" s="8"/>
      <c r="IZN20" s="8"/>
      <c r="IZO20" s="8"/>
      <c r="IZP20" s="8"/>
      <c r="IZQ20" s="8"/>
      <c r="IZR20" s="8"/>
      <c r="IZS20" s="8"/>
      <c r="IZT20" s="8"/>
      <c r="IZU20" s="8"/>
      <c r="IZV20" s="8"/>
      <c r="IZW20" s="8"/>
      <c r="IZX20" s="8"/>
      <c r="IZY20" s="8"/>
      <c r="IZZ20" s="8"/>
      <c r="JAA20" s="8"/>
      <c r="JAB20" s="8"/>
      <c r="JAC20" s="8"/>
      <c r="JAD20" s="8"/>
      <c r="JAE20" s="8"/>
      <c r="JAF20" s="8"/>
      <c r="JAG20" s="8"/>
      <c r="JAH20" s="8"/>
      <c r="JAI20" s="8"/>
      <c r="JAJ20" s="8"/>
      <c r="JAK20" s="8"/>
      <c r="JAL20" s="8"/>
      <c r="JAM20" s="8"/>
      <c r="JAN20" s="8"/>
      <c r="JAO20" s="8"/>
      <c r="JAP20" s="8"/>
      <c r="JAQ20" s="8"/>
      <c r="JAR20" s="8"/>
      <c r="JAS20" s="8"/>
      <c r="JAT20" s="8"/>
      <c r="JAU20" s="8"/>
      <c r="JAV20" s="8"/>
      <c r="JAW20" s="8"/>
      <c r="JAX20" s="8"/>
      <c r="JAY20" s="8"/>
      <c r="JAZ20" s="8"/>
      <c r="JBA20" s="8"/>
      <c r="JBB20" s="8"/>
      <c r="JBC20" s="8"/>
      <c r="JBD20" s="8"/>
      <c r="JBE20" s="8"/>
      <c r="JBF20" s="8"/>
      <c r="JBG20" s="8"/>
      <c r="JBH20" s="8"/>
      <c r="JBI20" s="8"/>
      <c r="JBJ20" s="8"/>
      <c r="JBK20" s="8"/>
      <c r="JBL20" s="8"/>
      <c r="JBM20" s="8"/>
      <c r="JBN20" s="8"/>
      <c r="JBO20" s="8"/>
      <c r="JBP20" s="8"/>
      <c r="JBQ20" s="8"/>
      <c r="JBR20" s="8"/>
      <c r="JBS20" s="8"/>
      <c r="JBT20" s="8"/>
      <c r="JBU20" s="8"/>
      <c r="JBV20" s="8"/>
      <c r="JBW20" s="8"/>
      <c r="JBX20" s="8"/>
      <c r="JBY20" s="8"/>
      <c r="JBZ20" s="8"/>
      <c r="JCA20" s="8"/>
      <c r="JCB20" s="8"/>
      <c r="JCC20" s="8"/>
      <c r="JCD20" s="8"/>
      <c r="JCE20" s="8"/>
      <c r="JCF20" s="8"/>
      <c r="JCG20" s="8"/>
      <c r="JCH20" s="8"/>
      <c r="JCI20" s="8"/>
      <c r="JCJ20" s="8"/>
      <c r="JCK20" s="8"/>
      <c r="JCL20" s="8"/>
      <c r="JCM20" s="8"/>
      <c r="JCN20" s="8"/>
      <c r="JCO20" s="8"/>
      <c r="JCP20" s="8"/>
      <c r="JCQ20" s="8"/>
      <c r="JCR20" s="8"/>
      <c r="JCS20" s="8"/>
      <c r="JCT20" s="8"/>
      <c r="JCU20" s="8"/>
      <c r="JCV20" s="8"/>
      <c r="JCW20" s="8"/>
      <c r="JCX20" s="8"/>
      <c r="JCY20" s="8"/>
      <c r="JCZ20" s="8"/>
      <c r="JDA20" s="8"/>
      <c r="JDB20" s="8"/>
      <c r="JDC20" s="8"/>
      <c r="JDD20" s="8"/>
      <c r="JDE20" s="8"/>
      <c r="JDF20" s="8"/>
      <c r="JDG20" s="8"/>
      <c r="JDH20" s="8"/>
      <c r="JDI20" s="8"/>
      <c r="JDJ20" s="8"/>
      <c r="JDK20" s="8"/>
      <c r="JDL20" s="8"/>
      <c r="JDM20" s="8"/>
      <c r="JDN20" s="8"/>
      <c r="JDO20" s="8"/>
      <c r="JDP20" s="8"/>
      <c r="JDQ20" s="8"/>
      <c r="JDR20" s="8"/>
      <c r="JDS20" s="8"/>
      <c r="JDT20" s="8"/>
      <c r="JDU20" s="8"/>
      <c r="JDV20" s="8"/>
      <c r="JDW20" s="8"/>
      <c r="JDX20" s="8"/>
      <c r="JDY20" s="8"/>
      <c r="JDZ20" s="8"/>
      <c r="JEA20" s="8"/>
      <c r="JEB20" s="8"/>
      <c r="JEC20" s="8"/>
      <c r="JED20" s="8"/>
      <c r="JEE20" s="8"/>
      <c r="JEF20" s="8"/>
      <c r="JEG20" s="8"/>
      <c r="JEH20" s="8"/>
      <c r="JEI20" s="8"/>
      <c r="JEJ20" s="8"/>
      <c r="JEK20" s="8"/>
      <c r="JEL20" s="8"/>
      <c r="JEM20" s="8"/>
      <c r="JEN20" s="8"/>
      <c r="JEO20" s="8"/>
      <c r="JEP20" s="8"/>
      <c r="JEQ20" s="8"/>
      <c r="JER20" s="8"/>
      <c r="JES20" s="8"/>
      <c r="JET20" s="8"/>
      <c r="JEU20" s="8"/>
      <c r="JEV20" s="8"/>
      <c r="JEW20" s="8"/>
      <c r="JEX20" s="8"/>
      <c r="JEY20" s="8"/>
      <c r="JEZ20" s="8"/>
      <c r="JFA20" s="8"/>
      <c r="JFB20" s="8"/>
      <c r="JFC20" s="8"/>
      <c r="JFD20" s="8"/>
      <c r="JFE20" s="8"/>
      <c r="JFF20" s="8"/>
      <c r="JFG20" s="8"/>
      <c r="JFH20" s="8"/>
      <c r="JFI20" s="8"/>
      <c r="JFJ20" s="8"/>
      <c r="JFK20" s="8"/>
      <c r="JFL20" s="8"/>
      <c r="JFM20" s="8"/>
      <c r="JFN20" s="8"/>
      <c r="JFO20" s="8"/>
      <c r="JFP20" s="8"/>
      <c r="JFQ20" s="8"/>
      <c r="JFR20" s="8"/>
      <c r="JFS20" s="8"/>
      <c r="JFT20" s="8"/>
      <c r="JFU20" s="8"/>
      <c r="JFV20" s="8"/>
      <c r="JFW20" s="8"/>
      <c r="JFX20" s="8"/>
      <c r="JFY20" s="8"/>
      <c r="JFZ20" s="8"/>
      <c r="JGA20" s="8"/>
      <c r="JGB20" s="8"/>
      <c r="JGC20" s="8"/>
      <c r="JGD20" s="8"/>
      <c r="JGE20" s="8"/>
      <c r="JGF20" s="8"/>
      <c r="JGG20" s="8"/>
      <c r="JGH20" s="8"/>
      <c r="JGI20" s="8"/>
      <c r="JGJ20" s="8"/>
      <c r="JGK20" s="8"/>
      <c r="JGL20" s="8"/>
      <c r="JGM20" s="8"/>
      <c r="JGN20" s="8"/>
      <c r="JGO20" s="8"/>
      <c r="JGP20" s="8"/>
      <c r="JGQ20" s="8"/>
      <c r="JGR20" s="8"/>
      <c r="JGS20" s="8"/>
      <c r="JGT20" s="8"/>
      <c r="JGU20" s="8"/>
      <c r="JGV20" s="8"/>
      <c r="JGW20" s="8"/>
      <c r="JGX20" s="8"/>
      <c r="JGY20" s="8"/>
      <c r="JGZ20" s="8"/>
      <c r="JHA20" s="8"/>
      <c r="JHB20" s="8"/>
      <c r="JHC20" s="8"/>
      <c r="JHD20" s="8"/>
      <c r="JHE20" s="8"/>
      <c r="JHF20" s="8"/>
      <c r="JHG20" s="8"/>
      <c r="JHH20" s="8"/>
      <c r="JHI20" s="8"/>
      <c r="JHJ20" s="8"/>
      <c r="JHK20" s="8"/>
      <c r="JHL20" s="8"/>
      <c r="JHM20" s="8"/>
      <c r="JHN20" s="8"/>
      <c r="JHO20" s="8"/>
      <c r="JHP20" s="8"/>
      <c r="JHQ20" s="8"/>
      <c r="JHR20" s="8"/>
      <c r="JHS20" s="8"/>
      <c r="JHT20" s="8"/>
      <c r="JHU20" s="8"/>
      <c r="JHV20" s="8"/>
      <c r="JHW20" s="8"/>
      <c r="JHX20" s="8"/>
      <c r="JHY20" s="8"/>
      <c r="JHZ20" s="8"/>
      <c r="JIA20" s="8"/>
      <c r="JIB20" s="8"/>
      <c r="JIC20" s="8"/>
      <c r="JID20" s="8"/>
      <c r="JIE20" s="8"/>
      <c r="JIF20" s="8"/>
      <c r="JIG20" s="8"/>
      <c r="JIH20" s="8"/>
      <c r="JII20" s="8"/>
      <c r="JIJ20" s="8"/>
      <c r="JIK20" s="8"/>
      <c r="JIL20" s="8"/>
      <c r="JIM20" s="8"/>
      <c r="JIN20" s="8"/>
      <c r="JIO20" s="8"/>
      <c r="JIP20" s="8"/>
      <c r="JIQ20" s="8"/>
      <c r="JIR20" s="8"/>
      <c r="JIS20" s="8"/>
      <c r="JIT20" s="8"/>
      <c r="JIU20" s="8"/>
      <c r="JIV20" s="8"/>
      <c r="JIW20" s="8"/>
      <c r="JIX20" s="8"/>
      <c r="JIY20" s="8"/>
      <c r="JIZ20" s="8"/>
      <c r="JJA20" s="8"/>
      <c r="JJB20" s="8"/>
      <c r="JJC20" s="8"/>
      <c r="JJD20" s="8"/>
      <c r="JJE20" s="8"/>
      <c r="JJF20" s="8"/>
      <c r="JJG20" s="8"/>
      <c r="JJH20" s="8"/>
      <c r="JJI20" s="8"/>
      <c r="JJJ20" s="8"/>
      <c r="JJK20" s="8"/>
      <c r="JJL20" s="8"/>
      <c r="JJM20" s="8"/>
      <c r="JJN20" s="8"/>
      <c r="JJO20" s="8"/>
      <c r="JJP20" s="8"/>
      <c r="JJQ20" s="8"/>
      <c r="JJR20" s="8"/>
      <c r="JJS20" s="8"/>
      <c r="JJT20" s="8"/>
      <c r="JJU20" s="8"/>
      <c r="JJV20" s="8"/>
      <c r="JJW20" s="8"/>
      <c r="JJX20" s="8"/>
      <c r="JJY20" s="8"/>
      <c r="JJZ20" s="8"/>
      <c r="JKA20" s="8"/>
      <c r="JKB20" s="8"/>
      <c r="JKC20" s="8"/>
      <c r="JKD20" s="8"/>
      <c r="JKE20" s="8"/>
      <c r="JKF20" s="8"/>
      <c r="JKG20" s="8"/>
      <c r="JKH20" s="8"/>
      <c r="JKI20" s="8"/>
      <c r="JKJ20" s="8"/>
      <c r="JKK20" s="8"/>
      <c r="JKL20" s="8"/>
      <c r="JKM20" s="8"/>
      <c r="JKN20" s="8"/>
      <c r="JKO20" s="8"/>
      <c r="JKP20" s="8"/>
      <c r="JKQ20" s="8"/>
      <c r="JKR20" s="8"/>
      <c r="JKS20" s="8"/>
      <c r="JKT20" s="8"/>
      <c r="JKU20" s="8"/>
      <c r="JKV20" s="8"/>
      <c r="JKW20" s="8"/>
      <c r="JKX20" s="8"/>
      <c r="JKY20" s="8"/>
      <c r="JKZ20" s="8"/>
      <c r="JLA20" s="8"/>
      <c r="JLB20" s="8"/>
      <c r="JLC20" s="8"/>
      <c r="JLD20" s="8"/>
      <c r="JLE20" s="8"/>
      <c r="JLF20" s="8"/>
      <c r="JLG20" s="8"/>
      <c r="JLH20" s="8"/>
      <c r="JLI20" s="8"/>
      <c r="JLJ20" s="8"/>
      <c r="JLK20" s="8"/>
      <c r="JLL20" s="8"/>
      <c r="JLM20" s="8"/>
      <c r="JLN20" s="8"/>
      <c r="JLO20" s="8"/>
      <c r="JLP20" s="8"/>
      <c r="JLQ20" s="8"/>
      <c r="JLR20" s="8"/>
      <c r="JLS20" s="8"/>
      <c r="JLT20" s="8"/>
      <c r="JLU20" s="8"/>
      <c r="JLV20" s="8"/>
      <c r="JLW20" s="8"/>
      <c r="JLX20" s="8"/>
      <c r="JLY20" s="8"/>
      <c r="JLZ20" s="8"/>
      <c r="JMA20" s="8"/>
      <c r="JMB20" s="8"/>
      <c r="JMC20" s="8"/>
      <c r="JMD20" s="8"/>
      <c r="JME20" s="8"/>
      <c r="JMF20" s="8"/>
      <c r="JMG20" s="8"/>
      <c r="JMH20" s="8"/>
      <c r="JMI20" s="8"/>
      <c r="JMJ20" s="8"/>
      <c r="JMK20" s="8"/>
      <c r="JML20" s="8"/>
      <c r="JMM20" s="8"/>
      <c r="JMN20" s="8"/>
      <c r="JMO20" s="8"/>
      <c r="JMP20" s="8"/>
      <c r="JMQ20" s="8"/>
      <c r="JMR20" s="8"/>
      <c r="JMS20" s="8"/>
      <c r="JMT20" s="8"/>
      <c r="JMU20" s="8"/>
      <c r="JMV20" s="8"/>
      <c r="JMW20" s="8"/>
      <c r="JMX20" s="8"/>
      <c r="JMY20" s="8"/>
      <c r="JMZ20" s="8"/>
      <c r="JNA20" s="8"/>
      <c r="JNB20" s="8"/>
      <c r="JNC20" s="8"/>
      <c r="JND20" s="8"/>
      <c r="JNE20" s="8"/>
      <c r="JNF20" s="8"/>
      <c r="JNG20" s="8"/>
      <c r="JNH20" s="8"/>
      <c r="JNI20" s="8"/>
      <c r="JNJ20" s="8"/>
      <c r="JNK20" s="8"/>
      <c r="JNL20" s="8"/>
      <c r="JNM20" s="8"/>
      <c r="JNN20" s="8"/>
      <c r="JNO20" s="8"/>
      <c r="JNP20" s="8"/>
      <c r="JNQ20" s="8"/>
      <c r="JNR20" s="8"/>
      <c r="JNS20" s="8"/>
      <c r="JNT20" s="8"/>
      <c r="JNU20" s="8"/>
      <c r="JNV20" s="8"/>
      <c r="JNW20" s="8"/>
      <c r="JNX20" s="8"/>
      <c r="JNY20" s="8"/>
      <c r="JNZ20" s="8"/>
      <c r="JOA20" s="8"/>
      <c r="JOB20" s="8"/>
      <c r="JOC20" s="8"/>
      <c r="JOD20" s="8"/>
      <c r="JOE20" s="8"/>
      <c r="JOF20" s="8"/>
      <c r="JOG20" s="8"/>
      <c r="JOH20" s="8"/>
      <c r="JOI20" s="8"/>
      <c r="JOJ20" s="8"/>
      <c r="JOK20" s="8"/>
      <c r="JOL20" s="8"/>
      <c r="JOM20" s="8"/>
      <c r="JON20" s="8"/>
      <c r="JOO20" s="8"/>
      <c r="JOP20" s="8"/>
      <c r="JOQ20" s="8"/>
      <c r="JOR20" s="8"/>
      <c r="JOS20" s="8"/>
      <c r="JOT20" s="8"/>
      <c r="JOU20" s="8"/>
      <c r="JOV20" s="8"/>
      <c r="JOW20" s="8"/>
      <c r="JOX20" s="8"/>
      <c r="JOY20" s="8"/>
      <c r="JOZ20" s="8"/>
      <c r="JPA20" s="8"/>
      <c r="JPB20" s="8"/>
      <c r="JPC20" s="8"/>
      <c r="JPD20" s="8"/>
      <c r="JPE20" s="8"/>
      <c r="JPF20" s="8"/>
      <c r="JPG20" s="8"/>
      <c r="JPH20" s="8"/>
      <c r="JPI20" s="8"/>
      <c r="JPJ20" s="8"/>
      <c r="JPK20" s="8"/>
      <c r="JPL20" s="8"/>
      <c r="JPM20" s="8"/>
      <c r="JPN20" s="8"/>
      <c r="JPO20" s="8"/>
      <c r="JPP20" s="8"/>
      <c r="JPQ20" s="8"/>
      <c r="JPR20" s="8"/>
      <c r="JPS20" s="8"/>
      <c r="JPT20" s="8"/>
      <c r="JPU20" s="8"/>
      <c r="JPV20" s="8"/>
      <c r="JPW20" s="8"/>
      <c r="JPX20" s="8"/>
      <c r="JPY20" s="8"/>
      <c r="JPZ20" s="8"/>
      <c r="JQA20" s="8"/>
      <c r="JQB20" s="8"/>
      <c r="JQC20" s="8"/>
      <c r="JQD20" s="8"/>
      <c r="JQE20" s="8"/>
      <c r="JQF20" s="8"/>
      <c r="JQG20" s="8"/>
      <c r="JQH20" s="8"/>
      <c r="JQI20" s="8"/>
      <c r="JQJ20" s="8"/>
      <c r="JQK20" s="8"/>
      <c r="JQL20" s="8"/>
      <c r="JQM20" s="8"/>
      <c r="JQN20" s="8"/>
      <c r="JQO20" s="8"/>
      <c r="JQP20" s="8"/>
      <c r="JQQ20" s="8"/>
      <c r="JQR20" s="8"/>
      <c r="JQS20" s="8"/>
      <c r="JQT20" s="8"/>
      <c r="JQU20" s="8"/>
      <c r="JQV20" s="8"/>
      <c r="JQW20" s="8"/>
      <c r="JQX20" s="8"/>
      <c r="JQY20" s="8"/>
      <c r="JQZ20" s="8"/>
      <c r="JRA20" s="8"/>
      <c r="JRB20" s="8"/>
      <c r="JRC20" s="8"/>
      <c r="JRD20" s="8"/>
      <c r="JRE20" s="8"/>
      <c r="JRF20" s="8"/>
      <c r="JRG20" s="8"/>
      <c r="JRH20" s="8"/>
      <c r="JRI20" s="8"/>
      <c r="JRJ20" s="8"/>
      <c r="JRK20" s="8"/>
      <c r="JRL20" s="8"/>
      <c r="JRM20" s="8"/>
      <c r="JRN20" s="8"/>
      <c r="JRO20" s="8"/>
      <c r="JRP20" s="8"/>
      <c r="JRQ20" s="8"/>
      <c r="JRR20" s="8"/>
      <c r="JRS20" s="8"/>
      <c r="JRT20" s="8"/>
      <c r="JRU20" s="8"/>
      <c r="JRV20" s="8"/>
      <c r="JRW20" s="8"/>
      <c r="JRX20" s="8"/>
      <c r="JRY20" s="8"/>
      <c r="JRZ20" s="8"/>
      <c r="JSA20" s="8"/>
      <c r="JSB20" s="8"/>
      <c r="JSC20" s="8"/>
      <c r="JSD20" s="8"/>
      <c r="JSE20" s="8"/>
      <c r="JSF20" s="8"/>
      <c r="JSG20" s="8"/>
      <c r="JSH20" s="8"/>
      <c r="JSI20" s="8"/>
      <c r="JSJ20" s="8"/>
      <c r="JSK20" s="8"/>
      <c r="JSL20" s="8"/>
      <c r="JSM20" s="8"/>
      <c r="JSN20" s="8"/>
      <c r="JSO20" s="8"/>
      <c r="JSP20" s="8"/>
      <c r="JSQ20" s="8"/>
      <c r="JSR20" s="8"/>
      <c r="JSS20" s="8"/>
      <c r="JST20" s="8"/>
      <c r="JSU20" s="8"/>
      <c r="JSV20" s="8"/>
      <c r="JSW20" s="8"/>
      <c r="JSX20" s="8"/>
      <c r="JSY20" s="8"/>
      <c r="JSZ20" s="8"/>
      <c r="JTA20" s="8"/>
      <c r="JTB20" s="8"/>
      <c r="JTC20" s="8"/>
      <c r="JTD20" s="8"/>
      <c r="JTE20" s="8"/>
      <c r="JTF20" s="8"/>
      <c r="JTG20" s="8"/>
      <c r="JTH20" s="8"/>
      <c r="JTI20" s="8"/>
      <c r="JTJ20" s="8"/>
      <c r="JTK20" s="8"/>
      <c r="JTL20" s="8"/>
      <c r="JTM20" s="8"/>
      <c r="JTN20" s="8"/>
      <c r="JTO20" s="8"/>
      <c r="JTP20" s="8"/>
      <c r="JTQ20" s="8"/>
      <c r="JTR20" s="8"/>
      <c r="JTS20" s="8"/>
      <c r="JTT20" s="8"/>
      <c r="JTU20" s="8"/>
      <c r="JTV20" s="8"/>
      <c r="JTW20" s="8"/>
      <c r="JTX20" s="8"/>
      <c r="JTY20" s="8"/>
      <c r="JTZ20" s="8"/>
      <c r="JUA20" s="8"/>
      <c r="JUB20" s="8"/>
      <c r="JUC20" s="8"/>
      <c r="JUD20" s="8"/>
      <c r="JUE20" s="8"/>
      <c r="JUF20" s="8"/>
      <c r="JUG20" s="8"/>
      <c r="JUH20" s="8"/>
      <c r="JUI20" s="8"/>
      <c r="JUJ20" s="8"/>
      <c r="JUK20" s="8"/>
      <c r="JUL20" s="8"/>
      <c r="JUM20" s="8"/>
      <c r="JUN20" s="8"/>
      <c r="JUO20" s="8"/>
      <c r="JUP20" s="8"/>
      <c r="JUQ20" s="8"/>
      <c r="JUR20" s="8"/>
      <c r="JUS20" s="8"/>
      <c r="JUT20" s="8"/>
      <c r="JUU20" s="8"/>
      <c r="JUV20" s="8"/>
      <c r="JUW20" s="8"/>
      <c r="JUX20" s="8"/>
      <c r="JUY20" s="8"/>
      <c r="JUZ20" s="8"/>
      <c r="JVA20" s="8"/>
      <c r="JVB20" s="8"/>
      <c r="JVC20" s="8"/>
      <c r="JVD20" s="8"/>
      <c r="JVE20" s="8"/>
      <c r="JVF20" s="8"/>
      <c r="JVG20" s="8"/>
      <c r="JVH20" s="8"/>
      <c r="JVI20" s="8"/>
      <c r="JVJ20" s="8"/>
      <c r="JVK20" s="8"/>
      <c r="JVL20" s="8"/>
      <c r="JVM20" s="8"/>
      <c r="JVN20" s="8"/>
      <c r="JVO20" s="8"/>
      <c r="JVP20" s="8"/>
      <c r="JVQ20" s="8"/>
      <c r="JVR20" s="8"/>
      <c r="JVS20" s="8"/>
      <c r="JVT20" s="8"/>
      <c r="JVU20" s="8"/>
      <c r="JVV20" s="8"/>
      <c r="JVW20" s="8"/>
      <c r="JVX20" s="8"/>
      <c r="JVY20" s="8"/>
      <c r="JVZ20" s="8"/>
      <c r="JWA20" s="8"/>
      <c r="JWB20" s="8"/>
      <c r="JWC20" s="8"/>
      <c r="JWD20" s="8"/>
      <c r="JWE20" s="8"/>
      <c r="JWF20" s="8"/>
      <c r="JWG20" s="8"/>
      <c r="JWH20" s="8"/>
      <c r="JWI20" s="8"/>
      <c r="JWJ20" s="8"/>
      <c r="JWK20" s="8"/>
      <c r="JWL20" s="8"/>
      <c r="JWM20" s="8"/>
      <c r="JWN20" s="8"/>
      <c r="JWO20" s="8"/>
      <c r="JWP20" s="8"/>
      <c r="JWQ20" s="8"/>
      <c r="JWR20" s="8"/>
      <c r="JWS20" s="8"/>
      <c r="JWT20" s="8"/>
      <c r="JWU20" s="8"/>
      <c r="JWV20" s="8"/>
      <c r="JWW20" s="8"/>
      <c r="JWX20" s="8"/>
      <c r="JWY20" s="8"/>
      <c r="JWZ20" s="8"/>
      <c r="JXA20" s="8"/>
      <c r="JXB20" s="8"/>
      <c r="JXC20" s="8"/>
      <c r="JXD20" s="8"/>
      <c r="JXE20" s="8"/>
      <c r="JXF20" s="8"/>
      <c r="JXG20" s="8"/>
      <c r="JXH20" s="8"/>
      <c r="JXI20" s="8"/>
      <c r="JXJ20" s="8"/>
      <c r="JXK20" s="8"/>
      <c r="JXL20" s="8"/>
      <c r="JXM20" s="8"/>
      <c r="JXN20" s="8"/>
      <c r="JXO20" s="8"/>
      <c r="JXP20" s="8"/>
      <c r="JXQ20" s="8"/>
      <c r="JXR20" s="8"/>
      <c r="JXS20" s="8"/>
      <c r="JXT20" s="8"/>
      <c r="JXU20" s="8"/>
      <c r="JXV20" s="8"/>
      <c r="JXW20" s="8"/>
      <c r="JXX20" s="8"/>
      <c r="JXY20" s="8"/>
      <c r="JXZ20" s="8"/>
      <c r="JYA20" s="8"/>
      <c r="JYB20" s="8"/>
      <c r="JYC20" s="8"/>
      <c r="JYD20" s="8"/>
      <c r="JYE20" s="8"/>
      <c r="JYF20" s="8"/>
      <c r="JYG20" s="8"/>
      <c r="JYH20" s="8"/>
      <c r="JYI20" s="8"/>
      <c r="JYJ20" s="8"/>
      <c r="JYK20" s="8"/>
      <c r="JYL20" s="8"/>
      <c r="JYM20" s="8"/>
      <c r="JYN20" s="8"/>
      <c r="JYO20" s="8"/>
      <c r="JYP20" s="8"/>
      <c r="JYQ20" s="8"/>
      <c r="JYR20" s="8"/>
      <c r="JYS20" s="8"/>
      <c r="JYT20" s="8"/>
      <c r="JYU20" s="8"/>
      <c r="JYV20" s="8"/>
      <c r="JYW20" s="8"/>
      <c r="JYX20" s="8"/>
      <c r="JYY20" s="8"/>
      <c r="JYZ20" s="8"/>
      <c r="JZA20" s="8"/>
      <c r="JZB20" s="8"/>
      <c r="JZC20" s="8"/>
      <c r="JZD20" s="8"/>
      <c r="JZE20" s="8"/>
      <c r="JZF20" s="8"/>
      <c r="JZG20" s="8"/>
      <c r="JZH20" s="8"/>
      <c r="JZI20" s="8"/>
      <c r="JZJ20" s="8"/>
      <c r="JZK20" s="8"/>
      <c r="JZL20" s="8"/>
      <c r="JZM20" s="8"/>
      <c r="JZN20" s="8"/>
      <c r="JZO20" s="8"/>
      <c r="JZP20" s="8"/>
      <c r="JZQ20" s="8"/>
      <c r="JZR20" s="8"/>
      <c r="JZS20" s="8"/>
      <c r="JZT20" s="8"/>
      <c r="JZU20" s="8"/>
      <c r="JZV20" s="8"/>
      <c r="JZW20" s="8"/>
      <c r="JZX20" s="8"/>
      <c r="JZY20" s="8"/>
      <c r="JZZ20" s="8"/>
      <c r="KAA20" s="8"/>
      <c r="KAB20" s="8"/>
      <c r="KAC20" s="8"/>
      <c r="KAD20" s="8"/>
      <c r="KAE20" s="8"/>
      <c r="KAF20" s="8"/>
      <c r="KAG20" s="8"/>
      <c r="KAH20" s="8"/>
      <c r="KAI20" s="8"/>
      <c r="KAJ20" s="8"/>
      <c r="KAK20" s="8"/>
      <c r="KAL20" s="8"/>
      <c r="KAM20" s="8"/>
      <c r="KAN20" s="8"/>
      <c r="KAO20" s="8"/>
      <c r="KAP20" s="8"/>
      <c r="KAQ20" s="8"/>
      <c r="KAR20" s="8"/>
      <c r="KAS20" s="8"/>
      <c r="KAT20" s="8"/>
      <c r="KAU20" s="8"/>
      <c r="KAV20" s="8"/>
      <c r="KAW20" s="8"/>
      <c r="KAX20" s="8"/>
      <c r="KAY20" s="8"/>
      <c r="KAZ20" s="8"/>
      <c r="KBA20" s="8"/>
      <c r="KBB20" s="8"/>
      <c r="KBC20" s="8"/>
      <c r="KBD20" s="8"/>
      <c r="KBE20" s="8"/>
      <c r="KBF20" s="8"/>
      <c r="KBG20" s="8"/>
      <c r="KBH20" s="8"/>
      <c r="KBI20" s="8"/>
      <c r="KBJ20" s="8"/>
      <c r="KBK20" s="8"/>
      <c r="KBL20" s="8"/>
      <c r="KBM20" s="8"/>
      <c r="KBN20" s="8"/>
      <c r="KBO20" s="8"/>
      <c r="KBP20" s="8"/>
      <c r="KBQ20" s="8"/>
      <c r="KBR20" s="8"/>
      <c r="KBS20" s="8"/>
      <c r="KBT20" s="8"/>
      <c r="KBU20" s="8"/>
      <c r="KBV20" s="8"/>
      <c r="KBW20" s="8"/>
      <c r="KBX20" s="8"/>
      <c r="KBY20" s="8"/>
      <c r="KBZ20" s="8"/>
      <c r="KCA20" s="8"/>
      <c r="KCB20" s="8"/>
      <c r="KCC20" s="8"/>
      <c r="KCD20" s="8"/>
      <c r="KCE20" s="8"/>
      <c r="KCF20" s="8"/>
      <c r="KCG20" s="8"/>
      <c r="KCH20" s="8"/>
      <c r="KCI20" s="8"/>
      <c r="KCJ20" s="8"/>
      <c r="KCK20" s="8"/>
      <c r="KCL20" s="8"/>
      <c r="KCM20" s="8"/>
      <c r="KCN20" s="8"/>
      <c r="KCO20" s="8"/>
      <c r="KCP20" s="8"/>
      <c r="KCQ20" s="8"/>
      <c r="KCR20" s="8"/>
      <c r="KCS20" s="8"/>
      <c r="KCT20" s="8"/>
      <c r="KCU20" s="8"/>
      <c r="KCV20" s="8"/>
      <c r="KCW20" s="8"/>
      <c r="KCX20" s="8"/>
      <c r="KCY20" s="8"/>
      <c r="KCZ20" s="8"/>
      <c r="KDA20" s="8"/>
      <c r="KDB20" s="8"/>
      <c r="KDC20" s="8"/>
      <c r="KDD20" s="8"/>
      <c r="KDE20" s="8"/>
      <c r="KDF20" s="8"/>
      <c r="KDG20" s="8"/>
      <c r="KDH20" s="8"/>
      <c r="KDI20" s="8"/>
      <c r="KDJ20" s="8"/>
      <c r="KDK20" s="8"/>
      <c r="KDL20" s="8"/>
      <c r="KDM20" s="8"/>
      <c r="KDN20" s="8"/>
      <c r="KDO20" s="8"/>
      <c r="KDP20" s="8"/>
      <c r="KDQ20" s="8"/>
      <c r="KDR20" s="8"/>
      <c r="KDS20" s="8"/>
      <c r="KDT20" s="8"/>
      <c r="KDU20" s="8"/>
      <c r="KDV20" s="8"/>
      <c r="KDW20" s="8"/>
      <c r="KDX20" s="8"/>
      <c r="KDY20" s="8"/>
      <c r="KDZ20" s="8"/>
      <c r="KEA20" s="8"/>
      <c r="KEB20" s="8"/>
      <c r="KEC20" s="8"/>
      <c r="KED20" s="8"/>
      <c r="KEE20" s="8"/>
      <c r="KEF20" s="8"/>
      <c r="KEG20" s="8"/>
      <c r="KEH20" s="8"/>
      <c r="KEI20" s="8"/>
      <c r="KEJ20" s="8"/>
      <c r="KEK20" s="8"/>
      <c r="KEL20" s="8"/>
      <c r="KEM20" s="8"/>
      <c r="KEN20" s="8"/>
      <c r="KEO20" s="8"/>
      <c r="KEP20" s="8"/>
      <c r="KEQ20" s="8"/>
      <c r="KER20" s="8"/>
      <c r="KES20" s="8"/>
      <c r="KET20" s="8"/>
      <c r="KEU20" s="8"/>
      <c r="KEV20" s="8"/>
      <c r="KEW20" s="8"/>
      <c r="KEX20" s="8"/>
      <c r="KEY20" s="8"/>
      <c r="KEZ20" s="8"/>
      <c r="KFA20" s="8"/>
      <c r="KFB20" s="8"/>
      <c r="KFC20" s="8"/>
      <c r="KFD20" s="8"/>
      <c r="KFE20" s="8"/>
      <c r="KFF20" s="8"/>
      <c r="KFG20" s="8"/>
      <c r="KFH20" s="8"/>
      <c r="KFI20" s="8"/>
      <c r="KFJ20" s="8"/>
      <c r="KFK20" s="8"/>
      <c r="KFL20" s="8"/>
      <c r="KFM20" s="8"/>
      <c r="KFN20" s="8"/>
      <c r="KFO20" s="8"/>
      <c r="KFP20" s="8"/>
      <c r="KFQ20" s="8"/>
      <c r="KFR20" s="8"/>
      <c r="KFS20" s="8"/>
      <c r="KFT20" s="8"/>
      <c r="KFU20" s="8"/>
      <c r="KFV20" s="8"/>
      <c r="KFW20" s="8"/>
      <c r="KFX20" s="8"/>
      <c r="KFY20" s="8"/>
      <c r="KFZ20" s="8"/>
      <c r="KGA20" s="8"/>
      <c r="KGB20" s="8"/>
      <c r="KGC20" s="8"/>
      <c r="KGD20" s="8"/>
      <c r="KGE20" s="8"/>
      <c r="KGF20" s="8"/>
      <c r="KGG20" s="8"/>
      <c r="KGH20" s="8"/>
      <c r="KGI20" s="8"/>
      <c r="KGJ20" s="8"/>
      <c r="KGK20" s="8"/>
      <c r="KGL20" s="8"/>
      <c r="KGM20" s="8"/>
      <c r="KGN20" s="8"/>
      <c r="KGO20" s="8"/>
      <c r="KGP20" s="8"/>
      <c r="KGQ20" s="8"/>
      <c r="KGR20" s="8"/>
      <c r="KGS20" s="8"/>
      <c r="KGT20" s="8"/>
      <c r="KGU20" s="8"/>
      <c r="KGV20" s="8"/>
      <c r="KGW20" s="8"/>
      <c r="KGX20" s="8"/>
      <c r="KGY20" s="8"/>
      <c r="KGZ20" s="8"/>
      <c r="KHA20" s="8"/>
      <c r="KHB20" s="8"/>
      <c r="KHC20" s="8"/>
      <c r="KHD20" s="8"/>
      <c r="KHE20" s="8"/>
      <c r="KHF20" s="8"/>
      <c r="KHG20" s="8"/>
      <c r="KHH20" s="8"/>
      <c r="KHI20" s="8"/>
      <c r="KHJ20" s="8"/>
      <c r="KHK20" s="8"/>
      <c r="KHL20" s="8"/>
      <c r="KHM20" s="8"/>
      <c r="KHN20" s="8"/>
      <c r="KHO20" s="8"/>
      <c r="KHP20" s="8"/>
      <c r="KHQ20" s="8"/>
      <c r="KHR20" s="8"/>
      <c r="KHS20" s="8"/>
      <c r="KHT20" s="8"/>
      <c r="KHU20" s="8"/>
      <c r="KHV20" s="8"/>
      <c r="KHW20" s="8"/>
      <c r="KHX20" s="8"/>
      <c r="KHY20" s="8"/>
      <c r="KHZ20" s="8"/>
      <c r="KIA20" s="8"/>
      <c r="KIB20" s="8"/>
      <c r="KIC20" s="8"/>
      <c r="KID20" s="8"/>
      <c r="KIE20" s="8"/>
      <c r="KIF20" s="8"/>
      <c r="KIG20" s="8"/>
      <c r="KIH20" s="8"/>
      <c r="KII20" s="8"/>
      <c r="KIJ20" s="8"/>
      <c r="KIK20" s="8"/>
      <c r="KIL20" s="8"/>
      <c r="KIM20" s="8"/>
      <c r="KIN20" s="8"/>
      <c r="KIO20" s="8"/>
      <c r="KIP20" s="8"/>
      <c r="KIQ20" s="8"/>
      <c r="KIR20" s="8"/>
      <c r="KIS20" s="8"/>
      <c r="KIT20" s="8"/>
      <c r="KIU20" s="8"/>
      <c r="KIV20" s="8"/>
      <c r="KIW20" s="8"/>
      <c r="KIX20" s="8"/>
      <c r="KIY20" s="8"/>
      <c r="KIZ20" s="8"/>
      <c r="KJA20" s="8"/>
      <c r="KJB20" s="8"/>
      <c r="KJC20" s="8"/>
      <c r="KJD20" s="8"/>
      <c r="KJE20" s="8"/>
      <c r="KJF20" s="8"/>
      <c r="KJG20" s="8"/>
      <c r="KJH20" s="8"/>
      <c r="KJI20" s="8"/>
      <c r="KJJ20" s="8"/>
      <c r="KJK20" s="8"/>
      <c r="KJL20" s="8"/>
      <c r="KJM20" s="8"/>
      <c r="KJN20" s="8"/>
      <c r="KJO20" s="8"/>
      <c r="KJP20" s="8"/>
      <c r="KJQ20" s="8"/>
      <c r="KJR20" s="8"/>
      <c r="KJS20" s="8"/>
      <c r="KJT20" s="8"/>
      <c r="KJU20" s="8"/>
      <c r="KJV20" s="8"/>
      <c r="KJW20" s="8"/>
      <c r="KJX20" s="8"/>
      <c r="KJY20" s="8"/>
      <c r="KJZ20" s="8"/>
      <c r="KKA20" s="8"/>
      <c r="KKB20" s="8"/>
      <c r="KKC20" s="8"/>
      <c r="KKD20" s="8"/>
      <c r="KKE20" s="8"/>
      <c r="KKF20" s="8"/>
      <c r="KKG20" s="8"/>
      <c r="KKH20" s="8"/>
      <c r="KKI20" s="8"/>
      <c r="KKJ20" s="8"/>
      <c r="KKK20" s="8"/>
      <c r="KKL20" s="8"/>
      <c r="KKM20" s="8"/>
      <c r="KKN20" s="8"/>
      <c r="KKO20" s="8"/>
      <c r="KKP20" s="8"/>
      <c r="KKQ20" s="8"/>
      <c r="KKR20" s="8"/>
      <c r="KKS20" s="8"/>
      <c r="KKT20" s="8"/>
      <c r="KKU20" s="8"/>
      <c r="KKV20" s="8"/>
      <c r="KKW20" s="8"/>
      <c r="KKX20" s="8"/>
      <c r="KKY20" s="8"/>
      <c r="KKZ20" s="8"/>
      <c r="KLA20" s="8"/>
      <c r="KLB20" s="8"/>
      <c r="KLC20" s="8"/>
      <c r="KLD20" s="8"/>
      <c r="KLE20" s="8"/>
      <c r="KLF20" s="8"/>
      <c r="KLG20" s="8"/>
      <c r="KLH20" s="8"/>
      <c r="KLI20" s="8"/>
      <c r="KLJ20" s="8"/>
      <c r="KLK20" s="8"/>
      <c r="KLL20" s="8"/>
      <c r="KLM20" s="8"/>
      <c r="KLN20" s="8"/>
      <c r="KLO20" s="8"/>
      <c r="KLP20" s="8"/>
      <c r="KLQ20" s="8"/>
      <c r="KLR20" s="8"/>
      <c r="KLS20" s="8"/>
      <c r="KLT20" s="8"/>
      <c r="KLU20" s="8"/>
      <c r="KLV20" s="8"/>
      <c r="KLW20" s="8"/>
      <c r="KLX20" s="8"/>
      <c r="KLY20" s="8"/>
      <c r="KLZ20" s="8"/>
      <c r="KMA20" s="8"/>
      <c r="KMB20" s="8"/>
      <c r="KMC20" s="8"/>
      <c r="KMD20" s="8"/>
      <c r="KME20" s="8"/>
      <c r="KMF20" s="8"/>
      <c r="KMG20" s="8"/>
      <c r="KMH20" s="8"/>
      <c r="KMI20" s="8"/>
      <c r="KMJ20" s="8"/>
      <c r="KMK20" s="8"/>
      <c r="KML20" s="8"/>
      <c r="KMM20" s="8"/>
      <c r="KMN20" s="8"/>
      <c r="KMO20" s="8"/>
      <c r="KMP20" s="8"/>
      <c r="KMQ20" s="8"/>
      <c r="KMR20" s="8"/>
      <c r="KMS20" s="8"/>
      <c r="KMT20" s="8"/>
      <c r="KMU20" s="8"/>
      <c r="KMV20" s="8"/>
      <c r="KMW20" s="8"/>
      <c r="KMX20" s="8"/>
      <c r="KMY20" s="8"/>
      <c r="KMZ20" s="8"/>
      <c r="KNA20" s="8"/>
      <c r="KNB20" s="8"/>
      <c r="KNC20" s="8"/>
      <c r="KND20" s="8"/>
      <c r="KNE20" s="8"/>
      <c r="KNF20" s="8"/>
      <c r="KNG20" s="8"/>
      <c r="KNH20" s="8"/>
      <c r="KNI20" s="8"/>
      <c r="KNJ20" s="8"/>
      <c r="KNK20" s="8"/>
      <c r="KNL20" s="8"/>
      <c r="KNM20" s="8"/>
      <c r="KNN20" s="8"/>
      <c r="KNO20" s="8"/>
      <c r="KNP20" s="8"/>
      <c r="KNQ20" s="8"/>
      <c r="KNR20" s="8"/>
      <c r="KNS20" s="8"/>
      <c r="KNT20" s="8"/>
      <c r="KNU20" s="8"/>
      <c r="KNV20" s="8"/>
      <c r="KNW20" s="8"/>
      <c r="KNX20" s="8"/>
      <c r="KNY20" s="8"/>
      <c r="KNZ20" s="8"/>
      <c r="KOA20" s="8"/>
      <c r="KOB20" s="8"/>
      <c r="KOC20" s="8"/>
      <c r="KOD20" s="8"/>
      <c r="KOE20" s="8"/>
      <c r="KOF20" s="8"/>
      <c r="KOG20" s="8"/>
      <c r="KOH20" s="8"/>
      <c r="KOI20" s="8"/>
      <c r="KOJ20" s="8"/>
      <c r="KOK20" s="8"/>
      <c r="KOL20" s="8"/>
      <c r="KOM20" s="8"/>
      <c r="KON20" s="8"/>
      <c r="KOO20" s="8"/>
      <c r="KOP20" s="8"/>
      <c r="KOQ20" s="8"/>
      <c r="KOR20" s="8"/>
      <c r="KOS20" s="8"/>
      <c r="KOT20" s="8"/>
      <c r="KOU20" s="8"/>
      <c r="KOV20" s="8"/>
      <c r="KOW20" s="8"/>
      <c r="KOX20" s="8"/>
      <c r="KOY20" s="8"/>
      <c r="KOZ20" s="8"/>
      <c r="KPA20" s="8"/>
      <c r="KPB20" s="8"/>
      <c r="KPC20" s="8"/>
      <c r="KPD20" s="8"/>
      <c r="KPE20" s="8"/>
      <c r="KPF20" s="8"/>
      <c r="KPG20" s="8"/>
      <c r="KPH20" s="8"/>
      <c r="KPI20" s="8"/>
      <c r="KPJ20" s="8"/>
      <c r="KPK20" s="8"/>
      <c r="KPL20" s="8"/>
      <c r="KPM20" s="8"/>
      <c r="KPN20" s="8"/>
      <c r="KPO20" s="8"/>
      <c r="KPP20" s="8"/>
      <c r="KPQ20" s="8"/>
      <c r="KPR20" s="8"/>
      <c r="KPS20" s="8"/>
      <c r="KPT20" s="8"/>
      <c r="KPU20" s="8"/>
      <c r="KPV20" s="8"/>
      <c r="KPW20" s="8"/>
      <c r="KPX20" s="8"/>
      <c r="KPY20" s="8"/>
      <c r="KPZ20" s="8"/>
      <c r="KQA20" s="8"/>
      <c r="KQB20" s="8"/>
      <c r="KQC20" s="8"/>
      <c r="KQD20" s="8"/>
      <c r="KQE20" s="8"/>
      <c r="KQF20" s="8"/>
      <c r="KQG20" s="8"/>
      <c r="KQH20" s="8"/>
      <c r="KQI20" s="8"/>
      <c r="KQJ20" s="8"/>
      <c r="KQK20" s="8"/>
      <c r="KQL20" s="8"/>
      <c r="KQM20" s="8"/>
      <c r="KQN20" s="8"/>
      <c r="KQO20" s="8"/>
      <c r="KQP20" s="8"/>
      <c r="KQQ20" s="8"/>
      <c r="KQR20" s="8"/>
      <c r="KQS20" s="8"/>
      <c r="KQT20" s="8"/>
      <c r="KQU20" s="8"/>
      <c r="KQV20" s="8"/>
      <c r="KQW20" s="8"/>
      <c r="KQX20" s="8"/>
      <c r="KQY20" s="8"/>
      <c r="KQZ20" s="8"/>
      <c r="KRA20" s="8"/>
      <c r="KRB20" s="8"/>
      <c r="KRC20" s="8"/>
      <c r="KRD20" s="8"/>
      <c r="KRE20" s="8"/>
      <c r="KRF20" s="8"/>
      <c r="KRG20" s="8"/>
      <c r="KRH20" s="8"/>
      <c r="KRI20" s="8"/>
      <c r="KRJ20" s="8"/>
      <c r="KRK20" s="8"/>
      <c r="KRL20" s="8"/>
      <c r="KRM20" s="8"/>
      <c r="KRN20" s="8"/>
      <c r="KRO20" s="8"/>
      <c r="KRP20" s="8"/>
      <c r="KRQ20" s="8"/>
      <c r="KRR20" s="8"/>
      <c r="KRS20" s="8"/>
      <c r="KRT20" s="8"/>
      <c r="KRU20" s="8"/>
      <c r="KRV20" s="8"/>
      <c r="KRW20" s="8"/>
      <c r="KRX20" s="8"/>
      <c r="KRY20" s="8"/>
      <c r="KRZ20" s="8"/>
      <c r="KSA20" s="8"/>
      <c r="KSB20" s="8"/>
      <c r="KSC20" s="8"/>
      <c r="KSD20" s="8"/>
      <c r="KSE20" s="8"/>
      <c r="KSF20" s="8"/>
      <c r="KSG20" s="8"/>
      <c r="KSH20" s="8"/>
      <c r="KSI20" s="8"/>
      <c r="KSJ20" s="8"/>
      <c r="KSK20" s="8"/>
      <c r="KSL20" s="8"/>
      <c r="KSM20" s="8"/>
      <c r="KSN20" s="8"/>
      <c r="KSO20" s="8"/>
      <c r="KSP20" s="8"/>
      <c r="KSQ20" s="8"/>
      <c r="KSR20" s="8"/>
      <c r="KSS20" s="8"/>
      <c r="KST20" s="8"/>
      <c r="KSU20" s="8"/>
      <c r="KSV20" s="8"/>
      <c r="KSW20" s="8"/>
      <c r="KSX20" s="8"/>
      <c r="KSY20" s="8"/>
      <c r="KSZ20" s="8"/>
      <c r="KTA20" s="8"/>
      <c r="KTB20" s="8"/>
      <c r="KTC20" s="8"/>
      <c r="KTD20" s="8"/>
      <c r="KTE20" s="8"/>
      <c r="KTF20" s="8"/>
      <c r="KTG20" s="8"/>
      <c r="KTH20" s="8"/>
      <c r="KTI20" s="8"/>
      <c r="KTJ20" s="8"/>
      <c r="KTK20" s="8"/>
      <c r="KTL20" s="8"/>
      <c r="KTM20" s="8"/>
      <c r="KTN20" s="8"/>
      <c r="KTO20" s="8"/>
      <c r="KTP20" s="8"/>
      <c r="KTQ20" s="8"/>
      <c r="KTR20" s="8"/>
      <c r="KTS20" s="8"/>
      <c r="KTT20" s="8"/>
      <c r="KTU20" s="8"/>
      <c r="KTV20" s="8"/>
      <c r="KTW20" s="8"/>
      <c r="KTX20" s="8"/>
      <c r="KTY20" s="8"/>
      <c r="KTZ20" s="8"/>
      <c r="KUA20" s="8"/>
      <c r="KUB20" s="8"/>
      <c r="KUC20" s="8"/>
      <c r="KUD20" s="8"/>
      <c r="KUE20" s="8"/>
      <c r="KUF20" s="8"/>
      <c r="KUG20" s="8"/>
      <c r="KUH20" s="8"/>
      <c r="KUI20" s="8"/>
      <c r="KUJ20" s="8"/>
      <c r="KUK20" s="8"/>
      <c r="KUL20" s="8"/>
      <c r="KUM20" s="8"/>
      <c r="KUN20" s="8"/>
      <c r="KUO20" s="8"/>
      <c r="KUP20" s="8"/>
      <c r="KUQ20" s="8"/>
      <c r="KUR20" s="8"/>
      <c r="KUS20" s="8"/>
      <c r="KUT20" s="8"/>
      <c r="KUU20" s="8"/>
      <c r="KUV20" s="8"/>
      <c r="KUW20" s="8"/>
      <c r="KUX20" s="8"/>
      <c r="KUY20" s="8"/>
      <c r="KUZ20" s="8"/>
      <c r="KVA20" s="8"/>
      <c r="KVB20" s="8"/>
      <c r="KVC20" s="8"/>
      <c r="KVD20" s="8"/>
      <c r="KVE20" s="8"/>
      <c r="KVF20" s="8"/>
      <c r="KVG20" s="8"/>
      <c r="KVH20" s="8"/>
      <c r="KVI20" s="8"/>
      <c r="KVJ20" s="8"/>
      <c r="KVK20" s="8"/>
      <c r="KVL20" s="8"/>
      <c r="KVM20" s="8"/>
      <c r="KVN20" s="8"/>
      <c r="KVO20" s="8"/>
      <c r="KVP20" s="8"/>
      <c r="KVQ20" s="8"/>
      <c r="KVR20" s="8"/>
      <c r="KVS20" s="8"/>
      <c r="KVT20" s="8"/>
      <c r="KVU20" s="8"/>
      <c r="KVV20" s="8"/>
      <c r="KVW20" s="8"/>
      <c r="KVX20" s="8"/>
      <c r="KVY20" s="8"/>
      <c r="KVZ20" s="8"/>
      <c r="KWA20" s="8"/>
      <c r="KWB20" s="8"/>
      <c r="KWC20" s="8"/>
      <c r="KWD20" s="8"/>
      <c r="KWE20" s="8"/>
      <c r="KWF20" s="8"/>
      <c r="KWG20" s="8"/>
      <c r="KWH20" s="8"/>
      <c r="KWI20" s="8"/>
      <c r="KWJ20" s="8"/>
      <c r="KWK20" s="8"/>
      <c r="KWL20" s="8"/>
      <c r="KWM20" s="8"/>
      <c r="KWN20" s="8"/>
      <c r="KWO20" s="8"/>
      <c r="KWP20" s="8"/>
      <c r="KWQ20" s="8"/>
      <c r="KWR20" s="8"/>
      <c r="KWS20" s="8"/>
      <c r="KWT20" s="8"/>
      <c r="KWU20" s="8"/>
      <c r="KWV20" s="8"/>
      <c r="KWW20" s="8"/>
      <c r="KWX20" s="8"/>
      <c r="KWY20" s="8"/>
      <c r="KWZ20" s="8"/>
      <c r="KXA20" s="8"/>
      <c r="KXB20" s="8"/>
      <c r="KXC20" s="8"/>
      <c r="KXD20" s="8"/>
      <c r="KXE20" s="8"/>
      <c r="KXF20" s="8"/>
      <c r="KXG20" s="8"/>
      <c r="KXH20" s="8"/>
      <c r="KXI20" s="8"/>
      <c r="KXJ20" s="8"/>
      <c r="KXK20" s="8"/>
      <c r="KXL20" s="8"/>
      <c r="KXM20" s="8"/>
      <c r="KXN20" s="8"/>
      <c r="KXO20" s="8"/>
      <c r="KXP20" s="8"/>
      <c r="KXQ20" s="8"/>
      <c r="KXR20" s="8"/>
      <c r="KXS20" s="8"/>
      <c r="KXT20" s="8"/>
      <c r="KXU20" s="8"/>
      <c r="KXV20" s="8"/>
      <c r="KXW20" s="8"/>
      <c r="KXX20" s="8"/>
      <c r="KXY20" s="8"/>
      <c r="KXZ20" s="8"/>
      <c r="KYA20" s="8"/>
      <c r="KYB20" s="8"/>
      <c r="KYC20" s="8"/>
      <c r="KYD20" s="8"/>
      <c r="KYE20" s="8"/>
      <c r="KYF20" s="8"/>
      <c r="KYG20" s="8"/>
      <c r="KYH20" s="8"/>
      <c r="KYI20" s="8"/>
      <c r="KYJ20" s="8"/>
      <c r="KYK20" s="8"/>
      <c r="KYL20" s="8"/>
      <c r="KYM20" s="8"/>
      <c r="KYN20" s="8"/>
      <c r="KYO20" s="8"/>
      <c r="KYP20" s="8"/>
      <c r="KYQ20" s="8"/>
      <c r="KYR20" s="8"/>
      <c r="KYS20" s="8"/>
      <c r="KYT20" s="8"/>
      <c r="KYU20" s="8"/>
      <c r="KYV20" s="8"/>
      <c r="KYW20" s="8"/>
      <c r="KYX20" s="8"/>
      <c r="KYY20" s="8"/>
      <c r="KYZ20" s="8"/>
      <c r="KZA20" s="8"/>
      <c r="KZB20" s="8"/>
      <c r="KZC20" s="8"/>
      <c r="KZD20" s="8"/>
      <c r="KZE20" s="8"/>
      <c r="KZF20" s="8"/>
      <c r="KZG20" s="8"/>
      <c r="KZH20" s="8"/>
      <c r="KZI20" s="8"/>
      <c r="KZJ20" s="8"/>
      <c r="KZK20" s="8"/>
      <c r="KZL20" s="8"/>
      <c r="KZM20" s="8"/>
      <c r="KZN20" s="8"/>
      <c r="KZO20" s="8"/>
      <c r="KZP20" s="8"/>
      <c r="KZQ20" s="8"/>
      <c r="KZR20" s="8"/>
      <c r="KZS20" s="8"/>
      <c r="KZT20" s="8"/>
      <c r="KZU20" s="8"/>
      <c r="KZV20" s="8"/>
      <c r="KZW20" s="8"/>
      <c r="KZX20" s="8"/>
      <c r="KZY20" s="8"/>
      <c r="KZZ20" s="8"/>
      <c r="LAA20" s="8"/>
      <c r="LAB20" s="8"/>
      <c r="LAC20" s="8"/>
      <c r="LAD20" s="8"/>
      <c r="LAE20" s="8"/>
      <c r="LAF20" s="8"/>
      <c r="LAG20" s="8"/>
      <c r="LAH20" s="8"/>
      <c r="LAI20" s="8"/>
      <c r="LAJ20" s="8"/>
      <c r="LAK20" s="8"/>
      <c r="LAL20" s="8"/>
      <c r="LAM20" s="8"/>
      <c r="LAN20" s="8"/>
      <c r="LAO20" s="8"/>
      <c r="LAP20" s="8"/>
      <c r="LAQ20" s="8"/>
      <c r="LAR20" s="8"/>
      <c r="LAS20" s="8"/>
      <c r="LAT20" s="8"/>
      <c r="LAU20" s="8"/>
      <c r="LAV20" s="8"/>
      <c r="LAW20" s="8"/>
      <c r="LAX20" s="8"/>
      <c r="LAY20" s="8"/>
      <c r="LAZ20" s="8"/>
      <c r="LBA20" s="8"/>
      <c r="LBB20" s="8"/>
      <c r="LBC20" s="8"/>
      <c r="LBD20" s="8"/>
      <c r="LBE20" s="8"/>
      <c r="LBF20" s="8"/>
      <c r="LBG20" s="8"/>
      <c r="LBH20" s="8"/>
      <c r="LBI20" s="8"/>
      <c r="LBJ20" s="8"/>
      <c r="LBK20" s="8"/>
      <c r="LBL20" s="8"/>
      <c r="LBM20" s="8"/>
      <c r="LBN20" s="8"/>
      <c r="LBO20" s="8"/>
      <c r="LBP20" s="8"/>
      <c r="LBQ20" s="8"/>
      <c r="LBR20" s="8"/>
      <c r="LBS20" s="8"/>
      <c r="LBT20" s="8"/>
      <c r="LBU20" s="8"/>
      <c r="LBV20" s="8"/>
      <c r="LBW20" s="8"/>
      <c r="LBX20" s="8"/>
      <c r="LBY20" s="8"/>
      <c r="LBZ20" s="8"/>
      <c r="LCA20" s="8"/>
      <c r="LCB20" s="8"/>
      <c r="LCC20" s="8"/>
      <c r="LCD20" s="8"/>
      <c r="LCE20" s="8"/>
      <c r="LCF20" s="8"/>
      <c r="LCG20" s="8"/>
      <c r="LCH20" s="8"/>
      <c r="LCI20" s="8"/>
      <c r="LCJ20" s="8"/>
      <c r="LCK20" s="8"/>
      <c r="LCL20" s="8"/>
      <c r="LCM20" s="8"/>
      <c r="LCN20" s="8"/>
      <c r="LCO20" s="8"/>
      <c r="LCP20" s="8"/>
      <c r="LCQ20" s="8"/>
      <c r="LCR20" s="8"/>
      <c r="LCS20" s="8"/>
      <c r="LCT20" s="8"/>
      <c r="LCU20" s="8"/>
      <c r="LCV20" s="8"/>
      <c r="LCW20" s="8"/>
      <c r="LCX20" s="8"/>
      <c r="LCY20" s="8"/>
      <c r="LCZ20" s="8"/>
      <c r="LDA20" s="8"/>
      <c r="LDB20" s="8"/>
      <c r="LDC20" s="8"/>
      <c r="LDD20" s="8"/>
      <c r="LDE20" s="8"/>
      <c r="LDF20" s="8"/>
      <c r="LDG20" s="8"/>
      <c r="LDH20" s="8"/>
      <c r="LDI20" s="8"/>
      <c r="LDJ20" s="8"/>
      <c r="LDK20" s="8"/>
      <c r="LDL20" s="8"/>
      <c r="LDM20" s="8"/>
      <c r="LDN20" s="8"/>
      <c r="LDO20" s="8"/>
      <c r="LDP20" s="8"/>
      <c r="LDQ20" s="8"/>
      <c r="LDR20" s="8"/>
      <c r="LDS20" s="8"/>
      <c r="LDT20" s="8"/>
      <c r="LDU20" s="8"/>
      <c r="LDV20" s="8"/>
      <c r="LDW20" s="8"/>
      <c r="LDX20" s="8"/>
      <c r="LDY20" s="8"/>
      <c r="LDZ20" s="8"/>
      <c r="LEA20" s="8"/>
      <c r="LEB20" s="8"/>
      <c r="LEC20" s="8"/>
      <c r="LED20" s="8"/>
      <c r="LEE20" s="8"/>
      <c r="LEF20" s="8"/>
      <c r="LEG20" s="8"/>
      <c r="LEH20" s="8"/>
      <c r="LEI20" s="8"/>
      <c r="LEJ20" s="8"/>
      <c r="LEK20" s="8"/>
      <c r="LEL20" s="8"/>
      <c r="LEM20" s="8"/>
      <c r="LEN20" s="8"/>
      <c r="LEO20" s="8"/>
      <c r="LEP20" s="8"/>
      <c r="LEQ20" s="8"/>
      <c r="LER20" s="8"/>
      <c r="LES20" s="8"/>
      <c r="LET20" s="8"/>
      <c r="LEU20" s="8"/>
      <c r="LEV20" s="8"/>
      <c r="LEW20" s="8"/>
      <c r="LEX20" s="8"/>
      <c r="LEY20" s="8"/>
      <c r="LEZ20" s="8"/>
      <c r="LFA20" s="8"/>
      <c r="LFB20" s="8"/>
      <c r="LFC20" s="8"/>
      <c r="LFD20" s="8"/>
      <c r="LFE20" s="8"/>
      <c r="LFF20" s="8"/>
      <c r="LFG20" s="8"/>
      <c r="LFH20" s="8"/>
      <c r="LFI20" s="8"/>
      <c r="LFJ20" s="8"/>
      <c r="LFK20" s="8"/>
      <c r="LFL20" s="8"/>
      <c r="LFM20" s="8"/>
      <c r="LFN20" s="8"/>
      <c r="LFO20" s="8"/>
      <c r="LFP20" s="8"/>
      <c r="LFQ20" s="8"/>
      <c r="LFR20" s="8"/>
      <c r="LFS20" s="8"/>
      <c r="LFT20" s="8"/>
      <c r="LFU20" s="8"/>
      <c r="LFV20" s="8"/>
      <c r="LFW20" s="8"/>
      <c r="LFX20" s="8"/>
      <c r="LFY20" s="8"/>
      <c r="LFZ20" s="8"/>
      <c r="LGA20" s="8"/>
      <c r="LGB20" s="8"/>
      <c r="LGC20" s="8"/>
      <c r="LGD20" s="8"/>
      <c r="LGE20" s="8"/>
      <c r="LGF20" s="8"/>
      <c r="LGG20" s="8"/>
      <c r="LGH20" s="8"/>
      <c r="LGI20" s="8"/>
      <c r="LGJ20" s="8"/>
      <c r="LGK20" s="8"/>
      <c r="LGL20" s="8"/>
      <c r="LGM20" s="8"/>
      <c r="LGN20" s="8"/>
      <c r="LGO20" s="8"/>
      <c r="LGP20" s="8"/>
      <c r="LGQ20" s="8"/>
      <c r="LGR20" s="8"/>
      <c r="LGS20" s="8"/>
      <c r="LGT20" s="8"/>
      <c r="LGU20" s="8"/>
      <c r="LGV20" s="8"/>
      <c r="LGW20" s="8"/>
      <c r="LGX20" s="8"/>
      <c r="LGY20" s="8"/>
      <c r="LGZ20" s="8"/>
      <c r="LHA20" s="8"/>
      <c r="LHB20" s="8"/>
      <c r="LHC20" s="8"/>
      <c r="LHD20" s="8"/>
      <c r="LHE20" s="8"/>
      <c r="LHF20" s="8"/>
      <c r="LHG20" s="8"/>
      <c r="LHH20" s="8"/>
      <c r="LHI20" s="8"/>
      <c r="LHJ20" s="8"/>
      <c r="LHK20" s="8"/>
      <c r="LHL20" s="8"/>
      <c r="LHM20" s="8"/>
      <c r="LHN20" s="8"/>
      <c r="LHO20" s="8"/>
      <c r="LHP20" s="8"/>
      <c r="LHQ20" s="8"/>
      <c r="LHR20" s="8"/>
      <c r="LHS20" s="8"/>
      <c r="LHT20" s="8"/>
      <c r="LHU20" s="8"/>
      <c r="LHV20" s="8"/>
      <c r="LHW20" s="8"/>
      <c r="LHX20" s="8"/>
      <c r="LHY20" s="8"/>
      <c r="LHZ20" s="8"/>
      <c r="LIA20" s="8"/>
      <c r="LIB20" s="8"/>
      <c r="LIC20" s="8"/>
      <c r="LID20" s="8"/>
      <c r="LIE20" s="8"/>
      <c r="LIF20" s="8"/>
      <c r="LIG20" s="8"/>
      <c r="LIH20" s="8"/>
      <c r="LII20" s="8"/>
      <c r="LIJ20" s="8"/>
      <c r="LIK20" s="8"/>
      <c r="LIL20" s="8"/>
      <c r="LIM20" s="8"/>
      <c r="LIN20" s="8"/>
      <c r="LIO20" s="8"/>
      <c r="LIP20" s="8"/>
      <c r="LIQ20" s="8"/>
      <c r="LIR20" s="8"/>
      <c r="LIS20" s="8"/>
      <c r="LIT20" s="8"/>
      <c r="LIU20" s="8"/>
      <c r="LIV20" s="8"/>
      <c r="LIW20" s="8"/>
      <c r="LIX20" s="8"/>
      <c r="LIY20" s="8"/>
      <c r="LIZ20" s="8"/>
      <c r="LJA20" s="8"/>
      <c r="LJB20" s="8"/>
      <c r="LJC20" s="8"/>
      <c r="LJD20" s="8"/>
      <c r="LJE20" s="8"/>
      <c r="LJF20" s="8"/>
      <c r="LJG20" s="8"/>
      <c r="LJH20" s="8"/>
      <c r="LJI20" s="8"/>
      <c r="LJJ20" s="8"/>
      <c r="LJK20" s="8"/>
      <c r="LJL20" s="8"/>
      <c r="LJM20" s="8"/>
      <c r="LJN20" s="8"/>
      <c r="LJO20" s="8"/>
      <c r="LJP20" s="8"/>
      <c r="LJQ20" s="8"/>
      <c r="LJR20" s="8"/>
      <c r="LJS20" s="8"/>
      <c r="LJT20" s="8"/>
      <c r="LJU20" s="8"/>
      <c r="LJV20" s="8"/>
      <c r="LJW20" s="8"/>
      <c r="LJX20" s="8"/>
      <c r="LJY20" s="8"/>
      <c r="LJZ20" s="8"/>
      <c r="LKA20" s="8"/>
      <c r="LKB20" s="8"/>
      <c r="LKC20" s="8"/>
      <c r="LKD20" s="8"/>
      <c r="LKE20" s="8"/>
      <c r="LKF20" s="8"/>
      <c r="LKG20" s="8"/>
      <c r="LKH20" s="8"/>
      <c r="LKI20" s="8"/>
      <c r="LKJ20" s="8"/>
      <c r="LKK20" s="8"/>
      <c r="LKL20" s="8"/>
      <c r="LKM20" s="8"/>
      <c r="LKN20" s="8"/>
      <c r="LKO20" s="8"/>
      <c r="LKP20" s="8"/>
      <c r="LKQ20" s="8"/>
      <c r="LKR20" s="8"/>
      <c r="LKS20" s="8"/>
      <c r="LKT20" s="8"/>
      <c r="LKU20" s="8"/>
      <c r="LKV20" s="8"/>
      <c r="LKW20" s="8"/>
      <c r="LKX20" s="8"/>
      <c r="LKY20" s="8"/>
      <c r="LKZ20" s="8"/>
      <c r="LLA20" s="8"/>
      <c r="LLB20" s="8"/>
      <c r="LLC20" s="8"/>
      <c r="LLD20" s="8"/>
      <c r="LLE20" s="8"/>
      <c r="LLF20" s="8"/>
      <c r="LLG20" s="8"/>
      <c r="LLH20" s="8"/>
      <c r="LLI20" s="8"/>
      <c r="LLJ20" s="8"/>
      <c r="LLK20" s="8"/>
      <c r="LLL20" s="8"/>
      <c r="LLM20" s="8"/>
      <c r="LLN20" s="8"/>
      <c r="LLO20" s="8"/>
      <c r="LLP20" s="8"/>
      <c r="LLQ20" s="8"/>
      <c r="LLR20" s="8"/>
      <c r="LLS20" s="8"/>
      <c r="LLT20" s="8"/>
      <c r="LLU20" s="8"/>
      <c r="LLV20" s="8"/>
      <c r="LLW20" s="8"/>
      <c r="LLX20" s="8"/>
      <c r="LLY20" s="8"/>
      <c r="LLZ20" s="8"/>
      <c r="LMA20" s="8"/>
      <c r="LMB20" s="8"/>
      <c r="LMC20" s="8"/>
      <c r="LMD20" s="8"/>
      <c r="LME20" s="8"/>
      <c r="LMF20" s="8"/>
      <c r="LMG20" s="8"/>
      <c r="LMH20" s="8"/>
      <c r="LMI20" s="8"/>
      <c r="LMJ20" s="8"/>
      <c r="LMK20" s="8"/>
      <c r="LML20" s="8"/>
      <c r="LMM20" s="8"/>
      <c r="LMN20" s="8"/>
      <c r="LMO20" s="8"/>
      <c r="LMP20" s="8"/>
      <c r="LMQ20" s="8"/>
      <c r="LMR20" s="8"/>
      <c r="LMS20" s="8"/>
      <c r="LMT20" s="8"/>
      <c r="LMU20" s="8"/>
      <c r="LMV20" s="8"/>
      <c r="LMW20" s="8"/>
      <c r="LMX20" s="8"/>
      <c r="LMY20" s="8"/>
      <c r="LMZ20" s="8"/>
      <c r="LNA20" s="8"/>
      <c r="LNB20" s="8"/>
      <c r="LNC20" s="8"/>
      <c r="LND20" s="8"/>
      <c r="LNE20" s="8"/>
      <c r="LNF20" s="8"/>
      <c r="LNG20" s="8"/>
      <c r="LNH20" s="8"/>
      <c r="LNI20" s="8"/>
      <c r="LNJ20" s="8"/>
      <c r="LNK20" s="8"/>
      <c r="LNL20" s="8"/>
      <c r="LNM20" s="8"/>
      <c r="LNN20" s="8"/>
      <c r="LNO20" s="8"/>
      <c r="LNP20" s="8"/>
      <c r="LNQ20" s="8"/>
      <c r="LNR20" s="8"/>
      <c r="LNS20" s="8"/>
      <c r="LNT20" s="8"/>
      <c r="LNU20" s="8"/>
      <c r="LNV20" s="8"/>
      <c r="LNW20" s="8"/>
      <c r="LNX20" s="8"/>
      <c r="LNY20" s="8"/>
      <c r="LNZ20" s="8"/>
      <c r="LOA20" s="8"/>
      <c r="LOB20" s="8"/>
      <c r="LOC20" s="8"/>
      <c r="LOD20" s="8"/>
      <c r="LOE20" s="8"/>
      <c r="LOF20" s="8"/>
      <c r="LOG20" s="8"/>
      <c r="LOH20" s="8"/>
      <c r="LOI20" s="8"/>
      <c r="LOJ20" s="8"/>
      <c r="LOK20" s="8"/>
      <c r="LOL20" s="8"/>
      <c r="LOM20" s="8"/>
      <c r="LON20" s="8"/>
      <c r="LOO20" s="8"/>
      <c r="LOP20" s="8"/>
      <c r="LOQ20" s="8"/>
      <c r="LOR20" s="8"/>
      <c r="LOS20" s="8"/>
      <c r="LOT20" s="8"/>
      <c r="LOU20" s="8"/>
      <c r="LOV20" s="8"/>
      <c r="LOW20" s="8"/>
      <c r="LOX20" s="8"/>
      <c r="LOY20" s="8"/>
      <c r="LOZ20" s="8"/>
      <c r="LPA20" s="8"/>
      <c r="LPB20" s="8"/>
      <c r="LPC20" s="8"/>
      <c r="LPD20" s="8"/>
      <c r="LPE20" s="8"/>
      <c r="LPF20" s="8"/>
      <c r="LPG20" s="8"/>
      <c r="LPH20" s="8"/>
      <c r="LPI20" s="8"/>
      <c r="LPJ20" s="8"/>
      <c r="LPK20" s="8"/>
      <c r="LPL20" s="8"/>
      <c r="LPM20" s="8"/>
      <c r="LPN20" s="8"/>
      <c r="LPO20" s="8"/>
      <c r="LPP20" s="8"/>
      <c r="LPQ20" s="8"/>
      <c r="LPR20" s="8"/>
      <c r="LPS20" s="8"/>
      <c r="LPT20" s="8"/>
      <c r="LPU20" s="8"/>
      <c r="LPV20" s="8"/>
      <c r="LPW20" s="8"/>
      <c r="LPX20" s="8"/>
      <c r="LPY20" s="8"/>
      <c r="LPZ20" s="8"/>
      <c r="LQA20" s="8"/>
      <c r="LQB20" s="8"/>
      <c r="LQC20" s="8"/>
      <c r="LQD20" s="8"/>
      <c r="LQE20" s="8"/>
      <c r="LQF20" s="8"/>
      <c r="LQG20" s="8"/>
      <c r="LQH20" s="8"/>
      <c r="LQI20" s="8"/>
      <c r="LQJ20" s="8"/>
      <c r="LQK20" s="8"/>
      <c r="LQL20" s="8"/>
      <c r="LQM20" s="8"/>
      <c r="LQN20" s="8"/>
      <c r="LQO20" s="8"/>
      <c r="LQP20" s="8"/>
      <c r="LQQ20" s="8"/>
      <c r="LQR20" s="8"/>
      <c r="LQS20" s="8"/>
      <c r="LQT20" s="8"/>
      <c r="LQU20" s="8"/>
      <c r="LQV20" s="8"/>
      <c r="LQW20" s="8"/>
      <c r="LQX20" s="8"/>
      <c r="LQY20" s="8"/>
      <c r="LQZ20" s="8"/>
      <c r="LRA20" s="8"/>
      <c r="LRB20" s="8"/>
      <c r="LRC20" s="8"/>
      <c r="LRD20" s="8"/>
      <c r="LRE20" s="8"/>
      <c r="LRF20" s="8"/>
      <c r="LRG20" s="8"/>
      <c r="LRH20" s="8"/>
      <c r="LRI20" s="8"/>
      <c r="LRJ20" s="8"/>
      <c r="LRK20" s="8"/>
      <c r="LRL20" s="8"/>
      <c r="LRM20" s="8"/>
      <c r="LRN20" s="8"/>
      <c r="LRO20" s="8"/>
      <c r="LRP20" s="8"/>
      <c r="LRQ20" s="8"/>
      <c r="LRR20" s="8"/>
      <c r="LRS20" s="8"/>
      <c r="LRT20" s="8"/>
      <c r="LRU20" s="8"/>
      <c r="LRV20" s="8"/>
      <c r="LRW20" s="8"/>
      <c r="LRX20" s="8"/>
      <c r="LRY20" s="8"/>
      <c r="LRZ20" s="8"/>
      <c r="LSA20" s="8"/>
      <c r="LSB20" s="8"/>
      <c r="LSC20" s="8"/>
      <c r="LSD20" s="8"/>
      <c r="LSE20" s="8"/>
      <c r="LSF20" s="8"/>
      <c r="LSG20" s="8"/>
      <c r="LSH20" s="8"/>
      <c r="LSI20" s="8"/>
      <c r="LSJ20" s="8"/>
      <c r="LSK20" s="8"/>
      <c r="LSL20" s="8"/>
      <c r="LSM20" s="8"/>
      <c r="LSN20" s="8"/>
      <c r="LSO20" s="8"/>
      <c r="LSP20" s="8"/>
      <c r="LSQ20" s="8"/>
      <c r="LSR20" s="8"/>
      <c r="LSS20" s="8"/>
      <c r="LST20" s="8"/>
      <c r="LSU20" s="8"/>
      <c r="LSV20" s="8"/>
      <c r="LSW20" s="8"/>
      <c r="LSX20" s="8"/>
      <c r="LSY20" s="8"/>
      <c r="LSZ20" s="8"/>
      <c r="LTA20" s="8"/>
      <c r="LTB20" s="8"/>
      <c r="LTC20" s="8"/>
      <c r="LTD20" s="8"/>
      <c r="LTE20" s="8"/>
      <c r="LTF20" s="8"/>
      <c r="LTG20" s="8"/>
      <c r="LTH20" s="8"/>
      <c r="LTI20" s="8"/>
      <c r="LTJ20" s="8"/>
      <c r="LTK20" s="8"/>
      <c r="LTL20" s="8"/>
      <c r="LTM20" s="8"/>
      <c r="LTN20" s="8"/>
      <c r="LTO20" s="8"/>
      <c r="LTP20" s="8"/>
      <c r="LTQ20" s="8"/>
      <c r="LTR20" s="8"/>
      <c r="LTS20" s="8"/>
      <c r="LTT20" s="8"/>
      <c r="LTU20" s="8"/>
      <c r="LTV20" s="8"/>
      <c r="LTW20" s="8"/>
      <c r="LTX20" s="8"/>
      <c r="LTY20" s="8"/>
      <c r="LTZ20" s="8"/>
      <c r="LUA20" s="8"/>
      <c r="LUB20" s="8"/>
      <c r="LUC20" s="8"/>
      <c r="LUD20" s="8"/>
      <c r="LUE20" s="8"/>
      <c r="LUF20" s="8"/>
      <c r="LUG20" s="8"/>
      <c r="LUH20" s="8"/>
      <c r="LUI20" s="8"/>
      <c r="LUJ20" s="8"/>
      <c r="LUK20" s="8"/>
      <c r="LUL20" s="8"/>
      <c r="LUM20" s="8"/>
      <c r="LUN20" s="8"/>
      <c r="LUO20" s="8"/>
      <c r="LUP20" s="8"/>
      <c r="LUQ20" s="8"/>
      <c r="LUR20" s="8"/>
      <c r="LUS20" s="8"/>
      <c r="LUT20" s="8"/>
      <c r="LUU20" s="8"/>
      <c r="LUV20" s="8"/>
      <c r="LUW20" s="8"/>
      <c r="LUX20" s="8"/>
      <c r="LUY20" s="8"/>
      <c r="LUZ20" s="8"/>
      <c r="LVA20" s="8"/>
      <c r="LVB20" s="8"/>
      <c r="LVC20" s="8"/>
      <c r="LVD20" s="8"/>
      <c r="LVE20" s="8"/>
      <c r="LVF20" s="8"/>
      <c r="LVG20" s="8"/>
      <c r="LVH20" s="8"/>
      <c r="LVI20" s="8"/>
      <c r="LVJ20" s="8"/>
      <c r="LVK20" s="8"/>
      <c r="LVL20" s="8"/>
      <c r="LVM20" s="8"/>
      <c r="LVN20" s="8"/>
      <c r="LVO20" s="8"/>
      <c r="LVP20" s="8"/>
      <c r="LVQ20" s="8"/>
      <c r="LVR20" s="8"/>
      <c r="LVS20" s="8"/>
      <c r="LVT20" s="8"/>
      <c r="LVU20" s="8"/>
      <c r="LVV20" s="8"/>
      <c r="LVW20" s="8"/>
      <c r="LVX20" s="8"/>
      <c r="LVY20" s="8"/>
      <c r="LVZ20" s="8"/>
      <c r="LWA20" s="8"/>
      <c r="LWB20" s="8"/>
      <c r="LWC20" s="8"/>
      <c r="LWD20" s="8"/>
      <c r="LWE20" s="8"/>
      <c r="LWF20" s="8"/>
      <c r="LWG20" s="8"/>
      <c r="LWH20" s="8"/>
      <c r="LWI20" s="8"/>
      <c r="LWJ20" s="8"/>
      <c r="LWK20" s="8"/>
      <c r="LWL20" s="8"/>
      <c r="LWM20" s="8"/>
      <c r="LWN20" s="8"/>
      <c r="LWO20" s="8"/>
      <c r="LWP20" s="8"/>
      <c r="LWQ20" s="8"/>
      <c r="LWR20" s="8"/>
      <c r="LWS20" s="8"/>
      <c r="LWT20" s="8"/>
      <c r="LWU20" s="8"/>
      <c r="LWV20" s="8"/>
      <c r="LWW20" s="8"/>
      <c r="LWX20" s="8"/>
      <c r="LWY20" s="8"/>
      <c r="LWZ20" s="8"/>
      <c r="LXA20" s="8"/>
      <c r="LXB20" s="8"/>
      <c r="LXC20" s="8"/>
      <c r="LXD20" s="8"/>
      <c r="LXE20" s="8"/>
      <c r="LXF20" s="8"/>
      <c r="LXG20" s="8"/>
      <c r="LXH20" s="8"/>
      <c r="LXI20" s="8"/>
      <c r="LXJ20" s="8"/>
      <c r="LXK20" s="8"/>
      <c r="LXL20" s="8"/>
      <c r="LXM20" s="8"/>
      <c r="LXN20" s="8"/>
      <c r="LXO20" s="8"/>
      <c r="LXP20" s="8"/>
      <c r="LXQ20" s="8"/>
      <c r="LXR20" s="8"/>
      <c r="LXS20" s="8"/>
      <c r="LXT20" s="8"/>
      <c r="LXU20" s="8"/>
      <c r="LXV20" s="8"/>
      <c r="LXW20" s="8"/>
      <c r="LXX20" s="8"/>
      <c r="LXY20" s="8"/>
      <c r="LXZ20" s="8"/>
      <c r="LYA20" s="8"/>
      <c r="LYB20" s="8"/>
      <c r="LYC20" s="8"/>
      <c r="LYD20" s="8"/>
      <c r="LYE20" s="8"/>
      <c r="LYF20" s="8"/>
      <c r="LYG20" s="8"/>
      <c r="LYH20" s="8"/>
      <c r="LYI20" s="8"/>
      <c r="LYJ20" s="8"/>
      <c r="LYK20" s="8"/>
      <c r="LYL20" s="8"/>
      <c r="LYM20" s="8"/>
      <c r="LYN20" s="8"/>
      <c r="LYO20" s="8"/>
      <c r="LYP20" s="8"/>
      <c r="LYQ20" s="8"/>
      <c r="LYR20" s="8"/>
      <c r="LYS20" s="8"/>
      <c r="LYT20" s="8"/>
      <c r="LYU20" s="8"/>
      <c r="LYV20" s="8"/>
      <c r="LYW20" s="8"/>
      <c r="LYX20" s="8"/>
      <c r="LYY20" s="8"/>
      <c r="LYZ20" s="8"/>
      <c r="LZA20" s="8"/>
      <c r="LZB20" s="8"/>
      <c r="LZC20" s="8"/>
      <c r="LZD20" s="8"/>
      <c r="LZE20" s="8"/>
      <c r="LZF20" s="8"/>
      <c r="LZG20" s="8"/>
      <c r="LZH20" s="8"/>
      <c r="LZI20" s="8"/>
      <c r="LZJ20" s="8"/>
      <c r="LZK20" s="8"/>
      <c r="LZL20" s="8"/>
      <c r="LZM20" s="8"/>
      <c r="LZN20" s="8"/>
      <c r="LZO20" s="8"/>
      <c r="LZP20" s="8"/>
      <c r="LZQ20" s="8"/>
      <c r="LZR20" s="8"/>
      <c r="LZS20" s="8"/>
      <c r="LZT20" s="8"/>
      <c r="LZU20" s="8"/>
      <c r="LZV20" s="8"/>
      <c r="LZW20" s="8"/>
      <c r="LZX20" s="8"/>
      <c r="LZY20" s="8"/>
      <c r="LZZ20" s="8"/>
      <c r="MAA20" s="8"/>
      <c r="MAB20" s="8"/>
      <c r="MAC20" s="8"/>
      <c r="MAD20" s="8"/>
      <c r="MAE20" s="8"/>
      <c r="MAF20" s="8"/>
      <c r="MAG20" s="8"/>
      <c r="MAH20" s="8"/>
      <c r="MAI20" s="8"/>
      <c r="MAJ20" s="8"/>
      <c r="MAK20" s="8"/>
      <c r="MAL20" s="8"/>
      <c r="MAM20" s="8"/>
      <c r="MAN20" s="8"/>
      <c r="MAO20" s="8"/>
      <c r="MAP20" s="8"/>
      <c r="MAQ20" s="8"/>
      <c r="MAR20" s="8"/>
      <c r="MAS20" s="8"/>
      <c r="MAT20" s="8"/>
      <c r="MAU20" s="8"/>
      <c r="MAV20" s="8"/>
      <c r="MAW20" s="8"/>
      <c r="MAX20" s="8"/>
      <c r="MAY20" s="8"/>
      <c r="MAZ20" s="8"/>
      <c r="MBA20" s="8"/>
      <c r="MBB20" s="8"/>
      <c r="MBC20" s="8"/>
      <c r="MBD20" s="8"/>
      <c r="MBE20" s="8"/>
      <c r="MBF20" s="8"/>
      <c r="MBG20" s="8"/>
      <c r="MBH20" s="8"/>
      <c r="MBI20" s="8"/>
      <c r="MBJ20" s="8"/>
      <c r="MBK20" s="8"/>
      <c r="MBL20" s="8"/>
      <c r="MBM20" s="8"/>
      <c r="MBN20" s="8"/>
      <c r="MBO20" s="8"/>
      <c r="MBP20" s="8"/>
      <c r="MBQ20" s="8"/>
      <c r="MBR20" s="8"/>
      <c r="MBS20" s="8"/>
      <c r="MBT20" s="8"/>
      <c r="MBU20" s="8"/>
      <c r="MBV20" s="8"/>
      <c r="MBW20" s="8"/>
      <c r="MBX20" s="8"/>
      <c r="MBY20" s="8"/>
      <c r="MBZ20" s="8"/>
      <c r="MCA20" s="8"/>
      <c r="MCB20" s="8"/>
      <c r="MCC20" s="8"/>
      <c r="MCD20" s="8"/>
      <c r="MCE20" s="8"/>
      <c r="MCF20" s="8"/>
      <c r="MCG20" s="8"/>
      <c r="MCH20" s="8"/>
      <c r="MCI20" s="8"/>
      <c r="MCJ20" s="8"/>
      <c r="MCK20" s="8"/>
      <c r="MCL20" s="8"/>
      <c r="MCM20" s="8"/>
      <c r="MCN20" s="8"/>
      <c r="MCO20" s="8"/>
      <c r="MCP20" s="8"/>
      <c r="MCQ20" s="8"/>
      <c r="MCR20" s="8"/>
      <c r="MCS20" s="8"/>
      <c r="MCT20" s="8"/>
      <c r="MCU20" s="8"/>
      <c r="MCV20" s="8"/>
      <c r="MCW20" s="8"/>
      <c r="MCX20" s="8"/>
      <c r="MCY20" s="8"/>
      <c r="MCZ20" s="8"/>
      <c r="MDA20" s="8"/>
      <c r="MDB20" s="8"/>
      <c r="MDC20" s="8"/>
      <c r="MDD20" s="8"/>
      <c r="MDE20" s="8"/>
      <c r="MDF20" s="8"/>
      <c r="MDG20" s="8"/>
      <c r="MDH20" s="8"/>
      <c r="MDI20" s="8"/>
      <c r="MDJ20" s="8"/>
      <c r="MDK20" s="8"/>
      <c r="MDL20" s="8"/>
      <c r="MDM20" s="8"/>
      <c r="MDN20" s="8"/>
      <c r="MDO20" s="8"/>
      <c r="MDP20" s="8"/>
      <c r="MDQ20" s="8"/>
      <c r="MDR20" s="8"/>
      <c r="MDS20" s="8"/>
      <c r="MDT20" s="8"/>
      <c r="MDU20" s="8"/>
      <c r="MDV20" s="8"/>
      <c r="MDW20" s="8"/>
      <c r="MDX20" s="8"/>
      <c r="MDY20" s="8"/>
      <c r="MDZ20" s="8"/>
      <c r="MEA20" s="8"/>
      <c r="MEB20" s="8"/>
      <c r="MEC20" s="8"/>
      <c r="MED20" s="8"/>
      <c r="MEE20" s="8"/>
      <c r="MEF20" s="8"/>
      <c r="MEG20" s="8"/>
      <c r="MEH20" s="8"/>
      <c r="MEI20" s="8"/>
      <c r="MEJ20" s="8"/>
      <c r="MEK20" s="8"/>
      <c r="MEL20" s="8"/>
      <c r="MEM20" s="8"/>
      <c r="MEN20" s="8"/>
      <c r="MEO20" s="8"/>
      <c r="MEP20" s="8"/>
      <c r="MEQ20" s="8"/>
      <c r="MER20" s="8"/>
      <c r="MES20" s="8"/>
      <c r="MET20" s="8"/>
      <c r="MEU20" s="8"/>
      <c r="MEV20" s="8"/>
      <c r="MEW20" s="8"/>
      <c r="MEX20" s="8"/>
      <c r="MEY20" s="8"/>
      <c r="MEZ20" s="8"/>
      <c r="MFA20" s="8"/>
      <c r="MFB20" s="8"/>
      <c r="MFC20" s="8"/>
      <c r="MFD20" s="8"/>
      <c r="MFE20" s="8"/>
      <c r="MFF20" s="8"/>
      <c r="MFG20" s="8"/>
      <c r="MFH20" s="8"/>
      <c r="MFI20" s="8"/>
      <c r="MFJ20" s="8"/>
      <c r="MFK20" s="8"/>
      <c r="MFL20" s="8"/>
      <c r="MFM20" s="8"/>
      <c r="MFN20" s="8"/>
      <c r="MFO20" s="8"/>
      <c r="MFP20" s="8"/>
      <c r="MFQ20" s="8"/>
      <c r="MFR20" s="8"/>
      <c r="MFS20" s="8"/>
      <c r="MFT20" s="8"/>
      <c r="MFU20" s="8"/>
      <c r="MFV20" s="8"/>
      <c r="MFW20" s="8"/>
      <c r="MFX20" s="8"/>
      <c r="MFY20" s="8"/>
      <c r="MFZ20" s="8"/>
      <c r="MGA20" s="8"/>
      <c r="MGB20" s="8"/>
      <c r="MGC20" s="8"/>
      <c r="MGD20" s="8"/>
      <c r="MGE20" s="8"/>
      <c r="MGF20" s="8"/>
      <c r="MGG20" s="8"/>
      <c r="MGH20" s="8"/>
      <c r="MGI20" s="8"/>
      <c r="MGJ20" s="8"/>
      <c r="MGK20" s="8"/>
      <c r="MGL20" s="8"/>
      <c r="MGM20" s="8"/>
      <c r="MGN20" s="8"/>
      <c r="MGO20" s="8"/>
      <c r="MGP20" s="8"/>
      <c r="MGQ20" s="8"/>
      <c r="MGR20" s="8"/>
      <c r="MGS20" s="8"/>
      <c r="MGT20" s="8"/>
      <c r="MGU20" s="8"/>
      <c r="MGV20" s="8"/>
      <c r="MGW20" s="8"/>
      <c r="MGX20" s="8"/>
      <c r="MGY20" s="8"/>
      <c r="MGZ20" s="8"/>
      <c r="MHA20" s="8"/>
      <c r="MHB20" s="8"/>
      <c r="MHC20" s="8"/>
      <c r="MHD20" s="8"/>
      <c r="MHE20" s="8"/>
      <c r="MHF20" s="8"/>
      <c r="MHG20" s="8"/>
      <c r="MHH20" s="8"/>
      <c r="MHI20" s="8"/>
      <c r="MHJ20" s="8"/>
      <c r="MHK20" s="8"/>
      <c r="MHL20" s="8"/>
      <c r="MHM20" s="8"/>
      <c r="MHN20" s="8"/>
      <c r="MHO20" s="8"/>
      <c r="MHP20" s="8"/>
      <c r="MHQ20" s="8"/>
      <c r="MHR20" s="8"/>
      <c r="MHS20" s="8"/>
      <c r="MHT20" s="8"/>
      <c r="MHU20" s="8"/>
      <c r="MHV20" s="8"/>
      <c r="MHW20" s="8"/>
      <c r="MHX20" s="8"/>
      <c r="MHY20" s="8"/>
      <c r="MHZ20" s="8"/>
      <c r="MIA20" s="8"/>
      <c r="MIB20" s="8"/>
      <c r="MIC20" s="8"/>
      <c r="MID20" s="8"/>
      <c r="MIE20" s="8"/>
      <c r="MIF20" s="8"/>
      <c r="MIG20" s="8"/>
      <c r="MIH20" s="8"/>
      <c r="MII20" s="8"/>
      <c r="MIJ20" s="8"/>
      <c r="MIK20" s="8"/>
      <c r="MIL20" s="8"/>
      <c r="MIM20" s="8"/>
      <c r="MIN20" s="8"/>
      <c r="MIO20" s="8"/>
      <c r="MIP20" s="8"/>
      <c r="MIQ20" s="8"/>
      <c r="MIR20" s="8"/>
      <c r="MIS20" s="8"/>
      <c r="MIT20" s="8"/>
      <c r="MIU20" s="8"/>
      <c r="MIV20" s="8"/>
      <c r="MIW20" s="8"/>
      <c r="MIX20" s="8"/>
      <c r="MIY20" s="8"/>
      <c r="MIZ20" s="8"/>
      <c r="MJA20" s="8"/>
      <c r="MJB20" s="8"/>
      <c r="MJC20" s="8"/>
      <c r="MJD20" s="8"/>
      <c r="MJE20" s="8"/>
      <c r="MJF20" s="8"/>
      <c r="MJG20" s="8"/>
      <c r="MJH20" s="8"/>
      <c r="MJI20" s="8"/>
      <c r="MJJ20" s="8"/>
      <c r="MJK20" s="8"/>
      <c r="MJL20" s="8"/>
      <c r="MJM20" s="8"/>
      <c r="MJN20" s="8"/>
      <c r="MJO20" s="8"/>
      <c r="MJP20" s="8"/>
      <c r="MJQ20" s="8"/>
      <c r="MJR20" s="8"/>
      <c r="MJS20" s="8"/>
      <c r="MJT20" s="8"/>
      <c r="MJU20" s="8"/>
      <c r="MJV20" s="8"/>
      <c r="MJW20" s="8"/>
      <c r="MJX20" s="8"/>
      <c r="MJY20" s="8"/>
      <c r="MJZ20" s="8"/>
      <c r="MKA20" s="8"/>
      <c r="MKB20" s="8"/>
      <c r="MKC20" s="8"/>
      <c r="MKD20" s="8"/>
      <c r="MKE20" s="8"/>
      <c r="MKF20" s="8"/>
      <c r="MKG20" s="8"/>
      <c r="MKH20" s="8"/>
      <c r="MKI20" s="8"/>
      <c r="MKJ20" s="8"/>
      <c r="MKK20" s="8"/>
      <c r="MKL20" s="8"/>
      <c r="MKM20" s="8"/>
      <c r="MKN20" s="8"/>
      <c r="MKO20" s="8"/>
      <c r="MKP20" s="8"/>
      <c r="MKQ20" s="8"/>
      <c r="MKR20" s="8"/>
      <c r="MKS20" s="8"/>
      <c r="MKT20" s="8"/>
      <c r="MKU20" s="8"/>
      <c r="MKV20" s="8"/>
      <c r="MKW20" s="8"/>
      <c r="MKX20" s="8"/>
      <c r="MKY20" s="8"/>
      <c r="MKZ20" s="8"/>
      <c r="MLA20" s="8"/>
      <c r="MLB20" s="8"/>
      <c r="MLC20" s="8"/>
      <c r="MLD20" s="8"/>
      <c r="MLE20" s="8"/>
      <c r="MLF20" s="8"/>
      <c r="MLG20" s="8"/>
      <c r="MLH20" s="8"/>
      <c r="MLI20" s="8"/>
      <c r="MLJ20" s="8"/>
      <c r="MLK20" s="8"/>
      <c r="MLL20" s="8"/>
      <c r="MLM20" s="8"/>
      <c r="MLN20" s="8"/>
      <c r="MLO20" s="8"/>
      <c r="MLP20" s="8"/>
      <c r="MLQ20" s="8"/>
      <c r="MLR20" s="8"/>
      <c r="MLS20" s="8"/>
      <c r="MLT20" s="8"/>
      <c r="MLU20" s="8"/>
      <c r="MLV20" s="8"/>
      <c r="MLW20" s="8"/>
      <c r="MLX20" s="8"/>
      <c r="MLY20" s="8"/>
      <c r="MLZ20" s="8"/>
      <c r="MMA20" s="8"/>
      <c r="MMB20" s="8"/>
      <c r="MMC20" s="8"/>
      <c r="MMD20" s="8"/>
      <c r="MME20" s="8"/>
      <c r="MMF20" s="8"/>
      <c r="MMG20" s="8"/>
      <c r="MMH20" s="8"/>
      <c r="MMI20" s="8"/>
      <c r="MMJ20" s="8"/>
      <c r="MMK20" s="8"/>
      <c r="MML20" s="8"/>
      <c r="MMM20" s="8"/>
      <c r="MMN20" s="8"/>
      <c r="MMO20" s="8"/>
      <c r="MMP20" s="8"/>
      <c r="MMQ20" s="8"/>
      <c r="MMR20" s="8"/>
      <c r="MMS20" s="8"/>
      <c r="MMT20" s="8"/>
      <c r="MMU20" s="8"/>
      <c r="MMV20" s="8"/>
      <c r="MMW20" s="8"/>
      <c r="MMX20" s="8"/>
      <c r="MMY20" s="8"/>
      <c r="MMZ20" s="8"/>
      <c r="MNA20" s="8"/>
      <c r="MNB20" s="8"/>
      <c r="MNC20" s="8"/>
      <c r="MND20" s="8"/>
      <c r="MNE20" s="8"/>
      <c r="MNF20" s="8"/>
      <c r="MNG20" s="8"/>
      <c r="MNH20" s="8"/>
      <c r="MNI20" s="8"/>
      <c r="MNJ20" s="8"/>
      <c r="MNK20" s="8"/>
      <c r="MNL20" s="8"/>
      <c r="MNM20" s="8"/>
      <c r="MNN20" s="8"/>
      <c r="MNO20" s="8"/>
      <c r="MNP20" s="8"/>
      <c r="MNQ20" s="8"/>
      <c r="MNR20" s="8"/>
      <c r="MNS20" s="8"/>
      <c r="MNT20" s="8"/>
      <c r="MNU20" s="8"/>
      <c r="MNV20" s="8"/>
      <c r="MNW20" s="8"/>
      <c r="MNX20" s="8"/>
      <c r="MNY20" s="8"/>
      <c r="MNZ20" s="8"/>
      <c r="MOA20" s="8"/>
      <c r="MOB20" s="8"/>
      <c r="MOC20" s="8"/>
      <c r="MOD20" s="8"/>
      <c r="MOE20" s="8"/>
      <c r="MOF20" s="8"/>
      <c r="MOG20" s="8"/>
      <c r="MOH20" s="8"/>
      <c r="MOI20" s="8"/>
      <c r="MOJ20" s="8"/>
      <c r="MOK20" s="8"/>
      <c r="MOL20" s="8"/>
      <c r="MOM20" s="8"/>
      <c r="MON20" s="8"/>
      <c r="MOO20" s="8"/>
      <c r="MOP20" s="8"/>
      <c r="MOQ20" s="8"/>
      <c r="MOR20" s="8"/>
      <c r="MOS20" s="8"/>
      <c r="MOT20" s="8"/>
      <c r="MOU20" s="8"/>
      <c r="MOV20" s="8"/>
      <c r="MOW20" s="8"/>
      <c r="MOX20" s="8"/>
      <c r="MOY20" s="8"/>
      <c r="MOZ20" s="8"/>
      <c r="MPA20" s="8"/>
      <c r="MPB20" s="8"/>
      <c r="MPC20" s="8"/>
      <c r="MPD20" s="8"/>
      <c r="MPE20" s="8"/>
      <c r="MPF20" s="8"/>
      <c r="MPG20" s="8"/>
      <c r="MPH20" s="8"/>
      <c r="MPI20" s="8"/>
      <c r="MPJ20" s="8"/>
      <c r="MPK20" s="8"/>
      <c r="MPL20" s="8"/>
      <c r="MPM20" s="8"/>
      <c r="MPN20" s="8"/>
      <c r="MPO20" s="8"/>
      <c r="MPP20" s="8"/>
      <c r="MPQ20" s="8"/>
      <c r="MPR20" s="8"/>
      <c r="MPS20" s="8"/>
      <c r="MPT20" s="8"/>
      <c r="MPU20" s="8"/>
      <c r="MPV20" s="8"/>
      <c r="MPW20" s="8"/>
      <c r="MPX20" s="8"/>
      <c r="MPY20" s="8"/>
      <c r="MPZ20" s="8"/>
      <c r="MQA20" s="8"/>
      <c r="MQB20" s="8"/>
      <c r="MQC20" s="8"/>
      <c r="MQD20" s="8"/>
      <c r="MQE20" s="8"/>
      <c r="MQF20" s="8"/>
      <c r="MQG20" s="8"/>
      <c r="MQH20" s="8"/>
      <c r="MQI20" s="8"/>
      <c r="MQJ20" s="8"/>
      <c r="MQK20" s="8"/>
      <c r="MQL20" s="8"/>
      <c r="MQM20" s="8"/>
      <c r="MQN20" s="8"/>
      <c r="MQO20" s="8"/>
      <c r="MQP20" s="8"/>
      <c r="MQQ20" s="8"/>
      <c r="MQR20" s="8"/>
      <c r="MQS20" s="8"/>
      <c r="MQT20" s="8"/>
      <c r="MQU20" s="8"/>
      <c r="MQV20" s="8"/>
      <c r="MQW20" s="8"/>
      <c r="MQX20" s="8"/>
      <c r="MQY20" s="8"/>
      <c r="MQZ20" s="8"/>
      <c r="MRA20" s="8"/>
      <c r="MRB20" s="8"/>
      <c r="MRC20" s="8"/>
      <c r="MRD20" s="8"/>
      <c r="MRE20" s="8"/>
      <c r="MRF20" s="8"/>
      <c r="MRG20" s="8"/>
      <c r="MRH20" s="8"/>
      <c r="MRI20" s="8"/>
      <c r="MRJ20" s="8"/>
      <c r="MRK20" s="8"/>
      <c r="MRL20" s="8"/>
      <c r="MRM20" s="8"/>
      <c r="MRN20" s="8"/>
      <c r="MRO20" s="8"/>
      <c r="MRP20" s="8"/>
      <c r="MRQ20" s="8"/>
      <c r="MRR20" s="8"/>
      <c r="MRS20" s="8"/>
      <c r="MRT20" s="8"/>
      <c r="MRU20" s="8"/>
      <c r="MRV20" s="8"/>
      <c r="MRW20" s="8"/>
      <c r="MRX20" s="8"/>
      <c r="MRY20" s="8"/>
      <c r="MRZ20" s="8"/>
      <c r="MSA20" s="8"/>
      <c r="MSB20" s="8"/>
      <c r="MSC20" s="8"/>
      <c r="MSD20" s="8"/>
      <c r="MSE20" s="8"/>
      <c r="MSF20" s="8"/>
      <c r="MSG20" s="8"/>
      <c r="MSH20" s="8"/>
      <c r="MSI20" s="8"/>
      <c r="MSJ20" s="8"/>
      <c r="MSK20" s="8"/>
      <c r="MSL20" s="8"/>
      <c r="MSM20" s="8"/>
      <c r="MSN20" s="8"/>
      <c r="MSO20" s="8"/>
      <c r="MSP20" s="8"/>
      <c r="MSQ20" s="8"/>
      <c r="MSR20" s="8"/>
      <c r="MSS20" s="8"/>
      <c r="MST20" s="8"/>
      <c r="MSU20" s="8"/>
      <c r="MSV20" s="8"/>
      <c r="MSW20" s="8"/>
      <c r="MSX20" s="8"/>
      <c r="MSY20" s="8"/>
      <c r="MSZ20" s="8"/>
      <c r="MTA20" s="8"/>
      <c r="MTB20" s="8"/>
      <c r="MTC20" s="8"/>
      <c r="MTD20" s="8"/>
      <c r="MTE20" s="8"/>
      <c r="MTF20" s="8"/>
      <c r="MTG20" s="8"/>
      <c r="MTH20" s="8"/>
      <c r="MTI20" s="8"/>
      <c r="MTJ20" s="8"/>
      <c r="MTK20" s="8"/>
      <c r="MTL20" s="8"/>
      <c r="MTM20" s="8"/>
      <c r="MTN20" s="8"/>
      <c r="MTO20" s="8"/>
      <c r="MTP20" s="8"/>
      <c r="MTQ20" s="8"/>
      <c r="MTR20" s="8"/>
      <c r="MTS20" s="8"/>
      <c r="MTT20" s="8"/>
      <c r="MTU20" s="8"/>
      <c r="MTV20" s="8"/>
      <c r="MTW20" s="8"/>
      <c r="MTX20" s="8"/>
      <c r="MTY20" s="8"/>
      <c r="MTZ20" s="8"/>
      <c r="MUA20" s="8"/>
      <c r="MUB20" s="8"/>
      <c r="MUC20" s="8"/>
      <c r="MUD20" s="8"/>
      <c r="MUE20" s="8"/>
      <c r="MUF20" s="8"/>
      <c r="MUG20" s="8"/>
      <c r="MUH20" s="8"/>
      <c r="MUI20" s="8"/>
      <c r="MUJ20" s="8"/>
      <c r="MUK20" s="8"/>
      <c r="MUL20" s="8"/>
      <c r="MUM20" s="8"/>
      <c r="MUN20" s="8"/>
      <c r="MUO20" s="8"/>
      <c r="MUP20" s="8"/>
      <c r="MUQ20" s="8"/>
      <c r="MUR20" s="8"/>
      <c r="MUS20" s="8"/>
      <c r="MUT20" s="8"/>
      <c r="MUU20" s="8"/>
      <c r="MUV20" s="8"/>
      <c r="MUW20" s="8"/>
      <c r="MUX20" s="8"/>
      <c r="MUY20" s="8"/>
      <c r="MUZ20" s="8"/>
      <c r="MVA20" s="8"/>
      <c r="MVB20" s="8"/>
      <c r="MVC20" s="8"/>
      <c r="MVD20" s="8"/>
      <c r="MVE20" s="8"/>
      <c r="MVF20" s="8"/>
      <c r="MVG20" s="8"/>
      <c r="MVH20" s="8"/>
      <c r="MVI20" s="8"/>
      <c r="MVJ20" s="8"/>
      <c r="MVK20" s="8"/>
      <c r="MVL20" s="8"/>
      <c r="MVM20" s="8"/>
      <c r="MVN20" s="8"/>
      <c r="MVO20" s="8"/>
      <c r="MVP20" s="8"/>
      <c r="MVQ20" s="8"/>
      <c r="MVR20" s="8"/>
      <c r="MVS20" s="8"/>
      <c r="MVT20" s="8"/>
      <c r="MVU20" s="8"/>
      <c r="MVV20" s="8"/>
      <c r="MVW20" s="8"/>
      <c r="MVX20" s="8"/>
      <c r="MVY20" s="8"/>
      <c r="MVZ20" s="8"/>
      <c r="MWA20" s="8"/>
      <c r="MWB20" s="8"/>
      <c r="MWC20" s="8"/>
      <c r="MWD20" s="8"/>
      <c r="MWE20" s="8"/>
      <c r="MWF20" s="8"/>
      <c r="MWG20" s="8"/>
      <c r="MWH20" s="8"/>
      <c r="MWI20" s="8"/>
      <c r="MWJ20" s="8"/>
      <c r="MWK20" s="8"/>
      <c r="MWL20" s="8"/>
      <c r="MWM20" s="8"/>
      <c r="MWN20" s="8"/>
      <c r="MWO20" s="8"/>
      <c r="MWP20" s="8"/>
      <c r="MWQ20" s="8"/>
      <c r="MWR20" s="8"/>
      <c r="MWS20" s="8"/>
      <c r="MWT20" s="8"/>
      <c r="MWU20" s="8"/>
      <c r="MWV20" s="8"/>
      <c r="MWW20" s="8"/>
      <c r="MWX20" s="8"/>
      <c r="MWY20" s="8"/>
      <c r="MWZ20" s="8"/>
      <c r="MXA20" s="8"/>
      <c r="MXB20" s="8"/>
      <c r="MXC20" s="8"/>
      <c r="MXD20" s="8"/>
      <c r="MXE20" s="8"/>
      <c r="MXF20" s="8"/>
      <c r="MXG20" s="8"/>
      <c r="MXH20" s="8"/>
      <c r="MXI20" s="8"/>
      <c r="MXJ20" s="8"/>
      <c r="MXK20" s="8"/>
      <c r="MXL20" s="8"/>
      <c r="MXM20" s="8"/>
      <c r="MXN20" s="8"/>
      <c r="MXO20" s="8"/>
      <c r="MXP20" s="8"/>
      <c r="MXQ20" s="8"/>
      <c r="MXR20" s="8"/>
      <c r="MXS20" s="8"/>
      <c r="MXT20" s="8"/>
      <c r="MXU20" s="8"/>
      <c r="MXV20" s="8"/>
      <c r="MXW20" s="8"/>
      <c r="MXX20" s="8"/>
      <c r="MXY20" s="8"/>
      <c r="MXZ20" s="8"/>
      <c r="MYA20" s="8"/>
      <c r="MYB20" s="8"/>
      <c r="MYC20" s="8"/>
      <c r="MYD20" s="8"/>
      <c r="MYE20" s="8"/>
      <c r="MYF20" s="8"/>
      <c r="MYG20" s="8"/>
      <c r="MYH20" s="8"/>
      <c r="MYI20" s="8"/>
      <c r="MYJ20" s="8"/>
      <c r="MYK20" s="8"/>
      <c r="MYL20" s="8"/>
      <c r="MYM20" s="8"/>
      <c r="MYN20" s="8"/>
      <c r="MYO20" s="8"/>
      <c r="MYP20" s="8"/>
      <c r="MYQ20" s="8"/>
      <c r="MYR20" s="8"/>
      <c r="MYS20" s="8"/>
      <c r="MYT20" s="8"/>
      <c r="MYU20" s="8"/>
      <c r="MYV20" s="8"/>
      <c r="MYW20" s="8"/>
      <c r="MYX20" s="8"/>
      <c r="MYY20" s="8"/>
      <c r="MYZ20" s="8"/>
      <c r="MZA20" s="8"/>
      <c r="MZB20" s="8"/>
      <c r="MZC20" s="8"/>
      <c r="MZD20" s="8"/>
      <c r="MZE20" s="8"/>
      <c r="MZF20" s="8"/>
      <c r="MZG20" s="8"/>
      <c r="MZH20" s="8"/>
      <c r="MZI20" s="8"/>
      <c r="MZJ20" s="8"/>
      <c r="MZK20" s="8"/>
      <c r="MZL20" s="8"/>
      <c r="MZM20" s="8"/>
      <c r="MZN20" s="8"/>
      <c r="MZO20" s="8"/>
      <c r="MZP20" s="8"/>
      <c r="MZQ20" s="8"/>
      <c r="MZR20" s="8"/>
      <c r="MZS20" s="8"/>
      <c r="MZT20" s="8"/>
      <c r="MZU20" s="8"/>
      <c r="MZV20" s="8"/>
      <c r="MZW20" s="8"/>
      <c r="MZX20" s="8"/>
      <c r="MZY20" s="8"/>
      <c r="MZZ20" s="8"/>
      <c r="NAA20" s="8"/>
      <c r="NAB20" s="8"/>
      <c r="NAC20" s="8"/>
      <c r="NAD20" s="8"/>
      <c r="NAE20" s="8"/>
      <c r="NAF20" s="8"/>
      <c r="NAG20" s="8"/>
      <c r="NAH20" s="8"/>
      <c r="NAI20" s="8"/>
      <c r="NAJ20" s="8"/>
      <c r="NAK20" s="8"/>
      <c r="NAL20" s="8"/>
      <c r="NAM20" s="8"/>
      <c r="NAN20" s="8"/>
      <c r="NAO20" s="8"/>
      <c r="NAP20" s="8"/>
      <c r="NAQ20" s="8"/>
      <c r="NAR20" s="8"/>
      <c r="NAS20" s="8"/>
      <c r="NAT20" s="8"/>
      <c r="NAU20" s="8"/>
      <c r="NAV20" s="8"/>
      <c r="NAW20" s="8"/>
      <c r="NAX20" s="8"/>
      <c r="NAY20" s="8"/>
      <c r="NAZ20" s="8"/>
      <c r="NBA20" s="8"/>
      <c r="NBB20" s="8"/>
      <c r="NBC20" s="8"/>
      <c r="NBD20" s="8"/>
      <c r="NBE20" s="8"/>
      <c r="NBF20" s="8"/>
      <c r="NBG20" s="8"/>
      <c r="NBH20" s="8"/>
      <c r="NBI20" s="8"/>
      <c r="NBJ20" s="8"/>
      <c r="NBK20" s="8"/>
      <c r="NBL20" s="8"/>
      <c r="NBM20" s="8"/>
      <c r="NBN20" s="8"/>
      <c r="NBO20" s="8"/>
      <c r="NBP20" s="8"/>
      <c r="NBQ20" s="8"/>
      <c r="NBR20" s="8"/>
      <c r="NBS20" s="8"/>
      <c r="NBT20" s="8"/>
      <c r="NBU20" s="8"/>
      <c r="NBV20" s="8"/>
      <c r="NBW20" s="8"/>
      <c r="NBX20" s="8"/>
      <c r="NBY20" s="8"/>
      <c r="NBZ20" s="8"/>
      <c r="NCA20" s="8"/>
      <c r="NCB20" s="8"/>
      <c r="NCC20" s="8"/>
      <c r="NCD20" s="8"/>
      <c r="NCE20" s="8"/>
      <c r="NCF20" s="8"/>
      <c r="NCG20" s="8"/>
      <c r="NCH20" s="8"/>
      <c r="NCI20" s="8"/>
      <c r="NCJ20" s="8"/>
      <c r="NCK20" s="8"/>
      <c r="NCL20" s="8"/>
      <c r="NCM20" s="8"/>
      <c r="NCN20" s="8"/>
      <c r="NCO20" s="8"/>
      <c r="NCP20" s="8"/>
      <c r="NCQ20" s="8"/>
      <c r="NCR20" s="8"/>
      <c r="NCS20" s="8"/>
      <c r="NCT20" s="8"/>
      <c r="NCU20" s="8"/>
      <c r="NCV20" s="8"/>
      <c r="NCW20" s="8"/>
      <c r="NCX20" s="8"/>
      <c r="NCY20" s="8"/>
      <c r="NCZ20" s="8"/>
      <c r="NDA20" s="8"/>
      <c r="NDB20" s="8"/>
      <c r="NDC20" s="8"/>
      <c r="NDD20" s="8"/>
      <c r="NDE20" s="8"/>
      <c r="NDF20" s="8"/>
      <c r="NDG20" s="8"/>
      <c r="NDH20" s="8"/>
      <c r="NDI20" s="8"/>
      <c r="NDJ20" s="8"/>
      <c r="NDK20" s="8"/>
      <c r="NDL20" s="8"/>
      <c r="NDM20" s="8"/>
      <c r="NDN20" s="8"/>
      <c r="NDO20" s="8"/>
      <c r="NDP20" s="8"/>
      <c r="NDQ20" s="8"/>
      <c r="NDR20" s="8"/>
      <c r="NDS20" s="8"/>
      <c r="NDT20" s="8"/>
      <c r="NDU20" s="8"/>
      <c r="NDV20" s="8"/>
      <c r="NDW20" s="8"/>
      <c r="NDX20" s="8"/>
      <c r="NDY20" s="8"/>
      <c r="NDZ20" s="8"/>
      <c r="NEA20" s="8"/>
      <c r="NEB20" s="8"/>
      <c r="NEC20" s="8"/>
      <c r="NED20" s="8"/>
      <c r="NEE20" s="8"/>
      <c r="NEF20" s="8"/>
      <c r="NEG20" s="8"/>
      <c r="NEH20" s="8"/>
      <c r="NEI20" s="8"/>
      <c r="NEJ20" s="8"/>
      <c r="NEK20" s="8"/>
      <c r="NEL20" s="8"/>
      <c r="NEM20" s="8"/>
      <c r="NEN20" s="8"/>
      <c r="NEO20" s="8"/>
      <c r="NEP20" s="8"/>
      <c r="NEQ20" s="8"/>
      <c r="NER20" s="8"/>
      <c r="NES20" s="8"/>
      <c r="NET20" s="8"/>
      <c r="NEU20" s="8"/>
      <c r="NEV20" s="8"/>
      <c r="NEW20" s="8"/>
      <c r="NEX20" s="8"/>
      <c r="NEY20" s="8"/>
      <c r="NEZ20" s="8"/>
      <c r="NFA20" s="8"/>
      <c r="NFB20" s="8"/>
      <c r="NFC20" s="8"/>
      <c r="NFD20" s="8"/>
      <c r="NFE20" s="8"/>
      <c r="NFF20" s="8"/>
      <c r="NFG20" s="8"/>
      <c r="NFH20" s="8"/>
      <c r="NFI20" s="8"/>
      <c r="NFJ20" s="8"/>
      <c r="NFK20" s="8"/>
      <c r="NFL20" s="8"/>
      <c r="NFM20" s="8"/>
      <c r="NFN20" s="8"/>
      <c r="NFO20" s="8"/>
      <c r="NFP20" s="8"/>
      <c r="NFQ20" s="8"/>
      <c r="NFR20" s="8"/>
      <c r="NFS20" s="8"/>
      <c r="NFT20" s="8"/>
      <c r="NFU20" s="8"/>
      <c r="NFV20" s="8"/>
      <c r="NFW20" s="8"/>
      <c r="NFX20" s="8"/>
      <c r="NFY20" s="8"/>
      <c r="NFZ20" s="8"/>
      <c r="NGA20" s="8"/>
      <c r="NGB20" s="8"/>
      <c r="NGC20" s="8"/>
      <c r="NGD20" s="8"/>
      <c r="NGE20" s="8"/>
      <c r="NGF20" s="8"/>
      <c r="NGG20" s="8"/>
      <c r="NGH20" s="8"/>
      <c r="NGI20" s="8"/>
      <c r="NGJ20" s="8"/>
      <c r="NGK20" s="8"/>
      <c r="NGL20" s="8"/>
      <c r="NGM20" s="8"/>
      <c r="NGN20" s="8"/>
      <c r="NGO20" s="8"/>
      <c r="NGP20" s="8"/>
      <c r="NGQ20" s="8"/>
      <c r="NGR20" s="8"/>
      <c r="NGS20" s="8"/>
      <c r="NGT20" s="8"/>
      <c r="NGU20" s="8"/>
      <c r="NGV20" s="8"/>
      <c r="NGW20" s="8"/>
      <c r="NGX20" s="8"/>
      <c r="NGY20" s="8"/>
      <c r="NGZ20" s="8"/>
      <c r="NHA20" s="8"/>
      <c r="NHB20" s="8"/>
      <c r="NHC20" s="8"/>
      <c r="NHD20" s="8"/>
      <c r="NHE20" s="8"/>
      <c r="NHF20" s="8"/>
      <c r="NHG20" s="8"/>
      <c r="NHH20" s="8"/>
      <c r="NHI20" s="8"/>
      <c r="NHJ20" s="8"/>
      <c r="NHK20" s="8"/>
      <c r="NHL20" s="8"/>
      <c r="NHM20" s="8"/>
      <c r="NHN20" s="8"/>
      <c r="NHO20" s="8"/>
      <c r="NHP20" s="8"/>
      <c r="NHQ20" s="8"/>
      <c r="NHR20" s="8"/>
      <c r="NHS20" s="8"/>
      <c r="NHT20" s="8"/>
      <c r="NHU20" s="8"/>
      <c r="NHV20" s="8"/>
      <c r="NHW20" s="8"/>
      <c r="NHX20" s="8"/>
      <c r="NHY20" s="8"/>
      <c r="NHZ20" s="8"/>
      <c r="NIA20" s="8"/>
      <c r="NIB20" s="8"/>
      <c r="NIC20" s="8"/>
      <c r="NID20" s="8"/>
      <c r="NIE20" s="8"/>
      <c r="NIF20" s="8"/>
      <c r="NIG20" s="8"/>
      <c r="NIH20" s="8"/>
      <c r="NII20" s="8"/>
      <c r="NIJ20" s="8"/>
      <c r="NIK20" s="8"/>
      <c r="NIL20" s="8"/>
      <c r="NIM20" s="8"/>
      <c r="NIN20" s="8"/>
      <c r="NIO20" s="8"/>
      <c r="NIP20" s="8"/>
      <c r="NIQ20" s="8"/>
      <c r="NIR20" s="8"/>
      <c r="NIS20" s="8"/>
      <c r="NIT20" s="8"/>
      <c r="NIU20" s="8"/>
      <c r="NIV20" s="8"/>
      <c r="NIW20" s="8"/>
      <c r="NIX20" s="8"/>
      <c r="NIY20" s="8"/>
      <c r="NIZ20" s="8"/>
      <c r="NJA20" s="8"/>
      <c r="NJB20" s="8"/>
      <c r="NJC20" s="8"/>
      <c r="NJD20" s="8"/>
      <c r="NJE20" s="8"/>
      <c r="NJF20" s="8"/>
      <c r="NJG20" s="8"/>
      <c r="NJH20" s="8"/>
      <c r="NJI20" s="8"/>
      <c r="NJJ20" s="8"/>
      <c r="NJK20" s="8"/>
      <c r="NJL20" s="8"/>
      <c r="NJM20" s="8"/>
      <c r="NJN20" s="8"/>
      <c r="NJO20" s="8"/>
      <c r="NJP20" s="8"/>
      <c r="NJQ20" s="8"/>
      <c r="NJR20" s="8"/>
      <c r="NJS20" s="8"/>
      <c r="NJT20" s="8"/>
      <c r="NJU20" s="8"/>
      <c r="NJV20" s="8"/>
      <c r="NJW20" s="8"/>
      <c r="NJX20" s="8"/>
      <c r="NJY20" s="8"/>
      <c r="NJZ20" s="8"/>
      <c r="NKA20" s="8"/>
      <c r="NKB20" s="8"/>
      <c r="NKC20" s="8"/>
      <c r="NKD20" s="8"/>
      <c r="NKE20" s="8"/>
      <c r="NKF20" s="8"/>
      <c r="NKG20" s="8"/>
      <c r="NKH20" s="8"/>
      <c r="NKI20" s="8"/>
      <c r="NKJ20" s="8"/>
      <c r="NKK20" s="8"/>
      <c r="NKL20" s="8"/>
      <c r="NKM20" s="8"/>
      <c r="NKN20" s="8"/>
      <c r="NKO20" s="8"/>
      <c r="NKP20" s="8"/>
      <c r="NKQ20" s="8"/>
      <c r="NKR20" s="8"/>
      <c r="NKS20" s="8"/>
      <c r="NKT20" s="8"/>
      <c r="NKU20" s="8"/>
      <c r="NKV20" s="8"/>
      <c r="NKW20" s="8"/>
      <c r="NKX20" s="8"/>
      <c r="NKY20" s="8"/>
      <c r="NKZ20" s="8"/>
      <c r="NLA20" s="8"/>
      <c r="NLB20" s="8"/>
      <c r="NLC20" s="8"/>
      <c r="NLD20" s="8"/>
      <c r="NLE20" s="8"/>
      <c r="NLF20" s="8"/>
      <c r="NLG20" s="8"/>
      <c r="NLH20" s="8"/>
      <c r="NLI20" s="8"/>
      <c r="NLJ20" s="8"/>
      <c r="NLK20" s="8"/>
      <c r="NLL20" s="8"/>
      <c r="NLM20" s="8"/>
      <c r="NLN20" s="8"/>
      <c r="NLO20" s="8"/>
      <c r="NLP20" s="8"/>
      <c r="NLQ20" s="8"/>
      <c r="NLR20" s="8"/>
      <c r="NLS20" s="8"/>
      <c r="NLT20" s="8"/>
      <c r="NLU20" s="8"/>
      <c r="NLV20" s="8"/>
      <c r="NLW20" s="8"/>
      <c r="NLX20" s="8"/>
      <c r="NLY20" s="8"/>
      <c r="NLZ20" s="8"/>
      <c r="NMA20" s="8"/>
      <c r="NMB20" s="8"/>
      <c r="NMC20" s="8"/>
      <c r="NMD20" s="8"/>
      <c r="NME20" s="8"/>
      <c r="NMF20" s="8"/>
      <c r="NMG20" s="8"/>
      <c r="NMH20" s="8"/>
      <c r="NMI20" s="8"/>
      <c r="NMJ20" s="8"/>
      <c r="NMK20" s="8"/>
      <c r="NML20" s="8"/>
      <c r="NMM20" s="8"/>
      <c r="NMN20" s="8"/>
      <c r="NMO20" s="8"/>
      <c r="NMP20" s="8"/>
      <c r="NMQ20" s="8"/>
      <c r="NMR20" s="8"/>
      <c r="NMS20" s="8"/>
      <c r="NMT20" s="8"/>
      <c r="NMU20" s="8"/>
      <c r="NMV20" s="8"/>
      <c r="NMW20" s="8"/>
      <c r="NMX20" s="8"/>
      <c r="NMY20" s="8"/>
      <c r="NMZ20" s="8"/>
      <c r="NNA20" s="8"/>
      <c r="NNB20" s="8"/>
      <c r="NNC20" s="8"/>
      <c r="NND20" s="8"/>
      <c r="NNE20" s="8"/>
      <c r="NNF20" s="8"/>
      <c r="NNG20" s="8"/>
      <c r="NNH20" s="8"/>
      <c r="NNI20" s="8"/>
      <c r="NNJ20" s="8"/>
      <c r="NNK20" s="8"/>
      <c r="NNL20" s="8"/>
      <c r="NNM20" s="8"/>
      <c r="NNN20" s="8"/>
      <c r="NNO20" s="8"/>
      <c r="NNP20" s="8"/>
      <c r="NNQ20" s="8"/>
      <c r="NNR20" s="8"/>
      <c r="NNS20" s="8"/>
      <c r="NNT20" s="8"/>
      <c r="NNU20" s="8"/>
      <c r="NNV20" s="8"/>
      <c r="NNW20" s="8"/>
      <c r="NNX20" s="8"/>
      <c r="NNY20" s="8"/>
      <c r="NNZ20" s="8"/>
      <c r="NOA20" s="8"/>
      <c r="NOB20" s="8"/>
      <c r="NOC20" s="8"/>
      <c r="NOD20" s="8"/>
      <c r="NOE20" s="8"/>
      <c r="NOF20" s="8"/>
      <c r="NOG20" s="8"/>
      <c r="NOH20" s="8"/>
      <c r="NOI20" s="8"/>
      <c r="NOJ20" s="8"/>
      <c r="NOK20" s="8"/>
      <c r="NOL20" s="8"/>
      <c r="NOM20" s="8"/>
      <c r="NON20" s="8"/>
      <c r="NOO20" s="8"/>
      <c r="NOP20" s="8"/>
      <c r="NOQ20" s="8"/>
      <c r="NOR20" s="8"/>
      <c r="NOS20" s="8"/>
      <c r="NOT20" s="8"/>
      <c r="NOU20" s="8"/>
      <c r="NOV20" s="8"/>
      <c r="NOW20" s="8"/>
      <c r="NOX20" s="8"/>
      <c r="NOY20" s="8"/>
      <c r="NOZ20" s="8"/>
      <c r="NPA20" s="8"/>
      <c r="NPB20" s="8"/>
      <c r="NPC20" s="8"/>
      <c r="NPD20" s="8"/>
      <c r="NPE20" s="8"/>
      <c r="NPF20" s="8"/>
      <c r="NPG20" s="8"/>
      <c r="NPH20" s="8"/>
      <c r="NPI20" s="8"/>
      <c r="NPJ20" s="8"/>
      <c r="NPK20" s="8"/>
      <c r="NPL20" s="8"/>
      <c r="NPM20" s="8"/>
      <c r="NPN20" s="8"/>
      <c r="NPO20" s="8"/>
      <c r="NPP20" s="8"/>
      <c r="NPQ20" s="8"/>
      <c r="NPR20" s="8"/>
      <c r="NPS20" s="8"/>
      <c r="NPT20" s="8"/>
      <c r="NPU20" s="8"/>
      <c r="NPV20" s="8"/>
      <c r="NPW20" s="8"/>
      <c r="NPX20" s="8"/>
      <c r="NPY20" s="8"/>
      <c r="NPZ20" s="8"/>
      <c r="NQA20" s="8"/>
      <c r="NQB20" s="8"/>
      <c r="NQC20" s="8"/>
      <c r="NQD20" s="8"/>
      <c r="NQE20" s="8"/>
      <c r="NQF20" s="8"/>
      <c r="NQG20" s="8"/>
      <c r="NQH20" s="8"/>
      <c r="NQI20" s="8"/>
      <c r="NQJ20" s="8"/>
      <c r="NQK20" s="8"/>
      <c r="NQL20" s="8"/>
      <c r="NQM20" s="8"/>
      <c r="NQN20" s="8"/>
      <c r="NQO20" s="8"/>
      <c r="NQP20" s="8"/>
      <c r="NQQ20" s="8"/>
      <c r="NQR20" s="8"/>
      <c r="NQS20" s="8"/>
      <c r="NQT20" s="8"/>
      <c r="NQU20" s="8"/>
      <c r="NQV20" s="8"/>
      <c r="NQW20" s="8"/>
      <c r="NQX20" s="8"/>
      <c r="NQY20" s="8"/>
      <c r="NQZ20" s="8"/>
      <c r="NRA20" s="8"/>
      <c r="NRB20" s="8"/>
      <c r="NRC20" s="8"/>
      <c r="NRD20" s="8"/>
      <c r="NRE20" s="8"/>
      <c r="NRF20" s="8"/>
      <c r="NRG20" s="8"/>
      <c r="NRH20" s="8"/>
      <c r="NRI20" s="8"/>
      <c r="NRJ20" s="8"/>
      <c r="NRK20" s="8"/>
      <c r="NRL20" s="8"/>
      <c r="NRM20" s="8"/>
      <c r="NRN20" s="8"/>
      <c r="NRO20" s="8"/>
      <c r="NRP20" s="8"/>
      <c r="NRQ20" s="8"/>
      <c r="NRR20" s="8"/>
      <c r="NRS20" s="8"/>
      <c r="NRT20" s="8"/>
      <c r="NRU20" s="8"/>
      <c r="NRV20" s="8"/>
      <c r="NRW20" s="8"/>
      <c r="NRX20" s="8"/>
      <c r="NRY20" s="8"/>
      <c r="NRZ20" s="8"/>
      <c r="NSA20" s="8"/>
      <c r="NSB20" s="8"/>
      <c r="NSC20" s="8"/>
      <c r="NSD20" s="8"/>
      <c r="NSE20" s="8"/>
      <c r="NSF20" s="8"/>
      <c r="NSG20" s="8"/>
      <c r="NSH20" s="8"/>
      <c r="NSI20" s="8"/>
      <c r="NSJ20" s="8"/>
      <c r="NSK20" s="8"/>
      <c r="NSL20" s="8"/>
      <c r="NSM20" s="8"/>
      <c r="NSN20" s="8"/>
      <c r="NSO20" s="8"/>
      <c r="NSP20" s="8"/>
      <c r="NSQ20" s="8"/>
      <c r="NSR20" s="8"/>
      <c r="NSS20" s="8"/>
      <c r="NST20" s="8"/>
      <c r="NSU20" s="8"/>
      <c r="NSV20" s="8"/>
      <c r="NSW20" s="8"/>
      <c r="NSX20" s="8"/>
      <c r="NSY20" s="8"/>
      <c r="NSZ20" s="8"/>
      <c r="NTA20" s="8"/>
      <c r="NTB20" s="8"/>
      <c r="NTC20" s="8"/>
      <c r="NTD20" s="8"/>
      <c r="NTE20" s="8"/>
      <c r="NTF20" s="8"/>
      <c r="NTG20" s="8"/>
      <c r="NTH20" s="8"/>
      <c r="NTI20" s="8"/>
      <c r="NTJ20" s="8"/>
      <c r="NTK20" s="8"/>
      <c r="NTL20" s="8"/>
      <c r="NTM20" s="8"/>
      <c r="NTN20" s="8"/>
      <c r="NTO20" s="8"/>
      <c r="NTP20" s="8"/>
      <c r="NTQ20" s="8"/>
      <c r="NTR20" s="8"/>
      <c r="NTS20" s="8"/>
      <c r="NTT20" s="8"/>
      <c r="NTU20" s="8"/>
      <c r="NTV20" s="8"/>
      <c r="NTW20" s="8"/>
      <c r="NTX20" s="8"/>
      <c r="NTY20" s="8"/>
      <c r="NTZ20" s="8"/>
      <c r="NUA20" s="8"/>
      <c r="NUB20" s="8"/>
      <c r="NUC20" s="8"/>
      <c r="NUD20" s="8"/>
      <c r="NUE20" s="8"/>
      <c r="NUF20" s="8"/>
      <c r="NUG20" s="8"/>
      <c r="NUH20" s="8"/>
      <c r="NUI20" s="8"/>
      <c r="NUJ20" s="8"/>
      <c r="NUK20" s="8"/>
      <c r="NUL20" s="8"/>
      <c r="NUM20" s="8"/>
      <c r="NUN20" s="8"/>
      <c r="NUO20" s="8"/>
      <c r="NUP20" s="8"/>
      <c r="NUQ20" s="8"/>
      <c r="NUR20" s="8"/>
      <c r="NUS20" s="8"/>
      <c r="NUT20" s="8"/>
      <c r="NUU20" s="8"/>
      <c r="NUV20" s="8"/>
      <c r="NUW20" s="8"/>
      <c r="NUX20" s="8"/>
      <c r="NUY20" s="8"/>
      <c r="NUZ20" s="8"/>
      <c r="NVA20" s="8"/>
      <c r="NVB20" s="8"/>
      <c r="NVC20" s="8"/>
      <c r="NVD20" s="8"/>
      <c r="NVE20" s="8"/>
      <c r="NVF20" s="8"/>
      <c r="NVG20" s="8"/>
      <c r="NVH20" s="8"/>
      <c r="NVI20" s="8"/>
      <c r="NVJ20" s="8"/>
      <c r="NVK20" s="8"/>
      <c r="NVL20" s="8"/>
      <c r="NVM20" s="8"/>
      <c r="NVN20" s="8"/>
      <c r="NVO20" s="8"/>
      <c r="NVP20" s="8"/>
      <c r="NVQ20" s="8"/>
      <c r="NVR20" s="8"/>
      <c r="NVS20" s="8"/>
      <c r="NVT20" s="8"/>
      <c r="NVU20" s="8"/>
      <c r="NVV20" s="8"/>
      <c r="NVW20" s="8"/>
      <c r="NVX20" s="8"/>
      <c r="NVY20" s="8"/>
      <c r="NVZ20" s="8"/>
      <c r="NWA20" s="8"/>
      <c r="NWB20" s="8"/>
      <c r="NWC20" s="8"/>
      <c r="NWD20" s="8"/>
      <c r="NWE20" s="8"/>
      <c r="NWF20" s="8"/>
      <c r="NWG20" s="8"/>
      <c r="NWH20" s="8"/>
      <c r="NWI20" s="8"/>
      <c r="NWJ20" s="8"/>
      <c r="NWK20" s="8"/>
      <c r="NWL20" s="8"/>
      <c r="NWM20" s="8"/>
      <c r="NWN20" s="8"/>
      <c r="NWO20" s="8"/>
      <c r="NWP20" s="8"/>
      <c r="NWQ20" s="8"/>
      <c r="NWR20" s="8"/>
      <c r="NWS20" s="8"/>
      <c r="NWT20" s="8"/>
      <c r="NWU20" s="8"/>
      <c r="NWV20" s="8"/>
      <c r="NWW20" s="8"/>
      <c r="NWX20" s="8"/>
      <c r="NWY20" s="8"/>
      <c r="NWZ20" s="8"/>
      <c r="NXA20" s="8"/>
      <c r="NXB20" s="8"/>
      <c r="NXC20" s="8"/>
      <c r="NXD20" s="8"/>
      <c r="NXE20" s="8"/>
      <c r="NXF20" s="8"/>
      <c r="NXG20" s="8"/>
      <c r="NXH20" s="8"/>
      <c r="NXI20" s="8"/>
      <c r="NXJ20" s="8"/>
      <c r="NXK20" s="8"/>
      <c r="NXL20" s="8"/>
      <c r="NXM20" s="8"/>
      <c r="NXN20" s="8"/>
      <c r="NXO20" s="8"/>
      <c r="NXP20" s="8"/>
      <c r="NXQ20" s="8"/>
      <c r="NXR20" s="8"/>
      <c r="NXS20" s="8"/>
      <c r="NXT20" s="8"/>
      <c r="NXU20" s="8"/>
      <c r="NXV20" s="8"/>
      <c r="NXW20" s="8"/>
      <c r="NXX20" s="8"/>
      <c r="NXY20" s="8"/>
      <c r="NXZ20" s="8"/>
      <c r="NYA20" s="8"/>
      <c r="NYB20" s="8"/>
      <c r="NYC20" s="8"/>
      <c r="NYD20" s="8"/>
      <c r="NYE20" s="8"/>
      <c r="NYF20" s="8"/>
      <c r="NYG20" s="8"/>
      <c r="NYH20" s="8"/>
      <c r="NYI20" s="8"/>
      <c r="NYJ20" s="8"/>
      <c r="NYK20" s="8"/>
      <c r="NYL20" s="8"/>
      <c r="NYM20" s="8"/>
      <c r="NYN20" s="8"/>
      <c r="NYO20" s="8"/>
      <c r="NYP20" s="8"/>
      <c r="NYQ20" s="8"/>
      <c r="NYR20" s="8"/>
      <c r="NYS20" s="8"/>
      <c r="NYT20" s="8"/>
      <c r="NYU20" s="8"/>
      <c r="NYV20" s="8"/>
      <c r="NYW20" s="8"/>
      <c r="NYX20" s="8"/>
      <c r="NYY20" s="8"/>
      <c r="NYZ20" s="8"/>
      <c r="NZA20" s="8"/>
      <c r="NZB20" s="8"/>
      <c r="NZC20" s="8"/>
      <c r="NZD20" s="8"/>
      <c r="NZE20" s="8"/>
      <c r="NZF20" s="8"/>
      <c r="NZG20" s="8"/>
      <c r="NZH20" s="8"/>
      <c r="NZI20" s="8"/>
      <c r="NZJ20" s="8"/>
      <c r="NZK20" s="8"/>
      <c r="NZL20" s="8"/>
      <c r="NZM20" s="8"/>
      <c r="NZN20" s="8"/>
      <c r="NZO20" s="8"/>
      <c r="NZP20" s="8"/>
      <c r="NZQ20" s="8"/>
      <c r="NZR20" s="8"/>
      <c r="NZS20" s="8"/>
      <c r="NZT20" s="8"/>
      <c r="NZU20" s="8"/>
      <c r="NZV20" s="8"/>
      <c r="NZW20" s="8"/>
      <c r="NZX20" s="8"/>
      <c r="NZY20" s="8"/>
      <c r="NZZ20" s="8"/>
      <c r="OAA20" s="8"/>
      <c r="OAB20" s="8"/>
      <c r="OAC20" s="8"/>
      <c r="OAD20" s="8"/>
      <c r="OAE20" s="8"/>
      <c r="OAF20" s="8"/>
      <c r="OAG20" s="8"/>
      <c r="OAH20" s="8"/>
      <c r="OAI20" s="8"/>
      <c r="OAJ20" s="8"/>
      <c r="OAK20" s="8"/>
      <c r="OAL20" s="8"/>
      <c r="OAM20" s="8"/>
      <c r="OAN20" s="8"/>
      <c r="OAO20" s="8"/>
      <c r="OAP20" s="8"/>
      <c r="OAQ20" s="8"/>
      <c r="OAR20" s="8"/>
      <c r="OAS20" s="8"/>
      <c r="OAT20" s="8"/>
      <c r="OAU20" s="8"/>
      <c r="OAV20" s="8"/>
      <c r="OAW20" s="8"/>
      <c r="OAX20" s="8"/>
      <c r="OAY20" s="8"/>
      <c r="OAZ20" s="8"/>
      <c r="OBA20" s="8"/>
      <c r="OBB20" s="8"/>
      <c r="OBC20" s="8"/>
      <c r="OBD20" s="8"/>
      <c r="OBE20" s="8"/>
      <c r="OBF20" s="8"/>
      <c r="OBG20" s="8"/>
      <c r="OBH20" s="8"/>
      <c r="OBI20" s="8"/>
      <c r="OBJ20" s="8"/>
      <c r="OBK20" s="8"/>
      <c r="OBL20" s="8"/>
      <c r="OBM20" s="8"/>
      <c r="OBN20" s="8"/>
      <c r="OBO20" s="8"/>
      <c r="OBP20" s="8"/>
      <c r="OBQ20" s="8"/>
      <c r="OBR20" s="8"/>
      <c r="OBS20" s="8"/>
      <c r="OBT20" s="8"/>
      <c r="OBU20" s="8"/>
      <c r="OBV20" s="8"/>
      <c r="OBW20" s="8"/>
      <c r="OBX20" s="8"/>
      <c r="OBY20" s="8"/>
      <c r="OBZ20" s="8"/>
      <c r="OCA20" s="8"/>
      <c r="OCB20" s="8"/>
      <c r="OCC20" s="8"/>
      <c r="OCD20" s="8"/>
      <c r="OCE20" s="8"/>
      <c r="OCF20" s="8"/>
      <c r="OCG20" s="8"/>
      <c r="OCH20" s="8"/>
      <c r="OCI20" s="8"/>
      <c r="OCJ20" s="8"/>
      <c r="OCK20" s="8"/>
      <c r="OCL20" s="8"/>
      <c r="OCM20" s="8"/>
      <c r="OCN20" s="8"/>
      <c r="OCO20" s="8"/>
      <c r="OCP20" s="8"/>
      <c r="OCQ20" s="8"/>
      <c r="OCR20" s="8"/>
      <c r="OCS20" s="8"/>
      <c r="OCT20" s="8"/>
      <c r="OCU20" s="8"/>
      <c r="OCV20" s="8"/>
      <c r="OCW20" s="8"/>
      <c r="OCX20" s="8"/>
      <c r="OCY20" s="8"/>
      <c r="OCZ20" s="8"/>
      <c r="ODA20" s="8"/>
      <c r="ODB20" s="8"/>
      <c r="ODC20" s="8"/>
      <c r="ODD20" s="8"/>
      <c r="ODE20" s="8"/>
      <c r="ODF20" s="8"/>
      <c r="ODG20" s="8"/>
      <c r="ODH20" s="8"/>
      <c r="ODI20" s="8"/>
      <c r="ODJ20" s="8"/>
      <c r="ODK20" s="8"/>
      <c r="ODL20" s="8"/>
      <c r="ODM20" s="8"/>
      <c r="ODN20" s="8"/>
      <c r="ODO20" s="8"/>
      <c r="ODP20" s="8"/>
      <c r="ODQ20" s="8"/>
      <c r="ODR20" s="8"/>
      <c r="ODS20" s="8"/>
      <c r="ODT20" s="8"/>
      <c r="ODU20" s="8"/>
      <c r="ODV20" s="8"/>
      <c r="ODW20" s="8"/>
      <c r="ODX20" s="8"/>
      <c r="ODY20" s="8"/>
      <c r="ODZ20" s="8"/>
      <c r="OEA20" s="8"/>
      <c r="OEB20" s="8"/>
      <c r="OEC20" s="8"/>
      <c r="OED20" s="8"/>
      <c r="OEE20" s="8"/>
      <c r="OEF20" s="8"/>
      <c r="OEG20" s="8"/>
      <c r="OEH20" s="8"/>
      <c r="OEI20" s="8"/>
      <c r="OEJ20" s="8"/>
      <c r="OEK20" s="8"/>
      <c r="OEL20" s="8"/>
      <c r="OEM20" s="8"/>
      <c r="OEN20" s="8"/>
      <c r="OEO20" s="8"/>
      <c r="OEP20" s="8"/>
      <c r="OEQ20" s="8"/>
      <c r="OER20" s="8"/>
      <c r="OES20" s="8"/>
      <c r="OET20" s="8"/>
      <c r="OEU20" s="8"/>
      <c r="OEV20" s="8"/>
      <c r="OEW20" s="8"/>
      <c r="OEX20" s="8"/>
      <c r="OEY20" s="8"/>
      <c r="OEZ20" s="8"/>
      <c r="OFA20" s="8"/>
      <c r="OFB20" s="8"/>
      <c r="OFC20" s="8"/>
      <c r="OFD20" s="8"/>
      <c r="OFE20" s="8"/>
      <c r="OFF20" s="8"/>
      <c r="OFG20" s="8"/>
      <c r="OFH20" s="8"/>
      <c r="OFI20" s="8"/>
      <c r="OFJ20" s="8"/>
      <c r="OFK20" s="8"/>
      <c r="OFL20" s="8"/>
      <c r="OFM20" s="8"/>
      <c r="OFN20" s="8"/>
      <c r="OFO20" s="8"/>
      <c r="OFP20" s="8"/>
      <c r="OFQ20" s="8"/>
      <c r="OFR20" s="8"/>
      <c r="OFS20" s="8"/>
      <c r="OFT20" s="8"/>
      <c r="OFU20" s="8"/>
      <c r="OFV20" s="8"/>
      <c r="OFW20" s="8"/>
      <c r="OFX20" s="8"/>
      <c r="OFY20" s="8"/>
      <c r="OFZ20" s="8"/>
      <c r="OGA20" s="8"/>
      <c r="OGB20" s="8"/>
      <c r="OGC20" s="8"/>
      <c r="OGD20" s="8"/>
      <c r="OGE20" s="8"/>
      <c r="OGF20" s="8"/>
      <c r="OGG20" s="8"/>
      <c r="OGH20" s="8"/>
      <c r="OGI20" s="8"/>
      <c r="OGJ20" s="8"/>
      <c r="OGK20" s="8"/>
      <c r="OGL20" s="8"/>
      <c r="OGM20" s="8"/>
      <c r="OGN20" s="8"/>
      <c r="OGO20" s="8"/>
      <c r="OGP20" s="8"/>
      <c r="OGQ20" s="8"/>
      <c r="OGR20" s="8"/>
      <c r="OGS20" s="8"/>
      <c r="OGT20" s="8"/>
      <c r="OGU20" s="8"/>
      <c r="OGV20" s="8"/>
      <c r="OGW20" s="8"/>
      <c r="OGX20" s="8"/>
      <c r="OGY20" s="8"/>
      <c r="OGZ20" s="8"/>
      <c r="OHA20" s="8"/>
      <c r="OHB20" s="8"/>
      <c r="OHC20" s="8"/>
      <c r="OHD20" s="8"/>
      <c r="OHE20" s="8"/>
      <c r="OHF20" s="8"/>
      <c r="OHG20" s="8"/>
      <c r="OHH20" s="8"/>
      <c r="OHI20" s="8"/>
      <c r="OHJ20" s="8"/>
      <c r="OHK20" s="8"/>
      <c r="OHL20" s="8"/>
      <c r="OHM20" s="8"/>
      <c r="OHN20" s="8"/>
      <c r="OHO20" s="8"/>
      <c r="OHP20" s="8"/>
      <c r="OHQ20" s="8"/>
      <c r="OHR20" s="8"/>
      <c r="OHS20" s="8"/>
      <c r="OHT20" s="8"/>
      <c r="OHU20" s="8"/>
      <c r="OHV20" s="8"/>
      <c r="OHW20" s="8"/>
      <c r="OHX20" s="8"/>
      <c r="OHY20" s="8"/>
      <c r="OHZ20" s="8"/>
      <c r="OIA20" s="8"/>
      <c r="OIB20" s="8"/>
      <c r="OIC20" s="8"/>
      <c r="OID20" s="8"/>
      <c r="OIE20" s="8"/>
      <c r="OIF20" s="8"/>
      <c r="OIG20" s="8"/>
      <c r="OIH20" s="8"/>
      <c r="OII20" s="8"/>
      <c r="OIJ20" s="8"/>
      <c r="OIK20" s="8"/>
      <c r="OIL20" s="8"/>
      <c r="OIM20" s="8"/>
      <c r="OIN20" s="8"/>
      <c r="OIO20" s="8"/>
      <c r="OIP20" s="8"/>
      <c r="OIQ20" s="8"/>
      <c r="OIR20" s="8"/>
      <c r="OIS20" s="8"/>
      <c r="OIT20" s="8"/>
      <c r="OIU20" s="8"/>
      <c r="OIV20" s="8"/>
      <c r="OIW20" s="8"/>
      <c r="OIX20" s="8"/>
      <c r="OIY20" s="8"/>
      <c r="OIZ20" s="8"/>
      <c r="OJA20" s="8"/>
      <c r="OJB20" s="8"/>
      <c r="OJC20" s="8"/>
      <c r="OJD20" s="8"/>
      <c r="OJE20" s="8"/>
      <c r="OJF20" s="8"/>
      <c r="OJG20" s="8"/>
      <c r="OJH20" s="8"/>
      <c r="OJI20" s="8"/>
      <c r="OJJ20" s="8"/>
      <c r="OJK20" s="8"/>
      <c r="OJL20" s="8"/>
      <c r="OJM20" s="8"/>
      <c r="OJN20" s="8"/>
      <c r="OJO20" s="8"/>
      <c r="OJP20" s="8"/>
      <c r="OJQ20" s="8"/>
      <c r="OJR20" s="8"/>
      <c r="OJS20" s="8"/>
      <c r="OJT20" s="8"/>
      <c r="OJU20" s="8"/>
      <c r="OJV20" s="8"/>
      <c r="OJW20" s="8"/>
      <c r="OJX20" s="8"/>
      <c r="OJY20" s="8"/>
      <c r="OJZ20" s="8"/>
      <c r="OKA20" s="8"/>
      <c r="OKB20" s="8"/>
      <c r="OKC20" s="8"/>
      <c r="OKD20" s="8"/>
      <c r="OKE20" s="8"/>
      <c r="OKF20" s="8"/>
      <c r="OKG20" s="8"/>
      <c r="OKH20" s="8"/>
      <c r="OKI20" s="8"/>
      <c r="OKJ20" s="8"/>
      <c r="OKK20" s="8"/>
      <c r="OKL20" s="8"/>
      <c r="OKM20" s="8"/>
      <c r="OKN20" s="8"/>
      <c r="OKO20" s="8"/>
      <c r="OKP20" s="8"/>
      <c r="OKQ20" s="8"/>
      <c r="OKR20" s="8"/>
      <c r="OKS20" s="8"/>
      <c r="OKT20" s="8"/>
      <c r="OKU20" s="8"/>
      <c r="OKV20" s="8"/>
      <c r="OKW20" s="8"/>
      <c r="OKX20" s="8"/>
      <c r="OKY20" s="8"/>
      <c r="OKZ20" s="8"/>
      <c r="OLA20" s="8"/>
      <c r="OLB20" s="8"/>
      <c r="OLC20" s="8"/>
      <c r="OLD20" s="8"/>
      <c r="OLE20" s="8"/>
      <c r="OLF20" s="8"/>
      <c r="OLG20" s="8"/>
      <c r="OLH20" s="8"/>
      <c r="OLI20" s="8"/>
      <c r="OLJ20" s="8"/>
      <c r="OLK20" s="8"/>
      <c r="OLL20" s="8"/>
      <c r="OLM20" s="8"/>
      <c r="OLN20" s="8"/>
      <c r="OLO20" s="8"/>
      <c r="OLP20" s="8"/>
      <c r="OLQ20" s="8"/>
      <c r="OLR20" s="8"/>
      <c r="OLS20" s="8"/>
      <c r="OLT20" s="8"/>
      <c r="OLU20" s="8"/>
      <c r="OLV20" s="8"/>
      <c r="OLW20" s="8"/>
      <c r="OLX20" s="8"/>
      <c r="OLY20" s="8"/>
      <c r="OLZ20" s="8"/>
      <c r="OMA20" s="8"/>
      <c r="OMB20" s="8"/>
      <c r="OMC20" s="8"/>
      <c r="OMD20" s="8"/>
      <c r="OME20" s="8"/>
      <c r="OMF20" s="8"/>
      <c r="OMG20" s="8"/>
      <c r="OMH20" s="8"/>
      <c r="OMI20" s="8"/>
      <c r="OMJ20" s="8"/>
      <c r="OMK20" s="8"/>
      <c r="OML20" s="8"/>
      <c r="OMM20" s="8"/>
      <c r="OMN20" s="8"/>
      <c r="OMO20" s="8"/>
      <c r="OMP20" s="8"/>
      <c r="OMQ20" s="8"/>
      <c r="OMR20" s="8"/>
      <c r="OMS20" s="8"/>
      <c r="OMT20" s="8"/>
      <c r="OMU20" s="8"/>
      <c r="OMV20" s="8"/>
      <c r="OMW20" s="8"/>
      <c r="OMX20" s="8"/>
      <c r="OMY20" s="8"/>
      <c r="OMZ20" s="8"/>
      <c r="ONA20" s="8"/>
      <c r="ONB20" s="8"/>
      <c r="ONC20" s="8"/>
      <c r="OND20" s="8"/>
      <c r="ONE20" s="8"/>
      <c r="ONF20" s="8"/>
      <c r="ONG20" s="8"/>
      <c r="ONH20" s="8"/>
      <c r="ONI20" s="8"/>
      <c r="ONJ20" s="8"/>
      <c r="ONK20" s="8"/>
      <c r="ONL20" s="8"/>
      <c r="ONM20" s="8"/>
      <c r="ONN20" s="8"/>
      <c r="ONO20" s="8"/>
      <c r="ONP20" s="8"/>
      <c r="ONQ20" s="8"/>
      <c r="ONR20" s="8"/>
      <c r="ONS20" s="8"/>
      <c r="ONT20" s="8"/>
      <c r="ONU20" s="8"/>
      <c r="ONV20" s="8"/>
      <c r="ONW20" s="8"/>
      <c r="ONX20" s="8"/>
      <c r="ONY20" s="8"/>
      <c r="ONZ20" s="8"/>
      <c r="OOA20" s="8"/>
      <c r="OOB20" s="8"/>
      <c r="OOC20" s="8"/>
      <c r="OOD20" s="8"/>
      <c r="OOE20" s="8"/>
      <c r="OOF20" s="8"/>
      <c r="OOG20" s="8"/>
      <c r="OOH20" s="8"/>
      <c r="OOI20" s="8"/>
      <c r="OOJ20" s="8"/>
      <c r="OOK20" s="8"/>
      <c r="OOL20" s="8"/>
      <c r="OOM20" s="8"/>
      <c r="OON20" s="8"/>
      <c r="OOO20" s="8"/>
      <c r="OOP20" s="8"/>
      <c r="OOQ20" s="8"/>
      <c r="OOR20" s="8"/>
      <c r="OOS20" s="8"/>
      <c r="OOT20" s="8"/>
      <c r="OOU20" s="8"/>
      <c r="OOV20" s="8"/>
      <c r="OOW20" s="8"/>
      <c r="OOX20" s="8"/>
      <c r="OOY20" s="8"/>
      <c r="OOZ20" s="8"/>
      <c r="OPA20" s="8"/>
      <c r="OPB20" s="8"/>
      <c r="OPC20" s="8"/>
      <c r="OPD20" s="8"/>
      <c r="OPE20" s="8"/>
      <c r="OPF20" s="8"/>
      <c r="OPG20" s="8"/>
      <c r="OPH20" s="8"/>
      <c r="OPI20" s="8"/>
      <c r="OPJ20" s="8"/>
      <c r="OPK20" s="8"/>
      <c r="OPL20" s="8"/>
      <c r="OPM20" s="8"/>
      <c r="OPN20" s="8"/>
      <c r="OPO20" s="8"/>
      <c r="OPP20" s="8"/>
      <c r="OPQ20" s="8"/>
      <c r="OPR20" s="8"/>
      <c r="OPS20" s="8"/>
      <c r="OPT20" s="8"/>
      <c r="OPU20" s="8"/>
      <c r="OPV20" s="8"/>
      <c r="OPW20" s="8"/>
      <c r="OPX20" s="8"/>
      <c r="OPY20" s="8"/>
      <c r="OPZ20" s="8"/>
      <c r="OQA20" s="8"/>
      <c r="OQB20" s="8"/>
      <c r="OQC20" s="8"/>
      <c r="OQD20" s="8"/>
      <c r="OQE20" s="8"/>
      <c r="OQF20" s="8"/>
      <c r="OQG20" s="8"/>
      <c r="OQH20" s="8"/>
      <c r="OQI20" s="8"/>
      <c r="OQJ20" s="8"/>
      <c r="OQK20" s="8"/>
      <c r="OQL20" s="8"/>
      <c r="OQM20" s="8"/>
      <c r="OQN20" s="8"/>
      <c r="OQO20" s="8"/>
      <c r="OQP20" s="8"/>
      <c r="OQQ20" s="8"/>
      <c r="OQR20" s="8"/>
      <c r="OQS20" s="8"/>
      <c r="OQT20" s="8"/>
      <c r="OQU20" s="8"/>
      <c r="OQV20" s="8"/>
      <c r="OQW20" s="8"/>
      <c r="OQX20" s="8"/>
      <c r="OQY20" s="8"/>
      <c r="OQZ20" s="8"/>
      <c r="ORA20" s="8"/>
      <c r="ORB20" s="8"/>
      <c r="ORC20" s="8"/>
      <c r="ORD20" s="8"/>
      <c r="ORE20" s="8"/>
      <c r="ORF20" s="8"/>
      <c r="ORG20" s="8"/>
      <c r="ORH20" s="8"/>
      <c r="ORI20" s="8"/>
      <c r="ORJ20" s="8"/>
      <c r="ORK20" s="8"/>
      <c r="ORL20" s="8"/>
      <c r="ORM20" s="8"/>
      <c r="ORN20" s="8"/>
      <c r="ORO20" s="8"/>
      <c r="ORP20" s="8"/>
      <c r="ORQ20" s="8"/>
      <c r="ORR20" s="8"/>
      <c r="ORS20" s="8"/>
      <c r="ORT20" s="8"/>
      <c r="ORU20" s="8"/>
      <c r="ORV20" s="8"/>
      <c r="ORW20" s="8"/>
      <c r="ORX20" s="8"/>
      <c r="ORY20" s="8"/>
      <c r="ORZ20" s="8"/>
      <c r="OSA20" s="8"/>
      <c r="OSB20" s="8"/>
      <c r="OSC20" s="8"/>
      <c r="OSD20" s="8"/>
      <c r="OSE20" s="8"/>
      <c r="OSF20" s="8"/>
      <c r="OSG20" s="8"/>
      <c r="OSH20" s="8"/>
      <c r="OSI20" s="8"/>
      <c r="OSJ20" s="8"/>
      <c r="OSK20" s="8"/>
      <c r="OSL20" s="8"/>
      <c r="OSM20" s="8"/>
      <c r="OSN20" s="8"/>
      <c r="OSO20" s="8"/>
      <c r="OSP20" s="8"/>
      <c r="OSQ20" s="8"/>
      <c r="OSR20" s="8"/>
      <c r="OSS20" s="8"/>
      <c r="OST20" s="8"/>
      <c r="OSU20" s="8"/>
      <c r="OSV20" s="8"/>
      <c r="OSW20" s="8"/>
      <c r="OSX20" s="8"/>
      <c r="OSY20" s="8"/>
      <c r="OSZ20" s="8"/>
      <c r="OTA20" s="8"/>
      <c r="OTB20" s="8"/>
      <c r="OTC20" s="8"/>
      <c r="OTD20" s="8"/>
      <c r="OTE20" s="8"/>
      <c r="OTF20" s="8"/>
      <c r="OTG20" s="8"/>
      <c r="OTH20" s="8"/>
      <c r="OTI20" s="8"/>
      <c r="OTJ20" s="8"/>
      <c r="OTK20" s="8"/>
      <c r="OTL20" s="8"/>
      <c r="OTM20" s="8"/>
      <c r="OTN20" s="8"/>
      <c r="OTO20" s="8"/>
      <c r="OTP20" s="8"/>
      <c r="OTQ20" s="8"/>
      <c r="OTR20" s="8"/>
      <c r="OTS20" s="8"/>
      <c r="OTT20" s="8"/>
      <c r="OTU20" s="8"/>
      <c r="OTV20" s="8"/>
      <c r="OTW20" s="8"/>
      <c r="OTX20" s="8"/>
      <c r="OTY20" s="8"/>
      <c r="OTZ20" s="8"/>
      <c r="OUA20" s="8"/>
      <c r="OUB20" s="8"/>
      <c r="OUC20" s="8"/>
      <c r="OUD20" s="8"/>
      <c r="OUE20" s="8"/>
      <c r="OUF20" s="8"/>
      <c r="OUG20" s="8"/>
      <c r="OUH20" s="8"/>
      <c r="OUI20" s="8"/>
      <c r="OUJ20" s="8"/>
      <c r="OUK20" s="8"/>
      <c r="OUL20" s="8"/>
      <c r="OUM20" s="8"/>
      <c r="OUN20" s="8"/>
      <c r="OUO20" s="8"/>
      <c r="OUP20" s="8"/>
      <c r="OUQ20" s="8"/>
      <c r="OUR20" s="8"/>
      <c r="OUS20" s="8"/>
      <c r="OUT20" s="8"/>
      <c r="OUU20" s="8"/>
      <c r="OUV20" s="8"/>
      <c r="OUW20" s="8"/>
      <c r="OUX20" s="8"/>
      <c r="OUY20" s="8"/>
      <c r="OUZ20" s="8"/>
      <c r="OVA20" s="8"/>
      <c r="OVB20" s="8"/>
      <c r="OVC20" s="8"/>
      <c r="OVD20" s="8"/>
      <c r="OVE20" s="8"/>
      <c r="OVF20" s="8"/>
      <c r="OVG20" s="8"/>
      <c r="OVH20" s="8"/>
      <c r="OVI20" s="8"/>
      <c r="OVJ20" s="8"/>
      <c r="OVK20" s="8"/>
      <c r="OVL20" s="8"/>
      <c r="OVM20" s="8"/>
      <c r="OVN20" s="8"/>
      <c r="OVO20" s="8"/>
      <c r="OVP20" s="8"/>
      <c r="OVQ20" s="8"/>
      <c r="OVR20" s="8"/>
      <c r="OVS20" s="8"/>
      <c r="OVT20" s="8"/>
      <c r="OVU20" s="8"/>
      <c r="OVV20" s="8"/>
      <c r="OVW20" s="8"/>
      <c r="OVX20" s="8"/>
      <c r="OVY20" s="8"/>
      <c r="OVZ20" s="8"/>
      <c r="OWA20" s="8"/>
      <c r="OWB20" s="8"/>
      <c r="OWC20" s="8"/>
      <c r="OWD20" s="8"/>
      <c r="OWE20" s="8"/>
      <c r="OWF20" s="8"/>
      <c r="OWG20" s="8"/>
      <c r="OWH20" s="8"/>
      <c r="OWI20" s="8"/>
      <c r="OWJ20" s="8"/>
      <c r="OWK20" s="8"/>
      <c r="OWL20" s="8"/>
      <c r="OWM20" s="8"/>
      <c r="OWN20" s="8"/>
      <c r="OWO20" s="8"/>
      <c r="OWP20" s="8"/>
      <c r="OWQ20" s="8"/>
      <c r="OWR20" s="8"/>
      <c r="OWS20" s="8"/>
      <c r="OWT20" s="8"/>
      <c r="OWU20" s="8"/>
      <c r="OWV20" s="8"/>
      <c r="OWW20" s="8"/>
      <c r="OWX20" s="8"/>
      <c r="OWY20" s="8"/>
      <c r="OWZ20" s="8"/>
      <c r="OXA20" s="8"/>
      <c r="OXB20" s="8"/>
      <c r="OXC20" s="8"/>
      <c r="OXD20" s="8"/>
      <c r="OXE20" s="8"/>
      <c r="OXF20" s="8"/>
      <c r="OXG20" s="8"/>
      <c r="OXH20" s="8"/>
      <c r="OXI20" s="8"/>
      <c r="OXJ20" s="8"/>
      <c r="OXK20" s="8"/>
      <c r="OXL20" s="8"/>
      <c r="OXM20" s="8"/>
      <c r="OXN20" s="8"/>
      <c r="OXO20" s="8"/>
      <c r="OXP20" s="8"/>
      <c r="OXQ20" s="8"/>
      <c r="OXR20" s="8"/>
      <c r="OXS20" s="8"/>
      <c r="OXT20" s="8"/>
      <c r="OXU20" s="8"/>
      <c r="OXV20" s="8"/>
      <c r="OXW20" s="8"/>
      <c r="OXX20" s="8"/>
      <c r="OXY20" s="8"/>
      <c r="OXZ20" s="8"/>
      <c r="OYA20" s="8"/>
      <c r="OYB20" s="8"/>
      <c r="OYC20" s="8"/>
      <c r="OYD20" s="8"/>
      <c r="OYE20" s="8"/>
      <c r="OYF20" s="8"/>
      <c r="OYG20" s="8"/>
      <c r="OYH20" s="8"/>
      <c r="OYI20" s="8"/>
      <c r="OYJ20" s="8"/>
      <c r="OYK20" s="8"/>
      <c r="OYL20" s="8"/>
      <c r="OYM20" s="8"/>
      <c r="OYN20" s="8"/>
      <c r="OYO20" s="8"/>
      <c r="OYP20" s="8"/>
      <c r="OYQ20" s="8"/>
      <c r="OYR20" s="8"/>
      <c r="OYS20" s="8"/>
      <c r="OYT20" s="8"/>
      <c r="OYU20" s="8"/>
      <c r="OYV20" s="8"/>
      <c r="OYW20" s="8"/>
      <c r="OYX20" s="8"/>
      <c r="OYY20" s="8"/>
      <c r="OYZ20" s="8"/>
      <c r="OZA20" s="8"/>
      <c r="OZB20" s="8"/>
      <c r="OZC20" s="8"/>
      <c r="OZD20" s="8"/>
      <c r="OZE20" s="8"/>
      <c r="OZF20" s="8"/>
      <c r="OZG20" s="8"/>
      <c r="OZH20" s="8"/>
      <c r="OZI20" s="8"/>
      <c r="OZJ20" s="8"/>
      <c r="OZK20" s="8"/>
      <c r="OZL20" s="8"/>
      <c r="OZM20" s="8"/>
      <c r="OZN20" s="8"/>
      <c r="OZO20" s="8"/>
      <c r="OZP20" s="8"/>
      <c r="OZQ20" s="8"/>
      <c r="OZR20" s="8"/>
      <c r="OZS20" s="8"/>
      <c r="OZT20" s="8"/>
      <c r="OZU20" s="8"/>
      <c r="OZV20" s="8"/>
      <c r="OZW20" s="8"/>
      <c r="OZX20" s="8"/>
      <c r="OZY20" s="8"/>
      <c r="OZZ20" s="8"/>
      <c r="PAA20" s="8"/>
      <c r="PAB20" s="8"/>
      <c r="PAC20" s="8"/>
      <c r="PAD20" s="8"/>
      <c r="PAE20" s="8"/>
      <c r="PAF20" s="8"/>
      <c r="PAG20" s="8"/>
      <c r="PAH20" s="8"/>
      <c r="PAI20" s="8"/>
      <c r="PAJ20" s="8"/>
      <c r="PAK20" s="8"/>
      <c r="PAL20" s="8"/>
      <c r="PAM20" s="8"/>
      <c r="PAN20" s="8"/>
      <c r="PAO20" s="8"/>
      <c r="PAP20" s="8"/>
      <c r="PAQ20" s="8"/>
      <c r="PAR20" s="8"/>
      <c r="PAS20" s="8"/>
      <c r="PAT20" s="8"/>
      <c r="PAU20" s="8"/>
      <c r="PAV20" s="8"/>
      <c r="PAW20" s="8"/>
      <c r="PAX20" s="8"/>
      <c r="PAY20" s="8"/>
      <c r="PAZ20" s="8"/>
      <c r="PBA20" s="8"/>
      <c r="PBB20" s="8"/>
      <c r="PBC20" s="8"/>
      <c r="PBD20" s="8"/>
      <c r="PBE20" s="8"/>
      <c r="PBF20" s="8"/>
      <c r="PBG20" s="8"/>
      <c r="PBH20" s="8"/>
      <c r="PBI20" s="8"/>
      <c r="PBJ20" s="8"/>
      <c r="PBK20" s="8"/>
      <c r="PBL20" s="8"/>
      <c r="PBM20" s="8"/>
      <c r="PBN20" s="8"/>
      <c r="PBO20" s="8"/>
      <c r="PBP20" s="8"/>
      <c r="PBQ20" s="8"/>
      <c r="PBR20" s="8"/>
      <c r="PBS20" s="8"/>
      <c r="PBT20" s="8"/>
      <c r="PBU20" s="8"/>
      <c r="PBV20" s="8"/>
      <c r="PBW20" s="8"/>
      <c r="PBX20" s="8"/>
      <c r="PBY20" s="8"/>
      <c r="PBZ20" s="8"/>
      <c r="PCA20" s="8"/>
      <c r="PCB20" s="8"/>
      <c r="PCC20" s="8"/>
      <c r="PCD20" s="8"/>
      <c r="PCE20" s="8"/>
      <c r="PCF20" s="8"/>
      <c r="PCG20" s="8"/>
      <c r="PCH20" s="8"/>
      <c r="PCI20" s="8"/>
      <c r="PCJ20" s="8"/>
      <c r="PCK20" s="8"/>
      <c r="PCL20" s="8"/>
      <c r="PCM20" s="8"/>
      <c r="PCN20" s="8"/>
      <c r="PCO20" s="8"/>
      <c r="PCP20" s="8"/>
      <c r="PCQ20" s="8"/>
      <c r="PCR20" s="8"/>
      <c r="PCS20" s="8"/>
      <c r="PCT20" s="8"/>
      <c r="PCU20" s="8"/>
      <c r="PCV20" s="8"/>
      <c r="PCW20" s="8"/>
      <c r="PCX20" s="8"/>
      <c r="PCY20" s="8"/>
      <c r="PCZ20" s="8"/>
      <c r="PDA20" s="8"/>
      <c r="PDB20" s="8"/>
      <c r="PDC20" s="8"/>
      <c r="PDD20" s="8"/>
      <c r="PDE20" s="8"/>
      <c r="PDF20" s="8"/>
      <c r="PDG20" s="8"/>
      <c r="PDH20" s="8"/>
      <c r="PDI20" s="8"/>
      <c r="PDJ20" s="8"/>
      <c r="PDK20" s="8"/>
      <c r="PDL20" s="8"/>
      <c r="PDM20" s="8"/>
      <c r="PDN20" s="8"/>
      <c r="PDO20" s="8"/>
      <c r="PDP20" s="8"/>
      <c r="PDQ20" s="8"/>
      <c r="PDR20" s="8"/>
      <c r="PDS20" s="8"/>
      <c r="PDT20" s="8"/>
      <c r="PDU20" s="8"/>
      <c r="PDV20" s="8"/>
      <c r="PDW20" s="8"/>
      <c r="PDX20" s="8"/>
      <c r="PDY20" s="8"/>
      <c r="PDZ20" s="8"/>
      <c r="PEA20" s="8"/>
      <c r="PEB20" s="8"/>
      <c r="PEC20" s="8"/>
      <c r="PED20" s="8"/>
      <c r="PEE20" s="8"/>
      <c r="PEF20" s="8"/>
      <c r="PEG20" s="8"/>
      <c r="PEH20" s="8"/>
      <c r="PEI20" s="8"/>
      <c r="PEJ20" s="8"/>
      <c r="PEK20" s="8"/>
      <c r="PEL20" s="8"/>
      <c r="PEM20" s="8"/>
      <c r="PEN20" s="8"/>
      <c r="PEO20" s="8"/>
      <c r="PEP20" s="8"/>
      <c r="PEQ20" s="8"/>
      <c r="PER20" s="8"/>
      <c r="PES20" s="8"/>
      <c r="PET20" s="8"/>
      <c r="PEU20" s="8"/>
      <c r="PEV20" s="8"/>
      <c r="PEW20" s="8"/>
      <c r="PEX20" s="8"/>
      <c r="PEY20" s="8"/>
      <c r="PEZ20" s="8"/>
      <c r="PFA20" s="8"/>
      <c r="PFB20" s="8"/>
      <c r="PFC20" s="8"/>
      <c r="PFD20" s="8"/>
      <c r="PFE20" s="8"/>
      <c r="PFF20" s="8"/>
      <c r="PFG20" s="8"/>
      <c r="PFH20" s="8"/>
      <c r="PFI20" s="8"/>
      <c r="PFJ20" s="8"/>
      <c r="PFK20" s="8"/>
      <c r="PFL20" s="8"/>
      <c r="PFM20" s="8"/>
      <c r="PFN20" s="8"/>
      <c r="PFO20" s="8"/>
      <c r="PFP20" s="8"/>
      <c r="PFQ20" s="8"/>
      <c r="PFR20" s="8"/>
      <c r="PFS20" s="8"/>
      <c r="PFT20" s="8"/>
      <c r="PFU20" s="8"/>
      <c r="PFV20" s="8"/>
      <c r="PFW20" s="8"/>
      <c r="PFX20" s="8"/>
      <c r="PFY20" s="8"/>
      <c r="PFZ20" s="8"/>
      <c r="PGA20" s="8"/>
      <c r="PGB20" s="8"/>
      <c r="PGC20" s="8"/>
      <c r="PGD20" s="8"/>
      <c r="PGE20" s="8"/>
      <c r="PGF20" s="8"/>
      <c r="PGG20" s="8"/>
      <c r="PGH20" s="8"/>
      <c r="PGI20" s="8"/>
      <c r="PGJ20" s="8"/>
      <c r="PGK20" s="8"/>
      <c r="PGL20" s="8"/>
      <c r="PGM20" s="8"/>
      <c r="PGN20" s="8"/>
      <c r="PGO20" s="8"/>
      <c r="PGP20" s="8"/>
      <c r="PGQ20" s="8"/>
      <c r="PGR20" s="8"/>
      <c r="PGS20" s="8"/>
      <c r="PGT20" s="8"/>
      <c r="PGU20" s="8"/>
      <c r="PGV20" s="8"/>
      <c r="PGW20" s="8"/>
      <c r="PGX20" s="8"/>
      <c r="PGY20" s="8"/>
      <c r="PGZ20" s="8"/>
      <c r="PHA20" s="8"/>
      <c r="PHB20" s="8"/>
      <c r="PHC20" s="8"/>
      <c r="PHD20" s="8"/>
      <c r="PHE20" s="8"/>
      <c r="PHF20" s="8"/>
      <c r="PHG20" s="8"/>
      <c r="PHH20" s="8"/>
      <c r="PHI20" s="8"/>
      <c r="PHJ20" s="8"/>
      <c r="PHK20" s="8"/>
      <c r="PHL20" s="8"/>
      <c r="PHM20" s="8"/>
      <c r="PHN20" s="8"/>
      <c r="PHO20" s="8"/>
      <c r="PHP20" s="8"/>
      <c r="PHQ20" s="8"/>
      <c r="PHR20" s="8"/>
      <c r="PHS20" s="8"/>
      <c r="PHT20" s="8"/>
      <c r="PHU20" s="8"/>
      <c r="PHV20" s="8"/>
      <c r="PHW20" s="8"/>
      <c r="PHX20" s="8"/>
      <c r="PHY20" s="8"/>
      <c r="PHZ20" s="8"/>
      <c r="PIA20" s="8"/>
      <c r="PIB20" s="8"/>
      <c r="PIC20" s="8"/>
      <c r="PID20" s="8"/>
      <c r="PIE20" s="8"/>
      <c r="PIF20" s="8"/>
      <c r="PIG20" s="8"/>
      <c r="PIH20" s="8"/>
      <c r="PII20" s="8"/>
      <c r="PIJ20" s="8"/>
      <c r="PIK20" s="8"/>
      <c r="PIL20" s="8"/>
      <c r="PIM20" s="8"/>
      <c r="PIN20" s="8"/>
      <c r="PIO20" s="8"/>
      <c r="PIP20" s="8"/>
      <c r="PIQ20" s="8"/>
      <c r="PIR20" s="8"/>
      <c r="PIS20" s="8"/>
      <c r="PIT20" s="8"/>
      <c r="PIU20" s="8"/>
      <c r="PIV20" s="8"/>
      <c r="PIW20" s="8"/>
      <c r="PIX20" s="8"/>
      <c r="PIY20" s="8"/>
      <c r="PIZ20" s="8"/>
      <c r="PJA20" s="8"/>
      <c r="PJB20" s="8"/>
      <c r="PJC20" s="8"/>
      <c r="PJD20" s="8"/>
      <c r="PJE20" s="8"/>
      <c r="PJF20" s="8"/>
      <c r="PJG20" s="8"/>
      <c r="PJH20" s="8"/>
      <c r="PJI20" s="8"/>
      <c r="PJJ20" s="8"/>
      <c r="PJK20" s="8"/>
      <c r="PJL20" s="8"/>
      <c r="PJM20" s="8"/>
      <c r="PJN20" s="8"/>
      <c r="PJO20" s="8"/>
      <c r="PJP20" s="8"/>
      <c r="PJQ20" s="8"/>
      <c r="PJR20" s="8"/>
      <c r="PJS20" s="8"/>
      <c r="PJT20" s="8"/>
      <c r="PJU20" s="8"/>
      <c r="PJV20" s="8"/>
      <c r="PJW20" s="8"/>
      <c r="PJX20" s="8"/>
      <c r="PJY20" s="8"/>
      <c r="PJZ20" s="8"/>
      <c r="PKA20" s="8"/>
      <c r="PKB20" s="8"/>
      <c r="PKC20" s="8"/>
      <c r="PKD20" s="8"/>
      <c r="PKE20" s="8"/>
      <c r="PKF20" s="8"/>
      <c r="PKG20" s="8"/>
      <c r="PKH20" s="8"/>
      <c r="PKI20" s="8"/>
      <c r="PKJ20" s="8"/>
      <c r="PKK20" s="8"/>
      <c r="PKL20" s="8"/>
      <c r="PKM20" s="8"/>
      <c r="PKN20" s="8"/>
      <c r="PKO20" s="8"/>
      <c r="PKP20" s="8"/>
      <c r="PKQ20" s="8"/>
      <c r="PKR20" s="8"/>
      <c r="PKS20" s="8"/>
      <c r="PKT20" s="8"/>
      <c r="PKU20" s="8"/>
      <c r="PKV20" s="8"/>
      <c r="PKW20" s="8"/>
      <c r="PKX20" s="8"/>
      <c r="PKY20" s="8"/>
      <c r="PKZ20" s="8"/>
      <c r="PLA20" s="8"/>
      <c r="PLB20" s="8"/>
      <c r="PLC20" s="8"/>
      <c r="PLD20" s="8"/>
      <c r="PLE20" s="8"/>
      <c r="PLF20" s="8"/>
      <c r="PLG20" s="8"/>
      <c r="PLH20" s="8"/>
      <c r="PLI20" s="8"/>
      <c r="PLJ20" s="8"/>
      <c r="PLK20" s="8"/>
      <c r="PLL20" s="8"/>
      <c r="PLM20" s="8"/>
      <c r="PLN20" s="8"/>
      <c r="PLO20" s="8"/>
      <c r="PLP20" s="8"/>
      <c r="PLQ20" s="8"/>
      <c r="PLR20" s="8"/>
      <c r="PLS20" s="8"/>
      <c r="PLT20" s="8"/>
      <c r="PLU20" s="8"/>
      <c r="PLV20" s="8"/>
      <c r="PLW20" s="8"/>
      <c r="PLX20" s="8"/>
      <c r="PLY20" s="8"/>
      <c r="PLZ20" s="8"/>
      <c r="PMA20" s="8"/>
      <c r="PMB20" s="8"/>
      <c r="PMC20" s="8"/>
      <c r="PMD20" s="8"/>
      <c r="PME20" s="8"/>
      <c r="PMF20" s="8"/>
      <c r="PMG20" s="8"/>
      <c r="PMH20" s="8"/>
      <c r="PMI20" s="8"/>
      <c r="PMJ20" s="8"/>
      <c r="PMK20" s="8"/>
      <c r="PML20" s="8"/>
      <c r="PMM20" s="8"/>
      <c r="PMN20" s="8"/>
      <c r="PMO20" s="8"/>
      <c r="PMP20" s="8"/>
      <c r="PMQ20" s="8"/>
      <c r="PMR20" s="8"/>
      <c r="PMS20" s="8"/>
      <c r="PMT20" s="8"/>
      <c r="PMU20" s="8"/>
      <c r="PMV20" s="8"/>
      <c r="PMW20" s="8"/>
      <c r="PMX20" s="8"/>
      <c r="PMY20" s="8"/>
      <c r="PMZ20" s="8"/>
      <c r="PNA20" s="8"/>
      <c r="PNB20" s="8"/>
      <c r="PNC20" s="8"/>
      <c r="PND20" s="8"/>
      <c r="PNE20" s="8"/>
      <c r="PNF20" s="8"/>
      <c r="PNG20" s="8"/>
      <c r="PNH20" s="8"/>
      <c r="PNI20" s="8"/>
      <c r="PNJ20" s="8"/>
      <c r="PNK20" s="8"/>
      <c r="PNL20" s="8"/>
      <c r="PNM20" s="8"/>
      <c r="PNN20" s="8"/>
      <c r="PNO20" s="8"/>
      <c r="PNP20" s="8"/>
      <c r="PNQ20" s="8"/>
      <c r="PNR20" s="8"/>
      <c r="PNS20" s="8"/>
      <c r="PNT20" s="8"/>
      <c r="PNU20" s="8"/>
      <c r="PNV20" s="8"/>
      <c r="PNW20" s="8"/>
      <c r="PNX20" s="8"/>
      <c r="PNY20" s="8"/>
      <c r="PNZ20" s="8"/>
      <c r="POA20" s="8"/>
      <c r="POB20" s="8"/>
      <c r="POC20" s="8"/>
      <c r="POD20" s="8"/>
      <c r="POE20" s="8"/>
      <c r="POF20" s="8"/>
      <c r="POG20" s="8"/>
      <c r="POH20" s="8"/>
      <c r="POI20" s="8"/>
      <c r="POJ20" s="8"/>
      <c r="POK20" s="8"/>
      <c r="POL20" s="8"/>
      <c r="POM20" s="8"/>
      <c r="PON20" s="8"/>
      <c r="POO20" s="8"/>
      <c r="POP20" s="8"/>
      <c r="POQ20" s="8"/>
      <c r="POR20" s="8"/>
      <c r="POS20" s="8"/>
      <c r="POT20" s="8"/>
      <c r="POU20" s="8"/>
      <c r="POV20" s="8"/>
      <c r="POW20" s="8"/>
      <c r="POX20" s="8"/>
      <c r="POY20" s="8"/>
      <c r="POZ20" s="8"/>
      <c r="PPA20" s="8"/>
      <c r="PPB20" s="8"/>
      <c r="PPC20" s="8"/>
      <c r="PPD20" s="8"/>
      <c r="PPE20" s="8"/>
      <c r="PPF20" s="8"/>
      <c r="PPG20" s="8"/>
      <c r="PPH20" s="8"/>
      <c r="PPI20" s="8"/>
      <c r="PPJ20" s="8"/>
      <c r="PPK20" s="8"/>
      <c r="PPL20" s="8"/>
      <c r="PPM20" s="8"/>
      <c r="PPN20" s="8"/>
      <c r="PPO20" s="8"/>
      <c r="PPP20" s="8"/>
      <c r="PPQ20" s="8"/>
      <c r="PPR20" s="8"/>
      <c r="PPS20" s="8"/>
      <c r="PPT20" s="8"/>
      <c r="PPU20" s="8"/>
      <c r="PPV20" s="8"/>
      <c r="PPW20" s="8"/>
      <c r="PPX20" s="8"/>
      <c r="PPY20" s="8"/>
      <c r="PPZ20" s="8"/>
      <c r="PQA20" s="8"/>
      <c r="PQB20" s="8"/>
      <c r="PQC20" s="8"/>
      <c r="PQD20" s="8"/>
      <c r="PQE20" s="8"/>
      <c r="PQF20" s="8"/>
      <c r="PQG20" s="8"/>
      <c r="PQH20" s="8"/>
      <c r="PQI20" s="8"/>
      <c r="PQJ20" s="8"/>
      <c r="PQK20" s="8"/>
      <c r="PQL20" s="8"/>
      <c r="PQM20" s="8"/>
      <c r="PQN20" s="8"/>
      <c r="PQO20" s="8"/>
      <c r="PQP20" s="8"/>
      <c r="PQQ20" s="8"/>
      <c r="PQR20" s="8"/>
      <c r="PQS20" s="8"/>
      <c r="PQT20" s="8"/>
      <c r="PQU20" s="8"/>
      <c r="PQV20" s="8"/>
      <c r="PQW20" s="8"/>
      <c r="PQX20" s="8"/>
      <c r="PQY20" s="8"/>
      <c r="PQZ20" s="8"/>
      <c r="PRA20" s="8"/>
      <c r="PRB20" s="8"/>
      <c r="PRC20" s="8"/>
      <c r="PRD20" s="8"/>
      <c r="PRE20" s="8"/>
      <c r="PRF20" s="8"/>
      <c r="PRG20" s="8"/>
      <c r="PRH20" s="8"/>
      <c r="PRI20" s="8"/>
      <c r="PRJ20" s="8"/>
      <c r="PRK20" s="8"/>
      <c r="PRL20" s="8"/>
      <c r="PRM20" s="8"/>
      <c r="PRN20" s="8"/>
      <c r="PRO20" s="8"/>
      <c r="PRP20" s="8"/>
      <c r="PRQ20" s="8"/>
      <c r="PRR20" s="8"/>
      <c r="PRS20" s="8"/>
      <c r="PRT20" s="8"/>
      <c r="PRU20" s="8"/>
      <c r="PRV20" s="8"/>
      <c r="PRW20" s="8"/>
      <c r="PRX20" s="8"/>
      <c r="PRY20" s="8"/>
      <c r="PRZ20" s="8"/>
      <c r="PSA20" s="8"/>
      <c r="PSB20" s="8"/>
      <c r="PSC20" s="8"/>
      <c r="PSD20" s="8"/>
      <c r="PSE20" s="8"/>
      <c r="PSF20" s="8"/>
      <c r="PSG20" s="8"/>
      <c r="PSH20" s="8"/>
      <c r="PSI20" s="8"/>
      <c r="PSJ20" s="8"/>
      <c r="PSK20" s="8"/>
      <c r="PSL20" s="8"/>
      <c r="PSM20" s="8"/>
      <c r="PSN20" s="8"/>
      <c r="PSO20" s="8"/>
      <c r="PSP20" s="8"/>
      <c r="PSQ20" s="8"/>
      <c r="PSR20" s="8"/>
      <c r="PSS20" s="8"/>
      <c r="PST20" s="8"/>
      <c r="PSU20" s="8"/>
      <c r="PSV20" s="8"/>
      <c r="PSW20" s="8"/>
      <c r="PSX20" s="8"/>
      <c r="PSY20" s="8"/>
      <c r="PSZ20" s="8"/>
      <c r="PTA20" s="8"/>
      <c r="PTB20" s="8"/>
      <c r="PTC20" s="8"/>
      <c r="PTD20" s="8"/>
      <c r="PTE20" s="8"/>
      <c r="PTF20" s="8"/>
      <c r="PTG20" s="8"/>
      <c r="PTH20" s="8"/>
      <c r="PTI20" s="8"/>
      <c r="PTJ20" s="8"/>
      <c r="PTK20" s="8"/>
      <c r="PTL20" s="8"/>
      <c r="PTM20" s="8"/>
      <c r="PTN20" s="8"/>
      <c r="PTO20" s="8"/>
      <c r="PTP20" s="8"/>
      <c r="PTQ20" s="8"/>
      <c r="PTR20" s="8"/>
      <c r="PTS20" s="8"/>
      <c r="PTT20" s="8"/>
      <c r="PTU20" s="8"/>
      <c r="PTV20" s="8"/>
      <c r="PTW20" s="8"/>
      <c r="PTX20" s="8"/>
      <c r="PTY20" s="8"/>
      <c r="PTZ20" s="8"/>
      <c r="PUA20" s="8"/>
      <c r="PUB20" s="8"/>
      <c r="PUC20" s="8"/>
      <c r="PUD20" s="8"/>
      <c r="PUE20" s="8"/>
      <c r="PUF20" s="8"/>
      <c r="PUG20" s="8"/>
      <c r="PUH20" s="8"/>
      <c r="PUI20" s="8"/>
      <c r="PUJ20" s="8"/>
      <c r="PUK20" s="8"/>
      <c r="PUL20" s="8"/>
      <c r="PUM20" s="8"/>
      <c r="PUN20" s="8"/>
      <c r="PUO20" s="8"/>
      <c r="PUP20" s="8"/>
      <c r="PUQ20" s="8"/>
      <c r="PUR20" s="8"/>
      <c r="PUS20" s="8"/>
      <c r="PUT20" s="8"/>
      <c r="PUU20" s="8"/>
      <c r="PUV20" s="8"/>
      <c r="PUW20" s="8"/>
      <c r="PUX20" s="8"/>
      <c r="PUY20" s="8"/>
      <c r="PUZ20" s="8"/>
      <c r="PVA20" s="8"/>
      <c r="PVB20" s="8"/>
      <c r="PVC20" s="8"/>
      <c r="PVD20" s="8"/>
      <c r="PVE20" s="8"/>
      <c r="PVF20" s="8"/>
      <c r="PVG20" s="8"/>
      <c r="PVH20" s="8"/>
      <c r="PVI20" s="8"/>
      <c r="PVJ20" s="8"/>
      <c r="PVK20" s="8"/>
      <c r="PVL20" s="8"/>
      <c r="PVM20" s="8"/>
      <c r="PVN20" s="8"/>
      <c r="PVO20" s="8"/>
      <c r="PVP20" s="8"/>
      <c r="PVQ20" s="8"/>
      <c r="PVR20" s="8"/>
      <c r="PVS20" s="8"/>
      <c r="PVT20" s="8"/>
      <c r="PVU20" s="8"/>
      <c r="PVV20" s="8"/>
      <c r="PVW20" s="8"/>
      <c r="PVX20" s="8"/>
      <c r="PVY20" s="8"/>
      <c r="PVZ20" s="8"/>
      <c r="PWA20" s="8"/>
      <c r="PWB20" s="8"/>
      <c r="PWC20" s="8"/>
      <c r="PWD20" s="8"/>
      <c r="PWE20" s="8"/>
      <c r="PWF20" s="8"/>
      <c r="PWG20" s="8"/>
      <c r="PWH20" s="8"/>
      <c r="PWI20" s="8"/>
      <c r="PWJ20" s="8"/>
      <c r="PWK20" s="8"/>
      <c r="PWL20" s="8"/>
      <c r="PWM20" s="8"/>
      <c r="PWN20" s="8"/>
      <c r="PWO20" s="8"/>
      <c r="PWP20" s="8"/>
      <c r="PWQ20" s="8"/>
      <c r="PWR20" s="8"/>
      <c r="PWS20" s="8"/>
      <c r="PWT20" s="8"/>
      <c r="PWU20" s="8"/>
      <c r="PWV20" s="8"/>
      <c r="PWW20" s="8"/>
      <c r="PWX20" s="8"/>
      <c r="PWY20" s="8"/>
      <c r="PWZ20" s="8"/>
      <c r="PXA20" s="8"/>
      <c r="PXB20" s="8"/>
      <c r="PXC20" s="8"/>
      <c r="PXD20" s="8"/>
      <c r="PXE20" s="8"/>
      <c r="PXF20" s="8"/>
      <c r="PXG20" s="8"/>
      <c r="PXH20" s="8"/>
      <c r="PXI20" s="8"/>
      <c r="PXJ20" s="8"/>
      <c r="PXK20" s="8"/>
      <c r="PXL20" s="8"/>
      <c r="PXM20" s="8"/>
      <c r="PXN20" s="8"/>
      <c r="PXO20" s="8"/>
      <c r="PXP20" s="8"/>
      <c r="PXQ20" s="8"/>
      <c r="PXR20" s="8"/>
      <c r="PXS20" s="8"/>
      <c r="PXT20" s="8"/>
      <c r="PXU20" s="8"/>
      <c r="PXV20" s="8"/>
      <c r="PXW20" s="8"/>
      <c r="PXX20" s="8"/>
      <c r="PXY20" s="8"/>
      <c r="PXZ20" s="8"/>
      <c r="PYA20" s="8"/>
      <c r="PYB20" s="8"/>
      <c r="PYC20" s="8"/>
      <c r="PYD20" s="8"/>
      <c r="PYE20" s="8"/>
      <c r="PYF20" s="8"/>
      <c r="PYG20" s="8"/>
      <c r="PYH20" s="8"/>
      <c r="PYI20" s="8"/>
      <c r="PYJ20" s="8"/>
      <c r="PYK20" s="8"/>
      <c r="PYL20" s="8"/>
      <c r="PYM20" s="8"/>
      <c r="PYN20" s="8"/>
      <c r="PYO20" s="8"/>
      <c r="PYP20" s="8"/>
      <c r="PYQ20" s="8"/>
      <c r="PYR20" s="8"/>
      <c r="PYS20" s="8"/>
      <c r="PYT20" s="8"/>
      <c r="PYU20" s="8"/>
      <c r="PYV20" s="8"/>
      <c r="PYW20" s="8"/>
      <c r="PYX20" s="8"/>
      <c r="PYY20" s="8"/>
      <c r="PYZ20" s="8"/>
      <c r="PZA20" s="8"/>
      <c r="PZB20" s="8"/>
      <c r="PZC20" s="8"/>
      <c r="PZD20" s="8"/>
      <c r="PZE20" s="8"/>
      <c r="PZF20" s="8"/>
      <c r="PZG20" s="8"/>
      <c r="PZH20" s="8"/>
      <c r="PZI20" s="8"/>
      <c r="PZJ20" s="8"/>
      <c r="PZK20" s="8"/>
      <c r="PZL20" s="8"/>
      <c r="PZM20" s="8"/>
      <c r="PZN20" s="8"/>
      <c r="PZO20" s="8"/>
      <c r="PZP20" s="8"/>
      <c r="PZQ20" s="8"/>
      <c r="PZR20" s="8"/>
      <c r="PZS20" s="8"/>
      <c r="PZT20" s="8"/>
      <c r="PZU20" s="8"/>
      <c r="PZV20" s="8"/>
      <c r="PZW20" s="8"/>
      <c r="PZX20" s="8"/>
      <c r="PZY20" s="8"/>
      <c r="PZZ20" s="8"/>
      <c r="QAA20" s="8"/>
      <c r="QAB20" s="8"/>
      <c r="QAC20" s="8"/>
      <c r="QAD20" s="8"/>
      <c r="QAE20" s="8"/>
      <c r="QAF20" s="8"/>
      <c r="QAG20" s="8"/>
      <c r="QAH20" s="8"/>
      <c r="QAI20" s="8"/>
      <c r="QAJ20" s="8"/>
      <c r="QAK20" s="8"/>
      <c r="QAL20" s="8"/>
      <c r="QAM20" s="8"/>
      <c r="QAN20" s="8"/>
      <c r="QAO20" s="8"/>
      <c r="QAP20" s="8"/>
      <c r="QAQ20" s="8"/>
      <c r="QAR20" s="8"/>
      <c r="QAS20" s="8"/>
      <c r="QAT20" s="8"/>
      <c r="QAU20" s="8"/>
      <c r="QAV20" s="8"/>
      <c r="QAW20" s="8"/>
      <c r="QAX20" s="8"/>
      <c r="QAY20" s="8"/>
      <c r="QAZ20" s="8"/>
      <c r="QBA20" s="8"/>
      <c r="QBB20" s="8"/>
      <c r="QBC20" s="8"/>
      <c r="QBD20" s="8"/>
      <c r="QBE20" s="8"/>
      <c r="QBF20" s="8"/>
      <c r="QBG20" s="8"/>
      <c r="QBH20" s="8"/>
      <c r="QBI20" s="8"/>
      <c r="QBJ20" s="8"/>
      <c r="QBK20" s="8"/>
      <c r="QBL20" s="8"/>
      <c r="QBM20" s="8"/>
      <c r="QBN20" s="8"/>
      <c r="QBO20" s="8"/>
      <c r="QBP20" s="8"/>
      <c r="QBQ20" s="8"/>
      <c r="QBR20" s="8"/>
      <c r="QBS20" s="8"/>
      <c r="QBT20" s="8"/>
      <c r="QBU20" s="8"/>
      <c r="QBV20" s="8"/>
      <c r="QBW20" s="8"/>
      <c r="QBX20" s="8"/>
      <c r="QBY20" s="8"/>
      <c r="QBZ20" s="8"/>
      <c r="QCA20" s="8"/>
      <c r="QCB20" s="8"/>
      <c r="QCC20" s="8"/>
      <c r="QCD20" s="8"/>
      <c r="QCE20" s="8"/>
      <c r="QCF20" s="8"/>
      <c r="QCG20" s="8"/>
      <c r="QCH20" s="8"/>
      <c r="QCI20" s="8"/>
      <c r="QCJ20" s="8"/>
      <c r="QCK20" s="8"/>
      <c r="QCL20" s="8"/>
      <c r="QCM20" s="8"/>
      <c r="QCN20" s="8"/>
      <c r="QCO20" s="8"/>
      <c r="QCP20" s="8"/>
      <c r="QCQ20" s="8"/>
      <c r="QCR20" s="8"/>
      <c r="QCS20" s="8"/>
      <c r="QCT20" s="8"/>
      <c r="QCU20" s="8"/>
      <c r="QCV20" s="8"/>
      <c r="QCW20" s="8"/>
      <c r="QCX20" s="8"/>
      <c r="QCY20" s="8"/>
      <c r="QCZ20" s="8"/>
      <c r="QDA20" s="8"/>
      <c r="QDB20" s="8"/>
      <c r="QDC20" s="8"/>
      <c r="QDD20" s="8"/>
      <c r="QDE20" s="8"/>
      <c r="QDF20" s="8"/>
      <c r="QDG20" s="8"/>
      <c r="QDH20" s="8"/>
      <c r="QDI20" s="8"/>
      <c r="QDJ20" s="8"/>
      <c r="QDK20" s="8"/>
      <c r="QDL20" s="8"/>
      <c r="QDM20" s="8"/>
      <c r="QDN20" s="8"/>
      <c r="QDO20" s="8"/>
      <c r="QDP20" s="8"/>
      <c r="QDQ20" s="8"/>
      <c r="QDR20" s="8"/>
      <c r="QDS20" s="8"/>
      <c r="QDT20" s="8"/>
      <c r="QDU20" s="8"/>
      <c r="QDV20" s="8"/>
      <c r="QDW20" s="8"/>
      <c r="QDX20" s="8"/>
      <c r="QDY20" s="8"/>
      <c r="QDZ20" s="8"/>
      <c r="QEA20" s="8"/>
      <c r="QEB20" s="8"/>
      <c r="QEC20" s="8"/>
      <c r="QED20" s="8"/>
      <c r="QEE20" s="8"/>
      <c r="QEF20" s="8"/>
      <c r="QEG20" s="8"/>
      <c r="QEH20" s="8"/>
      <c r="QEI20" s="8"/>
      <c r="QEJ20" s="8"/>
      <c r="QEK20" s="8"/>
      <c r="QEL20" s="8"/>
      <c r="QEM20" s="8"/>
      <c r="QEN20" s="8"/>
      <c r="QEO20" s="8"/>
      <c r="QEP20" s="8"/>
      <c r="QEQ20" s="8"/>
      <c r="QER20" s="8"/>
      <c r="QES20" s="8"/>
      <c r="QET20" s="8"/>
      <c r="QEU20" s="8"/>
      <c r="QEV20" s="8"/>
      <c r="QEW20" s="8"/>
      <c r="QEX20" s="8"/>
      <c r="QEY20" s="8"/>
      <c r="QEZ20" s="8"/>
      <c r="QFA20" s="8"/>
      <c r="QFB20" s="8"/>
      <c r="QFC20" s="8"/>
      <c r="QFD20" s="8"/>
      <c r="QFE20" s="8"/>
      <c r="QFF20" s="8"/>
      <c r="QFG20" s="8"/>
      <c r="QFH20" s="8"/>
      <c r="QFI20" s="8"/>
      <c r="QFJ20" s="8"/>
      <c r="QFK20" s="8"/>
      <c r="QFL20" s="8"/>
      <c r="QFM20" s="8"/>
      <c r="QFN20" s="8"/>
      <c r="QFO20" s="8"/>
      <c r="QFP20" s="8"/>
      <c r="QFQ20" s="8"/>
      <c r="QFR20" s="8"/>
      <c r="QFS20" s="8"/>
      <c r="QFT20" s="8"/>
      <c r="QFU20" s="8"/>
      <c r="QFV20" s="8"/>
      <c r="QFW20" s="8"/>
      <c r="QFX20" s="8"/>
      <c r="QFY20" s="8"/>
      <c r="QFZ20" s="8"/>
      <c r="QGA20" s="8"/>
      <c r="QGB20" s="8"/>
      <c r="QGC20" s="8"/>
      <c r="QGD20" s="8"/>
      <c r="QGE20" s="8"/>
      <c r="QGF20" s="8"/>
      <c r="QGG20" s="8"/>
      <c r="QGH20" s="8"/>
      <c r="QGI20" s="8"/>
      <c r="QGJ20" s="8"/>
      <c r="QGK20" s="8"/>
      <c r="QGL20" s="8"/>
      <c r="QGM20" s="8"/>
      <c r="QGN20" s="8"/>
      <c r="QGO20" s="8"/>
      <c r="QGP20" s="8"/>
      <c r="QGQ20" s="8"/>
      <c r="QGR20" s="8"/>
      <c r="QGS20" s="8"/>
      <c r="QGT20" s="8"/>
      <c r="QGU20" s="8"/>
      <c r="QGV20" s="8"/>
      <c r="QGW20" s="8"/>
      <c r="QGX20" s="8"/>
      <c r="QGY20" s="8"/>
      <c r="QGZ20" s="8"/>
      <c r="QHA20" s="8"/>
      <c r="QHB20" s="8"/>
      <c r="QHC20" s="8"/>
      <c r="QHD20" s="8"/>
      <c r="QHE20" s="8"/>
      <c r="QHF20" s="8"/>
      <c r="QHG20" s="8"/>
      <c r="QHH20" s="8"/>
      <c r="QHI20" s="8"/>
      <c r="QHJ20" s="8"/>
      <c r="QHK20" s="8"/>
      <c r="QHL20" s="8"/>
      <c r="QHM20" s="8"/>
      <c r="QHN20" s="8"/>
      <c r="QHO20" s="8"/>
      <c r="QHP20" s="8"/>
      <c r="QHQ20" s="8"/>
      <c r="QHR20" s="8"/>
      <c r="QHS20" s="8"/>
      <c r="QHT20" s="8"/>
      <c r="QHU20" s="8"/>
      <c r="QHV20" s="8"/>
      <c r="QHW20" s="8"/>
      <c r="QHX20" s="8"/>
      <c r="QHY20" s="8"/>
      <c r="QHZ20" s="8"/>
      <c r="QIA20" s="8"/>
      <c r="QIB20" s="8"/>
      <c r="QIC20" s="8"/>
      <c r="QID20" s="8"/>
      <c r="QIE20" s="8"/>
      <c r="QIF20" s="8"/>
      <c r="QIG20" s="8"/>
      <c r="QIH20" s="8"/>
      <c r="QII20" s="8"/>
      <c r="QIJ20" s="8"/>
      <c r="QIK20" s="8"/>
      <c r="QIL20" s="8"/>
      <c r="QIM20" s="8"/>
      <c r="QIN20" s="8"/>
      <c r="QIO20" s="8"/>
      <c r="QIP20" s="8"/>
      <c r="QIQ20" s="8"/>
      <c r="QIR20" s="8"/>
      <c r="QIS20" s="8"/>
      <c r="QIT20" s="8"/>
      <c r="QIU20" s="8"/>
      <c r="QIV20" s="8"/>
      <c r="QIW20" s="8"/>
      <c r="QIX20" s="8"/>
      <c r="QIY20" s="8"/>
      <c r="QIZ20" s="8"/>
      <c r="QJA20" s="8"/>
      <c r="QJB20" s="8"/>
      <c r="QJC20" s="8"/>
      <c r="QJD20" s="8"/>
      <c r="QJE20" s="8"/>
      <c r="QJF20" s="8"/>
      <c r="QJG20" s="8"/>
      <c r="QJH20" s="8"/>
      <c r="QJI20" s="8"/>
      <c r="QJJ20" s="8"/>
      <c r="QJK20" s="8"/>
      <c r="QJL20" s="8"/>
      <c r="QJM20" s="8"/>
      <c r="QJN20" s="8"/>
      <c r="QJO20" s="8"/>
      <c r="QJP20" s="8"/>
      <c r="QJQ20" s="8"/>
      <c r="QJR20" s="8"/>
      <c r="QJS20" s="8"/>
      <c r="QJT20" s="8"/>
      <c r="QJU20" s="8"/>
      <c r="QJV20" s="8"/>
      <c r="QJW20" s="8"/>
      <c r="QJX20" s="8"/>
      <c r="QJY20" s="8"/>
      <c r="QJZ20" s="8"/>
      <c r="QKA20" s="8"/>
      <c r="QKB20" s="8"/>
      <c r="QKC20" s="8"/>
      <c r="QKD20" s="8"/>
      <c r="QKE20" s="8"/>
      <c r="QKF20" s="8"/>
      <c r="QKG20" s="8"/>
      <c r="QKH20" s="8"/>
      <c r="QKI20" s="8"/>
      <c r="QKJ20" s="8"/>
      <c r="QKK20" s="8"/>
      <c r="QKL20" s="8"/>
      <c r="QKM20" s="8"/>
      <c r="QKN20" s="8"/>
      <c r="QKO20" s="8"/>
      <c r="QKP20" s="8"/>
      <c r="QKQ20" s="8"/>
      <c r="QKR20" s="8"/>
      <c r="QKS20" s="8"/>
      <c r="QKT20" s="8"/>
      <c r="QKU20" s="8"/>
      <c r="QKV20" s="8"/>
      <c r="QKW20" s="8"/>
      <c r="QKX20" s="8"/>
      <c r="QKY20" s="8"/>
      <c r="QKZ20" s="8"/>
      <c r="QLA20" s="8"/>
      <c r="QLB20" s="8"/>
      <c r="QLC20" s="8"/>
      <c r="QLD20" s="8"/>
      <c r="QLE20" s="8"/>
      <c r="QLF20" s="8"/>
      <c r="QLG20" s="8"/>
      <c r="QLH20" s="8"/>
      <c r="QLI20" s="8"/>
      <c r="QLJ20" s="8"/>
      <c r="QLK20" s="8"/>
      <c r="QLL20" s="8"/>
      <c r="QLM20" s="8"/>
      <c r="QLN20" s="8"/>
      <c r="QLO20" s="8"/>
      <c r="QLP20" s="8"/>
      <c r="QLQ20" s="8"/>
      <c r="QLR20" s="8"/>
      <c r="QLS20" s="8"/>
      <c r="QLT20" s="8"/>
      <c r="QLU20" s="8"/>
      <c r="QLV20" s="8"/>
      <c r="QLW20" s="8"/>
      <c r="QLX20" s="8"/>
      <c r="QLY20" s="8"/>
      <c r="QLZ20" s="8"/>
      <c r="QMA20" s="8"/>
      <c r="QMB20" s="8"/>
      <c r="QMC20" s="8"/>
      <c r="QMD20" s="8"/>
      <c r="QME20" s="8"/>
      <c r="QMF20" s="8"/>
      <c r="QMG20" s="8"/>
      <c r="QMH20" s="8"/>
      <c r="QMI20" s="8"/>
      <c r="QMJ20" s="8"/>
      <c r="QMK20" s="8"/>
      <c r="QML20" s="8"/>
      <c r="QMM20" s="8"/>
      <c r="QMN20" s="8"/>
      <c r="QMO20" s="8"/>
      <c r="QMP20" s="8"/>
      <c r="QMQ20" s="8"/>
      <c r="QMR20" s="8"/>
      <c r="QMS20" s="8"/>
      <c r="QMT20" s="8"/>
      <c r="QMU20" s="8"/>
      <c r="QMV20" s="8"/>
      <c r="QMW20" s="8"/>
      <c r="QMX20" s="8"/>
      <c r="QMY20" s="8"/>
      <c r="QMZ20" s="8"/>
      <c r="QNA20" s="8"/>
      <c r="QNB20" s="8"/>
      <c r="QNC20" s="8"/>
      <c r="QND20" s="8"/>
      <c r="QNE20" s="8"/>
      <c r="QNF20" s="8"/>
      <c r="QNG20" s="8"/>
      <c r="QNH20" s="8"/>
      <c r="QNI20" s="8"/>
      <c r="QNJ20" s="8"/>
      <c r="QNK20" s="8"/>
      <c r="QNL20" s="8"/>
      <c r="QNM20" s="8"/>
      <c r="QNN20" s="8"/>
      <c r="QNO20" s="8"/>
      <c r="QNP20" s="8"/>
      <c r="QNQ20" s="8"/>
      <c r="QNR20" s="8"/>
      <c r="QNS20" s="8"/>
      <c r="QNT20" s="8"/>
      <c r="QNU20" s="8"/>
      <c r="QNV20" s="8"/>
      <c r="QNW20" s="8"/>
      <c r="QNX20" s="8"/>
      <c r="QNY20" s="8"/>
      <c r="QNZ20" s="8"/>
      <c r="QOA20" s="8"/>
      <c r="QOB20" s="8"/>
      <c r="QOC20" s="8"/>
      <c r="QOD20" s="8"/>
      <c r="QOE20" s="8"/>
      <c r="QOF20" s="8"/>
      <c r="QOG20" s="8"/>
      <c r="QOH20" s="8"/>
      <c r="QOI20" s="8"/>
      <c r="QOJ20" s="8"/>
      <c r="QOK20" s="8"/>
      <c r="QOL20" s="8"/>
      <c r="QOM20" s="8"/>
      <c r="QON20" s="8"/>
      <c r="QOO20" s="8"/>
      <c r="QOP20" s="8"/>
      <c r="QOQ20" s="8"/>
      <c r="QOR20" s="8"/>
      <c r="QOS20" s="8"/>
      <c r="QOT20" s="8"/>
      <c r="QOU20" s="8"/>
      <c r="QOV20" s="8"/>
      <c r="QOW20" s="8"/>
      <c r="QOX20" s="8"/>
      <c r="QOY20" s="8"/>
      <c r="QOZ20" s="8"/>
      <c r="QPA20" s="8"/>
      <c r="QPB20" s="8"/>
      <c r="QPC20" s="8"/>
      <c r="QPD20" s="8"/>
      <c r="QPE20" s="8"/>
      <c r="QPF20" s="8"/>
      <c r="QPG20" s="8"/>
      <c r="QPH20" s="8"/>
      <c r="QPI20" s="8"/>
      <c r="QPJ20" s="8"/>
      <c r="QPK20" s="8"/>
      <c r="QPL20" s="8"/>
      <c r="QPM20" s="8"/>
      <c r="QPN20" s="8"/>
      <c r="QPO20" s="8"/>
      <c r="QPP20" s="8"/>
      <c r="QPQ20" s="8"/>
      <c r="QPR20" s="8"/>
      <c r="QPS20" s="8"/>
      <c r="QPT20" s="8"/>
      <c r="QPU20" s="8"/>
      <c r="QPV20" s="8"/>
      <c r="QPW20" s="8"/>
      <c r="QPX20" s="8"/>
      <c r="QPY20" s="8"/>
      <c r="QPZ20" s="8"/>
      <c r="QQA20" s="8"/>
      <c r="QQB20" s="8"/>
      <c r="QQC20" s="8"/>
      <c r="QQD20" s="8"/>
      <c r="QQE20" s="8"/>
      <c r="QQF20" s="8"/>
      <c r="QQG20" s="8"/>
      <c r="QQH20" s="8"/>
      <c r="QQI20" s="8"/>
      <c r="QQJ20" s="8"/>
      <c r="QQK20" s="8"/>
      <c r="QQL20" s="8"/>
      <c r="QQM20" s="8"/>
      <c r="QQN20" s="8"/>
      <c r="QQO20" s="8"/>
      <c r="QQP20" s="8"/>
      <c r="QQQ20" s="8"/>
      <c r="QQR20" s="8"/>
      <c r="QQS20" s="8"/>
      <c r="QQT20" s="8"/>
      <c r="QQU20" s="8"/>
      <c r="QQV20" s="8"/>
      <c r="QQW20" s="8"/>
      <c r="QQX20" s="8"/>
      <c r="QQY20" s="8"/>
      <c r="QQZ20" s="8"/>
      <c r="QRA20" s="8"/>
      <c r="QRB20" s="8"/>
      <c r="QRC20" s="8"/>
      <c r="QRD20" s="8"/>
      <c r="QRE20" s="8"/>
      <c r="QRF20" s="8"/>
      <c r="QRG20" s="8"/>
      <c r="QRH20" s="8"/>
      <c r="QRI20" s="8"/>
      <c r="QRJ20" s="8"/>
      <c r="QRK20" s="8"/>
      <c r="QRL20" s="8"/>
      <c r="QRM20" s="8"/>
      <c r="QRN20" s="8"/>
      <c r="QRO20" s="8"/>
      <c r="QRP20" s="8"/>
      <c r="QRQ20" s="8"/>
      <c r="QRR20" s="8"/>
      <c r="QRS20" s="8"/>
      <c r="QRT20" s="8"/>
      <c r="QRU20" s="8"/>
      <c r="QRV20" s="8"/>
      <c r="QRW20" s="8"/>
      <c r="QRX20" s="8"/>
      <c r="QRY20" s="8"/>
      <c r="QRZ20" s="8"/>
      <c r="QSA20" s="8"/>
      <c r="QSB20" s="8"/>
      <c r="QSC20" s="8"/>
      <c r="QSD20" s="8"/>
      <c r="QSE20" s="8"/>
      <c r="QSF20" s="8"/>
      <c r="QSG20" s="8"/>
      <c r="QSH20" s="8"/>
      <c r="QSI20" s="8"/>
      <c r="QSJ20" s="8"/>
      <c r="QSK20" s="8"/>
      <c r="QSL20" s="8"/>
      <c r="QSM20" s="8"/>
      <c r="QSN20" s="8"/>
      <c r="QSO20" s="8"/>
      <c r="QSP20" s="8"/>
      <c r="QSQ20" s="8"/>
      <c r="QSR20" s="8"/>
      <c r="QSS20" s="8"/>
      <c r="QST20" s="8"/>
      <c r="QSU20" s="8"/>
      <c r="QSV20" s="8"/>
      <c r="QSW20" s="8"/>
      <c r="QSX20" s="8"/>
      <c r="QSY20" s="8"/>
      <c r="QSZ20" s="8"/>
      <c r="QTA20" s="8"/>
      <c r="QTB20" s="8"/>
      <c r="QTC20" s="8"/>
      <c r="QTD20" s="8"/>
      <c r="QTE20" s="8"/>
      <c r="QTF20" s="8"/>
      <c r="QTG20" s="8"/>
      <c r="QTH20" s="8"/>
      <c r="QTI20" s="8"/>
      <c r="QTJ20" s="8"/>
      <c r="QTK20" s="8"/>
      <c r="QTL20" s="8"/>
      <c r="QTM20" s="8"/>
      <c r="QTN20" s="8"/>
      <c r="QTO20" s="8"/>
      <c r="QTP20" s="8"/>
      <c r="QTQ20" s="8"/>
      <c r="QTR20" s="8"/>
      <c r="QTS20" s="8"/>
      <c r="QTT20" s="8"/>
      <c r="QTU20" s="8"/>
      <c r="QTV20" s="8"/>
      <c r="QTW20" s="8"/>
      <c r="QTX20" s="8"/>
      <c r="QTY20" s="8"/>
      <c r="QTZ20" s="8"/>
      <c r="QUA20" s="8"/>
      <c r="QUB20" s="8"/>
      <c r="QUC20" s="8"/>
      <c r="QUD20" s="8"/>
      <c r="QUE20" s="8"/>
      <c r="QUF20" s="8"/>
      <c r="QUG20" s="8"/>
      <c r="QUH20" s="8"/>
      <c r="QUI20" s="8"/>
      <c r="QUJ20" s="8"/>
      <c r="QUK20" s="8"/>
      <c r="QUL20" s="8"/>
      <c r="QUM20" s="8"/>
      <c r="QUN20" s="8"/>
      <c r="QUO20" s="8"/>
      <c r="QUP20" s="8"/>
      <c r="QUQ20" s="8"/>
      <c r="QUR20" s="8"/>
      <c r="QUS20" s="8"/>
      <c r="QUT20" s="8"/>
      <c r="QUU20" s="8"/>
      <c r="QUV20" s="8"/>
      <c r="QUW20" s="8"/>
      <c r="QUX20" s="8"/>
      <c r="QUY20" s="8"/>
      <c r="QUZ20" s="8"/>
      <c r="QVA20" s="8"/>
      <c r="QVB20" s="8"/>
      <c r="QVC20" s="8"/>
      <c r="QVD20" s="8"/>
      <c r="QVE20" s="8"/>
      <c r="QVF20" s="8"/>
      <c r="QVG20" s="8"/>
      <c r="QVH20" s="8"/>
      <c r="QVI20" s="8"/>
      <c r="QVJ20" s="8"/>
      <c r="QVK20" s="8"/>
      <c r="QVL20" s="8"/>
      <c r="QVM20" s="8"/>
      <c r="QVN20" s="8"/>
      <c r="QVO20" s="8"/>
      <c r="QVP20" s="8"/>
      <c r="QVQ20" s="8"/>
      <c r="QVR20" s="8"/>
      <c r="QVS20" s="8"/>
      <c r="QVT20" s="8"/>
      <c r="QVU20" s="8"/>
      <c r="QVV20" s="8"/>
      <c r="QVW20" s="8"/>
      <c r="QVX20" s="8"/>
      <c r="QVY20" s="8"/>
      <c r="QVZ20" s="8"/>
      <c r="QWA20" s="8"/>
      <c r="QWB20" s="8"/>
      <c r="QWC20" s="8"/>
      <c r="QWD20" s="8"/>
      <c r="QWE20" s="8"/>
      <c r="QWF20" s="8"/>
      <c r="QWG20" s="8"/>
      <c r="QWH20" s="8"/>
      <c r="QWI20" s="8"/>
      <c r="QWJ20" s="8"/>
      <c r="QWK20" s="8"/>
      <c r="QWL20" s="8"/>
      <c r="QWM20" s="8"/>
      <c r="QWN20" s="8"/>
      <c r="QWO20" s="8"/>
      <c r="QWP20" s="8"/>
      <c r="QWQ20" s="8"/>
      <c r="QWR20" s="8"/>
      <c r="QWS20" s="8"/>
      <c r="QWT20" s="8"/>
      <c r="QWU20" s="8"/>
      <c r="QWV20" s="8"/>
      <c r="QWW20" s="8"/>
      <c r="QWX20" s="8"/>
      <c r="QWY20" s="8"/>
      <c r="QWZ20" s="8"/>
      <c r="QXA20" s="8"/>
      <c r="QXB20" s="8"/>
      <c r="QXC20" s="8"/>
      <c r="QXD20" s="8"/>
      <c r="QXE20" s="8"/>
      <c r="QXF20" s="8"/>
      <c r="QXG20" s="8"/>
      <c r="QXH20" s="8"/>
      <c r="QXI20" s="8"/>
      <c r="QXJ20" s="8"/>
      <c r="QXK20" s="8"/>
      <c r="QXL20" s="8"/>
      <c r="QXM20" s="8"/>
      <c r="QXN20" s="8"/>
      <c r="QXO20" s="8"/>
      <c r="QXP20" s="8"/>
      <c r="QXQ20" s="8"/>
      <c r="QXR20" s="8"/>
      <c r="QXS20" s="8"/>
      <c r="QXT20" s="8"/>
      <c r="QXU20" s="8"/>
      <c r="QXV20" s="8"/>
      <c r="QXW20" s="8"/>
      <c r="QXX20" s="8"/>
      <c r="QXY20" s="8"/>
      <c r="QXZ20" s="8"/>
      <c r="QYA20" s="8"/>
      <c r="QYB20" s="8"/>
      <c r="QYC20" s="8"/>
      <c r="QYD20" s="8"/>
      <c r="QYE20" s="8"/>
      <c r="QYF20" s="8"/>
      <c r="QYG20" s="8"/>
      <c r="QYH20" s="8"/>
      <c r="QYI20" s="8"/>
      <c r="QYJ20" s="8"/>
      <c r="QYK20" s="8"/>
      <c r="QYL20" s="8"/>
      <c r="QYM20" s="8"/>
      <c r="QYN20" s="8"/>
      <c r="QYO20" s="8"/>
      <c r="QYP20" s="8"/>
      <c r="QYQ20" s="8"/>
      <c r="QYR20" s="8"/>
      <c r="QYS20" s="8"/>
      <c r="QYT20" s="8"/>
      <c r="QYU20" s="8"/>
      <c r="QYV20" s="8"/>
      <c r="QYW20" s="8"/>
      <c r="QYX20" s="8"/>
      <c r="QYY20" s="8"/>
      <c r="QYZ20" s="8"/>
      <c r="QZA20" s="8"/>
      <c r="QZB20" s="8"/>
      <c r="QZC20" s="8"/>
      <c r="QZD20" s="8"/>
      <c r="QZE20" s="8"/>
      <c r="QZF20" s="8"/>
      <c r="QZG20" s="8"/>
      <c r="QZH20" s="8"/>
      <c r="QZI20" s="8"/>
      <c r="QZJ20" s="8"/>
      <c r="QZK20" s="8"/>
      <c r="QZL20" s="8"/>
      <c r="QZM20" s="8"/>
      <c r="QZN20" s="8"/>
      <c r="QZO20" s="8"/>
      <c r="QZP20" s="8"/>
      <c r="QZQ20" s="8"/>
      <c r="QZR20" s="8"/>
      <c r="QZS20" s="8"/>
      <c r="QZT20" s="8"/>
      <c r="QZU20" s="8"/>
      <c r="QZV20" s="8"/>
      <c r="QZW20" s="8"/>
      <c r="QZX20" s="8"/>
      <c r="QZY20" s="8"/>
      <c r="QZZ20" s="8"/>
      <c r="RAA20" s="8"/>
      <c r="RAB20" s="8"/>
      <c r="RAC20" s="8"/>
      <c r="RAD20" s="8"/>
      <c r="RAE20" s="8"/>
      <c r="RAF20" s="8"/>
      <c r="RAG20" s="8"/>
      <c r="RAH20" s="8"/>
      <c r="RAI20" s="8"/>
      <c r="RAJ20" s="8"/>
      <c r="RAK20" s="8"/>
      <c r="RAL20" s="8"/>
      <c r="RAM20" s="8"/>
      <c r="RAN20" s="8"/>
      <c r="RAO20" s="8"/>
      <c r="RAP20" s="8"/>
      <c r="RAQ20" s="8"/>
      <c r="RAR20" s="8"/>
      <c r="RAS20" s="8"/>
      <c r="RAT20" s="8"/>
      <c r="RAU20" s="8"/>
      <c r="RAV20" s="8"/>
      <c r="RAW20" s="8"/>
      <c r="RAX20" s="8"/>
      <c r="RAY20" s="8"/>
      <c r="RAZ20" s="8"/>
      <c r="RBA20" s="8"/>
      <c r="RBB20" s="8"/>
      <c r="RBC20" s="8"/>
      <c r="RBD20" s="8"/>
      <c r="RBE20" s="8"/>
      <c r="RBF20" s="8"/>
      <c r="RBG20" s="8"/>
      <c r="RBH20" s="8"/>
      <c r="RBI20" s="8"/>
      <c r="RBJ20" s="8"/>
      <c r="RBK20" s="8"/>
      <c r="RBL20" s="8"/>
      <c r="RBM20" s="8"/>
      <c r="RBN20" s="8"/>
      <c r="RBO20" s="8"/>
      <c r="RBP20" s="8"/>
      <c r="RBQ20" s="8"/>
      <c r="RBR20" s="8"/>
      <c r="RBS20" s="8"/>
      <c r="RBT20" s="8"/>
      <c r="RBU20" s="8"/>
      <c r="RBV20" s="8"/>
      <c r="RBW20" s="8"/>
      <c r="RBX20" s="8"/>
      <c r="RBY20" s="8"/>
      <c r="RBZ20" s="8"/>
      <c r="RCA20" s="8"/>
      <c r="RCB20" s="8"/>
      <c r="RCC20" s="8"/>
      <c r="RCD20" s="8"/>
      <c r="RCE20" s="8"/>
      <c r="RCF20" s="8"/>
      <c r="RCG20" s="8"/>
      <c r="RCH20" s="8"/>
      <c r="RCI20" s="8"/>
      <c r="RCJ20" s="8"/>
      <c r="RCK20" s="8"/>
      <c r="RCL20" s="8"/>
      <c r="RCM20" s="8"/>
      <c r="RCN20" s="8"/>
      <c r="RCO20" s="8"/>
      <c r="RCP20" s="8"/>
      <c r="RCQ20" s="8"/>
      <c r="RCR20" s="8"/>
      <c r="RCS20" s="8"/>
      <c r="RCT20" s="8"/>
      <c r="RCU20" s="8"/>
      <c r="RCV20" s="8"/>
      <c r="RCW20" s="8"/>
      <c r="RCX20" s="8"/>
      <c r="RCY20" s="8"/>
      <c r="RCZ20" s="8"/>
      <c r="RDA20" s="8"/>
      <c r="RDB20" s="8"/>
      <c r="RDC20" s="8"/>
      <c r="RDD20" s="8"/>
      <c r="RDE20" s="8"/>
      <c r="RDF20" s="8"/>
      <c r="RDG20" s="8"/>
      <c r="RDH20" s="8"/>
      <c r="RDI20" s="8"/>
      <c r="RDJ20" s="8"/>
      <c r="RDK20" s="8"/>
      <c r="RDL20" s="8"/>
      <c r="RDM20" s="8"/>
      <c r="RDN20" s="8"/>
      <c r="RDO20" s="8"/>
      <c r="RDP20" s="8"/>
      <c r="RDQ20" s="8"/>
      <c r="RDR20" s="8"/>
      <c r="RDS20" s="8"/>
      <c r="RDT20" s="8"/>
      <c r="RDU20" s="8"/>
      <c r="RDV20" s="8"/>
      <c r="RDW20" s="8"/>
      <c r="RDX20" s="8"/>
      <c r="RDY20" s="8"/>
      <c r="RDZ20" s="8"/>
      <c r="REA20" s="8"/>
      <c r="REB20" s="8"/>
      <c r="REC20" s="8"/>
      <c r="RED20" s="8"/>
      <c r="REE20" s="8"/>
      <c r="REF20" s="8"/>
      <c r="REG20" s="8"/>
      <c r="REH20" s="8"/>
      <c r="REI20" s="8"/>
      <c r="REJ20" s="8"/>
      <c r="REK20" s="8"/>
      <c r="REL20" s="8"/>
      <c r="REM20" s="8"/>
      <c r="REN20" s="8"/>
      <c r="REO20" s="8"/>
      <c r="REP20" s="8"/>
      <c r="REQ20" s="8"/>
      <c r="RER20" s="8"/>
      <c r="RES20" s="8"/>
      <c r="RET20" s="8"/>
      <c r="REU20" s="8"/>
      <c r="REV20" s="8"/>
      <c r="REW20" s="8"/>
      <c r="REX20" s="8"/>
      <c r="REY20" s="8"/>
      <c r="REZ20" s="8"/>
      <c r="RFA20" s="8"/>
      <c r="RFB20" s="8"/>
      <c r="RFC20" s="8"/>
      <c r="RFD20" s="8"/>
      <c r="RFE20" s="8"/>
      <c r="RFF20" s="8"/>
      <c r="RFG20" s="8"/>
      <c r="RFH20" s="8"/>
      <c r="RFI20" s="8"/>
      <c r="RFJ20" s="8"/>
      <c r="RFK20" s="8"/>
      <c r="RFL20" s="8"/>
      <c r="RFM20" s="8"/>
      <c r="RFN20" s="8"/>
      <c r="RFO20" s="8"/>
      <c r="RFP20" s="8"/>
      <c r="RFQ20" s="8"/>
      <c r="RFR20" s="8"/>
      <c r="RFS20" s="8"/>
      <c r="RFT20" s="8"/>
      <c r="RFU20" s="8"/>
      <c r="RFV20" s="8"/>
      <c r="RFW20" s="8"/>
      <c r="RFX20" s="8"/>
      <c r="RFY20" s="8"/>
      <c r="RFZ20" s="8"/>
      <c r="RGA20" s="8"/>
      <c r="RGB20" s="8"/>
      <c r="RGC20" s="8"/>
      <c r="RGD20" s="8"/>
      <c r="RGE20" s="8"/>
      <c r="RGF20" s="8"/>
      <c r="RGG20" s="8"/>
      <c r="RGH20" s="8"/>
      <c r="RGI20" s="8"/>
      <c r="RGJ20" s="8"/>
      <c r="RGK20" s="8"/>
      <c r="RGL20" s="8"/>
      <c r="RGM20" s="8"/>
      <c r="RGN20" s="8"/>
      <c r="RGO20" s="8"/>
      <c r="RGP20" s="8"/>
      <c r="RGQ20" s="8"/>
      <c r="RGR20" s="8"/>
      <c r="RGS20" s="8"/>
      <c r="RGT20" s="8"/>
      <c r="RGU20" s="8"/>
      <c r="RGV20" s="8"/>
      <c r="RGW20" s="8"/>
      <c r="RGX20" s="8"/>
      <c r="RGY20" s="8"/>
      <c r="RGZ20" s="8"/>
      <c r="RHA20" s="8"/>
      <c r="RHB20" s="8"/>
      <c r="RHC20" s="8"/>
      <c r="RHD20" s="8"/>
      <c r="RHE20" s="8"/>
      <c r="RHF20" s="8"/>
      <c r="RHG20" s="8"/>
      <c r="RHH20" s="8"/>
      <c r="RHI20" s="8"/>
      <c r="RHJ20" s="8"/>
      <c r="RHK20" s="8"/>
      <c r="RHL20" s="8"/>
      <c r="RHM20" s="8"/>
      <c r="RHN20" s="8"/>
      <c r="RHO20" s="8"/>
      <c r="RHP20" s="8"/>
      <c r="RHQ20" s="8"/>
      <c r="RHR20" s="8"/>
      <c r="RHS20" s="8"/>
      <c r="RHT20" s="8"/>
      <c r="RHU20" s="8"/>
      <c r="RHV20" s="8"/>
      <c r="RHW20" s="8"/>
      <c r="RHX20" s="8"/>
      <c r="RHY20" s="8"/>
      <c r="RHZ20" s="8"/>
      <c r="RIA20" s="8"/>
      <c r="RIB20" s="8"/>
      <c r="RIC20" s="8"/>
      <c r="RID20" s="8"/>
      <c r="RIE20" s="8"/>
      <c r="RIF20" s="8"/>
      <c r="RIG20" s="8"/>
      <c r="RIH20" s="8"/>
      <c r="RII20" s="8"/>
      <c r="RIJ20" s="8"/>
      <c r="RIK20" s="8"/>
      <c r="RIL20" s="8"/>
      <c r="RIM20" s="8"/>
      <c r="RIN20" s="8"/>
      <c r="RIO20" s="8"/>
      <c r="RIP20" s="8"/>
      <c r="RIQ20" s="8"/>
      <c r="RIR20" s="8"/>
      <c r="RIS20" s="8"/>
      <c r="RIT20" s="8"/>
      <c r="RIU20" s="8"/>
      <c r="RIV20" s="8"/>
      <c r="RIW20" s="8"/>
      <c r="RIX20" s="8"/>
      <c r="RIY20" s="8"/>
      <c r="RIZ20" s="8"/>
      <c r="RJA20" s="8"/>
      <c r="RJB20" s="8"/>
      <c r="RJC20" s="8"/>
      <c r="RJD20" s="8"/>
      <c r="RJE20" s="8"/>
      <c r="RJF20" s="8"/>
      <c r="RJG20" s="8"/>
      <c r="RJH20" s="8"/>
      <c r="RJI20" s="8"/>
      <c r="RJJ20" s="8"/>
      <c r="RJK20" s="8"/>
      <c r="RJL20" s="8"/>
      <c r="RJM20" s="8"/>
      <c r="RJN20" s="8"/>
      <c r="RJO20" s="8"/>
      <c r="RJP20" s="8"/>
      <c r="RJQ20" s="8"/>
      <c r="RJR20" s="8"/>
      <c r="RJS20" s="8"/>
      <c r="RJT20" s="8"/>
      <c r="RJU20" s="8"/>
      <c r="RJV20" s="8"/>
      <c r="RJW20" s="8"/>
      <c r="RJX20" s="8"/>
      <c r="RJY20" s="8"/>
      <c r="RJZ20" s="8"/>
      <c r="RKA20" s="8"/>
      <c r="RKB20" s="8"/>
      <c r="RKC20" s="8"/>
      <c r="RKD20" s="8"/>
      <c r="RKE20" s="8"/>
      <c r="RKF20" s="8"/>
      <c r="RKG20" s="8"/>
      <c r="RKH20" s="8"/>
      <c r="RKI20" s="8"/>
      <c r="RKJ20" s="8"/>
      <c r="RKK20" s="8"/>
      <c r="RKL20" s="8"/>
      <c r="RKM20" s="8"/>
      <c r="RKN20" s="8"/>
      <c r="RKO20" s="8"/>
      <c r="RKP20" s="8"/>
      <c r="RKQ20" s="8"/>
      <c r="RKR20" s="8"/>
      <c r="RKS20" s="8"/>
      <c r="RKT20" s="8"/>
      <c r="RKU20" s="8"/>
      <c r="RKV20" s="8"/>
      <c r="RKW20" s="8"/>
      <c r="RKX20" s="8"/>
      <c r="RKY20" s="8"/>
      <c r="RKZ20" s="8"/>
      <c r="RLA20" s="8"/>
      <c r="RLB20" s="8"/>
      <c r="RLC20" s="8"/>
      <c r="RLD20" s="8"/>
      <c r="RLE20" s="8"/>
      <c r="RLF20" s="8"/>
      <c r="RLG20" s="8"/>
      <c r="RLH20" s="8"/>
      <c r="RLI20" s="8"/>
      <c r="RLJ20" s="8"/>
      <c r="RLK20" s="8"/>
      <c r="RLL20" s="8"/>
      <c r="RLM20" s="8"/>
      <c r="RLN20" s="8"/>
      <c r="RLO20" s="8"/>
      <c r="RLP20" s="8"/>
      <c r="RLQ20" s="8"/>
      <c r="RLR20" s="8"/>
      <c r="RLS20" s="8"/>
      <c r="RLT20" s="8"/>
      <c r="RLU20" s="8"/>
      <c r="RLV20" s="8"/>
      <c r="RLW20" s="8"/>
      <c r="RLX20" s="8"/>
      <c r="RLY20" s="8"/>
      <c r="RLZ20" s="8"/>
      <c r="RMA20" s="8"/>
      <c r="RMB20" s="8"/>
      <c r="RMC20" s="8"/>
      <c r="RMD20" s="8"/>
      <c r="RME20" s="8"/>
      <c r="RMF20" s="8"/>
      <c r="RMG20" s="8"/>
      <c r="RMH20" s="8"/>
      <c r="RMI20" s="8"/>
      <c r="RMJ20" s="8"/>
      <c r="RMK20" s="8"/>
      <c r="RML20" s="8"/>
      <c r="RMM20" s="8"/>
      <c r="RMN20" s="8"/>
      <c r="RMO20" s="8"/>
      <c r="RMP20" s="8"/>
      <c r="RMQ20" s="8"/>
      <c r="RMR20" s="8"/>
      <c r="RMS20" s="8"/>
      <c r="RMT20" s="8"/>
      <c r="RMU20" s="8"/>
      <c r="RMV20" s="8"/>
      <c r="RMW20" s="8"/>
      <c r="RMX20" s="8"/>
      <c r="RMY20" s="8"/>
      <c r="RMZ20" s="8"/>
      <c r="RNA20" s="8"/>
      <c r="RNB20" s="8"/>
      <c r="RNC20" s="8"/>
      <c r="RND20" s="8"/>
      <c r="RNE20" s="8"/>
      <c r="RNF20" s="8"/>
      <c r="RNG20" s="8"/>
      <c r="RNH20" s="8"/>
      <c r="RNI20" s="8"/>
      <c r="RNJ20" s="8"/>
      <c r="RNK20" s="8"/>
      <c r="RNL20" s="8"/>
      <c r="RNM20" s="8"/>
      <c r="RNN20" s="8"/>
      <c r="RNO20" s="8"/>
      <c r="RNP20" s="8"/>
      <c r="RNQ20" s="8"/>
      <c r="RNR20" s="8"/>
      <c r="RNS20" s="8"/>
      <c r="RNT20" s="8"/>
      <c r="RNU20" s="8"/>
      <c r="RNV20" s="8"/>
      <c r="RNW20" s="8"/>
      <c r="RNX20" s="8"/>
      <c r="RNY20" s="8"/>
      <c r="RNZ20" s="8"/>
      <c r="ROA20" s="8"/>
      <c r="ROB20" s="8"/>
      <c r="ROC20" s="8"/>
      <c r="ROD20" s="8"/>
      <c r="ROE20" s="8"/>
      <c r="ROF20" s="8"/>
      <c r="ROG20" s="8"/>
      <c r="ROH20" s="8"/>
      <c r="ROI20" s="8"/>
      <c r="ROJ20" s="8"/>
      <c r="ROK20" s="8"/>
      <c r="ROL20" s="8"/>
      <c r="ROM20" s="8"/>
      <c r="RON20" s="8"/>
      <c r="ROO20" s="8"/>
      <c r="ROP20" s="8"/>
      <c r="ROQ20" s="8"/>
      <c r="ROR20" s="8"/>
      <c r="ROS20" s="8"/>
      <c r="ROT20" s="8"/>
      <c r="ROU20" s="8"/>
      <c r="ROV20" s="8"/>
      <c r="ROW20" s="8"/>
      <c r="ROX20" s="8"/>
      <c r="ROY20" s="8"/>
      <c r="ROZ20" s="8"/>
      <c r="RPA20" s="8"/>
      <c r="RPB20" s="8"/>
      <c r="RPC20" s="8"/>
      <c r="RPD20" s="8"/>
      <c r="RPE20" s="8"/>
      <c r="RPF20" s="8"/>
      <c r="RPG20" s="8"/>
      <c r="RPH20" s="8"/>
      <c r="RPI20" s="8"/>
      <c r="RPJ20" s="8"/>
      <c r="RPK20" s="8"/>
      <c r="RPL20" s="8"/>
      <c r="RPM20" s="8"/>
      <c r="RPN20" s="8"/>
      <c r="RPO20" s="8"/>
      <c r="RPP20" s="8"/>
      <c r="RPQ20" s="8"/>
      <c r="RPR20" s="8"/>
      <c r="RPS20" s="8"/>
      <c r="RPT20" s="8"/>
      <c r="RPU20" s="8"/>
      <c r="RPV20" s="8"/>
      <c r="RPW20" s="8"/>
      <c r="RPX20" s="8"/>
      <c r="RPY20" s="8"/>
      <c r="RPZ20" s="8"/>
      <c r="RQA20" s="8"/>
      <c r="RQB20" s="8"/>
      <c r="RQC20" s="8"/>
      <c r="RQD20" s="8"/>
      <c r="RQE20" s="8"/>
      <c r="RQF20" s="8"/>
      <c r="RQG20" s="8"/>
      <c r="RQH20" s="8"/>
      <c r="RQI20" s="8"/>
      <c r="RQJ20" s="8"/>
      <c r="RQK20" s="8"/>
      <c r="RQL20" s="8"/>
      <c r="RQM20" s="8"/>
      <c r="RQN20" s="8"/>
      <c r="RQO20" s="8"/>
      <c r="RQP20" s="8"/>
      <c r="RQQ20" s="8"/>
      <c r="RQR20" s="8"/>
      <c r="RQS20" s="8"/>
      <c r="RQT20" s="8"/>
      <c r="RQU20" s="8"/>
      <c r="RQV20" s="8"/>
      <c r="RQW20" s="8"/>
      <c r="RQX20" s="8"/>
      <c r="RQY20" s="8"/>
      <c r="RQZ20" s="8"/>
      <c r="RRA20" s="8"/>
      <c r="RRB20" s="8"/>
      <c r="RRC20" s="8"/>
      <c r="RRD20" s="8"/>
      <c r="RRE20" s="8"/>
      <c r="RRF20" s="8"/>
      <c r="RRG20" s="8"/>
      <c r="RRH20" s="8"/>
      <c r="RRI20" s="8"/>
      <c r="RRJ20" s="8"/>
      <c r="RRK20" s="8"/>
      <c r="RRL20" s="8"/>
      <c r="RRM20" s="8"/>
      <c r="RRN20" s="8"/>
      <c r="RRO20" s="8"/>
      <c r="RRP20" s="8"/>
      <c r="RRQ20" s="8"/>
      <c r="RRR20" s="8"/>
      <c r="RRS20" s="8"/>
      <c r="RRT20" s="8"/>
      <c r="RRU20" s="8"/>
      <c r="RRV20" s="8"/>
      <c r="RRW20" s="8"/>
      <c r="RRX20" s="8"/>
      <c r="RRY20" s="8"/>
      <c r="RRZ20" s="8"/>
      <c r="RSA20" s="8"/>
      <c r="RSB20" s="8"/>
      <c r="RSC20" s="8"/>
      <c r="RSD20" s="8"/>
      <c r="RSE20" s="8"/>
      <c r="RSF20" s="8"/>
      <c r="RSG20" s="8"/>
      <c r="RSH20" s="8"/>
      <c r="RSI20" s="8"/>
      <c r="RSJ20" s="8"/>
      <c r="RSK20" s="8"/>
      <c r="RSL20" s="8"/>
      <c r="RSM20" s="8"/>
      <c r="RSN20" s="8"/>
      <c r="RSO20" s="8"/>
      <c r="RSP20" s="8"/>
      <c r="RSQ20" s="8"/>
      <c r="RSR20" s="8"/>
      <c r="RSS20" s="8"/>
      <c r="RST20" s="8"/>
      <c r="RSU20" s="8"/>
      <c r="RSV20" s="8"/>
      <c r="RSW20" s="8"/>
      <c r="RSX20" s="8"/>
      <c r="RSY20" s="8"/>
      <c r="RSZ20" s="8"/>
      <c r="RTA20" s="8"/>
      <c r="RTB20" s="8"/>
      <c r="RTC20" s="8"/>
      <c r="RTD20" s="8"/>
      <c r="RTE20" s="8"/>
      <c r="RTF20" s="8"/>
      <c r="RTG20" s="8"/>
      <c r="RTH20" s="8"/>
      <c r="RTI20" s="8"/>
      <c r="RTJ20" s="8"/>
      <c r="RTK20" s="8"/>
      <c r="RTL20" s="8"/>
      <c r="RTM20" s="8"/>
      <c r="RTN20" s="8"/>
      <c r="RTO20" s="8"/>
      <c r="RTP20" s="8"/>
      <c r="RTQ20" s="8"/>
      <c r="RTR20" s="8"/>
      <c r="RTS20" s="8"/>
      <c r="RTT20" s="8"/>
      <c r="RTU20" s="8"/>
      <c r="RTV20" s="8"/>
      <c r="RTW20" s="8"/>
      <c r="RTX20" s="8"/>
      <c r="RTY20" s="8"/>
      <c r="RTZ20" s="8"/>
      <c r="RUA20" s="8"/>
      <c r="RUB20" s="8"/>
      <c r="RUC20" s="8"/>
      <c r="RUD20" s="8"/>
      <c r="RUE20" s="8"/>
      <c r="RUF20" s="8"/>
      <c r="RUG20" s="8"/>
      <c r="RUH20" s="8"/>
      <c r="RUI20" s="8"/>
      <c r="RUJ20" s="8"/>
      <c r="RUK20" s="8"/>
      <c r="RUL20" s="8"/>
      <c r="RUM20" s="8"/>
      <c r="RUN20" s="8"/>
      <c r="RUO20" s="8"/>
      <c r="RUP20" s="8"/>
      <c r="RUQ20" s="8"/>
      <c r="RUR20" s="8"/>
      <c r="RUS20" s="8"/>
      <c r="RUT20" s="8"/>
      <c r="RUU20" s="8"/>
      <c r="RUV20" s="8"/>
      <c r="RUW20" s="8"/>
      <c r="RUX20" s="8"/>
      <c r="RUY20" s="8"/>
      <c r="RUZ20" s="8"/>
      <c r="RVA20" s="8"/>
      <c r="RVB20" s="8"/>
      <c r="RVC20" s="8"/>
      <c r="RVD20" s="8"/>
      <c r="RVE20" s="8"/>
      <c r="RVF20" s="8"/>
      <c r="RVG20" s="8"/>
      <c r="RVH20" s="8"/>
      <c r="RVI20" s="8"/>
      <c r="RVJ20" s="8"/>
      <c r="RVK20" s="8"/>
      <c r="RVL20" s="8"/>
      <c r="RVM20" s="8"/>
      <c r="RVN20" s="8"/>
      <c r="RVO20" s="8"/>
      <c r="RVP20" s="8"/>
      <c r="RVQ20" s="8"/>
      <c r="RVR20" s="8"/>
      <c r="RVS20" s="8"/>
      <c r="RVT20" s="8"/>
      <c r="RVU20" s="8"/>
      <c r="RVV20" s="8"/>
      <c r="RVW20" s="8"/>
      <c r="RVX20" s="8"/>
      <c r="RVY20" s="8"/>
      <c r="RVZ20" s="8"/>
      <c r="RWA20" s="8"/>
      <c r="RWB20" s="8"/>
      <c r="RWC20" s="8"/>
      <c r="RWD20" s="8"/>
      <c r="RWE20" s="8"/>
      <c r="RWF20" s="8"/>
      <c r="RWG20" s="8"/>
      <c r="RWH20" s="8"/>
      <c r="RWI20" s="8"/>
      <c r="RWJ20" s="8"/>
      <c r="RWK20" s="8"/>
      <c r="RWL20" s="8"/>
      <c r="RWM20" s="8"/>
      <c r="RWN20" s="8"/>
      <c r="RWO20" s="8"/>
      <c r="RWP20" s="8"/>
      <c r="RWQ20" s="8"/>
      <c r="RWR20" s="8"/>
      <c r="RWS20" s="8"/>
      <c r="RWT20" s="8"/>
      <c r="RWU20" s="8"/>
      <c r="RWV20" s="8"/>
      <c r="RWW20" s="8"/>
      <c r="RWX20" s="8"/>
      <c r="RWY20" s="8"/>
      <c r="RWZ20" s="8"/>
      <c r="RXA20" s="8"/>
      <c r="RXB20" s="8"/>
      <c r="RXC20" s="8"/>
      <c r="RXD20" s="8"/>
      <c r="RXE20" s="8"/>
      <c r="RXF20" s="8"/>
      <c r="RXG20" s="8"/>
      <c r="RXH20" s="8"/>
      <c r="RXI20" s="8"/>
      <c r="RXJ20" s="8"/>
      <c r="RXK20" s="8"/>
      <c r="RXL20" s="8"/>
      <c r="RXM20" s="8"/>
      <c r="RXN20" s="8"/>
      <c r="RXO20" s="8"/>
      <c r="RXP20" s="8"/>
      <c r="RXQ20" s="8"/>
      <c r="RXR20" s="8"/>
      <c r="RXS20" s="8"/>
      <c r="RXT20" s="8"/>
      <c r="RXU20" s="8"/>
      <c r="RXV20" s="8"/>
      <c r="RXW20" s="8"/>
      <c r="RXX20" s="8"/>
      <c r="RXY20" s="8"/>
      <c r="RXZ20" s="8"/>
      <c r="RYA20" s="8"/>
      <c r="RYB20" s="8"/>
      <c r="RYC20" s="8"/>
      <c r="RYD20" s="8"/>
      <c r="RYE20" s="8"/>
      <c r="RYF20" s="8"/>
      <c r="RYG20" s="8"/>
      <c r="RYH20" s="8"/>
      <c r="RYI20" s="8"/>
      <c r="RYJ20" s="8"/>
      <c r="RYK20" s="8"/>
      <c r="RYL20" s="8"/>
      <c r="RYM20" s="8"/>
      <c r="RYN20" s="8"/>
      <c r="RYO20" s="8"/>
      <c r="RYP20" s="8"/>
      <c r="RYQ20" s="8"/>
      <c r="RYR20" s="8"/>
      <c r="RYS20" s="8"/>
      <c r="RYT20" s="8"/>
      <c r="RYU20" s="8"/>
      <c r="RYV20" s="8"/>
      <c r="RYW20" s="8"/>
      <c r="RYX20" s="8"/>
      <c r="RYY20" s="8"/>
      <c r="RYZ20" s="8"/>
      <c r="RZA20" s="8"/>
      <c r="RZB20" s="8"/>
      <c r="RZC20" s="8"/>
      <c r="RZD20" s="8"/>
      <c r="RZE20" s="8"/>
      <c r="RZF20" s="8"/>
      <c r="RZG20" s="8"/>
      <c r="RZH20" s="8"/>
      <c r="RZI20" s="8"/>
      <c r="RZJ20" s="8"/>
      <c r="RZK20" s="8"/>
      <c r="RZL20" s="8"/>
      <c r="RZM20" s="8"/>
      <c r="RZN20" s="8"/>
      <c r="RZO20" s="8"/>
      <c r="RZP20" s="8"/>
      <c r="RZQ20" s="8"/>
      <c r="RZR20" s="8"/>
      <c r="RZS20" s="8"/>
      <c r="RZT20" s="8"/>
      <c r="RZU20" s="8"/>
      <c r="RZV20" s="8"/>
      <c r="RZW20" s="8"/>
      <c r="RZX20" s="8"/>
      <c r="RZY20" s="8"/>
      <c r="RZZ20" s="8"/>
      <c r="SAA20" s="8"/>
      <c r="SAB20" s="8"/>
      <c r="SAC20" s="8"/>
      <c r="SAD20" s="8"/>
      <c r="SAE20" s="8"/>
      <c r="SAF20" s="8"/>
      <c r="SAG20" s="8"/>
      <c r="SAH20" s="8"/>
      <c r="SAI20" s="8"/>
      <c r="SAJ20" s="8"/>
      <c r="SAK20" s="8"/>
      <c r="SAL20" s="8"/>
      <c r="SAM20" s="8"/>
      <c r="SAN20" s="8"/>
      <c r="SAO20" s="8"/>
      <c r="SAP20" s="8"/>
      <c r="SAQ20" s="8"/>
      <c r="SAR20" s="8"/>
      <c r="SAS20" s="8"/>
      <c r="SAT20" s="8"/>
      <c r="SAU20" s="8"/>
      <c r="SAV20" s="8"/>
      <c r="SAW20" s="8"/>
      <c r="SAX20" s="8"/>
      <c r="SAY20" s="8"/>
      <c r="SAZ20" s="8"/>
      <c r="SBA20" s="8"/>
      <c r="SBB20" s="8"/>
      <c r="SBC20" s="8"/>
      <c r="SBD20" s="8"/>
      <c r="SBE20" s="8"/>
      <c r="SBF20" s="8"/>
      <c r="SBG20" s="8"/>
      <c r="SBH20" s="8"/>
      <c r="SBI20" s="8"/>
      <c r="SBJ20" s="8"/>
      <c r="SBK20" s="8"/>
      <c r="SBL20" s="8"/>
      <c r="SBM20" s="8"/>
      <c r="SBN20" s="8"/>
      <c r="SBO20" s="8"/>
      <c r="SBP20" s="8"/>
      <c r="SBQ20" s="8"/>
      <c r="SBR20" s="8"/>
      <c r="SBS20" s="8"/>
      <c r="SBT20" s="8"/>
      <c r="SBU20" s="8"/>
      <c r="SBV20" s="8"/>
      <c r="SBW20" s="8"/>
      <c r="SBX20" s="8"/>
      <c r="SBY20" s="8"/>
      <c r="SBZ20" s="8"/>
      <c r="SCA20" s="8"/>
      <c r="SCB20" s="8"/>
      <c r="SCC20" s="8"/>
      <c r="SCD20" s="8"/>
      <c r="SCE20" s="8"/>
      <c r="SCF20" s="8"/>
      <c r="SCG20" s="8"/>
      <c r="SCH20" s="8"/>
      <c r="SCI20" s="8"/>
      <c r="SCJ20" s="8"/>
      <c r="SCK20" s="8"/>
      <c r="SCL20" s="8"/>
      <c r="SCM20" s="8"/>
      <c r="SCN20" s="8"/>
      <c r="SCO20" s="8"/>
      <c r="SCP20" s="8"/>
      <c r="SCQ20" s="8"/>
      <c r="SCR20" s="8"/>
      <c r="SCS20" s="8"/>
      <c r="SCT20" s="8"/>
      <c r="SCU20" s="8"/>
      <c r="SCV20" s="8"/>
      <c r="SCW20" s="8"/>
      <c r="SCX20" s="8"/>
      <c r="SCY20" s="8"/>
      <c r="SCZ20" s="8"/>
      <c r="SDA20" s="8"/>
      <c r="SDB20" s="8"/>
      <c r="SDC20" s="8"/>
      <c r="SDD20" s="8"/>
      <c r="SDE20" s="8"/>
      <c r="SDF20" s="8"/>
      <c r="SDG20" s="8"/>
      <c r="SDH20" s="8"/>
      <c r="SDI20" s="8"/>
      <c r="SDJ20" s="8"/>
      <c r="SDK20" s="8"/>
      <c r="SDL20" s="8"/>
      <c r="SDM20" s="8"/>
      <c r="SDN20" s="8"/>
      <c r="SDO20" s="8"/>
      <c r="SDP20" s="8"/>
      <c r="SDQ20" s="8"/>
      <c r="SDR20" s="8"/>
      <c r="SDS20" s="8"/>
      <c r="SDT20" s="8"/>
      <c r="SDU20" s="8"/>
      <c r="SDV20" s="8"/>
      <c r="SDW20" s="8"/>
      <c r="SDX20" s="8"/>
      <c r="SDY20" s="8"/>
      <c r="SDZ20" s="8"/>
      <c r="SEA20" s="8"/>
      <c r="SEB20" s="8"/>
      <c r="SEC20" s="8"/>
      <c r="SED20" s="8"/>
      <c r="SEE20" s="8"/>
      <c r="SEF20" s="8"/>
      <c r="SEG20" s="8"/>
      <c r="SEH20" s="8"/>
      <c r="SEI20" s="8"/>
      <c r="SEJ20" s="8"/>
      <c r="SEK20" s="8"/>
      <c r="SEL20" s="8"/>
      <c r="SEM20" s="8"/>
      <c r="SEN20" s="8"/>
      <c r="SEO20" s="8"/>
      <c r="SEP20" s="8"/>
      <c r="SEQ20" s="8"/>
      <c r="SER20" s="8"/>
      <c r="SES20" s="8"/>
      <c r="SET20" s="8"/>
      <c r="SEU20" s="8"/>
      <c r="SEV20" s="8"/>
      <c r="SEW20" s="8"/>
      <c r="SEX20" s="8"/>
      <c r="SEY20" s="8"/>
      <c r="SEZ20" s="8"/>
      <c r="SFA20" s="8"/>
      <c r="SFB20" s="8"/>
      <c r="SFC20" s="8"/>
      <c r="SFD20" s="8"/>
      <c r="SFE20" s="8"/>
      <c r="SFF20" s="8"/>
      <c r="SFG20" s="8"/>
      <c r="SFH20" s="8"/>
      <c r="SFI20" s="8"/>
      <c r="SFJ20" s="8"/>
      <c r="SFK20" s="8"/>
      <c r="SFL20" s="8"/>
      <c r="SFM20" s="8"/>
      <c r="SFN20" s="8"/>
      <c r="SFO20" s="8"/>
      <c r="SFP20" s="8"/>
      <c r="SFQ20" s="8"/>
      <c r="SFR20" s="8"/>
      <c r="SFS20" s="8"/>
      <c r="SFT20" s="8"/>
      <c r="SFU20" s="8"/>
      <c r="SFV20" s="8"/>
      <c r="SFW20" s="8"/>
      <c r="SFX20" s="8"/>
      <c r="SFY20" s="8"/>
      <c r="SFZ20" s="8"/>
      <c r="SGA20" s="8"/>
      <c r="SGB20" s="8"/>
      <c r="SGC20" s="8"/>
      <c r="SGD20" s="8"/>
      <c r="SGE20" s="8"/>
      <c r="SGF20" s="8"/>
      <c r="SGG20" s="8"/>
      <c r="SGH20" s="8"/>
      <c r="SGI20" s="8"/>
      <c r="SGJ20" s="8"/>
      <c r="SGK20" s="8"/>
      <c r="SGL20" s="8"/>
      <c r="SGM20" s="8"/>
      <c r="SGN20" s="8"/>
      <c r="SGO20" s="8"/>
      <c r="SGP20" s="8"/>
      <c r="SGQ20" s="8"/>
      <c r="SGR20" s="8"/>
      <c r="SGS20" s="8"/>
      <c r="SGT20" s="8"/>
      <c r="SGU20" s="8"/>
      <c r="SGV20" s="8"/>
      <c r="SGW20" s="8"/>
      <c r="SGX20" s="8"/>
      <c r="SGY20" s="8"/>
      <c r="SGZ20" s="8"/>
      <c r="SHA20" s="8"/>
      <c r="SHB20" s="8"/>
      <c r="SHC20" s="8"/>
      <c r="SHD20" s="8"/>
      <c r="SHE20" s="8"/>
      <c r="SHF20" s="8"/>
      <c r="SHG20" s="8"/>
      <c r="SHH20" s="8"/>
      <c r="SHI20" s="8"/>
      <c r="SHJ20" s="8"/>
      <c r="SHK20" s="8"/>
      <c r="SHL20" s="8"/>
      <c r="SHM20" s="8"/>
      <c r="SHN20" s="8"/>
      <c r="SHO20" s="8"/>
      <c r="SHP20" s="8"/>
      <c r="SHQ20" s="8"/>
      <c r="SHR20" s="8"/>
      <c r="SHS20" s="8"/>
      <c r="SHT20" s="8"/>
      <c r="SHU20" s="8"/>
      <c r="SHV20" s="8"/>
      <c r="SHW20" s="8"/>
      <c r="SHX20" s="8"/>
      <c r="SHY20" s="8"/>
      <c r="SHZ20" s="8"/>
      <c r="SIA20" s="8"/>
      <c r="SIB20" s="8"/>
      <c r="SIC20" s="8"/>
      <c r="SID20" s="8"/>
      <c r="SIE20" s="8"/>
      <c r="SIF20" s="8"/>
      <c r="SIG20" s="8"/>
      <c r="SIH20" s="8"/>
      <c r="SII20" s="8"/>
      <c r="SIJ20" s="8"/>
      <c r="SIK20" s="8"/>
      <c r="SIL20" s="8"/>
      <c r="SIM20" s="8"/>
      <c r="SIN20" s="8"/>
      <c r="SIO20" s="8"/>
      <c r="SIP20" s="8"/>
      <c r="SIQ20" s="8"/>
      <c r="SIR20" s="8"/>
      <c r="SIS20" s="8"/>
      <c r="SIT20" s="8"/>
      <c r="SIU20" s="8"/>
      <c r="SIV20" s="8"/>
      <c r="SIW20" s="8"/>
      <c r="SIX20" s="8"/>
      <c r="SIY20" s="8"/>
      <c r="SIZ20" s="8"/>
      <c r="SJA20" s="8"/>
      <c r="SJB20" s="8"/>
      <c r="SJC20" s="8"/>
      <c r="SJD20" s="8"/>
      <c r="SJE20" s="8"/>
      <c r="SJF20" s="8"/>
      <c r="SJG20" s="8"/>
      <c r="SJH20" s="8"/>
      <c r="SJI20" s="8"/>
      <c r="SJJ20" s="8"/>
      <c r="SJK20" s="8"/>
      <c r="SJL20" s="8"/>
      <c r="SJM20" s="8"/>
      <c r="SJN20" s="8"/>
      <c r="SJO20" s="8"/>
      <c r="SJP20" s="8"/>
      <c r="SJQ20" s="8"/>
      <c r="SJR20" s="8"/>
      <c r="SJS20" s="8"/>
      <c r="SJT20" s="8"/>
      <c r="SJU20" s="8"/>
      <c r="SJV20" s="8"/>
      <c r="SJW20" s="8"/>
      <c r="SJX20" s="8"/>
      <c r="SJY20" s="8"/>
      <c r="SJZ20" s="8"/>
      <c r="SKA20" s="8"/>
      <c r="SKB20" s="8"/>
      <c r="SKC20" s="8"/>
      <c r="SKD20" s="8"/>
      <c r="SKE20" s="8"/>
      <c r="SKF20" s="8"/>
      <c r="SKG20" s="8"/>
      <c r="SKH20" s="8"/>
      <c r="SKI20" s="8"/>
      <c r="SKJ20" s="8"/>
      <c r="SKK20" s="8"/>
      <c r="SKL20" s="8"/>
      <c r="SKM20" s="8"/>
      <c r="SKN20" s="8"/>
      <c r="SKO20" s="8"/>
      <c r="SKP20" s="8"/>
      <c r="SKQ20" s="8"/>
      <c r="SKR20" s="8"/>
      <c r="SKS20" s="8"/>
      <c r="SKT20" s="8"/>
      <c r="SKU20" s="8"/>
      <c r="SKV20" s="8"/>
      <c r="SKW20" s="8"/>
      <c r="SKX20" s="8"/>
      <c r="SKY20" s="8"/>
      <c r="SKZ20" s="8"/>
      <c r="SLA20" s="8"/>
      <c r="SLB20" s="8"/>
      <c r="SLC20" s="8"/>
      <c r="SLD20" s="8"/>
      <c r="SLE20" s="8"/>
      <c r="SLF20" s="8"/>
      <c r="SLG20" s="8"/>
      <c r="SLH20" s="8"/>
      <c r="SLI20" s="8"/>
      <c r="SLJ20" s="8"/>
      <c r="SLK20" s="8"/>
      <c r="SLL20" s="8"/>
      <c r="SLM20" s="8"/>
      <c r="SLN20" s="8"/>
      <c r="SLO20" s="8"/>
      <c r="SLP20" s="8"/>
      <c r="SLQ20" s="8"/>
      <c r="SLR20" s="8"/>
      <c r="SLS20" s="8"/>
      <c r="SLT20" s="8"/>
      <c r="SLU20" s="8"/>
      <c r="SLV20" s="8"/>
      <c r="SLW20" s="8"/>
      <c r="SLX20" s="8"/>
      <c r="SLY20" s="8"/>
      <c r="SLZ20" s="8"/>
      <c r="SMA20" s="8"/>
      <c r="SMB20" s="8"/>
      <c r="SMC20" s="8"/>
      <c r="SMD20" s="8"/>
      <c r="SME20" s="8"/>
      <c r="SMF20" s="8"/>
      <c r="SMG20" s="8"/>
      <c r="SMH20" s="8"/>
      <c r="SMI20" s="8"/>
      <c r="SMJ20" s="8"/>
      <c r="SMK20" s="8"/>
      <c r="SML20" s="8"/>
      <c r="SMM20" s="8"/>
      <c r="SMN20" s="8"/>
      <c r="SMO20" s="8"/>
      <c r="SMP20" s="8"/>
      <c r="SMQ20" s="8"/>
      <c r="SMR20" s="8"/>
      <c r="SMS20" s="8"/>
      <c r="SMT20" s="8"/>
      <c r="SMU20" s="8"/>
      <c r="SMV20" s="8"/>
      <c r="SMW20" s="8"/>
      <c r="SMX20" s="8"/>
      <c r="SMY20" s="8"/>
      <c r="SMZ20" s="8"/>
      <c r="SNA20" s="8"/>
      <c r="SNB20" s="8"/>
      <c r="SNC20" s="8"/>
      <c r="SND20" s="8"/>
      <c r="SNE20" s="8"/>
      <c r="SNF20" s="8"/>
      <c r="SNG20" s="8"/>
      <c r="SNH20" s="8"/>
      <c r="SNI20" s="8"/>
      <c r="SNJ20" s="8"/>
      <c r="SNK20" s="8"/>
      <c r="SNL20" s="8"/>
      <c r="SNM20" s="8"/>
      <c r="SNN20" s="8"/>
      <c r="SNO20" s="8"/>
      <c r="SNP20" s="8"/>
      <c r="SNQ20" s="8"/>
      <c r="SNR20" s="8"/>
      <c r="SNS20" s="8"/>
      <c r="SNT20" s="8"/>
      <c r="SNU20" s="8"/>
      <c r="SNV20" s="8"/>
      <c r="SNW20" s="8"/>
      <c r="SNX20" s="8"/>
      <c r="SNY20" s="8"/>
      <c r="SNZ20" s="8"/>
      <c r="SOA20" s="8"/>
      <c r="SOB20" s="8"/>
      <c r="SOC20" s="8"/>
      <c r="SOD20" s="8"/>
      <c r="SOE20" s="8"/>
      <c r="SOF20" s="8"/>
      <c r="SOG20" s="8"/>
      <c r="SOH20" s="8"/>
      <c r="SOI20" s="8"/>
      <c r="SOJ20" s="8"/>
      <c r="SOK20" s="8"/>
      <c r="SOL20" s="8"/>
      <c r="SOM20" s="8"/>
      <c r="SON20" s="8"/>
      <c r="SOO20" s="8"/>
      <c r="SOP20" s="8"/>
      <c r="SOQ20" s="8"/>
      <c r="SOR20" s="8"/>
      <c r="SOS20" s="8"/>
      <c r="SOT20" s="8"/>
      <c r="SOU20" s="8"/>
      <c r="SOV20" s="8"/>
      <c r="SOW20" s="8"/>
      <c r="SOX20" s="8"/>
      <c r="SOY20" s="8"/>
      <c r="SOZ20" s="8"/>
      <c r="SPA20" s="8"/>
      <c r="SPB20" s="8"/>
      <c r="SPC20" s="8"/>
      <c r="SPD20" s="8"/>
      <c r="SPE20" s="8"/>
      <c r="SPF20" s="8"/>
      <c r="SPG20" s="8"/>
      <c r="SPH20" s="8"/>
      <c r="SPI20" s="8"/>
      <c r="SPJ20" s="8"/>
      <c r="SPK20" s="8"/>
      <c r="SPL20" s="8"/>
      <c r="SPM20" s="8"/>
      <c r="SPN20" s="8"/>
      <c r="SPO20" s="8"/>
      <c r="SPP20" s="8"/>
      <c r="SPQ20" s="8"/>
      <c r="SPR20" s="8"/>
      <c r="SPS20" s="8"/>
      <c r="SPT20" s="8"/>
      <c r="SPU20" s="8"/>
      <c r="SPV20" s="8"/>
      <c r="SPW20" s="8"/>
      <c r="SPX20" s="8"/>
      <c r="SPY20" s="8"/>
      <c r="SPZ20" s="8"/>
      <c r="SQA20" s="8"/>
      <c r="SQB20" s="8"/>
      <c r="SQC20" s="8"/>
      <c r="SQD20" s="8"/>
      <c r="SQE20" s="8"/>
      <c r="SQF20" s="8"/>
      <c r="SQG20" s="8"/>
      <c r="SQH20" s="8"/>
      <c r="SQI20" s="8"/>
      <c r="SQJ20" s="8"/>
      <c r="SQK20" s="8"/>
      <c r="SQL20" s="8"/>
      <c r="SQM20" s="8"/>
      <c r="SQN20" s="8"/>
      <c r="SQO20" s="8"/>
      <c r="SQP20" s="8"/>
      <c r="SQQ20" s="8"/>
      <c r="SQR20" s="8"/>
      <c r="SQS20" s="8"/>
      <c r="SQT20" s="8"/>
      <c r="SQU20" s="8"/>
      <c r="SQV20" s="8"/>
      <c r="SQW20" s="8"/>
      <c r="SQX20" s="8"/>
      <c r="SQY20" s="8"/>
      <c r="SQZ20" s="8"/>
      <c r="SRA20" s="8"/>
      <c r="SRB20" s="8"/>
      <c r="SRC20" s="8"/>
      <c r="SRD20" s="8"/>
      <c r="SRE20" s="8"/>
      <c r="SRF20" s="8"/>
      <c r="SRG20" s="8"/>
      <c r="SRH20" s="8"/>
      <c r="SRI20" s="8"/>
      <c r="SRJ20" s="8"/>
      <c r="SRK20" s="8"/>
      <c r="SRL20" s="8"/>
      <c r="SRM20" s="8"/>
      <c r="SRN20" s="8"/>
      <c r="SRO20" s="8"/>
      <c r="SRP20" s="8"/>
      <c r="SRQ20" s="8"/>
      <c r="SRR20" s="8"/>
      <c r="SRS20" s="8"/>
      <c r="SRT20" s="8"/>
      <c r="SRU20" s="8"/>
      <c r="SRV20" s="8"/>
      <c r="SRW20" s="8"/>
      <c r="SRX20" s="8"/>
      <c r="SRY20" s="8"/>
      <c r="SRZ20" s="8"/>
      <c r="SSA20" s="8"/>
      <c r="SSB20" s="8"/>
      <c r="SSC20" s="8"/>
      <c r="SSD20" s="8"/>
      <c r="SSE20" s="8"/>
      <c r="SSF20" s="8"/>
      <c r="SSG20" s="8"/>
      <c r="SSH20" s="8"/>
      <c r="SSI20" s="8"/>
      <c r="SSJ20" s="8"/>
      <c r="SSK20" s="8"/>
      <c r="SSL20" s="8"/>
      <c r="SSM20" s="8"/>
      <c r="SSN20" s="8"/>
      <c r="SSO20" s="8"/>
      <c r="SSP20" s="8"/>
      <c r="SSQ20" s="8"/>
      <c r="SSR20" s="8"/>
      <c r="SSS20" s="8"/>
      <c r="SST20" s="8"/>
      <c r="SSU20" s="8"/>
      <c r="SSV20" s="8"/>
      <c r="SSW20" s="8"/>
      <c r="SSX20" s="8"/>
      <c r="SSY20" s="8"/>
      <c r="SSZ20" s="8"/>
      <c r="STA20" s="8"/>
      <c r="STB20" s="8"/>
      <c r="STC20" s="8"/>
      <c r="STD20" s="8"/>
      <c r="STE20" s="8"/>
      <c r="STF20" s="8"/>
      <c r="STG20" s="8"/>
      <c r="STH20" s="8"/>
      <c r="STI20" s="8"/>
      <c r="STJ20" s="8"/>
      <c r="STK20" s="8"/>
      <c r="STL20" s="8"/>
      <c r="STM20" s="8"/>
      <c r="STN20" s="8"/>
      <c r="STO20" s="8"/>
      <c r="STP20" s="8"/>
      <c r="STQ20" s="8"/>
      <c r="STR20" s="8"/>
      <c r="STS20" s="8"/>
      <c r="STT20" s="8"/>
      <c r="STU20" s="8"/>
      <c r="STV20" s="8"/>
      <c r="STW20" s="8"/>
      <c r="STX20" s="8"/>
      <c r="STY20" s="8"/>
      <c r="STZ20" s="8"/>
      <c r="SUA20" s="8"/>
      <c r="SUB20" s="8"/>
      <c r="SUC20" s="8"/>
      <c r="SUD20" s="8"/>
      <c r="SUE20" s="8"/>
      <c r="SUF20" s="8"/>
      <c r="SUG20" s="8"/>
      <c r="SUH20" s="8"/>
      <c r="SUI20" s="8"/>
      <c r="SUJ20" s="8"/>
      <c r="SUK20" s="8"/>
      <c r="SUL20" s="8"/>
      <c r="SUM20" s="8"/>
      <c r="SUN20" s="8"/>
      <c r="SUO20" s="8"/>
      <c r="SUP20" s="8"/>
      <c r="SUQ20" s="8"/>
      <c r="SUR20" s="8"/>
      <c r="SUS20" s="8"/>
      <c r="SUT20" s="8"/>
      <c r="SUU20" s="8"/>
      <c r="SUV20" s="8"/>
      <c r="SUW20" s="8"/>
      <c r="SUX20" s="8"/>
      <c r="SUY20" s="8"/>
      <c r="SUZ20" s="8"/>
      <c r="SVA20" s="8"/>
      <c r="SVB20" s="8"/>
      <c r="SVC20" s="8"/>
      <c r="SVD20" s="8"/>
      <c r="SVE20" s="8"/>
      <c r="SVF20" s="8"/>
      <c r="SVG20" s="8"/>
      <c r="SVH20" s="8"/>
      <c r="SVI20" s="8"/>
      <c r="SVJ20" s="8"/>
      <c r="SVK20" s="8"/>
      <c r="SVL20" s="8"/>
      <c r="SVM20" s="8"/>
      <c r="SVN20" s="8"/>
      <c r="SVO20" s="8"/>
      <c r="SVP20" s="8"/>
      <c r="SVQ20" s="8"/>
      <c r="SVR20" s="8"/>
      <c r="SVS20" s="8"/>
      <c r="SVT20" s="8"/>
      <c r="SVU20" s="8"/>
      <c r="SVV20" s="8"/>
      <c r="SVW20" s="8"/>
      <c r="SVX20" s="8"/>
      <c r="SVY20" s="8"/>
      <c r="SVZ20" s="8"/>
      <c r="SWA20" s="8"/>
      <c r="SWB20" s="8"/>
      <c r="SWC20" s="8"/>
      <c r="SWD20" s="8"/>
      <c r="SWE20" s="8"/>
      <c r="SWF20" s="8"/>
      <c r="SWG20" s="8"/>
      <c r="SWH20" s="8"/>
      <c r="SWI20" s="8"/>
      <c r="SWJ20" s="8"/>
      <c r="SWK20" s="8"/>
      <c r="SWL20" s="8"/>
      <c r="SWM20" s="8"/>
      <c r="SWN20" s="8"/>
      <c r="SWO20" s="8"/>
      <c r="SWP20" s="8"/>
      <c r="SWQ20" s="8"/>
      <c r="SWR20" s="8"/>
      <c r="SWS20" s="8"/>
      <c r="SWT20" s="8"/>
      <c r="SWU20" s="8"/>
      <c r="SWV20" s="8"/>
      <c r="SWW20" s="8"/>
      <c r="SWX20" s="8"/>
      <c r="SWY20" s="8"/>
      <c r="SWZ20" s="8"/>
      <c r="SXA20" s="8"/>
      <c r="SXB20" s="8"/>
      <c r="SXC20" s="8"/>
      <c r="SXD20" s="8"/>
      <c r="SXE20" s="8"/>
      <c r="SXF20" s="8"/>
      <c r="SXG20" s="8"/>
      <c r="SXH20" s="8"/>
      <c r="SXI20" s="8"/>
      <c r="SXJ20" s="8"/>
      <c r="SXK20" s="8"/>
      <c r="SXL20" s="8"/>
      <c r="SXM20" s="8"/>
      <c r="SXN20" s="8"/>
      <c r="SXO20" s="8"/>
      <c r="SXP20" s="8"/>
      <c r="SXQ20" s="8"/>
      <c r="SXR20" s="8"/>
      <c r="SXS20" s="8"/>
      <c r="SXT20" s="8"/>
      <c r="SXU20" s="8"/>
      <c r="SXV20" s="8"/>
      <c r="SXW20" s="8"/>
      <c r="SXX20" s="8"/>
      <c r="SXY20" s="8"/>
      <c r="SXZ20" s="8"/>
      <c r="SYA20" s="8"/>
      <c r="SYB20" s="8"/>
      <c r="SYC20" s="8"/>
      <c r="SYD20" s="8"/>
      <c r="SYE20" s="8"/>
      <c r="SYF20" s="8"/>
      <c r="SYG20" s="8"/>
      <c r="SYH20" s="8"/>
      <c r="SYI20" s="8"/>
      <c r="SYJ20" s="8"/>
      <c r="SYK20" s="8"/>
      <c r="SYL20" s="8"/>
      <c r="SYM20" s="8"/>
      <c r="SYN20" s="8"/>
      <c r="SYO20" s="8"/>
      <c r="SYP20" s="8"/>
      <c r="SYQ20" s="8"/>
      <c r="SYR20" s="8"/>
      <c r="SYS20" s="8"/>
      <c r="SYT20" s="8"/>
      <c r="SYU20" s="8"/>
      <c r="SYV20" s="8"/>
      <c r="SYW20" s="8"/>
      <c r="SYX20" s="8"/>
      <c r="SYY20" s="8"/>
      <c r="SYZ20" s="8"/>
      <c r="SZA20" s="8"/>
      <c r="SZB20" s="8"/>
      <c r="SZC20" s="8"/>
      <c r="SZD20" s="8"/>
      <c r="SZE20" s="8"/>
      <c r="SZF20" s="8"/>
      <c r="SZG20" s="8"/>
      <c r="SZH20" s="8"/>
      <c r="SZI20" s="8"/>
      <c r="SZJ20" s="8"/>
      <c r="SZK20" s="8"/>
      <c r="SZL20" s="8"/>
      <c r="SZM20" s="8"/>
      <c r="SZN20" s="8"/>
      <c r="SZO20" s="8"/>
      <c r="SZP20" s="8"/>
      <c r="SZQ20" s="8"/>
      <c r="SZR20" s="8"/>
      <c r="SZS20" s="8"/>
      <c r="SZT20" s="8"/>
      <c r="SZU20" s="8"/>
      <c r="SZV20" s="8"/>
      <c r="SZW20" s="8"/>
      <c r="SZX20" s="8"/>
      <c r="SZY20" s="8"/>
      <c r="SZZ20" s="8"/>
      <c r="TAA20" s="8"/>
      <c r="TAB20" s="8"/>
      <c r="TAC20" s="8"/>
      <c r="TAD20" s="8"/>
      <c r="TAE20" s="8"/>
      <c r="TAF20" s="8"/>
      <c r="TAG20" s="8"/>
      <c r="TAH20" s="8"/>
      <c r="TAI20" s="8"/>
      <c r="TAJ20" s="8"/>
      <c r="TAK20" s="8"/>
      <c r="TAL20" s="8"/>
      <c r="TAM20" s="8"/>
      <c r="TAN20" s="8"/>
      <c r="TAO20" s="8"/>
      <c r="TAP20" s="8"/>
      <c r="TAQ20" s="8"/>
      <c r="TAR20" s="8"/>
      <c r="TAS20" s="8"/>
      <c r="TAT20" s="8"/>
      <c r="TAU20" s="8"/>
      <c r="TAV20" s="8"/>
      <c r="TAW20" s="8"/>
      <c r="TAX20" s="8"/>
      <c r="TAY20" s="8"/>
      <c r="TAZ20" s="8"/>
      <c r="TBA20" s="8"/>
      <c r="TBB20" s="8"/>
      <c r="TBC20" s="8"/>
      <c r="TBD20" s="8"/>
      <c r="TBE20" s="8"/>
      <c r="TBF20" s="8"/>
      <c r="TBG20" s="8"/>
      <c r="TBH20" s="8"/>
      <c r="TBI20" s="8"/>
      <c r="TBJ20" s="8"/>
      <c r="TBK20" s="8"/>
      <c r="TBL20" s="8"/>
      <c r="TBM20" s="8"/>
      <c r="TBN20" s="8"/>
      <c r="TBO20" s="8"/>
      <c r="TBP20" s="8"/>
      <c r="TBQ20" s="8"/>
      <c r="TBR20" s="8"/>
      <c r="TBS20" s="8"/>
      <c r="TBT20" s="8"/>
      <c r="TBU20" s="8"/>
      <c r="TBV20" s="8"/>
      <c r="TBW20" s="8"/>
      <c r="TBX20" s="8"/>
      <c r="TBY20" s="8"/>
      <c r="TBZ20" s="8"/>
      <c r="TCA20" s="8"/>
      <c r="TCB20" s="8"/>
      <c r="TCC20" s="8"/>
      <c r="TCD20" s="8"/>
      <c r="TCE20" s="8"/>
      <c r="TCF20" s="8"/>
      <c r="TCG20" s="8"/>
      <c r="TCH20" s="8"/>
      <c r="TCI20" s="8"/>
      <c r="TCJ20" s="8"/>
      <c r="TCK20" s="8"/>
      <c r="TCL20" s="8"/>
      <c r="TCM20" s="8"/>
      <c r="TCN20" s="8"/>
      <c r="TCO20" s="8"/>
      <c r="TCP20" s="8"/>
      <c r="TCQ20" s="8"/>
      <c r="TCR20" s="8"/>
      <c r="TCS20" s="8"/>
      <c r="TCT20" s="8"/>
      <c r="TCU20" s="8"/>
      <c r="TCV20" s="8"/>
      <c r="TCW20" s="8"/>
      <c r="TCX20" s="8"/>
      <c r="TCY20" s="8"/>
      <c r="TCZ20" s="8"/>
      <c r="TDA20" s="8"/>
      <c r="TDB20" s="8"/>
      <c r="TDC20" s="8"/>
      <c r="TDD20" s="8"/>
      <c r="TDE20" s="8"/>
      <c r="TDF20" s="8"/>
      <c r="TDG20" s="8"/>
      <c r="TDH20" s="8"/>
      <c r="TDI20" s="8"/>
      <c r="TDJ20" s="8"/>
      <c r="TDK20" s="8"/>
      <c r="TDL20" s="8"/>
      <c r="TDM20" s="8"/>
      <c r="TDN20" s="8"/>
      <c r="TDO20" s="8"/>
      <c r="TDP20" s="8"/>
      <c r="TDQ20" s="8"/>
      <c r="TDR20" s="8"/>
      <c r="TDS20" s="8"/>
      <c r="TDT20" s="8"/>
      <c r="TDU20" s="8"/>
      <c r="TDV20" s="8"/>
      <c r="TDW20" s="8"/>
      <c r="TDX20" s="8"/>
      <c r="TDY20" s="8"/>
      <c r="TDZ20" s="8"/>
      <c r="TEA20" s="8"/>
      <c r="TEB20" s="8"/>
      <c r="TEC20" s="8"/>
      <c r="TED20" s="8"/>
      <c r="TEE20" s="8"/>
      <c r="TEF20" s="8"/>
      <c r="TEG20" s="8"/>
      <c r="TEH20" s="8"/>
      <c r="TEI20" s="8"/>
      <c r="TEJ20" s="8"/>
      <c r="TEK20" s="8"/>
      <c r="TEL20" s="8"/>
      <c r="TEM20" s="8"/>
      <c r="TEN20" s="8"/>
      <c r="TEO20" s="8"/>
      <c r="TEP20" s="8"/>
      <c r="TEQ20" s="8"/>
      <c r="TER20" s="8"/>
      <c r="TES20" s="8"/>
      <c r="TET20" s="8"/>
      <c r="TEU20" s="8"/>
      <c r="TEV20" s="8"/>
      <c r="TEW20" s="8"/>
      <c r="TEX20" s="8"/>
      <c r="TEY20" s="8"/>
      <c r="TEZ20" s="8"/>
      <c r="TFA20" s="8"/>
      <c r="TFB20" s="8"/>
      <c r="TFC20" s="8"/>
      <c r="TFD20" s="8"/>
      <c r="TFE20" s="8"/>
      <c r="TFF20" s="8"/>
      <c r="TFG20" s="8"/>
      <c r="TFH20" s="8"/>
      <c r="TFI20" s="8"/>
      <c r="TFJ20" s="8"/>
      <c r="TFK20" s="8"/>
      <c r="TFL20" s="8"/>
      <c r="TFM20" s="8"/>
      <c r="TFN20" s="8"/>
      <c r="TFO20" s="8"/>
      <c r="TFP20" s="8"/>
      <c r="TFQ20" s="8"/>
      <c r="TFR20" s="8"/>
      <c r="TFS20" s="8"/>
      <c r="TFT20" s="8"/>
      <c r="TFU20" s="8"/>
      <c r="TFV20" s="8"/>
      <c r="TFW20" s="8"/>
      <c r="TFX20" s="8"/>
      <c r="TFY20" s="8"/>
      <c r="TFZ20" s="8"/>
      <c r="TGA20" s="8"/>
      <c r="TGB20" s="8"/>
      <c r="TGC20" s="8"/>
      <c r="TGD20" s="8"/>
      <c r="TGE20" s="8"/>
      <c r="TGF20" s="8"/>
      <c r="TGG20" s="8"/>
      <c r="TGH20" s="8"/>
      <c r="TGI20" s="8"/>
      <c r="TGJ20" s="8"/>
      <c r="TGK20" s="8"/>
      <c r="TGL20" s="8"/>
      <c r="TGM20" s="8"/>
      <c r="TGN20" s="8"/>
      <c r="TGO20" s="8"/>
      <c r="TGP20" s="8"/>
      <c r="TGQ20" s="8"/>
      <c r="TGR20" s="8"/>
      <c r="TGS20" s="8"/>
      <c r="TGT20" s="8"/>
      <c r="TGU20" s="8"/>
      <c r="TGV20" s="8"/>
      <c r="TGW20" s="8"/>
      <c r="TGX20" s="8"/>
      <c r="TGY20" s="8"/>
      <c r="TGZ20" s="8"/>
      <c r="THA20" s="8"/>
      <c r="THB20" s="8"/>
      <c r="THC20" s="8"/>
      <c r="THD20" s="8"/>
      <c r="THE20" s="8"/>
      <c r="THF20" s="8"/>
      <c r="THG20" s="8"/>
      <c r="THH20" s="8"/>
      <c r="THI20" s="8"/>
      <c r="THJ20" s="8"/>
      <c r="THK20" s="8"/>
      <c r="THL20" s="8"/>
      <c r="THM20" s="8"/>
      <c r="THN20" s="8"/>
      <c r="THO20" s="8"/>
      <c r="THP20" s="8"/>
      <c r="THQ20" s="8"/>
      <c r="THR20" s="8"/>
      <c r="THS20" s="8"/>
      <c r="THT20" s="8"/>
      <c r="THU20" s="8"/>
      <c r="THV20" s="8"/>
      <c r="THW20" s="8"/>
      <c r="THX20" s="8"/>
      <c r="THY20" s="8"/>
      <c r="THZ20" s="8"/>
      <c r="TIA20" s="8"/>
      <c r="TIB20" s="8"/>
      <c r="TIC20" s="8"/>
      <c r="TID20" s="8"/>
      <c r="TIE20" s="8"/>
      <c r="TIF20" s="8"/>
      <c r="TIG20" s="8"/>
      <c r="TIH20" s="8"/>
      <c r="TII20" s="8"/>
      <c r="TIJ20" s="8"/>
      <c r="TIK20" s="8"/>
      <c r="TIL20" s="8"/>
      <c r="TIM20" s="8"/>
      <c r="TIN20" s="8"/>
      <c r="TIO20" s="8"/>
      <c r="TIP20" s="8"/>
      <c r="TIQ20" s="8"/>
      <c r="TIR20" s="8"/>
      <c r="TIS20" s="8"/>
      <c r="TIT20" s="8"/>
      <c r="TIU20" s="8"/>
      <c r="TIV20" s="8"/>
      <c r="TIW20" s="8"/>
      <c r="TIX20" s="8"/>
      <c r="TIY20" s="8"/>
      <c r="TIZ20" s="8"/>
      <c r="TJA20" s="8"/>
      <c r="TJB20" s="8"/>
      <c r="TJC20" s="8"/>
      <c r="TJD20" s="8"/>
      <c r="TJE20" s="8"/>
      <c r="TJF20" s="8"/>
      <c r="TJG20" s="8"/>
      <c r="TJH20" s="8"/>
      <c r="TJI20" s="8"/>
      <c r="TJJ20" s="8"/>
      <c r="TJK20" s="8"/>
      <c r="TJL20" s="8"/>
      <c r="TJM20" s="8"/>
      <c r="TJN20" s="8"/>
      <c r="TJO20" s="8"/>
      <c r="TJP20" s="8"/>
      <c r="TJQ20" s="8"/>
      <c r="TJR20" s="8"/>
      <c r="TJS20" s="8"/>
      <c r="TJT20" s="8"/>
      <c r="TJU20" s="8"/>
      <c r="TJV20" s="8"/>
      <c r="TJW20" s="8"/>
      <c r="TJX20" s="8"/>
      <c r="TJY20" s="8"/>
      <c r="TJZ20" s="8"/>
      <c r="TKA20" s="8"/>
      <c r="TKB20" s="8"/>
      <c r="TKC20" s="8"/>
      <c r="TKD20" s="8"/>
      <c r="TKE20" s="8"/>
      <c r="TKF20" s="8"/>
      <c r="TKG20" s="8"/>
      <c r="TKH20" s="8"/>
      <c r="TKI20" s="8"/>
      <c r="TKJ20" s="8"/>
      <c r="TKK20" s="8"/>
      <c r="TKL20" s="8"/>
      <c r="TKM20" s="8"/>
      <c r="TKN20" s="8"/>
      <c r="TKO20" s="8"/>
      <c r="TKP20" s="8"/>
      <c r="TKQ20" s="8"/>
      <c r="TKR20" s="8"/>
      <c r="TKS20" s="8"/>
      <c r="TKT20" s="8"/>
      <c r="TKU20" s="8"/>
      <c r="TKV20" s="8"/>
      <c r="TKW20" s="8"/>
      <c r="TKX20" s="8"/>
      <c r="TKY20" s="8"/>
      <c r="TKZ20" s="8"/>
      <c r="TLA20" s="8"/>
      <c r="TLB20" s="8"/>
      <c r="TLC20" s="8"/>
      <c r="TLD20" s="8"/>
      <c r="TLE20" s="8"/>
      <c r="TLF20" s="8"/>
      <c r="TLG20" s="8"/>
      <c r="TLH20" s="8"/>
      <c r="TLI20" s="8"/>
      <c r="TLJ20" s="8"/>
      <c r="TLK20" s="8"/>
      <c r="TLL20" s="8"/>
      <c r="TLM20" s="8"/>
      <c r="TLN20" s="8"/>
      <c r="TLO20" s="8"/>
      <c r="TLP20" s="8"/>
      <c r="TLQ20" s="8"/>
      <c r="TLR20" s="8"/>
      <c r="TLS20" s="8"/>
      <c r="TLT20" s="8"/>
      <c r="TLU20" s="8"/>
      <c r="TLV20" s="8"/>
      <c r="TLW20" s="8"/>
      <c r="TLX20" s="8"/>
      <c r="TLY20" s="8"/>
      <c r="TLZ20" s="8"/>
      <c r="TMA20" s="8"/>
      <c r="TMB20" s="8"/>
      <c r="TMC20" s="8"/>
      <c r="TMD20" s="8"/>
      <c r="TME20" s="8"/>
      <c r="TMF20" s="8"/>
      <c r="TMG20" s="8"/>
      <c r="TMH20" s="8"/>
      <c r="TMI20" s="8"/>
      <c r="TMJ20" s="8"/>
      <c r="TMK20" s="8"/>
      <c r="TML20" s="8"/>
      <c r="TMM20" s="8"/>
      <c r="TMN20" s="8"/>
      <c r="TMO20" s="8"/>
      <c r="TMP20" s="8"/>
      <c r="TMQ20" s="8"/>
      <c r="TMR20" s="8"/>
      <c r="TMS20" s="8"/>
      <c r="TMT20" s="8"/>
      <c r="TMU20" s="8"/>
      <c r="TMV20" s="8"/>
      <c r="TMW20" s="8"/>
      <c r="TMX20" s="8"/>
      <c r="TMY20" s="8"/>
      <c r="TMZ20" s="8"/>
      <c r="TNA20" s="8"/>
      <c r="TNB20" s="8"/>
      <c r="TNC20" s="8"/>
      <c r="TND20" s="8"/>
      <c r="TNE20" s="8"/>
      <c r="TNF20" s="8"/>
      <c r="TNG20" s="8"/>
      <c r="TNH20" s="8"/>
      <c r="TNI20" s="8"/>
      <c r="TNJ20" s="8"/>
      <c r="TNK20" s="8"/>
      <c r="TNL20" s="8"/>
      <c r="TNM20" s="8"/>
      <c r="TNN20" s="8"/>
      <c r="TNO20" s="8"/>
      <c r="TNP20" s="8"/>
      <c r="TNQ20" s="8"/>
      <c r="TNR20" s="8"/>
      <c r="TNS20" s="8"/>
      <c r="TNT20" s="8"/>
      <c r="TNU20" s="8"/>
      <c r="TNV20" s="8"/>
      <c r="TNW20" s="8"/>
      <c r="TNX20" s="8"/>
      <c r="TNY20" s="8"/>
      <c r="TNZ20" s="8"/>
      <c r="TOA20" s="8"/>
      <c r="TOB20" s="8"/>
      <c r="TOC20" s="8"/>
      <c r="TOD20" s="8"/>
      <c r="TOE20" s="8"/>
      <c r="TOF20" s="8"/>
      <c r="TOG20" s="8"/>
      <c r="TOH20" s="8"/>
      <c r="TOI20" s="8"/>
      <c r="TOJ20" s="8"/>
      <c r="TOK20" s="8"/>
      <c r="TOL20" s="8"/>
      <c r="TOM20" s="8"/>
      <c r="TON20" s="8"/>
      <c r="TOO20" s="8"/>
      <c r="TOP20" s="8"/>
      <c r="TOQ20" s="8"/>
      <c r="TOR20" s="8"/>
      <c r="TOS20" s="8"/>
      <c r="TOT20" s="8"/>
      <c r="TOU20" s="8"/>
      <c r="TOV20" s="8"/>
      <c r="TOW20" s="8"/>
      <c r="TOX20" s="8"/>
      <c r="TOY20" s="8"/>
      <c r="TOZ20" s="8"/>
      <c r="TPA20" s="8"/>
      <c r="TPB20" s="8"/>
      <c r="TPC20" s="8"/>
      <c r="TPD20" s="8"/>
      <c r="TPE20" s="8"/>
      <c r="TPF20" s="8"/>
      <c r="TPG20" s="8"/>
      <c r="TPH20" s="8"/>
      <c r="TPI20" s="8"/>
      <c r="TPJ20" s="8"/>
      <c r="TPK20" s="8"/>
      <c r="TPL20" s="8"/>
      <c r="TPM20" s="8"/>
      <c r="TPN20" s="8"/>
      <c r="TPO20" s="8"/>
      <c r="TPP20" s="8"/>
      <c r="TPQ20" s="8"/>
      <c r="TPR20" s="8"/>
      <c r="TPS20" s="8"/>
      <c r="TPT20" s="8"/>
      <c r="TPU20" s="8"/>
      <c r="TPV20" s="8"/>
      <c r="TPW20" s="8"/>
      <c r="TPX20" s="8"/>
      <c r="TPY20" s="8"/>
      <c r="TPZ20" s="8"/>
      <c r="TQA20" s="8"/>
      <c r="TQB20" s="8"/>
      <c r="TQC20" s="8"/>
      <c r="TQD20" s="8"/>
      <c r="TQE20" s="8"/>
      <c r="TQF20" s="8"/>
      <c r="TQG20" s="8"/>
      <c r="TQH20" s="8"/>
      <c r="TQI20" s="8"/>
      <c r="TQJ20" s="8"/>
      <c r="TQK20" s="8"/>
      <c r="TQL20" s="8"/>
      <c r="TQM20" s="8"/>
      <c r="TQN20" s="8"/>
      <c r="TQO20" s="8"/>
      <c r="TQP20" s="8"/>
      <c r="TQQ20" s="8"/>
      <c r="TQR20" s="8"/>
      <c r="TQS20" s="8"/>
      <c r="TQT20" s="8"/>
      <c r="TQU20" s="8"/>
      <c r="TQV20" s="8"/>
      <c r="TQW20" s="8"/>
      <c r="TQX20" s="8"/>
      <c r="TQY20" s="8"/>
      <c r="TQZ20" s="8"/>
      <c r="TRA20" s="8"/>
      <c r="TRB20" s="8"/>
      <c r="TRC20" s="8"/>
      <c r="TRD20" s="8"/>
      <c r="TRE20" s="8"/>
      <c r="TRF20" s="8"/>
      <c r="TRG20" s="8"/>
      <c r="TRH20" s="8"/>
      <c r="TRI20" s="8"/>
      <c r="TRJ20" s="8"/>
      <c r="TRK20" s="8"/>
      <c r="TRL20" s="8"/>
      <c r="TRM20" s="8"/>
      <c r="TRN20" s="8"/>
      <c r="TRO20" s="8"/>
      <c r="TRP20" s="8"/>
      <c r="TRQ20" s="8"/>
      <c r="TRR20" s="8"/>
      <c r="TRS20" s="8"/>
      <c r="TRT20" s="8"/>
      <c r="TRU20" s="8"/>
      <c r="TRV20" s="8"/>
      <c r="TRW20" s="8"/>
      <c r="TRX20" s="8"/>
      <c r="TRY20" s="8"/>
      <c r="TRZ20" s="8"/>
      <c r="TSA20" s="8"/>
      <c r="TSB20" s="8"/>
      <c r="TSC20" s="8"/>
      <c r="TSD20" s="8"/>
      <c r="TSE20" s="8"/>
      <c r="TSF20" s="8"/>
      <c r="TSG20" s="8"/>
      <c r="TSH20" s="8"/>
      <c r="TSI20" s="8"/>
      <c r="TSJ20" s="8"/>
      <c r="TSK20" s="8"/>
      <c r="TSL20" s="8"/>
      <c r="TSM20" s="8"/>
      <c r="TSN20" s="8"/>
      <c r="TSO20" s="8"/>
      <c r="TSP20" s="8"/>
      <c r="TSQ20" s="8"/>
      <c r="TSR20" s="8"/>
      <c r="TSS20" s="8"/>
      <c r="TST20" s="8"/>
      <c r="TSU20" s="8"/>
      <c r="TSV20" s="8"/>
      <c r="TSW20" s="8"/>
      <c r="TSX20" s="8"/>
      <c r="TSY20" s="8"/>
      <c r="TSZ20" s="8"/>
      <c r="TTA20" s="8"/>
      <c r="TTB20" s="8"/>
      <c r="TTC20" s="8"/>
      <c r="TTD20" s="8"/>
      <c r="TTE20" s="8"/>
      <c r="TTF20" s="8"/>
      <c r="TTG20" s="8"/>
      <c r="TTH20" s="8"/>
      <c r="TTI20" s="8"/>
      <c r="TTJ20" s="8"/>
      <c r="TTK20" s="8"/>
      <c r="TTL20" s="8"/>
      <c r="TTM20" s="8"/>
      <c r="TTN20" s="8"/>
      <c r="TTO20" s="8"/>
      <c r="TTP20" s="8"/>
      <c r="TTQ20" s="8"/>
      <c r="TTR20" s="8"/>
      <c r="TTS20" s="8"/>
      <c r="TTT20" s="8"/>
      <c r="TTU20" s="8"/>
      <c r="TTV20" s="8"/>
      <c r="TTW20" s="8"/>
      <c r="TTX20" s="8"/>
      <c r="TTY20" s="8"/>
      <c r="TTZ20" s="8"/>
      <c r="TUA20" s="8"/>
      <c r="TUB20" s="8"/>
      <c r="TUC20" s="8"/>
      <c r="TUD20" s="8"/>
      <c r="TUE20" s="8"/>
      <c r="TUF20" s="8"/>
      <c r="TUG20" s="8"/>
      <c r="TUH20" s="8"/>
      <c r="TUI20" s="8"/>
      <c r="TUJ20" s="8"/>
      <c r="TUK20" s="8"/>
      <c r="TUL20" s="8"/>
      <c r="TUM20" s="8"/>
      <c r="TUN20" s="8"/>
      <c r="TUO20" s="8"/>
      <c r="TUP20" s="8"/>
      <c r="TUQ20" s="8"/>
      <c r="TUR20" s="8"/>
      <c r="TUS20" s="8"/>
      <c r="TUT20" s="8"/>
      <c r="TUU20" s="8"/>
      <c r="TUV20" s="8"/>
      <c r="TUW20" s="8"/>
      <c r="TUX20" s="8"/>
      <c r="TUY20" s="8"/>
      <c r="TUZ20" s="8"/>
      <c r="TVA20" s="8"/>
      <c r="TVB20" s="8"/>
      <c r="TVC20" s="8"/>
      <c r="TVD20" s="8"/>
      <c r="TVE20" s="8"/>
      <c r="TVF20" s="8"/>
      <c r="TVG20" s="8"/>
      <c r="TVH20" s="8"/>
      <c r="TVI20" s="8"/>
      <c r="TVJ20" s="8"/>
      <c r="TVK20" s="8"/>
      <c r="TVL20" s="8"/>
      <c r="TVM20" s="8"/>
      <c r="TVN20" s="8"/>
      <c r="TVO20" s="8"/>
      <c r="TVP20" s="8"/>
      <c r="TVQ20" s="8"/>
      <c r="TVR20" s="8"/>
      <c r="TVS20" s="8"/>
      <c r="TVT20" s="8"/>
      <c r="TVU20" s="8"/>
      <c r="TVV20" s="8"/>
      <c r="TVW20" s="8"/>
      <c r="TVX20" s="8"/>
      <c r="TVY20" s="8"/>
      <c r="TVZ20" s="8"/>
      <c r="TWA20" s="8"/>
      <c r="TWB20" s="8"/>
      <c r="TWC20" s="8"/>
      <c r="TWD20" s="8"/>
      <c r="TWE20" s="8"/>
      <c r="TWF20" s="8"/>
      <c r="TWG20" s="8"/>
      <c r="TWH20" s="8"/>
      <c r="TWI20" s="8"/>
      <c r="TWJ20" s="8"/>
      <c r="TWK20" s="8"/>
      <c r="TWL20" s="8"/>
      <c r="TWM20" s="8"/>
      <c r="TWN20" s="8"/>
      <c r="TWO20" s="8"/>
      <c r="TWP20" s="8"/>
      <c r="TWQ20" s="8"/>
      <c r="TWR20" s="8"/>
      <c r="TWS20" s="8"/>
      <c r="TWT20" s="8"/>
      <c r="TWU20" s="8"/>
      <c r="TWV20" s="8"/>
      <c r="TWW20" s="8"/>
      <c r="TWX20" s="8"/>
      <c r="TWY20" s="8"/>
      <c r="TWZ20" s="8"/>
      <c r="TXA20" s="8"/>
      <c r="TXB20" s="8"/>
      <c r="TXC20" s="8"/>
      <c r="TXD20" s="8"/>
      <c r="TXE20" s="8"/>
      <c r="TXF20" s="8"/>
      <c r="TXG20" s="8"/>
      <c r="TXH20" s="8"/>
      <c r="TXI20" s="8"/>
      <c r="TXJ20" s="8"/>
      <c r="TXK20" s="8"/>
      <c r="TXL20" s="8"/>
      <c r="TXM20" s="8"/>
      <c r="TXN20" s="8"/>
      <c r="TXO20" s="8"/>
      <c r="TXP20" s="8"/>
      <c r="TXQ20" s="8"/>
      <c r="TXR20" s="8"/>
      <c r="TXS20" s="8"/>
      <c r="TXT20" s="8"/>
      <c r="TXU20" s="8"/>
      <c r="TXV20" s="8"/>
      <c r="TXW20" s="8"/>
      <c r="TXX20" s="8"/>
      <c r="TXY20" s="8"/>
      <c r="TXZ20" s="8"/>
      <c r="TYA20" s="8"/>
      <c r="TYB20" s="8"/>
      <c r="TYC20" s="8"/>
      <c r="TYD20" s="8"/>
      <c r="TYE20" s="8"/>
      <c r="TYF20" s="8"/>
      <c r="TYG20" s="8"/>
      <c r="TYH20" s="8"/>
      <c r="TYI20" s="8"/>
      <c r="TYJ20" s="8"/>
      <c r="TYK20" s="8"/>
      <c r="TYL20" s="8"/>
      <c r="TYM20" s="8"/>
      <c r="TYN20" s="8"/>
      <c r="TYO20" s="8"/>
      <c r="TYP20" s="8"/>
      <c r="TYQ20" s="8"/>
      <c r="TYR20" s="8"/>
      <c r="TYS20" s="8"/>
      <c r="TYT20" s="8"/>
      <c r="TYU20" s="8"/>
      <c r="TYV20" s="8"/>
      <c r="TYW20" s="8"/>
      <c r="TYX20" s="8"/>
      <c r="TYY20" s="8"/>
      <c r="TYZ20" s="8"/>
      <c r="TZA20" s="8"/>
      <c r="TZB20" s="8"/>
      <c r="TZC20" s="8"/>
      <c r="TZD20" s="8"/>
      <c r="TZE20" s="8"/>
      <c r="TZF20" s="8"/>
      <c r="TZG20" s="8"/>
      <c r="TZH20" s="8"/>
      <c r="TZI20" s="8"/>
      <c r="TZJ20" s="8"/>
      <c r="TZK20" s="8"/>
      <c r="TZL20" s="8"/>
      <c r="TZM20" s="8"/>
      <c r="TZN20" s="8"/>
      <c r="TZO20" s="8"/>
      <c r="TZP20" s="8"/>
      <c r="TZQ20" s="8"/>
      <c r="TZR20" s="8"/>
      <c r="TZS20" s="8"/>
      <c r="TZT20" s="8"/>
      <c r="TZU20" s="8"/>
      <c r="TZV20" s="8"/>
      <c r="TZW20" s="8"/>
      <c r="TZX20" s="8"/>
      <c r="TZY20" s="8"/>
      <c r="TZZ20" s="8"/>
      <c r="UAA20" s="8"/>
      <c r="UAB20" s="8"/>
      <c r="UAC20" s="8"/>
      <c r="UAD20" s="8"/>
      <c r="UAE20" s="8"/>
      <c r="UAF20" s="8"/>
      <c r="UAG20" s="8"/>
      <c r="UAH20" s="8"/>
      <c r="UAI20" s="8"/>
      <c r="UAJ20" s="8"/>
      <c r="UAK20" s="8"/>
      <c r="UAL20" s="8"/>
      <c r="UAM20" s="8"/>
      <c r="UAN20" s="8"/>
      <c r="UAO20" s="8"/>
      <c r="UAP20" s="8"/>
      <c r="UAQ20" s="8"/>
      <c r="UAR20" s="8"/>
      <c r="UAS20" s="8"/>
      <c r="UAT20" s="8"/>
      <c r="UAU20" s="8"/>
      <c r="UAV20" s="8"/>
      <c r="UAW20" s="8"/>
      <c r="UAX20" s="8"/>
      <c r="UAY20" s="8"/>
      <c r="UAZ20" s="8"/>
      <c r="UBA20" s="8"/>
      <c r="UBB20" s="8"/>
      <c r="UBC20" s="8"/>
      <c r="UBD20" s="8"/>
      <c r="UBE20" s="8"/>
      <c r="UBF20" s="8"/>
      <c r="UBG20" s="8"/>
      <c r="UBH20" s="8"/>
      <c r="UBI20" s="8"/>
      <c r="UBJ20" s="8"/>
      <c r="UBK20" s="8"/>
      <c r="UBL20" s="8"/>
      <c r="UBM20" s="8"/>
      <c r="UBN20" s="8"/>
      <c r="UBO20" s="8"/>
      <c r="UBP20" s="8"/>
      <c r="UBQ20" s="8"/>
      <c r="UBR20" s="8"/>
      <c r="UBS20" s="8"/>
      <c r="UBT20" s="8"/>
      <c r="UBU20" s="8"/>
      <c r="UBV20" s="8"/>
      <c r="UBW20" s="8"/>
      <c r="UBX20" s="8"/>
      <c r="UBY20" s="8"/>
      <c r="UBZ20" s="8"/>
      <c r="UCA20" s="8"/>
      <c r="UCB20" s="8"/>
      <c r="UCC20" s="8"/>
      <c r="UCD20" s="8"/>
      <c r="UCE20" s="8"/>
      <c r="UCF20" s="8"/>
      <c r="UCG20" s="8"/>
      <c r="UCH20" s="8"/>
      <c r="UCI20" s="8"/>
      <c r="UCJ20" s="8"/>
      <c r="UCK20" s="8"/>
      <c r="UCL20" s="8"/>
      <c r="UCM20" s="8"/>
      <c r="UCN20" s="8"/>
      <c r="UCO20" s="8"/>
      <c r="UCP20" s="8"/>
      <c r="UCQ20" s="8"/>
      <c r="UCR20" s="8"/>
      <c r="UCS20" s="8"/>
      <c r="UCT20" s="8"/>
      <c r="UCU20" s="8"/>
      <c r="UCV20" s="8"/>
      <c r="UCW20" s="8"/>
      <c r="UCX20" s="8"/>
      <c r="UCY20" s="8"/>
      <c r="UCZ20" s="8"/>
      <c r="UDA20" s="8"/>
      <c r="UDB20" s="8"/>
      <c r="UDC20" s="8"/>
      <c r="UDD20" s="8"/>
      <c r="UDE20" s="8"/>
      <c r="UDF20" s="8"/>
      <c r="UDG20" s="8"/>
      <c r="UDH20" s="8"/>
      <c r="UDI20" s="8"/>
      <c r="UDJ20" s="8"/>
      <c r="UDK20" s="8"/>
      <c r="UDL20" s="8"/>
      <c r="UDM20" s="8"/>
      <c r="UDN20" s="8"/>
      <c r="UDO20" s="8"/>
      <c r="UDP20" s="8"/>
      <c r="UDQ20" s="8"/>
      <c r="UDR20" s="8"/>
      <c r="UDS20" s="8"/>
      <c r="UDT20" s="8"/>
      <c r="UDU20" s="8"/>
      <c r="UDV20" s="8"/>
      <c r="UDW20" s="8"/>
      <c r="UDX20" s="8"/>
      <c r="UDY20" s="8"/>
      <c r="UDZ20" s="8"/>
      <c r="UEA20" s="8"/>
      <c r="UEB20" s="8"/>
      <c r="UEC20" s="8"/>
      <c r="UED20" s="8"/>
      <c r="UEE20" s="8"/>
      <c r="UEF20" s="8"/>
      <c r="UEG20" s="8"/>
      <c r="UEH20" s="8"/>
      <c r="UEI20" s="8"/>
      <c r="UEJ20" s="8"/>
      <c r="UEK20" s="8"/>
      <c r="UEL20" s="8"/>
      <c r="UEM20" s="8"/>
      <c r="UEN20" s="8"/>
      <c r="UEO20" s="8"/>
      <c r="UEP20" s="8"/>
      <c r="UEQ20" s="8"/>
      <c r="UER20" s="8"/>
      <c r="UES20" s="8"/>
      <c r="UET20" s="8"/>
      <c r="UEU20" s="8"/>
      <c r="UEV20" s="8"/>
      <c r="UEW20" s="8"/>
      <c r="UEX20" s="8"/>
      <c r="UEY20" s="8"/>
      <c r="UEZ20" s="8"/>
      <c r="UFA20" s="8"/>
      <c r="UFB20" s="8"/>
      <c r="UFC20" s="8"/>
      <c r="UFD20" s="8"/>
      <c r="UFE20" s="8"/>
      <c r="UFF20" s="8"/>
      <c r="UFG20" s="8"/>
      <c r="UFH20" s="8"/>
      <c r="UFI20" s="8"/>
      <c r="UFJ20" s="8"/>
      <c r="UFK20" s="8"/>
      <c r="UFL20" s="8"/>
      <c r="UFM20" s="8"/>
      <c r="UFN20" s="8"/>
      <c r="UFO20" s="8"/>
      <c r="UFP20" s="8"/>
      <c r="UFQ20" s="8"/>
      <c r="UFR20" s="8"/>
      <c r="UFS20" s="8"/>
      <c r="UFT20" s="8"/>
      <c r="UFU20" s="8"/>
      <c r="UFV20" s="8"/>
      <c r="UFW20" s="8"/>
      <c r="UFX20" s="8"/>
      <c r="UFY20" s="8"/>
      <c r="UFZ20" s="8"/>
      <c r="UGA20" s="8"/>
      <c r="UGB20" s="8"/>
      <c r="UGC20" s="8"/>
      <c r="UGD20" s="8"/>
      <c r="UGE20" s="8"/>
      <c r="UGF20" s="8"/>
      <c r="UGG20" s="8"/>
      <c r="UGH20" s="8"/>
      <c r="UGI20" s="8"/>
      <c r="UGJ20" s="8"/>
      <c r="UGK20" s="8"/>
      <c r="UGL20" s="8"/>
      <c r="UGM20" s="8"/>
      <c r="UGN20" s="8"/>
      <c r="UGO20" s="8"/>
      <c r="UGP20" s="8"/>
      <c r="UGQ20" s="8"/>
      <c r="UGR20" s="8"/>
      <c r="UGS20" s="8"/>
      <c r="UGT20" s="8"/>
      <c r="UGU20" s="8"/>
      <c r="UGV20" s="8"/>
      <c r="UGW20" s="8"/>
      <c r="UGX20" s="8"/>
      <c r="UGY20" s="8"/>
      <c r="UGZ20" s="8"/>
      <c r="UHA20" s="8"/>
      <c r="UHB20" s="8"/>
      <c r="UHC20" s="8"/>
      <c r="UHD20" s="8"/>
      <c r="UHE20" s="8"/>
      <c r="UHF20" s="8"/>
      <c r="UHG20" s="8"/>
      <c r="UHH20" s="8"/>
      <c r="UHI20" s="8"/>
      <c r="UHJ20" s="8"/>
      <c r="UHK20" s="8"/>
      <c r="UHL20" s="8"/>
      <c r="UHM20" s="8"/>
      <c r="UHN20" s="8"/>
      <c r="UHO20" s="8"/>
      <c r="UHP20" s="8"/>
      <c r="UHQ20" s="8"/>
      <c r="UHR20" s="8"/>
      <c r="UHS20" s="8"/>
      <c r="UHT20" s="8"/>
      <c r="UHU20" s="8"/>
      <c r="UHV20" s="8"/>
      <c r="UHW20" s="8"/>
      <c r="UHX20" s="8"/>
      <c r="UHY20" s="8"/>
      <c r="UHZ20" s="8"/>
      <c r="UIA20" s="8"/>
      <c r="UIB20" s="8"/>
      <c r="UIC20" s="8"/>
      <c r="UID20" s="8"/>
      <c r="UIE20" s="8"/>
      <c r="UIF20" s="8"/>
      <c r="UIG20" s="8"/>
      <c r="UIH20" s="8"/>
      <c r="UII20" s="8"/>
      <c r="UIJ20" s="8"/>
      <c r="UIK20" s="8"/>
      <c r="UIL20" s="8"/>
      <c r="UIM20" s="8"/>
      <c r="UIN20" s="8"/>
      <c r="UIO20" s="8"/>
      <c r="UIP20" s="8"/>
      <c r="UIQ20" s="8"/>
      <c r="UIR20" s="8"/>
      <c r="UIS20" s="8"/>
      <c r="UIT20" s="8"/>
      <c r="UIU20" s="8"/>
      <c r="UIV20" s="8"/>
      <c r="UIW20" s="8"/>
      <c r="UIX20" s="8"/>
      <c r="UIY20" s="8"/>
      <c r="UIZ20" s="8"/>
      <c r="UJA20" s="8"/>
      <c r="UJB20" s="8"/>
      <c r="UJC20" s="8"/>
      <c r="UJD20" s="8"/>
      <c r="UJE20" s="8"/>
      <c r="UJF20" s="8"/>
      <c r="UJG20" s="8"/>
      <c r="UJH20" s="8"/>
      <c r="UJI20" s="8"/>
      <c r="UJJ20" s="8"/>
      <c r="UJK20" s="8"/>
      <c r="UJL20" s="8"/>
      <c r="UJM20" s="8"/>
      <c r="UJN20" s="8"/>
      <c r="UJO20" s="8"/>
      <c r="UJP20" s="8"/>
      <c r="UJQ20" s="8"/>
      <c r="UJR20" s="8"/>
      <c r="UJS20" s="8"/>
      <c r="UJT20" s="8"/>
      <c r="UJU20" s="8"/>
      <c r="UJV20" s="8"/>
      <c r="UJW20" s="8"/>
      <c r="UJX20" s="8"/>
      <c r="UJY20" s="8"/>
      <c r="UJZ20" s="8"/>
      <c r="UKA20" s="8"/>
      <c r="UKB20" s="8"/>
      <c r="UKC20" s="8"/>
      <c r="UKD20" s="8"/>
      <c r="UKE20" s="8"/>
      <c r="UKF20" s="8"/>
      <c r="UKG20" s="8"/>
      <c r="UKH20" s="8"/>
      <c r="UKI20" s="8"/>
      <c r="UKJ20" s="8"/>
      <c r="UKK20" s="8"/>
      <c r="UKL20" s="8"/>
      <c r="UKM20" s="8"/>
      <c r="UKN20" s="8"/>
      <c r="UKO20" s="8"/>
      <c r="UKP20" s="8"/>
      <c r="UKQ20" s="8"/>
      <c r="UKR20" s="8"/>
      <c r="UKS20" s="8"/>
      <c r="UKT20" s="8"/>
      <c r="UKU20" s="8"/>
      <c r="UKV20" s="8"/>
      <c r="UKW20" s="8"/>
      <c r="UKX20" s="8"/>
      <c r="UKY20" s="8"/>
      <c r="UKZ20" s="8"/>
      <c r="ULA20" s="8"/>
      <c r="ULB20" s="8"/>
      <c r="ULC20" s="8"/>
      <c r="ULD20" s="8"/>
      <c r="ULE20" s="8"/>
      <c r="ULF20" s="8"/>
      <c r="ULG20" s="8"/>
      <c r="ULH20" s="8"/>
      <c r="ULI20" s="8"/>
      <c r="ULJ20" s="8"/>
      <c r="ULK20" s="8"/>
      <c r="ULL20" s="8"/>
      <c r="ULM20" s="8"/>
      <c r="ULN20" s="8"/>
      <c r="ULO20" s="8"/>
      <c r="ULP20" s="8"/>
      <c r="ULQ20" s="8"/>
      <c r="ULR20" s="8"/>
      <c r="ULS20" s="8"/>
      <c r="ULT20" s="8"/>
      <c r="ULU20" s="8"/>
      <c r="ULV20" s="8"/>
      <c r="ULW20" s="8"/>
      <c r="ULX20" s="8"/>
      <c r="ULY20" s="8"/>
      <c r="ULZ20" s="8"/>
      <c r="UMA20" s="8"/>
      <c r="UMB20" s="8"/>
      <c r="UMC20" s="8"/>
      <c r="UMD20" s="8"/>
      <c r="UME20" s="8"/>
      <c r="UMF20" s="8"/>
      <c r="UMG20" s="8"/>
      <c r="UMH20" s="8"/>
      <c r="UMI20" s="8"/>
      <c r="UMJ20" s="8"/>
      <c r="UMK20" s="8"/>
      <c r="UML20" s="8"/>
      <c r="UMM20" s="8"/>
      <c r="UMN20" s="8"/>
      <c r="UMO20" s="8"/>
      <c r="UMP20" s="8"/>
      <c r="UMQ20" s="8"/>
      <c r="UMR20" s="8"/>
      <c r="UMS20" s="8"/>
      <c r="UMT20" s="8"/>
      <c r="UMU20" s="8"/>
      <c r="UMV20" s="8"/>
      <c r="UMW20" s="8"/>
      <c r="UMX20" s="8"/>
      <c r="UMY20" s="8"/>
      <c r="UMZ20" s="8"/>
      <c r="UNA20" s="8"/>
      <c r="UNB20" s="8"/>
      <c r="UNC20" s="8"/>
      <c r="UND20" s="8"/>
      <c r="UNE20" s="8"/>
      <c r="UNF20" s="8"/>
      <c r="UNG20" s="8"/>
      <c r="UNH20" s="8"/>
      <c r="UNI20" s="8"/>
      <c r="UNJ20" s="8"/>
      <c r="UNK20" s="8"/>
      <c r="UNL20" s="8"/>
      <c r="UNM20" s="8"/>
      <c r="UNN20" s="8"/>
      <c r="UNO20" s="8"/>
      <c r="UNP20" s="8"/>
      <c r="UNQ20" s="8"/>
      <c r="UNR20" s="8"/>
      <c r="UNS20" s="8"/>
      <c r="UNT20" s="8"/>
      <c r="UNU20" s="8"/>
      <c r="UNV20" s="8"/>
      <c r="UNW20" s="8"/>
      <c r="UNX20" s="8"/>
      <c r="UNY20" s="8"/>
      <c r="UNZ20" s="8"/>
      <c r="UOA20" s="8"/>
      <c r="UOB20" s="8"/>
      <c r="UOC20" s="8"/>
      <c r="UOD20" s="8"/>
      <c r="UOE20" s="8"/>
      <c r="UOF20" s="8"/>
      <c r="UOG20" s="8"/>
      <c r="UOH20" s="8"/>
      <c r="UOI20" s="8"/>
      <c r="UOJ20" s="8"/>
      <c r="UOK20" s="8"/>
      <c r="UOL20" s="8"/>
      <c r="UOM20" s="8"/>
      <c r="UON20" s="8"/>
      <c r="UOO20" s="8"/>
      <c r="UOP20" s="8"/>
      <c r="UOQ20" s="8"/>
      <c r="UOR20" s="8"/>
      <c r="UOS20" s="8"/>
      <c r="UOT20" s="8"/>
      <c r="UOU20" s="8"/>
      <c r="UOV20" s="8"/>
      <c r="UOW20" s="8"/>
      <c r="UOX20" s="8"/>
      <c r="UOY20" s="8"/>
      <c r="UOZ20" s="8"/>
      <c r="UPA20" s="8"/>
      <c r="UPB20" s="8"/>
      <c r="UPC20" s="8"/>
      <c r="UPD20" s="8"/>
      <c r="UPE20" s="8"/>
      <c r="UPF20" s="8"/>
      <c r="UPG20" s="8"/>
      <c r="UPH20" s="8"/>
      <c r="UPI20" s="8"/>
      <c r="UPJ20" s="8"/>
      <c r="UPK20" s="8"/>
      <c r="UPL20" s="8"/>
      <c r="UPM20" s="8"/>
      <c r="UPN20" s="8"/>
      <c r="UPO20" s="8"/>
      <c r="UPP20" s="8"/>
      <c r="UPQ20" s="8"/>
      <c r="UPR20" s="8"/>
      <c r="UPS20" s="8"/>
      <c r="UPT20" s="8"/>
      <c r="UPU20" s="8"/>
      <c r="UPV20" s="8"/>
      <c r="UPW20" s="8"/>
      <c r="UPX20" s="8"/>
      <c r="UPY20" s="8"/>
      <c r="UPZ20" s="8"/>
      <c r="UQA20" s="8"/>
      <c r="UQB20" s="8"/>
      <c r="UQC20" s="8"/>
      <c r="UQD20" s="8"/>
      <c r="UQE20" s="8"/>
      <c r="UQF20" s="8"/>
      <c r="UQG20" s="8"/>
      <c r="UQH20" s="8"/>
      <c r="UQI20" s="8"/>
      <c r="UQJ20" s="8"/>
      <c r="UQK20" s="8"/>
      <c r="UQL20" s="8"/>
      <c r="UQM20" s="8"/>
      <c r="UQN20" s="8"/>
      <c r="UQO20" s="8"/>
      <c r="UQP20" s="8"/>
      <c r="UQQ20" s="8"/>
      <c r="UQR20" s="8"/>
      <c r="UQS20" s="8"/>
      <c r="UQT20" s="8"/>
      <c r="UQU20" s="8"/>
      <c r="UQV20" s="8"/>
      <c r="UQW20" s="8"/>
      <c r="UQX20" s="8"/>
      <c r="UQY20" s="8"/>
      <c r="UQZ20" s="8"/>
      <c r="URA20" s="8"/>
      <c r="URB20" s="8"/>
      <c r="URC20" s="8"/>
      <c r="URD20" s="8"/>
      <c r="URE20" s="8"/>
      <c r="URF20" s="8"/>
      <c r="URG20" s="8"/>
      <c r="URH20" s="8"/>
      <c r="URI20" s="8"/>
      <c r="URJ20" s="8"/>
      <c r="URK20" s="8"/>
      <c r="URL20" s="8"/>
      <c r="URM20" s="8"/>
      <c r="URN20" s="8"/>
      <c r="URO20" s="8"/>
      <c r="URP20" s="8"/>
      <c r="URQ20" s="8"/>
      <c r="URR20" s="8"/>
      <c r="URS20" s="8"/>
      <c r="URT20" s="8"/>
      <c r="URU20" s="8"/>
      <c r="URV20" s="8"/>
      <c r="URW20" s="8"/>
      <c r="URX20" s="8"/>
      <c r="URY20" s="8"/>
      <c r="URZ20" s="8"/>
      <c r="USA20" s="8"/>
      <c r="USB20" s="8"/>
      <c r="USC20" s="8"/>
      <c r="USD20" s="8"/>
      <c r="USE20" s="8"/>
      <c r="USF20" s="8"/>
      <c r="USG20" s="8"/>
      <c r="USH20" s="8"/>
      <c r="USI20" s="8"/>
      <c r="USJ20" s="8"/>
      <c r="USK20" s="8"/>
      <c r="USL20" s="8"/>
      <c r="USM20" s="8"/>
      <c r="USN20" s="8"/>
      <c r="USO20" s="8"/>
      <c r="USP20" s="8"/>
      <c r="USQ20" s="8"/>
      <c r="USR20" s="8"/>
      <c r="USS20" s="8"/>
      <c r="UST20" s="8"/>
      <c r="USU20" s="8"/>
      <c r="USV20" s="8"/>
      <c r="USW20" s="8"/>
      <c r="USX20" s="8"/>
      <c r="USY20" s="8"/>
      <c r="USZ20" s="8"/>
      <c r="UTA20" s="8"/>
      <c r="UTB20" s="8"/>
      <c r="UTC20" s="8"/>
      <c r="UTD20" s="8"/>
      <c r="UTE20" s="8"/>
      <c r="UTF20" s="8"/>
      <c r="UTG20" s="8"/>
      <c r="UTH20" s="8"/>
      <c r="UTI20" s="8"/>
      <c r="UTJ20" s="8"/>
      <c r="UTK20" s="8"/>
      <c r="UTL20" s="8"/>
      <c r="UTM20" s="8"/>
      <c r="UTN20" s="8"/>
      <c r="UTO20" s="8"/>
      <c r="UTP20" s="8"/>
      <c r="UTQ20" s="8"/>
      <c r="UTR20" s="8"/>
      <c r="UTS20" s="8"/>
      <c r="UTT20" s="8"/>
      <c r="UTU20" s="8"/>
      <c r="UTV20" s="8"/>
      <c r="UTW20" s="8"/>
      <c r="UTX20" s="8"/>
      <c r="UTY20" s="8"/>
      <c r="UTZ20" s="8"/>
      <c r="UUA20" s="8"/>
      <c r="UUB20" s="8"/>
      <c r="UUC20" s="8"/>
      <c r="UUD20" s="8"/>
      <c r="UUE20" s="8"/>
      <c r="UUF20" s="8"/>
      <c r="UUG20" s="8"/>
      <c r="UUH20" s="8"/>
      <c r="UUI20" s="8"/>
      <c r="UUJ20" s="8"/>
      <c r="UUK20" s="8"/>
      <c r="UUL20" s="8"/>
      <c r="UUM20" s="8"/>
      <c r="UUN20" s="8"/>
      <c r="UUO20" s="8"/>
      <c r="UUP20" s="8"/>
      <c r="UUQ20" s="8"/>
      <c r="UUR20" s="8"/>
      <c r="UUS20" s="8"/>
      <c r="UUT20" s="8"/>
      <c r="UUU20" s="8"/>
      <c r="UUV20" s="8"/>
      <c r="UUW20" s="8"/>
      <c r="UUX20" s="8"/>
      <c r="UUY20" s="8"/>
      <c r="UUZ20" s="8"/>
      <c r="UVA20" s="8"/>
      <c r="UVB20" s="8"/>
      <c r="UVC20" s="8"/>
      <c r="UVD20" s="8"/>
      <c r="UVE20" s="8"/>
      <c r="UVF20" s="8"/>
      <c r="UVG20" s="8"/>
      <c r="UVH20" s="8"/>
      <c r="UVI20" s="8"/>
      <c r="UVJ20" s="8"/>
      <c r="UVK20" s="8"/>
      <c r="UVL20" s="8"/>
      <c r="UVM20" s="8"/>
      <c r="UVN20" s="8"/>
      <c r="UVO20" s="8"/>
      <c r="UVP20" s="8"/>
      <c r="UVQ20" s="8"/>
      <c r="UVR20" s="8"/>
      <c r="UVS20" s="8"/>
      <c r="UVT20" s="8"/>
      <c r="UVU20" s="8"/>
      <c r="UVV20" s="8"/>
      <c r="UVW20" s="8"/>
      <c r="UVX20" s="8"/>
      <c r="UVY20" s="8"/>
      <c r="UVZ20" s="8"/>
      <c r="UWA20" s="8"/>
      <c r="UWB20" s="8"/>
      <c r="UWC20" s="8"/>
      <c r="UWD20" s="8"/>
      <c r="UWE20" s="8"/>
      <c r="UWF20" s="8"/>
      <c r="UWG20" s="8"/>
      <c r="UWH20" s="8"/>
      <c r="UWI20" s="8"/>
      <c r="UWJ20" s="8"/>
      <c r="UWK20" s="8"/>
      <c r="UWL20" s="8"/>
      <c r="UWM20" s="8"/>
      <c r="UWN20" s="8"/>
      <c r="UWO20" s="8"/>
      <c r="UWP20" s="8"/>
      <c r="UWQ20" s="8"/>
      <c r="UWR20" s="8"/>
      <c r="UWS20" s="8"/>
      <c r="UWT20" s="8"/>
      <c r="UWU20" s="8"/>
      <c r="UWV20" s="8"/>
      <c r="UWW20" s="8"/>
      <c r="UWX20" s="8"/>
      <c r="UWY20" s="8"/>
      <c r="UWZ20" s="8"/>
      <c r="UXA20" s="8"/>
      <c r="UXB20" s="8"/>
      <c r="UXC20" s="8"/>
      <c r="UXD20" s="8"/>
      <c r="UXE20" s="8"/>
      <c r="UXF20" s="8"/>
      <c r="UXG20" s="8"/>
      <c r="UXH20" s="8"/>
      <c r="UXI20" s="8"/>
      <c r="UXJ20" s="8"/>
      <c r="UXK20" s="8"/>
      <c r="UXL20" s="8"/>
      <c r="UXM20" s="8"/>
      <c r="UXN20" s="8"/>
      <c r="UXO20" s="8"/>
      <c r="UXP20" s="8"/>
      <c r="UXQ20" s="8"/>
      <c r="UXR20" s="8"/>
      <c r="UXS20" s="8"/>
      <c r="UXT20" s="8"/>
      <c r="UXU20" s="8"/>
      <c r="UXV20" s="8"/>
      <c r="UXW20" s="8"/>
      <c r="UXX20" s="8"/>
      <c r="UXY20" s="8"/>
      <c r="UXZ20" s="8"/>
      <c r="UYA20" s="8"/>
      <c r="UYB20" s="8"/>
      <c r="UYC20" s="8"/>
      <c r="UYD20" s="8"/>
      <c r="UYE20" s="8"/>
      <c r="UYF20" s="8"/>
      <c r="UYG20" s="8"/>
      <c r="UYH20" s="8"/>
      <c r="UYI20" s="8"/>
      <c r="UYJ20" s="8"/>
      <c r="UYK20" s="8"/>
      <c r="UYL20" s="8"/>
      <c r="UYM20" s="8"/>
      <c r="UYN20" s="8"/>
      <c r="UYO20" s="8"/>
      <c r="UYP20" s="8"/>
      <c r="UYQ20" s="8"/>
      <c r="UYR20" s="8"/>
      <c r="UYS20" s="8"/>
      <c r="UYT20" s="8"/>
      <c r="UYU20" s="8"/>
      <c r="UYV20" s="8"/>
      <c r="UYW20" s="8"/>
      <c r="UYX20" s="8"/>
      <c r="UYY20" s="8"/>
      <c r="UYZ20" s="8"/>
      <c r="UZA20" s="8"/>
      <c r="UZB20" s="8"/>
      <c r="UZC20" s="8"/>
      <c r="UZD20" s="8"/>
      <c r="UZE20" s="8"/>
      <c r="UZF20" s="8"/>
      <c r="UZG20" s="8"/>
      <c r="UZH20" s="8"/>
      <c r="UZI20" s="8"/>
      <c r="UZJ20" s="8"/>
      <c r="UZK20" s="8"/>
      <c r="UZL20" s="8"/>
      <c r="UZM20" s="8"/>
      <c r="UZN20" s="8"/>
      <c r="UZO20" s="8"/>
      <c r="UZP20" s="8"/>
      <c r="UZQ20" s="8"/>
      <c r="UZR20" s="8"/>
      <c r="UZS20" s="8"/>
      <c r="UZT20" s="8"/>
      <c r="UZU20" s="8"/>
      <c r="UZV20" s="8"/>
      <c r="UZW20" s="8"/>
      <c r="UZX20" s="8"/>
      <c r="UZY20" s="8"/>
      <c r="UZZ20" s="8"/>
      <c r="VAA20" s="8"/>
      <c r="VAB20" s="8"/>
      <c r="VAC20" s="8"/>
      <c r="VAD20" s="8"/>
      <c r="VAE20" s="8"/>
      <c r="VAF20" s="8"/>
      <c r="VAG20" s="8"/>
      <c r="VAH20" s="8"/>
      <c r="VAI20" s="8"/>
      <c r="VAJ20" s="8"/>
      <c r="VAK20" s="8"/>
      <c r="VAL20" s="8"/>
      <c r="VAM20" s="8"/>
      <c r="VAN20" s="8"/>
      <c r="VAO20" s="8"/>
      <c r="VAP20" s="8"/>
      <c r="VAQ20" s="8"/>
      <c r="VAR20" s="8"/>
      <c r="VAS20" s="8"/>
      <c r="VAT20" s="8"/>
      <c r="VAU20" s="8"/>
      <c r="VAV20" s="8"/>
      <c r="VAW20" s="8"/>
      <c r="VAX20" s="8"/>
      <c r="VAY20" s="8"/>
      <c r="VAZ20" s="8"/>
      <c r="VBA20" s="8"/>
      <c r="VBB20" s="8"/>
      <c r="VBC20" s="8"/>
      <c r="VBD20" s="8"/>
      <c r="VBE20" s="8"/>
      <c r="VBF20" s="8"/>
      <c r="VBG20" s="8"/>
      <c r="VBH20" s="8"/>
      <c r="VBI20" s="8"/>
      <c r="VBJ20" s="8"/>
      <c r="VBK20" s="8"/>
      <c r="VBL20" s="8"/>
      <c r="VBM20" s="8"/>
      <c r="VBN20" s="8"/>
      <c r="VBO20" s="8"/>
      <c r="VBP20" s="8"/>
      <c r="VBQ20" s="8"/>
      <c r="VBR20" s="8"/>
      <c r="VBS20" s="8"/>
      <c r="VBT20" s="8"/>
      <c r="VBU20" s="8"/>
      <c r="VBV20" s="8"/>
      <c r="VBW20" s="8"/>
      <c r="VBX20" s="8"/>
      <c r="VBY20" s="8"/>
      <c r="VBZ20" s="8"/>
      <c r="VCA20" s="8"/>
      <c r="VCB20" s="8"/>
      <c r="VCC20" s="8"/>
      <c r="VCD20" s="8"/>
      <c r="VCE20" s="8"/>
      <c r="VCF20" s="8"/>
      <c r="VCG20" s="8"/>
      <c r="VCH20" s="8"/>
      <c r="VCI20" s="8"/>
      <c r="VCJ20" s="8"/>
      <c r="VCK20" s="8"/>
      <c r="VCL20" s="8"/>
      <c r="VCM20" s="8"/>
      <c r="VCN20" s="8"/>
      <c r="VCO20" s="8"/>
      <c r="VCP20" s="8"/>
      <c r="VCQ20" s="8"/>
      <c r="VCR20" s="8"/>
      <c r="VCS20" s="8"/>
      <c r="VCT20" s="8"/>
      <c r="VCU20" s="8"/>
      <c r="VCV20" s="8"/>
      <c r="VCW20" s="8"/>
      <c r="VCX20" s="8"/>
      <c r="VCY20" s="8"/>
      <c r="VCZ20" s="8"/>
      <c r="VDA20" s="8"/>
      <c r="VDB20" s="8"/>
      <c r="VDC20" s="8"/>
      <c r="VDD20" s="8"/>
      <c r="VDE20" s="8"/>
      <c r="VDF20" s="8"/>
      <c r="VDG20" s="8"/>
      <c r="VDH20" s="8"/>
      <c r="VDI20" s="8"/>
      <c r="VDJ20" s="8"/>
      <c r="VDK20" s="8"/>
      <c r="VDL20" s="8"/>
      <c r="VDM20" s="8"/>
      <c r="VDN20" s="8"/>
      <c r="VDO20" s="8"/>
      <c r="VDP20" s="8"/>
      <c r="VDQ20" s="8"/>
      <c r="VDR20" s="8"/>
      <c r="VDS20" s="8"/>
      <c r="VDT20" s="8"/>
      <c r="VDU20" s="8"/>
      <c r="VDV20" s="8"/>
      <c r="VDW20" s="8"/>
      <c r="VDX20" s="8"/>
      <c r="VDY20" s="8"/>
      <c r="VDZ20" s="8"/>
      <c r="VEA20" s="8"/>
      <c r="VEB20" s="8"/>
      <c r="VEC20" s="8"/>
      <c r="VED20" s="8"/>
      <c r="VEE20" s="8"/>
      <c r="VEF20" s="8"/>
      <c r="VEG20" s="8"/>
      <c r="VEH20" s="8"/>
      <c r="VEI20" s="8"/>
      <c r="VEJ20" s="8"/>
      <c r="VEK20" s="8"/>
      <c r="VEL20" s="8"/>
      <c r="VEM20" s="8"/>
      <c r="VEN20" s="8"/>
      <c r="VEO20" s="8"/>
      <c r="VEP20" s="8"/>
      <c r="VEQ20" s="8"/>
      <c r="VER20" s="8"/>
      <c r="VES20" s="8"/>
      <c r="VET20" s="8"/>
      <c r="VEU20" s="8"/>
      <c r="VEV20" s="8"/>
      <c r="VEW20" s="8"/>
      <c r="VEX20" s="8"/>
      <c r="VEY20" s="8"/>
      <c r="VEZ20" s="8"/>
      <c r="VFA20" s="8"/>
      <c r="VFB20" s="8"/>
      <c r="VFC20" s="8"/>
      <c r="VFD20" s="8"/>
      <c r="VFE20" s="8"/>
      <c r="VFF20" s="8"/>
      <c r="VFG20" s="8"/>
      <c r="VFH20" s="8"/>
      <c r="VFI20" s="8"/>
      <c r="VFJ20" s="8"/>
      <c r="VFK20" s="8"/>
      <c r="VFL20" s="8"/>
      <c r="VFM20" s="8"/>
      <c r="VFN20" s="8"/>
      <c r="VFO20" s="8"/>
      <c r="VFP20" s="8"/>
      <c r="VFQ20" s="8"/>
      <c r="VFR20" s="8"/>
      <c r="VFS20" s="8"/>
      <c r="VFT20" s="8"/>
      <c r="VFU20" s="8"/>
      <c r="VFV20" s="8"/>
      <c r="VFW20" s="8"/>
      <c r="VFX20" s="8"/>
      <c r="VFY20" s="8"/>
      <c r="VFZ20" s="8"/>
      <c r="VGA20" s="8"/>
      <c r="VGB20" s="8"/>
      <c r="VGC20" s="8"/>
      <c r="VGD20" s="8"/>
      <c r="VGE20" s="8"/>
      <c r="VGF20" s="8"/>
      <c r="VGG20" s="8"/>
      <c r="VGH20" s="8"/>
      <c r="VGI20" s="8"/>
      <c r="VGJ20" s="8"/>
      <c r="VGK20" s="8"/>
      <c r="VGL20" s="8"/>
      <c r="VGM20" s="8"/>
      <c r="VGN20" s="8"/>
      <c r="VGO20" s="8"/>
      <c r="VGP20" s="8"/>
      <c r="VGQ20" s="8"/>
      <c r="VGR20" s="8"/>
      <c r="VGS20" s="8"/>
      <c r="VGT20" s="8"/>
      <c r="VGU20" s="8"/>
      <c r="VGV20" s="8"/>
      <c r="VGW20" s="8"/>
      <c r="VGX20" s="8"/>
      <c r="VGY20" s="8"/>
      <c r="VGZ20" s="8"/>
      <c r="VHA20" s="8"/>
      <c r="VHB20" s="8"/>
      <c r="VHC20" s="8"/>
      <c r="VHD20" s="8"/>
      <c r="VHE20" s="8"/>
      <c r="VHF20" s="8"/>
      <c r="VHG20" s="8"/>
      <c r="VHH20" s="8"/>
      <c r="VHI20" s="8"/>
      <c r="VHJ20" s="8"/>
      <c r="VHK20" s="8"/>
      <c r="VHL20" s="8"/>
      <c r="VHM20" s="8"/>
      <c r="VHN20" s="8"/>
      <c r="VHO20" s="8"/>
      <c r="VHP20" s="8"/>
      <c r="VHQ20" s="8"/>
      <c r="VHR20" s="8"/>
      <c r="VHS20" s="8"/>
      <c r="VHT20" s="8"/>
      <c r="VHU20" s="8"/>
      <c r="VHV20" s="8"/>
      <c r="VHW20" s="8"/>
      <c r="VHX20" s="8"/>
      <c r="VHY20" s="8"/>
      <c r="VHZ20" s="8"/>
      <c r="VIA20" s="8"/>
      <c r="VIB20" s="8"/>
      <c r="VIC20" s="8"/>
      <c r="VID20" s="8"/>
      <c r="VIE20" s="8"/>
      <c r="VIF20" s="8"/>
      <c r="VIG20" s="8"/>
      <c r="VIH20" s="8"/>
      <c r="VII20" s="8"/>
      <c r="VIJ20" s="8"/>
      <c r="VIK20" s="8"/>
      <c r="VIL20" s="8"/>
      <c r="VIM20" s="8"/>
      <c r="VIN20" s="8"/>
      <c r="VIO20" s="8"/>
      <c r="VIP20" s="8"/>
      <c r="VIQ20" s="8"/>
      <c r="VIR20" s="8"/>
      <c r="VIS20" s="8"/>
      <c r="VIT20" s="8"/>
      <c r="VIU20" s="8"/>
      <c r="VIV20" s="8"/>
      <c r="VIW20" s="8"/>
      <c r="VIX20" s="8"/>
      <c r="VIY20" s="8"/>
      <c r="VIZ20" s="8"/>
      <c r="VJA20" s="8"/>
      <c r="VJB20" s="8"/>
      <c r="VJC20" s="8"/>
      <c r="VJD20" s="8"/>
      <c r="VJE20" s="8"/>
      <c r="VJF20" s="8"/>
      <c r="VJG20" s="8"/>
      <c r="VJH20" s="8"/>
      <c r="VJI20" s="8"/>
      <c r="VJJ20" s="8"/>
      <c r="VJK20" s="8"/>
      <c r="VJL20" s="8"/>
      <c r="VJM20" s="8"/>
      <c r="VJN20" s="8"/>
      <c r="VJO20" s="8"/>
      <c r="VJP20" s="8"/>
      <c r="VJQ20" s="8"/>
      <c r="VJR20" s="8"/>
      <c r="VJS20" s="8"/>
      <c r="VJT20" s="8"/>
      <c r="VJU20" s="8"/>
      <c r="VJV20" s="8"/>
      <c r="VJW20" s="8"/>
      <c r="VJX20" s="8"/>
      <c r="VJY20" s="8"/>
      <c r="VJZ20" s="8"/>
      <c r="VKA20" s="8"/>
      <c r="VKB20" s="8"/>
      <c r="VKC20" s="8"/>
      <c r="VKD20" s="8"/>
      <c r="VKE20" s="8"/>
      <c r="VKF20" s="8"/>
      <c r="VKG20" s="8"/>
      <c r="VKH20" s="8"/>
      <c r="VKI20" s="8"/>
      <c r="VKJ20" s="8"/>
      <c r="VKK20" s="8"/>
      <c r="VKL20" s="8"/>
      <c r="VKM20" s="8"/>
      <c r="VKN20" s="8"/>
      <c r="VKO20" s="8"/>
      <c r="VKP20" s="8"/>
      <c r="VKQ20" s="8"/>
      <c r="VKR20" s="8"/>
      <c r="VKS20" s="8"/>
      <c r="VKT20" s="8"/>
      <c r="VKU20" s="8"/>
      <c r="VKV20" s="8"/>
      <c r="VKW20" s="8"/>
      <c r="VKX20" s="8"/>
      <c r="VKY20" s="8"/>
      <c r="VKZ20" s="8"/>
      <c r="VLA20" s="8"/>
      <c r="VLB20" s="8"/>
      <c r="VLC20" s="8"/>
      <c r="VLD20" s="8"/>
      <c r="VLE20" s="8"/>
      <c r="VLF20" s="8"/>
      <c r="VLG20" s="8"/>
      <c r="VLH20" s="8"/>
      <c r="VLI20" s="8"/>
      <c r="VLJ20" s="8"/>
      <c r="VLK20" s="8"/>
      <c r="VLL20" s="8"/>
      <c r="VLM20" s="8"/>
      <c r="VLN20" s="8"/>
      <c r="VLO20" s="8"/>
      <c r="VLP20" s="8"/>
      <c r="VLQ20" s="8"/>
      <c r="VLR20" s="8"/>
      <c r="VLS20" s="8"/>
      <c r="VLT20" s="8"/>
      <c r="VLU20" s="8"/>
      <c r="VLV20" s="8"/>
      <c r="VLW20" s="8"/>
      <c r="VLX20" s="8"/>
      <c r="VLY20" s="8"/>
      <c r="VLZ20" s="8"/>
      <c r="VMA20" s="8"/>
      <c r="VMB20" s="8"/>
      <c r="VMC20" s="8"/>
      <c r="VMD20" s="8"/>
      <c r="VME20" s="8"/>
      <c r="VMF20" s="8"/>
      <c r="VMG20" s="8"/>
      <c r="VMH20" s="8"/>
      <c r="VMI20" s="8"/>
      <c r="VMJ20" s="8"/>
      <c r="VMK20" s="8"/>
      <c r="VML20" s="8"/>
      <c r="VMM20" s="8"/>
      <c r="VMN20" s="8"/>
      <c r="VMO20" s="8"/>
      <c r="VMP20" s="8"/>
      <c r="VMQ20" s="8"/>
      <c r="VMR20" s="8"/>
      <c r="VMS20" s="8"/>
      <c r="VMT20" s="8"/>
      <c r="VMU20" s="8"/>
      <c r="VMV20" s="8"/>
      <c r="VMW20" s="8"/>
      <c r="VMX20" s="8"/>
      <c r="VMY20" s="8"/>
      <c r="VMZ20" s="8"/>
      <c r="VNA20" s="8"/>
      <c r="VNB20" s="8"/>
      <c r="VNC20" s="8"/>
      <c r="VND20" s="8"/>
      <c r="VNE20" s="8"/>
      <c r="VNF20" s="8"/>
      <c r="VNG20" s="8"/>
      <c r="VNH20" s="8"/>
      <c r="VNI20" s="8"/>
      <c r="VNJ20" s="8"/>
      <c r="VNK20" s="8"/>
      <c r="VNL20" s="8"/>
      <c r="VNM20" s="8"/>
      <c r="VNN20" s="8"/>
      <c r="VNO20" s="8"/>
      <c r="VNP20" s="8"/>
      <c r="VNQ20" s="8"/>
      <c r="VNR20" s="8"/>
      <c r="VNS20" s="8"/>
      <c r="VNT20" s="8"/>
      <c r="VNU20" s="8"/>
      <c r="VNV20" s="8"/>
      <c r="VNW20" s="8"/>
      <c r="VNX20" s="8"/>
      <c r="VNY20" s="8"/>
      <c r="VNZ20" s="8"/>
      <c r="VOA20" s="8"/>
      <c r="VOB20" s="8"/>
      <c r="VOC20" s="8"/>
      <c r="VOD20" s="8"/>
      <c r="VOE20" s="8"/>
      <c r="VOF20" s="8"/>
      <c r="VOG20" s="8"/>
      <c r="VOH20" s="8"/>
      <c r="VOI20" s="8"/>
      <c r="VOJ20" s="8"/>
      <c r="VOK20" s="8"/>
      <c r="VOL20" s="8"/>
      <c r="VOM20" s="8"/>
      <c r="VON20" s="8"/>
      <c r="VOO20" s="8"/>
      <c r="VOP20" s="8"/>
      <c r="VOQ20" s="8"/>
      <c r="VOR20" s="8"/>
      <c r="VOS20" s="8"/>
      <c r="VOT20" s="8"/>
      <c r="VOU20" s="8"/>
      <c r="VOV20" s="8"/>
      <c r="VOW20" s="8"/>
      <c r="VOX20" s="8"/>
      <c r="VOY20" s="8"/>
      <c r="VOZ20" s="8"/>
      <c r="VPA20" s="8"/>
      <c r="VPB20" s="8"/>
      <c r="VPC20" s="8"/>
      <c r="VPD20" s="8"/>
      <c r="VPE20" s="8"/>
      <c r="VPF20" s="8"/>
      <c r="VPG20" s="8"/>
      <c r="VPH20" s="8"/>
      <c r="VPI20" s="8"/>
      <c r="VPJ20" s="8"/>
      <c r="VPK20" s="8"/>
      <c r="VPL20" s="8"/>
      <c r="VPM20" s="8"/>
      <c r="VPN20" s="8"/>
      <c r="VPO20" s="8"/>
      <c r="VPP20" s="8"/>
      <c r="VPQ20" s="8"/>
      <c r="VPR20" s="8"/>
      <c r="VPS20" s="8"/>
      <c r="VPT20" s="8"/>
      <c r="VPU20" s="8"/>
      <c r="VPV20" s="8"/>
      <c r="VPW20" s="8"/>
      <c r="VPX20" s="8"/>
      <c r="VPY20" s="8"/>
      <c r="VPZ20" s="8"/>
      <c r="VQA20" s="8"/>
      <c r="VQB20" s="8"/>
      <c r="VQC20" s="8"/>
      <c r="VQD20" s="8"/>
      <c r="VQE20" s="8"/>
      <c r="VQF20" s="8"/>
      <c r="VQG20" s="8"/>
      <c r="VQH20" s="8"/>
      <c r="VQI20" s="8"/>
      <c r="VQJ20" s="8"/>
      <c r="VQK20" s="8"/>
      <c r="VQL20" s="8"/>
      <c r="VQM20" s="8"/>
      <c r="VQN20" s="8"/>
      <c r="VQO20" s="8"/>
      <c r="VQP20" s="8"/>
      <c r="VQQ20" s="8"/>
      <c r="VQR20" s="8"/>
      <c r="VQS20" s="8"/>
      <c r="VQT20" s="8"/>
      <c r="VQU20" s="8"/>
      <c r="VQV20" s="8"/>
      <c r="VQW20" s="8"/>
      <c r="VQX20" s="8"/>
      <c r="VQY20" s="8"/>
      <c r="VQZ20" s="8"/>
      <c r="VRA20" s="8"/>
      <c r="VRB20" s="8"/>
      <c r="VRC20" s="8"/>
      <c r="VRD20" s="8"/>
      <c r="VRE20" s="8"/>
      <c r="VRF20" s="8"/>
      <c r="VRG20" s="8"/>
      <c r="VRH20" s="8"/>
      <c r="VRI20" s="8"/>
      <c r="VRJ20" s="8"/>
      <c r="VRK20" s="8"/>
      <c r="VRL20" s="8"/>
      <c r="VRM20" s="8"/>
      <c r="VRN20" s="8"/>
      <c r="VRO20" s="8"/>
      <c r="VRP20" s="8"/>
      <c r="VRQ20" s="8"/>
      <c r="VRR20" s="8"/>
      <c r="VRS20" s="8"/>
      <c r="VRT20" s="8"/>
      <c r="VRU20" s="8"/>
      <c r="VRV20" s="8"/>
      <c r="VRW20" s="8"/>
      <c r="VRX20" s="8"/>
      <c r="VRY20" s="8"/>
      <c r="VRZ20" s="8"/>
      <c r="VSA20" s="8"/>
      <c r="VSB20" s="8"/>
      <c r="VSC20" s="8"/>
      <c r="VSD20" s="8"/>
      <c r="VSE20" s="8"/>
      <c r="VSF20" s="8"/>
      <c r="VSG20" s="8"/>
      <c r="VSH20" s="8"/>
      <c r="VSI20" s="8"/>
      <c r="VSJ20" s="8"/>
      <c r="VSK20" s="8"/>
      <c r="VSL20" s="8"/>
      <c r="VSM20" s="8"/>
      <c r="VSN20" s="8"/>
      <c r="VSO20" s="8"/>
      <c r="VSP20" s="8"/>
      <c r="VSQ20" s="8"/>
      <c r="VSR20" s="8"/>
      <c r="VSS20" s="8"/>
      <c r="VST20" s="8"/>
      <c r="VSU20" s="8"/>
      <c r="VSV20" s="8"/>
      <c r="VSW20" s="8"/>
      <c r="VSX20" s="8"/>
      <c r="VSY20" s="8"/>
      <c r="VSZ20" s="8"/>
      <c r="VTA20" s="8"/>
      <c r="VTB20" s="8"/>
      <c r="VTC20" s="8"/>
      <c r="VTD20" s="8"/>
      <c r="VTE20" s="8"/>
      <c r="VTF20" s="8"/>
      <c r="VTG20" s="8"/>
      <c r="VTH20" s="8"/>
      <c r="VTI20" s="8"/>
      <c r="VTJ20" s="8"/>
      <c r="VTK20" s="8"/>
      <c r="VTL20" s="8"/>
      <c r="VTM20" s="8"/>
      <c r="VTN20" s="8"/>
      <c r="VTO20" s="8"/>
      <c r="VTP20" s="8"/>
      <c r="VTQ20" s="8"/>
      <c r="VTR20" s="8"/>
      <c r="VTS20" s="8"/>
      <c r="VTT20" s="8"/>
      <c r="VTU20" s="8"/>
      <c r="VTV20" s="8"/>
      <c r="VTW20" s="8"/>
      <c r="VTX20" s="8"/>
      <c r="VTY20" s="8"/>
      <c r="VTZ20" s="8"/>
      <c r="VUA20" s="8"/>
      <c r="VUB20" s="8"/>
      <c r="VUC20" s="8"/>
      <c r="VUD20" s="8"/>
      <c r="VUE20" s="8"/>
      <c r="VUF20" s="8"/>
      <c r="VUG20" s="8"/>
      <c r="VUH20" s="8"/>
      <c r="VUI20" s="8"/>
      <c r="VUJ20" s="8"/>
      <c r="VUK20" s="8"/>
      <c r="VUL20" s="8"/>
      <c r="VUM20" s="8"/>
      <c r="VUN20" s="8"/>
      <c r="VUO20" s="8"/>
      <c r="VUP20" s="8"/>
      <c r="VUQ20" s="8"/>
      <c r="VUR20" s="8"/>
      <c r="VUS20" s="8"/>
      <c r="VUT20" s="8"/>
      <c r="VUU20" s="8"/>
      <c r="VUV20" s="8"/>
      <c r="VUW20" s="8"/>
      <c r="VUX20" s="8"/>
      <c r="VUY20" s="8"/>
      <c r="VUZ20" s="8"/>
      <c r="VVA20" s="8"/>
      <c r="VVB20" s="8"/>
      <c r="VVC20" s="8"/>
      <c r="VVD20" s="8"/>
      <c r="VVE20" s="8"/>
      <c r="VVF20" s="8"/>
      <c r="VVG20" s="8"/>
      <c r="VVH20" s="8"/>
      <c r="VVI20" s="8"/>
      <c r="VVJ20" s="8"/>
      <c r="VVK20" s="8"/>
      <c r="VVL20" s="8"/>
      <c r="VVM20" s="8"/>
      <c r="VVN20" s="8"/>
      <c r="VVO20" s="8"/>
      <c r="VVP20" s="8"/>
      <c r="VVQ20" s="8"/>
      <c r="VVR20" s="8"/>
      <c r="VVS20" s="8"/>
      <c r="VVT20" s="8"/>
      <c r="VVU20" s="8"/>
      <c r="VVV20" s="8"/>
      <c r="VVW20" s="8"/>
      <c r="VVX20" s="8"/>
      <c r="VVY20" s="8"/>
      <c r="VVZ20" s="8"/>
      <c r="VWA20" s="8"/>
      <c r="VWB20" s="8"/>
      <c r="VWC20" s="8"/>
      <c r="VWD20" s="8"/>
      <c r="VWE20" s="8"/>
      <c r="VWF20" s="8"/>
      <c r="VWG20" s="8"/>
      <c r="VWH20" s="8"/>
      <c r="VWI20" s="8"/>
      <c r="VWJ20" s="8"/>
      <c r="VWK20" s="8"/>
      <c r="VWL20" s="8"/>
      <c r="VWM20" s="8"/>
      <c r="VWN20" s="8"/>
      <c r="VWO20" s="8"/>
      <c r="VWP20" s="8"/>
      <c r="VWQ20" s="8"/>
      <c r="VWR20" s="8"/>
      <c r="VWS20" s="8"/>
      <c r="VWT20" s="8"/>
      <c r="VWU20" s="8"/>
      <c r="VWV20" s="8"/>
      <c r="VWW20" s="8"/>
      <c r="VWX20" s="8"/>
      <c r="VWY20" s="8"/>
      <c r="VWZ20" s="8"/>
      <c r="VXA20" s="8"/>
      <c r="VXB20" s="8"/>
      <c r="VXC20" s="8"/>
      <c r="VXD20" s="8"/>
      <c r="VXE20" s="8"/>
      <c r="VXF20" s="8"/>
      <c r="VXG20" s="8"/>
      <c r="VXH20" s="8"/>
      <c r="VXI20" s="8"/>
      <c r="VXJ20" s="8"/>
      <c r="VXK20" s="8"/>
      <c r="VXL20" s="8"/>
      <c r="VXM20" s="8"/>
      <c r="VXN20" s="8"/>
      <c r="VXO20" s="8"/>
      <c r="VXP20" s="8"/>
      <c r="VXQ20" s="8"/>
      <c r="VXR20" s="8"/>
      <c r="VXS20" s="8"/>
      <c r="VXT20" s="8"/>
      <c r="VXU20" s="8"/>
      <c r="VXV20" s="8"/>
      <c r="VXW20" s="8"/>
      <c r="VXX20" s="8"/>
      <c r="VXY20" s="8"/>
      <c r="VXZ20" s="8"/>
      <c r="VYA20" s="8"/>
      <c r="VYB20" s="8"/>
      <c r="VYC20" s="8"/>
      <c r="VYD20" s="8"/>
      <c r="VYE20" s="8"/>
      <c r="VYF20" s="8"/>
      <c r="VYG20" s="8"/>
      <c r="VYH20" s="8"/>
      <c r="VYI20" s="8"/>
      <c r="VYJ20" s="8"/>
      <c r="VYK20" s="8"/>
      <c r="VYL20" s="8"/>
      <c r="VYM20" s="8"/>
      <c r="VYN20" s="8"/>
      <c r="VYO20" s="8"/>
      <c r="VYP20" s="8"/>
      <c r="VYQ20" s="8"/>
      <c r="VYR20" s="8"/>
      <c r="VYS20" s="8"/>
      <c r="VYT20" s="8"/>
      <c r="VYU20" s="8"/>
      <c r="VYV20" s="8"/>
      <c r="VYW20" s="8"/>
      <c r="VYX20" s="8"/>
      <c r="VYY20" s="8"/>
      <c r="VYZ20" s="8"/>
      <c r="VZA20" s="8"/>
      <c r="VZB20" s="8"/>
      <c r="VZC20" s="8"/>
      <c r="VZD20" s="8"/>
      <c r="VZE20" s="8"/>
      <c r="VZF20" s="8"/>
      <c r="VZG20" s="8"/>
      <c r="VZH20" s="8"/>
      <c r="VZI20" s="8"/>
      <c r="VZJ20" s="8"/>
      <c r="VZK20" s="8"/>
      <c r="VZL20" s="8"/>
      <c r="VZM20" s="8"/>
      <c r="VZN20" s="8"/>
      <c r="VZO20" s="8"/>
      <c r="VZP20" s="8"/>
      <c r="VZQ20" s="8"/>
      <c r="VZR20" s="8"/>
      <c r="VZS20" s="8"/>
      <c r="VZT20" s="8"/>
      <c r="VZU20" s="8"/>
      <c r="VZV20" s="8"/>
      <c r="VZW20" s="8"/>
      <c r="VZX20" s="8"/>
      <c r="VZY20" s="8"/>
      <c r="VZZ20" s="8"/>
      <c r="WAA20" s="8"/>
      <c r="WAB20" s="8"/>
      <c r="WAC20" s="8"/>
      <c r="WAD20" s="8"/>
      <c r="WAE20" s="8"/>
      <c r="WAF20" s="8"/>
      <c r="WAG20" s="8"/>
      <c r="WAH20" s="8"/>
      <c r="WAI20" s="8"/>
      <c r="WAJ20" s="8"/>
      <c r="WAK20" s="8"/>
      <c r="WAL20" s="8"/>
      <c r="WAM20" s="8"/>
      <c r="WAN20" s="8"/>
      <c r="WAO20" s="8"/>
      <c r="WAP20" s="8"/>
      <c r="WAQ20" s="8"/>
      <c r="WAR20" s="8"/>
      <c r="WAS20" s="8"/>
      <c r="WAT20" s="8"/>
      <c r="WAU20" s="8"/>
      <c r="WAV20" s="8"/>
      <c r="WAW20" s="8"/>
      <c r="WAX20" s="8"/>
      <c r="WAY20" s="8"/>
      <c r="WAZ20" s="8"/>
      <c r="WBA20" s="8"/>
      <c r="WBB20" s="8"/>
      <c r="WBC20" s="8"/>
      <c r="WBD20" s="8"/>
      <c r="WBE20" s="8"/>
      <c r="WBF20" s="8"/>
      <c r="WBG20" s="8"/>
      <c r="WBH20" s="8"/>
      <c r="WBI20" s="8"/>
      <c r="WBJ20" s="8"/>
      <c r="WBK20" s="8"/>
      <c r="WBL20" s="8"/>
      <c r="WBM20" s="8"/>
      <c r="WBN20" s="8"/>
      <c r="WBO20" s="8"/>
      <c r="WBP20" s="8"/>
      <c r="WBQ20" s="8"/>
      <c r="WBR20" s="8"/>
      <c r="WBS20" s="8"/>
      <c r="WBT20" s="8"/>
      <c r="WBU20" s="8"/>
      <c r="WBV20" s="8"/>
      <c r="WBW20" s="8"/>
      <c r="WBX20" s="8"/>
      <c r="WBY20" s="8"/>
      <c r="WBZ20" s="8"/>
      <c r="WCA20" s="8"/>
      <c r="WCB20" s="8"/>
      <c r="WCC20" s="8"/>
      <c r="WCD20" s="8"/>
      <c r="WCE20" s="8"/>
      <c r="WCF20" s="8"/>
      <c r="WCG20" s="8"/>
      <c r="WCH20" s="8"/>
      <c r="WCI20" s="8"/>
      <c r="WCJ20" s="8"/>
      <c r="WCK20" s="8"/>
      <c r="WCL20" s="8"/>
      <c r="WCM20" s="8"/>
      <c r="WCN20" s="8"/>
      <c r="WCO20" s="8"/>
      <c r="WCP20" s="8"/>
      <c r="WCQ20" s="8"/>
      <c r="WCR20" s="8"/>
      <c r="WCS20" s="8"/>
      <c r="WCT20" s="8"/>
      <c r="WCU20" s="8"/>
      <c r="WCV20" s="8"/>
      <c r="WCW20" s="8"/>
      <c r="WCX20" s="8"/>
      <c r="WCY20" s="8"/>
      <c r="WCZ20" s="8"/>
      <c r="WDA20" s="8"/>
      <c r="WDB20" s="8"/>
      <c r="WDC20" s="8"/>
      <c r="WDD20" s="8"/>
      <c r="WDE20" s="8"/>
      <c r="WDF20" s="8"/>
      <c r="WDG20" s="8"/>
      <c r="WDH20" s="8"/>
      <c r="WDI20" s="8"/>
      <c r="WDJ20" s="8"/>
      <c r="WDK20" s="8"/>
      <c r="WDL20" s="8"/>
      <c r="WDM20" s="8"/>
      <c r="WDN20" s="8"/>
      <c r="WDO20" s="8"/>
      <c r="WDP20" s="8"/>
      <c r="WDQ20" s="8"/>
      <c r="WDR20" s="8"/>
      <c r="WDS20" s="8"/>
      <c r="WDT20" s="8"/>
      <c r="WDU20" s="8"/>
      <c r="WDV20" s="8"/>
      <c r="WDW20" s="8"/>
      <c r="WDX20" s="8"/>
      <c r="WDY20" s="8"/>
      <c r="WDZ20" s="8"/>
      <c r="WEA20" s="8"/>
      <c r="WEB20" s="8"/>
      <c r="WEC20" s="8"/>
      <c r="WED20" s="8"/>
      <c r="WEE20" s="8"/>
      <c r="WEF20" s="8"/>
      <c r="WEG20" s="8"/>
      <c r="WEH20" s="8"/>
      <c r="WEI20" s="8"/>
      <c r="WEJ20" s="8"/>
      <c r="WEK20" s="8"/>
      <c r="WEL20" s="8"/>
      <c r="WEM20" s="8"/>
      <c r="WEN20" s="8"/>
      <c r="WEO20" s="8"/>
      <c r="WEP20" s="8"/>
      <c r="WEQ20" s="8"/>
      <c r="WER20" s="8"/>
      <c r="WES20" s="8"/>
      <c r="WET20" s="8"/>
      <c r="WEU20" s="8"/>
      <c r="WEV20" s="8"/>
      <c r="WEW20" s="8"/>
      <c r="WEX20" s="8"/>
      <c r="WEY20" s="8"/>
      <c r="WEZ20" s="8"/>
      <c r="WFA20" s="8"/>
      <c r="WFB20" s="8"/>
      <c r="WFC20" s="8"/>
      <c r="WFD20" s="8"/>
      <c r="WFE20" s="8"/>
      <c r="WFF20" s="8"/>
      <c r="WFG20" s="8"/>
      <c r="WFH20" s="8"/>
      <c r="WFI20" s="8"/>
      <c r="WFJ20" s="8"/>
      <c r="WFK20" s="8"/>
      <c r="WFL20" s="8"/>
      <c r="WFM20" s="8"/>
      <c r="WFN20" s="8"/>
      <c r="WFO20" s="8"/>
      <c r="WFP20" s="8"/>
      <c r="WFQ20" s="8"/>
      <c r="WFR20" s="8"/>
      <c r="WFS20" s="8"/>
      <c r="WFT20" s="8"/>
      <c r="WFU20" s="8"/>
      <c r="WFV20" s="8"/>
      <c r="WFW20" s="8"/>
      <c r="WFX20" s="8"/>
      <c r="WFY20" s="8"/>
      <c r="WFZ20" s="8"/>
      <c r="WGA20" s="8"/>
      <c r="WGB20" s="8"/>
      <c r="WGC20" s="8"/>
      <c r="WGD20" s="8"/>
      <c r="WGE20" s="8"/>
      <c r="WGF20" s="8"/>
      <c r="WGG20" s="8"/>
      <c r="WGH20" s="8"/>
      <c r="WGI20" s="8"/>
      <c r="WGJ20" s="8"/>
      <c r="WGK20" s="8"/>
      <c r="WGL20" s="8"/>
      <c r="WGM20" s="8"/>
      <c r="WGN20" s="8"/>
      <c r="WGO20" s="8"/>
      <c r="WGP20" s="8"/>
      <c r="WGQ20" s="8"/>
      <c r="WGR20" s="8"/>
      <c r="WGS20" s="8"/>
      <c r="WGT20" s="8"/>
      <c r="WGU20" s="8"/>
      <c r="WGV20" s="8"/>
      <c r="WGW20" s="8"/>
      <c r="WGX20" s="8"/>
      <c r="WGY20" s="8"/>
      <c r="WGZ20" s="8"/>
      <c r="WHA20" s="8"/>
      <c r="WHB20" s="8"/>
      <c r="WHC20" s="8"/>
      <c r="WHD20" s="8"/>
      <c r="WHE20" s="8"/>
      <c r="WHF20" s="8"/>
      <c r="WHG20" s="8"/>
      <c r="WHH20" s="8"/>
      <c r="WHI20" s="8"/>
      <c r="WHJ20" s="8"/>
      <c r="WHK20" s="8"/>
      <c r="WHL20" s="8"/>
      <c r="WHM20" s="8"/>
      <c r="WHN20" s="8"/>
      <c r="WHO20" s="8"/>
      <c r="WHP20" s="8"/>
      <c r="WHQ20" s="8"/>
      <c r="WHR20" s="8"/>
      <c r="WHS20" s="8"/>
      <c r="WHT20" s="8"/>
      <c r="WHU20" s="8"/>
      <c r="WHV20" s="8"/>
      <c r="WHW20" s="8"/>
      <c r="WHX20" s="8"/>
      <c r="WHY20" s="8"/>
      <c r="WHZ20" s="8"/>
      <c r="WIA20" s="8"/>
      <c r="WIB20" s="8"/>
      <c r="WIC20" s="8"/>
      <c r="WID20" s="8"/>
      <c r="WIE20" s="8"/>
      <c r="WIF20" s="8"/>
      <c r="WIG20" s="8"/>
      <c r="WIH20" s="8"/>
      <c r="WII20" s="8"/>
      <c r="WIJ20" s="8"/>
      <c r="WIK20" s="8"/>
      <c r="WIL20" s="8"/>
      <c r="WIM20" s="8"/>
      <c r="WIN20" s="8"/>
      <c r="WIO20" s="8"/>
      <c r="WIP20" s="8"/>
      <c r="WIQ20" s="8"/>
      <c r="WIR20" s="8"/>
      <c r="WIS20" s="8"/>
      <c r="WIT20" s="8"/>
      <c r="WIU20" s="8"/>
      <c r="WIV20" s="8"/>
      <c r="WIW20" s="8"/>
      <c r="WIX20" s="8"/>
      <c r="WIY20" s="8"/>
      <c r="WIZ20" s="8"/>
      <c r="WJA20" s="8"/>
      <c r="WJB20" s="8"/>
      <c r="WJC20" s="8"/>
      <c r="WJD20" s="8"/>
      <c r="WJE20" s="8"/>
      <c r="WJF20" s="8"/>
      <c r="WJG20" s="8"/>
      <c r="WJH20" s="8"/>
      <c r="WJI20" s="8"/>
      <c r="WJJ20" s="8"/>
      <c r="WJK20" s="8"/>
      <c r="WJL20" s="8"/>
      <c r="WJM20" s="8"/>
      <c r="WJN20" s="8"/>
      <c r="WJO20" s="8"/>
      <c r="WJP20" s="8"/>
      <c r="WJQ20" s="8"/>
      <c r="WJR20" s="8"/>
      <c r="WJS20" s="8"/>
      <c r="WJT20" s="8"/>
      <c r="WJU20" s="8"/>
      <c r="WJV20" s="8"/>
      <c r="WJW20" s="8"/>
      <c r="WJX20" s="8"/>
      <c r="WJY20" s="8"/>
      <c r="WJZ20" s="8"/>
      <c r="WKA20" s="8"/>
      <c r="WKB20" s="8"/>
      <c r="WKC20" s="8"/>
      <c r="WKD20" s="8"/>
      <c r="WKE20" s="8"/>
      <c r="WKF20" s="8"/>
      <c r="WKG20" s="8"/>
      <c r="WKH20" s="8"/>
      <c r="WKI20" s="8"/>
      <c r="WKJ20" s="8"/>
      <c r="WKK20" s="8"/>
      <c r="WKL20" s="8"/>
      <c r="WKM20" s="8"/>
      <c r="WKN20" s="8"/>
      <c r="WKO20" s="8"/>
      <c r="WKP20" s="8"/>
      <c r="WKQ20" s="8"/>
      <c r="WKR20" s="8"/>
      <c r="WKS20" s="8"/>
      <c r="WKT20" s="8"/>
      <c r="WKU20" s="8"/>
      <c r="WKV20" s="8"/>
      <c r="WKW20" s="8"/>
      <c r="WKX20" s="8"/>
      <c r="WKY20" s="8"/>
      <c r="WKZ20" s="8"/>
      <c r="WLA20" s="8"/>
      <c r="WLB20" s="8"/>
      <c r="WLC20" s="8"/>
      <c r="WLD20" s="8"/>
      <c r="WLE20" s="8"/>
      <c r="WLF20" s="8"/>
      <c r="WLG20" s="8"/>
      <c r="WLH20" s="8"/>
      <c r="WLI20" s="8"/>
      <c r="WLJ20" s="8"/>
      <c r="WLK20" s="8"/>
      <c r="WLL20" s="8"/>
      <c r="WLM20" s="8"/>
      <c r="WLN20" s="8"/>
      <c r="WLO20" s="8"/>
      <c r="WLP20" s="8"/>
      <c r="WLQ20" s="8"/>
      <c r="WLR20" s="8"/>
      <c r="WLS20" s="8"/>
      <c r="WLT20" s="8"/>
      <c r="WLU20" s="8"/>
      <c r="WLV20" s="8"/>
      <c r="WLW20" s="8"/>
      <c r="WLX20" s="8"/>
      <c r="WLY20" s="8"/>
      <c r="WLZ20" s="8"/>
      <c r="WMA20" s="8"/>
      <c r="WMB20" s="8"/>
      <c r="WMC20" s="8"/>
      <c r="WMD20" s="8"/>
      <c r="WME20" s="8"/>
      <c r="WMF20" s="8"/>
      <c r="WMG20" s="8"/>
      <c r="WMH20" s="8"/>
      <c r="WMI20" s="8"/>
      <c r="WMJ20" s="8"/>
      <c r="WMK20" s="8"/>
      <c r="WML20" s="8"/>
      <c r="WMM20" s="8"/>
      <c r="WMN20" s="8"/>
      <c r="WMO20" s="8"/>
      <c r="WMP20" s="8"/>
      <c r="WMQ20" s="8"/>
      <c r="WMR20" s="8"/>
      <c r="WMS20" s="8"/>
      <c r="WMT20" s="8"/>
      <c r="WMU20" s="8"/>
      <c r="WMV20" s="8"/>
      <c r="WMW20" s="8"/>
      <c r="WMX20" s="8"/>
      <c r="WMY20" s="8"/>
      <c r="WMZ20" s="8"/>
      <c r="WNA20" s="8"/>
      <c r="WNB20" s="8"/>
      <c r="WNC20" s="8"/>
      <c r="WND20" s="8"/>
      <c r="WNE20" s="8"/>
      <c r="WNF20" s="8"/>
      <c r="WNG20" s="8"/>
      <c r="WNH20" s="8"/>
      <c r="WNI20" s="8"/>
      <c r="WNJ20" s="8"/>
      <c r="WNK20" s="8"/>
      <c r="WNL20" s="8"/>
      <c r="WNM20" s="8"/>
      <c r="WNN20" s="8"/>
      <c r="WNO20" s="8"/>
      <c r="WNP20" s="8"/>
      <c r="WNQ20" s="8"/>
      <c r="WNR20" s="8"/>
      <c r="WNS20" s="8"/>
      <c r="WNT20" s="8"/>
      <c r="WNU20" s="8"/>
      <c r="WNV20" s="8"/>
      <c r="WNW20" s="8"/>
      <c r="WNX20" s="8"/>
      <c r="WNY20" s="8"/>
      <c r="WNZ20" s="8"/>
      <c r="WOA20" s="8"/>
      <c r="WOB20" s="8"/>
      <c r="WOC20" s="8"/>
      <c r="WOD20" s="8"/>
      <c r="WOE20" s="8"/>
      <c r="WOF20" s="8"/>
      <c r="WOG20" s="8"/>
      <c r="WOH20" s="8"/>
      <c r="WOI20" s="8"/>
      <c r="WOJ20" s="8"/>
      <c r="WOK20" s="8"/>
      <c r="WOL20" s="8"/>
      <c r="WOM20" s="8"/>
      <c r="WON20" s="8"/>
      <c r="WOO20" s="8"/>
      <c r="WOP20" s="8"/>
      <c r="WOQ20" s="8"/>
      <c r="WOR20" s="8"/>
      <c r="WOS20" s="8"/>
      <c r="WOT20" s="8"/>
      <c r="WOU20" s="8"/>
      <c r="WOV20" s="8"/>
      <c r="WOW20" s="8"/>
      <c r="WOX20" s="8"/>
      <c r="WOY20" s="8"/>
      <c r="WOZ20" s="8"/>
      <c r="WPA20" s="8"/>
      <c r="WPB20" s="8"/>
      <c r="WPC20" s="8"/>
      <c r="WPD20" s="8"/>
      <c r="WPE20" s="8"/>
      <c r="WPF20" s="8"/>
      <c r="WPG20" s="8"/>
      <c r="WPH20" s="8"/>
      <c r="WPI20" s="8"/>
      <c r="WPJ20" s="8"/>
      <c r="WPK20" s="8"/>
      <c r="WPL20" s="8"/>
      <c r="WPM20" s="8"/>
      <c r="WPN20" s="8"/>
      <c r="WPO20" s="8"/>
      <c r="WPP20" s="8"/>
      <c r="WPQ20" s="8"/>
      <c r="WPR20" s="8"/>
      <c r="WPS20" s="8"/>
      <c r="WPT20" s="8"/>
      <c r="WPU20" s="8"/>
      <c r="WPV20" s="8"/>
      <c r="WPW20" s="8"/>
      <c r="WPX20" s="8"/>
      <c r="WPY20" s="8"/>
      <c r="WPZ20" s="8"/>
      <c r="WQA20" s="8"/>
      <c r="WQB20" s="8"/>
      <c r="WQC20" s="8"/>
      <c r="WQD20" s="8"/>
      <c r="WQE20" s="8"/>
      <c r="WQF20" s="8"/>
      <c r="WQG20" s="8"/>
      <c r="WQH20" s="8"/>
      <c r="WQI20" s="8"/>
      <c r="WQJ20" s="8"/>
      <c r="WQK20" s="8"/>
      <c r="WQL20" s="8"/>
      <c r="WQM20" s="8"/>
      <c r="WQN20" s="8"/>
      <c r="WQO20" s="8"/>
      <c r="WQP20" s="8"/>
      <c r="WQQ20" s="8"/>
      <c r="WQR20" s="8"/>
      <c r="WQS20" s="8"/>
      <c r="WQT20" s="8"/>
      <c r="WQU20" s="8"/>
      <c r="WQV20" s="8"/>
      <c r="WQW20" s="8"/>
      <c r="WQX20" s="8"/>
      <c r="WQY20" s="8"/>
      <c r="WQZ20" s="8"/>
      <c r="WRA20" s="8"/>
      <c r="WRB20" s="8"/>
      <c r="WRC20" s="8"/>
      <c r="WRD20" s="8"/>
      <c r="WRE20" s="8"/>
      <c r="WRF20" s="8"/>
      <c r="WRG20" s="8"/>
      <c r="WRH20" s="8"/>
      <c r="WRI20" s="8"/>
      <c r="WRJ20" s="8"/>
      <c r="WRK20" s="8"/>
      <c r="WRL20" s="8"/>
      <c r="WRM20" s="8"/>
      <c r="WRN20" s="8"/>
      <c r="WRO20" s="8"/>
      <c r="WRP20" s="8"/>
      <c r="WRQ20" s="8"/>
      <c r="WRR20" s="8"/>
      <c r="WRS20" s="8"/>
      <c r="WRT20" s="8"/>
      <c r="WRU20" s="8"/>
      <c r="WRV20" s="8"/>
      <c r="WRW20" s="8"/>
      <c r="WRX20" s="8"/>
      <c r="WRY20" s="8"/>
      <c r="WRZ20" s="8"/>
      <c r="WSA20" s="8"/>
      <c r="WSB20" s="8"/>
      <c r="WSC20" s="8"/>
      <c r="WSD20" s="8"/>
      <c r="WSE20" s="8"/>
      <c r="WSF20" s="8"/>
      <c r="WSG20" s="8"/>
      <c r="WSH20" s="8"/>
      <c r="WSI20" s="8"/>
      <c r="WSJ20" s="8"/>
      <c r="WSK20" s="8"/>
      <c r="WSL20" s="8"/>
      <c r="WSM20" s="8"/>
      <c r="WSN20" s="8"/>
      <c r="WSO20" s="8"/>
      <c r="WSP20" s="8"/>
      <c r="WSQ20" s="8"/>
      <c r="WSR20" s="8"/>
      <c r="WSS20" s="8"/>
      <c r="WST20" s="8"/>
      <c r="WSU20" s="8"/>
      <c r="WSV20" s="8"/>
      <c r="WSW20" s="8"/>
      <c r="WSX20" s="8"/>
      <c r="WSY20" s="8"/>
      <c r="WSZ20" s="8"/>
      <c r="WTA20" s="8"/>
      <c r="WTB20" s="8"/>
      <c r="WTC20" s="8"/>
      <c r="WTD20" s="8"/>
      <c r="WTE20" s="8"/>
      <c r="WTF20" s="8"/>
      <c r="WTG20" s="8"/>
      <c r="WTH20" s="8"/>
      <c r="WTI20" s="8"/>
      <c r="WTJ20" s="8"/>
      <c r="WTK20" s="8"/>
      <c r="WTL20" s="8"/>
      <c r="WTM20" s="8"/>
      <c r="WTN20" s="8"/>
      <c r="WTO20" s="8"/>
      <c r="WTP20" s="8"/>
      <c r="WTQ20" s="8"/>
      <c r="WTR20" s="8"/>
      <c r="WTS20" s="8"/>
      <c r="WTT20" s="8"/>
      <c r="WTU20" s="8"/>
      <c r="WTV20" s="8"/>
      <c r="WTW20" s="8"/>
      <c r="WTX20" s="8"/>
      <c r="WTY20" s="8"/>
      <c r="WTZ20" s="8"/>
      <c r="WUA20" s="8"/>
      <c r="WUB20" s="8"/>
      <c r="WUC20" s="8"/>
      <c r="WUD20" s="8"/>
      <c r="WUE20" s="8"/>
      <c r="WUF20" s="8"/>
      <c r="WUG20" s="8"/>
      <c r="WUH20" s="8"/>
      <c r="WUI20" s="8"/>
      <c r="WUJ20" s="8"/>
      <c r="WUK20" s="8"/>
      <c r="WUL20" s="8"/>
      <c r="WUM20" s="8"/>
      <c r="WUN20" s="8"/>
      <c r="WUO20" s="8"/>
      <c r="WUP20" s="8"/>
      <c r="WUQ20" s="8"/>
      <c r="WUR20" s="8"/>
      <c r="WUS20" s="8"/>
      <c r="WUT20" s="8"/>
      <c r="WUU20" s="8"/>
      <c r="WUV20" s="8"/>
      <c r="WUW20" s="8"/>
      <c r="WUX20" s="8"/>
      <c r="WUY20" s="8"/>
      <c r="WUZ20" s="8"/>
      <c r="WVA20" s="8"/>
      <c r="WVB20" s="8"/>
      <c r="WVC20" s="8"/>
      <c r="WVD20" s="8"/>
      <c r="WVE20" s="8"/>
      <c r="WVF20" s="8"/>
      <c r="WVG20" s="8"/>
      <c r="WVH20" s="8"/>
      <c r="WVI20" s="8"/>
      <c r="WVJ20" s="8"/>
      <c r="WVK20" s="8"/>
      <c r="WVL20" s="8"/>
      <c r="WVM20" s="8"/>
      <c r="WVN20" s="8"/>
      <c r="WVO20" s="8"/>
      <c r="WVP20" s="8"/>
      <c r="WVQ20" s="8"/>
      <c r="WVR20" s="8"/>
      <c r="WVS20" s="8"/>
      <c r="WVT20" s="8"/>
      <c r="WVU20" s="8"/>
      <c r="WVV20" s="8"/>
      <c r="WVW20" s="8"/>
      <c r="WVX20" s="8"/>
      <c r="WVY20" s="8"/>
      <c r="WVZ20" s="8"/>
      <c r="WWA20" s="8"/>
      <c r="WWB20" s="8"/>
      <c r="WWC20" s="8"/>
      <c r="WWD20" s="8"/>
      <c r="WWE20" s="8"/>
      <c r="WWF20" s="8"/>
      <c r="WWG20" s="8"/>
      <c r="WWH20" s="8"/>
      <c r="WWI20" s="8"/>
      <c r="WWJ20" s="8"/>
      <c r="WWK20" s="8"/>
      <c r="WWL20" s="8"/>
      <c r="WWM20" s="8"/>
      <c r="WWN20" s="8"/>
      <c r="WWO20" s="8"/>
      <c r="WWP20" s="8"/>
      <c r="WWQ20" s="8"/>
      <c r="WWR20" s="8"/>
      <c r="WWS20" s="8"/>
      <c r="WWT20" s="8"/>
      <c r="WWU20" s="8"/>
      <c r="WWV20" s="8"/>
      <c r="WWW20" s="8"/>
      <c r="WWX20" s="8"/>
      <c r="WWY20" s="8"/>
      <c r="WWZ20" s="8"/>
      <c r="WXA20" s="8"/>
      <c r="WXB20" s="8"/>
      <c r="WXC20" s="8"/>
      <c r="WXD20" s="8"/>
      <c r="WXE20" s="8"/>
      <c r="WXF20" s="8"/>
      <c r="WXG20" s="8"/>
      <c r="WXH20" s="8"/>
      <c r="WXI20" s="8"/>
      <c r="WXJ20" s="8"/>
      <c r="WXK20" s="8"/>
      <c r="WXL20" s="8"/>
      <c r="WXM20" s="8"/>
      <c r="WXN20" s="8"/>
      <c r="WXO20" s="8"/>
      <c r="WXP20" s="8"/>
      <c r="WXQ20" s="8"/>
      <c r="WXR20" s="8"/>
      <c r="WXS20" s="8"/>
      <c r="WXT20" s="8"/>
      <c r="WXU20" s="8"/>
      <c r="WXV20" s="8"/>
      <c r="WXW20" s="8"/>
      <c r="WXX20" s="8"/>
      <c r="WXY20" s="8"/>
      <c r="WXZ20" s="8"/>
      <c r="WYA20" s="8"/>
      <c r="WYB20" s="8"/>
      <c r="WYC20" s="8"/>
      <c r="WYD20" s="8"/>
      <c r="WYE20" s="8"/>
      <c r="WYF20" s="8"/>
      <c r="WYG20" s="8"/>
      <c r="WYH20" s="8"/>
      <c r="WYI20" s="8"/>
      <c r="WYJ20" s="8"/>
      <c r="WYK20" s="8"/>
      <c r="WYL20" s="8"/>
      <c r="WYM20" s="8"/>
      <c r="WYN20" s="8"/>
      <c r="WYO20" s="8"/>
      <c r="WYP20" s="8"/>
      <c r="WYQ20" s="8"/>
      <c r="WYR20" s="8"/>
      <c r="WYS20" s="8"/>
      <c r="WYT20" s="8"/>
      <c r="WYU20" s="8"/>
      <c r="WYV20" s="8"/>
      <c r="WYW20" s="8"/>
      <c r="WYX20" s="8"/>
      <c r="WYY20" s="8"/>
      <c r="WYZ20" s="8"/>
      <c r="WZA20" s="8"/>
      <c r="WZB20" s="8"/>
      <c r="WZC20" s="8"/>
      <c r="WZD20" s="8"/>
      <c r="WZE20" s="8"/>
      <c r="WZF20" s="8"/>
      <c r="WZG20" s="8"/>
      <c r="WZH20" s="8"/>
      <c r="WZI20" s="8"/>
      <c r="WZJ20" s="8"/>
      <c r="WZK20" s="8"/>
      <c r="WZL20" s="8"/>
      <c r="WZM20" s="8"/>
      <c r="WZN20" s="8"/>
      <c r="WZO20" s="8"/>
      <c r="WZP20" s="8"/>
      <c r="WZQ20" s="8"/>
      <c r="WZR20" s="8"/>
      <c r="WZS20" s="8"/>
      <c r="WZT20" s="8"/>
      <c r="WZU20" s="8"/>
      <c r="WZV20" s="8"/>
      <c r="WZW20" s="8"/>
      <c r="WZX20" s="8"/>
      <c r="WZY20" s="8"/>
      <c r="WZZ20" s="8"/>
      <c r="XAA20" s="8"/>
      <c r="XAB20" s="8"/>
      <c r="XAC20" s="8"/>
      <c r="XAD20" s="8"/>
      <c r="XAE20" s="8"/>
      <c r="XAF20" s="8"/>
      <c r="XAG20" s="8"/>
      <c r="XAH20" s="8"/>
      <c r="XAI20" s="8"/>
      <c r="XAJ20" s="8"/>
      <c r="XAK20" s="8"/>
      <c r="XAL20" s="8"/>
      <c r="XAM20" s="8"/>
      <c r="XAN20" s="8"/>
      <c r="XAO20" s="8"/>
      <c r="XAP20" s="8"/>
      <c r="XAQ20" s="8"/>
      <c r="XAR20" s="8"/>
      <c r="XAS20" s="8"/>
      <c r="XAT20" s="8"/>
      <c r="XAU20" s="8"/>
      <c r="XAV20" s="8"/>
      <c r="XAW20" s="8"/>
      <c r="XAX20" s="8"/>
      <c r="XAY20" s="8"/>
      <c r="XAZ20" s="8"/>
      <c r="XBA20" s="8"/>
      <c r="XBB20" s="8"/>
      <c r="XBC20" s="8"/>
      <c r="XBD20" s="8"/>
      <c r="XBE20" s="8"/>
      <c r="XBF20" s="8"/>
      <c r="XBG20" s="8"/>
      <c r="XBH20" s="8"/>
      <c r="XBI20" s="8"/>
      <c r="XBJ20" s="8"/>
      <c r="XBK20" s="8"/>
      <c r="XBL20" s="8"/>
      <c r="XBM20" s="8"/>
      <c r="XBN20" s="8"/>
      <c r="XBO20" s="8"/>
      <c r="XBP20" s="8"/>
      <c r="XBQ20" s="8"/>
      <c r="XBR20" s="8"/>
      <c r="XBS20" s="8"/>
      <c r="XBT20" s="8"/>
      <c r="XBU20" s="8"/>
      <c r="XBV20" s="8"/>
      <c r="XBW20" s="8"/>
      <c r="XBX20" s="8"/>
      <c r="XBY20" s="8"/>
      <c r="XBZ20" s="8"/>
      <c r="XCA20" s="8"/>
      <c r="XCB20" s="8"/>
      <c r="XCC20" s="8"/>
      <c r="XCD20" s="8"/>
      <c r="XCE20" s="8"/>
      <c r="XCF20" s="8"/>
      <c r="XCG20" s="8"/>
      <c r="XCH20" s="8"/>
      <c r="XCI20" s="8"/>
      <c r="XCJ20" s="8"/>
      <c r="XCK20" s="8"/>
      <c r="XCL20" s="8"/>
      <c r="XCM20" s="8"/>
      <c r="XCN20" s="8"/>
      <c r="XCO20" s="8"/>
      <c r="XCP20" s="8"/>
      <c r="XCQ20" s="8"/>
      <c r="XCR20" s="8"/>
      <c r="XCS20" s="8"/>
      <c r="XCT20" s="8"/>
      <c r="XCU20" s="8"/>
      <c r="XCV20" s="8"/>
      <c r="XCW20" s="8"/>
      <c r="XCX20" s="8"/>
      <c r="XCY20" s="8"/>
      <c r="XCZ20" s="8"/>
      <c r="XDA20" s="8"/>
      <c r="XDB20" s="8"/>
      <c r="XDC20" s="8"/>
      <c r="XDD20" s="8"/>
      <c r="XDE20" s="8"/>
      <c r="XDF20" s="8"/>
      <c r="XDG20" s="8"/>
      <c r="XDH20" s="8"/>
      <c r="XDI20" s="8"/>
      <c r="XDJ20" s="8"/>
      <c r="XDK20" s="8"/>
      <c r="XDL20" s="8"/>
      <c r="XDM20" s="8"/>
      <c r="XDN20" s="8"/>
      <c r="XDO20" s="8"/>
      <c r="XDP20" s="8"/>
      <c r="XDQ20" s="8"/>
      <c r="XDR20" s="8"/>
      <c r="XDS20" s="8"/>
      <c r="XDT20" s="8"/>
      <c r="XDU20" s="8"/>
      <c r="XDV20" s="8"/>
      <c r="XDW20" s="8"/>
      <c r="XDX20" s="8"/>
      <c r="XDY20" s="8"/>
      <c r="XDZ20" s="8"/>
      <c r="XEA20" s="8"/>
      <c r="XEB20" s="8"/>
      <c r="XEC20" s="8"/>
      <c r="XED20" s="8"/>
      <c r="XEE20" s="8"/>
      <c r="XEF20" s="8"/>
      <c r="XEG20" s="8"/>
      <c r="XEH20" s="8"/>
      <c r="XEI20" s="8"/>
      <c r="XEJ20" s="8"/>
      <c r="XEK20" s="8"/>
      <c r="XEL20" s="8"/>
      <c r="XEM20" s="8"/>
      <c r="XEN20" s="8"/>
      <c r="XEO20" s="8"/>
      <c r="XEP20" s="8"/>
      <c r="XEQ20" s="8"/>
      <c r="XER20" s="8"/>
      <c r="XES20" s="8"/>
      <c r="XET20" s="8"/>
      <c r="XEU20" s="8"/>
      <c r="XEV20" s="8"/>
      <c r="XEW20" s="8"/>
      <c r="XEX20" s="8"/>
      <c r="XEY20" s="8"/>
      <c r="XEZ20" s="8"/>
      <c r="XFA20" s="8"/>
      <c r="XFB20" s="8"/>
      <c r="XFC20" s="8"/>
      <c r="XFD20" s="8"/>
    </row>
    <row r="21" spans="1:16384" ht="13.95" customHeight="1" x14ac:dyDescent="0.25">
      <c r="A21" s="14" t="s">
        <v>142</v>
      </c>
      <c r="B21" s="96" t="s">
        <v>58</v>
      </c>
      <c r="C21" s="93" t="s">
        <v>143</v>
      </c>
      <c r="D21" s="93" t="s">
        <v>144</v>
      </c>
      <c r="E21" s="93">
        <v>2004</v>
      </c>
      <c r="F21" s="93">
        <v>167535</v>
      </c>
      <c r="G21" s="93" t="s">
        <v>8</v>
      </c>
      <c r="H21" s="111">
        <v>1</v>
      </c>
      <c r="I21" s="111">
        <v>1</v>
      </c>
      <c r="J21" s="111">
        <v>1</v>
      </c>
      <c r="K21" s="111">
        <v>0</v>
      </c>
      <c r="L21" s="111">
        <v>0</v>
      </c>
      <c r="M21" s="111">
        <v>1</v>
      </c>
      <c r="N21" s="111">
        <v>1</v>
      </c>
      <c r="O21" s="111">
        <v>0</v>
      </c>
      <c r="P21" s="111">
        <v>0</v>
      </c>
      <c r="Q21" s="111">
        <v>0</v>
      </c>
      <c r="R21" s="111">
        <v>0</v>
      </c>
      <c r="S21" s="111">
        <v>0</v>
      </c>
      <c r="T21" s="111">
        <v>0</v>
      </c>
      <c r="U21" s="111">
        <v>0</v>
      </c>
      <c r="V21" s="111">
        <v>0</v>
      </c>
      <c r="W21" s="111">
        <v>1</v>
      </c>
      <c r="X21" s="111">
        <v>0</v>
      </c>
      <c r="Y21" s="111">
        <v>0</v>
      </c>
      <c r="Z21" s="111">
        <v>0</v>
      </c>
      <c r="AA21" s="111">
        <v>0</v>
      </c>
      <c r="AB21" s="111">
        <v>1</v>
      </c>
      <c r="AC21" s="111">
        <v>0</v>
      </c>
      <c r="AD21" s="111">
        <v>0</v>
      </c>
      <c r="AE21" s="111">
        <v>0</v>
      </c>
      <c r="AF21" s="111">
        <v>0</v>
      </c>
      <c r="AG21" s="111">
        <v>0</v>
      </c>
      <c r="AH21" s="111">
        <v>0</v>
      </c>
      <c r="AI21" s="111">
        <v>0</v>
      </c>
      <c r="AJ21" s="111">
        <v>0</v>
      </c>
      <c r="AK21" s="111">
        <v>0</v>
      </c>
      <c r="AL21" s="111">
        <v>0</v>
      </c>
      <c r="AM21" s="111">
        <v>0</v>
      </c>
      <c r="AN21" s="111">
        <v>0</v>
      </c>
      <c r="AO21" s="111">
        <v>1</v>
      </c>
      <c r="AP21" s="111">
        <v>0</v>
      </c>
      <c r="AQ21" s="111">
        <v>0</v>
      </c>
      <c r="AR21" s="111">
        <v>0</v>
      </c>
      <c r="AS21" s="111">
        <v>1</v>
      </c>
      <c r="AT21" s="111">
        <v>1</v>
      </c>
      <c r="AU21" s="111">
        <v>1</v>
      </c>
      <c r="AV21" s="111">
        <v>1</v>
      </c>
      <c r="AW21" s="111">
        <v>0</v>
      </c>
      <c r="AX21" s="112" t="s">
        <v>22327</v>
      </c>
      <c r="AY21" s="112" t="s">
        <v>22343</v>
      </c>
      <c r="AZ21" s="112" t="s">
        <v>145</v>
      </c>
      <c r="BA21" s="112" t="s">
        <v>22111</v>
      </c>
      <c r="BB21" s="107">
        <v>45884</v>
      </c>
      <c r="BC21" s="8"/>
      <c r="BD21" s="8"/>
      <c r="BE21" s="8"/>
      <c r="BF21" s="8"/>
      <c r="BG21" s="8"/>
      <c r="BH21" s="8"/>
      <c r="BI21" s="8"/>
      <c r="BJ21" s="8"/>
      <c r="BK21" s="8"/>
      <c r="BL21" s="8"/>
      <c r="BM21" s="8"/>
      <c r="BN21" s="8"/>
      <c r="BO21" s="8"/>
      <c r="BP21" s="8"/>
      <c r="BQ21" s="8"/>
      <c r="BR21" s="8"/>
      <c r="BS21" s="8"/>
      <c r="BT21" s="8"/>
      <c r="BU21" s="8"/>
      <c r="BV21" s="8"/>
      <c r="BW21" s="8"/>
      <c r="BX21" s="8"/>
      <c r="BY21" s="8"/>
      <c r="BZ21" s="8"/>
      <c r="CA21" s="8"/>
      <c r="CB21" s="8"/>
      <c r="CC21" s="8"/>
      <c r="CD21" s="8"/>
      <c r="CE21" s="8"/>
      <c r="CF21" s="8"/>
      <c r="CG21" s="8"/>
      <c r="CH21" s="8"/>
      <c r="CI21" s="8"/>
      <c r="CJ21" s="8"/>
      <c r="CK21" s="8"/>
      <c r="CL21" s="8"/>
      <c r="CM21" s="8"/>
      <c r="CN21" s="8"/>
      <c r="CO21" s="8"/>
      <c r="CP21" s="8"/>
      <c r="CQ21" s="8"/>
      <c r="CR21" s="8"/>
      <c r="CS21" s="8"/>
      <c r="CT21" s="8"/>
      <c r="CU21" s="8"/>
      <c r="CV21" s="8"/>
      <c r="CW21" s="8"/>
      <c r="CX21" s="8"/>
      <c r="CY21" s="8"/>
      <c r="CZ21" s="8"/>
      <c r="DA21" s="8"/>
      <c r="DB21" s="8"/>
      <c r="DC21" s="8"/>
      <c r="DD21" s="8"/>
      <c r="DE21" s="8"/>
      <c r="DF21" s="8"/>
      <c r="DG21" s="8"/>
      <c r="DH21" s="8"/>
      <c r="DI21" s="8"/>
      <c r="DJ21" s="8"/>
      <c r="DK21" s="8"/>
      <c r="DL21" s="8"/>
      <c r="DM21" s="8"/>
      <c r="DN21" s="8"/>
      <c r="DO21" s="8"/>
      <c r="DP21" s="8"/>
      <c r="DQ21" s="8"/>
      <c r="DR21" s="8"/>
      <c r="DS21" s="8"/>
      <c r="DT21" s="8"/>
      <c r="DU21" s="8"/>
      <c r="DV21" s="8"/>
      <c r="DW21" s="8"/>
      <c r="DX21" s="8"/>
      <c r="DY21" s="8"/>
      <c r="DZ21" s="8"/>
      <c r="EA21" s="8"/>
      <c r="EB21" s="8"/>
      <c r="EC21" s="8"/>
      <c r="ED21" s="8"/>
      <c r="EE21" s="8"/>
      <c r="EF21" s="8"/>
      <c r="EG21" s="8"/>
      <c r="EH21" s="8"/>
      <c r="EI21" s="8"/>
      <c r="EJ21" s="8"/>
      <c r="EK21" s="8"/>
      <c r="EL21" s="8"/>
      <c r="EM21" s="8"/>
      <c r="EN21" s="8"/>
      <c r="EO21" s="8"/>
      <c r="EP21" s="8"/>
      <c r="EQ21" s="8"/>
      <c r="ER21" s="8"/>
      <c r="ES21" s="8"/>
      <c r="ET21" s="8"/>
      <c r="EU21" s="8"/>
      <c r="EV21" s="8"/>
      <c r="EW21" s="8"/>
      <c r="EX21" s="8"/>
      <c r="EY21" s="8"/>
      <c r="EZ21" s="8"/>
      <c r="FA21" s="8"/>
      <c r="FB21" s="8"/>
      <c r="FC21" s="8"/>
      <c r="FD21" s="8"/>
      <c r="FE21" s="8"/>
      <c r="FF21" s="8"/>
      <c r="FG21" s="8"/>
      <c r="FH21" s="8"/>
      <c r="FI21" s="8"/>
      <c r="FJ21" s="8"/>
      <c r="FK21" s="8"/>
      <c r="FL21" s="8"/>
      <c r="FM21" s="8"/>
      <c r="FN21" s="8"/>
      <c r="FO21" s="8"/>
      <c r="FP21" s="8"/>
      <c r="FQ21" s="8"/>
      <c r="FR21" s="8"/>
      <c r="FS21" s="8"/>
      <c r="FT21" s="8"/>
      <c r="FU21" s="8"/>
      <c r="FV21" s="8"/>
      <c r="FW21" s="8"/>
      <c r="FX21" s="8"/>
      <c r="FY21" s="8"/>
      <c r="FZ21" s="8"/>
      <c r="GA21" s="8"/>
      <c r="GB21" s="8"/>
      <c r="GC21" s="8"/>
      <c r="GD21" s="8"/>
      <c r="GE21" s="8"/>
      <c r="GF21" s="8"/>
      <c r="GG21" s="8"/>
      <c r="GH21" s="8"/>
      <c r="GI21" s="8"/>
      <c r="GJ21" s="8"/>
      <c r="GK21" s="8"/>
      <c r="GL21" s="8"/>
      <c r="GM21" s="8"/>
      <c r="GN21" s="8"/>
      <c r="GO21" s="8"/>
      <c r="GP21" s="8"/>
      <c r="GQ21" s="8"/>
      <c r="GR21" s="8"/>
      <c r="GS21" s="8"/>
      <c r="GT21" s="8"/>
      <c r="GU21" s="8"/>
      <c r="GV21" s="8"/>
      <c r="GW21" s="8"/>
      <c r="GX21" s="8"/>
      <c r="GY21" s="8"/>
      <c r="GZ21" s="8"/>
      <c r="HA21" s="8"/>
      <c r="HB21" s="8"/>
      <c r="HC21" s="8"/>
      <c r="HD21" s="8"/>
      <c r="HE21" s="8"/>
      <c r="HF21" s="8"/>
      <c r="HG21" s="8"/>
      <c r="HH21" s="8"/>
      <c r="HI21" s="8"/>
      <c r="HJ21" s="8"/>
      <c r="HK21" s="8"/>
      <c r="HL21" s="8"/>
      <c r="HM21" s="8"/>
      <c r="HN21" s="8"/>
      <c r="HO21" s="8"/>
      <c r="HP21" s="8"/>
      <c r="HQ21" s="8"/>
      <c r="HR21" s="8"/>
      <c r="HS21" s="8"/>
      <c r="HT21" s="8"/>
      <c r="HU21" s="8"/>
      <c r="HV21" s="8"/>
      <c r="HW21" s="8"/>
      <c r="HX21" s="8"/>
      <c r="HY21" s="8"/>
      <c r="HZ21" s="8"/>
      <c r="IA21" s="8"/>
      <c r="IB21" s="8"/>
      <c r="IC21" s="8"/>
      <c r="ID21" s="8"/>
      <c r="IE21" s="8"/>
      <c r="IF21" s="8"/>
      <c r="IG21" s="8"/>
      <c r="IH21" s="8"/>
      <c r="II21" s="8"/>
      <c r="IJ21" s="8"/>
      <c r="IK21" s="8"/>
      <c r="IL21" s="8"/>
      <c r="IM21" s="8"/>
      <c r="IN21" s="8"/>
      <c r="IO21" s="8"/>
      <c r="IP21" s="8"/>
      <c r="IQ21" s="8"/>
      <c r="IR21" s="8"/>
      <c r="IS21" s="8"/>
      <c r="IT21" s="8"/>
      <c r="IU21" s="8"/>
      <c r="IV21" s="8"/>
      <c r="IW21" s="8"/>
      <c r="IX21" s="8"/>
      <c r="IY21" s="8"/>
      <c r="IZ21" s="8"/>
      <c r="JA21" s="8"/>
      <c r="JB21" s="8"/>
      <c r="JC21" s="8"/>
      <c r="JD21" s="8"/>
      <c r="JE21" s="8"/>
      <c r="JF21" s="8"/>
      <c r="JG21" s="8"/>
      <c r="JH21" s="8"/>
      <c r="JI21" s="8"/>
      <c r="JJ21" s="8"/>
      <c r="JK21" s="8"/>
      <c r="JL21" s="8"/>
      <c r="JM21" s="8"/>
      <c r="JN21" s="8"/>
      <c r="JO21" s="8"/>
      <c r="JP21" s="8"/>
      <c r="JQ21" s="8"/>
      <c r="JR21" s="8"/>
      <c r="JS21" s="8"/>
      <c r="JT21" s="8"/>
      <c r="JU21" s="8"/>
      <c r="JV21" s="8"/>
      <c r="JW21" s="8"/>
      <c r="JX21" s="8"/>
      <c r="JY21" s="8"/>
      <c r="JZ21" s="8"/>
      <c r="KA21" s="8"/>
      <c r="KB21" s="8"/>
      <c r="KC21" s="8"/>
      <c r="KD21" s="8"/>
      <c r="KE21" s="8"/>
      <c r="KF21" s="8"/>
      <c r="KG21" s="8"/>
      <c r="KH21" s="8"/>
      <c r="KI21" s="8"/>
      <c r="KJ21" s="8"/>
      <c r="KK21" s="8"/>
      <c r="KL21" s="8"/>
      <c r="KM21" s="8"/>
      <c r="KN21" s="8"/>
      <c r="KO21" s="8"/>
      <c r="KP21" s="8"/>
      <c r="KQ21" s="8"/>
      <c r="KR21" s="8"/>
      <c r="KS21" s="8"/>
      <c r="KT21" s="8"/>
      <c r="KU21" s="8"/>
      <c r="KV21" s="8"/>
      <c r="KW21" s="8"/>
      <c r="KX21" s="8"/>
      <c r="KY21" s="8"/>
      <c r="KZ21" s="8"/>
      <c r="LA21" s="8"/>
      <c r="LB21" s="8"/>
      <c r="LC21" s="8"/>
      <c r="LD21" s="8"/>
      <c r="LE21" s="8"/>
      <c r="LF21" s="8"/>
      <c r="LG21" s="8"/>
      <c r="LH21" s="8"/>
      <c r="LI21" s="8"/>
      <c r="LJ21" s="8"/>
      <c r="LK21" s="8"/>
      <c r="LL21" s="8"/>
      <c r="LM21" s="8"/>
      <c r="LN21" s="8"/>
      <c r="LO21" s="8"/>
      <c r="LP21" s="8"/>
      <c r="LQ21" s="8"/>
      <c r="LR21" s="8"/>
      <c r="LS21" s="8"/>
      <c r="LT21" s="8"/>
      <c r="LU21" s="8"/>
      <c r="LV21" s="8"/>
      <c r="LW21" s="8"/>
      <c r="LX21" s="8"/>
      <c r="LY21" s="8"/>
      <c r="LZ21" s="8"/>
      <c r="MA21" s="8"/>
      <c r="MB21" s="8"/>
      <c r="MC21" s="8"/>
      <c r="MD21" s="8"/>
      <c r="ME21" s="8"/>
      <c r="MF21" s="8"/>
      <c r="MG21" s="8"/>
      <c r="MH21" s="8"/>
      <c r="MI21" s="8"/>
      <c r="MJ21" s="8"/>
      <c r="MK21" s="8"/>
      <c r="ML21" s="8"/>
      <c r="MM21" s="8"/>
      <c r="MN21" s="8"/>
      <c r="MO21" s="8"/>
      <c r="MP21" s="8"/>
      <c r="MQ21" s="8"/>
      <c r="MR21" s="8"/>
      <c r="MS21" s="8"/>
      <c r="MT21" s="8"/>
      <c r="MU21" s="8"/>
      <c r="MV21" s="8"/>
      <c r="MW21" s="8"/>
      <c r="MX21" s="8"/>
      <c r="MY21" s="8"/>
      <c r="MZ21" s="8"/>
      <c r="NA21" s="8"/>
      <c r="NB21" s="8"/>
      <c r="NC21" s="8"/>
      <c r="ND21" s="8"/>
      <c r="NE21" s="8"/>
      <c r="NF21" s="8"/>
      <c r="NG21" s="8"/>
      <c r="NH21" s="8"/>
      <c r="NI21" s="8"/>
      <c r="NJ21" s="8"/>
      <c r="NK21" s="8"/>
      <c r="NL21" s="8"/>
      <c r="NM21" s="8"/>
      <c r="NN21" s="8"/>
      <c r="NO21" s="8"/>
      <c r="NP21" s="8"/>
      <c r="NQ21" s="8"/>
      <c r="NR21" s="8"/>
      <c r="NS21" s="8"/>
      <c r="NT21" s="8"/>
      <c r="NU21" s="8"/>
      <c r="NV21" s="8"/>
      <c r="NW21" s="8"/>
      <c r="NX21" s="8"/>
      <c r="NY21" s="8"/>
      <c r="NZ21" s="8"/>
      <c r="OA21" s="8"/>
      <c r="OB21" s="8"/>
      <c r="OC21" s="8"/>
      <c r="OD21" s="8"/>
      <c r="OE21" s="8"/>
      <c r="OF21" s="8"/>
      <c r="OG21" s="8"/>
      <c r="OH21" s="8"/>
      <c r="OI21" s="8"/>
      <c r="OJ21" s="8"/>
      <c r="OK21" s="8"/>
      <c r="OL21" s="8"/>
      <c r="OM21" s="8"/>
      <c r="ON21" s="8"/>
      <c r="OO21" s="8"/>
      <c r="OP21" s="8"/>
      <c r="OQ21" s="8"/>
      <c r="OR21" s="8"/>
      <c r="OS21" s="8"/>
      <c r="OT21" s="8"/>
      <c r="OU21" s="8"/>
      <c r="OV21" s="8"/>
      <c r="OW21" s="8"/>
      <c r="OX21" s="8"/>
      <c r="OY21" s="8"/>
      <c r="OZ21" s="8"/>
      <c r="PA21" s="8"/>
      <c r="PB21" s="8"/>
      <c r="PC21" s="8"/>
      <c r="PD21" s="8"/>
      <c r="PE21" s="8"/>
      <c r="PF21" s="8"/>
      <c r="PG21" s="8"/>
      <c r="PH21" s="8"/>
      <c r="PI21" s="8"/>
      <c r="PJ21" s="8"/>
      <c r="PK21" s="8"/>
      <c r="PL21" s="8"/>
      <c r="PM21" s="8"/>
      <c r="PN21" s="8"/>
      <c r="PO21" s="8"/>
      <c r="PP21" s="8"/>
      <c r="PQ21" s="8"/>
      <c r="PR21" s="8"/>
      <c r="PS21" s="8"/>
      <c r="PT21" s="8"/>
      <c r="PU21" s="8"/>
      <c r="PV21" s="8"/>
      <c r="PW21" s="8"/>
      <c r="PX21" s="8"/>
      <c r="PY21" s="8"/>
      <c r="PZ21" s="8"/>
      <c r="QA21" s="8"/>
      <c r="QB21" s="8"/>
      <c r="QC21" s="8"/>
      <c r="QD21" s="8"/>
      <c r="QE21" s="8"/>
      <c r="QF21" s="8"/>
      <c r="QG21" s="8"/>
      <c r="QH21" s="8"/>
      <c r="QI21" s="8"/>
      <c r="QJ21" s="8"/>
      <c r="QK21" s="8"/>
      <c r="QL21" s="8"/>
      <c r="QM21" s="8"/>
      <c r="QN21" s="8"/>
      <c r="QO21" s="8"/>
      <c r="QP21" s="8"/>
      <c r="QQ21" s="8"/>
      <c r="QR21" s="8"/>
      <c r="QS21" s="8"/>
      <c r="QT21" s="8"/>
      <c r="QU21" s="8"/>
      <c r="QV21" s="8"/>
      <c r="QW21" s="8"/>
      <c r="QX21" s="8"/>
      <c r="QY21" s="8"/>
      <c r="QZ21" s="8"/>
      <c r="RA21" s="8"/>
      <c r="RB21" s="8"/>
      <c r="RC21" s="8"/>
      <c r="RD21" s="8"/>
      <c r="RE21" s="8"/>
      <c r="RF21" s="8"/>
      <c r="RG21" s="8"/>
      <c r="RH21" s="8"/>
      <c r="RI21" s="8"/>
      <c r="RJ21" s="8"/>
      <c r="RK21" s="8"/>
      <c r="RL21" s="8"/>
      <c r="RM21" s="8"/>
      <c r="RN21" s="8"/>
      <c r="RO21" s="8"/>
      <c r="RP21" s="8"/>
      <c r="RQ21" s="8"/>
      <c r="RR21" s="8"/>
      <c r="RS21" s="8"/>
      <c r="RT21" s="8"/>
      <c r="RU21" s="8"/>
      <c r="RV21" s="8"/>
      <c r="RW21" s="8"/>
      <c r="RX21" s="8"/>
      <c r="RY21" s="8"/>
      <c r="RZ21" s="8"/>
      <c r="SA21" s="8"/>
      <c r="SB21" s="8"/>
      <c r="SC21" s="8"/>
      <c r="SD21" s="8"/>
      <c r="SE21" s="8"/>
      <c r="SF21" s="8"/>
      <c r="SG21" s="8"/>
      <c r="SH21" s="8"/>
      <c r="SI21" s="8"/>
      <c r="SJ21" s="8"/>
      <c r="SK21" s="8"/>
      <c r="SL21" s="8"/>
      <c r="SM21" s="8"/>
      <c r="SN21" s="8"/>
      <c r="SO21" s="8"/>
      <c r="SP21" s="8"/>
      <c r="SQ21" s="8"/>
      <c r="SR21" s="8"/>
      <c r="SS21" s="8"/>
      <c r="ST21" s="8"/>
      <c r="SU21" s="8"/>
      <c r="SV21" s="8"/>
      <c r="SW21" s="8"/>
      <c r="SX21" s="8"/>
      <c r="SY21" s="8"/>
      <c r="SZ21" s="8"/>
      <c r="TA21" s="8"/>
      <c r="TB21" s="8"/>
      <c r="TC21" s="8"/>
      <c r="TD21" s="8"/>
      <c r="TE21" s="8"/>
      <c r="TF21" s="8"/>
      <c r="TG21" s="8"/>
      <c r="TH21" s="8"/>
      <c r="TI21" s="8"/>
      <c r="TJ21" s="8"/>
      <c r="TK21" s="8"/>
      <c r="TL21" s="8"/>
      <c r="TM21" s="8"/>
      <c r="TN21" s="8"/>
      <c r="TO21" s="8"/>
      <c r="TP21" s="8"/>
      <c r="TQ21" s="8"/>
      <c r="TR21" s="8"/>
      <c r="TS21" s="8"/>
      <c r="TT21" s="8"/>
      <c r="TU21" s="8"/>
      <c r="TV21" s="8"/>
      <c r="TW21" s="8"/>
      <c r="TX21" s="8"/>
      <c r="TY21" s="8"/>
      <c r="TZ21" s="8"/>
      <c r="UA21" s="8"/>
      <c r="UB21" s="8"/>
      <c r="UC21" s="8"/>
      <c r="UD21" s="8"/>
      <c r="UE21" s="8"/>
      <c r="UF21" s="8"/>
      <c r="UG21" s="8"/>
      <c r="UH21" s="8"/>
      <c r="UI21" s="8"/>
      <c r="UJ21" s="8"/>
      <c r="UK21" s="8"/>
      <c r="UL21" s="8"/>
      <c r="UM21" s="8"/>
      <c r="UN21" s="8"/>
      <c r="UO21" s="8"/>
      <c r="UP21" s="8"/>
      <c r="UQ21" s="8"/>
      <c r="UR21" s="8"/>
      <c r="US21" s="8"/>
      <c r="UT21" s="8"/>
      <c r="UU21" s="8"/>
      <c r="UV21" s="8"/>
      <c r="UW21" s="8"/>
      <c r="UX21" s="8"/>
      <c r="UY21" s="8"/>
      <c r="UZ21" s="8"/>
      <c r="VA21" s="8"/>
      <c r="VB21" s="8"/>
      <c r="VC21" s="8"/>
      <c r="VD21" s="8"/>
      <c r="VE21" s="8"/>
      <c r="VF21" s="8"/>
      <c r="VG21" s="8"/>
      <c r="VH21" s="8"/>
      <c r="VI21" s="8"/>
      <c r="VJ21" s="8"/>
      <c r="VK21" s="8"/>
      <c r="VL21" s="8"/>
      <c r="VM21" s="8"/>
      <c r="VN21" s="8"/>
      <c r="VO21" s="8"/>
      <c r="VP21" s="8"/>
      <c r="VQ21" s="8"/>
      <c r="VR21" s="8"/>
      <c r="VS21" s="8"/>
      <c r="VT21" s="8"/>
      <c r="VU21" s="8"/>
      <c r="VV21" s="8"/>
      <c r="VW21" s="8"/>
      <c r="VX21" s="8"/>
      <c r="VY21" s="8"/>
      <c r="VZ21" s="8"/>
      <c r="WA21" s="8"/>
      <c r="WB21" s="8"/>
      <c r="WC21" s="8"/>
      <c r="WD21" s="8"/>
      <c r="WE21" s="8"/>
      <c r="WF21" s="8"/>
      <c r="WG21" s="8"/>
      <c r="WH21" s="8"/>
      <c r="WI21" s="8"/>
      <c r="WJ21" s="8"/>
      <c r="WK21" s="8"/>
      <c r="WL21" s="8"/>
      <c r="WM21" s="8"/>
      <c r="WN21" s="8"/>
      <c r="WO21" s="8"/>
      <c r="WP21" s="8"/>
      <c r="WQ21" s="8"/>
      <c r="WR21" s="8"/>
      <c r="WS21" s="8"/>
      <c r="WT21" s="8"/>
      <c r="WU21" s="8"/>
      <c r="WV21" s="8"/>
      <c r="WW21" s="8"/>
      <c r="WX21" s="8"/>
      <c r="WY21" s="8"/>
      <c r="WZ21" s="8"/>
      <c r="XA21" s="8"/>
      <c r="XB21" s="8"/>
      <c r="XC21" s="8"/>
      <c r="XD21" s="8"/>
      <c r="XE21" s="8"/>
      <c r="XF21" s="8"/>
      <c r="XG21" s="8"/>
      <c r="XH21" s="8"/>
      <c r="XI21" s="8"/>
      <c r="XJ21" s="8"/>
      <c r="XK21" s="8"/>
      <c r="XL21" s="8"/>
      <c r="XM21" s="8"/>
      <c r="XN21" s="8"/>
      <c r="XO21" s="8"/>
      <c r="XP21" s="8"/>
      <c r="XQ21" s="8"/>
      <c r="XR21" s="8"/>
      <c r="XS21" s="8"/>
      <c r="XT21" s="8"/>
      <c r="XU21" s="8"/>
      <c r="XV21" s="8"/>
      <c r="XW21" s="8"/>
      <c r="XX21" s="8"/>
      <c r="XY21" s="8"/>
      <c r="XZ21" s="8"/>
      <c r="YA21" s="8"/>
      <c r="YB21" s="8"/>
      <c r="YC21" s="8"/>
      <c r="YD21" s="8"/>
      <c r="YE21" s="8"/>
      <c r="YF21" s="8"/>
      <c r="YG21" s="8"/>
      <c r="YH21" s="8"/>
      <c r="YI21" s="8"/>
      <c r="YJ21" s="8"/>
      <c r="YK21" s="8"/>
      <c r="YL21" s="8"/>
      <c r="YM21" s="8"/>
      <c r="YN21" s="8"/>
      <c r="YO21" s="8"/>
      <c r="YP21" s="8"/>
      <c r="YQ21" s="8"/>
      <c r="YR21" s="8"/>
      <c r="YS21" s="8"/>
      <c r="YT21" s="8"/>
      <c r="YU21" s="8"/>
      <c r="YV21" s="8"/>
      <c r="YW21" s="8"/>
      <c r="YX21" s="8"/>
      <c r="YY21" s="8"/>
      <c r="YZ21" s="8"/>
      <c r="ZA21" s="8"/>
      <c r="ZB21" s="8"/>
      <c r="ZC21" s="8"/>
      <c r="ZD21" s="8"/>
      <c r="ZE21" s="8"/>
      <c r="ZF21" s="8"/>
      <c r="ZG21" s="8"/>
      <c r="ZH21" s="8"/>
      <c r="ZI21" s="8"/>
      <c r="ZJ21" s="8"/>
      <c r="ZK21" s="8"/>
      <c r="ZL21" s="8"/>
      <c r="ZM21" s="8"/>
      <c r="ZN21" s="8"/>
      <c r="ZO21" s="8"/>
      <c r="ZP21" s="8"/>
      <c r="ZQ21" s="8"/>
      <c r="ZR21" s="8"/>
      <c r="ZS21" s="8"/>
      <c r="ZT21" s="8"/>
      <c r="ZU21" s="8"/>
      <c r="ZV21" s="8"/>
      <c r="ZW21" s="8"/>
      <c r="ZX21" s="8"/>
      <c r="ZY21" s="8"/>
      <c r="ZZ21" s="8"/>
      <c r="AAA21" s="8"/>
      <c r="AAB21" s="8"/>
      <c r="AAC21" s="8"/>
      <c r="AAD21" s="8"/>
      <c r="AAE21" s="8"/>
      <c r="AAF21" s="8"/>
      <c r="AAG21" s="8"/>
      <c r="AAH21" s="8"/>
      <c r="AAI21" s="8"/>
      <c r="AAJ21" s="8"/>
      <c r="AAK21" s="8"/>
      <c r="AAL21" s="8"/>
      <c r="AAM21" s="8"/>
      <c r="AAN21" s="8"/>
      <c r="AAO21" s="8"/>
      <c r="AAP21" s="8"/>
      <c r="AAQ21" s="8"/>
      <c r="AAR21" s="8"/>
      <c r="AAS21" s="8"/>
      <c r="AAT21" s="8"/>
      <c r="AAU21" s="8"/>
      <c r="AAV21" s="8"/>
      <c r="AAW21" s="8"/>
      <c r="AAX21" s="8"/>
      <c r="AAY21" s="8"/>
      <c r="AAZ21" s="8"/>
      <c r="ABA21" s="8"/>
      <c r="ABB21" s="8"/>
      <c r="ABC21" s="8"/>
      <c r="ABD21" s="8"/>
      <c r="ABE21" s="8"/>
      <c r="ABF21" s="8"/>
      <c r="ABG21" s="8"/>
      <c r="ABH21" s="8"/>
      <c r="ABI21" s="8"/>
      <c r="ABJ21" s="8"/>
      <c r="ABK21" s="8"/>
      <c r="ABL21" s="8"/>
      <c r="ABM21" s="8"/>
      <c r="ABN21" s="8"/>
      <c r="ABO21" s="8"/>
      <c r="ABP21" s="8"/>
      <c r="ABQ21" s="8"/>
      <c r="ABR21" s="8"/>
      <c r="ABS21" s="8"/>
      <c r="ABT21" s="8"/>
      <c r="ABU21" s="8"/>
      <c r="ABV21" s="8"/>
      <c r="ABW21" s="8"/>
      <c r="ABX21" s="8"/>
      <c r="ABY21" s="8"/>
      <c r="ABZ21" s="8"/>
      <c r="ACA21" s="8"/>
      <c r="ACB21" s="8"/>
      <c r="ACC21" s="8"/>
      <c r="ACD21" s="8"/>
      <c r="ACE21" s="8"/>
      <c r="ACF21" s="8"/>
      <c r="ACG21" s="8"/>
      <c r="ACH21" s="8"/>
      <c r="ACI21" s="8"/>
      <c r="ACJ21" s="8"/>
      <c r="ACK21" s="8"/>
      <c r="ACL21" s="8"/>
      <c r="ACM21" s="8"/>
      <c r="ACN21" s="8"/>
      <c r="ACO21" s="8"/>
      <c r="ACP21" s="8"/>
      <c r="ACQ21" s="8"/>
      <c r="ACR21" s="8"/>
      <c r="ACS21" s="8"/>
      <c r="ACT21" s="8"/>
      <c r="ACU21" s="8"/>
      <c r="ACV21" s="8"/>
      <c r="ACW21" s="8"/>
      <c r="ACX21" s="8"/>
      <c r="ACY21" s="8"/>
      <c r="ACZ21" s="8"/>
      <c r="ADA21" s="8"/>
      <c r="ADB21" s="8"/>
      <c r="ADC21" s="8"/>
      <c r="ADD21" s="8"/>
      <c r="ADE21" s="8"/>
      <c r="ADF21" s="8"/>
      <c r="ADG21" s="8"/>
      <c r="ADH21" s="8"/>
      <c r="ADI21" s="8"/>
      <c r="ADJ21" s="8"/>
      <c r="ADK21" s="8"/>
      <c r="ADL21" s="8"/>
      <c r="ADM21" s="8"/>
      <c r="ADN21" s="8"/>
      <c r="ADO21" s="8"/>
      <c r="ADP21" s="8"/>
      <c r="ADQ21" s="8"/>
      <c r="ADR21" s="8"/>
      <c r="ADS21" s="8"/>
      <c r="ADT21" s="8"/>
      <c r="ADU21" s="8"/>
      <c r="ADV21" s="8"/>
      <c r="ADW21" s="8"/>
      <c r="ADX21" s="8"/>
      <c r="ADY21" s="8"/>
      <c r="ADZ21" s="8"/>
      <c r="AEA21" s="8"/>
      <c r="AEB21" s="8"/>
      <c r="AEC21" s="8"/>
      <c r="AED21" s="8"/>
      <c r="AEE21" s="8"/>
      <c r="AEF21" s="8"/>
      <c r="AEG21" s="8"/>
      <c r="AEH21" s="8"/>
      <c r="AEI21" s="8"/>
      <c r="AEJ21" s="8"/>
      <c r="AEK21" s="8"/>
      <c r="AEL21" s="8"/>
      <c r="AEM21" s="8"/>
      <c r="AEN21" s="8"/>
      <c r="AEO21" s="8"/>
      <c r="AEP21" s="8"/>
      <c r="AEQ21" s="8"/>
      <c r="AER21" s="8"/>
      <c r="AES21" s="8"/>
      <c r="AET21" s="8"/>
      <c r="AEU21" s="8"/>
      <c r="AEV21" s="8"/>
      <c r="AEW21" s="8"/>
      <c r="AEX21" s="8"/>
      <c r="AEY21" s="8"/>
      <c r="AEZ21" s="8"/>
      <c r="AFA21" s="8"/>
      <c r="AFB21" s="8"/>
      <c r="AFC21" s="8"/>
      <c r="AFD21" s="8"/>
      <c r="AFE21" s="8"/>
      <c r="AFF21" s="8"/>
      <c r="AFG21" s="8"/>
      <c r="AFH21" s="8"/>
      <c r="AFI21" s="8"/>
      <c r="AFJ21" s="8"/>
      <c r="AFK21" s="8"/>
      <c r="AFL21" s="8"/>
      <c r="AFM21" s="8"/>
      <c r="AFN21" s="8"/>
      <c r="AFO21" s="8"/>
      <c r="AFP21" s="8"/>
      <c r="AFQ21" s="8"/>
      <c r="AFR21" s="8"/>
      <c r="AFS21" s="8"/>
      <c r="AFT21" s="8"/>
      <c r="AFU21" s="8"/>
      <c r="AFV21" s="8"/>
      <c r="AFW21" s="8"/>
      <c r="AFX21" s="8"/>
      <c r="AFY21" s="8"/>
      <c r="AFZ21" s="8"/>
      <c r="AGA21" s="8"/>
      <c r="AGB21" s="8"/>
      <c r="AGC21" s="8"/>
      <c r="AGD21" s="8"/>
      <c r="AGE21" s="8"/>
      <c r="AGF21" s="8"/>
      <c r="AGG21" s="8"/>
      <c r="AGH21" s="8"/>
      <c r="AGI21" s="8"/>
      <c r="AGJ21" s="8"/>
      <c r="AGK21" s="8"/>
      <c r="AGL21" s="8"/>
      <c r="AGM21" s="8"/>
      <c r="AGN21" s="8"/>
      <c r="AGO21" s="8"/>
      <c r="AGP21" s="8"/>
      <c r="AGQ21" s="8"/>
      <c r="AGR21" s="8"/>
      <c r="AGS21" s="8"/>
      <c r="AGT21" s="8"/>
      <c r="AGU21" s="8"/>
      <c r="AGV21" s="8"/>
      <c r="AGW21" s="8"/>
      <c r="AGX21" s="8"/>
      <c r="AGY21" s="8"/>
      <c r="AGZ21" s="8"/>
      <c r="AHA21" s="8"/>
      <c r="AHB21" s="8"/>
      <c r="AHC21" s="8"/>
      <c r="AHD21" s="8"/>
      <c r="AHE21" s="8"/>
      <c r="AHF21" s="8"/>
      <c r="AHG21" s="8"/>
      <c r="AHH21" s="8"/>
      <c r="AHI21" s="8"/>
      <c r="AHJ21" s="8"/>
      <c r="AHK21" s="8"/>
      <c r="AHL21" s="8"/>
      <c r="AHM21" s="8"/>
      <c r="AHN21" s="8"/>
      <c r="AHO21" s="8"/>
      <c r="AHP21" s="8"/>
      <c r="AHQ21" s="8"/>
      <c r="AHR21" s="8"/>
      <c r="AHS21" s="8"/>
      <c r="AHT21" s="8"/>
      <c r="AHU21" s="8"/>
      <c r="AHV21" s="8"/>
      <c r="AHW21" s="8"/>
      <c r="AHX21" s="8"/>
      <c r="AHY21" s="8"/>
      <c r="AHZ21" s="8"/>
      <c r="AIA21" s="8"/>
      <c r="AIB21" s="8"/>
      <c r="AIC21" s="8"/>
      <c r="AID21" s="8"/>
      <c r="AIE21" s="8"/>
      <c r="AIF21" s="8"/>
      <c r="AIG21" s="8"/>
      <c r="AIH21" s="8"/>
      <c r="AII21" s="8"/>
      <c r="AIJ21" s="8"/>
      <c r="AIK21" s="8"/>
      <c r="AIL21" s="8"/>
      <c r="AIM21" s="8"/>
      <c r="AIN21" s="8"/>
      <c r="AIO21" s="8"/>
      <c r="AIP21" s="8"/>
      <c r="AIQ21" s="8"/>
      <c r="AIR21" s="8"/>
      <c r="AIS21" s="8"/>
      <c r="AIT21" s="8"/>
      <c r="AIU21" s="8"/>
      <c r="AIV21" s="8"/>
      <c r="AIW21" s="8"/>
      <c r="AIX21" s="8"/>
      <c r="AIY21" s="8"/>
      <c r="AIZ21" s="8"/>
      <c r="AJA21" s="8"/>
      <c r="AJB21" s="8"/>
      <c r="AJC21" s="8"/>
      <c r="AJD21" s="8"/>
      <c r="AJE21" s="8"/>
      <c r="AJF21" s="8"/>
      <c r="AJG21" s="8"/>
      <c r="AJH21" s="8"/>
      <c r="AJI21" s="8"/>
      <c r="AJJ21" s="8"/>
      <c r="AJK21" s="8"/>
      <c r="AJL21" s="8"/>
      <c r="AJM21" s="8"/>
      <c r="AJN21" s="8"/>
      <c r="AJO21" s="8"/>
      <c r="AJP21" s="8"/>
      <c r="AJQ21" s="8"/>
      <c r="AJR21" s="8"/>
      <c r="AJS21" s="8"/>
      <c r="AJT21" s="8"/>
      <c r="AJU21" s="8"/>
      <c r="AJV21" s="8"/>
      <c r="AJW21" s="8"/>
      <c r="AJX21" s="8"/>
      <c r="AJY21" s="8"/>
      <c r="AJZ21" s="8"/>
      <c r="AKA21" s="8"/>
      <c r="AKB21" s="8"/>
      <c r="AKC21" s="8"/>
      <c r="AKD21" s="8"/>
      <c r="AKE21" s="8"/>
      <c r="AKF21" s="8"/>
      <c r="AKG21" s="8"/>
      <c r="AKH21" s="8"/>
      <c r="AKI21" s="8"/>
      <c r="AKJ21" s="8"/>
      <c r="AKK21" s="8"/>
      <c r="AKL21" s="8"/>
      <c r="AKM21" s="8"/>
      <c r="AKN21" s="8"/>
      <c r="AKO21" s="8"/>
      <c r="AKP21" s="8"/>
      <c r="AKQ21" s="8"/>
      <c r="AKR21" s="8"/>
      <c r="AKS21" s="8"/>
      <c r="AKT21" s="8"/>
      <c r="AKU21" s="8"/>
      <c r="AKV21" s="8"/>
      <c r="AKW21" s="8"/>
      <c r="AKX21" s="8"/>
      <c r="AKY21" s="8"/>
      <c r="AKZ21" s="8"/>
      <c r="ALA21" s="8"/>
      <c r="ALB21" s="8"/>
      <c r="ALC21" s="8"/>
      <c r="ALD21" s="8"/>
      <c r="ALE21" s="8"/>
      <c r="ALF21" s="8"/>
      <c r="ALG21" s="8"/>
      <c r="ALH21" s="8"/>
      <c r="ALI21" s="8"/>
      <c r="ALJ21" s="8"/>
      <c r="ALK21" s="8"/>
      <c r="ALL21" s="8"/>
      <c r="ALM21" s="8"/>
      <c r="ALN21" s="8"/>
      <c r="ALO21" s="8"/>
      <c r="ALP21" s="8"/>
      <c r="ALQ21" s="8"/>
      <c r="ALR21" s="8"/>
      <c r="ALS21" s="8"/>
      <c r="ALT21" s="8"/>
      <c r="ALU21" s="8"/>
      <c r="ALV21" s="8"/>
      <c r="ALW21" s="8"/>
      <c r="ALX21" s="8"/>
      <c r="ALY21" s="8"/>
      <c r="ALZ21" s="8"/>
      <c r="AMA21" s="8"/>
      <c r="AMB21" s="8"/>
      <c r="AMC21" s="8"/>
      <c r="AMD21" s="8"/>
      <c r="AME21" s="8"/>
      <c r="AMF21" s="8"/>
      <c r="AMG21" s="8"/>
      <c r="AMH21" s="8"/>
      <c r="AMI21" s="8"/>
      <c r="AMJ21" s="8"/>
      <c r="AMK21" s="8"/>
      <c r="AML21" s="8"/>
      <c r="AMM21" s="8"/>
      <c r="AMN21" s="8"/>
      <c r="AMO21" s="8"/>
      <c r="AMP21" s="8"/>
      <c r="AMQ21" s="8"/>
      <c r="AMR21" s="8"/>
      <c r="AMS21" s="8"/>
      <c r="AMT21" s="8"/>
      <c r="AMU21" s="8"/>
      <c r="AMV21" s="8"/>
      <c r="AMW21" s="8"/>
      <c r="AMX21" s="8"/>
      <c r="AMY21" s="8"/>
      <c r="AMZ21" s="8"/>
      <c r="ANA21" s="8"/>
      <c r="ANB21" s="8"/>
      <c r="ANC21" s="8"/>
      <c r="AND21" s="8"/>
      <c r="ANE21" s="8"/>
      <c r="ANF21" s="8"/>
      <c r="ANG21" s="8"/>
      <c r="ANH21" s="8"/>
      <c r="ANI21" s="8"/>
      <c r="ANJ21" s="8"/>
      <c r="ANK21" s="8"/>
      <c r="ANL21" s="8"/>
      <c r="ANM21" s="8"/>
      <c r="ANN21" s="8"/>
      <c r="ANO21" s="8"/>
      <c r="ANP21" s="8"/>
      <c r="ANQ21" s="8"/>
      <c r="ANR21" s="8"/>
      <c r="ANS21" s="8"/>
      <c r="ANT21" s="8"/>
      <c r="ANU21" s="8"/>
      <c r="ANV21" s="8"/>
      <c r="ANW21" s="8"/>
      <c r="ANX21" s="8"/>
      <c r="ANY21" s="8"/>
      <c r="ANZ21" s="8"/>
      <c r="AOA21" s="8"/>
      <c r="AOB21" s="8"/>
      <c r="AOC21" s="8"/>
      <c r="AOD21" s="8"/>
      <c r="AOE21" s="8"/>
      <c r="AOF21" s="8"/>
      <c r="AOG21" s="8"/>
      <c r="AOH21" s="8"/>
      <c r="AOI21" s="8"/>
      <c r="AOJ21" s="8"/>
      <c r="AOK21" s="8"/>
      <c r="AOL21" s="8"/>
      <c r="AOM21" s="8"/>
      <c r="AON21" s="8"/>
      <c r="AOO21" s="8"/>
      <c r="AOP21" s="8"/>
      <c r="AOQ21" s="8"/>
      <c r="AOR21" s="8"/>
      <c r="AOS21" s="8"/>
      <c r="AOT21" s="8"/>
      <c r="AOU21" s="8"/>
      <c r="AOV21" s="8"/>
      <c r="AOW21" s="8"/>
      <c r="AOX21" s="8"/>
      <c r="AOY21" s="8"/>
      <c r="AOZ21" s="8"/>
      <c r="APA21" s="8"/>
      <c r="APB21" s="8"/>
      <c r="APC21" s="8"/>
      <c r="APD21" s="8"/>
      <c r="APE21" s="8"/>
      <c r="APF21" s="8"/>
      <c r="APG21" s="8"/>
      <c r="APH21" s="8"/>
      <c r="API21" s="8"/>
      <c r="APJ21" s="8"/>
      <c r="APK21" s="8"/>
      <c r="APL21" s="8"/>
      <c r="APM21" s="8"/>
      <c r="APN21" s="8"/>
      <c r="APO21" s="8"/>
      <c r="APP21" s="8"/>
      <c r="APQ21" s="8"/>
      <c r="APR21" s="8"/>
      <c r="APS21" s="8"/>
      <c r="APT21" s="8"/>
      <c r="APU21" s="8"/>
      <c r="APV21" s="8"/>
      <c r="APW21" s="8"/>
      <c r="APX21" s="8"/>
      <c r="APY21" s="8"/>
      <c r="APZ21" s="8"/>
      <c r="AQA21" s="8"/>
      <c r="AQB21" s="8"/>
      <c r="AQC21" s="8"/>
      <c r="AQD21" s="8"/>
      <c r="AQE21" s="8"/>
      <c r="AQF21" s="8"/>
      <c r="AQG21" s="8"/>
      <c r="AQH21" s="8"/>
      <c r="AQI21" s="8"/>
      <c r="AQJ21" s="8"/>
      <c r="AQK21" s="8"/>
      <c r="AQL21" s="8"/>
      <c r="AQM21" s="8"/>
      <c r="AQN21" s="8"/>
      <c r="AQO21" s="8"/>
      <c r="AQP21" s="8"/>
      <c r="AQQ21" s="8"/>
      <c r="AQR21" s="8"/>
      <c r="AQS21" s="8"/>
      <c r="AQT21" s="8"/>
      <c r="AQU21" s="8"/>
      <c r="AQV21" s="8"/>
      <c r="AQW21" s="8"/>
      <c r="AQX21" s="8"/>
      <c r="AQY21" s="8"/>
      <c r="AQZ21" s="8"/>
      <c r="ARA21" s="8"/>
      <c r="ARB21" s="8"/>
      <c r="ARC21" s="8"/>
      <c r="ARD21" s="8"/>
      <c r="ARE21" s="8"/>
      <c r="ARF21" s="8"/>
      <c r="ARG21" s="8"/>
      <c r="ARH21" s="8"/>
      <c r="ARI21" s="8"/>
      <c r="ARJ21" s="8"/>
      <c r="ARK21" s="8"/>
      <c r="ARL21" s="8"/>
      <c r="ARM21" s="8"/>
      <c r="ARN21" s="8"/>
      <c r="ARO21" s="8"/>
      <c r="ARP21" s="8"/>
      <c r="ARQ21" s="8"/>
      <c r="ARR21" s="8"/>
      <c r="ARS21" s="8"/>
      <c r="ART21" s="8"/>
      <c r="ARU21" s="8"/>
      <c r="ARV21" s="8"/>
      <c r="ARW21" s="8"/>
      <c r="ARX21" s="8"/>
      <c r="ARY21" s="8"/>
      <c r="ARZ21" s="8"/>
      <c r="ASA21" s="8"/>
      <c r="ASB21" s="8"/>
      <c r="ASC21" s="8"/>
      <c r="ASD21" s="8"/>
      <c r="ASE21" s="8"/>
      <c r="ASF21" s="8"/>
      <c r="ASG21" s="8"/>
      <c r="ASH21" s="8"/>
      <c r="ASI21" s="8"/>
      <c r="ASJ21" s="8"/>
      <c r="ASK21" s="8"/>
      <c r="ASL21" s="8"/>
      <c r="ASM21" s="8"/>
      <c r="ASN21" s="8"/>
      <c r="ASO21" s="8"/>
      <c r="ASP21" s="8"/>
      <c r="ASQ21" s="8"/>
      <c r="ASR21" s="8"/>
      <c r="ASS21" s="8"/>
      <c r="AST21" s="8"/>
      <c r="ASU21" s="8"/>
      <c r="ASV21" s="8"/>
      <c r="ASW21" s="8"/>
      <c r="ASX21" s="8"/>
      <c r="ASY21" s="8"/>
      <c r="ASZ21" s="8"/>
      <c r="ATA21" s="8"/>
      <c r="ATB21" s="8"/>
      <c r="ATC21" s="8"/>
      <c r="ATD21" s="8"/>
      <c r="ATE21" s="8"/>
      <c r="ATF21" s="8"/>
      <c r="ATG21" s="8"/>
      <c r="ATH21" s="8"/>
      <c r="ATI21" s="8"/>
      <c r="ATJ21" s="8"/>
      <c r="ATK21" s="8"/>
      <c r="ATL21" s="8"/>
      <c r="ATM21" s="8"/>
      <c r="ATN21" s="8"/>
      <c r="ATO21" s="8"/>
      <c r="ATP21" s="8"/>
      <c r="ATQ21" s="8"/>
      <c r="ATR21" s="8"/>
      <c r="ATS21" s="8"/>
      <c r="ATT21" s="8"/>
      <c r="ATU21" s="8"/>
      <c r="ATV21" s="8"/>
      <c r="ATW21" s="8"/>
      <c r="ATX21" s="8"/>
      <c r="ATY21" s="8"/>
      <c r="ATZ21" s="8"/>
      <c r="AUA21" s="8"/>
      <c r="AUB21" s="8"/>
      <c r="AUC21" s="8"/>
      <c r="AUD21" s="8"/>
      <c r="AUE21" s="8"/>
      <c r="AUF21" s="8"/>
      <c r="AUG21" s="8"/>
      <c r="AUH21" s="8"/>
      <c r="AUI21" s="8"/>
      <c r="AUJ21" s="8"/>
      <c r="AUK21" s="8"/>
      <c r="AUL21" s="8"/>
      <c r="AUM21" s="8"/>
      <c r="AUN21" s="8"/>
      <c r="AUO21" s="8"/>
      <c r="AUP21" s="8"/>
      <c r="AUQ21" s="8"/>
      <c r="AUR21" s="8"/>
      <c r="AUS21" s="8"/>
      <c r="AUT21" s="8"/>
      <c r="AUU21" s="8"/>
      <c r="AUV21" s="8"/>
      <c r="AUW21" s="8"/>
      <c r="AUX21" s="8"/>
      <c r="AUY21" s="8"/>
      <c r="AUZ21" s="8"/>
      <c r="AVA21" s="8"/>
      <c r="AVB21" s="8"/>
      <c r="AVC21" s="8"/>
      <c r="AVD21" s="8"/>
      <c r="AVE21" s="8"/>
      <c r="AVF21" s="8"/>
      <c r="AVG21" s="8"/>
      <c r="AVH21" s="8"/>
      <c r="AVI21" s="8"/>
      <c r="AVJ21" s="8"/>
      <c r="AVK21" s="8"/>
      <c r="AVL21" s="8"/>
      <c r="AVM21" s="8"/>
      <c r="AVN21" s="8"/>
      <c r="AVO21" s="8"/>
      <c r="AVP21" s="8"/>
      <c r="AVQ21" s="8"/>
      <c r="AVR21" s="8"/>
      <c r="AVS21" s="8"/>
      <c r="AVT21" s="8"/>
      <c r="AVU21" s="8"/>
      <c r="AVV21" s="8"/>
      <c r="AVW21" s="8"/>
      <c r="AVX21" s="8"/>
      <c r="AVY21" s="8"/>
      <c r="AVZ21" s="8"/>
      <c r="AWA21" s="8"/>
      <c r="AWB21" s="8"/>
      <c r="AWC21" s="8"/>
      <c r="AWD21" s="8"/>
      <c r="AWE21" s="8"/>
      <c r="AWF21" s="8"/>
      <c r="AWG21" s="8"/>
      <c r="AWH21" s="8"/>
      <c r="AWI21" s="8"/>
      <c r="AWJ21" s="8"/>
      <c r="AWK21" s="8"/>
      <c r="AWL21" s="8"/>
      <c r="AWM21" s="8"/>
      <c r="AWN21" s="8"/>
      <c r="AWO21" s="8"/>
      <c r="AWP21" s="8"/>
      <c r="AWQ21" s="8"/>
      <c r="AWR21" s="8"/>
      <c r="AWS21" s="8"/>
      <c r="AWT21" s="8"/>
      <c r="AWU21" s="8"/>
      <c r="AWV21" s="8"/>
      <c r="AWW21" s="8"/>
      <c r="AWX21" s="8"/>
      <c r="AWY21" s="8"/>
      <c r="AWZ21" s="8"/>
      <c r="AXA21" s="8"/>
      <c r="AXB21" s="8"/>
      <c r="AXC21" s="8"/>
      <c r="AXD21" s="8"/>
      <c r="AXE21" s="8"/>
      <c r="AXF21" s="8"/>
      <c r="AXG21" s="8"/>
      <c r="AXH21" s="8"/>
      <c r="AXI21" s="8"/>
      <c r="AXJ21" s="8"/>
      <c r="AXK21" s="8"/>
      <c r="AXL21" s="8"/>
      <c r="AXM21" s="8"/>
      <c r="AXN21" s="8"/>
      <c r="AXO21" s="8"/>
      <c r="AXP21" s="8"/>
      <c r="AXQ21" s="8"/>
      <c r="AXR21" s="8"/>
      <c r="AXS21" s="8"/>
      <c r="AXT21" s="8"/>
      <c r="AXU21" s="8"/>
      <c r="AXV21" s="8"/>
      <c r="AXW21" s="8"/>
      <c r="AXX21" s="8"/>
      <c r="AXY21" s="8"/>
      <c r="AXZ21" s="8"/>
      <c r="AYA21" s="8"/>
      <c r="AYB21" s="8"/>
      <c r="AYC21" s="8"/>
      <c r="AYD21" s="8"/>
      <c r="AYE21" s="8"/>
      <c r="AYF21" s="8"/>
      <c r="AYG21" s="8"/>
      <c r="AYH21" s="8"/>
      <c r="AYI21" s="8"/>
      <c r="AYJ21" s="8"/>
      <c r="AYK21" s="8"/>
      <c r="AYL21" s="8"/>
      <c r="AYM21" s="8"/>
      <c r="AYN21" s="8"/>
      <c r="AYO21" s="8"/>
      <c r="AYP21" s="8"/>
      <c r="AYQ21" s="8"/>
      <c r="AYR21" s="8"/>
      <c r="AYS21" s="8"/>
      <c r="AYT21" s="8"/>
      <c r="AYU21" s="8"/>
      <c r="AYV21" s="8"/>
      <c r="AYW21" s="8"/>
      <c r="AYX21" s="8"/>
      <c r="AYY21" s="8"/>
      <c r="AYZ21" s="8"/>
      <c r="AZA21" s="8"/>
      <c r="AZB21" s="8"/>
      <c r="AZC21" s="8"/>
      <c r="AZD21" s="8"/>
      <c r="AZE21" s="8"/>
      <c r="AZF21" s="8"/>
      <c r="AZG21" s="8"/>
      <c r="AZH21" s="8"/>
      <c r="AZI21" s="8"/>
      <c r="AZJ21" s="8"/>
      <c r="AZK21" s="8"/>
      <c r="AZL21" s="8"/>
      <c r="AZM21" s="8"/>
      <c r="AZN21" s="8"/>
      <c r="AZO21" s="8"/>
      <c r="AZP21" s="8"/>
      <c r="AZQ21" s="8"/>
      <c r="AZR21" s="8"/>
      <c r="AZS21" s="8"/>
      <c r="AZT21" s="8"/>
      <c r="AZU21" s="8"/>
      <c r="AZV21" s="8"/>
      <c r="AZW21" s="8"/>
      <c r="AZX21" s="8"/>
      <c r="AZY21" s="8"/>
      <c r="AZZ21" s="8"/>
      <c r="BAA21" s="8"/>
      <c r="BAB21" s="8"/>
      <c r="BAC21" s="8"/>
      <c r="BAD21" s="8"/>
      <c r="BAE21" s="8"/>
      <c r="BAF21" s="8"/>
      <c r="BAG21" s="8"/>
      <c r="BAH21" s="8"/>
      <c r="BAI21" s="8"/>
      <c r="BAJ21" s="8"/>
      <c r="BAK21" s="8"/>
      <c r="BAL21" s="8"/>
      <c r="BAM21" s="8"/>
      <c r="BAN21" s="8"/>
      <c r="BAO21" s="8"/>
      <c r="BAP21" s="8"/>
      <c r="BAQ21" s="8"/>
      <c r="BAR21" s="8"/>
      <c r="BAS21" s="8"/>
      <c r="BAT21" s="8"/>
      <c r="BAU21" s="8"/>
      <c r="BAV21" s="8"/>
      <c r="BAW21" s="8"/>
      <c r="BAX21" s="8"/>
      <c r="BAY21" s="8"/>
      <c r="BAZ21" s="8"/>
      <c r="BBA21" s="8"/>
      <c r="BBB21" s="8"/>
      <c r="BBC21" s="8"/>
      <c r="BBD21" s="8"/>
      <c r="BBE21" s="8"/>
      <c r="BBF21" s="8"/>
      <c r="BBG21" s="8"/>
      <c r="BBH21" s="8"/>
      <c r="BBI21" s="8"/>
      <c r="BBJ21" s="8"/>
      <c r="BBK21" s="8"/>
      <c r="BBL21" s="8"/>
      <c r="BBM21" s="8"/>
      <c r="BBN21" s="8"/>
      <c r="BBO21" s="8"/>
      <c r="BBP21" s="8"/>
      <c r="BBQ21" s="8"/>
      <c r="BBR21" s="8"/>
      <c r="BBS21" s="8"/>
      <c r="BBT21" s="8"/>
      <c r="BBU21" s="8"/>
      <c r="BBV21" s="8"/>
      <c r="BBW21" s="8"/>
      <c r="BBX21" s="8"/>
      <c r="BBY21" s="8"/>
      <c r="BBZ21" s="8"/>
      <c r="BCA21" s="8"/>
      <c r="BCB21" s="8"/>
      <c r="BCC21" s="8"/>
      <c r="BCD21" s="8"/>
      <c r="BCE21" s="8"/>
      <c r="BCF21" s="8"/>
      <c r="BCG21" s="8"/>
      <c r="BCH21" s="8"/>
      <c r="BCI21" s="8"/>
      <c r="BCJ21" s="8"/>
      <c r="BCK21" s="8"/>
      <c r="BCL21" s="8"/>
      <c r="BCM21" s="8"/>
      <c r="BCN21" s="8"/>
      <c r="BCO21" s="8"/>
      <c r="BCP21" s="8"/>
      <c r="BCQ21" s="8"/>
      <c r="BCR21" s="8"/>
      <c r="BCS21" s="8"/>
      <c r="BCT21" s="8"/>
      <c r="BCU21" s="8"/>
      <c r="BCV21" s="8"/>
      <c r="BCW21" s="8"/>
      <c r="BCX21" s="8"/>
      <c r="BCY21" s="8"/>
      <c r="BCZ21" s="8"/>
      <c r="BDA21" s="8"/>
      <c r="BDB21" s="8"/>
      <c r="BDC21" s="8"/>
      <c r="BDD21" s="8"/>
      <c r="BDE21" s="8"/>
      <c r="BDF21" s="8"/>
      <c r="BDG21" s="8"/>
      <c r="BDH21" s="8"/>
      <c r="BDI21" s="8"/>
      <c r="BDJ21" s="8"/>
      <c r="BDK21" s="8"/>
      <c r="BDL21" s="8"/>
      <c r="BDM21" s="8"/>
      <c r="BDN21" s="8"/>
      <c r="BDO21" s="8"/>
      <c r="BDP21" s="8"/>
      <c r="BDQ21" s="8"/>
      <c r="BDR21" s="8"/>
      <c r="BDS21" s="8"/>
      <c r="BDT21" s="8"/>
      <c r="BDU21" s="8"/>
      <c r="BDV21" s="8"/>
      <c r="BDW21" s="8"/>
      <c r="BDX21" s="8"/>
      <c r="BDY21" s="8"/>
      <c r="BDZ21" s="8"/>
      <c r="BEA21" s="8"/>
      <c r="BEB21" s="8"/>
      <c r="BEC21" s="8"/>
      <c r="BED21" s="8"/>
      <c r="BEE21" s="8"/>
      <c r="BEF21" s="8"/>
      <c r="BEG21" s="8"/>
      <c r="BEH21" s="8"/>
      <c r="BEI21" s="8"/>
      <c r="BEJ21" s="8"/>
      <c r="BEK21" s="8"/>
      <c r="BEL21" s="8"/>
      <c r="BEM21" s="8"/>
      <c r="BEN21" s="8"/>
      <c r="BEO21" s="8"/>
      <c r="BEP21" s="8"/>
      <c r="BEQ21" s="8"/>
      <c r="BER21" s="8"/>
      <c r="BES21" s="8"/>
      <c r="BET21" s="8"/>
      <c r="BEU21" s="8"/>
      <c r="BEV21" s="8"/>
      <c r="BEW21" s="8"/>
      <c r="BEX21" s="8"/>
      <c r="BEY21" s="8"/>
      <c r="BEZ21" s="8"/>
      <c r="BFA21" s="8"/>
      <c r="BFB21" s="8"/>
      <c r="BFC21" s="8"/>
      <c r="BFD21" s="8"/>
      <c r="BFE21" s="8"/>
      <c r="BFF21" s="8"/>
      <c r="BFG21" s="8"/>
      <c r="BFH21" s="8"/>
      <c r="BFI21" s="8"/>
      <c r="BFJ21" s="8"/>
      <c r="BFK21" s="8"/>
      <c r="BFL21" s="8"/>
      <c r="BFM21" s="8"/>
      <c r="BFN21" s="8"/>
      <c r="BFO21" s="8"/>
      <c r="BFP21" s="8"/>
      <c r="BFQ21" s="8"/>
      <c r="BFR21" s="8"/>
      <c r="BFS21" s="8"/>
      <c r="BFT21" s="8"/>
      <c r="BFU21" s="8"/>
      <c r="BFV21" s="8"/>
      <c r="BFW21" s="8"/>
      <c r="BFX21" s="8"/>
      <c r="BFY21" s="8"/>
      <c r="BFZ21" s="8"/>
      <c r="BGA21" s="8"/>
      <c r="BGB21" s="8"/>
      <c r="BGC21" s="8"/>
      <c r="BGD21" s="8"/>
      <c r="BGE21" s="8"/>
      <c r="BGF21" s="8"/>
      <c r="BGG21" s="8"/>
      <c r="BGH21" s="8"/>
      <c r="BGI21" s="8"/>
      <c r="BGJ21" s="8"/>
      <c r="BGK21" s="8"/>
      <c r="BGL21" s="8"/>
      <c r="BGM21" s="8"/>
      <c r="BGN21" s="8"/>
      <c r="BGO21" s="8"/>
      <c r="BGP21" s="8"/>
      <c r="BGQ21" s="8"/>
      <c r="BGR21" s="8"/>
      <c r="BGS21" s="8"/>
      <c r="BGT21" s="8"/>
      <c r="BGU21" s="8"/>
      <c r="BGV21" s="8"/>
      <c r="BGW21" s="8"/>
      <c r="BGX21" s="8"/>
      <c r="BGY21" s="8"/>
      <c r="BGZ21" s="8"/>
      <c r="BHA21" s="8"/>
      <c r="BHB21" s="8"/>
      <c r="BHC21" s="8"/>
      <c r="BHD21" s="8"/>
      <c r="BHE21" s="8"/>
      <c r="BHF21" s="8"/>
      <c r="BHG21" s="8"/>
      <c r="BHH21" s="8"/>
      <c r="BHI21" s="8"/>
      <c r="BHJ21" s="8"/>
      <c r="BHK21" s="8"/>
      <c r="BHL21" s="8"/>
      <c r="BHM21" s="8"/>
      <c r="BHN21" s="8"/>
      <c r="BHO21" s="8"/>
      <c r="BHP21" s="8"/>
      <c r="BHQ21" s="8"/>
      <c r="BHR21" s="8"/>
      <c r="BHS21" s="8"/>
      <c r="BHT21" s="8"/>
      <c r="BHU21" s="8"/>
      <c r="BHV21" s="8"/>
      <c r="BHW21" s="8"/>
      <c r="BHX21" s="8"/>
      <c r="BHY21" s="8"/>
      <c r="BHZ21" s="8"/>
      <c r="BIA21" s="8"/>
      <c r="BIB21" s="8"/>
      <c r="BIC21" s="8"/>
      <c r="BID21" s="8"/>
      <c r="BIE21" s="8"/>
      <c r="BIF21" s="8"/>
      <c r="BIG21" s="8"/>
      <c r="BIH21" s="8"/>
      <c r="BII21" s="8"/>
      <c r="BIJ21" s="8"/>
      <c r="BIK21" s="8"/>
      <c r="BIL21" s="8"/>
      <c r="BIM21" s="8"/>
      <c r="BIN21" s="8"/>
      <c r="BIO21" s="8"/>
      <c r="BIP21" s="8"/>
      <c r="BIQ21" s="8"/>
      <c r="BIR21" s="8"/>
      <c r="BIS21" s="8"/>
      <c r="BIT21" s="8"/>
      <c r="BIU21" s="8"/>
      <c r="BIV21" s="8"/>
      <c r="BIW21" s="8"/>
      <c r="BIX21" s="8"/>
      <c r="BIY21" s="8"/>
      <c r="BIZ21" s="8"/>
      <c r="BJA21" s="8"/>
      <c r="BJB21" s="8"/>
      <c r="BJC21" s="8"/>
      <c r="BJD21" s="8"/>
      <c r="BJE21" s="8"/>
      <c r="BJF21" s="8"/>
      <c r="BJG21" s="8"/>
      <c r="BJH21" s="8"/>
      <c r="BJI21" s="8"/>
      <c r="BJJ21" s="8"/>
      <c r="BJK21" s="8"/>
      <c r="BJL21" s="8"/>
      <c r="BJM21" s="8"/>
      <c r="BJN21" s="8"/>
      <c r="BJO21" s="8"/>
      <c r="BJP21" s="8"/>
      <c r="BJQ21" s="8"/>
      <c r="BJR21" s="8"/>
      <c r="BJS21" s="8"/>
      <c r="BJT21" s="8"/>
      <c r="BJU21" s="8"/>
      <c r="BJV21" s="8"/>
      <c r="BJW21" s="8"/>
      <c r="BJX21" s="8"/>
      <c r="BJY21" s="8"/>
      <c r="BJZ21" s="8"/>
      <c r="BKA21" s="8"/>
      <c r="BKB21" s="8"/>
      <c r="BKC21" s="8"/>
      <c r="BKD21" s="8"/>
      <c r="BKE21" s="8"/>
      <c r="BKF21" s="8"/>
      <c r="BKG21" s="8"/>
      <c r="BKH21" s="8"/>
      <c r="BKI21" s="8"/>
      <c r="BKJ21" s="8"/>
      <c r="BKK21" s="8"/>
      <c r="BKL21" s="8"/>
      <c r="BKM21" s="8"/>
      <c r="BKN21" s="8"/>
      <c r="BKO21" s="8"/>
      <c r="BKP21" s="8"/>
      <c r="BKQ21" s="8"/>
      <c r="BKR21" s="8"/>
      <c r="BKS21" s="8"/>
      <c r="BKT21" s="8"/>
      <c r="BKU21" s="8"/>
      <c r="BKV21" s="8"/>
      <c r="BKW21" s="8"/>
      <c r="BKX21" s="8"/>
      <c r="BKY21" s="8"/>
      <c r="BKZ21" s="8"/>
      <c r="BLA21" s="8"/>
      <c r="BLB21" s="8"/>
      <c r="BLC21" s="8"/>
      <c r="BLD21" s="8"/>
      <c r="BLE21" s="8"/>
      <c r="BLF21" s="8"/>
      <c r="BLG21" s="8"/>
      <c r="BLH21" s="8"/>
      <c r="BLI21" s="8"/>
      <c r="BLJ21" s="8"/>
      <c r="BLK21" s="8"/>
      <c r="BLL21" s="8"/>
      <c r="BLM21" s="8"/>
      <c r="BLN21" s="8"/>
      <c r="BLO21" s="8"/>
      <c r="BLP21" s="8"/>
      <c r="BLQ21" s="8"/>
      <c r="BLR21" s="8"/>
      <c r="BLS21" s="8"/>
      <c r="BLT21" s="8"/>
      <c r="BLU21" s="8"/>
      <c r="BLV21" s="8"/>
      <c r="BLW21" s="8"/>
      <c r="BLX21" s="8"/>
      <c r="BLY21" s="8"/>
      <c r="BLZ21" s="8"/>
      <c r="BMA21" s="8"/>
      <c r="BMB21" s="8"/>
      <c r="BMC21" s="8"/>
      <c r="BMD21" s="8"/>
      <c r="BME21" s="8"/>
      <c r="BMF21" s="8"/>
      <c r="BMG21" s="8"/>
      <c r="BMH21" s="8"/>
      <c r="BMI21" s="8"/>
      <c r="BMJ21" s="8"/>
      <c r="BMK21" s="8"/>
      <c r="BML21" s="8"/>
      <c r="BMM21" s="8"/>
      <c r="BMN21" s="8"/>
      <c r="BMO21" s="8"/>
      <c r="BMP21" s="8"/>
      <c r="BMQ21" s="8"/>
      <c r="BMR21" s="8"/>
      <c r="BMS21" s="8"/>
      <c r="BMT21" s="8"/>
      <c r="BMU21" s="8"/>
      <c r="BMV21" s="8"/>
      <c r="BMW21" s="8"/>
      <c r="BMX21" s="8"/>
      <c r="BMY21" s="8"/>
      <c r="BMZ21" s="8"/>
      <c r="BNA21" s="8"/>
      <c r="BNB21" s="8"/>
      <c r="BNC21" s="8"/>
      <c r="BND21" s="8"/>
      <c r="BNE21" s="8"/>
      <c r="BNF21" s="8"/>
      <c r="BNG21" s="8"/>
      <c r="BNH21" s="8"/>
      <c r="BNI21" s="8"/>
      <c r="BNJ21" s="8"/>
      <c r="BNK21" s="8"/>
      <c r="BNL21" s="8"/>
      <c r="BNM21" s="8"/>
      <c r="BNN21" s="8"/>
      <c r="BNO21" s="8"/>
      <c r="BNP21" s="8"/>
      <c r="BNQ21" s="8"/>
      <c r="BNR21" s="8"/>
      <c r="BNS21" s="8"/>
      <c r="BNT21" s="8"/>
      <c r="BNU21" s="8"/>
      <c r="BNV21" s="8"/>
      <c r="BNW21" s="8"/>
      <c r="BNX21" s="8"/>
      <c r="BNY21" s="8"/>
      <c r="BNZ21" s="8"/>
      <c r="BOA21" s="8"/>
      <c r="BOB21" s="8"/>
      <c r="BOC21" s="8"/>
      <c r="BOD21" s="8"/>
      <c r="BOE21" s="8"/>
      <c r="BOF21" s="8"/>
      <c r="BOG21" s="8"/>
      <c r="BOH21" s="8"/>
      <c r="BOI21" s="8"/>
      <c r="BOJ21" s="8"/>
      <c r="BOK21" s="8"/>
      <c r="BOL21" s="8"/>
      <c r="BOM21" s="8"/>
      <c r="BON21" s="8"/>
      <c r="BOO21" s="8"/>
      <c r="BOP21" s="8"/>
      <c r="BOQ21" s="8"/>
      <c r="BOR21" s="8"/>
      <c r="BOS21" s="8"/>
      <c r="BOT21" s="8"/>
      <c r="BOU21" s="8"/>
      <c r="BOV21" s="8"/>
      <c r="BOW21" s="8"/>
      <c r="BOX21" s="8"/>
      <c r="BOY21" s="8"/>
      <c r="BOZ21" s="8"/>
      <c r="BPA21" s="8"/>
      <c r="BPB21" s="8"/>
      <c r="BPC21" s="8"/>
      <c r="BPD21" s="8"/>
      <c r="BPE21" s="8"/>
      <c r="BPF21" s="8"/>
      <c r="BPG21" s="8"/>
      <c r="BPH21" s="8"/>
      <c r="BPI21" s="8"/>
      <c r="BPJ21" s="8"/>
      <c r="BPK21" s="8"/>
      <c r="BPL21" s="8"/>
      <c r="BPM21" s="8"/>
      <c r="BPN21" s="8"/>
      <c r="BPO21" s="8"/>
      <c r="BPP21" s="8"/>
      <c r="BPQ21" s="8"/>
      <c r="BPR21" s="8"/>
      <c r="BPS21" s="8"/>
      <c r="BPT21" s="8"/>
      <c r="BPU21" s="8"/>
      <c r="BPV21" s="8"/>
      <c r="BPW21" s="8"/>
      <c r="BPX21" s="8"/>
      <c r="BPY21" s="8"/>
      <c r="BPZ21" s="8"/>
      <c r="BQA21" s="8"/>
      <c r="BQB21" s="8"/>
      <c r="BQC21" s="8"/>
      <c r="BQD21" s="8"/>
      <c r="BQE21" s="8"/>
      <c r="BQF21" s="8"/>
      <c r="BQG21" s="8"/>
      <c r="BQH21" s="8"/>
      <c r="BQI21" s="8"/>
      <c r="BQJ21" s="8"/>
      <c r="BQK21" s="8"/>
      <c r="BQL21" s="8"/>
      <c r="BQM21" s="8"/>
      <c r="BQN21" s="8"/>
      <c r="BQO21" s="8"/>
      <c r="BQP21" s="8"/>
      <c r="BQQ21" s="8"/>
      <c r="BQR21" s="8"/>
      <c r="BQS21" s="8"/>
      <c r="BQT21" s="8"/>
      <c r="BQU21" s="8"/>
      <c r="BQV21" s="8"/>
      <c r="BQW21" s="8"/>
      <c r="BQX21" s="8"/>
      <c r="BQY21" s="8"/>
      <c r="BQZ21" s="8"/>
      <c r="BRA21" s="8"/>
      <c r="BRB21" s="8"/>
      <c r="BRC21" s="8"/>
      <c r="BRD21" s="8"/>
      <c r="BRE21" s="8"/>
      <c r="BRF21" s="8"/>
      <c r="BRG21" s="8"/>
      <c r="BRH21" s="8"/>
      <c r="BRI21" s="8"/>
      <c r="BRJ21" s="8"/>
      <c r="BRK21" s="8"/>
      <c r="BRL21" s="8"/>
      <c r="BRM21" s="8"/>
      <c r="BRN21" s="8"/>
      <c r="BRO21" s="8"/>
      <c r="BRP21" s="8"/>
      <c r="BRQ21" s="8"/>
      <c r="BRR21" s="8"/>
      <c r="BRS21" s="8"/>
      <c r="BRT21" s="8"/>
      <c r="BRU21" s="8"/>
      <c r="BRV21" s="8"/>
      <c r="BRW21" s="8"/>
      <c r="BRX21" s="8"/>
      <c r="BRY21" s="8"/>
      <c r="BRZ21" s="8"/>
      <c r="BSA21" s="8"/>
      <c r="BSB21" s="8"/>
      <c r="BSC21" s="8"/>
      <c r="BSD21" s="8"/>
      <c r="BSE21" s="8"/>
      <c r="BSF21" s="8"/>
      <c r="BSG21" s="8"/>
      <c r="BSH21" s="8"/>
      <c r="BSI21" s="8"/>
      <c r="BSJ21" s="8"/>
      <c r="BSK21" s="8"/>
      <c r="BSL21" s="8"/>
      <c r="BSM21" s="8"/>
      <c r="BSN21" s="8"/>
      <c r="BSO21" s="8"/>
      <c r="BSP21" s="8"/>
      <c r="BSQ21" s="8"/>
      <c r="BSR21" s="8"/>
      <c r="BSS21" s="8"/>
      <c r="BST21" s="8"/>
      <c r="BSU21" s="8"/>
      <c r="BSV21" s="8"/>
      <c r="BSW21" s="8"/>
      <c r="BSX21" s="8"/>
      <c r="BSY21" s="8"/>
      <c r="BSZ21" s="8"/>
      <c r="BTA21" s="8"/>
      <c r="BTB21" s="8"/>
      <c r="BTC21" s="8"/>
      <c r="BTD21" s="8"/>
      <c r="BTE21" s="8"/>
      <c r="BTF21" s="8"/>
      <c r="BTG21" s="8"/>
      <c r="BTH21" s="8"/>
      <c r="BTI21" s="8"/>
      <c r="BTJ21" s="8"/>
      <c r="BTK21" s="8"/>
      <c r="BTL21" s="8"/>
      <c r="BTM21" s="8"/>
      <c r="BTN21" s="8"/>
      <c r="BTO21" s="8"/>
      <c r="BTP21" s="8"/>
      <c r="BTQ21" s="8"/>
      <c r="BTR21" s="8"/>
      <c r="BTS21" s="8"/>
      <c r="BTT21" s="8"/>
      <c r="BTU21" s="8"/>
      <c r="BTV21" s="8"/>
      <c r="BTW21" s="8"/>
      <c r="BTX21" s="8"/>
      <c r="BTY21" s="8"/>
      <c r="BTZ21" s="8"/>
      <c r="BUA21" s="8"/>
      <c r="BUB21" s="8"/>
      <c r="BUC21" s="8"/>
      <c r="BUD21" s="8"/>
      <c r="BUE21" s="8"/>
      <c r="BUF21" s="8"/>
      <c r="BUG21" s="8"/>
      <c r="BUH21" s="8"/>
      <c r="BUI21" s="8"/>
      <c r="BUJ21" s="8"/>
      <c r="BUK21" s="8"/>
      <c r="BUL21" s="8"/>
      <c r="BUM21" s="8"/>
      <c r="BUN21" s="8"/>
      <c r="BUO21" s="8"/>
      <c r="BUP21" s="8"/>
      <c r="BUQ21" s="8"/>
      <c r="BUR21" s="8"/>
      <c r="BUS21" s="8"/>
      <c r="BUT21" s="8"/>
      <c r="BUU21" s="8"/>
      <c r="BUV21" s="8"/>
      <c r="BUW21" s="8"/>
      <c r="BUX21" s="8"/>
      <c r="BUY21" s="8"/>
      <c r="BUZ21" s="8"/>
      <c r="BVA21" s="8"/>
      <c r="BVB21" s="8"/>
      <c r="BVC21" s="8"/>
      <c r="BVD21" s="8"/>
      <c r="BVE21" s="8"/>
      <c r="BVF21" s="8"/>
      <c r="BVG21" s="8"/>
      <c r="BVH21" s="8"/>
      <c r="BVI21" s="8"/>
      <c r="BVJ21" s="8"/>
      <c r="BVK21" s="8"/>
      <c r="BVL21" s="8"/>
      <c r="BVM21" s="8"/>
      <c r="BVN21" s="8"/>
      <c r="BVO21" s="8"/>
      <c r="BVP21" s="8"/>
      <c r="BVQ21" s="8"/>
      <c r="BVR21" s="8"/>
      <c r="BVS21" s="8"/>
      <c r="BVT21" s="8"/>
      <c r="BVU21" s="8"/>
      <c r="BVV21" s="8"/>
      <c r="BVW21" s="8"/>
      <c r="BVX21" s="8"/>
      <c r="BVY21" s="8"/>
      <c r="BVZ21" s="8"/>
      <c r="BWA21" s="8"/>
      <c r="BWB21" s="8"/>
      <c r="BWC21" s="8"/>
      <c r="BWD21" s="8"/>
      <c r="BWE21" s="8"/>
      <c r="BWF21" s="8"/>
      <c r="BWG21" s="8"/>
      <c r="BWH21" s="8"/>
      <c r="BWI21" s="8"/>
      <c r="BWJ21" s="8"/>
      <c r="BWK21" s="8"/>
      <c r="BWL21" s="8"/>
      <c r="BWM21" s="8"/>
      <c r="BWN21" s="8"/>
      <c r="BWO21" s="8"/>
      <c r="BWP21" s="8"/>
      <c r="BWQ21" s="8"/>
      <c r="BWR21" s="8"/>
      <c r="BWS21" s="8"/>
      <c r="BWT21" s="8"/>
      <c r="BWU21" s="8"/>
      <c r="BWV21" s="8"/>
      <c r="BWW21" s="8"/>
      <c r="BWX21" s="8"/>
      <c r="BWY21" s="8"/>
      <c r="BWZ21" s="8"/>
      <c r="BXA21" s="8"/>
      <c r="BXB21" s="8"/>
      <c r="BXC21" s="8"/>
      <c r="BXD21" s="8"/>
      <c r="BXE21" s="8"/>
      <c r="BXF21" s="8"/>
      <c r="BXG21" s="8"/>
      <c r="BXH21" s="8"/>
      <c r="BXI21" s="8"/>
      <c r="BXJ21" s="8"/>
      <c r="BXK21" s="8"/>
      <c r="BXL21" s="8"/>
      <c r="BXM21" s="8"/>
      <c r="BXN21" s="8"/>
      <c r="BXO21" s="8"/>
      <c r="BXP21" s="8"/>
      <c r="BXQ21" s="8"/>
      <c r="BXR21" s="8"/>
      <c r="BXS21" s="8"/>
      <c r="BXT21" s="8"/>
      <c r="BXU21" s="8"/>
      <c r="BXV21" s="8"/>
      <c r="BXW21" s="8"/>
      <c r="BXX21" s="8"/>
      <c r="BXY21" s="8"/>
      <c r="BXZ21" s="8"/>
      <c r="BYA21" s="8"/>
      <c r="BYB21" s="8"/>
      <c r="BYC21" s="8"/>
      <c r="BYD21" s="8"/>
      <c r="BYE21" s="8"/>
      <c r="BYF21" s="8"/>
      <c r="BYG21" s="8"/>
      <c r="BYH21" s="8"/>
      <c r="BYI21" s="8"/>
      <c r="BYJ21" s="8"/>
      <c r="BYK21" s="8"/>
      <c r="BYL21" s="8"/>
      <c r="BYM21" s="8"/>
      <c r="BYN21" s="8"/>
      <c r="BYO21" s="8"/>
      <c r="BYP21" s="8"/>
      <c r="BYQ21" s="8"/>
      <c r="BYR21" s="8"/>
      <c r="BYS21" s="8"/>
      <c r="BYT21" s="8"/>
      <c r="BYU21" s="8"/>
      <c r="BYV21" s="8"/>
      <c r="BYW21" s="8"/>
      <c r="BYX21" s="8"/>
      <c r="BYY21" s="8"/>
      <c r="BYZ21" s="8"/>
      <c r="BZA21" s="8"/>
      <c r="BZB21" s="8"/>
      <c r="BZC21" s="8"/>
      <c r="BZD21" s="8"/>
      <c r="BZE21" s="8"/>
      <c r="BZF21" s="8"/>
      <c r="BZG21" s="8"/>
      <c r="BZH21" s="8"/>
      <c r="BZI21" s="8"/>
      <c r="BZJ21" s="8"/>
      <c r="BZK21" s="8"/>
      <c r="BZL21" s="8"/>
      <c r="BZM21" s="8"/>
      <c r="BZN21" s="8"/>
      <c r="BZO21" s="8"/>
      <c r="BZP21" s="8"/>
      <c r="BZQ21" s="8"/>
      <c r="BZR21" s="8"/>
      <c r="BZS21" s="8"/>
      <c r="BZT21" s="8"/>
      <c r="BZU21" s="8"/>
      <c r="BZV21" s="8"/>
      <c r="BZW21" s="8"/>
      <c r="BZX21" s="8"/>
      <c r="BZY21" s="8"/>
      <c r="BZZ21" s="8"/>
      <c r="CAA21" s="8"/>
      <c r="CAB21" s="8"/>
      <c r="CAC21" s="8"/>
      <c r="CAD21" s="8"/>
      <c r="CAE21" s="8"/>
      <c r="CAF21" s="8"/>
      <c r="CAG21" s="8"/>
      <c r="CAH21" s="8"/>
      <c r="CAI21" s="8"/>
      <c r="CAJ21" s="8"/>
      <c r="CAK21" s="8"/>
      <c r="CAL21" s="8"/>
      <c r="CAM21" s="8"/>
      <c r="CAN21" s="8"/>
      <c r="CAO21" s="8"/>
      <c r="CAP21" s="8"/>
      <c r="CAQ21" s="8"/>
      <c r="CAR21" s="8"/>
      <c r="CAS21" s="8"/>
      <c r="CAT21" s="8"/>
      <c r="CAU21" s="8"/>
      <c r="CAV21" s="8"/>
      <c r="CAW21" s="8"/>
      <c r="CAX21" s="8"/>
      <c r="CAY21" s="8"/>
      <c r="CAZ21" s="8"/>
      <c r="CBA21" s="8"/>
      <c r="CBB21" s="8"/>
      <c r="CBC21" s="8"/>
      <c r="CBD21" s="8"/>
      <c r="CBE21" s="8"/>
      <c r="CBF21" s="8"/>
      <c r="CBG21" s="8"/>
      <c r="CBH21" s="8"/>
      <c r="CBI21" s="8"/>
      <c r="CBJ21" s="8"/>
      <c r="CBK21" s="8"/>
      <c r="CBL21" s="8"/>
      <c r="CBM21" s="8"/>
      <c r="CBN21" s="8"/>
      <c r="CBO21" s="8"/>
      <c r="CBP21" s="8"/>
      <c r="CBQ21" s="8"/>
      <c r="CBR21" s="8"/>
      <c r="CBS21" s="8"/>
      <c r="CBT21" s="8"/>
      <c r="CBU21" s="8"/>
      <c r="CBV21" s="8"/>
      <c r="CBW21" s="8"/>
      <c r="CBX21" s="8"/>
      <c r="CBY21" s="8"/>
      <c r="CBZ21" s="8"/>
      <c r="CCA21" s="8"/>
      <c r="CCB21" s="8"/>
      <c r="CCC21" s="8"/>
      <c r="CCD21" s="8"/>
      <c r="CCE21" s="8"/>
      <c r="CCF21" s="8"/>
      <c r="CCG21" s="8"/>
      <c r="CCH21" s="8"/>
      <c r="CCI21" s="8"/>
      <c r="CCJ21" s="8"/>
      <c r="CCK21" s="8"/>
      <c r="CCL21" s="8"/>
      <c r="CCM21" s="8"/>
      <c r="CCN21" s="8"/>
      <c r="CCO21" s="8"/>
      <c r="CCP21" s="8"/>
      <c r="CCQ21" s="8"/>
      <c r="CCR21" s="8"/>
      <c r="CCS21" s="8"/>
      <c r="CCT21" s="8"/>
      <c r="CCU21" s="8"/>
      <c r="CCV21" s="8"/>
      <c r="CCW21" s="8"/>
      <c r="CCX21" s="8"/>
      <c r="CCY21" s="8"/>
      <c r="CCZ21" s="8"/>
      <c r="CDA21" s="8"/>
      <c r="CDB21" s="8"/>
      <c r="CDC21" s="8"/>
      <c r="CDD21" s="8"/>
      <c r="CDE21" s="8"/>
      <c r="CDF21" s="8"/>
      <c r="CDG21" s="8"/>
      <c r="CDH21" s="8"/>
      <c r="CDI21" s="8"/>
      <c r="CDJ21" s="8"/>
      <c r="CDK21" s="8"/>
      <c r="CDL21" s="8"/>
      <c r="CDM21" s="8"/>
      <c r="CDN21" s="8"/>
      <c r="CDO21" s="8"/>
      <c r="CDP21" s="8"/>
      <c r="CDQ21" s="8"/>
      <c r="CDR21" s="8"/>
      <c r="CDS21" s="8"/>
      <c r="CDT21" s="8"/>
      <c r="CDU21" s="8"/>
      <c r="CDV21" s="8"/>
      <c r="CDW21" s="8"/>
      <c r="CDX21" s="8"/>
      <c r="CDY21" s="8"/>
      <c r="CDZ21" s="8"/>
      <c r="CEA21" s="8"/>
      <c r="CEB21" s="8"/>
      <c r="CEC21" s="8"/>
      <c r="CED21" s="8"/>
      <c r="CEE21" s="8"/>
      <c r="CEF21" s="8"/>
      <c r="CEG21" s="8"/>
      <c r="CEH21" s="8"/>
      <c r="CEI21" s="8"/>
      <c r="CEJ21" s="8"/>
      <c r="CEK21" s="8"/>
      <c r="CEL21" s="8"/>
      <c r="CEM21" s="8"/>
      <c r="CEN21" s="8"/>
      <c r="CEO21" s="8"/>
      <c r="CEP21" s="8"/>
      <c r="CEQ21" s="8"/>
      <c r="CER21" s="8"/>
      <c r="CES21" s="8"/>
      <c r="CET21" s="8"/>
      <c r="CEU21" s="8"/>
      <c r="CEV21" s="8"/>
      <c r="CEW21" s="8"/>
      <c r="CEX21" s="8"/>
      <c r="CEY21" s="8"/>
      <c r="CEZ21" s="8"/>
      <c r="CFA21" s="8"/>
      <c r="CFB21" s="8"/>
      <c r="CFC21" s="8"/>
      <c r="CFD21" s="8"/>
      <c r="CFE21" s="8"/>
      <c r="CFF21" s="8"/>
      <c r="CFG21" s="8"/>
      <c r="CFH21" s="8"/>
      <c r="CFI21" s="8"/>
      <c r="CFJ21" s="8"/>
      <c r="CFK21" s="8"/>
      <c r="CFL21" s="8"/>
      <c r="CFM21" s="8"/>
      <c r="CFN21" s="8"/>
      <c r="CFO21" s="8"/>
      <c r="CFP21" s="8"/>
      <c r="CFQ21" s="8"/>
      <c r="CFR21" s="8"/>
      <c r="CFS21" s="8"/>
      <c r="CFT21" s="8"/>
      <c r="CFU21" s="8"/>
      <c r="CFV21" s="8"/>
      <c r="CFW21" s="8"/>
      <c r="CFX21" s="8"/>
      <c r="CFY21" s="8"/>
      <c r="CFZ21" s="8"/>
      <c r="CGA21" s="8"/>
      <c r="CGB21" s="8"/>
      <c r="CGC21" s="8"/>
      <c r="CGD21" s="8"/>
      <c r="CGE21" s="8"/>
      <c r="CGF21" s="8"/>
      <c r="CGG21" s="8"/>
      <c r="CGH21" s="8"/>
      <c r="CGI21" s="8"/>
      <c r="CGJ21" s="8"/>
      <c r="CGK21" s="8"/>
      <c r="CGL21" s="8"/>
      <c r="CGM21" s="8"/>
      <c r="CGN21" s="8"/>
      <c r="CGO21" s="8"/>
      <c r="CGP21" s="8"/>
      <c r="CGQ21" s="8"/>
      <c r="CGR21" s="8"/>
      <c r="CGS21" s="8"/>
      <c r="CGT21" s="8"/>
      <c r="CGU21" s="8"/>
      <c r="CGV21" s="8"/>
      <c r="CGW21" s="8"/>
      <c r="CGX21" s="8"/>
      <c r="CGY21" s="8"/>
      <c r="CGZ21" s="8"/>
      <c r="CHA21" s="8"/>
      <c r="CHB21" s="8"/>
      <c r="CHC21" s="8"/>
      <c r="CHD21" s="8"/>
      <c r="CHE21" s="8"/>
      <c r="CHF21" s="8"/>
      <c r="CHG21" s="8"/>
      <c r="CHH21" s="8"/>
      <c r="CHI21" s="8"/>
      <c r="CHJ21" s="8"/>
      <c r="CHK21" s="8"/>
      <c r="CHL21" s="8"/>
      <c r="CHM21" s="8"/>
      <c r="CHN21" s="8"/>
      <c r="CHO21" s="8"/>
      <c r="CHP21" s="8"/>
      <c r="CHQ21" s="8"/>
      <c r="CHR21" s="8"/>
      <c r="CHS21" s="8"/>
      <c r="CHT21" s="8"/>
      <c r="CHU21" s="8"/>
      <c r="CHV21" s="8"/>
      <c r="CHW21" s="8"/>
      <c r="CHX21" s="8"/>
      <c r="CHY21" s="8"/>
      <c r="CHZ21" s="8"/>
      <c r="CIA21" s="8"/>
      <c r="CIB21" s="8"/>
      <c r="CIC21" s="8"/>
      <c r="CID21" s="8"/>
      <c r="CIE21" s="8"/>
      <c r="CIF21" s="8"/>
      <c r="CIG21" s="8"/>
      <c r="CIH21" s="8"/>
      <c r="CII21" s="8"/>
      <c r="CIJ21" s="8"/>
      <c r="CIK21" s="8"/>
      <c r="CIL21" s="8"/>
      <c r="CIM21" s="8"/>
      <c r="CIN21" s="8"/>
      <c r="CIO21" s="8"/>
      <c r="CIP21" s="8"/>
      <c r="CIQ21" s="8"/>
      <c r="CIR21" s="8"/>
      <c r="CIS21" s="8"/>
      <c r="CIT21" s="8"/>
      <c r="CIU21" s="8"/>
      <c r="CIV21" s="8"/>
      <c r="CIW21" s="8"/>
      <c r="CIX21" s="8"/>
      <c r="CIY21" s="8"/>
      <c r="CIZ21" s="8"/>
      <c r="CJA21" s="8"/>
      <c r="CJB21" s="8"/>
      <c r="CJC21" s="8"/>
      <c r="CJD21" s="8"/>
      <c r="CJE21" s="8"/>
      <c r="CJF21" s="8"/>
      <c r="CJG21" s="8"/>
      <c r="CJH21" s="8"/>
      <c r="CJI21" s="8"/>
      <c r="CJJ21" s="8"/>
      <c r="CJK21" s="8"/>
      <c r="CJL21" s="8"/>
      <c r="CJM21" s="8"/>
      <c r="CJN21" s="8"/>
      <c r="CJO21" s="8"/>
      <c r="CJP21" s="8"/>
      <c r="CJQ21" s="8"/>
      <c r="CJR21" s="8"/>
      <c r="CJS21" s="8"/>
      <c r="CJT21" s="8"/>
      <c r="CJU21" s="8"/>
      <c r="CJV21" s="8"/>
      <c r="CJW21" s="8"/>
      <c r="CJX21" s="8"/>
      <c r="CJY21" s="8"/>
      <c r="CJZ21" s="8"/>
      <c r="CKA21" s="8"/>
      <c r="CKB21" s="8"/>
      <c r="CKC21" s="8"/>
      <c r="CKD21" s="8"/>
      <c r="CKE21" s="8"/>
      <c r="CKF21" s="8"/>
      <c r="CKG21" s="8"/>
      <c r="CKH21" s="8"/>
      <c r="CKI21" s="8"/>
      <c r="CKJ21" s="8"/>
      <c r="CKK21" s="8"/>
      <c r="CKL21" s="8"/>
      <c r="CKM21" s="8"/>
      <c r="CKN21" s="8"/>
      <c r="CKO21" s="8"/>
      <c r="CKP21" s="8"/>
      <c r="CKQ21" s="8"/>
      <c r="CKR21" s="8"/>
      <c r="CKS21" s="8"/>
      <c r="CKT21" s="8"/>
      <c r="CKU21" s="8"/>
      <c r="CKV21" s="8"/>
      <c r="CKW21" s="8"/>
      <c r="CKX21" s="8"/>
      <c r="CKY21" s="8"/>
      <c r="CKZ21" s="8"/>
      <c r="CLA21" s="8"/>
      <c r="CLB21" s="8"/>
      <c r="CLC21" s="8"/>
      <c r="CLD21" s="8"/>
      <c r="CLE21" s="8"/>
      <c r="CLF21" s="8"/>
      <c r="CLG21" s="8"/>
      <c r="CLH21" s="8"/>
      <c r="CLI21" s="8"/>
      <c r="CLJ21" s="8"/>
      <c r="CLK21" s="8"/>
      <c r="CLL21" s="8"/>
      <c r="CLM21" s="8"/>
      <c r="CLN21" s="8"/>
      <c r="CLO21" s="8"/>
      <c r="CLP21" s="8"/>
      <c r="CLQ21" s="8"/>
      <c r="CLR21" s="8"/>
      <c r="CLS21" s="8"/>
      <c r="CLT21" s="8"/>
      <c r="CLU21" s="8"/>
      <c r="CLV21" s="8"/>
      <c r="CLW21" s="8"/>
      <c r="CLX21" s="8"/>
      <c r="CLY21" s="8"/>
      <c r="CLZ21" s="8"/>
      <c r="CMA21" s="8"/>
      <c r="CMB21" s="8"/>
      <c r="CMC21" s="8"/>
      <c r="CMD21" s="8"/>
      <c r="CME21" s="8"/>
      <c r="CMF21" s="8"/>
      <c r="CMG21" s="8"/>
      <c r="CMH21" s="8"/>
      <c r="CMI21" s="8"/>
      <c r="CMJ21" s="8"/>
      <c r="CMK21" s="8"/>
      <c r="CML21" s="8"/>
      <c r="CMM21" s="8"/>
      <c r="CMN21" s="8"/>
      <c r="CMO21" s="8"/>
      <c r="CMP21" s="8"/>
      <c r="CMQ21" s="8"/>
      <c r="CMR21" s="8"/>
      <c r="CMS21" s="8"/>
      <c r="CMT21" s="8"/>
      <c r="CMU21" s="8"/>
      <c r="CMV21" s="8"/>
      <c r="CMW21" s="8"/>
      <c r="CMX21" s="8"/>
      <c r="CMY21" s="8"/>
      <c r="CMZ21" s="8"/>
      <c r="CNA21" s="8"/>
      <c r="CNB21" s="8"/>
      <c r="CNC21" s="8"/>
      <c r="CND21" s="8"/>
      <c r="CNE21" s="8"/>
      <c r="CNF21" s="8"/>
      <c r="CNG21" s="8"/>
      <c r="CNH21" s="8"/>
      <c r="CNI21" s="8"/>
      <c r="CNJ21" s="8"/>
      <c r="CNK21" s="8"/>
      <c r="CNL21" s="8"/>
      <c r="CNM21" s="8"/>
      <c r="CNN21" s="8"/>
      <c r="CNO21" s="8"/>
      <c r="CNP21" s="8"/>
      <c r="CNQ21" s="8"/>
      <c r="CNR21" s="8"/>
      <c r="CNS21" s="8"/>
      <c r="CNT21" s="8"/>
      <c r="CNU21" s="8"/>
      <c r="CNV21" s="8"/>
      <c r="CNW21" s="8"/>
      <c r="CNX21" s="8"/>
      <c r="CNY21" s="8"/>
      <c r="CNZ21" s="8"/>
      <c r="COA21" s="8"/>
      <c r="COB21" s="8"/>
      <c r="COC21" s="8"/>
      <c r="COD21" s="8"/>
      <c r="COE21" s="8"/>
      <c r="COF21" s="8"/>
      <c r="COG21" s="8"/>
      <c r="COH21" s="8"/>
      <c r="COI21" s="8"/>
      <c r="COJ21" s="8"/>
      <c r="COK21" s="8"/>
      <c r="COL21" s="8"/>
      <c r="COM21" s="8"/>
      <c r="CON21" s="8"/>
      <c r="COO21" s="8"/>
      <c r="COP21" s="8"/>
      <c r="COQ21" s="8"/>
      <c r="COR21" s="8"/>
      <c r="COS21" s="8"/>
      <c r="COT21" s="8"/>
      <c r="COU21" s="8"/>
      <c r="COV21" s="8"/>
      <c r="COW21" s="8"/>
      <c r="COX21" s="8"/>
      <c r="COY21" s="8"/>
      <c r="COZ21" s="8"/>
      <c r="CPA21" s="8"/>
      <c r="CPB21" s="8"/>
      <c r="CPC21" s="8"/>
      <c r="CPD21" s="8"/>
      <c r="CPE21" s="8"/>
      <c r="CPF21" s="8"/>
      <c r="CPG21" s="8"/>
      <c r="CPH21" s="8"/>
      <c r="CPI21" s="8"/>
      <c r="CPJ21" s="8"/>
      <c r="CPK21" s="8"/>
      <c r="CPL21" s="8"/>
      <c r="CPM21" s="8"/>
      <c r="CPN21" s="8"/>
      <c r="CPO21" s="8"/>
      <c r="CPP21" s="8"/>
      <c r="CPQ21" s="8"/>
      <c r="CPR21" s="8"/>
      <c r="CPS21" s="8"/>
      <c r="CPT21" s="8"/>
      <c r="CPU21" s="8"/>
      <c r="CPV21" s="8"/>
      <c r="CPW21" s="8"/>
      <c r="CPX21" s="8"/>
      <c r="CPY21" s="8"/>
      <c r="CPZ21" s="8"/>
      <c r="CQA21" s="8"/>
      <c r="CQB21" s="8"/>
      <c r="CQC21" s="8"/>
      <c r="CQD21" s="8"/>
      <c r="CQE21" s="8"/>
      <c r="CQF21" s="8"/>
      <c r="CQG21" s="8"/>
      <c r="CQH21" s="8"/>
      <c r="CQI21" s="8"/>
      <c r="CQJ21" s="8"/>
      <c r="CQK21" s="8"/>
      <c r="CQL21" s="8"/>
      <c r="CQM21" s="8"/>
      <c r="CQN21" s="8"/>
      <c r="CQO21" s="8"/>
      <c r="CQP21" s="8"/>
      <c r="CQQ21" s="8"/>
      <c r="CQR21" s="8"/>
      <c r="CQS21" s="8"/>
      <c r="CQT21" s="8"/>
      <c r="CQU21" s="8"/>
      <c r="CQV21" s="8"/>
      <c r="CQW21" s="8"/>
      <c r="CQX21" s="8"/>
      <c r="CQY21" s="8"/>
      <c r="CQZ21" s="8"/>
      <c r="CRA21" s="8"/>
      <c r="CRB21" s="8"/>
      <c r="CRC21" s="8"/>
      <c r="CRD21" s="8"/>
      <c r="CRE21" s="8"/>
      <c r="CRF21" s="8"/>
      <c r="CRG21" s="8"/>
      <c r="CRH21" s="8"/>
      <c r="CRI21" s="8"/>
      <c r="CRJ21" s="8"/>
      <c r="CRK21" s="8"/>
      <c r="CRL21" s="8"/>
      <c r="CRM21" s="8"/>
      <c r="CRN21" s="8"/>
      <c r="CRO21" s="8"/>
      <c r="CRP21" s="8"/>
      <c r="CRQ21" s="8"/>
      <c r="CRR21" s="8"/>
      <c r="CRS21" s="8"/>
      <c r="CRT21" s="8"/>
      <c r="CRU21" s="8"/>
      <c r="CRV21" s="8"/>
      <c r="CRW21" s="8"/>
      <c r="CRX21" s="8"/>
      <c r="CRY21" s="8"/>
      <c r="CRZ21" s="8"/>
      <c r="CSA21" s="8"/>
      <c r="CSB21" s="8"/>
      <c r="CSC21" s="8"/>
      <c r="CSD21" s="8"/>
      <c r="CSE21" s="8"/>
      <c r="CSF21" s="8"/>
      <c r="CSG21" s="8"/>
      <c r="CSH21" s="8"/>
      <c r="CSI21" s="8"/>
      <c r="CSJ21" s="8"/>
      <c r="CSK21" s="8"/>
      <c r="CSL21" s="8"/>
      <c r="CSM21" s="8"/>
      <c r="CSN21" s="8"/>
      <c r="CSO21" s="8"/>
      <c r="CSP21" s="8"/>
      <c r="CSQ21" s="8"/>
      <c r="CSR21" s="8"/>
      <c r="CSS21" s="8"/>
      <c r="CST21" s="8"/>
      <c r="CSU21" s="8"/>
      <c r="CSV21" s="8"/>
      <c r="CSW21" s="8"/>
      <c r="CSX21" s="8"/>
      <c r="CSY21" s="8"/>
      <c r="CSZ21" s="8"/>
      <c r="CTA21" s="8"/>
      <c r="CTB21" s="8"/>
      <c r="CTC21" s="8"/>
      <c r="CTD21" s="8"/>
      <c r="CTE21" s="8"/>
      <c r="CTF21" s="8"/>
      <c r="CTG21" s="8"/>
      <c r="CTH21" s="8"/>
      <c r="CTI21" s="8"/>
      <c r="CTJ21" s="8"/>
      <c r="CTK21" s="8"/>
      <c r="CTL21" s="8"/>
      <c r="CTM21" s="8"/>
      <c r="CTN21" s="8"/>
      <c r="CTO21" s="8"/>
      <c r="CTP21" s="8"/>
      <c r="CTQ21" s="8"/>
      <c r="CTR21" s="8"/>
      <c r="CTS21" s="8"/>
      <c r="CTT21" s="8"/>
      <c r="CTU21" s="8"/>
      <c r="CTV21" s="8"/>
      <c r="CTW21" s="8"/>
      <c r="CTX21" s="8"/>
      <c r="CTY21" s="8"/>
      <c r="CTZ21" s="8"/>
      <c r="CUA21" s="8"/>
      <c r="CUB21" s="8"/>
      <c r="CUC21" s="8"/>
      <c r="CUD21" s="8"/>
      <c r="CUE21" s="8"/>
      <c r="CUF21" s="8"/>
      <c r="CUG21" s="8"/>
      <c r="CUH21" s="8"/>
      <c r="CUI21" s="8"/>
      <c r="CUJ21" s="8"/>
      <c r="CUK21" s="8"/>
      <c r="CUL21" s="8"/>
      <c r="CUM21" s="8"/>
      <c r="CUN21" s="8"/>
      <c r="CUO21" s="8"/>
      <c r="CUP21" s="8"/>
      <c r="CUQ21" s="8"/>
      <c r="CUR21" s="8"/>
      <c r="CUS21" s="8"/>
      <c r="CUT21" s="8"/>
      <c r="CUU21" s="8"/>
      <c r="CUV21" s="8"/>
      <c r="CUW21" s="8"/>
      <c r="CUX21" s="8"/>
      <c r="CUY21" s="8"/>
      <c r="CUZ21" s="8"/>
      <c r="CVA21" s="8"/>
      <c r="CVB21" s="8"/>
      <c r="CVC21" s="8"/>
      <c r="CVD21" s="8"/>
      <c r="CVE21" s="8"/>
      <c r="CVF21" s="8"/>
      <c r="CVG21" s="8"/>
      <c r="CVH21" s="8"/>
      <c r="CVI21" s="8"/>
      <c r="CVJ21" s="8"/>
      <c r="CVK21" s="8"/>
      <c r="CVL21" s="8"/>
      <c r="CVM21" s="8"/>
      <c r="CVN21" s="8"/>
      <c r="CVO21" s="8"/>
      <c r="CVP21" s="8"/>
      <c r="CVQ21" s="8"/>
      <c r="CVR21" s="8"/>
      <c r="CVS21" s="8"/>
      <c r="CVT21" s="8"/>
      <c r="CVU21" s="8"/>
      <c r="CVV21" s="8"/>
      <c r="CVW21" s="8"/>
      <c r="CVX21" s="8"/>
      <c r="CVY21" s="8"/>
      <c r="CVZ21" s="8"/>
      <c r="CWA21" s="8"/>
      <c r="CWB21" s="8"/>
      <c r="CWC21" s="8"/>
      <c r="CWD21" s="8"/>
      <c r="CWE21" s="8"/>
      <c r="CWF21" s="8"/>
      <c r="CWG21" s="8"/>
      <c r="CWH21" s="8"/>
      <c r="CWI21" s="8"/>
      <c r="CWJ21" s="8"/>
      <c r="CWK21" s="8"/>
      <c r="CWL21" s="8"/>
      <c r="CWM21" s="8"/>
      <c r="CWN21" s="8"/>
      <c r="CWO21" s="8"/>
      <c r="CWP21" s="8"/>
      <c r="CWQ21" s="8"/>
      <c r="CWR21" s="8"/>
      <c r="CWS21" s="8"/>
      <c r="CWT21" s="8"/>
      <c r="CWU21" s="8"/>
      <c r="CWV21" s="8"/>
      <c r="CWW21" s="8"/>
      <c r="CWX21" s="8"/>
      <c r="CWY21" s="8"/>
      <c r="CWZ21" s="8"/>
      <c r="CXA21" s="8"/>
      <c r="CXB21" s="8"/>
      <c r="CXC21" s="8"/>
      <c r="CXD21" s="8"/>
      <c r="CXE21" s="8"/>
      <c r="CXF21" s="8"/>
      <c r="CXG21" s="8"/>
      <c r="CXH21" s="8"/>
      <c r="CXI21" s="8"/>
      <c r="CXJ21" s="8"/>
      <c r="CXK21" s="8"/>
      <c r="CXL21" s="8"/>
      <c r="CXM21" s="8"/>
      <c r="CXN21" s="8"/>
      <c r="CXO21" s="8"/>
      <c r="CXP21" s="8"/>
      <c r="CXQ21" s="8"/>
      <c r="CXR21" s="8"/>
      <c r="CXS21" s="8"/>
      <c r="CXT21" s="8"/>
      <c r="CXU21" s="8"/>
      <c r="CXV21" s="8"/>
      <c r="CXW21" s="8"/>
      <c r="CXX21" s="8"/>
      <c r="CXY21" s="8"/>
      <c r="CXZ21" s="8"/>
      <c r="CYA21" s="8"/>
      <c r="CYB21" s="8"/>
      <c r="CYC21" s="8"/>
      <c r="CYD21" s="8"/>
      <c r="CYE21" s="8"/>
      <c r="CYF21" s="8"/>
      <c r="CYG21" s="8"/>
      <c r="CYH21" s="8"/>
      <c r="CYI21" s="8"/>
      <c r="CYJ21" s="8"/>
      <c r="CYK21" s="8"/>
      <c r="CYL21" s="8"/>
      <c r="CYM21" s="8"/>
      <c r="CYN21" s="8"/>
      <c r="CYO21" s="8"/>
      <c r="CYP21" s="8"/>
      <c r="CYQ21" s="8"/>
      <c r="CYR21" s="8"/>
      <c r="CYS21" s="8"/>
      <c r="CYT21" s="8"/>
      <c r="CYU21" s="8"/>
      <c r="CYV21" s="8"/>
      <c r="CYW21" s="8"/>
      <c r="CYX21" s="8"/>
      <c r="CYY21" s="8"/>
      <c r="CYZ21" s="8"/>
      <c r="CZA21" s="8"/>
      <c r="CZB21" s="8"/>
      <c r="CZC21" s="8"/>
      <c r="CZD21" s="8"/>
      <c r="CZE21" s="8"/>
      <c r="CZF21" s="8"/>
      <c r="CZG21" s="8"/>
      <c r="CZH21" s="8"/>
      <c r="CZI21" s="8"/>
      <c r="CZJ21" s="8"/>
      <c r="CZK21" s="8"/>
      <c r="CZL21" s="8"/>
      <c r="CZM21" s="8"/>
      <c r="CZN21" s="8"/>
      <c r="CZO21" s="8"/>
      <c r="CZP21" s="8"/>
      <c r="CZQ21" s="8"/>
      <c r="CZR21" s="8"/>
      <c r="CZS21" s="8"/>
      <c r="CZT21" s="8"/>
      <c r="CZU21" s="8"/>
      <c r="CZV21" s="8"/>
      <c r="CZW21" s="8"/>
      <c r="CZX21" s="8"/>
      <c r="CZY21" s="8"/>
      <c r="CZZ21" s="8"/>
      <c r="DAA21" s="8"/>
      <c r="DAB21" s="8"/>
      <c r="DAC21" s="8"/>
      <c r="DAD21" s="8"/>
      <c r="DAE21" s="8"/>
      <c r="DAF21" s="8"/>
      <c r="DAG21" s="8"/>
      <c r="DAH21" s="8"/>
      <c r="DAI21" s="8"/>
      <c r="DAJ21" s="8"/>
      <c r="DAK21" s="8"/>
      <c r="DAL21" s="8"/>
      <c r="DAM21" s="8"/>
      <c r="DAN21" s="8"/>
      <c r="DAO21" s="8"/>
      <c r="DAP21" s="8"/>
      <c r="DAQ21" s="8"/>
      <c r="DAR21" s="8"/>
      <c r="DAS21" s="8"/>
      <c r="DAT21" s="8"/>
      <c r="DAU21" s="8"/>
      <c r="DAV21" s="8"/>
      <c r="DAW21" s="8"/>
      <c r="DAX21" s="8"/>
      <c r="DAY21" s="8"/>
      <c r="DAZ21" s="8"/>
      <c r="DBA21" s="8"/>
      <c r="DBB21" s="8"/>
      <c r="DBC21" s="8"/>
      <c r="DBD21" s="8"/>
      <c r="DBE21" s="8"/>
      <c r="DBF21" s="8"/>
      <c r="DBG21" s="8"/>
      <c r="DBH21" s="8"/>
      <c r="DBI21" s="8"/>
      <c r="DBJ21" s="8"/>
      <c r="DBK21" s="8"/>
      <c r="DBL21" s="8"/>
      <c r="DBM21" s="8"/>
      <c r="DBN21" s="8"/>
      <c r="DBO21" s="8"/>
      <c r="DBP21" s="8"/>
      <c r="DBQ21" s="8"/>
      <c r="DBR21" s="8"/>
      <c r="DBS21" s="8"/>
      <c r="DBT21" s="8"/>
      <c r="DBU21" s="8"/>
      <c r="DBV21" s="8"/>
      <c r="DBW21" s="8"/>
      <c r="DBX21" s="8"/>
      <c r="DBY21" s="8"/>
      <c r="DBZ21" s="8"/>
      <c r="DCA21" s="8"/>
      <c r="DCB21" s="8"/>
      <c r="DCC21" s="8"/>
      <c r="DCD21" s="8"/>
      <c r="DCE21" s="8"/>
      <c r="DCF21" s="8"/>
      <c r="DCG21" s="8"/>
      <c r="DCH21" s="8"/>
      <c r="DCI21" s="8"/>
      <c r="DCJ21" s="8"/>
      <c r="DCK21" s="8"/>
      <c r="DCL21" s="8"/>
      <c r="DCM21" s="8"/>
      <c r="DCN21" s="8"/>
      <c r="DCO21" s="8"/>
      <c r="DCP21" s="8"/>
      <c r="DCQ21" s="8"/>
      <c r="DCR21" s="8"/>
      <c r="DCS21" s="8"/>
      <c r="DCT21" s="8"/>
      <c r="DCU21" s="8"/>
      <c r="DCV21" s="8"/>
      <c r="DCW21" s="8"/>
      <c r="DCX21" s="8"/>
      <c r="DCY21" s="8"/>
      <c r="DCZ21" s="8"/>
      <c r="DDA21" s="8"/>
      <c r="DDB21" s="8"/>
      <c r="DDC21" s="8"/>
      <c r="DDD21" s="8"/>
      <c r="DDE21" s="8"/>
      <c r="DDF21" s="8"/>
      <c r="DDG21" s="8"/>
      <c r="DDH21" s="8"/>
      <c r="DDI21" s="8"/>
      <c r="DDJ21" s="8"/>
      <c r="DDK21" s="8"/>
      <c r="DDL21" s="8"/>
      <c r="DDM21" s="8"/>
      <c r="DDN21" s="8"/>
      <c r="DDO21" s="8"/>
      <c r="DDP21" s="8"/>
      <c r="DDQ21" s="8"/>
      <c r="DDR21" s="8"/>
      <c r="DDS21" s="8"/>
      <c r="DDT21" s="8"/>
      <c r="DDU21" s="8"/>
      <c r="DDV21" s="8"/>
      <c r="DDW21" s="8"/>
      <c r="DDX21" s="8"/>
      <c r="DDY21" s="8"/>
      <c r="DDZ21" s="8"/>
      <c r="DEA21" s="8"/>
      <c r="DEB21" s="8"/>
      <c r="DEC21" s="8"/>
      <c r="DED21" s="8"/>
      <c r="DEE21" s="8"/>
      <c r="DEF21" s="8"/>
      <c r="DEG21" s="8"/>
      <c r="DEH21" s="8"/>
      <c r="DEI21" s="8"/>
      <c r="DEJ21" s="8"/>
      <c r="DEK21" s="8"/>
      <c r="DEL21" s="8"/>
      <c r="DEM21" s="8"/>
      <c r="DEN21" s="8"/>
      <c r="DEO21" s="8"/>
      <c r="DEP21" s="8"/>
      <c r="DEQ21" s="8"/>
      <c r="DER21" s="8"/>
      <c r="DES21" s="8"/>
      <c r="DET21" s="8"/>
      <c r="DEU21" s="8"/>
      <c r="DEV21" s="8"/>
      <c r="DEW21" s="8"/>
      <c r="DEX21" s="8"/>
      <c r="DEY21" s="8"/>
      <c r="DEZ21" s="8"/>
      <c r="DFA21" s="8"/>
      <c r="DFB21" s="8"/>
      <c r="DFC21" s="8"/>
      <c r="DFD21" s="8"/>
      <c r="DFE21" s="8"/>
      <c r="DFF21" s="8"/>
      <c r="DFG21" s="8"/>
      <c r="DFH21" s="8"/>
      <c r="DFI21" s="8"/>
      <c r="DFJ21" s="8"/>
      <c r="DFK21" s="8"/>
      <c r="DFL21" s="8"/>
      <c r="DFM21" s="8"/>
      <c r="DFN21" s="8"/>
      <c r="DFO21" s="8"/>
      <c r="DFP21" s="8"/>
      <c r="DFQ21" s="8"/>
      <c r="DFR21" s="8"/>
      <c r="DFS21" s="8"/>
      <c r="DFT21" s="8"/>
      <c r="DFU21" s="8"/>
      <c r="DFV21" s="8"/>
      <c r="DFW21" s="8"/>
      <c r="DFX21" s="8"/>
      <c r="DFY21" s="8"/>
      <c r="DFZ21" s="8"/>
      <c r="DGA21" s="8"/>
      <c r="DGB21" s="8"/>
      <c r="DGC21" s="8"/>
      <c r="DGD21" s="8"/>
      <c r="DGE21" s="8"/>
      <c r="DGF21" s="8"/>
      <c r="DGG21" s="8"/>
      <c r="DGH21" s="8"/>
      <c r="DGI21" s="8"/>
      <c r="DGJ21" s="8"/>
      <c r="DGK21" s="8"/>
      <c r="DGL21" s="8"/>
      <c r="DGM21" s="8"/>
      <c r="DGN21" s="8"/>
      <c r="DGO21" s="8"/>
      <c r="DGP21" s="8"/>
      <c r="DGQ21" s="8"/>
      <c r="DGR21" s="8"/>
      <c r="DGS21" s="8"/>
      <c r="DGT21" s="8"/>
      <c r="DGU21" s="8"/>
      <c r="DGV21" s="8"/>
      <c r="DGW21" s="8"/>
      <c r="DGX21" s="8"/>
      <c r="DGY21" s="8"/>
      <c r="DGZ21" s="8"/>
      <c r="DHA21" s="8"/>
      <c r="DHB21" s="8"/>
      <c r="DHC21" s="8"/>
      <c r="DHD21" s="8"/>
      <c r="DHE21" s="8"/>
      <c r="DHF21" s="8"/>
      <c r="DHG21" s="8"/>
      <c r="DHH21" s="8"/>
      <c r="DHI21" s="8"/>
      <c r="DHJ21" s="8"/>
      <c r="DHK21" s="8"/>
      <c r="DHL21" s="8"/>
      <c r="DHM21" s="8"/>
      <c r="DHN21" s="8"/>
      <c r="DHO21" s="8"/>
      <c r="DHP21" s="8"/>
      <c r="DHQ21" s="8"/>
      <c r="DHR21" s="8"/>
      <c r="DHS21" s="8"/>
      <c r="DHT21" s="8"/>
      <c r="DHU21" s="8"/>
      <c r="DHV21" s="8"/>
      <c r="DHW21" s="8"/>
      <c r="DHX21" s="8"/>
      <c r="DHY21" s="8"/>
      <c r="DHZ21" s="8"/>
      <c r="DIA21" s="8"/>
      <c r="DIB21" s="8"/>
      <c r="DIC21" s="8"/>
      <c r="DID21" s="8"/>
      <c r="DIE21" s="8"/>
      <c r="DIF21" s="8"/>
      <c r="DIG21" s="8"/>
      <c r="DIH21" s="8"/>
      <c r="DII21" s="8"/>
      <c r="DIJ21" s="8"/>
      <c r="DIK21" s="8"/>
      <c r="DIL21" s="8"/>
      <c r="DIM21" s="8"/>
      <c r="DIN21" s="8"/>
      <c r="DIO21" s="8"/>
      <c r="DIP21" s="8"/>
      <c r="DIQ21" s="8"/>
      <c r="DIR21" s="8"/>
      <c r="DIS21" s="8"/>
      <c r="DIT21" s="8"/>
      <c r="DIU21" s="8"/>
      <c r="DIV21" s="8"/>
      <c r="DIW21" s="8"/>
      <c r="DIX21" s="8"/>
      <c r="DIY21" s="8"/>
      <c r="DIZ21" s="8"/>
      <c r="DJA21" s="8"/>
      <c r="DJB21" s="8"/>
      <c r="DJC21" s="8"/>
      <c r="DJD21" s="8"/>
      <c r="DJE21" s="8"/>
      <c r="DJF21" s="8"/>
      <c r="DJG21" s="8"/>
      <c r="DJH21" s="8"/>
      <c r="DJI21" s="8"/>
      <c r="DJJ21" s="8"/>
      <c r="DJK21" s="8"/>
      <c r="DJL21" s="8"/>
      <c r="DJM21" s="8"/>
      <c r="DJN21" s="8"/>
      <c r="DJO21" s="8"/>
      <c r="DJP21" s="8"/>
      <c r="DJQ21" s="8"/>
      <c r="DJR21" s="8"/>
      <c r="DJS21" s="8"/>
      <c r="DJT21" s="8"/>
      <c r="DJU21" s="8"/>
      <c r="DJV21" s="8"/>
      <c r="DJW21" s="8"/>
      <c r="DJX21" s="8"/>
      <c r="DJY21" s="8"/>
      <c r="DJZ21" s="8"/>
      <c r="DKA21" s="8"/>
      <c r="DKB21" s="8"/>
      <c r="DKC21" s="8"/>
      <c r="DKD21" s="8"/>
      <c r="DKE21" s="8"/>
      <c r="DKF21" s="8"/>
      <c r="DKG21" s="8"/>
      <c r="DKH21" s="8"/>
      <c r="DKI21" s="8"/>
      <c r="DKJ21" s="8"/>
      <c r="DKK21" s="8"/>
      <c r="DKL21" s="8"/>
      <c r="DKM21" s="8"/>
      <c r="DKN21" s="8"/>
      <c r="DKO21" s="8"/>
      <c r="DKP21" s="8"/>
      <c r="DKQ21" s="8"/>
      <c r="DKR21" s="8"/>
      <c r="DKS21" s="8"/>
      <c r="DKT21" s="8"/>
      <c r="DKU21" s="8"/>
      <c r="DKV21" s="8"/>
      <c r="DKW21" s="8"/>
      <c r="DKX21" s="8"/>
      <c r="DKY21" s="8"/>
      <c r="DKZ21" s="8"/>
      <c r="DLA21" s="8"/>
      <c r="DLB21" s="8"/>
      <c r="DLC21" s="8"/>
      <c r="DLD21" s="8"/>
      <c r="DLE21" s="8"/>
      <c r="DLF21" s="8"/>
      <c r="DLG21" s="8"/>
      <c r="DLH21" s="8"/>
      <c r="DLI21" s="8"/>
      <c r="DLJ21" s="8"/>
      <c r="DLK21" s="8"/>
      <c r="DLL21" s="8"/>
      <c r="DLM21" s="8"/>
      <c r="DLN21" s="8"/>
      <c r="DLO21" s="8"/>
      <c r="DLP21" s="8"/>
      <c r="DLQ21" s="8"/>
      <c r="DLR21" s="8"/>
      <c r="DLS21" s="8"/>
      <c r="DLT21" s="8"/>
      <c r="DLU21" s="8"/>
      <c r="DLV21" s="8"/>
      <c r="DLW21" s="8"/>
      <c r="DLX21" s="8"/>
      <c r="DLY21" s="8"/>
      <c r="DLZ21" s="8"/>
      <c r="DMA21" s="8"/>
      <c r="DMB21" s="8"/>
      <c r="DMC21" s="8"/>
      <c r="DMD21" s="8"/>
      <c r="DME21" s="8"/>
      <c r="DMF21" s="8"/>
      <c r="DMG21" s="8"/>
      <c r="DMH21" s="8"/>
      <c r="DMI21" s="8"/>
      <c r="DMJ21" s="8"/>
      <c r="DMK21" s="8"/>
      <c r="DML21" s="8"/>
      <c r="DMM21" s="8"/>
      <c r="DMN21" s="8"/>
      <c r="DMO21" s="8"/>
      <c r="DMP21" s="8"/>
      <c r="DMQ21" s="8"/>
      <c r="DMR21" s="8"/>
      <c r="DMS21" s="8"/>
      <c r="DMT21" s="8"/>
      <c r="DMU21" s="8"/>
      <c r="DMV21" s="8"/>
      <c r="DMW21" s="8"/>
      <c r="DMX21" s="8"/>
      <c r="DMY21" s="8"/>
      <c r="DMZ21" s="8"/>
      <c r="DNA21" s="8"/>
      <c r="DNB21" s="8"/>
      <c r="DNC21" s="8"/>
      <c r="DND21" s="8"/>
      <c r="DNE21" s="8"/>
      <c r="DNF21" s="8"/>
      <c r="DNG21" s="8"/>
      <c r="DNH21" s="8"/>
      <c r="DNI21" s="8"/>
      <c r="DNJ21" s="8"/>
      <c r="DNK21" s="8"/>
      <c r="DNL21" s="8"/>
      <c r="DNM21" s="8"/>
      <c r="DNN21" s="8"/>
      <c r="DNO21" s="8"/>
      <c r="DNP21" s="8"/>
      <c r="DNQ21" s="8"/>
      <c r="DNR21" s="8"/>
      <c r="DNS21" s="8"/>
      <c r="DNT21" s="8"/>
      <c r="DNU21" s="8"/>
      <c r="DNV21" s="8"/>
      <c r="DNW21" s="8"/>
      <c r="DNX21" s="8"/>
      <c r="DNY21" s="8"/>
      <c r="DNZ21" s="8"/>
      <c r="DOA21" s="8"/>
      <c r="DOB21" s="8"/>
      <c r="DOC21" s="8"/>
      <c r="DOD21" s="8"/>
      <c r="DOE21" s="8"/>
      <c r="DOF21" s="8"/>
      <c r="DOG21" s="8"/>
      <c r="DOH21" s="8"/>
      <c r="DOI21" s="8"/>
      <c r="DOJ21" s="8"/>
      <c r="DOK21" s="8"/>
      <c r="DOL21" s="8"/>
      <c r="DOM21" s="8"/>
      <c r="DON21" s="8"/>
      <c r="DOO21" s="8"/>
      <c r="DOP21" s="8"/>
      <c r="DOQ21" s="8"/>
      <c r="DOR21" s="8"/>
      <c r="DOS21" s="8"/>
      <c r="DOT21" s="8"/>
      <c r="DOU21" s="8"/>
      <c r="DOV21" s="8"/>
      <c r="DOW21" s="8"/>
      <c r="DOX21" s="8"/>
      <c r="DOY21" s="8"/>
      <c r="DOZ21" s="8"/>
      <c r="DPA21" s="8"/>
      <c r="DPB21" s="8"/>
      <c r="DPC21" s="8"/>
      <c r="DPD21" s="8"/>
      <c r="DPE21" s="8"/>
      <c r="DPF21" s="8"/>
      <c r="DPG21" s="8"/>
      <c r="DPH21" s="8"/>
      <c r="DPI21" s="8"/>
      <c r="DPJ21" s="8"/>
      <c r="DPK21" s="8"/>
      <c r="DPL21" s="8"/>
      <c r="DPM21" s="8"/>
      <c r="DPN21" s="8"/>
      <c r="DPO21" s="8"/>
      <c r="DPP21" s="8"/>
      <c r="DPQ21" s="8"/>
      <c r="DPR21" s="8"/>
      <c r="DPS21" s="8"/>
      <c r="DPT21" s="8"/>
      <c r="DPU21" s="8"/>
      <c r="DPV21" s="8"/>
      <c r="DPW21" s="8"/>
      <c r="DPX21" s="8"/>
      <c r="DPY21" s="8"/>
      <c r="DPZ21" s="8"/>
      <c r="DQA21" s="8"/>
      <c r="DQB21" s="8"/>
      <c r="DQC21" s="8"/>
      <c r="DQD21" s="8"/>
      <c r="DQE21" s="8"/>
      <c r="DQF21" s="8"/>
      <c r="DQG21" s="8"/>
      <c r="DQH21" s="8"/>
      <c r="DQI21" s="8"/>
      <c r="DQJ21" s="8"/>
      <c r="DQK21" s="8"/>
      <c r="DQL21" s="8"/>
      <c r="DQM21" s="8"/>
      <c r="DQN21" s="8"/>
      <c r="DQO21" s="8"/>
      <c r="DQP21" s="8"/>
      <c r="DQQ21" s="8"/>
      <c r="DQR21" s="8"/>
      <c r="DQS21" s="8"/>
      <c r="DQT21" s="8"/>
      <c r="DQU21" s="8"/>
      <c r="DQV21" s="8"/>
      <c r="DQW21" s="8"/>
      <c r="DQX21" s="8"/>
      <c r="DQY21" s="8"/>
      <c r="DQZ21" s="8"/>
      <c r="DRA21" s="8"/>
      <c r="DRB21" s="8"/>
      <c r="DRC21" s="8"/>
      <c r="DRD21" s="8"/>
      <c r="DRE21" s="8"/>
      <c r="DRF21" s="8"/>
      <c r="DRG21" s="8"/>
      <c r="DRH21" s="8"/>
      <c r="DRI21" s="8"/>
      <c r="DRJ21" s="8"/>
      <c r="DRK21" s="8"/>
      <c r="DRL21" s="8"/>
      <c r="DRM21" s="8"/>
      <c r="DRN21" s="8"/>
      <c r="DRO21" s="8"/>
      <c r="DRP21" s="8"/>
      <c r="DRQ21" s="8"/>
      <c r="DRR21" s="8"/>
      <c r="DRS21" s="8"/>
      <c r="DRT21" s="8"/>
      <c r="DRU21" s="8"/>
      <c r="DRV21" s="8"/>
      <c r="DRW21" s="8"/>
      <c r="DRX21" s="8"/>
      <c r="DRY21" s="8"/>
      <c r="DRZ21" s="8"/>
      <c r="DSA21" s="8"/>
      <c r="DSB21" s="8"/>
      <c r="DSC21" s="8"/>
      <c r="DSD21" s="8"/>
      <c r="DSE21" s="8"/>
      <c r="DSF21" s="8"/>
      <c r="DSG21" s="8"/>
      <c r="DSH21" s="8"/>
      <c r="DSI21" s="8"/>
      <c r="DSJ21" s="8"/>
      <c r="DSK21" s="8"/>
      <c r="DSL21" s="8"/>
      <c r="DSM21" s="8"/>
      <c r="DSN21" s="8"/>
      <c r="DSO21" s="8"/>
      <c r="DSP21" s="8"/>
      <c r="DSQ21" s="8"/>
      <c r="DSR21" s="8"/>
      <c r="DSS21" s="8"/>
      <c r="DST21" s="8"/>
      <c r="DSU21" s="8"/>
      <c r="DSV21" s="8"/>
      <c r="DSW21" s="8"/>
      <c r="DSX21" s="8"/>
      <c r="DSY21" s="8"/>
      <c r="DSZ21" s="8"/>
      <c r="DTA21" s="8"/>
      <c r="DTB21" s="8"/>
      <c r="DTC21" s="8"/>
      <c r="DTD21" s="8"/>
      <c r="DTE21" s="8"/>
      <c r="DTF21" s="8"/>
      <c r="DTG21" s="8"/>
      <c r="DTH21" s="8"/>
      <c r="DTI21" s="8"/>
      <c r="DTJ21" s="8"/>
      <c r="DTK21" s="8"/>
      <c r="DTL21" s="8"/>
      <c r="DTM21" s="8"/>
      <c r="DTN21" s="8"/>
      <c r="DTO21" s="8"/>
      <c r="DTP21" s="8"/>
      <c r="DTQ21" s="8"/>
      <c r="DTR21" s="8"/>
      <c r="DTS21" s="8"/>
      <c r="DTT21" s="8"/>
      <c r="DTU21" s="8"/>
      <c r="DTV21" s="8"/>
      <c r="DTW21" s="8"/>
      <c r="DTX21" s="8"/>
      <c r="DTY21" s="8"/>
      <c r="DTZ21" s="8"/>
      <c r="DUA21" s="8"/>
      <c r="DUB21" s="8"/>
      <c r="DUC21" s="8"/>
      <c r="DUD21" s="8"/>
      <c r="DUE21" s="8"/>
      <c r="DUF21" s="8"/>
      <c r="DUG21" s="8"/>
      <c r="DUH21" s="8"/>
      <c r="DUI21" s="8"/>
      <c r="DUJ21" s="8"/>
      <c r="DUK21" s="8"/>
      <c r="DUL21" s="8"/>
      <c r="DUM21" s="8"/>
      <c r="DUN21" s="8"/>
      <c r="DUO21" s="8"/>
      <c r="DUP21" s="8"/>
      <c r="DUQ21" s="8"/>
      <c r="DUR21" s="8"/>
      <c r="DUS21" s="8"/>
      <c r="DUT21" s="8"/>
      <c r="DUU21" s="8"/>
      <c r="DUV21" s="8"/>
      <c r="DUW21" s="8"/>
      <c r="DUX21" s="8"/>
      <c r="DUY21" s="8"/>
      <c r="DUZ21" s="8"/>
      <c r="DVA21" s="8"/>
      <c r="DVB21" s="8"/>
      <c r="DVC21" s="8"/>
      <c r="DVD21" s="8"/>
      <c r="DVE21" s="8"/>
      <c r="DVF21" s="8"/>
      <c r="DVG21" s="8"/>
      <c r="DVH21" s="8"/>
      <c r="DVI21" s="8"/>
      <c r="DVJ21" s="8"/>
      <c r="DVK21" s="8"/>
      <c r="DVL21" s="8"/>
      <c r="DVM21" s="8"/>
      <c r="DVN21" s="8"/>
      <c r="DVO21" s="8"/>
      <c r="DVP21" s="8"/>
      <c r="DVQ21" s="8"/>
      <c r="DVR21" s="8"/>
      <c r="DVS21" s="8"/>
      <c r="DVT21" s="8"/>
      <c r="DVU21" s="8"/>
      <c r="DVV21" s="8"/>
      <c r="DVW21" s="8"/>
      <c r="DVX21" s="8"/>
      <c r="DVY21" s="8"/>
      <c r="DVZ21" s="8"/>
      <c r="DWA21" s="8"/>
      <c r="DWB21" s="8"/>
      <c r="DWC21" s="8"/>
      <c r="DWD21" s="8"/>
      <c r="DWE21" s="8"/>
      <c r="DWF21" s="8"/>
      <c r="DWG21" s="8"/>
      <c r="DWH21" s="8"/>
      <c r="DWI21" s="8"/>
      <c r="DWJ21" s="8"/>
      <c r="DWK21" s="8"/>
      <c r="DWL21" s="8"/>
      <c r="DWM21" s="8"/>
      <c r="DWN21" s="8"/>
      <c r="DWO21" s="8"/>
      <c r="DWP21" s="8"/>
      <c r="DWQ21" s="8"/>
      <c r="DWR21" s="8"/>
      <c r="DWS21" s="8"/>
      <c r="DWT21" s="8"/>
      <c r="DWU21" s="8"/>
      <c r="DWV21" s="8"/>
      <c r="DWW21" s="8"/>
      <c r="DWX21" s="8"/>
      <c r="DWY21" s="8"/>
      <c r="DWZ21" s="8"/>
      <c r="DXA21" s="8"/>
      <c r="DXB21" s="8"/>
      <c r="DXC21" s="8"/>
      <c r="DXD21" s="8"/>
      <c r="DXE21" s="8"/>
      <c r="DXF21" s="8"/>
      <c r="DXG21" s="8"/>
      <c r="DXH21" s="8"/>
      <c r="DXI21" s="8"/>
      <c r="DXJ21" s="8"/>
      <c r="DXK21" s="8"/>
      <c r="DXL21" s="8"/>
      <c r="DXM21" s="8"/>
      <c r="DXN21" s="8"/>
      <c r="DXO21" s="8"/>
      <c r="DXP21" s="8"/>
      <c r="DXQ21" s="8"/>
      <c r="DXR21" s="8"/>
      <c r="DXS21" s="8"/>
      <c r="DXT21" s="8"/>
      <c r="DXU21" s="8"/>
      <c r="DXV21" s="8"/>
      <c r="DXW21" s="8"/>
      <c r="DXX21" s="8"/>
      <c r="DXY21" s="8"/>
      <c r="DXZ21" s="8"/>
      <c r="DYA21" s="8"/>
      <c r="DYB21" s="8"/>
      <c r="DYC21" s="8"/>
      <c r="DYD21" s="8"/>
      <c r="DYE21" s="8"/>
      <c r="DYF21" s="8"/>
      <c r="DYG21" s="8"/>
      <c r="DYH21" s="8"/>
      <c r="DYI21" s="8"/>
      <c r="DYJ21" s="8"/>
      <c r="DYK21" s="8"/>
      <c r="DYL21" s="8"/>
      <c r="DYM21" s="8"/>
      <c r="DYN21" s="8"/>
      <c r="DYO21" s="8"/>
      <c r="DYP21" s="8"/>
      <c r="DYQ21" s="8"/>
      <c r="DYR21" s="8"/>
      <c r="DYS21" s="8"/>
      <c r="DYT21" s="8"/>
      <c r="DYU21" s="8"/>
      <c r="DYV21" s="8"/>
      <c r="DYW21" s="8"/>
      <c r="DYX21" s="8"/>
      <c r="DYY21" s="8"/>
      <c r="DYZ21" s="8"/>
      <c r="DZA21" s="8"/>
      <c r="DZB21" s="8"/>
      <c r="DZC21" s="8"/>
      <c r="DZD21" s="8"/>
      <c r="DZE21" s="8"/>
      <c r="DZF21" s="8"/>
      <c r="DZG21" s="8"/>
      <c r="DZH21" s="8"/>
      <c r="DZI21" s="8"/>
      <c r="DZJ21" s="8"/>
      <c r="DZK21" s="8"/>
      <c r="DZL21" s="8"/>
      <c r="DZM21" s="8"/>
      <c r="DZN21" s="8"/>
      <c r="DZO21" s="8"/>
      <c r="DZP21" s="8"/>
      <c r="DZQ21" s="8"/>
      <c r="DZR21" s="8"/>
      <c r="DZS21" s="8"/>
      <c r="DZT21" s="8"/>
      <c r="DZU21" s="8"/>
      <c r="DZV21" s="8"/>
      <c r="DZW21" s="8"/>
      <c r="DZX21" s="8"/>
      <c r="DZY21" s="8"/>
      <c r="DZZ21" s="8"/>
      <c r="EAA21" s="8"/>
      <c r="EAB21" s="8"/>
      <c r="EAC21" s="8"/>
      <c r="EAD21" s="8"/>
      <c r="EAE21" s="8"/>
      <c r="EAF21" s="8"/>
      <c r="EAG21" s="8"/>
      <c r="EAH21" s="8"/>
      <c r="EAI21" s="8"/>
      <c r="EAJ21" s="8"/>
      <c r="EAK21" s="8"/>
      <c r="EAL21" s="8"/>
      <c r="EAM21" s="8"/>
      <c r="EAN21" s="8"/>
      <c r="EAO21" s="8"/>
      <c r="EAP21" s="8"/>
      <c r="EAQ21" s="8"/>
      <c r="EAR21" s="8"/>
      <c r="EAS21" s="8"/>
      <c r="EAT21" s="8"/>
      <c r="EAU21" s="8"/>
      <c r="EAV21" s="8"/>
      <c r="EAW21" s="8"/>
      <c r="EAX21" s="8"/>
      <c r="EAY21" s="8"/>
      <c r="EAZ21" s="8"/>
      <c r="EBA21" s="8"/>
      <c r="EBB21" s="8"/>
      <c r="EBC21" s="8"/>
      <c r="EBD21" s="8"/>
      <c r="EBE21" s="8"/>
      <c r="EBF21" s="8"/>
      <c r="EBG21" s="8"/>
      <c r="EBH21" s="8"/>
      <c r="EBI21" s="8"/>
      <c r="EBJ21" s="8"/>
      <c r="EBK21" s="8"/>
      <c r="EBL21" s="8"/>
      <c r="EBM21" s="8"/>
      <c r="EBN21" s="8"/>
      <c r="EBO21" s="8"/>
      <c r="EBP21" s="8"/>
      <c r="EBQ21" s="8"/>
      <c r="EBR21" s="8"/>
      <c r="EBS21" s="8"/>
      <c r="EBT21" s="8"/>
      <c r="EBU21" s="8"/>
      <c r="EBV21" s="8"/>
      <c r="EBW21" s="8"/>
      <c r="EBX21" s="8"/>
      <c r="EBY21" s="8"/>
      <c r="EBZ21" s="8"/>
      <c r="ECA21" s="8"/>
      <c r="ECB21" s="8"/>
      <c r="ECC21" s="8"/>
      <c r="ECD21" s="8"/>
      <c r="ECE21" s="8"/>
      <c r="ECF21" s="8"/>
      <c r="ECG21" s="8"/>
      <c r="ECH21" s="8"/>
      <c r="ECI21" s="8"/>
      <c r="ECJ21" s="8"/>
      <c r="ECK21" s="8"/>
      <c r="ECL21" s="8"/>
      <c r="ECM21" s="8"/>
      <c r="ECN21" s="8"/>
      <c r="ECO21" s="8"/>
      <c r="ECP21" s="8"/>
      <c r="ECQ21" s="8"/>
      <c r="ECR21" s="8"/>
      <c r="ECS21" s="8"/>
      <c r="ECT21" s="8"/>
      <c r="ECU21" s="8"/>
      <c r="ECV21" s="8"/>
      <c r="ECW21" s="8"/>
      <c r="ECX21" s="8"/>
      <c r="ECY21" s="8"/>
      <c r="ECZ21" s="8"/>
      <c r="EDA21" s="8"/>
      <c r="EDB21" s="8"/>
      <c r="EDC21" s="8"/>
      <c r="EDD21" s="8"/>
      <c r="EDE21" s="8"/>
      <c r="EDF21" s="8"/>
      <c r="EDG21" s="8"/>
      <c r="EDH21" s="8"/>
      <c r="EDI21" s="8"/>
      <c r="EDJ21" s="8"/>
      <c r="EDK21" s="8"/>
      <c r="EDL21" s="8"/>
      <c r="EDM21" s="8"/>
      <c r="EDN21" s="8"/>
      <c r="EDO21" s="8"/>
      <c r="EDP21" s="8"/>
      <c r="EDQ21" s="8"/>
      <c r="EDR21" s="8"/>
      <c r="EDS21" s="8"/>
      <c r="EDT21" s="8"/>
      <c r="EDU21" s="8"/>
      <c r="EDV21" s="8"/>
      <c r="EDW21" s="8"/>
      <c r="EDX21" s="8"/>
      <c r="EDY21" s="8"/>
      <c r="EDZ21" s="8"/>
      <c r="EEA21" s="8"/>
      <c r="EEB21" s="8"/>
      <c r="EEC21" s="8"/>
      <c r="EED21" s="8"/>
      <c r="EEE21" s="8"/>
      <c r="EEF21" s="8"/>
      <c r="EEG21" s="8"/>
      <c r="EEH21" s="8"/>
      <c r="EEI21" s="8"/>
      <c r="EEJ21" s="8"/>
      <c r="EEK21" s="8"/>
      <c r="EEL21" s="8"/>
      <c r="EEM21" s="8"/>
      <c r="EEN21" s="8"/>
      <c r="EEO21" s="8"/>
      <c r="EEP21" s="8"/>
      <c r="EEQ21" s="8"/>
      <c r="EER21" s="8"/>
      <c r="EES21" s="8"/>
      <c r="EET21" s="8"/>
      <c r="EEU21" s="8"/>
      <c r="EEV21" s="8"/>
      <c r="EEW21" s="8"/>
      <c r="EEX21" s="8"/>
      <c r="EEY21" s="8"/>
      <c r="EEZ21" s="8"/>
      <c r="EFA21" s="8"/>
      <c r="EFB21" s="8"/>
      <c r="EFC21" s="8"/>
      <c r="EFD21" s="8"/>
      <c r="EFE21" s="8"/>
      <c r="EFF21" s="8"/>
      <c r="EFG21" s="8"/>
      <c r="EFH21" s="8"/>
      <c r="EFI21" s="8"/>
      <c r="EFJ21" s="8"/>
      <c r="EFK21" s="8"/>
      <c r="EFL21" s="8"/>
      <c r="EFM21" s="8"/>
      <c r="EFN21" s="8"/>
      <c r="EFO21" s="8"/>
      <c r="EFP21" s="8"/>
      <c r="EFQ21" s="8"/>
      <c r="EFR21" s="8"/>
      <c r="EFS21" s="8"/>
      <c r="EFT21" s="8"/>
      <c r="EFU21" s="8"/>
      <c r="EFV21" s="8"/>
      <c r="EFW21" s="8"/>
      <c r="EFX21" s="8"/>
      <c r="EFY21" s="8"/>
      <c r="EFZ21" s="8"/>
      <c r="EGA21" s="8"/>
      <c r="EGB21" s="8"/>
      <c r="EGC21" s="8"/>
      <c r="EGD21" s="8"/>
      <c r="EGE21" s="8"/>
      <c r="EGF21" s="8"/>
      <c r="EGG21" s="8"/>
      <c r="EGH21" s="8"/>
      <c r="EGI21" s="8"/>
      <c r="EGJ21" s="8"/>
      <c r="EGK21" s="8"/>
      <c r="EGL21" s="8"/>
      <c r="EGM21" s="8"/>
      <c r="EGN21" s="8"/>
      <c r="EGO21" s="8"/>
      <c r="EGP21" s="8"/>
      <c r="EGQ21" s="8"/>
      <c r="EGR21" s="8"/>
      <c r="EGS21" s="8"/>
      <c r="EGT21" s="8"/>
      <c r="EGU21" s="8"/>
      <c r="EGV21" s="8"/>
      <c r="EGW21" s="8"/>
      <c r="EGX21" s="8"/>
      <c r="EGY21" s="8"/>
      <c r="EGZ21" s="8"/>
      <c r="EHA21" s="8"/>
      <c r="EHB21" s="8"/>
      <c r="EHC21" s="8"/>
      <c r="EHD21" s="8"/>
      <c r="EHE21" s="8"/>
      <c r="EHF21" s="8"/>
      <c r="EHG21" s="8"/>
      <c r="EHH21" s="8"/>
      <c r="EHI21" s="8"/>
      <c r="EHJ21" s="8"/>
      <c r="EHK21" s="8"/>
      <c r="EHL21" s="8"/>
      <c r="EHM21" s="8"/>
      <c r="EHN21" s="8"/>
      <c r="EHO21" s="8"/>
      <c r="EHP21" s="8"/>
      <c r="EHQ21" s="8"/>
      <c r="EHR21" s="8"/>
      <c r="EHS21" s="8"/>
      <c r="EHT21" s="8"/>
      <c r="EHU21" s="8"/>
      <c r="EHV21" s="8"/>
      <c r="EHW21" s="8"/>
      <c r="EHX21" s="8"/>
      <c r="EHY21" s="8"/>
      <c r="EHZ21" s="8"/>
      <c r="EIA21" s="8"/>
      <c r="EIB21" s="8"/>
      <c r="EIC21" s="8"/>
      <c r="EID21" s="8"/>
      <c r="EIE21" s="8"/>
      <c r="EIF21" s="8"/>
      <c r="EIG21" s="8"/>
      <c r="EIH21" s="8"/>
      <c r="EII21" s="8"/>
      <c r="EIJ21" s="8"/>
      <c r="EIK21" s="8"/>
      <c r="EIL21" s="8"/>
      <c r="EIM21" s="8"/>
      <c r="EIN21" s="8"/>
      <c r="EIO21" s="8"/>
      <c r="EIP21" s="8"/>
      <c r="EIQ21" s="8"/>
      <c r="EIR21" s="8"/>
      <c r="EIS21" s="8"/>
      <c r="EIT21" s="8"/>
      <c r="EIU21" s="8"/>
      <c r="EIV21" s="8"/>
      <c r="EIW21" s="8"/>
      <c r="EIX21" s="8"/>
      <c r="EIY21" s="8"/>
      <c r="EIZ21" s="8"/>
      <c r="EJA21" s="8"/>
      <c r="EJB21" s="8"/>
      <c r="EJC21" s="8"/>
      <c r="EJD21" s="8"/>
      <c r="EJE21" s="8"/>
      <c r="EJF21" s="8"/>
      <c r="EJG21" s="8"/>
      <c r="EJH21" s="8"/>
      <c r="EJI21" s="8"/>
      <c r="EJJ21" s="8"/>
      <c r="EJK21" s="8"/>
      <c r="EJL21" s="8"/>
      <c r="EJM21" s="8"/>
      <c r="EJN21" s="8"/>
      <c r="EJO21" s="8"/>
      <c r="EJP21" s="8"/>
      <c r="EJQ21" s="8"/>
      <c r="EJR21" s="8"/>
      <c r="EJS21" s="8"/>
      <c r="EJT21" s="8"/>
      <c r="EJU21" s="8"/>
      <c r="EJV21" s="8"/>
      <c r="EJW21" s="8"/>
      <c r="EJX21" s="8"/>
      <c r="EJY21" s="8"/>
      <c r="EJZ21" s="8"/>
      <c r="EKA21" s="8"/>
      <c r="EKB21" s="8"/>
      <c r="EKC21" s="8"/>
      <c r="EKD21" s="8"/>
      <c r="EKE21" s="8"/>
      <c r="EKF21" s="8"/>
      <c r="EKG21" s="8"/>
      <c r="EKH21" s="8"/>
      <c r="EKI21" s="8"/>
      <c r="EKJ21" s="8"/>
      <c r="EKK21" s="8"/>
      <c r="EKL21" s="8"/>
      <c r="EKM21" s="8"/>
      <c r="EKN21" s="8"/>
      <c r="EKO21" s="8"/>
      <c r="EKP21" s="8"/>
      <c r="EKQ21" s="8"/>
      <c r="EKR21" s="8"/>
      <c r="EKS21" s="8"/>
      <c r="EKT21" s="8"/>
      <c r="EKU21" s="8"/>
      <c r="EKV21" s="8"/>
      <c r="EKW21" s="8"/>
      <c r="EKX21" s="8"/>
      <c r="EKY21" s="8"/>
      <c r="EKZ21" s="8"/>
      <c r="ELA21" s="8"/>
      <c r="ELB21" s="8"/>
      <c r="ELC21" s="8"/>
      <c r="ELD21" s="8"/>
      <c r="ELE21" s="8"/>
      <c r="ELF21" s="8"/>
      <c r="ELG21" s="8"/>
      <c r="ELH21" s="8"/>
      <c r="ELI21" s="8"/>
      <c r="ELJ21" s="8"/>
      <c r="ELK21" s="8"/>
      <c r="ELL21" s="8"/>
      <c r="ELM21" s="8"/>
      <c r="ELN21" s="8"/>
      <c r="ELO21" s="8"/>
      <c r="ELP21" s="8"/>
      <c r="ELQ21" s="8"/>
      <c r="ELR21" s="8"/>
      <c r="ELS21" s="8"/>
      <c r="ELT21" s="8"/>
      <c r="ELU21" s="8"/>
      <c r="ELV21" s="8"/>
      <c r="ELW21" s="8"/>
      <c r="ELX21" s="8"/>
      <c r="ELY21" s="8"/>
      <c r="ELZ21" s="8"/>
      <c r="EMA21" s="8"/>
      <c r="EMB21" s="8"/>
      <c r="EMC21" s="8"/>
      <c r="EMD21" s="8"/>
      <c r="EME21" s="8"/>
      <c r="EMF21" s="8"/>
      <c r="EMG21" s="8"/>
      <c r="EMH21" s="8"/>
      <c r="EMI21" s="8"/>
      <c r="EMJ21" s="8"/>
      <c r="EMK21" s="8"/>
      <c r="EML21" s="8"/>
      <c r="EMM21" s="8"/>
      <c r="EMN21" s="8"/>
      <c r="EMO21" s="8"/>
      <c r="EMP21" s="8"/>
      <c r="EMQ21" s="8"/>
      <c r="EMR21" s="8"/>
      <c r="EMS21" s="8"/>
      <c r="EMT21" s="8"/>
      <c r="EMU21" s="8"/>
      <c r="EMV21" s="8"/>
      <c r="EMW21" s="8"/>
      <c r="EMX21" s="8"/>
      <c r="EMY21" s="8"/>
      <c r="EMZ21" s="8"/>
      <c r="ENA21" s="8"/>
      <c r="ENB21" s="8"/>
      <c r="ENC21" s="8"/>
      <c r="END21" s="8"/>
      <c r="ENE21" s="8"/>
      <c r="ENF21" s="8"/>
      <c r="ENG21" s="8"/>
      <c r="ENH21" s="8"/>
      <c r="ENI21" s="8"/>
      <c r="ENJ21" s="8"/>
      <c r="ENK21" s="8"/>
      <c r="ENL21" s="8"/>
      <c r="ENM21" s="8"/>
      <c r="ENN21" s="8"/>
      <c r="ENO21" s="8"/>
      <c r="ENP21" s="8"/>
      <c r="ENQ21" s="8"/>
      <c r="ENR21" s="8"/>
      <c r="ENS21" s="8"/>
      <c r="ENT21" s="8"/>
      <c r="ENU21" s="8"/>
      <c r="ENV21" s="8"/>
      <c r="ENW21" s="8"/>
      <c r="ENX21" s="8"/>
      <c r="ENY21" s="8"/>
      <c r="ENZ21" s="8"/>
      <c r="EOA21" s="8"/>
      <c r="EOB21" s="8"/>
      <c r="EOC21" s="8"/>
      <c r="EOD21" s="8"/>
      <c r="EOE21" s="8"/>
      <c r="EOF21" s="8"/>
      <c r="EOG21" s="8"/>
      <c r="EOH21" s="8"/>
      <c r="EOI21" s="8"/>
      <c r="EOJ21" s="8"/>
      <c r="EOK21" s="8"/>
      <c r="EOL21" s="8"/>
      <c r="EOM21" s="8"/>
      <c r="EON21" s="8"/>
      <c r="EOO21" s="8"/>
      <c r="EOP21" s="8"/>
      <c r="EOQ21" s="8"/>
      <c r="EOR21" s="8"/>
      <c r="EOS21" s="8"/>
      <c r="EOT21" s="8"/>
      <c r="EOU21" s="8"/>
      <c r="EOV21" s="8"/>
      <c r="EOW21" s="8"/>
      <c r="EOX21" s="8"/>
      <c r="EOY21" s="8"/>
      <c r="EOZ21" s="8"/>
      <c r="EPA21" s="8"/>
      <c r="EPB21" s="8"/>
      <c r="EPC21" s="8"/>
      <c r="EPD21" s="8"/>
      <c r="EPE21" s="8"/>
      <c r="EPF21" s="8"/>
      <c r="EPG21" s="8"/>
      <c r="EPH21" s="8"/>
      <c r="EPI21" s="8"/>
      <c r="EPJ21" s="8"/>
      <c r="EPK21" s="8"/>
      <c r="EPL21" s="8"/>
      <c r="EPM21" s="8"/>
      <c r="EPN21" s="8"/>
      <c r="EPO21" s="8"/>
      <c r="EPP21" s="8"/>
      <c r="EPQ21" s="8"/>
      <c r="EPR21" s="8"/>
      <c r="EPS21" s="8"/>
      <c r="EPT21" s="8"/>
      <c r="EPU21" s="8"/>
      <c r="EPV21" s="8"/>
      <c r="EPW21" s="8"/>
      <c r="EPX21" s="8"/>
      <c r="EPY21" s="8"/>
      <c r="EPZ21" s="8"/>
      <c r="EQA21" s="8"/>
      <c r="EQB21" s="8"/>
      <c r="EQC21" s="8"/>
      <c r="EQD21" s="8"/>
      <c r="EQE21" s="8"/>
      <c r="EQF21" s="8"/>
      <c r="EQG21" s="8"/>
      <c r="EQH21" s="8"/>
      <c r="EQI21" s="8"/>
      <c r="EQJ21" s="8"/>
      <c r="EQK21" s="8"/>
      <c r="EQL21" s="8"/>
      <c r="EQM21" s="8"/>
      <c r="EQN21" s="8"/>
      <c r="EQO21" s="8"/>
      <c r="EQP21" s="8"/>
      <c r="EQQ21" s="8"/>
      <c r="EQR21" s="8"/>
      <c r="EQS21" s="8"/>
      <c r="EQT21" s="8"/>
      <c r="EQU21" s="8"/>
      <c r="EQV21" s="8"/>
      <c r="EQW21" s="8"/>
      <c r="EQX21" s="8"/>
      <c r="EQY21" s="8"/>
      <c r="EQZ21" s="8"/>
      <c r="ERA21" s="8"/>
      <c r="ERB21" s="8"/>
      <c r="ERC21" s="8"/>
      <c r="ERD21" s="8"/>
      <c r="ERE21" s="8"/>
      <c r="ERF21" s="8"/>
      <c r="ERG21" s="8"/>
      <c r="ERH21" s="8"/>
      <c r="ERI21" s="8"/>
      <c r="ERJ21" s="8"/>
      <c r="ERK21" s="8"/>
      <c r="ERL21" s="8"/>
      <c r="ERM21" s="8"/>
      <c r="ERN21" s="8"/>
      <c r="ERO21" s="8"/>
      <c r="ERP21" s="8"/>
      <c r="ERQ21" s="8"/>
      <c r="ERR21" s="8"/>
      <c r="ERS21" s="8"/>
      <c r="ERT21" s="8"/>
      <c r="ERU21" s="8"/>
      <c r="ERV21" s="8"/>
      <c r="ERW21" s="8"/>
      <c r="ERX21" s="8"/>
      <c r="ERY21" s="8"/>
      <c r="ERZ21" s="8"/>
      <c r="ESA21" s="8"/>
      <c r="ESB21" s="8"/>
      <c r="ESC21" s="8"/>
      <c r="ESD21" s="8"/>
      <c r="ESE21" s="8"/>
      <c r="ESF21" s="8"/>
      <c r="ESG21" s="8"/>
      <c r="ESH21" s="8"/>
      <c r="ESI21" s="8"/>
      <c r="ESJ21" s="8"/>
      <c r="ESK21" s="8"/>
      <c r="ESL21" s="8"/>
      <c r="ESM21" s="8"/>
      <c r="ESN21" s="8"/>
      <c r="ESO21" s="8"/>
      <c r="ESP21" s="8"/>
      <c r="ESQ21" s="8"/>
      <c r="ESR21" s="8"/>
      <c r="ESS21" s="8"/>
      <c r="EST21" s="8"/>
      <c r="ESU21" s="8"/>
      <c r="ESV21" s="8"/>
      <c r="ESW21" s="8"/>
      <c r="ESX21" s="8"/>
      <c r="ESY21" s="8"/>
      <c r="ESZ21" s="8"/>
      <c r="ETA21" s="8"/>
      <c r="ETB21" s="8"/>
      <c r="ETC21" s="8"/>
      <c r="ETD21" s="8"/>
      <c r="ETE21" s="8"/>
      <c r="ETF21" s="8"/>
      <c r="ETG21" s="8"/>
      <c r="ETH21" s="8"/>
      <c r="ETI21" s="8"/>
      <c r="ETJ21" s="8"/>
      <c r="ETK21" s="8"/>
      <c r="ETL21" s="8"/>
      <c r="ETM21" s="8"/>
      <c r="ETN21" s="8"/>
      <c r="ETO21" s="8"/>
      <c r="ETP21" s="8"/>
      <c r="ETQ21" s="8"/>
      <c r="ETR21" s="8"/>
      <c r="ETS21" s="8"/>
      <c r="ETT21" s="8"/>
      <c r="ETU21" s="8"/>
      <c r="ETV21" s="8"/>
      <c r="ETW21" s="8"/>
      <c r="ETX21" s="8"/>
      <c r="ETY21" s="8"/>
      <c r="ETZ21" s="8"/>
      <c r="EUA21" s="8"/>
      <c r="EUB21" s="8"/>
      <c r="EUC21" s="8"/>
      <c r="EUD21" s="8"/>
      <c r="EUE21" s="8"/>
      <c r="EUF21" s="8"/>
      <c r="EUG21" s="8"/>
      <c r="EUH21" s="8"/>
      <c r="EUI21" s="8"/>
      <c r="EUJ21" s="8"/>
      <c r="EUK21" s="8"/>
      <c r="EUL21" s="8"/>
      <c r="EUM21" s="8"/>
      <c r="EUN21" s="8"/>
      <c r="EUO21" s="8"/>
      <c r="EUP21" s="8"/>
      <c r="EUQ21" s="8"/>
      <c r="EUR21" s="8"/>
      <c r="EUS21" s="8"/>
      <c r="EUT21" s="8"/>
      <c r="EUU21" s="8"/>
      <c r="EUV21" s="8"/>
      <c r="EUW21" s="8"/>
      <c r="EUX21" s="8"/>
      <c r="EUY21" s="8"/>
      <c r="EUZ21" s="8"/>
      <c r="EVA21" s="8"/>
      <c r="EVB21" s="8"/>
      <c r="EVC21" s="8"/>
      <c r="EVD21" s="8"/>
      <c r="EVE21" s="8"/>
      <c r="EVF21" s="8"/>
      <c r="EVG21" s="8"/>
      <c r="EVH21" s="8"/>
      <c r="EVI21" s="8"/>
      <c r="EVJ21" s="8"/>
      <c r="EVK21" s="8"/>
      <c r="EVL21" s="8"/>
      <c r="EVM21" s="8"/>
      <c r="EVN21" s="8"/>
      <c r="EVO21" s="8"/>
      <c r="EVP21" s="8"/>
      <c r="EVQ21" s="8"/>
      <c r="EVR21" s="8"/>
      <c r="EVS21" s="8"/>
      <c r="EVT21" s="8"/>
      <c r="EVU21" s="8"/>
      <c r="EVV21" s="8"/>
      <c r="EVW21" s="8"/>
      <c r="EVX21" s="8"/>
      <c r="EVY21" s="8"/>
      <c r="EVZ21" s="8"/>
      <c r="EWA21" s="8"/>
      <c r="EWB21" s="8"/>
      <c r="EWC21" s="8"/>
      <c r="EWD21" s="8"/>
      <c r="EWE21" s="8"/>
      <c r="EWF21" s="8"/>
      <c r="EWG21" s="8"/>
      <c r="EWH21" s="8"/>
      <c r="EWI21" s="8"/>
      <c r="EWJ21" s="8"/>
      <c r="EWK21" s="8"/>
      <c r="EWL21" s="8"/>
      <c r="EWM21" s="8"/>
      <c r="EWN21" s="8"/>
      <c r="EWO21" s="8"/>
      <c r="EWP21" s="8"/>
      <c r="EWQ21" s="8"/>
      <c r="EWR21" s="8"/>
      <c r="EWS21" s="8"/>
      <c r="EWT21" s="8"/>
      <c r="EWU21" s="8"/>
      <c r="EWV21" s="8"/>
      <c r="EWW21" s="8"/>
      <c r="EWX21" s="8"/>
      <c r="EWY21" s="8"/>
      <c r="EWZ21" s="8"/>
      <c r="EXA21" s="8"/>
      <c r="EXB21" s="8"/>
      <c r="EXC21" s="8"/>
      <c r="EXD21" s="8"/>
      <c r="EXE21" s="8"/>
      <c r="EXF21" s="8"/>
      <c r="EXG21" s="8"/>
      <c r="EXH21" s="8"/>
      <c r="EXI21" s="8"/>
      <c r="EXJ21" s="8"/>
      <c r="EXK21" s="8"/>
      <c r="EXL21" s="8"/>
      <c r="EXM21" s="8"/>
      <c r="EXN21" s="8"/>
      <c r="EXO21" s="8"/>
      <c r="EXP21" s="8"/>
      <c r="EXQ21" s="8"/>
      <c r="EXR21" s="8"/>
      <c r="EXS21" s="8"/>
      <c r="EXT21" s="8"/>
      <c r="EXU21" s="8"/>
      <c r="EXV21" s="8"/>
      <c r="EXW21" s="8"/>
      <c r="EXX21" s="8"/>
      <c r="EXY21" s="8"/>
      <c r="EXZ21" s="8"/>
      <c r="EYA21" s="8"/>
      <c r="EYB21" s="8"/>
      <c r="EYC21" s="8"/>
      <c r="EYD21" s="8"/>
      <c r="EYE21" s="8"/>
      <c r="EYF21" s="8"/>
      <c r="EYG21" s="8"/>
      <c r="EYH21" s="8"/>
      <c r="EYI21" s="8"/>
      <c r="EYJ21" s="8"/>
      <c r="EYK21" s="8"/>
      <c r="EYL21" s="8"/>
      <c r="EYM21" s="8"/>
      <c r="EYN21" s="8"/>
      <c r="EYO21" s="8"/>
      <c r="EYP21" s="8"/>
      <c r="EYQ21" s="8"/>
      <c r="EYR21" s="8"/>
      <c r="EYS21" s="8"/>
      <c r="EYT21" s="8"/>
      <c r="EYU21" s="8"/>
      <c r="EYV21" s="8"/>
      <c r="EYW21" s="8"/>
      <c r="EYX21" s="8"/>
      <c r="EYY21" s="8"/>
      <c r="EYZ21" s="8"/>
      <c r="EZA21" s="8"/>
      <c r="EZB21" s="8"/>
      <c r="EZC21" s="8"/>
      <c r="EZD21" s="8"/>
      <c r="EZE21" s="8"/>
      <c r="EZF21" s="8"/>
      <c r="EZG21" s="8"/>
      <c r="EZH21" s="8"/>
      <c r="EZI21" s="8"/>
      <c r="EZJ21" s="8"/>
      <c r="EZK21" s="8"/>
      <c r="EZL21" s="8"/>
      <c r="EZM21" s="8"/>
      <c r="EZN21" s="8"/>
      <c r="EZO21" s="8"/>
      <c r="EZP21" s="8"/>
      <c r="EZQ21" s="8"/>
      <c r="EZR21" s="8"/>
      <c r="EZS21" s="8"/>
      <c r="EZT21" s="8"/>
      <c r="EZU21" s="8"/>
      <c r="EZV21" s="8"/>
      <c r="EZW21" s="8"/>
      <c r="EZX21" s="8"/>
      <c r="EZY21" s="8"/>
      <c r="EZZ21" s="8"/>
      <c r="FAA21" s="8"/>
      <c r="FAB21" s="8"/>
      <c r="FAC21" s="8"/>
      <c r="FAD21" s="8"/>
      <c r="FAE21" s="8"/>
      <c r="FAF21" s="8"/>
      <c r="FAG21" s="8"/>
      <c r="FAH21" s="8"/>
      <c r="FAI21" s="8"/>
      <c r="FAJ21" s="8"/>
      <c r="FAK21" s="8"/>
      <c r="FAL21" s="8"/>
      <c r="FAM21" s="8"/>
      <c r="FAN21" s="8"/>
      <c r="FAO21" s="8"/>
      <c r="FAP21" s="8"/>
      <c r="FAQ21" s="8"/>
      <c r="FAR21" s="8"/>
      <c r="FAS21" s="8"/>
      <c r="FAT21" s="8"/>
      <c r="FAU21" s="8"/>
      <c r="FAV21" s="8"/>
      <c r="FAW21" s="8"/>
      <c r="FAX21" s="8"/>
      <c r="FAY21" s="8"/>
      <c r="FAZ21" s="8"/>
      <c r="FBA21" s="8"/>
      <c r="FBB21" s="8"/>
      <c r="FBC21" s="8"/>
      <c r="FBD21" s="8"/>
      <c r="FBE21" s="8"/>
      <c r="FBF21" s="8"/>
      <c r="FBG21" s="8"/>
      <c r="FBH21" s="8"/>
      <c r="FBI21" s="8"/>
      <c r="FBJ21" s="8"/>
      <c r="FBK21" s="8"/>
      <c r="FBL21" s="8"/>
      <c r="FBM21" s="8"/>
      <c r="FBN21" s="8"/>
      <c r="FBO21" s="8"/>
      <c r="FBP21" s="8"/>
      <c r="FBQ21" s="8"/>
      <c r="FBR21" s="8"/>
      <c r="FBS21" s="8"/>
      <c r="FBT21" s="8"/>
      <c r="FBU21" s="8"/>
      <c r="FBV21" s="8"/>
      <c r="FBW21" s="8"/>
      <c r="FBX21" s="8"/>
      <c r="FBY21" s="8"/>
      <c r="FBZ21" s="8"/>
      <c r="FCA21" s="8"/>
      <c r="FCB21" s="8"/>
      <c r="FCC21" s="8"/>
      <c r="FCD21" s="8"/>
      <c r="FCE21" s="8"/>
      <c r="FCF21" s="8"/>
      <c r="FCG21" s="8"/>
      <c r="FCH21" s="8"/>
      <c r="FCI21" s="8"/>
      <c r="FCJ21" s="8"/>
      <c r="FCK21" s="8"/>
      <c r="FCL21" s="8"/>
      <c r="FCM21" s="8"/>
      <c r="FCN21" s="8"/>
      <c r="FCO21" s="8"/>
      <c r="FCP21" s="8"/>
      <c r="FCQ21" s="8"/>
      <c r="FCR21" s="8"/>
      <c r="FCS21" s="8"/>
      <c r="FCT21" s="8"/>
      <c r="FCU21" s="8"/>
      <c r="FCV21" s="8"/>
      <c r="FCW21" s="8"/>
      <c r="FCX21" s="8"/>
      <c r="FCY21" s="8"/>
      <c r="FCZ21" s="8"/>
      <c r="FDA21" s="8"/>
      <c r="FDB21" s="8"/>
      <c r="FDC21" s="8"/>
      <c r="FDD21" s="8"/>
      <c r="FDE21" s="8"/>
      <c r="FDF21" s="8"/>
      <c r="FDG21" s="8"/>
      <c r="FDH21" s="8"/>
      <c r="FDI21" s="8"/>
      <c r="FDJ21" s="8"/>
      <c r="FDK21" s="8"/>
      <c r="FDL21" s="8"/>
      <c r="FDM21" s="8"/>
      <c r="FDN21" s="8"/>
      <c r="FDO21" s="8"/>
      <c r="FDP21" s="8"/>
      <c r="FDQ21" s="8"/>
      <c r="FDR21" s="8"/>
      <c r="FDS21" s="8"/>
      <c r="FDT21" s="8"/>
      <c r="FDU21" s="8"/>
      <c r="FDV21" s="8"/>
      <c r="FDW21" s="8"/>
      <c r="FDX21" s="8"/>
      <c r="FDY21" s="8"/>
      <c r="FDZ21" s="8"/>
      <c r="FEA21" s="8"/>
      <c r="FEB21" s="8"/>
      <c r="FEC21" s="8"/>
      <c r="FED21" s="8"/>
      <c r="FEE21" s="8"/>
      <c r="FEF21" s="8"/>
      <c r="FEG21" s="8"/>
      <c r="FEH21" s="8"/>
      <c r="FEI21" s="8"/>
      <c r="FEJ21" s="8"/>
      <c r="FEK21" s="8"/>
      <c r="FEL21" s="8"/>
      <c r="FEM21" s="8"/>
      <c r="FEN21" s="8"/>
      <c r="FEO21" s="8"/>
      <c r="FEP21" s="8"/>
      <c r="FEQ21" s="8"/>
      <c r="FER21" s="8"/>
      <c r="FES21" s="8"/>
      <c r="FET21" s="8"/>
      <c r="FEU21" s="8"/>
      <c r="FEV21" s="8"/>
      <c r="FEW21" s="8"/>
      <c r="FEX21" s="8"/>
      <c r="FEY21" s="8"/>
      <c r="FEZ21" s="8"/>
      <c r="FFA21" s="8"/>
      <c r="FFB21" s="8"/>
      <c r="FFC21" s="8"/>
      <c r="FFD21" s="8"/>
      <c r="FFE21" s="8"/>
      <c r="FFF21" s="8"/>
      <c r="FFG21" s="8"/>
      <c r="FFH21" s="8"/>
      <c r="FFI21" s="8"/>
      <c r="FFJ21" s="8"/>
      <c r="FFK21" s="8"/>
      <c r="FFL21" s="8"/>
      <c r="FFM21" s="8"/>
      <c r="FFN21" s="8"/>
      <c r="FFO21" s="8"/>
      <c r="FFP21" s="8"/>
      <c r="FFQ21" s="8"/>
      <c r="FFR21" s="8"/>
      <c r="FFS21" s="8"/>
      <c r="FFT21" s="8"/>
      <c r="FFU21" s="8"/>
      <c r="FFV21" s="8"/>
      <c r="FFW21" s="8"/>
      <c r="FFX21" s="8"/>
      <c r="FFY21" s="8"/>
      <c r="FFZ21" s="8"/>
      <c r="FGA21" s="8"/>
      <c r="FGB21" s="8"/>
      <c r="FGC21" s="8"/>
      <c r="FGD21" s="8"/>
      <c r="FGE21" s="8"/>
      <c r="FGF21" s="8"/>
      <c r="FGG21" s="8"/>
      <c r="FGH21" s="8"/>
      <c r="FGI21" s="8"/>
      <c r="FGJ21" s="8"/>
      <c r="FGK21" s="8"/>
      <c r="FGL21" s="8"/>
      <c r="FGM21" s="8"/>
      <c r="FGN21" s="8"/>
      <c r="FGO21" s="8"/>
      <c r="FGP21" s="8"/>
      <c r="FGQ21" s="8"/>
      <c r="FGR21" s="8"/>
      <c r="FGS21" s="8"/>
      <c r="FGT21" s="8"/>
      <c r="FGU21" s="8"/>
      <c r="FGV21" s="8"/>
      <c r="FGW21" s="8"/>
      <c r="FGX21" s="8"/>
      <c r="FGY21" s="8"/>
      <c r="FGZ21" s="8"/>
      <c r="FHA21" s="8"/>
      <c r="FHB21" s="8"/>
      <c r="FHC21" s="8"/>
      <c r="FHD21" s="8"/>
      <c r="FHE21" s="8"/>
      <c r="FHF21" s="8"/>
      <c r="FHG21" s="8"/>
      <c r="FHH21" s="8"/>
      <c r="FHI21" s="8"/>
      <c r="FHJ21" s="8"/>
      <c r="FHK21" s="8"/>
      <c r="FHL21" s="8"/>
      <c r="FHM21" s="8"/>
      <c r="FHN21" s="8"/>
      <c r="FHO21" s="8"/>
      <c r="FHP21" s="8"/>
      <c r="FHQ21" s="8"/>
      <c r="FHR21" s="8"/>
      <c r="FHS21" s="8"/>
      <c r="FHT21" s="8"/>
      <c r="FHU21" s="8"/>
      <c r="FHV21" s="8"/>
      <c r="FHW21" s="8"/>
      <c r="FHX21" s="8"/>
      <c r="FHY21" s="8"/>
      <c r="FHZ21" s="8"/>
      <c r="FIA21" s="8"/>
      <c r="FIB21" s="8"/>
      <c r="FIC21" s="8"/>
      <c r="FID21" s="8"/>
      <c r="FIE21" s="8"/>
      <c r="FIF21" s="8"/>
      <c r="FIG21" s="8"/>
      <c r="FIH21" s="8"/>
      <c r="FII21" s="8"/>
      <c r="FIJ21" s="8"/>
      <c r="FIK21" s="8"/>
      <c r="FIL21" s="8"/>
      <c r="FIM21" s="8"/>
      <c r="FIN21" s="8"/>
      <c r="FIO21" s="8"/>
      <c r="FIP21" s="8"/>
      <c r="FIQ21" s="8"/>
      <c r="FIR21" s="8"/>
      <c r="FIS21" s="8"/>
      <c r="FIT21" s="8"/>
      <c r="FIU21" s="8"/>
      <c r="FIV21" s="8"/>
      <c r="FIW21" s="8"/>
      <c r="FIX21" s="8"/>
      <c r="FIY21" s="8"/>
      <c r="FIZ21" s="8"/>
      <c r="FJA21" s="8"/>
      <c r="FJB21" s="8"/>
      <c r="FJC21" s="8"/>
      <c r="FJD21" s="8"/>
      <c r="FJE21" s="8"/>
      <c r="FJF21" s="8"/>
      <c r="FJG21" s="8"/>
      <c r="FJH21" s="8"/>
      <c r="FJI21" s="8"/>
      <c r="FJJ21" s="8"/>
      <c r="FJK21" s="8"/>
      <c r="FJL21" s="8"/>
      <c r="FJM21" s="8"/>
      <c r="FJN21" s="8"/>
      <c r="FJO21" s="8"/>
      <c r="FJP21" s="8"/>
      <c r="FJQ21" s="8"/>
      <c r="FJR21" s="8"/>
      <c r="FJS21" s="8"/>
      <c r="FJT21" s="8"/>
      <c r="FJU21" s="8"/>
      <c r="FJV21" s="8"/>
      <c r="FJW21" s="8"/>
      <c r="FJX21" s="8"/>
      <c r="FJY21" s="8"/>
      <c r="FJZ21" s="8"/>
      <c r="FKA21" s="8"/>
      <c r="FKB21" s="8"/>
      <c r="FKC21" s="8"/>
      <c r="FKD21" s="8"/>
      <c r="FKE21" s="8"/>
      <c r="FKF21" s="8"/>
      <c r="FKG21" s="8"/>
      <c r="FKH21" s="8"/>
      <c r="FKI21" s="8"/>
      <c r="FKJ21" s="8"/>
      <c r="FKK21" s="8"/>
      <c r="FKL21" s="8"/>
      <c r="FKM21" s="8"/>
      <c r="FKN21" s="8"/>
      <c r="FKO21" s="8"/>
      <c r="FKP21" s="8"/>
      <c r="FKQ21" s="8"/>
      <c r="FKR21" s="8"/>
      <c r="FKS21" s="8"/>
      <c r="FKT21" s="8"/>
      <c r="FKU21" s="8"/>
      <c r="FKV21" s="8"/>
      <c r="FKW21" s="8"/>
      <c r="FKX21" s="8"/>
      <c r="FKY21" s="8"/>
      <c r="FKZ21" s="8"/>
      <c r="FLA21" s="8"/>
      <c r="FLB21" s="8"/>
      <c r="FLC21" s="8"/>
      <c r="FLD21" s="8"/>
      <c r="FLE21" s="8"/>
      <c r="FLF21" s="8"/>
      <c r="FLG21" s="8"/>
      <c r="FLH21" s="8"/>
      <c r="FLI21" s="8"/>
      <c r="FLJ21" s="8"/>
      <c r="FLK21" s="8"/>
      <c r="FLL21" s="8"/>
      <c r="FLM21" s="8"/>
      <c r="FLN21" s="8"/>
      <c r="FLO21" s="8"/>
      <c r="FLP21" s="8"/>
      <c r="FLQ21" s="8"/>
      <c r="FLR21" s="8"/>
      <c r="FLS21" s="8"/>
      <c r="FLT21" s="8"/>
      <c r="FLU21" s="8"/>
      <c r="FLV21" s="8"/>
      <c r="FLW21" s="8"/>
      <c r="FLX21" s="8"/>
      <c r="FLY21" s="8"/>
      <c r="FLZ21" s="8"/>
      <c r="FMA21" s="8"/>
      <c r="FMB21" s="8"/>
      <c r="FMC21" s="8"/>
      <c r="FMD21" s="8"/>
      <c r="FME21" s="8"/>
      <c r="FMF21" s="8"/>
      <c r="FMG21" s="8"/>
      <c r="FMH21" s="8"/>
      <c r="FMI21" s="8"/>
      <c r="FMJ21" s="8"/>
      <c r="FMK21" s="8"/>
      <c r="FML21" s="8"/>
      <c r="FMM21" s="8"/>
      <c r="FMN21" s="8"/>
      <c r="FMO21" s="8"/>
      <c r="FMP21" s="8"/>
      <c r="FMQ21" s="8"/>
      <c r="FMR21" s="8"/>
      <c r="FMS21" s="8"/>
      <c r="FMT21" s="8"/>
      <c r="FMU21" s="8"/>
      <c r="FMV21" s="8"/>
      <c r="FMW21" s="8"/>
      <c r="FMX21" s="8"/>
      <c r="FMY21" s="8"/>
      <c r="FMZ21" s="8"/>
      <c r="FNA21" s="8"/>
      <c r="FNB21" s="8"/>
      <c r="FNC21" s="8"/>
      <c r="FND21" s="8"/>
      <c r="FNE21" s="8"/>
      <c r="FNF21" s="8"/>
      <c r="FNG21" s="8"/>
      <c r="FNH21" s="8"/>
      <c r="FNI21" s="8"/>
      <c r="FNJ21" s="8"/>
      <c r="FNK21" s="8"/>
      <c r="FNL21" s="8"/>
      <c r="FNM21" s="8"/>
      <c r="FNN21" s="8"/>
      <c r="FNO21" s="8"/>
      <c r="FNP21" s="8"/>
      <c r="FNQ21" s="8"/>
      <c r="FNR21" s="8"/>
      <c r="FNS21" s="8"/>
      <c r="FNT21" s="8"/>
      <c r="FNU21" s="8"/>
      <c r="FNV21" s="8"/>
      <c r="FNW21" s="8"/>
      <c r="FNX21" s="8"/>
      <c r="FNY21" s="8"/>
      <c r="FNZ21" s="8"/>
      <c r="FOA21" s="8"/>
      <c r="FOB21" s="8"/>
      <c r="FOC21" s="8"/>
      <c r="FOD21" s="8"/>
      <c r="FOE21" s="8"/>
      <c r="FOF21" s="8"/>
      <c r="FOG21" s="8"/>
      <c r="FOH21" s="8"/>
      <c r="FOI21" s="8"/>
      <c r="FOJ21" s="8"/>
      <c r="FOK21" s="8"/>
      <c r="FOL21" s="8"/>
      <c r="FOM21" s="8"/>
      <c r="FON21" s="8"/>
      <c r="FOO21" s="8"/>
      <c r="FOP21" s="8"/>
      <c r="FOQ21" s="8"/>
      <c r="FOR21" s="8"/>
      <c r="FOS21" s="8"/>
      <c r="FOT21" s="8"/>
      <c r="FOU21" s="8"/>
      <c r="FOV21" s="8"/>
      <c r="FOW21" s="8"/>
      <c r="FOX21" s="8"/>
      <c r="FOY21" s="8"/>
      <c r="FOZ21" s="8"/>
      <c r="FPA21" s="8"/>
      <c r="FPB21" s="8"/>
      <c r="FPC21" s="8"/>
      <c r="FPD21" s="8"/>
      <c r="FPE21" s="8"/>
      <c r="FPF21" s="8"/>
      <c r="FPG21" s="8"/>
      <c r="FPH21" s="8"/>
      <c r="FPI21" s="8"/>
      <c r="FPJ21" s="8"/>
      <c r="FPK21" s="8"/>
      <c r="FPL21" s="8"/>
      <c r="FPM21" s="8"/>
      <c r="FPN21" s="8"/>
      <c r="FPO21" s="8"/>
      <c r="FPP21" s="8"/>
      <c r="FPQ21" s="8"/>
      <c r="FPR21" s="8"/>
      <c r="FPS21" s="8"/>
      <c r="FPT21" s="8"/>
      <c r="FPU21" s="8"/>
      <c r="FPV21" s="8"/>
      <c r="FPW21" s="8"/>
      <c r="FPX21" s="8"/>
      <c r="FPY21" s="8"/>
      <c r="FPZ21" s="8"/>
      <c r="FQA21" s="8"/>
      <c r="FQB21" s="8"/>
      <c r="FQC21" s="8"/>
      <c r="FQD21" s="8"/>
      <c r="FQE21" s="8"/>
      <c r="FQF21" s="8"/>
      <c r="FQG21" s="8"/>
      <c r="FQH21" s="8"/>
      <c r="FQI21" s="8"/>
      <c r="FQJ21" s="8"/>
      <c r="FQK21" s="8"/>
      <c r="FQL21" s="8"/>
      <c r="FQM21" s="8"/>
      <c r="FQN21" s="8"/>
      <c r="FQO21" s="8"/>
      <c r="FQP21" s="8"/>
      <c r="FQQ21" s="8"/>
      <c r="FQR21" s="8"/>
      <c r="FQS21" s="8"/>
      <c r="FQT21" s="8"/>
      <c r="FQU21" s="8"/>
      <c r="FQV21" s="8"/>
      <c r="FQW21" s="8"/>
      <c r="FQX21" s="8"/>
      <c r="FQY21" s="8"/>
      <c r="FQZ21" s="8"/>
      <c r="FRA21" s="8"/>
      <c r="FRB21" s="8"/>
      <c r="FRC21" s="8"/>
      <c r="FRD21" s="8"/>
      <c r="FRE21" s="8"/>
      <c r="FRF21" s="8"/>
      <c r="FRG21" s="8"/>
      <c r="FRH21" s="8"/>
      <c r="FRI21" s="8"/>
      <c r="FRJ21" s="8"/>
      <c r="FRK21" s="8"/>
      <c r="FRL21" s="8"/>
      <c r="FRM21" s="8"/>
      <c r="FRN21" s="8"/>
      <c r="FRO21" s="8"/>
      <c r="FRP21" s="8"/>
      <c r="FRQ21" s="8"/>
      <c r="FRR21" s="8"/>
      <c r="FRS21" s="8"/>
      <c r="FRT21" s="8"/>
      <c r="FRU21" s="8"/>
      <c r="FRV21" s="8"/>
      <c r="FRW21" s="8"/>
      <c r="FRX21" s="8"/>
      <c r="FRY21" s="8"/>
      <c r="FRZ21" s="8"/>
      <c r="FSA21" s="8"/>
      <c r="FSB21" s="8"/>
      <c r="FSC21" s="8"/>
      <c r="FSD21" s="8"/>
      <c r="FSE21" s="8"/>
      <c r="FSF21" s="8"/>
      <c r="FSG21" s="8"/>
      <c r="FSH21" s="8"/>
      <c r="FSI21" s="8"/>
      <c r="FSJ21" s="8"/>
      <c r="FSK21" s="8"/>
      <c r="FSL21" s="8"/>
      <c r="FSM21" s="8"/>
      <c r="FSN21" s="8"/>
      <c r="FSO21" s="8"/>
      <c r="FSP21" s="8"/>
      <c r="FSQ21" s="8"/>
      <c r="FSR21" s="8"/>
      <c r="FSS21" s="8"/>
      <c r="FST21" s="8"/>
      <c r="FSU21" s="8"/>
      <c r="FSV21" s="8"/>
      <c r="FSW21" s="8"/>
      <c r="FSX21" s="8"/>
      <c r="FSY21" s="8"/>
      <c r="FSZ21" s="8"/>
      <c r="FTA21" s="8"/>
      <c r="FTB21" s="8"/>
      <c r="FTC21" s="8"/>
      <c r="FTD21" s="8"/>
      <c r="FTE21" s="8"/>
      <c r="FTF21" s="8"/>
      <c r="FTG21" s="8"/>
      <c r="FTH21" s="8"/>
      <c r="FTI21" s="8"/>
      <c r="FTJ21" s="8"/>
      <c r="FTK21" s="8"/>
      <c r="FTL21" s="8"/>
      <c r="FTM21" s="8"/>
      <c r="FTN21" s="8"/>
      <c r="FTO21" s="8"/>
      <c r="FTP21" s="8"/>
      <c r="FTQ21" s="8"/>
      <c r="FTR21" s="8"/>
      <c r="FTS21" s="8"/>
      <c r="FTT21" s="8"/>
      <c r="FTU21" s="8"/>
      <c r="FTV21" s="8"/>
      <c r="FTW21" s="8"/>
      <c r="FTX21" s="8"/>
      <c r="FTY21" s="8"/>
      <c r="FTZ21" s="8"/>
      <c r="FUA21" s="8"/>
      <c r="FUB21" s="8"/>
      <c r="FUC21" s="8"/>
      <c r="FUD21" s="8"/>
      <c r="FUE21" s="8"/>
      <c r="FUF21" s="8"/>
      <c r="FUG21" s="8"/>
      <c r="FUH21" s="8"/>
      <c r="FUI21" s="8"/>
      <c r="FUJ21" s="8"/>
      <c r="FUK21" s="8"/>
      <c r="FUL21" s="8"/>
      <c r="FUM21" s="8"/>
      <c r="FUN21" s="8"/>
      <c r="FUO21" s="8"/>
      <c r="FUP21" s="8"/>
      <c r="FUQ21" s="8"/>
      <c r="FUR21" s="8"/>
      <c r="FUS21" s="8"/>
      <c r="FUT21" s="8"/>
      <c r="FUU21" s="8"/>
      <c r="FUV21" s="8"/>
      <c r="FUW21" s="8"/>
      <c r="FUX21" s="8"/>
      <c r="FUY21" s="8"/>
      <c r="FUZ21" s="8"/>
      <c r="FVA21" s="8"/>
      <c r="FVB21" s="8"/>
      <c r="FVC21" s="8"/>
      <c r="FVD21" s="8"/>
      <c r="FVE21" s="8"/>
      <c r="FVF21" s="8"/>
      <c r="FVG21" s="8"/>
      <c r="FVH21" s="8"/>
      <c r="FVI21" s="8"/>
      <c r="FVJ21" s="8"/>
      <c r="FVK21" s="8"/>
      <c r="FVL21" s="8"/>
      <c r="FVM21" s="8"/>
      <c r="FVN21" s="8"/>
      <c r="FVO21" s="8"/>
      <c r="FVP21" s="8"/>
      <c r="FVQ21" s="8"/>
      <c r="FVR21" s="8"/>
      <c r="FVS21" s="8"/>
      <c r="FVT21" s="8"/>
      <c r="FVU21" s="8"/>
      <c r="FVV21" s="8"/>
      <c r="FVW21" s="8"/>
      <c r="FVX21" s="8"/>
      <c r="FVY21" s="8"/>
      <c r="FVZ21" s="8"/>
      <c r="FWA21" s="8"/>
      <c r="FWB21" s="8"/>
      <c r="FWC21" s="8"/>
      <c r="FWD21" s="8"/>
      <c r="FWE21" s="8"/>
      <c r="FWF21" s="8"/>
      <c r="FWG21" s="8"/>
      <c r="FWH21" s="8"/>
      <c r="FWI21" s="8"/>
      <c r="FWJ21" s="8"/>
      <c r="FWK21" s="8"/>
      <c r="FWL21" s="8"/>
      <c r="FWM21" s="8"/>
      <c r="FWN21" s="8"/>
      <c r="FWO21" s="8"/>
      <c r="FWP21" s="8"/>
      <c r="FWQ21" s="8"/>
      <c r="FWR21" s="8"/>
      <c r="FWS21" s="8"/>
      <c r="FWT21" s="8"/>
      <c r="FWU21" s="8"/>
      <c r="FWV21" s="8"/>
      <c r="FWW21" s="8"/>
      <c r="FWX21" s="8"/>
      <c r="FWY21" s="8"/>
      <c r="FWZ21" s="8"/>
      <c r="FXA21" s="8"/>
      <c r="FXB21" s="8"/>
      <c r="FXC21" s="8"/>
      <c r="FXD21" s="8"/>
      <c r="FXE21" s="8"/>
      <c r="FXF21" s="8"/>
      <c r="FXG21" s="8"/>
      <c r="FXH21" s="8"/>
      <c r="FXI21" s="8"/>
      <c r="FXJ21" s="8"/>
      <c r="FXK21" s="8"/>
      <c r="FXL21" s="8"/>
      <c r="FXM21" s="8"/>
      <c r="FXN21" s="8"/>
      <c r="FXO21" s="8"/>
      <c r="FXP21" s="8"/>
      <c r="FXQ21" s="8"/>
      <c r="FXR21" s="8"/>
      <c r="FXS21" s="8"/>
      <c r="FXT21" s="8"/>
      <c r="FXU21" s="8"/>
      <c r="FXV21" s="8"/>
      <c r="FXW21" s="8"/>
      <c r="FXX21" s="8"/>
      <c r="FXY21" s="8"/>
      <c r="FXZ21" s="8"/>
      <c r="FYA21" s="8"/>
      <c r="FYB21" s="8"/>
      <c r="FYC21" s="8"/>
      <c r="FYD21" s="8"/>
      <c r="FYE21" s="8"/>
      <c r="FYF21" s="8"/>
      <c r="FYG21" s="8"/>
      <c r="FYH21" s="8"/>
      <c r="FYI21" s="8"/>
      <c r="FYJ21" s="8"/>
      <c r="FYK21" s="8"/>
      <c r="FYL21" s="8"/>
      <c r="FYM21" s="8"/>
      <c r="FYN21" s="8"/>
      <c r="FYO21" s="8"/>
      <c r="FYP21" s="8"/>
      <c r="FYQ21" s="8"/>
      <c r="FYR21" s="8"/>
      <c r="FYS21" s="8"/>
      <c r="FYT21" s="8"/>
      <c r="FYU21" s="8"/>
      <c r="FYV21" s="8"/>
      <c r="FYW21" s="8"/>
      <c r="FYX21" s="8"/>
      <c r="FYY21" s="8"/>
      <c r="FYZ21" s="8"/>
      <c r="FZA21" s="8"/>
      <c r="FZB21" s="8"/>
      <c r="FZC21" s="8"/>
      <c r="FZD21" s="8"/>
      <c r="FZE21" s="8"/>
      <c r="FZF21" s="8"/>
      <c r="FZG21" s="8"/>
      <c r="FZH21" s="8"/>
      <c r="FZI21" s="8"/>
      <c r="FZJ21" s="8"/>
      <c r="FZK21" s="8"/>
      <c r="FZL21" s="8"/>
      <c r="FZM21" s="8"/>
      <c r="FZN21" s="8"/>
      <c r="FZO21" s="8"/>
      <c r="FZP21" s="8"/>
      <c r="FZQ21" s="8"/>
      <c r="FZR21" s="8"/>
      <c r="FZS21" s="8"/>
      <c r="FZT21" s="8"/>
      <c r="FZU21" s="8"/>
      <c r="FZV21" s="8"/>
      <c r="FZW21" s="8"/>
      <c r="FZX21" s="8"/>
      <c r="FZY21" s="8"/>
      <c r="FZZ21" s="8"/>
      <c r="GAA21" s="8"/>
      <c r="GAB21" s="8"/>
      <c r="GAC21" s="8"/>
      <c r="GAD21" s="8"/>
      <c r="GAE21" s="8"/>
      <c r="GAF21" s="8"/>
      <c r="GAG21" s="8"/>
      <c r="GAH21" s="8"/>
      <c r="GAI21" s="8"/>
      <c r="GAJ21" s="8"/>
      <c r="GAK21" s="8"/>
      <c r="GAL21" s="8"/>
      <c r="GAM21" s="8"/>
      <c r="GAN21" s="8"/>
      <c r="GAO21" s="8"/>
      <c r="GAP21" s="8"/>
      <c r="GAQ21" s="8"/>
      <c r="GAR21" s="8"/>
      <c r="GAS21" s="8"/>
      <c r="GAT21" s="8"/>
      <c r="GAU21" s="8"/>
      <c r="GAV21" s="8"/>
      <c r="GAW21" s="8"/>
      <c r="GAX21" s="8"/>
      <c r="GAY21" s="8"/>
      <c r="GAZ21" s="8"/>
      <c r="GBA21" s="8"/>
      <c r="GBB21" s="8"/>
      <c r="GBC21" s="8"/>
      <c r="GBD21" s="8"/>
      <c r="GBE21" s="8"/>
      <c r="GBF21" s="8"/>
      <c r="GBG21" s="8"/>
      <c r="GBH21" s="8"/>
      <c r="GBI21" s="8"/>
      <c r="GBJ21" s="8"/>
      <c r="GBK21" s="8"/>
      <c r="GBL21" s="8"/>
      <c r="GBM21" s="8"/>
      <c r="GBN21" s="8"/>
      <c r="GBO21" s="8"/>
      <c r="GBP21" s="8"/>
      <c r="GBQ21" s="8"/>
      <c r="GBR21" s="8"/>
      <c r="GBS21" s="8"/>
      <c r="GBT21" s="8"/>
      <c r="GBU21" s="8"/>
      <c r="GBV21" s="8"/>
      <c r="GBW21" s="8"/>
      <c r="GBX21" s="8"/>
      <c r="GBY21" s="8"/>
      <c r="GBZ21" s="8"/>
      <c r="GCA21" s="8"/>
      <c r="GCB21" s="8"/>
      <c r="GCC21" s="8"/>
      <c r="GCD21" s="8"/>
      <c r="GCE21" s="8"/>
      <c r="GCF21" s="8"/>
      <c r="GCG21" s="8"/>
      <c r="GCH21" s="8"/>
      <c r="GCI21" s="8"/>
      <c r="GCJ21" s="8"/>
      <c r="GCK21" s="8"/>
      <c r="GCL21" s="8"/>
      <c r="GCM21" s="8"/>
      <c r="GCN21" s="8"/>
      <c r="GCO21" s="8"/>
      <c r="GCP21" s="8"/>
      <c r="GCQ21" s="8"/>
      <c r="GCR21" s="8"/>
      <c r="GCS21" s="8"/>
      <c r="GCT21" s="8"/>
      <c r="GCU21" s="8"/>
      <c r="GCV21" s="8"/>
      <c r="GCW21" s="8"/>
      <c r="GCX21" s="8"/>
      <c r="GCY21" s="8"/>
      <c r="GCZ21" s="8"/>
      <c r="GDA21" s="8"/>
      <c r="GDB21" s="8"/>
      <c r="GDC21" s="8"/>
      <c r="GDD21" s="8"/>
      <c r="GDE21" s="8"/>
      <c r="GDF21" s="8"/>
      <c r="GDG21" s="8"/>
      <c r="GDH21" s="8"/>
      <c r="GDI21" s="8"/>
      <c r="GDJ21" s="8"/>
      <c r="GDK21" s="8"/>
      <c r="GDL21" s="8"/>
      <c r="GDM21" s="8"/>
      <c r="GDN21" s="8"/>
      <c r="GDO21" s="8"/>
      <c r="GDP21" s="8"/>
      <c r="GDQ21" s="8"/>
      <c r="GDR21" s="8"/>
      <c r="GDS21" s="8"/>
      <c r="GDT21" s="8"/>
      <c r="GDU21" s="8"/>
      <c r="GDV21" s="8"/>
      <c r="GDW21" s="8"/>
      <c r="GDX21" s="8"/>
      <c r="GDY21" s="8"/>
      <c r="GDZ21" s="8"/>
      <c r="GEA21" s="8"/>
      <c r="GEB21" s="8"/>
      <c r="GEC21" s="8"/>
      <c r="GED21" s="8"/>
      <c r="GEE21" s="8"/>
      <c r="GEF21" s="8"/>
      <c r="GEG21" s="8"/>
      <c r="GEH21" s="8"/>
      <c r="GEI21" s="8"/>
      <c r="GEJ21" s="8"/>
      <c r="GEK21" s="8"/>
      <c r="GEL21" s="8"/>
      <c r="GEM21" s="8"/>
      <c r="GEN21" s="8"/>
      <c r="GEO21" s="8"/>
      <c r="GEP21" s="8"/>
      <c r="GEQ21" s="8"/>
      <c r="GER21" s="8"/>
      <c r="GES21" s="8"/>
      <c r="GET21" s="8"/>
      <c r="GEU21" s="8"/>
      <c r="GEV21" s="8"/>
      <c r="GEW21" s="8"/>
      <c r="GEX21" s="8"/>
      <c r="GEY21" s="8"/>
      <c r="GEZ21" s="8"/>
      <c r="GFA21" s="8"/>
      <c r="GFB21" s="8"/>
      <c r="GFC21" s="8"/>
      <c r="GFD21" s="8"/>
      <c r="GFE21" s="8"/>
      <c r="GFF21" s="8"/>
      <c r="GFG21" s="8"/>
      <c r="GFH21" s="8"/>
      <c r="GFI21" s="8"/>
      <c r="GFJ21" s="8"/>
      <c r="GFK21" s="8"/>
      <c r="GFL21" s="8"/>
      <c r="GFM21" s="8"/>
      <c r="GFN21" s="8"/>
      <c r="GFO21" s="8"/>
      <c r="GFP21" s="8"/>
      <c r="GFQ21" s="8"/>
      <c r="GFR21" s="8"/>
      <c r="GFS21" s="8"/>
      <c r="GFT21" s="8"/>
      <c r="GFU21" s="8"/>
      <c r="GFV21" s="8"/>
      <c r="GFW21" s="8"/>
      <c r="GFX21" s="8"/>
      <c r="GFY21" s="8"/>
      <c r="GFZ21" s="8"/>
      <c r="GGA21" s="8"/>
      <c r="GGB21" s="8"/>
      <c r="GGC21" s="8"/>
      <c r="GGD21" s="8"/>
      <c r="GGE21" s="8"/>
      <c r="GGF21" s="8"/>
      <c r="GGG21" s="8"/>
      <c r="GGH21" s="8"/>
      <c r="GGI21" s="8"/>
      <c r="GGJ21" s="8"/>
      <c r="GGK21" s="8"/>
      <c r="GGL21" s="8"/>
      <c r="GGM21" s="8"/>
      <c r="GGN21" s="8"/>
      <c r="GGO21" s="8"/>
      <c r="GGP21" s="8"/>
      <c r="GGQ21" s="8"/>
      <c r="GGR21" s="8"/>
      <c r="GGS21" s="8"/>
      <c r="GGT21" s="8"/>
      <c r="GGU21" s="8"/>
      <c r="GGV21" s="8"/>
      <c r="GGW21" s="8"/>
      <c r="GGX21" s="8"/>
      <c r="GGY21" s="8"/>
      <c r="GGZ21" s="8"/>
      <c r="GHA21" s="8"/>
      <c r="GHB21" s="8"/>
      <c r="GHC21" s="8"/>
      <c r="GHD21" s="8"/>
      <c r="GHE21" s="8"/>
      <c r="GHF21" s="8"/>
      <c r="GHG21" s="8"/>
      <c r="GHH21" s="8"/>
      <c r="GHI21" s="8"/>
      <c r="GHJ21" s="8"/>
      <c r="GHK21" s="8"/>
      <c r="GHL21" s="8"/>
      <c r="GHM21" s="8"/>
      <c r="GHN21" s="8"/>
      <c r="GHO21" s="8"/>
      <c r="GHP21" s="8"/>
      <c r="GHQ21" s="8"/>
      <c r="GHR21" s="8"/>
      <c r="GHS21" s="8"/>
      <c r="GHT21" s="8"/>
      <c r="GHU21" s="8"/>
      <c r="GHV21" s="8"/>
      <c r="GHW21" s="8"/>
      <c r="GHX21" s="8"/>
      <c r="GHY21" s="8"/>
      <c r="GHZ21" s="8"/>
      <c r="GIA21" s="8"/>
      <c r="GIB21" s="8"/>
      <c r="GIC21" s="8"/>
      <c r="GID21" s="8"/>
      <c r="GIE21" s="8"/>
      <c r="GIF21" s="8"/>
      <c r="GIG21" s="8"/>
      <c r="GIH21" s="8"/>
      <c r="GII21" s="8"/>
      <c r="GIJ21" s="8"/>
      <c r="GIK21" s="8"/>
      <c r="GIL21" s="8"/>
      <c r="GIM21" s="8"/>
      <c r="GIN21" s="8"/>
      <c r="GIO21" s="8"/>
      <c r="GIP21" s="8"/>
      <c r="GIQ21" s="8"/>
      <c r="GIR21" s="8"/>
      <c r="GIS21" s="8"/>
      <c r="GIT21" s="8"/>
      <c r="GIU21" s="8"/>
      <c r="GIV21" s="8"/>
      <c r="GIW21" s="8"/>
      <c r="GIX21" s="8"/>
      <c r="GIY21" s="8"/>
      <c r="GIZ21" s="8"/>
      <c r="GJA21" s="8"/>
      <c r="GJB21" s="8"/>
      <c r="GJC21" s="8"/>
      <c r="GJD21" s="8"/>
      <c r="GJE21" s="8"/>
      <c r="GJF21" s="8"/>
      <c r="GJG21" s="8"/>
      <c r="GJH21" s="8"/>
      <c r="GJI21" s="8"/>
      <c r="GJJ21" s="8"/>
      <c r="GJK21" s="8"/>
      <c r="GJL21" s="8"/>
      <c r="GJM21" s="8"/>
      <c r="GJN21" s="8"/>
      <c r="GJO21" s="8"/>
      <c r="GJP21" s="8"/>
      <c r="GJQ21" s="8"/>
      <c r="GJR21" s="8"/>
      <c r="GJS21" s="8"/>
      <c r="GJT21" s="8"/>
      <c r="GJU21" s="8"/>
      <c r="GJV21" s="8"/>
      <c r="GJW21" s="8"/>
      <c r="GJX21" s="8"/>
      <c r="GJY21" s="8"/>
      <c r="GJZ21" s="8"/>
      <c r="GKA21" s="8"/>
      <c r="GKB21" s="8"/>
      <c r="GKC21" s="8"/>
      <c r="GKD21" s="8"/>
      <c r="GKE21" s="8"/>
      <c r="GKF21" s="8"/>
      <c r="GKG21" s="8"/>
      <c r="GKH21" s="8"/>
      <c r="GKI21" s="8"/>
      <c r="GKJ21" s="8"/>
      <c r="GKK21" s="8"/>
      <c r="GKL21" s="8"/>
      <c r="GKM21" s="8"/>
      <c r="GKN21" s="8"/>
      <c r="GKO21" s="8"/>
      <c r="GKP21" s="8"/>
      <c r="GKQ21" s="8"/>
      <c r="GKR21" s="8"/>
      <c r="GKS21" s="8"/>
      <c r="GKT21" s="8"/>
      <c r="GKU21" s="8"/>
      <c r="GKV21" s="8"/>
      <c r="GKW21" s="8"/>
      <c r="GKX21" s="8"/>
      <c r="GKY21" s="8"/>
      <c r="GKZ21" s="8"/>
      <c r="GLA21" s="8"/>
      <c r="GLB21" s="8"/>
      <c r="GLC21" s="8"/>
      <c r="GLD21" s="8"/>
      <c r="GLE21" s="8"/>
      <c r="GLF21" s="8"/>
      <c r="GLG21" s="8"/>
      <c r="GLH21" s="8"/>
      <c r="GLI21" s="8"/>
      <c r="GLJ21" s="8"/>
      <c r="GLK21" s="8"/>
      <c r="GLL21" s="8"/>
      <c r="GLM21" s="8"/>
      <c r="GLN21" s="8"/>
      <c r="GLO21" s="8"/>
      <c r="GLP21" s="8"/>
      <c r="GLQ21" s="8"/>
      <c r="GLR21" s="8"/>
      <c r="GLS21" s="8"/>
      <c r="GLT21" s="8"/>
      <c r="GLU21" s="8"/>
      <c r="GLV21" s="8"/>
      <c r="GLW21" s="8"/>
      <c r="GLX21" s="8"/>
      <c r="GLY21" s="8"/>
      <c r="GLZ21" s="8"/>
      <c r="GMA21" s="8"/>
      <c r="GMB21" s="8"/>
      <c r="GMC21" s="8"/>
      <c r="GMD21" s="8"/>
      <c r="GME21" s="8"/>
      <c r="GMF21" s="8"/>
      <c r="GMG21" s="8"/>
      <c r="GMH21" s="8"/>
      <c r="GMI21" s="8"/>
      <c r="GMJ21" s="8"/>
      <c r="GMK21" s="8"/>
      <c r="GML21" s="8"/>
      <c r="GMM21" s="8"/>
      <c r="GMN21" s="8"/>
      <c r="GMO21" s="8"/>
      <c r="GMP21" s="8"/>
      <c r="GMQ21" s="8"/>
      <c r="GMR21" s="8"/>
      <c r="GMS21" s="8"/>
      <c r="GMT21" s="8"/>
      <c r="GMU21" s="8"/>
      <c r="GMV21" s="8"/>
      <c r="GMW21" s="8"/>
      <c r="GMX21" s="8"/>
      <c r="GMY21" s="8"/>
      <c r="GMZ21" s="8"/>
      <c r="GNA21" s="8"/>
      <c r="GNB21" s="8"/>
      <c r="GNC21" s="8"/>
      <c r="GND21" s="8"/>
      <c r="GNE21" s="8"/>
      <c r="GNF21" s="8"/>
      <c r="GNG21" s="8"/>
      <c r="GNH21" s="8"/>
      <c r="GNI21" s="8"/>
      <c r="GNJ21" s="8"/>
      <c r="GNK21" s="8"/>
      <c r="GNL21" s="8"/>
      <c r="GNM21" s="8"/>
      <c r="GNN21" s="8"/>
      <c r="GNO21" s="8"/>
      <c r="GNP21" s="8"/>
      <c r="GNQ21" s="8"/>
      <c r="GNR21" s="8"/>
      <c r="GNS21" s="8"/>
      <c r="GNT21" s="8"/>
      <c r="GNU21" s="8"/>
      <c r="GNV21" s="8"/>
      <c r="GNW21" s="8"/>
      <c r="GNX21" s="8"/>
      <c r="GNY21" s="8"/>
      <c r="GNZ21" s="8"/>
      <c r="GOA21" s="8"/>
      <c r="GOB21" s="8"/>
      <c r="GOC21" s="8"/>
      <c r="GOD21" s="8"/>
      <c r="GOE21" s="8"/>
      <c r="GOF21" s="8"/>
      <c r="GOG21" s="8"/>
      <c r="GOH21" s="8"/>
      <c r="GOI21" s="8"/>
      <c r="GOJ21" s="8"/>
      <c r="GOK21" s="8"/>
      <c r="GOL21" s="8"/>
      <c r="GOM21" s="8"/>
      <c r="GON21" s="8"/>
      <c r="GOO21" s="8"/>
      <c r="GOP21" s="8"/>
      <c r="GOQ21" s="8"/>
      <c r="GOR21" s="8"/>
      <c r="GOS21" s="8"/>
      <c r="GOT21" s="8"/>
      <c r="GOU21" s="8"/>
      <c r="GOV21" s="8"/>
      <c r="GOW21" s="8"/>
      <c r="GOX21" s="8"/>
      <c r="GOY21" s="8"/>
      <c r="GOZ21" s="8"/>
      <c r="GPA21" s="8"/>
      <c r="GPB21" s="8"/>
      <c r="GPC21" s="8"/>
      <c r="GPD21" s="8"/>
      <c r="GPE21" s="8"/>
      <c r="GPF21" s="8"/>
      <c r="GPG21" s="8"/>
      <c r="GPH21" s="8"/>
      <c r="GPI21" s="8"/>
      <c r="GPJ21" s="8"/>
      <c r="GPK21" s="8"/>
      <c r="GPL21" s="8"/>
      <c r="GPM21" s="8"/>
      <c r="GPN21" s="8"/>
      <c r="GPO21" s="8"/>
      <c r="GPP21" s="8"/>
      <c r="GPQ21" s="8"/>
      <c r="GPR21" s="8"/>
      <c r="GPS21" s="8"/>
      <c r="GPT21" s="8"/>
      <c r="GPU21" s="8"/>
      <c r="GPV21" s="8"/>
      <c r="GPW21" s="8"/>
      <c r="GPX21" s="8"/>
      <c r="GPY21" s="8"/>
      <c r="GPZ21" s="8"/>
      <c r="GQA21" s="8"/>
      <c r="GQB21" s="8"/>
      <c r="GQC21" s="8"/>
      <c r="GQD21" s="8"/>
      <c r="GQE21" s="8"/>
      <c r="GQF21" s="8"/>
      <c r="GQG21" s="8"/>
      <c r="GQH21" s="8"/>
      <c r="GQI21" s="8"/>
      <c r="GQJ21" s="8"/>
      <c r="GQK21" s="8"/>
      <c r="GQL21" s="8"/>
      <c r="GQM21" s="8"/>
      <c r="GQN21" s="8"/>
      <c r="GQO21" s="8"/>
      <c r="GQP21" s="8"/>
      <c r="GQQ21" s="8"/>
      <c r="GQR21" s="8"/>
      <c r="GQS21" s="8"/>
      <c r="GQT21" s="8"/>
      <c r="GQU21" s="8"/>
      <c r="GQV21" s="8"/>
      <c r="GQW21" s="8"/>
      <c r="GQX21" s="8"/>
      <c r="GQY21" s="8"/>
      <c r="GQZ21" s="8"/>
      <c r="GRA21" s="8"/>
      <c r="GRB21" s="8"/>
      <c r="GRC21" s="8"/>
      <c r="GRD21" s="8"/>
      <c r="GRE21" s="8"/>
      <c r="GRF21" s="8"/>
      <c r="GRG21" s="8"/>
      <c r="GRH21" s="8"/>
      <c r="GRI21" s="8"/>
      <c r="GRJ21" s="8"/>
      <c r="GRK21" s="8"/>
      <c r="GRL21" s="8"/>
      <c r="GRM21" s="8"/>
      <c r="GRN21" s="8"/>
      <c r="GRO21" s="8"/>
      <c r="GRP21" s="8"/>
      <c r="GRQ21" s="8"/>
      <c r="GRR21" s="8"/>
      <c r="GRS21" s="8"/>
      <c r="GRT21" s="8"/>
      <c r="GRU21" s="8"/>
      <c r="GRV21" s="8"/>
      <c r="GRW21" s="8"/>
      <c r="GRX21" s="8"/>
      <c r="GRY21" s="8"/>
      <c r="GRZ21" s="8"/>
      <c r="GSA21" s="8"/>
      <c r="GSB21" s="8"/>
      <c r="GSC21" s="8"/>
      <c r="GSD21" s="8"/>
      <c r="GSE21" s="8"/>
      <c r="GSF21" s="8"/>
      <c r="GSG21" s="8"/>
      <c r="GSH21" s="8"/>
      <c r="GSI21" s="8"/>
      <c r="GSJ21" s="8"/>
      <c r="GSK21" s="8"/>
      <c r="GSL21" s="8"/>
      <c r="GSM21" s="8"/>
      <c r="GSN21" s="8"/>
      <c r="GSO21" s="8"/>
      <c r="GSP21" s="8"/>
      <c r="GSQ21" s="8"/>
      <c r="GSR21" s="8"/>
      <c r="GSS21" s="8"/>
      <c r="GST21" s="8"/>
      <c r="GSU21" s="8"/>
      <c r="GSV21" s="8"/>
      <c r="GSW21" s="8"/>
      <c r="GSX21" s="8"/>
      <c r="GSY21" s="8"/>
      <c r="GSZ21" s="8"/>
      <c r="GTA21" s="8"/>
      <c r="GTB21" s="8"/>
      <c r="GTC21" s="8"/>
      <c r="GTD21" s="8"/>
      <c r="GTE21" s="8"/>
      <c r="GTF21" s="8"/>
      <c r="GTG21" s="8"/>
      <c r="GTH21" s="8"/>
      <c r="GTI21" s="8"/>
      <c r="GTJ21" s="8"/>
      <c r="GTK21" s="8"/>
      <c r="GTL21" s="8"/>
      <c r="GTM21" s="8"/>
      <c r="GTN21" s="8"/>
      <c r="GTO21" s="8"/>
      <c r="GTP21" s="8"/>
      <c r="GTQ21" s="8"/>
      <c r="GTR21" s="8"/>
      <c r="GTS21" s="8"/>
      <c r="GTT21" s="8"/>
      <c r="GTU21" s="8"/>
      <c r="GTV21" s="8"/>
      <c r="GTW21" s="8"/>
      <c r="GTX21" s="8"/>
      <c r="GTY21" s="8"/>
      <c r="GTZ21" s="8"/>
      <c r="GUA21" s="8"/>
      <c r="GUB21" s="8"/>
      <c r="GUC21" s="8"/>
      <c r="GUD21" s="8"/>
      <c r="GUE21" s="8"/>
      <c r="GUF21" s="8"/>
      <c r="GUG21" s="8"/>
      <c r="GUH21" s="8"/>
      <c r="GUI21" s="8"/>
      <c r="GUJ21" s="8"/>
      <c r="GUK21" s="8"/>
      <c r="GUL21" s="8"/>
      <c r="GUM21" s="8"/>
      <c r="GUN21" s="8"/>
      <c r="GUO21" s="8"/>
      <c r="GUP21" s="8"/>
      <c r="GUQ21" s="8"/>
      <c r="GUR21" s="8"/>
      <c r="GUS21" s="8"/>
      <c r="GUT21" s="8"/>
      <c r="GUU21" s="8"/>
      <c r="GUV21" s="8"/>
      <c r="GUW21" s="8"/>
      <c r="GUX21" s="8"/>
      <c r="GUY21" s="8"/>
      <c r="GUZ21" s="8"/>
      <c r="GVA21" s="8"/>
      <c r="GVB21" s="8"/>
      <c r="GVC21" s="8"/>
      <c r="GVD21" s="8"/>
      <c r="GVE21" s="8"/>
      <c r="GVF21" s="8"/>
      <c r="GVG21" s="8"/>
      <c r="GVH21" s="8"/>
      <c r="GVI21" s="8"/>
      <c r="GVJ21" s="8"/>
      <c r="GVK21" s="8"/>
      <c r="GVL21" s="8"/>
      <c r="GVM21" s="8"/>
      <c r="GVN21" s="8"/>
      <c r="GVO21" s="8"/>
      <c r="GVP21" s="8"/>
      <c r="GVQ21" s="8"/>
      <c r="GVR21" s="8"/>
      <c r="GVS21" s="8"/>
      <c r="GVT21" s="8"/>
      <c r="GVU21" s="8"/>
      <c r="GVV21" s="8"/>
      <c r="GVW21" s="8"/>
      <c r="GVX21" s="8"/>
      <c r="GVY21" s="8"/>
      <c r="GVZ21" s="8"/>
      <c r="GWA21" s="8"/>
      <c r="GWB21" s="8"/>
      <c r="GWC21" s="8"/>
      <c r="GWD21" s="8"/>
      <c r="GWE21" s="8"/>
      <c r="GWF21" s="8"/>
      <c r="GWG21" s="8"/>
      <c r="GWH21" s="8"/>
      <c r="GWI21" s="8"/>
      <c r="GWJ21" s="8"/>
      <c r="GWK21" s="8"/>
      <c r="GWL21" s="8"/>
      <c r="GWM21" s="8"/>
      <c r="GWN21" s="8"/>
      <c r="GWO21" s="8"/>
      <c r="GWP21" s="8"/>
      <c r="GWQ21" s="8"/>
      <c r="GWR21" s="8"/>
      <c r="GWS21" s="8"/>
      <c r="GWT21" s="8"/>
      <c r="GWU21" s="8"/>
      <c r="GWV21" s="8"/>
      <c r="GWW21" s="8"/>
      <c r="GWX21" s="8"/>
      <c r="GWY21" s="8"/>
      <c r="GWZ21" s="8"/>
      <c r="GXA21" s="8"/>
      <c r="GXB21" s="8"/>
      <c r="GXC21" s="8"/>
      <c r="GXD21" s="8"/>
      <c r="GXE21" s="8"/>
      <c r="GXF21" s="8"/>
      <c r="GXG21" s="8"/>
      <c r="GXH21" s="8"/>
      <c r="GXI21" s="8"/>
      <c r="GXJ21" s="8"/>
      <c r="GXK21" s="8"/>
      <c r="GXL21" s="8"/>
      <c r="GXM21" s="8"/>
      <c r="GXN21" s="8"/>
      <c r="GXO21" s="8"/>
      <c r="GXP21" s="8"/>
      <c r="GXQ21" s="8"/>
      <c r="GXR21" s="8"/>
      <c r="GXS21" s="8"/>
      <c r="GXT21" s="8"/>
      <c r="GXU21" s="8"/>
      <c r="GXV21" s="8"/>
      <c r="GXW21" s="8"/>
      <c r="GXX21" s="8"/>
      <c r="GXY21" s="8"/>
      <c r="GXZ21" s="8"/>
      <c r="GYA21" s="8"/>
      <c r="GYB21" s="8"/>
      <c r="GYC21" s="8"/>
      <c r="GYD21" s="8"/>
      <c r="GYE21" s="8"/>
      <c r="GYF21" s="8"/>
      <c r="GYG21" s="8"/>
      <c r="GYH21" s="8"/>
      <c r="GYI21" s="8"/>
      <c r="GYJ21" s="8"/>
      <c r="GYK21" s="8"/>
      <c r="GYL21" s="8"/>
      <c r="GYM21" s="8"/>
      <c r="GYN21" s="8"/>
      <c r="GYO21" s="8"/>
      <c r="GYP21" s="8"/>
      <c r="GYQ21" s="8"/>
      <c r="GYR21" s="8"/>
      <c r="GYS21" s="8"/>
      <c r="GYT21" s="8"/>
      <c r="GYU21" s="8"/>
      <c r="GYV21" s="8"/>
      <c r="GYW21" s="8"/>
      <c r="GYX21" s="8"/>
      <c r="GYY21" s="8"/>
      <c r="GYZ21" s="8"/>
      <c r="GZA21" s="8"/>
      <c r="GZB21" s="8"/>
      <c r="GZC21" s="8"/>
      <c r="GZD21" s="8"/>
      <c r="GZE21" s="8"/>
      <c r="GZF21" s="8"/>
      <c r="GZG21" s="8"/>
      <c r="GZH21" s="8"/>
      <c r="GZI21" s="8"/>
      <c r="GZJ21" s="8"/>
      <c r="GZK21" s="8"/>
      <c r="GZL21" s="8"/>
      <c r="GZM21" s="8"/>
      <c r="GZN21" s="8"/>
      <c r="GZO21" s="8"/>
      <c r="GZP21" s="8"/>
      <c r="GZQ21" s="8"/>
      <c r="GZR21" s="8"/>
      <c r="GZS21" s="8"/>
      <c r="GZT21" s="8"/>
      <c r="GZU21" s="8"/>
      <c r="GZV21" s="8"/>
      <c r="GZW21" s="8"/>
      <c r="GZX21" s="8"/>
      <c r="GZY21" s="8"/>
      <c r="GZZ21" s="8"/>
      <c r="HAA21" s="8"/>
      <c r="HAB21" s="8"/>
      <c r="HAC21" s="8"/>
      <c r="HAD21" s="8"/>
      <c r="HAE21" s="8"/>
      <c r="HAF21" s="8"/>
      <c r="HAG21" s="8"/>
      <c r="HAH21" s="8"/>
      <c r="HAI21" s="8"/>
      <c r="HAJ21" s="8"/>
      <c r="HAK21" s="8"/>
      <c r="HAL21" s="8"/>
      <c r="HAM21" s="8"/>
      <c r="HAN21" s="8"/>
      <c r="HAO21" s="8"/>
      <c r="HAP21" s="8"/>
      <c r="HAQ21" s="8"/>
      <c r="HAR21" s="8"/>
      <c r="HAS21" s="8"/>
      <c r="HAT21" s="8"/>
      <c r="HAU21" s="8"/>
      <c r="HAV21" s="8"/>
      <c r="HAW21" s="8"/>
      <c r="HAX21" s="8"/>
      <c r="HAY21" s="8"/>
      <c r="HAZ21" s="8"/>
      <c r="HBA21" s="8"/>
      <c r="HBB21" s="8"/>
      <c r="HBC21" s="8"/>
      <c r="HBD21" s="8"/>
      <c r="HBE21" s="8"/>
      <c r="HBF21" s="8"/>
      <c r="HBG21" s="8"/>
      <c r="HBH21" s="8"/>
      <c r="HBI21" s="8"/>
      <c r="HBJ21" s="8"/>
      <c r="HBK21" s="8"/>
      <c r="HBL21" s="8"/>
      <c r="HBM21" s="8"/>
      <c r="HBN21" s="8"/>
      <c r="HBO21" s="8"/>
      <c r="HBP21" s="8"/>
      <c r="HBQ21" s="8"/>
      <c r="HBR21" s="8"/>
      <c r="HBS21" s="8"/>
      <c r="HBT21" s="8"/>
      <c r="HBU21" s="8"/>
      <c r="HBV21" s="8"/>
      <c r="HBW21" s="8"/>
      <c r="HBX21" s="8"/>
      <c r="HBY21" s="8"/>
      <c r="HBZ21" s="8"/>
      <c r="HCA21" s="8"/>
      <c r="HCB21" s="8"/>
      <c r="HCC21" s="8"/>
      <c r="HCD21" s="8"/>
      <c r="HCE21" s="8"/>
      <c r="HCF21" s="8"/>
      <c r="HCG21" s="8"/>
      <c r="HCH21" s="8"/>
      <c r="HCI21" s="8"/>
      <c r="HCJ21" s="8"/>
      <c r="HCK21" s="8"/>
      <c r="HCL21" s="8"/>
      <c r="HCM21" s="8"/>
      <c r="HCN21" s="8"/>
      <c r="HCO21" s="8"/>
      <c r="HCP21" s="8"/>
      <c r="HCQ21" s="8"/>
      <c r="HCR21" s="8"/>
      <c r="HCS21" s="8"/>
      <c r="HCT21" s="8"/>
      <c r="HCU21" s="8"/>
      <c r="HCV21" s="8"/>
      <c r="HCW21" s="8"/>
      <c r="HCX21" s="8"/>
      <c r="HCY21" s="8"/>
      <c r="HCZ21" s="8"/>
      <c r="HDA21" s="8"/>
      <c r="HDB21" s="8"/>
      <c r="HDC21" s="8"/>
      <c r="HDD21" s="8"/>
      <c r="HDE21" s="8"/>
      <c r="HDF21" s="8"/>
      <c r="HDG21" s="8"/>
      <c r="HDH21" s="8"/>
      <c r="HDI21" s="8"/>
      <c r="HDJ21" s="8"/>
      <c r="HDK21" s="8"/>
      <c r="HDL21" s="8"/>
      <c r="HDM21" s="8"/>
      <c r="HDN21" s="8"/>
      <c r="HDO21" s="8"/>
      <c r="HDP21" s="8"/>
      <c r="HDQ21" s="8"/>
      <c r="HDR21" s="8"/>
      <c r="HDS21" s="8"/>
      <c r="HDT21" s="8"/>
      <c r="HDU21" s="8"/>
      <c r="HDV21" s="8"/>
      <c r="HDW21" s="8"/>
      <c r="HDX21" s="8"/>
      <c r="HDY21" s="8"/>
      <c r="HDZ21" s="8"/>
      <c r="HEA21" s="8"/>
      <c r="HEB21" s="8"/>
      <c r="HEC21" s="8"/>
      <c r="HED21" s="8"/>
      <c r="HEE21" s="8"/>
      <c r="HEF21" s="8"/>
      <c r="HEG21" s="8"/>
      <c r="HEH21" s="8"/>
      <c r="HEI21" s="8"/>
      <c r="HEJ21" s="8"/>
      <c r="HEK21" s="8"/>
      <c r="HEL21" s="8"/>
      <c r="HEM21" s="8"/>
      <c r="HEN21" s="8"/>
      <c r="HEO21" s="8"/>
      <c r="HEP21" s="8"/>
      <c r="HEQ21" s="8"/>
      <c r="HER21" s="8"/>
      <c r="HES21" s="8"/>
      <c r="HET21" s="8"/>
      <c r="HEU21" s="8"/>
      <c r="HEV21" s="8"/>
      <c r="HEW21" s="8"/>
      <c r="HEX21" s="8"/>
      <c r="HEY21" s="8"/>
      <c r="HEZ21" s="8"/>
      <c r="HFA21" s="8"/>
      <c r="HFB21" s="8"/>
      <c r="HFC21" s="8"/>
      <c r="HFD21" s="8"/>
      <c r="HFE21" s="8"/>
      <c r="HFF21" s="8"/>
      <c r="HFG21" s="8"/>
      <c r="HFH21" s="8"/>
      <c r="HFI21" s="8"/>
      <c r="HFJ21" s="8"/>
      <c r="HFK21" s="8"/>
      <c r="HFL21" s="8"/>
      <c r="HFM21" s="8"/>
      <c r="HFN21" s="8"/>
      <c r="HFO21" s="8"/>
      <c r="HFP21" s="8"/>
      <c r="HFQ21" s="8"/>
      <c r="HFR21" s="8"/>
      <c r="HFS21" s="8"/>
      <c r="HFT21" s="8"/>
      <c r="HFU21" s="8"/>
      <c r="HFV21" s="8"/>
      <c r="HFW21" s="8"/>
      <c r="HFX21" s="8"/>
      <c r="HFY21" s="8"/>
      <c r="HFZ21" s="8"/>
      <c r="HGA21" s="8"/>
      <c r="HGB21" s="8"/>
      <c r="HGC21" s="8"/>
      <c r="HGD21" s="8"/>
      <c r="HGE21" s="8"/>
      <c r="HGF21" s="8"/>
      <c r="HGG21" s="8"/>
      <c r="HGH21" s="8"/>
      <c r="HGI21" s="8"/>
      <c r="HGJ21" s="8"/>
      <c r="HGK21" s="8"/>
      <c r="HGL21" s="8"/>
      <c r="HGM21" s="8"/>
      <c r="HGN21" s="8"/>
      <c r="HGO21" s="8"/>
      <c r="HGP21" s="8"/>
      <c r="HGQ21" s="8"/>
      <c r="HGR21" s="8"/>
      <c r="HGS21" s="8"/>
      <c r="HGT21" s="8"/>
      <c r="HGU21" s="8"/>
      <c r="HGV21" s="8"/>
      <c r="HGW21" s="8"/>
      <c r="HGX21" s="8"/>
      <c r="HGY21" s="8"/>
      <c r="HGZ21" s="8"/>
      <c r="HHA21" s="8"/>
      <c r="HHB21" s="8"/>
      <c r="HHC21" s="8"/>
      <c r="HHD21" s="8"/>
      <c r="HHE21" s="8"/>
      <c r="HHF21" s="8"/>
      <c r="HHG21" s="8"/>
      <c r="HHH21" s="8"/>
      <c r="HHI21" s="8"/>
      <c r="HHJ21" s="8"/>
      <c r="HHK21" s="8"/>
      <c r="HHL21" s="8"/>
      <c r="HHM21" s="8"/>
      <c r="HHN21" s="8"/>
      <c r="HHO21" s="8"/>
      <c r="HHP21" s="8"/>
      <c r="HHQ21" s="8"/>
      <c r="HHR21" s="8"/>
      <c r="HHS21" s="8"/>
      <c r="HHT21" s="8"/>
      <c r="HHU21" s="8"/>
      <c r="HHV21" s="8"/>
      <c r="HHW21" s="8"/>
      <c r="HHX21" s="8"/>
      <c r="HHY21" s="8"/>
      <c r="HHZ21" s="8"/>
      <c r="HIA21" s="8"/>
      <c r="HIB21" s="8"/>
      <c r="HIC21" s="8"/>
      <c r="HID21" s="8"/>
      <c r="HIE21" s="8"/>
      <c r="HIF21" s="8"/>
      <c r="HIG21" s="8"/>
      <c r="HIH21" s="8"/>
      <c r="HII21" s="8"/>
      <c r="HIJ21" s="8"/>
      <c r="HIK21" s="8"/>
      <c r="HIL21" s="8"/>
      <c r="HIM21" s="8"/>
      <c r="HIN21" s="8"/>
      <c r="HIO21" s="8"/>
      <c r="HIP21" s="8"/>
      <c r="HIQ21" s="8"/>
      <c r="HIR21" s="8"/>
      <c r="HIS21" s="8"/>
      <c r="HIT21" s="8"/>
      <c r="HIU21" s="8"/>
      <c r="HIV21" s="8"/>
      <c r="HIW21" s="8"/>
      <c r="HIX21" s="8"/>
      <c r="HIY21" s="8"/>
      <c r="HIZ21" s="8"/>
      <c r="HJA21" s="8"/>
      <c r="HJB21" s="8"/>
      <c r="HJC21" s="8"/>
      <c r="HJD21" s="8"/>
      <c r="HJE21" s="8"/>
      <c r="HJF21" s="8"/>
      <c r="HJG21" s="8"/>
      <c r="HJH21" s="8"/>
      <c r="HJI21" s="8"/>
      <c r="HJJ21" s="8"/>
      <c r="HJK21" s="8"/>
      <c r="HJL21" s="8"/>
      <c r="HJM21" s="8"/>
      <c r="HJN21" s="8"/>
      <c r="HJO21" s="8"/>
      <c r="HJP21" s="8"/>
      <c r="HJQ21" s="8"/>
      <c r="HJR21" s="8"/>
      <c r="HJS21" s="8"/>
      <c r="HJT21" s="8"/>
      <c r="HJU21" s="8"/>
      <c r="HJV21" s="8"/>
      <c r="HJW21" s="8"/>
      <c r="HJX21" s="8"/>
      <c r="HJY21" s="8"/>
      <c r="HJZ21" s="8"/>
      <c r="HKA21" s="8"/>
      <c r="HKB21" s="8"/>
      <c r="HKC21" s="8"/>
      <c r="HKD21" s="8"/>
      <c r="HKE21" s="8"/>
      <c r="HKF21" s="8"/>
      <c r="HKG21" s="8"/>
      <c r="HKH21" s="8"/>
      <c r="HKI21" s="8"/>
      <c r="HKJ21" s="8"/>
      <c r="HKK21" s="8"/>
      <c r="HKL21" s="8"/>
      <c r="HKM21" s="8"/>
      <c r="HKN21" s="8"/>
      <c r="HKO21" s="8"/>
      <c r="HKP21" s="8"/>
      <c r="HKQ21" s="8"/>
      <c r="HKR21" s="8"/>
      <c r="HKS21" s="8"/>
      <c r="HKT21" s="8"/>
      <c r="HKU21" s="8"/>
      <c r="HKV21" s="8"/>
      <c r="HKW21" s="8"/>
      <c r="HKX21" s="8"/>
      <c r="HKY21" s="8"/>
      <c r="HKZ21" s="8"/>
      <c r="HLA21" s="8"/>
      <c r="HLB21" s="8"/>
      <c r="HLC21" s="8"/>
      <c r="HLD21" s="8"/>
      <c r="HLE21" s="8"/>
      <c r="HLF21" s="8"/>
      <c r="HLG21" s="8"/>
      <c r="HLH21" s="8"/>
      <c r="HLI21" s="8"/>
      <c r="HLJ21" s="8"/>
      <c r="HLK21" s="8"/>
      <c r="HLL21" s="8"/>
      <c r="HLM21" s="8"/>
      <c r="HLN21" s="8"/>
      <c r="HLO21" s="8"/>
      <c r="HLP21" s="8"/>
      <c r="HLQ21" s="8"/>
      <c r="HLR21" s="8"/>
      <c r="HLS21" s="8"/>
      <c r="HLT21" s="8"/>
      <c r="HLU21" s="8"/>
      <c r="HLV21" s="8"/>
      <c r="HLW21" s="8"/>
      <c r="HLX21" s="8"/>
      <c r="HLY21" s="8"/>
      <c r="HLZ21" s="8"/>
      <c r="HMA21" s="8"/>
      <c r="HMB21" s="8"/>
      <c r="HMC21" s="8"/>
      <c r="HMD21" s="8"/>
      <c r="HME21" s="8"/>
      <c r="HMF21" s="8"/>
      <c r="HMG21" s="8"/>
      <c r="HMH21" s="8"/>
      <c r="HMI21" s="8"/>
      <c r="HMJ21" s="8"/>
      <c r="HMK21" s="8"/>
      <c r="HML21" s="8"/>
      <c r="HMM21" s="8"/>
      <c r="HMN21" s="8"/>
      <c r="HMO21" s="8"/>
      <c r="HMP21" s="8"/>
      <c r="HMQ21" s="8"/>
      <c r="HMR21" s="8"/>
      <c r="HMS21" s="8"/>
      <c r="HMT21" s="8"/>
      <c r="HMU21" s="8"/>
      <c r="HMV21" s="8"/>
      <c r="HMW21" s="8"/>
      <c r="HMX21" s="8"/>
      <c r="HMY21" s="8"/>
      <c r="HMZ21" s="8"/>
      <c r="HNA21" s="8"/>
      <c r="HNB21" s="8"/>
      <c r="HNC21" s="8"/>
      <c r="HND21" s="8"/>
      <c r="HNE21" s="8"/>
      <c r="HNF21" s="8"/>
      <c r="HNG21" s="8"/>
      <c r="HNH21" s="8"/>
      <c r="HNI21" s="8"/>
      <c r="HNJ21" s="8"/>
      <c r="HNK21" s="8"/>
      <c r="HNL21" s="8"/>
      <c r="HNM21" s="8"/>
      <c r="HNN21" s="8"/>
      <c r="HNO21" s="8"/>
      <c r="HNP21" s="8"/>
      <c r="HNQ21" s="8"/>
      <c r="HNR21" s="8"/>
      <c r="HNS21" s="8"/>
      <c r="HNT21" s="8"/>
      <c r="HNU21" s="8"/>
      <c r="HNV21" s="8"/>
      <c r="HNW21" s="8"/>
      <c r="HNX21" s="8"/>
      <c r="HNY21" s="8"/>
      <c r="HNZ21" s="8"/>
      <c r="HOA21" s="8"/>
      <c r="HOB21" s="8"/>
      <c r="HOC21" s="8"/>
      <c r="HOD21" s="8"/>
      <c r="HOE21" s="8"/>
      <c r="HOF21" s="8"/>
      <c r="HOG21" s="8"/>
      <c r="HOH21" s="8"/>
      <c r="HOI21" s="8"/>
      <c r="HOJ21" s="8"/>
      <c r="HOK21" s="8"/>
      <c r="HOL21" s="8"/>
      <c r="HOM21" s="8"/>
      <c r="HON21" s="8"/>
      <c r="HOO21" s="8"/>
      <c r="HOP21" s="8"/>
      <c r="HOQ21" s="8"/>
      <c r="HOR21" s="8"/>
      <c r="HOS21" s="8"/>
      <c r="HOT21" s="8"/>
      <c r="HOU21" s="8"/>
      <c r="HOV21" s="8"/>
      <c r="HOW21" s="8"/>
      <c r="HOX21" s="8"/>
      <c r="HOY21" s="8"/>
      <c r="HOZ21" s="8"/>
      <c r="HPA21" s="8"/>
      <c r="HPB21" s="8"/>
      <c r="HPC21" s="8"/>
      <c r="HPD21" s="8"/>
      <c r="HPE21" s="8"/>
      <c r="HPF21" s="8"/>
      <c r="HPG21" s="8"/>
      <c r="HPH21" s="8"/>
      <c r="HPI21" s="8"/>
      <c r="HPJ21" s="8"/>
      <c r="HPK21" s="8"/>
      <c r="HPL21" s="8"/>
      <c r="HPM21" s="8"/>
      <c r="HPN21" s="8"/>
      <c r="HPO21" s="8"/>
      <c r="HPP21" s="8"/>
      <c r="HPQ21" s="8"/>
      <c r="HPR21" s="8"/>
      <c r="HPS21" s="8"/>
      <c r="HPT21" s="8"/>
      <c r="HPU21" s="8"/>
      <c r="HPV21" s="8"/>
      <c r="HPW21" s="8"/>
      <c r="HPX21" s="8"/>
      <c r="HPY21" s="8"/>
      <c r="HPZ21" s="8"/>
      <c r="HQA21" s="8"/>
      <c r="HQB21" s="8"/>
      <c r="HQC21" s="8"/>
      <c r="HQD21" s="8"/>
      <c r="HQE21" s="8"/>
      <c r="HQF21" s="8"/>
      <c r="HQG21" s="8"/>
      <c r="HQH21" s="8"/>
      <c r="HQI21" s="8"/>
      <c r="HQJ21" s="8"/>
      <c r="HQK21" s="8"/>
      <c r="HQL21" s="8"/>
      <c r="HQM21" s="8"/>
      <c r="HQN21" s="8"/>
      <c r="HQO21" s="8"/>
      <c r="HQP21" s="8"/>
      <c r="HQQ21" s="8"/>
      <c r="HQR21" s="8"/>
      <c r="HQS21" s="8"/>
      <c r="HQT21" s="8"/>
      <c r="HQU21" s="8"/>
      <c r="HQV21" s="8"/>
      <c r="HQW21" s="8"/>
      <c r="HQX21" s="8"/>
      <c r="HQY21" s="8"/>
      <c r="HQZ21" s="8"/>
      <c r="HRA21" s="8"/>
      <c r="HRB21" s="8"/>
      <c r="HRC21" s="8"/>
      <c r="HRD21" s="8"/>
      <c r="HRE21" s="8"/>
      <c r="HRF21" s="8"/>
      <c r="HRG21" s="8"/>
      <c r="HRH21" s="8"/>
      <c r="HRI21" s="8"/>
      <c r="HRJ21" s="8"/>
      <c r="HRK21" s="8"/>
      <c r="HRL21" s="8"/>
      <c r="HRM21" s="8"/>
      <c r="HRN21" s="8"/>
      <c r="HRO21" s="8"/>
      <c r="HRP21" s="8"/>
      <c r="HRQ21" s="8"/>
      <c r="HRR21" s="8"/>
      <c r="HRS21" s="8"/>
      <c r="HRT21" s="8"/>
      <c r="HRU21" s="8"/>
      <c r="HRV21" s="8"/>
      <c r="HRW21" s="8"/>
      <c r="HRX21" s="8"/>
      <c r="HRY21" s="8"/>
      <c r="HRZ21" s="8"/>
      <c r="HSA21" s="8"/>
      <c r="HSB21" s="8"/>
      <c r="HSC21" s="8"/>
      <c r="HSD21" s="8"/>
      <c r="HSE21" s="8"/>
      <c r="HSF21" s="8"/>
      <c r="HSG21" s="8"/>
      <c r="HSH21" s="8"/>
      <c r="HSI21" s="8"/>
      <c r="HSJ21" s="8"/>
      <c r="HSK21" s="8"/>
      <c r="HSL21" s="8"/>
      <c r="HSM21" s="8"/>
      <c r="HSN21" s="8"/>
      <c r="HSO21" s="8"/>
      <c r="HSP21" s="8"/>
      <c r="HSQ21" s="8"/>
      <c r="HSR21" s="8"/>
      <c r="HSS21" s="8"/>
      <c r="HST21" s="8"/>
      <c r="HSU21" s="8"/>
      <c r="HSV21" s="8"/>
      <c r="HSW21" s="8"/>
      <c r="HSX21" s="8"/>
      <c r="HSY21" s="8"/>
      <c r="HSZ21" s="8"/>
      <c r="HTA21" s="8"/>
      <c r="HTB21" s="8"/>
      <c r="HTC21" s="8"/>
      <c r="HTD21" s="8"/>
      <c r="HTE21" s="8"/>
      <c r="HTF21" s="8"/>
      <c r="HTG21" s="8"/>
      <c r="HTH21" s="8"/>
      <c r="HTI21" s="8"/>
      <c r="HTJ21" s="8"/>
      <c r="HTK21" s="8"/>
      <c r="HTL21" s="8"/>
      <c r="HTM21" s="8"/>
      <c r="HTN21" s="8"/>
      <c r="HTO21" s="8"/>
      <c r="HTP21" s="8"/>
      <c r="HTQ21" s="8"/>
      <c r="HTR21" s="8"/>
      <c r="HTS21" s="8"/>
      <c r="HTT21" s="8"/>
      <c r="HTU21" s="8"/>
      <c r="HTV21" s="8"/>
      <c r="HTW21" s="8"/>
      <c r="HTX21" s="8"/>
      <c r="HTY21" s="8"/>
      <c r="HTZ21" s="8"/>
      <c r="HUA21" s="8"/>
      <c r="HUB21" s="8"/>
      <c r="HUC21" s="8"/>
      <c r="HUD21" s="8"/>
      <c r="HUE21" s="8"/>
      <c r="HUF21" s="8"/>
      <c r="HUG21" s="8"/>
      <c r="HUH21" s="8"/>
      <c r="HUI21" s="8"/>
      <c r="HUJ21" s="8"/>
      <c r="HUK21" s="8"/>
      <c r="HUL21" s="8"/>
      <c r="HUM21" s="8"/>
      <c r="HUN21" s="8"/>
      <c r="HUO21" s="8"/>
      <c r="HUP21" s="8"/>
      <c r="HUQ21" s="8"/>
      <c r="HUR21" s="8"/>
      <c r="HUS21" s="8"/>
      <c r="HUT21" s="8"/>
      <c r="HUU21" s="8"/>
      <c r="HUV21" s="8"/>
      <c r="HUW21" s="8"/>
      <c r="HUX21" s="8"/>
      <c r="HUY21" s="8"/>
      <c r="HUZ21" s="8"/>
      <c r="HVA21" s="8"/>
      <c r="HVB21" s="8"/>
      <c r="HVC21" s="8"/>
      <c r="HVD21" s="8"/>
      <c r="HVE21" s="8"/>
      <c r="HVF21" s="8"/>
      <c r="HVG21" s="8"/>
      <c r="HVH21" s="8"/>
      <c r="HVI21" s="8"/>
      <c r="HVJ21" s="8"/>
      <c r="HVK21" s="8"/>
      <c r="HVL21" s="8"/>
      <c r="HVM21" s="8"/>
      <c r="HVN21" s="8"/>
      <c r="HVO21" s="8"/>
      <c r="HVP21" s="8"/>
      <c r="HVQ21" s="8"/>
      <c r="HVR21" s="8"/>
      <c r="HVS21" s="8"/>
      <c r="HVT21" s="8"/>
      <c r="HVU21" s="8"/>
      <c r="HVV21" s="8"/>
      <c r="HVW21" s="8"/>
      <c r="HVX21" s="8"/>
      <c r="HVY21" s="8"/>
      <c r="HVZ21" s="8"/>
      <c r="HWA21" s="8"/>
      <c r="HWB21" s="8"/>
      <c r="HWC21" s="8"/>
      <c r="HWD21" s="8"/>
      <c r="HWE21" s="8"/>
      <c r="HWF21" s="8"/>
      <c r="HWG21" s="8"/>
      <c r="HWH21" s="8"/>
      <c r="HWI21" s="8"/>
      <c r="HWJ21" s="8"/>
      <c r="HWK21" s="8"/>
      <c r="HWL21" s="8"/>
      <c r="HWM21" s="8"/>
      <c r="HWN21" s="8"/>
      <c r="HWO21" s="8"/>
      <c r="HWP21" s="8"/>
      <c r="HWQ21" s="8"/>
      <c r="HWR21" s="8"/>
      <c r="HWS21" s="8"/>
      <c r="HWT21" s="8"/>
      <c r="HWU21" s="8"/>
      <c r="HWV21" s="8"/>
      <c r="HWW21" s="8"/>
      <c r="HWX21" s="8"/>
      <c r="HWY21" s="8"/>
      <c r="HWZ21" s="8"/>
      <c r="HXA21" s="8"/>
      <c r="HXB21" s="8"/>
      <c r="HXC21" s="8"/>
      <c r="HXD21" s="8"/>
      <c r="HXE21" s="8"/>
      <c r="HXF21" s="8"/>
      <c r="HXG21" s="8"/>
      <c r="HXH21" s="8"/>
      <c r="HXI21" s="8"/>
      <c r="HXJ21" s="8"/>
      <c r="HXK21" s="8"/>
      <c r="HXL21" s="8"/>
      <c r="HXM21" s="8"/>
      <c r="HXN21" s="8"/>
      <c r="HXO21" s="8"/>
      <c r="HXP21" s="8"/>
      <c r="HXQ21" s="8"/>
      <c r="HXR21" s="8"/>
      <c r="HXS21" s="8"/>
      <c r="HXT21" s="8"/>
      <c r="HXU21" s="8"/>
      <c r="HXV21" s="8"/>
      <c r="HXW21" s="8"/>
      <c r="HXX21" s="8"/>
      <c r="HXY21" s="8"/>
      <c r="HXZ21" s="8"/>
      <c r="HYA21" s="8"/>
      <c r="HYB21" s="8"/>
      <c r="HYC21" s="8"/>
      <c r="HYD21" s="8"/>
      <c r="HYE21" s="8"/>
      <c r="HYF21" s="8"/>
      <c r="HYG21" s="8"/>
      <c r="HYH21" s="8"/>
      <c r="HYI21" s="8"/>
      <c r="HYJ21" s="8"/>
      <c r="HYK21" s="8"/>
      <c r="HYL21" s="8"/>
      <c r="HYM21" s="8"/>
      <c r="HYN21" s="8"/>
      <c r="HYO21" s="8"/>
      <c r="HYP21" s="8"/>
      <c r="HYQ21" s="8"/>
      <c r="HYR21" s="8"/>
      <c r="HYS21" s="8"/>
      <c r="HYT21" s="8"/>
      <c r="HYU21" s="8"/>
      <c r="HYV21" s="8"/>
      <c r="HYW21" s="8"/>
      <c r="HYX21" s="8"/>
      <c r="HYY21" s="8"/>
      <c r="HYZ21" s="8"/>
      <c r="HZA21" s="8"/>
      <c r="HZB21" s="8"/>
      <c r="HZC21" s="8"/>
      <c r="HZD21" s="8"/>
      <c r="HZE21" s="8"/>
      <c r="HZF21" s="8"/>
      <c r="HZG21" s="8"/>
      <c r="HZH21" s="8"/>
      <c r="HZI21" s="8"/>
      <c r="HZJ21" s="8"/>
      <c r="HZK21" s="8"/>
      <c r="HZL21" s="8"/>
      <c r="HZM21" s="8"/>
      <c r="HZN21" s="8"/>
      <c r="HZO21" s="8"/>
      <c r="HZP21" s="8"/>
      <c r="HZQ21" s="8"/>
      <c r="HZR21" s="8"/>
      <c r="HZS21" s="8"/>
      <c r="HZT21" s="8"/>
      <c r="HZU21" s="8"/>
      <c r="HZV21" s="8"/>
      <c r="HZW21" s="8"/>
      <c r="HZX21" s="8"/>
      <c r="HZY21" s="8"/>
      <c r="HZZ21" s="8"/>
      <c r="IAA21" s="8"/>
      <c r="IAB21" s="8"/>
      <c r="IAC21" s="8"/>
      <c r="IAD21" s="8"/>
      <c r="IAE21" s="8"/>
      <c r="IAF21" s="8"/>
      <c r="IAG21" s="8"/>
      <c r="IAH21" s="8"/>
      <c r="IAI21" s="8"/>
      <c r="IAJ21" s="8"/>
      <c r="IAK21" s="8"/>
      <c r="IAL21" s="8"/>
      <c r="IAM21" s="8"/>
      <c r="IAN21" s="8"/>
      <c r="IAO21" s="8"/>
      <c r="IAP21" s="8"/>
      <c r="IAQ21" s="8"/>
      <c r="IAR21" s="8"/>
      <c r="IAS21" s="8"/>
      <c r="IAT21" s="8"/>
      <c r="IAU21" s="8"/>
      <c r="IAV21" s="8"/>
      <c r="IAW21" s="8"/>
      <c r="IAX21" s="8"/>
      <c r="IAY21" s="8"/>
      <c r="IAZ21" s="8"/>
      <c r="IBA21" s="8"/>
      <c r="IBB21" s="8"/>
      <c r="IBC21" s="8"/>
      <c r="IBD21" s="8"/>
      <c r="IBE21" s="8"/>
      <c r="IBF21" s="8"/>
      <c r="IBG21" s="8"/>
      <c r="IBH21" s="8"/>
      <c r="IBI21" s="8"/>
      <c r="IBJ21" s="8"/>
      <c r="IBK21" s="8"/>
      <c r="IBL21" s="8"/>
      <c r="IBM21" s="8"/>
      <c r="IBN21" s="8"/>
      <c r="IBO21" s="8"/>
      <c r="IBP21" s="8"/>
      <c r="IBQ21" s="8"/>
      <c r="IBR21" s="8"/>
      <c r="IBS21" s="8"/>
      <c r="IBT21" s="8"/>
      <c r="IBU21" s="8"/>
      <c r="IBV21" s="8"/>
      <c r="IBW21" s="8"/>
      <c r="IBX21" s="8"/>
      <c r="IBY21" s="8"/>
      <c r="IBZ21" s="8"/>
      <c r="ICA21" s="8"/>
      <c r="ICB21" s="8"/>
      <c r="ICC21" s="8"/>
      <c r="ICD21" s="8"/>
      <c r="ICE21" s="8"/>
      <c r="ICF21" s="8"/>
      <c r="ICG21" s="8"/>
      <c r="ICH21" s="8"/>
      <c r="ICI21" s="8"/>
      <c r="ICJ21" s="8"/>
      <c r="ICK21" s="8"/>
      <c r="ICL21" s="8"/>
      <c r="ICM21" s="8"/>
      <c r="ICN21" s="8"/>
      <c r="ICO21" s="8"/>
      <c r="ICP21" s="8"/>
      <c r="ICQ21" s="8"/>
      <c r="ICR21" s="8"/>
      <c r="ICS21" s="8"/>
      <c r="ICT21" s="8"/>
      <c r="ICU21" s="8"/>
      <c r="ICV21" s="8"/>
      <c r="ICW21" s="8"/>
      <c r="ICX21" s="8"/>
      <c r="ICY21" s="8"/>
      <c r="ICZ21" s="8"/>
      <c r="IDA21" s="8"/>
      <c r="IDB21" s="8"/>
      <c r="IDC21" s="8"/>
      <c r="IDD21" s="8"/>
      <c r="IDE21" s="8"/>
      <c r="IDF21" s="8"/>
      <c r="IDG21" s="8"/>
      <c r="IDH21" s="8"/>
      <c r="IDI21" s="8"/>
      <c r="IDJ21" s="8"/>
      <c r="IDK21" s="8"/>
      <c r="IDL21" s="8"/>
      <c r="IDM21" s="8"/>
      <c r="IDN21" s="8"/>
      <c r="IDO21" s="8"/>
      <c r="IDP21" s="8"/>
      <c r="IDQ21" s="8"/>
      <c r="IDR21" s="8"/>
      <c r="IDS21" s="8"/>
      <c r="IDT21" s="8"/>
      <c r="IDU21" s="8"/>
      <c r="IDV21" s="8"/>
      <c r="IDW21" s="8"/>
      <c r="IDX21" s="8"/>
      <c r="IDY21" s="8"/>
      <c r="IDZ21" s="8"/>
      <c r="IEA21" s="8"/>
      <c r="IEB21" s="8"/>
      <c r="IEC21" s="8"/>
      <c r="IED21" s="8"/>
      <c r="IEE21" s="8"/>
      <c r="IEF21" s="8"/>
      <c r="IEG21" s="8"/>
      <c r="IEH21" s="8"/>
      <c r="IEI21" s="8"/>
      <c r="IEJ21" s="8"/>
      <c r="IEK21" s="8"/>
      <c r="IEL21" s="8"/>
      <c r="IEM21" s="8"/>
      <c r="IEN21" s="8"/>
      <c r="IEO21" s="8"/>
      <c r="IEP21" s="8"/>
      <c r="IEQ21" s="8"/>
      <c r="IER21" s="8"/>
      <c r="IES21" s="8"/>
      <c r="IET21" s="8"/>
      <c r="IEU21" s="8"/>
      <c r="IEV21" s="8"/>
      <c r="IEW21" s="8"/>
      <c r="IEX21" s="8"/>
      <c r="IEY21" s="8"/>
      <c r="IEZ21" s="8"/>
      <c r="IFA21" s="8"/>
      <c r="IFB21" s="8"/>
      <c r="IFC21" s="8"/>
      <c r="IFD21" s="8"/>
      <c r="IFE21" s="8"/>
      <c r="IFF21" s="8"/>
      <c r="IFG21" s="8"/>
      <c r="IFH21" s="8"/>
      <c r="IFI21" s="8"/>
      <c r="IFJ21" s="8"/>
      <c r="IFK21" s="8"/>
      <c r="IFL21" s="8"/>
      <c r="IFM21" s="8"/>
      <c r="IFN21" s="8"/>
      <c r="IFO21" s="8"/>
      <c r="IFP21" s="8"/>
      <c r="IFQ21" s="8"/>
      <c r="IFR21" s="8"/>
      <c r="IFS21" s="8"/>
      <c r="IFT21" s="8"/>
      <c r="IFU21" s="8"/>
      <c r="IFV21" s="8"/>
      <c r="IFW21" s="8"/>
      <c r="IFX21" s="8"/>
      <c r="IFY21" s="8"/>
      <c r="IFZ21" s="8"/>
      <c r="IGA21" s="8"/>
      <c r="IGB21" s="8"/>
      <c r="IGC21" s="8"/>
      <c r="IGD21" s="8"/>
      <c r="IGE21" s="8"/>
      <c r="IGF21" s="8"/>
      <c r="IGG21" s="8"/>
      <c r="IGH21" s="8"/>
      <c r="IGI21" s="8"/>
      <c r="IGJ21" s="8"/>
      <c r="IGK21" s="8"/>
      <c r="IGL21" s="8"/>
      <c r="IGM21" s="8"/>
      <c r="IGN21" s="8"/>
      <c r="IGO21" s="8"/>
      <c r="IGP21" s="8"/>
      <c r="IGQ21" s="8"/>
      <c r="IGR21" s="8"/>
      <c r="IGS21" s="8"/>
      <c r="IGT21" s="8"/>
      <c r="IGU21" s="8"/>
      <c r="IGV21" s="8"/>
      <c r="IGW21" s="8"/>
      <c r="IGX21" s="8"/>
      <c r="IGY21" s="8"/>
      <c r="IGZ21" s="8"/>
      <c r="IHA21" s="8"/>
      <c r="IHB21" s="8"/>
      <c r="IHC21" s="8"/>
      <c r="IHD21" s="8"/>
      <c r="IHE21" s="8"/>
      <c r="IHF21" s="8"/>
      <c r="IHG21" s="8"/>
      <c r="IHH21" s="8"/>
      <c r="IHI21" s="8"/>
      <c r="IHJ21" s="8"/>
      <c r="IHK21" s="8"/>
      <c r="IHL21" s="8"/>
      <c r="IHM21" s="8"/>
      <c r="IHN21" s="8"/>
      <c r="IHO21" s="8"/>
      <c r="IHP21" s="8"/>
      <c r="IHQ21" s="8"/>
      <c r="IHR21" s="8"/>
      <c r="IHS21" s="8"/>
      <c r="IHT21" s="8"/>
      <c r="IHU21" s="8"/>
      <c r="IHV21" s="8"/>
      <c r="IHW21" s="8"/>
      <c r="IHX21" s="8"/>
      <c r="IHY21" s="8"/>
      <c r="IHZ21" s="8"/>
      <c r="IIA21" s="8"/>
      <c r="IIB21" s="8"/>
      <c r="IIC21" s="8"/>
      <c r="IID21" s="8"/>
      <c r="IIE21" s="8"/>
      <c r="IIF21" s="8"/>
      <c r="IIG21" s="8"/>
      <c r="IIH21" s="8"/>
      <c r="III21" s="8"/>
      <c r="IIJ21" s="8"/>
      <c r="IIK21" s="8"/>
      <c r="IIL21" s="8"/>
      <c r="IIM21" s="8"/>
      <c r="IIN21" s="8"/>
      <c r="IIO21" s="8"/>
      <c r="IIP21" s="8"/>
      <c r="IIQ21" s="8"/>
      <c r="IIR21" s="8"/>
      <c r="IIS21" s="8"/>
      <c r="IIT21" s="8"/>
      <c r="IIU21" s="8"/>
      <c r="IIV21" s="8"/>
      <c r="IIW21" s="8"/>
      <c r="IIX21" s="8"/>
      <c r="IIY21" s="8"/>
      <c r="IIZ21" s="8"/>
      <c r="IJA21" s="8"/>
      <c r="IJB21" s="8"/>
      <c r="IJC21" s="8"/>
      <c r="IJD21" s="8"/>
      <c r="IJE21" s="8"/>
      <c r="IJF21" s="8"/>
      <c r="IJG21" s="8"/>
      <c r="IJH21" s="8"/>
      <c r="IJI21" s="8"/>
      <c r="IJJ21" s="8"/>
      <c r="IJK21" s="8"/>
      <c r="IJL21" s="8"/>
      <c r="IJM21" s="8"/>
      <c r="IJN21" s="8"/>
      <c r="IJO21" s="8"/>
      <c r="IJP21" s="8"/>
      <c r="IJQ21" s="8"/>
      <c r="IJR21" s="8"/>
      <c r="IJS21" s="8"/>
      <c r="IJT21" s="8"/>
      <c r="IJU21" s="8"/>
      <c r="IJV21" s="8"/>
      <c r="IJW21" s="8"/>
      <c r="IJX21" s="8"/>
      <c r="IJY21" s="8"/>
      <c r="IJZ21" s="8"/>
      <c r="IKA21" s="8"/>
      <c r="IKB21" s="8"/>
      <c r="IKC21" s="8"/>
      <c r="IKD21" s="8"/>
      <c r="IKE21" s="8"/>
      <c r="IKF21" s="8"/>
      <c r="IKG21" s="8"/>
      <c r="IKH21" s="8"/>
      <c r="IKI21" s="8"/>
      <c r="IKJ21" s="8"/>
      <c r="IKK21" s="8"/>
      <c r="IKL21" s="8"/>
      <c r="IKM21" s="8"/>
      <c r="IKN21" s="8"/>
      <c r="IKO21" s="8"/>
      <c r="IKP21" s="8"/>
      <c r="IKQ21" s="8"/>
      <c r="IKR21" s="8"/>
      <c r="IKS21" s="8"/>
      <c r="IKT21" s="8"/>
      <c r="IKU21" s="8"/>
      <c r="IKV21" s="8"/>
      <c r="IKW21" s="8"/>
      <c r="IKX21" s="8"/>
      <c r="IKY21" s="8"/>
      <c r="IKZ21" s="8"/>
      <c r="ILA21" s="8"/>
      <c r="ILB21" s="8"/>
      <c r="ILC21" s="8"/>
      <c r="ILD21" s="8"/>
      <c r="ILE21" s="8"/>
      <c r="ILF21" s="8"/>
      <c r="ILG21" s="8"/>
      <c r="ILH21" s="8"/>
      <c r="ILI21" s="8"/>
      <c r="ILJ21" s="8"/>
      <c r="ILK21" s="8"/>
      <c r="ILL21" s="8"/>
      <c r="ILM21" s="8"/>
      <c r="ILN21" s="8"/>
      <c r="ILO21" s="8"/>
      <c r="ILP21" s="8"/>
      <c r="ILQ21" s="8"/>
      <c r="ILR21" s="8"/>
      <c r="ILS21" s="8"/>
      <c r="ILT21" s="8"/>
      <c r="ILU21" s="8"/>
      <c r="ILV21" s="8"/>
      <c r="ILW21" s="8"/>
      <c r="ILX21" s="8"/>
      <c r="ILY21" s="8"/>
      <c r="ILZ21" s="8"/>
      <c r="IMA21" s="8"/>
      <c r="IMB21" s="8"/>
      <c r="IMC21" s="8"/>
      <c r="IMD21" s="8"/>
      <c r="IME21" s="8"/>
      <c r="IMF21" s="8"/>
      <c r="IMG21" s="8"/>
      <c r="IMH21" s="8"/>
      <c r="IMI21" s="8"/>
      <c r="IMJ21" s="8"/>
      <c r="IMK21" s="8"/>
      <c r="IML21" s="8"/>
      <c r="IMM21" s="8"/>
      <c r="IMN21" s="8"/>
      <c r="IMO21" s="8"/>
      <c r="IMP21" s="8"/>
      <c r="IMQ21" s="8"/>
      <c r="IMR21" s="8"/>
      <c r="IMS21" s="8"/>
      <c r="IMT21" s="8"/>
      <c r="IMU21" s="8"/>
      <c r="IMV21" s="8"/>
      <c r="IMW21" s="8"/>
      <c r="IMX21" s="8"/>
      <c r="IMY21" s="8"/>
      <c r="IMZ21" s="8"/>
      <c r="INA21" s="8"/>
      <c r="INB21" s="8"/>
      <c r="INC21" s="8"/>
      <c r="IND21" s="8"/>
      <c r="INE21" s="8"/>
      <c r="INF21" s="8"/>
      <c r="ING21" s="8"/>
      <c r="INH21" s="8"/>
      <c r="INI21" s="8"/>
      <c r="INJ21" s="8"/>
      <c r="INK21" s="8"/>
      <c r="INL21" s="8"/>
      <c r="INM21" s="8"/>
      <c r="INN21" s="8"/>
      <c r="INO21" s="8"/>
      <c r="INP21" s="8"/>
      <c r="INQ21" s="8"/>
      <c r="INR21" s="8"/>
      <c r="INS21" s="8"/>
      <c r="INT21" s="8"/>
      <c r="INU21" s="8"/>
      <c r="INV21" s="8"/>
      <c r="INW21" s="8"/>
      <c r="INX21" s="8"/>
      <c r="INY21" s="8"/>
      <c r="INZ21" s="8"/>
      <c r="IOA21" s="8"/>
      <c r="IOB21" s="8"/>
      <c r="IOC21" s="8"/>
      <c r="IOD21" s="8"/>
      <c r="IOE21" s="8"/>
      <c r="IOF21" s="8"/>
      <c r="IOG21" s="8"/>
      <c r="IOH21" s="8"/>
      <c r="IOI21" s="8"/>
      <c r="IOJ21" s="8"/>
      <c r="IOK21" s="8"/>
      <c r="IOL21" s="8"/>
      <c r="IOM21" s="8"/>
      <c r="ION21" s="8"/>
      <c r="IOO21" s="8"/>
      <c r="IOP21" s="8"/>
      <c r="IOQ21" s="8"/>
      <c r="IOR21" s="8"/>
      <c r="IOS21" s="8"/>
      <c r="IOT21" s="8"/>
      <c r="IOU21" s="8"/>
      <c r="IOV21" s="8"/>
      <c r="IOW21" s="8"/>
      <c r="IOX21" s="8"/>
      <c r="IOY21" s="8"/>
      <c r="IOZ21" s="8"/>
      <c r="IPA21" s="8"/>
      <c r="IPB21" s="8"/>
      <c r="IPC21" s="8"/>
      <c r="IPD21" s="8"/>
      <c r="IPE21" s="8"/>
      <c r="IPF21" s="8"/>
      <c r="IPG21" s="8"/>
      <c r="IPH21" s="8"/>
      <c r="IPI21" s="8"/>
      <c r="IPJ21" s="8"/>
      <c r="IPK21" s="8"/>
      <c r="IPL21" s="8"/>
      <c r="IPM21" s="8"/>
      <c r="IPN21" s="8"/>
      <c r="IPO21" s="8"/>
      <c r="IPP21" s="8"/>
      <c r="IPQ21" s="8"/>
      <c r="IPR21" s="8"/>
      <c r="IPS21" s="8"/>
      <c r="IPT21" s="8"/>
      <c r="IPU21" s="8"/>
      <c r="IPV21" s="8"/>
      <c r="IPW21" s="8"/>
      <c r="IPX21" s="8"/>
      <c r="IPY21" s="8"/>
      <c r="IPZ21" s="8"/>
      <c r="IQA21" s="8"/>
      <c r="IQB21" s="8"/>
      <c r="IQC21" s="8"/>
      <c r="IQD21" s="8"/>
      <c r="IQE21" s="8"/>
      <c r="IQF21" s="8"/>
      <c r="IQG21" s="8"/>
      <c r="IQH21" s="8"/>
      <c r="IQI21" s="8"/>
      <c r="IQJ21" s="8"/>
      <c r="IQK21" s="8"/>
      <c r="IQL21" s="8"/>
      <c r="IQM21" s="8"/>
      <c r="IQN21" s="8"/>
      <c r="IQO21" s="8"/>
      <c r="IQP21" s="8"/>
      <c r="IQQ21" s="8"/>
      <c r="IQR21" s="8"/>
      <c r="IQS21" s="8"/>
      <c r="IQT21" s="8"/>
      <c r="IQU21" s="8"/>
      <c r="IQV21" s="8"/>
      <c r="IQW21" s="8"/>
      <c r="IQX21" s="8"/>
      <c r="IQY21" s="8"/>
      <c r="IQZ21" s="8"/>
      <c r="IRA21" s="8"/>
      <c r="IRB21" s="8"/>
      <c r="IRC21" s="8"/>
      <c r="IRD21" s="8"/>
      <c r="IRE21" s="8"/>
      <c r="IRF21" s="8"/>
      <c r="IRG21" s="8"/>
      <c r="IRH21" s="8"/>
      <c r="IRI21" s="8"/>
      <c r="IRJ21" s="8"/>
      <c r="IRK21" s="8"/>
      <c r="IRL21" s="8"/>
      <c r="IRM21" s="8"/>
      <c r="IRN21" s="8"/>
      <c r="IRO21" s="8"/>
      <c r="IRP21" s="8"/>
      <c r="IRQ21" s="8"/>
      <c r="IRR21" s="8"/>
      <c r="IRS21" s="8"/>
      <c r="IRT21" s="8"/>
      <c r="IRU21" s="8"/>
      <c r="IRV21" s="8"/>
      <c r="IRW21" s="8"/>
      <c r="IRX21" s="8"/>
      <c r="IRY21" s="8"/>
      <c r="IRZ21" s="8"/>
      <c r="ISA21" s="8"/>
      <c r="ISB21" s="8"/>
      <c r="ISC21" s="8"/>
      <c r="ISD21" s="8"/>
      <c r="ISE21" s="8"/>
      <c r="ISF21" s="8"/>
      <c r="ISG21" s="8"/>
      <c r="ISH21" s="8"/>
      <c r="ISI21" s="8"/>
      <c r="ISJ21" s="8"/>
      <c r="ISK21" s="8"/>
      <c r="ISL21" s="8"/>
      <c r="ISM21" s="8"/>
      <c r="ISN21" s="8"/>
      <c r="ISO21" s="8"/>
      <c r="ISP21" s="8"/>
      <c r="ISQ21" s="8"/>
      <c r="ISR21" s="8"/>
      <c r="ISS21" s="8"/>
      <c r="IST21" s="8"/>
      <c r="ISU21" s="8"/>
      <c r="ISV21" s="8"/>
      <c r="ISW21" s="8"/>
      <c r="ISX21" s="8"/>
      <c r="ISY21" s="8"/>
      <c r="ISZ21" s="8"/>
      <c r="ITA21" s="8"/>
      <c r="ITB21" s="8"/>
      <c r="ITC21" s="8"/>
      <c r="ITD21" s="8"/>
      <c r="ITE21" s="8"/>
      <c r="ITF21" s="8"/>
      <c r="ITG21" s="8"/>
      <c r="ITH21" s="8"/>
      <c r="ITI21" s="8"/>
      <c r="ITJ21" s="8"/>
      <c r="ITK21" s="8"/>
      <c r="ITL21" s="8"/>
      <c r="ITM21" s="8"/>
      <c r="ITN21" s="8"/>
      <c r="ITO21" s="8"/>
      <c r="ITP21" s="8"/>
      <c r="ITQ21" s="8"/>
      <c r="ITR21" s="8"/>
      <c r="ITS21" s="8"/>
      <c r="ITT21" s="8"/>
      <c r="ITU21" s="8"/>
      <c r="ITV21" s="8"/>
      <c r="ITW21" s="8"/>
      <c r="ITX21" s="8"/>
      <c r="ITY21" s="8"/>
      <c r="ITZ21" s="8"/>
      <c r="IUA21" s="8"/>
      <c r="IUB21" s="8"/>
      <c r="IUC21" s="8"/>
      <c r="IUD21" s="8"/>
      <c r="IUE21" s="8"/>
      <c r="IUF21" s="8"/>
      <c r="IUG21" s="8"/>
      <c r="IUH21" s="8"/>
      <c r="IUI21" s="8"/>
      <c r="IUJ21" s="8"/>
      <c r="IUK21" s="8"/>
      <c r="IUL21" s="8"/>
      <c r="IUM21" s="8"/>
      <c r="IUN21" s="8"/>
      <c r="IUO21" s="8"/>
      <c r="IUP21" s="8"/>
      <c r="IUQ21" s="8"/>
      <c r="IUR21" s="8"/>
      <c r="IUS21" s="8"/>
      <c r="IUT21" s="8"/>
      <c r="IUU21" s="8"/>
      <c r="IUV21" s="8"/>
      <c r="IUW21" s="8"/>
      <c r="IUX21" s="8"/>
      <c r="IUY21" s="8"/>
      <c r="IUZ21" s="8"/>
      <c r="IVA21" s="8"/>
      <c r="IVB21" s="8"/>
      <c r="IVC21" s="8"/>
      <c r="IVD21" s="8"/>
      <c r="IVE21" s="8"/>
      <c r="IVF21" s="8"/>
      <c r="IVG21" s="8"/>
      <c r="IVH21" s="8"/>
      <c r="IVI21" s="8"/>
      <c r="IVJ21" s="8"/>
      <c r="IVK21" s="8"/>
      <c r="IVL21" s="8"/>
      <c r="IVM21" s="8"/>
      <c r="IVN21" s="8"/>
      <c r="IVO21" s="8"/>
      <c r="IVP21" s="8"/>
      <c r="IVQ21" s="8"/>
      <c r="IVR21" s="8"/>
      <c r="IVS21" s="8"/>
      <c r="IVT21" s="8"/>
      <c r="IVU21" s="8"/>
      <c r="IVV21" s="8"/>
      <c r="IVW21" s="8"/>
      <c r="IVX21" s="8"/>
      <c r="IVY21" s="8"/>
      <c r="IVZ21" s="8"/>
      <c r="IWA21" s="8"/>
      <c r="IWB21" s="8"/>
      <c r="IWC21" s="8"/>
      <c r="IWD21" s="8"/>
      <c r="IWE21" s="8"/>
      <c r="IWF21" s="8"/>
      <c r="IWG21" s="8"/>
      <c r="IWH21" s="8"/>
      <c r="IWI21" s="8"/>
      <c r="IWJ21" s="8"/>
      <c r="IWK21" s="8"/>
      <c r="IWL21" s="8"/>
      <c r="IWM21" s="8"/>
      <c r="IWN21" s="8"/>
      <c r="IWO21" s="8"/>
      <c r="IWP21" s="8"/>
      <c r="IWQ21" s="8"/>
      <c r="IWR21" s="8"/>
      <c r="IWS21" s="8"/>
      <c r="IWT21" s="8"/>
      <c r="IWU21" s="8"/>
      <c r="IWV21" s="8"/>
      <c r="IWW21" s="8"/>
      <c r="IWX21" s="8"/>
      <c r="IWY21" s="8"/>
      <c r="IWZ21" s="8"/>
      <c r="IXA21" s="8"/>
      <c r="IXB21" s="8"/>
      <c r="IXC21" s="8"/>
      <c r="IXD21" s="8"/>
      <c r="IXE21" s="8"/>
      <c r="IXF21" s="8"/>
      <c r="IXG21" s="8"/>
      <c r="IXH21" s="8"/>
      <c r="IXI21" s="8"/>
      <c r="IXJ21" s="8"/>
      <c r="IXK21" s="8"/>
      <c r="IXL21" s="8"/>
      <c r="IXM21" s="8"/>
      <c r="IXN21" s="8"/>
      <c r="IXO21" s="8"/>
      <c r="IXP21" s="8"/>
      <c r="IXQ21" s="8"/>
      <c r="IXR21" s="8"/>
      <c r="IXS21" s="8"/>
      <c r="IXT21" s="8"/>
      <c r="IXU21" s="8"/>
      <c r="IXV21" s="8"/>
      <c r="IXW21" s="8"/>
      <c r="IXX21" s="8"/>
      <c r="IXY21" s="8"/>
      <c r="IXZ21" s="8"/>
      <c r="IYA21" s="8"/>
      <c r="IYB21" s="8"/>
      <c r="IYC21" s="8"/>
      <c r="IYD21" s="8"/>
      <c r="IYE21" s="8"/>
      <c r="IYF21" s="8"/>
      <c r="IYG21" s="8"/>
      <c r="IYH21" s="8"/>
      <c r="IYI21" s="8"/>
      <c r="IYJ21" s="8"/>
      <c r="IYK21" s="8"/>
      <c r="IYL21" s="8"/>
      <c r="IYM21" s="8"/>
      <c r="IYN21" s="8"/>
      <c r="IYO21" s="8"/>
      <c r="IYP21" s="8"/>
      <c r="IYQ21" s="8"/>
      <c r="IYR21" s="8"/>
      <c r="IYS21" s="8"/>
      <c r="IYT21" s="8"/>
      <c r="IYU21" s="8"/>
      <c r="IYV21" s="8"/>
      <c r="IYW21" s="8"/>
      <c r="IYX21" s="8"/>
      <c r="IYY21" s="8"/>
      <c r="IYZ21" s="8"/>
      <c r="IZA21" s="8"/>
      <c r="IZB21" s="8"/>
      <c r="IZC21" s="8"/>
      <c r="IZD21" s="8"/>
      <c r="IZE21" s="8"/>
      <c r="IZF21" s="8"/>
      <c r="IZG21" s="8"/>
      <c r="IZH21" s="8"/>
      <c r="IZI21" s="8"/>
      <c r="IZJ21" s="8"/>
      <c r="IZK21" s="8"/>
      <c r="IZL21" s="8"/>
      <c r="IZM21" s="8"/>
      <c r="IZN21" s="8"/>
      <c r="IZO21" s="8"/>
      <c r="IZP21" s="8"/>
      <c r="IZQ21" s="8"/>
      <c r="IZR21" s="8"/>
      <c r="IZS21" s="8"/>
      <c r="IZT21" s="8"/>
      <c r="IZU21" s="8"/>
      <c r="IZV21" s="8"/>
      <c r="IZW21" s="8"/>
      <c r="IZX21" s="8"/>
      <c r="IZY21" s="8"/>
      <c r="IZZ21" s="8"/>
      <c r="JAA21" s="8"/>
      <c r="JAB21" s="8"/>
      <c r="JAC21" s="8"/>
      <c r="JAD21" s="8"/>
      <c r="JAE21" s="8"/>
      <c r="JAF21" s="8"/>
      <c r="JAG21" s="8"/>
      <c r="JAH21" s="8"/>
      <c r="JAI21" s="8"/>
      <c r="JAJ21" s="8"/>
      <c r="JAK21" s="8"/>
      <c r="JAL21" s="8"/>
      <c r="JAM21" s="8"/>
      <c r="JAN21" s="8"/>
      <c r="JAO21" s="8"/>
      <c r="JAP21" s="8"/>
      <c r="JAQ21" s="8"/>
      <c r="JAR21" s="8"/>
      <c r="JAS21" s="8"/>
      <c r="JAT21" s="8"/>
      <c r="JAU21" s="8"/>
      <c r="JAV21" s="8"/>
      <c r="JAW21" s="8"/>
      <c r="JAX21" s="8"/>
      <c r="JAY21" s="8"/>
      <c r="JAZ21" s="8"/>
      <c r="JBA21" s="8"/>
      <c r="JBB21" s="8"/>
      <c r="JBC21" s="8"/>
      <c r="JBD21" s="8"/>
      <c r="JBE21" s="8"/>
      <c r="JBF21" s="8"/>
      <c r="JBG21" s="8"/>
      <c r="JBH21" s="8"/>
      <c r="JBI21" s="8"/>
      <c r="JBJ21" s="8"/>
      <c r="JBK21" s="8"/>
      <c r="JBL21" s="8"/>
      <c r="JBM21" s="8"/>
      <c r="JBN21" s="8"/>
      <c r="JBO21" s="8"/>
      <c r="JBP21" s="8"/>
      <c r="JBQ21" s="8"/>
      <c r="JBR21" s="8"/>
      <c r="JBS21" s="8"/>
      <c r="JBT21" s="8"/>
      <c r="JBU21" s="8"/>
      <c r="JBV21" s="8"/>
      <c r="JBW21" s="8"/>
      <c r="JBX21" s="8"/>
      <c r="JBY21" s="8"/>
      <c r="JBZ21" s="8"/>
      <c r="JCA21" s="8"/>
      <c r="JCB21" s="8"/>
      <c r="JCC21" s="8"/>
      <c r="JCD21" s="8"/>
      <c r="JCE21" s="8"/>
      <c r="JCF21" s="8"/>
      <c r="JCG21" s="8"/>
      <c r="JCH21" s="8"/>
      <c r="JCI21" s="8"/>
      <c r="JCJ21" s="8"/>
      <c r="JCK21" s="8"/>
      <c r="JCL21" s="8"/>
      <c r="JCM21" s="8"/>
      <c r="JCN21" s="8"/>
      <c r="JCO21" s="8"/>
      <c r="JCP21" s="8"/>
      <c r="JCQ21" s="8"/>
      <c r="JCR21" s="8"/>
      <c r="JCS21" s="8"/>
      <c r="JCT21" s="8"/>
      <c r="JCU21" s="8"/>
      <c r="JCV21" s="8"/>
      <c r="JCW21" s="8"/>
      <c r="JCX21" s="8"/>
      <c r="JCY21" s="8"/>
      <c r="JCZ21" s="8"/>
      <c r="JDA21" s="8"/>
      <c r="JDB21" s="8"/>
      <c r="JDC21" s="8"/>
      <c r="JDD21" s="8"/>
      <c r="JDE21" s="8"/>
      <c r="JDF21" s="8"/>
      <c r="JDG21" s="8"/>
      <c r="JDH21" s="8"/>
      <c r="JDI21" s="8"/>
      <c r="JDJ21" s="8"/>
      <c r="JDK21" s="8"/>
      <c r="JDL21" s="8"/>
      <c r="JDM21" s="8"/>
      <c r="JDN21" s="8"/>
      <c r="JDO21" s="8"/>
      <c r="JDP21" s="8"/>
      <c r="JDQ21" s="8"/>
      <c r="JDR21" s="8"/>
      <c r="JDS21" s="8"/>
      <c r="JDT21" s="8"/>
      <c r="JDU21" s="8"/>
      <c r="JDV21" s="8"/>
      <c r="JDW21" s="8"/>
      <c r="JDX21" s="8"/>
      <c r="JDY21" s="8"/>
      <c r="JDZ21" s="8"/>
      <c r="JEA21" s="8"/>
      <c r="JEB21" s="8"/>
      <c r="JEC21" s="8"/>
      <c r="JED21" s="8"/>
      <c r="JEE21" s="8"/>
      <c r="JEF21" s="8"/>
      <c r="JEG21" s="8"/>
      <c r="JEH21" s="8"/>
      <c r="JEI21" s="8"/>
      <c r="JEJ21" s="8"/>
      <c r="JEK21" s="8"/>
      <c r="JEL21" s="8"/>
      <c r="JEM21" s="8"/>
      <c r="JEN21" s="8"/>
      <c r="JEO21" s="8"/>
      <c r="JEP21" s="8"/>
      <c r="JEQ21" s="8"/>
      <c r="JER21" s="8"/>
      <c r="JES21" s="8"/>
      <c r="JET21" s="8"/>
      <c r="JEU21" s="8"/>
      <c r="JEV21" s="8"/>
      <c r="JEW21" s="8"/>
      <c r="JEX21" s="8"/>
      <c r="JEY21" s="8"/>
      <c r="JEZ21" s="8"/>
      <c r="JFA21" s="8"/>
      <c r="JFB21" s="8"/>
      <c r="JFC21" s="8"/>
      <c r="JFD21" s="8"/>
      <c r="JFE21" s="8"/>
      <c r="JFF21" s="8"/>
      <c r="JFG21" s="8"/>
      <c r="JFH21" s="8"/>
      <c r="JFI21" s="8"/>
      <c r="JFJ21" s="8"/>
      <c r="JFK21" s="8"/>
      <c r="JFL21" s="8"/>
      <c r="JFM21" s="8"/>
      <c r="JFN21" s="8"/>
      <c r="JFO21" s="8"/>
      <c r="JFP21" s="8"/>
      <c r="JFQ21" s="8"/>
      <c r="JFR21" s="8"/>
      <c r="JFS21" s="8"/>
      <c r="JFT21" s="8"/>
      <c r="JFU21" s="8"/>
      <c r="JFV21" s="8"/>
      <c r="JFW21" s="8"/>
      <c r="JFX21" s="8"/>
      <c r="JFY21" s="8"/>
      <c r="JFZ21" s="8"/>
      <c r="JGA21" s="8"/>
      <c r="JGB21" s="8"/>
      <c r="JGC21" s="8"/>
      <c r="JGD21" s="8"/>
      <c r="JGE21" s="8"/>
      <c r="JGF21" s="8"/>
      <c r="JGG21" s="8"/>
      <c r="JGH21" s="8"/>
      <c r="JGI21" s="8"/>
      <c r="JGJ21" s="8"/>
      <c r="JGK21" s="8"/>
      <c r="JGL21" s="8"/>
      <c r="JGM21" s="8"/>
      <c r="JGN21" s="8"/>
      <c r="JGO21" s="8"/>
      <c r="JGP21" s="8"/>
      <c r="JGQ21" s="8"/>
      <c r="JGR21" s="8"/>
      <c r="JGS21" s="8"/>
      <c r="JGT21" s="8"/>
      <c r="JGU21" s="8"/>
      <c r="JGV21" s="8"/>
      <c r="JGW21" s="8"/>
      <c r="JGX21" s="8"/>
      <c r="JGY21" s="8"/>
      <c r="JGZ21" s="8"/>
      <c r="JHA21" s="8"/>
      <c r="JHB21" s="8"/>
      <c r="JHC21" s="8"/>
      <c r="JHD21" s="8"/>
      <c r="JHE21" s="8"/>
      <c r="JHF21" s="8"/>
      <c r="JHG21" s="8"/>
      <c r="JHH21" s="8"/>
      <c r="JHI21" s="8"/>
      <c r="JHJ21" s="8"/>
      <c r="JHK21" s="8"/>
      <c r="JHL21" s="8"/>
      <c r="JHM21" s="8"/>
      <c r="JHN21" s="8"/>
      <c r="JHO21" s="8"/>
      <c r="JHP21" s="8"/>
      <c r="JHQ21" s="8"/>
      <c r="JHR21" s="8"/>
      <c r="JHS21" s="8"/>
      <c r="JHT21" s="8"/>
      <c r="JHU21" s="8"/>
      <c r="JHV21" s="8"/>
      <c r="JHW21" s="8"/>
      <c r="JHX21" s="8"/>
      <c r="JHY21" s="8"/>
      <c r="JHZ21" s="8"/>
      <c r="JIA21" s="8"/>
      <c r="JIB21" s="8"/>
      <c r="JIC21" s="8"/>
      <c r="JID21" s="8"/>
      <c r="JIE21" s="8"/>
      <c r="JIF21" s="8"/>
      <c r="JIG21" s="8"/>
      <c r="JIH21" s="8"/>
      <c r="JII21" s="8"/>
      <c r="JIJ21" s="8"/>
      <c r="JIK21" s="8"/>
      <c r="JIL21" s="8"/>
      <c r="JIM21" s="8"/>
      <c r="JIN21" s="8"/>
      <c r="JIO21" s="8"/>
      <c r="JIP21" s="8"/>
      <c r="JIQ21" s="8"/>
      <c r="JIR21" s="8"/>
      <c r="JIS21" s="8"/>
      <c r="JIT21" s="8"/>
      <c r="JIU21" s="8"/>
      <c r="JIV21" s="8"/>
      <c r="JIW21" s="8"/>
      <c r="JIX21" s="8"/>
      <c r="JIY21" s="8"/>
      <c r="JIZ21" s="8"/>
      <c r="JJA21" s="8"/>
      <c r="JJB21" s="8"/>
      <c r="JJC21" s="8"/>
      <c r="JJD21" s="8"/>
      <c r="JJE21" s="8"/>
      <c r="JJF21" s="8"/>
      <c r="JJG21" s="8"/>
      <c r="JJH21" s="8"/>
      <c r="JJI21" s="8"/>
      <c r="JJJ21" s="8"/>
      <c r="JJK21" s="8"/>
      <c r="JJL21" s="8"/>
      <c r="JJM21" s="8"/>
      <c r="JJN21" s="8"/>
      <c r="JJO21" s="8"/>
      <c r="JJP21" s="8"/>
      <c r="JJQ21" s="8"/>
      <c r="JJR21" s="8"/>
      <c r="JJS21" s="8"/>
      <c r="JJT21" s="8"/>
      <c r="JJU21" s="8"/>
      <c r="JJV21" s="8"/>
      <c r="JJW21" s="8"/>
      <c r="JJX21" s="8"/>
      <c r="JJY21" s="8"/>
      <c r="JJZ21" s="8"/>
      <c r="JKA21" s="8"/>
      <c r="JKB21" s="8"/>
      <c r="JKC21" s="8"/>
      <c r="JKD21" s="8"/>
      <c r="JKE21" s="8"/>
      <c r="JKF21" s="8"/>
      <c r="JKG21" s="8"/>
      <c r="JKH21" s="8"/>
      <c r="JKI21" s="8"/>
      <c r="JKJ21" s="8"/>
      <c r="JKK21" s="8"/>
      <c r="JKL21" s="8"/>
      <c r="JKM21" s="8"/>
      <c r="JKN21" s="8"/>
      <c r="JKO21" s="8"/>
      <c r="JKP21" s="8"/>
      <c r="JKQ21" s="8"/>
      <c r="JKR21" s="8"/>
      <c r="JKS21" s="8"/>
      <c r="JKT21" s="8"/>
      <c r="JKU21" s="8"/>
      <c r="JKV21" s="8"/>
      <c r="JKW21" s="8"/>
      <c r="JKX21" s="8"/>
      <c r="JKY21" s="8"/>
      <c r="JKZ21" s="8"/>
      <c r="JLA21" s="8"/>
      <c r="JLB21" s="8"/>
      <c r="JLC21" s="8"/>
      <c r="JLD21" s="8"/>
      <c r="JLE21" s="8"/>
      <c r="JLF21" s="8"/>
      <c r="JLG21" s="8"/>
      <c r="JLH21" s="8"/>
      <c r="JLI21" s="8"/>
      <c r="JLJ21" s="8"/>
      <c r="JLK21" s="8"/>
      <c r="JLL21" s="8"/>
      <c r="JLM21" s="8"/>
      <c r="JLN21" s="8"/>
      <c r="JLO21" s="8"/>
      <c r="JLP21" s="8"/>
      <c r="JLQ21" s="8"/>
      <c r="JLR21" s="8"/>
      <c r="JLS21" s="8"/>
      <c r="JLT21" s="8"/>
      <c r="JLU21" s="8"/>
      <c r="JLV21" s="8"/>
      <c r="JLW21" s="8"/>
      <c r="JLX21" s="8"/>
      <c r="JLY21" s="8"/>
      <c r="JLZ21" s="8"/>
      <c r="JMA21" s="8"/>
      <c r="JMB21" s="8"/>
      <c r="JMC21" s="8"/>
      <c r="JMD21" s="8"/>
      <c r="JME21" s="8"/>
      <c r="JMF21" s="8"/>
      <c r="JMG21" s="8"/>
      <c r="JMH21" s="8"/>
      <c r="JMI21" s="8"/>
      <c r="JMJ21" s="8"/>
      <c r="JMK21" s="8"/>
      <c r="JML21" s="8"/>
      <c r="JMM21" s="8"/>
      <c r="JMN21" s="8"/>
      <c r="JMO21" s="8"/>
      <c r="JMP21" s="8"/>
      <c r="JMQ21" s="8"/>
      <c r="JMR21" s="8"/>
      <c r="JMS21" s="8"/>
      <c r="JMT21" s="8"/>
      <c r="JMU21" s="8"/>
      <c r="JMV21" s="8"/>
      <c r="JMW21" s="8"/>
      <c r="JMX21" s="8"/>
      <c r="JMY21" s="8"/>
      <c r="JMZ21" s="8"/>
      <c r="JNA21" s="8"/>
      <c r="JNB21" s="8"/>
      <c r="JNC21" s="8"/>
      <c r="JND21" s="8"/>
      <c r="JNE21" s="8"/>
      <c r="JNF21" s="8"/>
      <c r="JNG21" s="8"/>
      <c r="JNH21" s="8"/>
      <c r="JNI21" s="8"/>
      <c r="JNJ21" s="8"/>
      <c r="JNK21" s="8"/>
      <c r="JNL21" s="8"/>
      <c r="JNM21" s="8"/>
      <c r="JNN21" s="8"/>
      <c r="JNO21" s="8"/>
      <c r="JNP21" s="8"/>
      <c r="JNQ21" s="8"/>
      <c r="JNR21" s="8"/>
      <c r="JNS21" s="8"/>
      <c r="JNT21" s="8"/>
      <c r="JNU21" s="8"/>
      <c r="JNV21" s="8"/>
      <c r="JNW21" s="8"/>
      <c r="JNX21" s="8"/>
      <c r="JNY21" s="8"/>
      <c r="JNZ21" s="8"/>
      <c r="JOA21" s="8"/>
      <c r="JOB21" s="8"/>
      <c r="JOC21" s="8"/>
      <c r="JOD21" s="8"/>
      <c r="JOE21" s="8"/>
      <c r="JOF21" s="8"/>
      <c r="JOG21" s="8"/>
      <c r="JOH21" s="8"/>
      <c r="JOI21" s="8"/>
      <c r="JOJ21" s="8"/>
      <c r="JOK21" s="8"/>
      <c r="JOL21" s="8"/>
      <c r="JOM21" s="8"/>
      <c r="JON21" s="8"/>
      <c r="JOO21" s="8"/>
      <c r="JOP21" s="8"/>
      <c r="JOQ21" s="8"/>
      <c r="JOR21" s="8"/>
      <c r="JOS21" s="8"/>
      <c r="JOT21" s="8"/>
      <c r="JOU21" s="8"/>
      <c r="JOV21" s="8"/>
      <c r="JOW21" s="8"/>
      <c r="JOX21" s="8"/>
      <c r="JOY21" s="8"/>
      <c r="JOZ21" s="8"/>
      <c r="JPA21" s="8"/>
      <c r="JPB21" s="8"/>
      <c r="JPC21" s="8"/>
      <c r="JPD21" s="8"/>
      <c r="JPE21" s="8"/>
      <c r="JPF21" s="8"/>
      <c r="JPG21" s="8"/>
      <c r="JPH21" s="8"/>
      <c r="JPI21" s="8"/>
      <c r="JPJ21" s="8"/>
      <c r="JPK21" s="8"/>
      <c r="JPL21" s="8"/>
      <c r="JPM21" s="8"/>
      <c r="JPN21" s="8"/>
      <c r="JPO21" s="8"/>
      <c r="JPP21" s="8"/>
      <c r="JPQ21" s="8"/>
      <c r="JPR21" s="8"/>
      <c r="JPS21" s="8"/>
      <c r="JPT21" s="8"/>
      <c r="JPU21" s="8"/>
      <c r="JPV21" s="8"/>
      <c r="JPW21" s="8"/>
      <c r="JPX21" s="8"/>
      <c r="JPY21" s="8"/>
      <c r="JPZ21" s="8"/>
      <c r="JQA21" s="8"/>
      <c r="JQB21" s="8"/>
      <c r="JQC21" s="8"/>
      <c r="JQD21" s="8"/>
      <c r="JQE21" s="8"/>
      <c r="JQF21" s="8"/>
      <c r="JQG21" s="8"/>
      <c r="JQH21" s="8"/>
      <c r="JQI21" s="8"/>
      <c r="JQJ21" s="8"/>
      <c r="JQK21" s="8"/>
      <c r="JQL21" s="8"/>
      <c r="JQM21" s="8"/>
      <c r="JQN21" s="8"/>
      <c r="JQO21" s="8"/>
      <c r="JQP21" s="8"/>
      <c r="JQQ21" s="8"/>
      <c r="JQR21" s="8"/>
      <c r="JQS21" s="8"/>
      <c r="JQT21" s="8"/>
      <c r="JQU21" s="8"/>
      <c r="JQV21" s="8"/>
      <c r="JQW21" s="8"/>
      <c r="JQX21" s="8"/>
      <c r="JQY21" s="8"/>
      <c r="JQZ21" s="8"/>
      <c r="JRA21" s="8"/>
      <c r="JRB21" s="8"/>
      <c r="JRC21" s="8"/>
      <c r="JRD21" s="8"/>
      <c r="JRE21" s="8"/>
      <c r="JRF21" s="8"/>
      <c r="JRG21" s="8"/>
      <c r="JRH21" s="8"/>
      <c r="JRI21" s="8"/>
      <c r="JRJ21" s="8"/>
      <c r="JRK21" s="8"/>
      <c r="JRL21" s="8"/>
      <c r="JRM21" s="8"/>
      <c r="JRN21" s="8"/>
      <c r="JRO21" s="8"/>
      <c r="JRP21" s="8"/>
      <c r="JRQ21" s="8"/>
      <c r="JRR21" s="8"/>
      <c r="JRS21" s="8"/>
      <c r="JRT21" s="8"/>
      <c r="JRU21" s="8"/>
      <c r="JRV21" s="8"/>
      <c r="JRW21" s="8"/>
      <c r="JRX21" s="8"/>
      <c r="JRY21" s="8"/>
      <c r="JRZ21" s="8"/>
      <c r="JSA21" s="8"/>
      <c r="JSB21" s="8"/>
      <c r="JSC21" s="8"/>
      <c r="JSD21" s="8"/>
      <c r="JSE21" s="8"/>
      <c r="JSF21" s="8"/>
      <c r="JSG21" s="8"/>
      <c r="JSH21" s="8"/>
      <c r="JSI21" s="8"/>
      <c r="JSJ21" s="8"/>
      <c r="JSK21" s="8"/>
      <c r="JSL21" s="8"/>
      <c r="JSM21" s="8"/>
      <c r="JSN21" s="8"/>
      <c r="JSO21" s="8"/>
      <c r="JSP21" s="8"/>
      <c r="JSQ21" s="8"/>
      <c r="JSR21" s="8"/>
      <c r="JSS21" s="8"/>
      <c r="JST21" s="8"/>
      <c r="JSU21" s="8"/>
      <c r="JSV21" s="8"/>
      <c r="JSW21" s="8"/>
      <c r="JSX21" s="8"/>
      <c r="JSY21" s="8"/>
      <c r="JSZ21" s="8"/>
      <c r="JTA21" s="8"/>
      <c r="JTB21" s="8"/>
      <c r="JTC21" s="8"/>
      <c r="JTD21" s="8"/>
      <c r="JTE21" s="8"/>
      <c r="JTF21" s="8"/>
      <c r="JTG21" s="8"/>
      <c r="JTH21" s="8"/>
      <c r="JTI21" s="8"/>
      <c r="JTJ21" s="8"/>
      <c r="JTK21" s="8"/>
      <c r="JTL21" s="8"/>
      <c r="JTM21" s="8"/>
      <c r="JTN21" s="8"/>
      <c r="JTO21" s="8"/>
      <c r="JTP21" s="8"/>
      <c r="JTQ21" s="8"/>
      <c r="JTR21" s="8"/>
      <c r="JTS21" s="8"/>
      <c r="JTT21" s="8"/>
      <c r="JTU21" s="8"/>
      <c r="JTV21" s="8"/>
      <c r="JTW21" s="8"/>
      <c r="JTX21" s="8"/>
      <c r="JTY21" s="8"/>
      <c r="JTZ21" s="8"/>
      <c r="JUA21" s="8"/>
      <c r="JUB21" s="8"/>
      <c r="JUC21" s="8"/>
      <c r="JUD21" s="8"/>
      <c r="JUE21" s="8"/>
      <c r="JUF21" s="8"/>
      <c r="JUG21" s="8"/>
      <c r="JUH21" s="8"/>
      <c r="JUI21" s="8"/>
      <c r="JUJ21" s="8"/>
      <c r="JUK21" s="8"/>
      <c r="JUL21" s="8"/>
      <c r="JUM21" s="8"/>
      <c r="JUN21" s="8"/>
      <c r="JUO21" s="8"/>
      <c r="JUP21" s="8"/>
      <c r="JUQ21" s="8"/>
      <c r="JUR21" s="8"/>
      <c r="JUS21" s="8"/>
      <c r="JUT21" s="8"/>
      <c r="JUU21" s="8"/>
      <c r="JUV21" s="8"/>
      <c r="JUW21" s="8"/>
      <c r="JUX21" s="8"/>
      <c r="JUY21" s="8"/>
      <c r="JUZ21" s="8"/>
      <c r="JVA21" s="8"/>
      <c r="JVB21" s="8"/>
      <c r="JVC21" s="8"/>
      <c r="JVD21" s="8"/>
      <c r="JVE21" s="8"/>
      <c r="JVF21" s="8"/>
      <c r="JVG21" s="8"/>
      <c r="JVH21" s="8"/>
      <c r="JVI21" s="8"/>
      <c r="JVJ21" s="8"/>
      <c r="JVK21" s="8"/>
      <c r="JVL21" s="8"/>
      <c r="JVM21" s="8"/>
      <c r="JVN21" s="8"/>
      <c r="JVO21" s="8"/>
      <c r="JVP21" s="8"/>
      <c r="JVQ21" s="8"/>
      <c r="JVR21" s="8"/>
      <c r="JVS21" s="8"/>
      <c r="JVT21" s="8"/>
      <c r="JVU21" s="8"/>
      <c r="JVV21" s="8"/>
      <c r="JVW21" s="8"/>
      <c r="JVX21" s="8"/>
      <c r="JVY21" s="8"/>
      <c r="JVZ21" s="8"/>
      <c r="JWA21" s="8"/>
      <c r="JWB21" s="8"/>
      <c r="JWC21" s="8"/>
      <c r="JWD21" s="8"/>
      <c r="JWE21" s="8"/>
      <c r="JWF21" s="8"/>
      <c r="JWG21" s="8"/>
      <c r="JWH21" s="8"/>
      <c r="JWI21" s="8"/>
      <c r="JWJ21" s="8"/>
      <c r="JWK21" s="8"/>
      <c r="JWL21" s="8"/>
      <c r="JWM21" s="8"/>
      <c r="JWN21" s="8"/>
      <c r="JWO21" s="8"/>
      <c r="JWP21" s="8"/>
      <c r="JWQ21" s="8"/>
      <c r="JWR21" s="8"/>
      <c r="JWS21" s="8"/>
      <c r="JWT21" s="8"/>
      <c r="JWU21" s="8"/>
      <c r="JWV21" s="8"/>
      <c r="JWW21" s="8"/>
      <c r="JWX21" s="8"/>
      <c r="JWY21" s="8"/>
      <c r="JWZ21" s="8"/>
      <c r="JXA21" s="8"/>
      <c r="JXB21" s="8"/>
      <c r="JXC21" s="8"/>
      <c r="JXD21" s="8"/>
      <c r="JXE21" s="8"/>
      <c r="JXF21" s="8"/>
      <c r="JXG21" s="8"/>
      <c r="JXH21" s="8"/>
      <c r="JXI21" s="8"/>
      <c r="JXJ21" s="8"/>
      <c r="JXK21" s="8"/>
      <c r="JXL21" s="8"/>
      <c r="JXM21" s="8"/>
      <c r="JXN21" s="8"/>
      <c r="JXO21" s="8"/>
      <c r="JXP21" s="8"/>
      <c r="JXQ21" s="8"/>
      <c r="JXR21" s="8"/>
      <c r="JXS21" s="8"/>
      <c r="JXT21" s="8"/>
      <c r="JXU21" s="8"/>
      <c r="JXV21" s="8"/>
      <c r="JXW21" s="8"/>
      <c r="JXX21" s="8"/>
      <c r="JXY21" s="8"/>
      <c r="JXZ21" s="8"/>
      <c r="JYA21" s="8"/>
      <c r="JYB21" s="8"/>
      <c r="JYC21" s="8"/>
      <c r="JYD21" s="8"/>
      <c r="JYE21" s="8"/>
      <c r="JYF21" s="8"/>
      <c r="JYG21" s="8"/>
      <c r="JYH21" s="8"/>
      <c r="JYI21" s="8"/>
      <c r="JYJ21" s="8"/>
      <c r="JYK21" s="8"/>
      <c r="JYL21" s="8"/>
      <c r="JYM21" s="8"/>
      <c r="JYN21" s="8"/>
      <c r="JYO21" s="8"/>
      <c r="JYP21" s="8"/>
      <c r="JYQ21" s="8"/>
      <c r="JYR21" s="8"/>
      <c r="JYS21" s="8"/>
      <c r="JYT21" s="8"/>
      <c r="JYU21" s="8"/>
      <c r="JYV21" s="8"/>
      <c r="JYW21" s="8"/>
      <c r="JYX21" s="8"/>
      <c r="JYY21" s="8"/>
      <c r="JYZ21" s="8"/>
      <c r="JZA21" s="8"/>
      <c r="JZB21" s="8"/>
      <c r="JZC21" s="8"/>
      <c r="JZD21" s="8"/>
      <c r="JZE21" s="8"/>
      <c r="JZF21" s="8"/>
      <c r="JZG21" s="8"/>
      <c r="JZH21" s="8"/>
      <c r="JZI21" s="8"/>
      <c r="JZJ21" s="8"/>
      <c r="JZK21" s="8"/>
      <c r="JZL21" s="8"/>
      <c r="JZM21" s="8"/>
      <c r="JZN21" s="8"/>
      <c r="JZO21" s="8"/>
      <c r="JZP21" s="8"/>
      <c r="JZQ21" s="8"/>
      <c r="JZR21" s="8"/>
      <c r="JZS21" s="8"/>
      <c r="JZT21" s="8"/>
      <c r="JZU21" s="8"/>
      <c r="JZV21" s="8"/>
      <c r="JZW21" s="8"/>
      <c r="JZX21" s="8"/>
      <c r="JZY21" s="8"/>
      <c r="JZZ21" s="8"/>
      <c r="KAA21" s="8"/>
      <c r="KAB21" s="8"/>
      <c r="KAC21" s="8"/>
      <c r="KAD21" s="8"/>
      <c r="KAE21" s="8"/>
      <c r="KAF21" s="8"/>
      <c r="KAG21" s="8"/>
      <c r="KAH21" s="8"/>
      <c r="KAI21" s="8"/>
      <c r="KAJ21" s="8"/>
      <c r="KAK21" s="8"/>
      <c r="KAL21" s="8"/>
      <c r="KAM21" s="8"/>
      <c r="KAN21" s="8"/>
      <c r="KAO21" s="8"/>
      <c r="KAP21" s="8"/>
      <c r="KAQ21" s="8"/>
      <c r="KAR21" s="8"/>
      <c r="KAS21" s="8"/>
      <c r="KAT21" s="8"/>
      <c r="KAU21" s="8"/>
      <c r="KAV21" s="8"/>
      <c r="KAW21" s="8"/>
      <c r="KAX21" s="8"/>
      <c r="KAY21" s="8"/>
      <c r="KAZ21" s="8"/>
      <c r="KBA21" s="8"/>
      <c r="KBB21" s="8"/>
      <c r="KBC21" s="8"/>
      <c r="KBD21" s="8"/>
      <c r="KBE21" s="8"/>
      <c r="KBF21" s="8"/>
      <c r="KBG21" s="8"/>
      <c r="KBH21" s="8"/>
      <c r="KBI21" s="8"/>
      <c r="KBJ21" s="8"/>
      <c r="KBK21" s="8"/>
      <c r="KBL21" s="8"/>
      <c r="KBM21" s="8"/>
      <c r="KBN21" s="8"/>
      <c r="KBO21" s="8"/>
      <c r="KBP21" s="8"/>
      <c r="KBQ21" s="8"/>
      <c r="KBR21" s="8"/>
      <c r="KBS21" s="8"/>
      <c r="KBT21" s="8"/>
      <c r="KBU21" s="8"/>
      <c r="KBV21" s="8"/>
      <c r="KBW21" s="8"/>
      <c r="KBX21" s="8"/>
      <c r="KBY21" s="8"/>
      <c r="KBZ21" s="8"/>
      <c r="KCA21" s="8"/>
      <c r="KCB21" s="8"/>
      <c r="KCC21" s="8"/>
      <c r="KCD21" s="8"/>
      <c r="KCE21" s="8"/>
      <c r="KCF21" s="8"/>
      <c r="KCG21" s="8"/>
      <c r="KCH21" s="8"/>
      <c r="KCI21" s="8"/>
      <c r="KCJ21" s="8"/>
      <c r="KCK21" s="8"/>
      <c r="KCL21" s="8"/>
      <c r="KCM21" s="8"/>
      <c r="KCN21" s="8"/>
      <c r="KCO21" s="8"/>
      <c r="KCP21" s="8"/>
      <c r="KCQ21" s="8"/>
      <c r="KCR21" s="8"/>
      <c r="KCS21" s="8"/>
      <c r="KCT21" s="8"/>
      <c r="KCU21" s="8"/>
      <c r="KCV21" s="8"/>
      <c r="KCW21" s="8"/>
      <c r="KCX21" s="8"/>
      <c r="KCY21" s="8"/>
      <c r="KCZ21" s="8"/>
      <c r="KDA21" s="8"/>
      <c r="KDB21" s="8"/>
      <c r="KDC21" s="8"/>
      <c r="KDD21" s="8"/>
      <c r="KDE21" s="8"/>
      <c r="KDF21" s="8"/>
      <c r="KDG21" s="8"/>
      <c r="KDH21" s="8"/>
      <c r="KDI21" s="8"/>
      <c r="KDJ21" s="8"/>
      <c r="KDK21" s="8"/>
      <c r="KDL21" s="8"/>
      <c r="KDM21" s="8"/>
      <c r="KDN21" s="8"/>
      <c r="KDO21" s="8"/>
      <c r="KDP21" s="8"/>
      <c r="KDQ21" s="8"/>
      <c r="KDR21" s="8"/>
      <c r="KDS21" s="8"/>
      <c r="KDT21" s="8"/>
      <c r="KDU21" s="8"/>
      <c r="KDV21" s="8"/>
      <c r="KDW21" s="8"/>
      <c r="KDX21" s="8"/>
      <c r="KDY21" s="8"/>
      <c r="KDZ21" s="8"/>
      <c r="KEA21" s="8"/>
      <c r="KEB21" s="8"/>
      <c r="KEC21" s="8"/>
      <c r="KED21" s="8"/>
      <c r="KEE21" s="8"/>
      <c r="KEF21" s="8"/>
      <c r="KEG21" s="8"/>
      <c r="KEH21" s="8"/>
      <c r="KEI21" s="8"/>
      <c r="KEJ21" s="8"/>
      <c r="KEK21" s="8"/>
      <c r="KEL21" s="8"/>
      <c r="KEM21" s="8"/>
      <c r="KEN21" s="8"/>
      <c r="KEO21" s="8"/>
      <c r="KEP21" s="8"/>
      <c r="KEQ21" s="8"/>
      <c r="KER21" s="8"/>
      <c r="KES21" s="8"/>
      <c r="KET21" s="8"/>
      <c r="KEU21" s="8"/>
      <c r="KEV21" s="8"/>
      <c r="KEW21" s="8"/>
      <c r="KEX21" s="8"/>
      <c r="KEY21" s="8"/>
      <c r="KEZ21" s="8"/>
      <c r="KFA21" s="8"/>
      <c r="KFB21" s="8"/>
      <c r="KFC21" s="8"/>
      <c r="KFD21" s="8"/>
      <c r="KFE21" s="8"/>
      <c r="KFF21" s="8"/>
      <c r="KFG21" s="8"/>
      <c r="KFH21" s="8"/>
      <c r="KFI21" s="8"/>
      <c r="KFJ21" s="8"/>
      <c r="KFK21" s="8"/>
      <c r="KFL21" s="8"/>
      <c r="KFM21" s="8"/>
      <c r="KFN21" s="8"/>
      <c r="KFO21" s="8"/>
      <c r="KFP21" s="8"/>
      <c r="KFQ21" s="8"/>
      <c r="KFR21" s="8"/>
      <c r="KFS21" s="8"/>
      <c r="KFT21" s="8"/>
      <c r="KFU21" s="8"/>
      <c r="KFV21" s="8"/>
      <c r="KFW21" s="8"/>
      <c r="KFX21" s="8"/>
      <c r="KFY21" s="8"/>
      <c r="KFZ21" s="8"/>
      <c r="KGA21" s="8"/>
      <c r="KGB21" s="8"/>
      <c r="KGC21" s="8"/>
      <c r="KGD21" s="8"/>
      <c r="KGE21" s="8"/>
      <c r="KGF21" s="8"/>
      <c r="KGG21" s="8"/>
      <c r="KGH21" s="8"/>
      <c r="KGI21" s="8"/>
      <c r="KGJ21" s="8"/>
      <c r="KGK21" s="8"/>
      <c r="KGL21" s="8"/>
      <c r="KGM21" s="8"/>
      <c r="KGN21" s="8"/>
      <c r="KGO21" s="8"/>
      <c r="KGP21" s="8"/>
      <c r="KGQ21" s="8"/>
      <c r="KGR21" s="8"/>
      <c r="KGS21" s="8"/>
      <c r="KGT21" s="8"/>
      <c r="KGU21" s="8"/>
      <c r="KGV21" s="8"/>
      <c r="KGW21" s="8"/>
      <c r="KGX21" s="8"/>
      <c r="KGY21" s="8"/>
      <c r="KGZ21" s="8"/>
      <c r="KHA21" s="8"/>
      <c r="KHB21" s="8"/>
      <c r="KHC21" s="8"/>
      <c r="KHD21" s="8"/>
      <c r="KHE21" s="8"/>
      <c r="KHF21" s="8"/>
      <c r="KHG21" s="8"/>
      <c r="KHH21" s="8"/>
      <c r="KHI21" s="8"/>
      <c r="KHJ21" s="8"/>
      <c r="KHK21" s="8"/>
      <c r="KHL21" s="8"/>
      <c r="KHM21" s="8"/>
      <c r="KHN21" s="8"/>
      <c r="KHO21" s="8"/>
      <c r="KHP21" s="8"/>
      <c r="KHQ21" s="8"/>
      <c r="KHR21" s="8"/>
      <c r="KHS21" s="8"/>
      <c r="KHT21" s="8"/>
      <c r="KHU21" s="8"/>
      <c r="KHV21" s="8"/>
      <c r="KHW21" s="8"/>
      <c r="KHX21" s="8"/>
      <c r="KHY21" s="8"/>
      <c r="KHZ21" s="8"/>
      <c r="KIA21" s="8"/>
      <c r="KIB21" s="8"/>
      <c r="KIC21" s="8"/>
      <c r="KID21" s="8"/>
      <c r="KIE21" s="8"/>
      <c r="KIF21" s="8"/>
      <c r="KIG21" s="8"/>
      <c r="KIH21" s="8"/>
      <c r="KII21" s="8"/>
      <c r="KIJ21" s="8"/>
      <c r="KIK21" s="8"/>
      <c r="KIL21" s="8"/>
      <c r="KIM21" s="8"/>
      <c r="KIN21" s="8"/>
      <c r="KIO21" s="8"/>
      <c r="KIP21" s="8"/>
      <c r="KIQ21" s="8"/>
      <c r="KIR21" s="8"/>
      <c r="KIS21" s="8"/>
      <c r="KIT21" s="8"/>
      <c r="KIU21" s="8"/>
      <c r="KIV21" s="8"/>
      <c r="KIW21" s="8"/>
      <c r="KIX21" s="8"/>
      <c r="KIY21" s="8"/>
      <c r="KIZ21" s="8"/>
      <c r="KJA21" s="8"/>
      <c r="KJB21" s="8"/>
      <c r="KJC21" s="8"/>
      <c r="KJD21" s="8"/>
      <c r="KJE21" s="8"/>
      <c r="KJF21" s="8"/>
      <c r="KJG21" s="8"/>
      <c r="KJH21" s="8"/>
      <c r="KJI21" s="8"/>
      <c r="KJJ21" s="8"/>
      <c r="KJK21" s="8"/>
      <c r="KJL21" s="8"/>
      <c r="KJM21" s="8"/>
      <c r="KJN21" s="8"/>
      <c r="KJO21" s="8"/>
      <c r="KJP21" s="8"/>
      <c r="KJQ21" s="8"/>
      <c r="KJR21" s="8"/>
      <c r="KJS21" s="8"/>
      <c r="KJT21" s="8"/>
      <c r="KJU21" s="8"/>
      <c r="KJV21" s="8"/>
      <c r="KJW21" s="8"/>
      <c r="KJX21" s="8"/>
      <c r="KJY21" s="8"/>
      <c r="KJZ21" s="8"/>
      <c r="KKA21" s="8"/>
      <c r="KKB21" s="8"/>
      <c r="KKC21" s="8"/>
      <c r="KKD21" s="8"/>
      <c r="KKE21" s="8"/>
      <c r="KKF21" s="8"/>
      <c r="KKG21" s="8"/>
      <c r="KKH21" s="8"/>
      <c r="KKI21" s="8"/>
      <c r="KKJ21" s="8"/>
      <c r="KKK21" s="8"/>
      <c r="KKL21" s="8"/>
      <c r="KKM21" s="8"/>
      <c r="KKN21" s="8"/>
      <c r="KKO21" s="8"/>
      <c r="KKP21" s="8"/>
      <c r="KKQ21" s="8"/>
      <c r="KKR21" s="8"/>
      <c r="KKS21" s="8"/>
      <c r="KKT21" s="8"/>
      <c r="KKU21" s="8"/>
      <c r="KKV21" s="8"/>
      <c r="KKW21" s="8"/>
      <c r="KKX21" s="8"/>
      <c r="KKY21" s="8"/>
      <c r="KKZ21" s="8"/>
      <c r="KLA21" s="8"/>
      <c r="KLB21" s="8"/>
      <c r="KLC21" s="8"/>
      <c r="KLD21" s="8"/>
      <c r="KLE21" s="8"/>
      <c r="KLF21" s="8"/>
      <c r="KLG21" s="8"/>
      <c r="KLH21" s="8"/>
      <c r="KLI21" s="8"/>
      <c r="KLJ21" s="8"/>
      <c r="KLK21" s="8"/>
      <c r="KLL21" s="8"/>
      <c r="KLM21" s="8"/>
      <c r="KLN21" s="8"/>
      <c r="KLO21" s="8"/>
      <c r="KLP21" s="8"/>
      <c r="KLQ21" s="8"/>
      <c r="KLR21" s="8"/>
      <c r="KLS21" s="8"/>
      <c r="KLT21" s="8"/>
      <c r="KLU21" s="8"/>
      <c r="KLV21" s="8"/>
      <c r="KLW21" s="8"/>
      <c r="KLX21" s="8"/>
      <c r="KLY21" s="8"/>
      <c r="KLZ21" s="8"/>
      <c r="KMA21" s="8"/>
      <c r="KMB21" s="8"/>
      <c r="KMC21" s="8"/>
      <c r="KMD21" s="8"/>
      <c r="KME21" s="8"/>
      <c r="KMF21" s="8"/>
      <c r="KMG21" s="8"/>
      <c r="KMH21" s="8"/>
      <c r="KMI21" s="8"/>
      <c r="KMJ21" s="8"/>
      <c r="KMK21" s="8"/>
      <c r="KML21" s="8"/>
      <c r="KMM21" s="8"/>
      <c r="KMN21" s="8"/>
      <c r="KMO21" s="8"/>
      <c r="KMP21" s="8"/>
      <c r="KMQ21" s="8"/>
      <c r="KMR21" s="8"/>
      <c r="KMS21" s="8"/>
      <c r="KMT21" s="8"/>
      <c r="KMU21" s="8"/>
      <c r="KMV21" s="8"/>
      <c r="KMW21" s="8"/>
      <c r="KMX21" s="8"/>
      <c r="KMY21" s="8"/>
      <c r="KMZ21" s="8"/>
      <c r="KNA21" s="8"/>
      <c r="KNB21" s="8"/>
      <c r="KNC21" s="8"/>
      <c r="KND21" s="8"/>
      <c r="KNE21" s="8"/>
      <c r="KNF21" s="8"/>
      <c r="KNG21" s="8"/>
      <c r="KNH21" s="8"/>
      <c r="KNI21" s="8"/>
      <c r="KNJ21" s="8"/>
      <c r="KNK21" s="8"/>
      <c r="KNL21" s="8"/>
      <c r="KNM21" s="8"/>
      <c r="KNN21" s="8"/>
      <c r="KNO21" s="8"/>
      <c r="KNP21" s="8"/>
      <c r="KNQ21" s="8"/>
      <c r="KNR21" s="8"/>
      <c r="KNS21" s="8"/>
      <c r="KNT21" s="8"/>
      <c r="KNU21" s="8"/>
      <c r="KNV21" s="8"/>
      <c r="KNW21" s="8"/>
      <c r="KNX21" s="8"/>
      <c r="KNY21" s="8"/>
      <c r="KNZ21" s="8"/>
      <c r="KOA21" s="8"/>
      <c r="KOB21" s="8"/>
      <c r="KOC21" s="8"/>
      <c r="KOD21" s="8"/>
      <c r="KOE21" s="8"/>
      <c r="KOF21" s="8"/>
      <c r="KOG21" s="8"/>
      <c r="KOH21" s="8"/>
      <c r="KOI21" s="8"/>
      <c r="KOJ21" s="8"/>
      <c r="KOK21" s="8"/>
      <c r="KOL21" s="8"/>
      <c r="KOM21" s="8"/>
      <c r="KON21" s="8"/>
      <c r="KOO21" s="8"/>
      <c r="KOP21" s="8"/>
      <c r="KOQ21" s="8"/>
      <c r="KOR21" s="8"/>
      <c r="KOS21" s="8"/>
      <c r="KOT21" s="8"/>
      <c r="KOU21" s="8"/>
      <c r="KOV21" s="8"/>
      <c r="KOW21" s="8"/>
      <c r="KOX21" s="8"/>
      <c r="KOY21" s="8"/>
      <c r="KOZ21" s="8"/>
      <c r="KPA21" s="8"/>
      <c r="KPB21" s="8"/>
      <c r="KPC21" s="8"/>
      <c r="KPD21" s="8"/>
      <c r="KPE21" s="8"/>
      <c r="KPF21" s="8"/>
      <c r="KPG21" s="8"/>
      <c r="KPH21" s="8"/>
      <c r="KPI21" s="8"/>
      <c r="KPJ21" s="8"/>
      <c r="KPK21" s="8"/>
      <c r="KPL21" s="8"/>
      <c r="KPM21" s="8"/>
      <c r="KPN21" s="8"/>
      <c r="KPO21" s="8"/>
      <c r="KPP21" s="8"/>
      <c r="KPQ21" s="8"/>
      <c r="KPR21" s="8"/>
      <c r="KPS21" s="8"/>
      <c r="KPT21" s="8"/>
      <c r="KPU21" s="8"/>
      <c r="KPV21" s="8"/>
      <c r="KPW21" s="8"/>
      <c r="KPX21" s="8"/>
      <c r="KPY21" s="8"/>
      <c r="KPZ21" s="8"/>
      <c r="KQA21" s="8"/>
      <c r="KQB21" s="8"/>
      <c r="KQC21" s="8"/>
      <c r="KQD21" s="8"/>
      <c r="KQE21" s="8"/>
      <c r="KQF21" s="8"/>
      <c r="KQG21" s="8"/>
      <c r="KQH21" s="8"/>
      <c r="KQI21" s="8"/>
      <c r="KQJ21" s="8"/>
      <c r="KQK21" s="8"/>
      <c r="KQL21" s="8"/>
      <c r="KQM21" s="8"/>
      <c r="KQN21" s="8"/>
      <c r="KQO21" s="8"/>
      <c r="KQP21" s="8"/>
      <c r="KQQ21" s="8"/>
      <c r="KQR21" s="8"/>
      <c r="KQS21" s="8"/>
      <c r="KQT21" s="8"/>
      <c r="KQU21" s="8"/>
      <c r="KQV21" s="8"/>
      <c r="KQW21" s="8"/>
      <c r="KQX21" s="8"/>
      <c r="KQY21" s="8"/>
      <c r="KQZ21" s="8"/>
      <c r="KRA21" s="8"/>
      <c r="KRB21" s="8"/>
      <c r="KRC21" s="8"/>
      <c r="KRD21" s="8"/>
      <c r="KRE21" s="8"/>
      <c r="KRF21" s="8"/>
      <c r="KRG21" s="8"/>
      <c r="KRH21" s="8"/>
      <c r="KRI21" s="8"/>
      <c r="KRJ21" s="8"/>
      <c r="KRK21" s="8"/>
      <c r="KRL21" s="8"/>
      <c r="KRM21" s="8"/>
      <c r="KRN21" s="8"/>
      <c r="KRO21" s="8"/>
      <c r="KRP21" s="8"/>
      <c r="KRQ21" s="8"/>
      <c r="KRR21" s="8"/>
      <c r="KRS21" s="8"/>
      <c r="KRT21" s="8"/>
      <c r="KRU21" s="8"/>
      <c r="KRV21" s="8"/>
      <c r="KRW21" s="8"/>
      <c r="KRX21" s="8"/>
      <c r="KRY21" s="8"/>
      <c r="KRZ21" s="8"/>
      <c r="KSA21" s="8"/>
      <c r="KSB21" s="8"/>
      <c r="KSC21" s="8"/>
      <c r="KSD21" s="8"/>
      <c r="KSE21" s="8"/>
      <c r="KSF21" s="8"/>
      <c r="KSG21" s="8"/>
      <c r="KSH21" s="8"/>
      <c r="KSI21" s="8"/>
      <c r="KSJ21" s="8"/>
      <c r="KSK21" s="8"/>
      <c r="KSL21" s="8"/>
      <c r="KSM21" s="8"/>
      <c r="KSN21" s="8"/>
      <c r="KSO21" s="8"/>
      <c r="KSP21" s="8"/>
      <c r="KSQ21" s="8"/>
      <c r="KSR21" s="8"/>
      <c r="KSS21" s="8"/>
      <c r="KST21" s="8"/>
      <c r="KSU21" s="8"/>
      <c r="KSV21" s="8"/>
      <c r="KSW21" s="8"/>
      <c r="KSX21" s="8"/>
      <c r="KSY21" s="8"/>
      <c r="KSZ21" s="8"/>
      <c r="KTA21" s="8"/>
      <c r="KTB21" s="8"/>
      <c r="KTC21" s="8"/>
      <c r="KTD21" s="8"/>
      <c r="KTE21" s="8"/>
      <c r="KTF21" s="8"/>
      <c r="KTG21" s="8"/>
      <c r="KTH21" s="8"/>
      <c r="KTI21" s="8"/>
      <c r="KTJ21" s="8"/>
      <c r="KTK21" s="8"/>
      <c r="KTL21" s="8"/>
      <c r="KTM21" s="8"/>
      <c r="KTN21" s="8"/>
      <c r="KTO21" s="8"/>
      <c r="KTP21" s="8"/>
      <c r="KTQ21" s="8"/>
      <c r="KTR21" s="8"/>
      <c r="KTS21" s="8"/>
      <c r="KTT21" s="8"/>
      <c r="KTU21" s="8"/>
      <c r="KTV21" s="8"/>
      <c r="KTW21" s="8"/>
      <c r="KTX21" s="8"/>
      <c r="KTY21" s="8"/>
      <c r="KTZ21" s="8"/>
      <c r="KUA21" s="8"/>
      <c r="KUB21" s="8"/>
      <c r="KUC21" s="8"/>
      <c r="KUD21" s="8"/>
      <c r="KUE21" s="8"/>
      <c r="KUF21" s="8"/>
      <c r="KUG21" s="8"/>
      <c r="KUH21" s="8"/>
      <c r="KUI21" s="8"/>
      <c r="KUJ21" s="8"/>
      <c r="KUK21" s="8"/>
      <c r="KUL21" s="8"/>
      <c r="KUM21" s="8"/>
      <c r="KUN21" s="8"/>
      <c r="KUO21" s="8"/>
      <c r="KUP21" s="8"/>
      <c r="KUQ21" s="8"/>
      <c r="KUR21" s="8"/>
      <c r="KUS21" s="8"/>
      <c r="KUT21" s="8"/>
      <c r="KUU21" s="8"/>
      <c r="KUV21" s="8"/>
      <c r="KUW21" s="8"/>
      <c r="KUX21" s="8"/>
      <c r="KUY21" s="8"/>
      <c r="KUZ21" s="8"/>
      <c r="KVA21" s="8"/>
      <c r="KVB21" s="8"/>
      <c r="KVC21" s="8"/>
      <c r="KVD21" s="8"/>
      <c r="KVE21" s="8"/>
      <c r="KVF21" s="8"/>
      <c r="KVG21" s="8"/>
      <c r="KVH21" s="8"/>
      <c r="KVI21" s="8"/>
      <c r="KVJ21" s="8"/>
      <c r="KVK21" s="8"/>
      <c r="KVL21" s="8"/>
      <c r="KVM21" s="8"/>
      <c r="KVN21" s="8"/>
      <c r="KVO21" s="8"/>
      <c r="KVP21" s="8"/>
      <c r="KVQ21" s="8"/>
      <c r="KVR21" s="8"/>
      <c r="KVS21" s="8"/>
      <c r="KVT21" s="8"/>
      <c r="KVU21" s="8"/>
      <c r="KVV21" s="8"/>
      <c r="KVW21" s="8"/>
      <c r="KVX21" s="8"/>
      <c r="KVY21" s="8"/>
      <c r="KVZ21" s="8"/>
      <c r="KWA21" s="8"/>
      <c r="KWB21" s="8"/>
      <c r="KWC21" s="8"/>
      <c r="KWD21" s="8"/>
      <c r="KWE21" s="8"/>
      <c r="KWF21" s="8"/>
      <c r="KWG21" s="8"/>
      <c r="KWH21" s="8"/>
      <c r="KWI21" s="8"/>
      <c r="KWJ21" s="8"/>
      <c r="KWK21" s="8"/>
      <c r="KWL21" s="8"/>
      <c r="KWM21" s="8"/>
      <c r="KWN21" s="8"/>
      <c r="KWO21" s="8"/>
      <c r="KWP21" s="8"/>
      <c r="KWQ21" s="8"/>
      <c r="KWR21" s="8"/>
      <c r="KWS21" s="8"/>
      <c r="KWT21" s="8"/>
      <c r="KWU21" s="8"/>
      <c r="KWV21" s="8"/>
      <c r="KWW21" s="8"/>
      <c r="KWX21" s="8"/>
      <c r="KWY21" s="8"/>
      <c r="KWZ21" s="8"/>
      <c r="KXA21" s="8"/>
      <c r="KXB21" s="8"/>
      <c r="KXC21" s="8"/>
      <c r="KXD21" s="8"/>
      <c r="KXE21" s="8"/>
      <c r="KXF21" s="8"/>
      <c r="KXG21" s="8"/>
      <c r="KXH21" s="8"/>
      <c r="KXI21" s="8"/>
      <c r="KXJ21" s="8"/>
      <c r="KXK21" s="8"/>
      <c r="KXL21" s="8"/>
      <c r="KXM21" s="8"/>
      <c r="KXN21" s="8"/>
      <c r="KXO21" s="8"/>
      <c r="KXP21" s="8"/>
      <c r="KXQ21" s="8"/>
      <c r="KXR21" s="8"/>
      <c r="KXS21" s="8"/>
      <c r="KXT21" s="8"/>
      <c r="KXU21" s="8"/>
      <c r="KXV21" s="8"/>
      <c r="KXW21" s="8"/>
      <c r="KXX21" s="8"/>
      <c r="KXY21" s="8"/>
      <c r="KXZ21" s="8"/>
      <c r="KYA21" s="8"/>
      <c r="KYB21" s="8"/>
      <c r="KYC21" s="8"/>
      <c r="KYD21" s="8"/>
      <c r="KYE21" s="8"/>
      <c r="KYF21" s="8"/>
      <c r="KYG21" s="8"/>
      <c r="KYH21" s="8"/>
      <c r="KYI21" s="8"/>
      <c r="KYJ21" s="8"/>
      <c r="KYK21" s="8"/>
      <c r="KYL21" s="8"/>
      <c r="KYM21" s="8"/>
      <c r="KYN21" s="8"/>
      <c r="KYO21" s="8"/>
      <c r="KYP21" s="8"/>
      <c r="KYQ21" s="8"/>
      <c r="KYR21" s="8"/>
      <c r="KYS21" s="8"/>
      <c r="KYT21" s="8"/>
      <c r="KYU21" s="8"/>
      <c r="KYV21" s="8"/>
      <c r="KYW21" s="8"/>
      <c r="KYX21" s="8"/>
      <c r="KYY21" s="8"/>
      <c r="KYZ21" s="8"/>
      <c r="KZA21" s="8"/>
      <c r="KZB21" s="8"/>
      <c r="KZC21" s="8"/>
      <c r="KZD21" s="8"/>
      <c r="KZE21" s="8"/>
      <c r="KZF21" s="8"/>
      <c r="KZG21" s="8"/>
      <c r="KZH21" s="8"/>
      <c r="KZI21" s="8"/>
      <c r="KZJ21" s="8"/>
      <c r="KZK21" s="8"/>
      <c r="KZL21" s="8"/>
      <c r="KZM21" s="8"/>
      <c r="KZN21" s="8"/>
      <c r="KZO21" s="8"/>
      <c r="KZP21" s="8"/>
      <c r="KZQ21" s="8"/>
      <c r="KZR21" s="8"/>
      <c r="KZS21" s="8"/>
      <c r="KZT21" s="8"/>
      <c r="KZU21" s="8"/>
      <c r="KZV21" s="8"/>
      <c r="KZW21" s="8"/>
      <c r="KZX21" s="8"/>
      <c r="KZY21" s="8"/>
      <c r="KZZ21" s="8"/>
      <c r="LAA21" s="8"/>
      <c r="LAB21" s="8"/>
      <c r="LAC21" s="8"/>
      <c r="LAD21" s="8"/>
      <c r="LAE21" s="8"/>
      <c r="LAF21" s="8"/>
      <c r="LAG21" s="8"/>
      <c r="LAH21" s="8"/>
      <c r="LAI21" s="8"/>
      <c r="LAJ21" s="8"/>
      <c r="LAK21" s="8"/>
      <c r="LAL21" s="8"/>
      <c r="LAM21" s="8"/>
      <c r="LAN21" s="8"/>
      <c r="LAO21" s="8"/>
      <c r="LAP21" s="8"/>
      <c r="LAQ21" s="8"/>
      <c r="LAR21" s="8"/>
      <c r="LAS21" s="8"/>
      <c r="LAT21" s="8"/>
      <c r="LAU21" s="8"/>
      <c r="LAV21" s="8"/>
      <c r="LAW21" s="8"/>
      <c r="LAX21" s="8"/>
      <c r="LAY21" s="8"/>
      <c r="LAZ21" s="8"/>
      <c r="LBA21" s="8"/>
      <c r="LBB21" s="8"/>
      <c r="LBC21" s="8"/>
      <c r="LBD21" s="8"/>
      <c r="LBE21" s="8"/>
      <c r="LBF21" s="8"/>
      <c r="LBG21" s="8"/>
      <c r="LBH21" s="8"/>
      <c r="LBI21" s="8"/>
      <c r="LBJ21" s="8"/>
      <c r="LBK21" s="8"/>
      <c r="LBL21" s="8"/>
      <c r="LBM21" s="8"/>
      <c r="LBN21" s="8"/>
      <c r="LBO21" s="8"/>
      <c r="LBP21" s="8"/>
      <c r="LBQ21" s="8"/>
      <c r="LBR21" s="8"/>
      <c r="LBS21" s="8"/>
      <c r="LBT21" s="8"/>
      <c r="LBU21" s="8"/>
      <c r="LBV21" s="8"/>
      <c r="LBW21" s="8"/>
      <c r="LBX21" s="8"/>
      <c r="LBY21" s="8"/>
      <c r="LBZ21" s="8"/>
      <c r="LCA21" s="8"/>
      <c r="LCB21" s="8"/>
      <c r="LCC21" s="8"/>
      <c r="LCD21" s="8"/>
      <c r="LCE21" s="8"/>
      <c r="LCF21" s="8"/>
      <c r="LCG21" s="8"/>
      <c r="LCH21" s="8"/>
      <c r="LCI21" s="8"/>
      <c r="LCJ21" s="8"/>
      <c r="LCK21" s="8"/>
      <c r="LCL21" s="8"/>
      <c r="LCM21" s="8"/>
      <c r="LCN21" s="8"/>
      <c r="LCO21" s="8"/>
      <c r="LCP21" s="8"/>
      <c r="LCQ21" s="8"/>
      <c r="LCR21" s="8"/>
      <c r="LCS21" s="8"/>
      <c r="LCT21" s="8"/>
      <c r="LCU21" s="8"/>
      <c r="LCV21" s="8"/>
      <c r="LCW21" s="8"/>
      <c r="LCX21" s="8"/>
      <c r="LCY21" s="8"/>
      <c r="LCZ21" s="8"/>
      <c r="LDA21" s="8"/>
      <c r="LDB21" s="8"/>
      <c r="LDC21" s="8"/>
      <c r="LDD21" s="8"/>
      <c r="LDE21" s="8"/>
      <c r="LDF21" s="8"/>
      <c r="LDG21" s="8"/>
      <c r="LDH21" s="8"/>
      <c r="LDI21" s="8"/>
      <c r="LDJ21" s="8"/>
      <c r="LDK21" s="8"/>
      <c r="LDL21" s="8"/>
      <c r="LDM21" s="8"/>
      <c r="LDN21" s="8"/>
      <c r="LDO21" s="8"/>
      <c r="LDP21" s="8"/>
      <c r="LDQ21" s="8"/>
      <c r="LDR21" s="8"/>
      <c r="LDS21" s="8"/>
      <c r="LDT21" s="8"/>
      <c r="LDU21" s="8"/>
      <c r="LDV21" s="8"/>
      <c r="LDW21" s="8"/>
      <c r="LDX21" s="8"/>
      <c r="LDY21" s="8"/>
      <c r="LDZ21" s="8"/>
      <c r="LEA21" s="8"/>
      <c r="LEB21" s="8"/>
      <c r="LEC21" s="8"/>
      <c r="LED21" s="8"/>
      <c r="LEE21" s="8"/>
      <c r="LEF21" s="8"/>
      <c r="LEG21" s="8"/>
      <c r="LEH21" s="8"/>
      <c r="LEI21" s="8"/>
      <c r="LEJ21" s="8"/>
      <c r="LEK21" s="8"/>
      <c r="LEL21" s="8"/>
      <c r="LEM21" s="8"/>
      <c r="LEN21" s="8"/>
      <c r="LEO21" s="8"/>
      <c r="LEP21" s="8"/>
      <c r="LEQ21" s="8"/>
      <c r="LER21" s="8"/>
      <c r="LES21" s="8"/>
      <c r="LET21" s="8"/>
      <c r="LEU21" s="8"/>
      <c r="LEV21" s="8"/>
      <c r="LEW21" s="8"/>
      <c r="LEX21" s="8"/>
      <c r="LEY21" s="8"/>
      <c r="LEZ21" s="8"/>
      <c r="LFA21" s="8"/>
      <c r="LFB21" s="8"/>
      <c r="LFC21" s="8"/>
      <c r="LFD21" s="8"/>
      <c r="LFE21" s="8"/>
      <c r="LFF21" s="8"/>
      <c r="LFG21" s="8"/>
      <c r="LFH21" s="8"/>
      <c r="LFI21" s="8"/>
      <c r="LFJ21" s="8"/>
      <c r="LFK21" s="8"/>
      <c r="LFL21" s="8"/>
      <c r="LFM21" s="8"/>
      <c r="LFN21" s="8"/>
      <c r="LFO21" s="8"/>
      <c r="LFP21" s="8"/>
      <c r="LFQ21" s="8"/>
      <c r="LFR21" s="8"/>
      <c r="LFS21" s="8"/>
      <c r="LFT21" s="8"/>
      <c r="LFU21" s="8"/>
      <c r="LFV21" s="8"/>
      <c r="LFW21" s="8"/>
      <c r="LFX21" s="8"/>
      <c r="LFY21" s="8"/>
      <c r="LFZ21" s="8"/>
      <c r="LGA21" s="8"/>
      <c r="LGB21" s="8"/>
      <c r="LGC21" s="8"/>
      <c r="LGD21" s="8"/>
      <c r="LGE21" s="8"/>
      <c r="LGF21" s="8"/>
      <c r="LGG21" s="8"/>
      <c r="LGH21" s="8"/>
      <c r="LGI21" s="8"/>
      <c r="LGJ21" s="8"/>
      <c r="LGK21" s="8"/>
      <c r="LGL21" s="8"/>
      <c r="LGM21" s="8"/>
      <c r="LGN21" s="8"/>
      <c r="LGO21" s="8"/>
      <c r="LGP21" s="8"/>
      <c r="LGQ21" s="8"/>
      <c r="LGR21" s="8"/>
      <c r="LGS21" s="8"/>
      <c r="LGT21" s="8"/>
      <c r="LGU21" s="8"/>
      <c r="LGV21" s="8"/>
      <c r="LGW21" s="8"/>
      <c r="LGX21" s="8"/>
      <c r="LGY21" s="8"/>
      <c r="LGZ21" s="8"/>
      <c r="LHA21" s="8"/>
      <c r="LHB21" s="8"/>
      <c r="LHC21" s="8"/>
      <c r="LHD21" s="8"/>
      <c r="LHE21" s="8"/>
      <c r="LHF21" s="8"/>
      <c r="LHG21" s="8"/>
      <c r="LHH21" s="8"/>
      <c r="LHI21" s="8"/>
      <c r="LHJ21" s="8"/>
      <c r="LHK21" s="8"/>
      <c r="LHL21" s="8"/>
      <c r="LHM21" s="8"/>
      <c r="LHN21" s="8"/>
      <c r="LHO21" s="8"/>
      <c r="LHP21" s="8"/>
      <c r="LHQ21" s="8"/>
      <c r="LHR21" s="8"/>
      <c r="LHS21" s="8"/>
      <c r="LHT21" s="8"/>
      <c r="LHU21" s="8"/>
      <c r="LHV21" s="8"/>
      <c r="LHW21" s="8"/>
      <c r="LHX21" s="8"/>
      <c r="LHY21" s="8"/>
      <c r="LHZ21" s="8"/>
      <c r="LIA21" s="8"/>
      <c r="LIB21" s="8"/>
      <c r="LIC21" s="8"/>
      <c r="LID21" s="8"/>
      <c r="LIE21" s="8"/>
      <c r="LIF21" s="8"/>
      <c r="LIG21" s="8"/>
      <c r="LIH21" s="8"/>
      <c r="LII21" s="8"/>
      <c r="LIJ21" s="8"/>
      <c r="LIK21" s="8"/>
      <c r="LIL21" s="8"/>
      <c r="LIM21" s="8"/>
      <c r="LIN21" s="8"/>
      <c r="LIO21" s="8"/>
      <c r="LIP21" s="8"/>
      <c r="LIQ21" s="8"/>
      <c r="LIR21" s="8"/>
      <c r="LIS21" s="8"/>
      <c r="LIT21" s="8"/>
      <c r="LIU21" s="8"/>
      <c r="LIV21" s="8"/>
      <c r="LIW21" s="8"/>
      <c r="LIX21" s="8"/>
      <c r="LIY21" s="8"/>
      <c r="LIZ21" s="8"/>
      <c r="LJA21" s="8"/>
      <c r="LJB21" s="8"/>
      <c r="LJC21" s="8"/>
      <c r="LJD21" s="8"/>
      <c r="LJE21" s="8"/>
      <c r="LJF21" s="8"/>
      <c r="LJG21" s="8"/>
      <c r="LJH21" s="8"/>
      <c r="LJI21" s="8"/>
      <c r="LJJ21" s="8"/>
      <c r="LJK21" s="8"/>
      <c r="LJL21" s="8"/>
      <c r="LJM21" s="8"/>
      <c r="LJN21" s="8"/>
      <c r="LJO21" s="8"/>
      <c r="LJP21" s="8"/>
      <c r="LJQ21" s="8"/>
      <c r="LJR21" s="8"/>
      <c r="LJS21" s="8"/>
      <c r="LJT21" s="8"/>
      <c r="LJU21" s="8"/>
      <c r="LJV21" s="8"/>
      <c r="LJW21" s="8"/>
      <c r="LJX21" s="8"/>
      <c r="LJY21" s="8"/>
      <c r="LJZ21" s="8"/>
      <c r="LKA21" s="8"/>
      <c r="LKB21" s="8"/>
      <c r="LKC21" s="8"/>
      <c r="LKD21" s="8"/>
      <c r="LKE21" s="8"/>
      <c r="LKF21" s="8"/>
      <c r="LKG21" s="8"/>
      <c r="LKH21" s="8"/>
      <c r="LKI21" s="8"/>
      <c r="LKJ21" s="8"/>
      <c r="LKK21" s="8"/>
      <c r="LKL21" s="8"/>
      <c r="LKM21" s="8"/>
      <c r="LKN21" s="8"/>
      <c r="LKO21" s="8"/>
      <c r="LKP21" s="8"/>
      <c r="LKQ21" s="8"/>
      <c r="LKR21" s="8"/>
      <c r="LKS21" s="8"/>
      <c r="LKT21" s="8"/>
      <c r="LKU21" s="8"/>
      <c r="LKV21" s="8"/>
      <c r="LKW21" s="8"/>
      <c r="LKX21" s="8"/>
      <c r="LKY21" s="8"/>
      <c r="LKZ21" s="8"/>
      <c r="LLA21" s="8"/>
      <c r="LLB21" s="8"/>
      <c r="LLC21" s="8"/>
      <c r="LLD21" s="8"/>
      <c r="LLE21" s="8"/>
      <c r="LLF21" s="8"/>
      <c r="LLG21" s="8"/>
      <c r="LLH21" s="8"/>
      <c r="LLI21" s="8"/>
      <c r="LLJ21" s="8"/>
      <c r="LLK21" s="8"/>
      <c r="LLL21" s="8"/>
      <c r="LLM21" s="8"/>
      <c r="LLN21" s="8"/>
      <c r="LLO21" s="8"/>
      <c r="LLP21" s="8"/>
      <c r="LLQ21" s="8"/>
      <c r="LLR21" s="8"/>
      <c r="LLS21" s="8"/>
      <c r="LLT21" s="8"/>
      <c r="LLU21" s="8"/>
      <c r="LLV21" s="8"/>
      <c r="LLW21" s="8"/>
      <c r="LLX21" s="8"/>
      <c r="LLY21" s="8"/>
      <c r="LLZ21" s="8"/>
      <c r="LMA21" s="8"/>
      <c r="LMB21" s="8"/>
      <c r="LMC21" s="8"/>
      <c r="LMD21" s="8"/>
      <c r="LME21" s="8"/>
      <c r="LMF21" s="8"/>
      <c r="LMG21" s="8"/>
      <c r="LMH21" s="8"/>
      <c r="LMI21" s="8"/>
      <c r="LMJ21" s="8"/>
      <c r="LMK21" s="8"/>
      <c r="LML21" s="8"/>
      <c r="LMM21" s="8"/>
      <c r="LMN21" s="8"/>
      <c r="LMO21" s="8"/>
      <c r="LMP21" s="8"/>
      <c r="LMQ21" s="8"/>
      <c r="LMR21" s="8"/>
      <c r="LMS21" s="8"/>
      <c r="LMT21" s="8"/>
      <c r="LMU21" s="8"/>
      <c r="LMV21" s="8"/>
      <c r="LMW21" s="8"/>
      <c r="LMX21" s="8"/>
      <c r="LMY21" s="8"/>
      <c r="LMZ21" s="8"/>
      <c r="LNA21" s="8"/>
      <c r="LNB21" s="8"/>
      <c r="LNC21" s="8"/>
      <c r="LND21" s="8"/>
      <c r="LNE21" s="8"/>
      <c r="LNF21" s="8"/>
      <c r="LNG21" s="8"/>
      <c r="LNH21" s="8"/>
      <c r="LNI21" s="8"/>
      <c r="LNJ21" s="8"/>
      <c r="LNK21" s="8"/>
      <c r="LNL21" s="8"/>
      <c r="LNM21" s="8"/>
      <c r="LNN21" s="8"/>
      <c r="LNO21" s="8"/>
      <c r="LNP21" s="8"/>
      <c r="LNQ21" s="8"/>
      <c r="LNR21" s="8"/>
      <c r="LNS21" s="8"/>
      <c r="LNT21" s="8"/>
      <c r="LNU21" s="8"/>
      <c r="LNV21" s="8"/>
      <c r="LNW21" s="8"/>
      <c r="LNX21" s="8"/>
      <c r="LNY21" s="8"/>
      <c r="LNZ21" s="8"/>
      <c r="LOA21" s="8"/>
      <c r="LOB21" s="8"/>
      <c r="LOC21" s="8"/>
      <c r="LOD21" s="8"/>
      <c r="LOE21" s="8"/>
      <c r="LOF21" s="8"/>
      <c r="LOG21" s="8"/>
      <c r="LOH21" s="8"/>
      <c r="LOI21" s="8"/>
      <c r="LOJ21" s="8"/>
      <c r="LOK21" s="8"/>
      <c r="LOL21" s="8"/>
      <c r="LOM21" s="8"/>
      <c r="LON21" s="8"/>
      <c r="LOO21" s="8"/>
      <c r="LOP21" s="8"/>
      <c r="LOQ21" s="8"/>
      <c r="LOR21" s="8"/>
      <c r="LOS21" s="8"/>
      <c r="LOT21" s="8"/>
      <c r="LOU21" s="8"/>
      <c r="LOV21" s="8"/>
      <c r="LOW21" s="8"/>
      <c r="LOX21" s="8"/>
      <c r="LOY21" s="8"/>
      <c r="LOZ21" s="8"/>
      <c r="LPA21" s="8"/>
      <c r="LPB21" s="8"/>
      <c r="LPC21" s="8"/>
      <c r="LPD21" s="8"/>
      <c r="LPE21" s="8"/>
      <c r="LPF21" s="8"/>
      <c r="LPG21" s="8"/>
      <c r="LPH21" s="8"/>
      <c r="LPI21" s="8"/>
      <c r="LPJ21" s="8"/>
      <c r="LPK21" s="8"/>
      <c r="LPL21" s="8"/>
      <c r="LPM21" s="8"/>
      <c r="LPN21" s="8"/>
      <c r="LPO21" s="8"/>
      <c r="LPP21" s="8"/>
      <c r="LPQ21" s="8"/>
      <c r="LPR21" s="8"/>
      <c r="LPS21" s="8"/>
      <c r="LPT21" s="8"/>
      <c r="LPU21" s="8"/>
      <c r="LPV21" s="8"/>
      <c r="LPW21" s="8"/>
      <c r="LPX21" s="8"/>
      <c r="LPY21" s="8"/>
      <c r="LPZ21" s="8"/>
      <c r="LQA21" s="8"/>
      <c r="LQB21" s="8"/>
      <c r="LQC21" s="8"/>
      <c r="LQD21" s="8"/>
      <c r="LQE21" s="8"/>
      <c r="LQF21" s="8"/>
      <c r="LQG21" s="8"/>
      <c r="LQH21" s="8"/>
      <c r="LQI21" s="8"/>
      <c r="LQJ21" s="8"/>
      <c r="LQK21" s="8"/>
      <c r="LQL21" s="8"/>
      <c r="LQM21" s="8"/>
      <c r="LQN21" s="8"/>
      <c r="LQO21" s="8"/>
      <c r="LQP21" s="8"/>
      <c r="LQQ21" s="8"/>
      <c r="LQR21" s="8"/>
      <c r="LQS21" s="8"/>
      <c r="LQT21" s="8"/>
      <c r="LQU21" s="8"/>
      <c r="LQV21" s="8"/>
      <c r="LQW21" s="8"/>
      <c r="LQX21" s="8"/>
      <c r="LQY21" s="8"/>
      <c r="LQZ21" s="8"/>
      <c r="LRA21" s="8"/>
      <c r="LRB21" s="8"/>
      <c r="LRC21" s="8"/>
      <c r="LRD21" s="8"/>
      <c r="LRE21" s="8"/>
      <c r="LRF21" s="8"/>
      <c r="LRG21" s="8"/>
      <c r="LRH21" s="8"/>
      <c r="LRI21" s="8"/>
      <c r="LRJ21" s="8"/>
      <c r="LRK21" s="8"/>
      <c r="LRL21" s="8"/>
      <c r="LRM21" s="8"/>
      <c r="LRN21" s="8"/>
      <c r="LRO21" s="8"/>
      <c r="LRP21" s="8"/>
      <c r="LRQ21" s="8"/>
      <c r="LRR21" s="8"/>
      <c r="LRS21" s="8"/>
      <c r="LRT21" s="8"/>
      <c r="LRU21" s="8"/>
      <c r="LRV21" s="8"/>
      <c r="LRW21" s="8"/>
      <c r="LRX21" s="8"/>
      <c r="LRY21" s="8"/>
      <c r="LRZ21" s="8"/>
      <c r="LSA21" s="8"/>
      <c r="LSB21" s="8"/>
      <c r="LSC21" s="8"/>
      <c r="LSD21" s="8"/>
      <c r="LSE21" s="8"/>
      <c r="LSF21" s="8"/>
      <c r="LSG21" s="8"/>
      <c r="LSH21" s="8"/>
      <c r="LSI21" s="8"/>
      <c r="LSJ21" s="8"/>
      <c r="LSK21" s="8"/>
      <c r="LSL21" s="8"/>
      <c r="LSM21" s="8"/>
      <c r="LSN21" s="8"/>
      <c r="LSO21" s="8"/>
      <c r="LSP21" s="8"/>
      <c r="LSQ21" s="8"/>
      <c r="LSR21" s="8"/>
      <c r="LSS21" s="8"/>
      <c r="LST21" s="8"/>
      <c r="LSU21" s="8"/>
      <c r="LSV21" s="8"/>
      <c r="LSW21" s="8"/>
      <c r="LSX21" s="8"/>
      <c r="LSY21" s="8"/>
      <c r="LSZ21" s="8"/>
      <c r="LTA21" s="8"/>
      <c r="LTB21" s="8"/>
      <c r="LTC21" s="8"/>
      <c r="LTD21" s="8"/>
      <c r="LTE21" s="8"/>
      <c r="LTF21" s="8"/>
      <c r="LTG21" s="8"/>
      <c r="LTH21" s="8"/>
      <c r="LTI21" s="8"/>
      <c r="LTJ21" s="8"/>
      <c r="LTK21" s="8"/>
      <c r="LTL21" s="8"/>
      <c r="LTM21" s="8"/>
      <c r="LTN21" s="8"/>
      <c r="LTO21" s="8"/>
      <c r="LTP21" s="8"/>
      <c r="LTQ21" s="8"/>
      <c r="LTR21" s="8"/>
      <c r="LTS21" s="8"/>
      <c r="LTT21" s="8"/>
      <c r="LTU21" s="8"/>
      <c r="LTV21" s="8"/>
      <c r="LTW21" s="8"/>
      <c r="LTX21" s="8"/>
      <c r="LTY21" s="8"/>
      <c r="LTZ21" s="8"/>
      <c r="LUA21" s="8"/>
      <c r="LUB21" s="8"/>
      <c r="LUC21" s="8"/>
      <c r="LUD21" s="8"/>
      <c r="LUE21" s="8"/>
      <c r="LUF21" s="8"/>
      <c r="LUG21" s="8"/>
      <c r="LUH21" s="8"/>
      <c r="LUI21" s="8"/>
      <c r="LUJ21" s="8"/>
      <c r="LUK21" s="8"/>
      <c r="LUL21" s="8"/>
      <c r="LUM21" s="8"/>
      <c r="LUN21" s="8"/>
      <c r="LUO21" s="8"/>
      <c r="LUP21" s="8"/>
      <c r="LUQ21" s="8"/>
      <c r="LUR21" s="8"/>
      <c r="LUS21" s="8"/>
      <c r="LUT21" s="8"/>
      <c r="LUU21" s="8"/>
      <c r="LUV21" s="8"/>
      <c r="LUW21" s="8"/>
      <c r="LUX21" s="8"/>
      <c r="LUY21" s="8"/>
      <c r="LUZ21" s="8"/>
      <c r="LVA21" s="8"/>
      <c r="LVB21" s="8"/>
      <c r="LVC21" s="8"/>
      <c r="LVD21" s="8"/>
      <c r="LVE21" s="8"/>
      <c r="LVF21" s="8"/>
      <c r="LVG21" s="8"/>
      <c r="LVH21" s="8"/>
      <c r="LVI21" s="8"/>
      <c r="LVJ21" s="8"/>
      <c r="LVK21" s="8"/>
      <c r="LVL21" s="8"/>
      <c r="LVM21" s="8"/>
      <c r="LVN21" s="8"/>
      <c r="LVO21" s="8"/>
      <c r="LVP21" s="8"/>
      <c r="LVQ21" s="8"/>
      <c r="LVR21" s="8"/>
      <c r="LVS21" s="8"/>
      <c r="LVT21" s="8"/>
      <c r="LVU21" s="8"/>
      <c r="LVV21" s="8"/>
      <c r="LVW21" s="8"/>
      <c r="LVX21" s="8"/>
      <c r="LVY21" s="8"/>
      <c r="LVZ21" s="8"/>
      <c r="LWA21" s="8"/>
      <c r="LWB21" s="8"/>
      <c r="LWC21" s="8"/>
      <c r="LWD21" s="8"/>
      <c r="LWE21" s="8"/>
      <c r="LWF21" s="8"/>
      <c r="LWG21" s="8"/>
      <c r="LWH21" s="8"/>
      <c r="LWI21" s="8"/>
      <c r="LWJ21" s="8"/>
      <c r="LWK21" s="8"/>
      <c r="LWL21" s="8"/>
      <c r="LWM21" s="8"/>
      <c r="LWN21" s="8"/>
      <c r="LWO21" s="8"/>
      <c r="LWP21" s="8"/>
      <c r="LWQ21" s="8"/>
      <c r="LWR21" s="8"/>
      <c r="LWS21" s="8"/>
      <c r="LWT21" s="8"/>
      <c r="LWU21" s="8"/>
      <c r="LWV21" s="8"/>
      <c r="LWW21" s="8"/>
      <c r="LWX21" s="8"/>
      <c r="LWY21" s="8"/>
      <c r="LWZ21" s="8"/>
      <c r="LXA21" s="8"/>
      <c r="LXB21" s="8"/>
      <c r="LXC21" s="8"/>
      <c r="LXD21" s="8"/>
      <c r="LXE21" s="8"/>
      <c r="LXF21" s="8"/>
      <c r="LXG21" s="8"/>
      <c r="LXH21" s="8"/>
      <c r="LXI21" s="8"/>
      <c r="LXJ21" s="8"/>
      <c r="LXK21" s="8"/>
      <c r="LXL21" s="8"/>
      <c r="LXM21" s="8"/>
      <c r="LXN21" s="8"/>
      <c r="LXO21" s="8"/>
      <c r="LXP21" s="8"/>
      <c r="LXQ21" s="8"/>
      <c r="LXR21" s="8"/>
      <c r="LXS21" s="8"/>
      <c r="LXT21" s="8"/>
      <c r="LXU21" s="8"/>
      <c r="LXV21" s="8"/>
      <c r="LXW21" s="8"/>
      <c r="LXX21" s="8"/>
      <c r="LXY21" s="8"/>
      <c r="LXZ21" s="8"/>
      <c r="LYA21" s="8"/>
      <c r="LYB21" s="8"/>
      <c r="LYC21" s="8"/>
      <c r="LYD21" s="8"/>
      <c r="LYE21" s="8"/>
      <c r="LYF21" s="8"/>
      <c r="LYG21" s="8"/>
      <c r="LYH21" s="8"/>
      <c r="LYI21" s="8"/>
      <c r="LYJ21" s="8"/>
      <c r="LYK21" s="8"/>
      <c r="LYL21" s="8"/>
      <c r="LYM21" s="8"/>
      <c r="LYN21" s="8"/>
      <c r="LYO21" s="8"/>
      <c r="LYP21" s="8"/>
      <c r="LYQ21" s="8"/>
      <c r="LYR21" s="8"/>
      <c r="LYS21" s="8"/>
      <c r="LYT21" s="8"/>
      <c r="LYU21" s="8"/>
      <c r="LYV21" s="8"/>
      <c r="LYW21" s="8"/>
      <c r="LYX21" s="8"/>
      <c r="LYY21" s="8"/>
      <c r="LYZ21" s="8"/>
      <c r="LZA21" s="8"/>
      <c r="LZB21" s="8"/>
      <c r="LZC21" s="8"/>
      <c r="LZD21" s="8"/>
      <c r="LZE21" s="8"/>
      <c r="LZF21" s="8"/>
      <c r="LZG21" s="8"/>
      <c r="LZH21" s="8"/>
      <c r="LZI21" s="8"/>
      <c r="LZJ21" s="8"/>
      <c r="LZK21" s="8"/>
      <c r="LZL21" s="8"/>
      <c r="LZM21" s="8"/>
      <c r="LZN21" s="8"/>
      <c r="LZO21" s="8"/>
      <c r="LZP21" s="8"/>
      <c r="LZQ21" s="8"/>
      <c r="LZR21" s="8"/>
      <c r="LZS21" s="8"/>
      <c r="LZT21" s="8"/>
      <c r="LZU21" s="8"/>
      <c r="LZV21" s="8"/>
      <c r="LZW21" s="8"/>
      <c r="LZX21" s="8"/>
      <c r="LZY21" s="8"/>
      <c r="LZZ21" s="8"/>
      <c r="MAA21" s="8"/>
      <c r="MAB21" s="8"/>
      <c r="MAC21" s="8"/>
      <c r="MAD21" s="8"/>
      <c r="MAE21" s="8"/>
      <c r="MAF21" s="8"/>
      <c r="MAG21" s="8"/>
      <c r="MAH21" s="8"/>
      <c r="MAI21" s="8"/>
      <c r="MAJ21" s="8"/>
      <c r="MAK21" s="8"/>
      <c r="MAL21" s="8"/>
      <c r="MAM21" s="8"/>
      <c r="MAN21" s="8"/>
      <c r="MAO21" s="8"/>
      <c r="MAP21" s="8"/>
      <c r="MAQ21" s="8"/>
      <c r="MAR21" s="8"/>
      <c r="MAS21" s="8"/>
      <c r="MAT21" s="8"/>
      <c r="MAU21" s="8"/>
      <c r="MAV21" s="8"/>
      <c r="MAW21" s="8"/>
      <c r="MAX21" s="8"/>
      <c r="MAY21" s="8"/>
      <c r="MAZ21" s="8"/>
      <c r="MBA21" s="8"/>
      <c r="MBB21" s="8"/>
      <c r="MBC21" s="8"/>
      <c r="MBD21" s="8"/>
      <c r="MBE21" s="8"/>
      <c r="MBF21" s="8"/>
      <c r="MBG21" s="8"/>
      <c r="MBH21" s="8"/>
      <c r="MBI21" s="8"/>
      <c r="MBJ21" s="8"/>
      <c r="MBK21" s="8"/>
      <c r="MBL21" s="8"/>
      <c r="MBM21" s="8"/>
      <c r="MBN21" s="8"/>
      <c r="MBO21" s="8"/>
      <c r="MBP21" s="8"/>
      <c r="MBQ21" s="8"/>
      <c r="MBR21" s="8"/>
      <c r="MBS21" s="8"/>
      <c r="MBT21" s="8"/>
      <c r="MBU21" s="8"/>
      <c r="MBV21" s="8"/>
      <c r="MBW21" s="8"/>
      <c r="MBX21" s="8"/>
      <c r="MBY21" s="8"/>
      <c r="MBZ21" s="8"/>
      <c r="MCA21" s="8"/>
      <c r="MCB21" s="8"/>
      <c r="MCC21" s="8"/>
      <c r="MCD21" s="8"/>
      <c r="MCE21" s="8"/>
      <c r="MCF21" s="8"/>
      <c r="MCG21" s="8"/>
      <c r="MCH21" s="8"/>
      <c r="MCI21" s="8"/>
      <c r="MCJ21" s="8"/>
      <c r="MCK21" s="8"/>
      <c r="MCL21" s="8"/>
      <c r="MCM21" s="8"/>
      <c r="MCN21" s="8"/>
      <c r="MCO21" s="8"/>
      <c r="MCP21" s="8"/>
      <c r="MCQ21" s="8"/>
      <c r="MCR21" s="8"/>
      <c r="MCS21" s="8"/>
      <c r="MCT21" s="8"/>
      <c r="MCU21" s="8"/>
      <c r="MCV21" s="8"/>
      <c r="MCW21" s="8"/>
      <c r="MCX21" s="8"/>
      <c r="MCY21" s="8"/>
      <c r="MCZ21" s="8"/>
      <c r="MDA21" s="8"/>
      <c r="MDB21" s="8"/>
      <c r="MDC21" s="8"/>
      <c r="MDD21" s="8"/>
      <c r="MDE21" s="8"/>
      <c r="MDF21" s="8"/>
      <c r="MDG21" s="8"/>
      <c r="MDH21" s="8"/>
      <c r="MDI21" s="8"/>
      <c r="MDJ21" s="8"/>
      <c r="MDK21" s="8"/>
      <c r="MDL21" s="8"/>
      <c r="MDM21" s="8"/>
      <c r="MDN21" s="8"/>
      <c r="MDO21" s="8"/>
      <c r="MDP21" s="8"/>
      <c r="MDQ21" s="8"/>
      <c r="MDR21" s="8"/>
      <c r="MDS21" s="8"/>
      <c r="MDT21" s="8"/>
      <c r="MDU21" s="8"/>
      <c r="MDV21" s="8"/>
      <c r="MDW21" s="8"/>
      <c r="MDX21" s="8"/>
      <c r="MDY21" s="8"/>
      <c r="MDZ21" s="8"/>
      <c r="MEA21" s="8"/>
      <c r="MEB21" s="8"/>
      <c r="MEC21" s="8"/>
      <c r="MED21" s="8"/>
      <c r="MEE21" s="8"/>
      <c r="MEF21" s="8"/>
      <c r="MEG21" s="8"/>
      <c r="MEH21" s="8"/>
      <c r="MEI21" s="8"/>
      <c r="MEJ21" s="8"/>
      <c r="MEK21" s="8"/>
      <c r="MEL21" s="8"/>
      <c r="MEM21" s="8"/>
      <c r="MEN21" s="8"/>
      <c r="MEO21" s="8"/>
      <c r="MEP21" s="8"/>
      <c r="MEQ21" s="8"/>
      <c r="MER21" s="8"/>
      <c r="MES21" s="8"/>
      <c r="MET21" s="8"/>
      <c r="MEU21" s="8"/>
      <c r="MEV21" s="8"/>
      <c r="MEW21" s="8"/>
      <c r="MEX21" s="8"/>
      <c r="MEY21" s="8"/>
      <c r="MEZ21" s="8"/>
      <c r="MFA21" s="8"/>
      <c r="MFB21" s="8"/>
      <c r="MFC21" s="8"/>
      <c r="MFD21" s="8"/>
      <c r="MFE21" s="8"/>
      <c r="MFF21" s="8"/>
      <c r="MFG21" s="8"/>
      <c r="MFH21" s="8"/>
      <c r="MFI21" s="8"/>
      <c r="MFJ21" s="8"/>
      <c r="MFK21" s="8"/>
      <c r="MFL21" s="8"/>
      <c r="MFM21" s="8"/>
      <c r="MFN21" s="8"/>
      <c r="MFO21" s="8"/>
      <c r="MFP21" s="8"/>
      <c r="MFQ21" s="8"/>
      <c r="MFR21" s="8"/>
      <c r="MFS21" s="8"/>
      <c r="MFT21" s="8"/>
      <c r="MFU21" s="8"/>
      <c r="MFV21" s="8"/>
      <c r="MFW21" s="8"/>
      <c r="MFX21" s="8"/>
      <c r="MFY21" s="8"/>
      <c r="MFZ21" s="8"/>
      <c r="MGA21" s="8"/>
      <c r="MGB21" s="8"/>
      <c r="MGC21" s="8"/>
      <c r="MGD21" s="8"/>
      <c r="MGE21" s="8"/>
      <c r="MGF21" s="8"/>
      <c r="MGG21" s="8"/>
      <c r="MGH21" s="8"/>
      <c r="MGI21" s="8"/>
      <c r="MGJ21" s="8"/>
      <c r="MGK21" s="8"/>
      <c r="MGL21" s="8"/>
      <c r="MGM21" s="8"/>
      <c r="MGN21" s="8"/>
      <c r="MGO21" s="8"/>
      <c r="MGP21" s="8"/>
      <c r="MGQ21" s="8"/>
      <c r="MGR21" s="8"/>
      <c r="MGS21" s="8"/>
      <c r="MGT21" s="8"/>
      <c r="MGU21" s="8"/>
      <c r="MGV21" s="8"/>
      <c r="MGW21" s="8"/>
      <c r="MGX21" s="8"/>
      <c r="MGY21" s="8"/>
      <c r="MGZ21" s="8"/>
      <c r="MHA21" s="8"/>
      <c r="MHB21" s="8"/>
      <c r="MHC21" s="8"/>
      <c r="MHD21" s="8"/>
      <c r="MHE21" s="8"/>
      <c r="MHF21" s="8"/>
      <c r="MHG21" s="8"/>
      <c r="MHH21" s="8"/>
      <c r="MHI21" s="8"/>
      <c r="MHJ21" s="8"/>
      <c r="MHK21" s="8"/>
      <c r="MHL21" s="8"/>
      <c r="MHM21" s="8"/>
      <c r="MHN21" s="8"/>
      <c r="MHO21" s="8"/>
      <c r="MHP21" s="8"/>
      <c r="MHQ21" s="8"/>
      <c r="MHR21" s="8"/>
      <c r="MHS21" s="8"/>
      <c r="MHT21" s="8"/>
      <c r="MHU21" s="8"/>
      <c r="MHV21" s="8"/>
      <c r="MHW21" s="8"/>
      <c r="MHX21" s="8"/>
      <c r="MHY21" s="8"/>
      <c r="MHZ21" s="8"/>
      <c r="MIA21" s="8"/>
      <c r="MIB21" s="8"/>
      <c r="MIC21" s="8"/>
      <c r="MID21" s="8"/>
      <c r="MIE21" s="8"/>
      <c r="MIF21" s="8"/>
      <c r="MIG21" s="8"/>
      <c r="MIH21" s="8"/>
      <c r="MII21" s="8"/>
      <c r="MIJ21" s="8"/>
      <c r="MIK21" s="8"/>
      <c r="MIL21" s="8"/>
      <c r="MIM21" s="8"/>
      <c r="MIN21" s="8"/>
      <c r="MIO21" s="8"/>
      <c r="MIP21" s="8"/>
      <c r="MIQ21" s="8"/>
      <c r="MIR21" s="8"/>
      <c r="MIS21" s="8"/>
      <c r="MIT21" s="8"/>
      <c r="MIU21" s="8"/>
      <c r="MIV21" s="8"/>
      <c r="MIW21" s="8"/>
      <c r="MIX21" s="8"/>
      <c r="MIY21" s="8"/>
      <c r="MIZ21" s="8"/>
      <c r="MJA21" s="8"/>
      <c r="MJB21" s="8"/>
      <c r="MJC21" s="8"/>
      <c r="MJD21" s="8"/>
      <c r="MJE21" s="8"/>
      <c r="MJF21" s="8"/>
      <c r="MJG21" s="8"/>
      <c r="MJH21" s="8"/>
      <c r="MJI21" s="8"/>
      <c r="MJJ21" s="8"/>
      <c r="MJK21" s="8"/>
      <c r="MJL21" s="8"/>
      <c r="MJM21" s="8"/>
      <c r="MJN21" s="8"/>
      <c r="MJO21" s="8"/>
      <c r="MJP21" s="8"/>
      <c r="MJQ21" s="8"/>
      <c r="MJR21" s="8"/>
      <c r="MJS21" s="8"/>
      <c r="MJT21" s="8"/>
      <c r="MJU21" s="8"/>
      <c r="MJV21" s="8"/>
      <c r="MJW21" s="8"/>
      <c r="MJX21" s="8"/>
      <c r="MJY21" s="8"/>
      <c r="MJZ21" s="8"/>
      <c r="MKA21" s="8"/>
      <c r="MKB21" s="8"/>
      <c r="MKC21" s="8"/>
      <c r="MKD21" s="8"/>
      <c r="MKE21" s="8"/>
      <c r="MKF21" s="8"/>
      <c r="MKG21" s="8"/>
      <c r="MKH21" s="8"/>
      <c r="MKI21" s="8"/>
      <c r="MKJ21" s="8"/>
      <c r="MKK21" s="8"/>
      <c r="MKL21" s="8"/>
      <c r="MKM21" s="8"/>
      <c r="MKN21" s="8"/>
      <c r="MKO21" s="8"/>
      <c r="MKP21" s="8"/>
      <c r="MKQ21" s="8"/>
      <c r="MKR21" s="8"/>
      <c r="MKS21" s="8"/>
      <c r="MKT21" s="8"/>
      <c r="MKU21" s="8"/>
      <c r="MKV21" s="8"/>
      <c r="MKW21" s="8"/>
      <c r="MKX21" s="8"/>
      <c r="MKY21" s="8"/>
      <c r="MKZ21" s="8"/>
      <c r="MLA21" s="8"/>
      <c r="MLB21" s="8"/>
      <c r="MLC21" s="8"/>
      <c r="MLD21" s="8"/>
      <c r="MLE21" s="8"/>
      <c r="MLF21" s="8"/>
      <c r="MLG21" s="8"/>
      <c r="MLH21" s="8"/>
      <c r="MLI21" s="8"/>
      <c r="MLJ21" s="8"/>
      <c r="MLK21" s="8"/>
      <c r="MLL21" s="8"/>
      <c r="MLM21" s="8"/>
      <c r="MLN21" s="8"/>
      <c r="MLO21" s="8"/>
      <c r="MLP21" s="8"/>
      <c r="MLQ21" s="8"/>
      <c r="MLR21" s="8"/>
      <c r="MLS21" s="8"/>
      <c r="MLT21" s="8"/>
      <c r="MLU21" s="8"/>
      <c r="MLV21" s="8"/>
      <c r="MLW21" s="8"/>
      <c r="MLX21" s="8"/>
      <c r="MLY21" s="8"/>
      <c r="MLZ21" s="8"/>
      <c r="MMA21" s="8"/>
      <c r="MMB21" s="8"/>
      <c r="MMC21" s="8"/>
      <c r="MMD21" s="8"/>
      <c r="MME21" s="8"/>
      <c r="MMF21" s="8"/>
      <c r="MMG21" s="8"/>
      <c r="MMH21" s="8"/>
      <c r="MMI21" s="8"/>
      <c r="MMJ21" s="8"/>
      <c r="MMK21" s="8"/>
      <c r="MML21" s="8"/>
      <c r="MMM21" s="8"/>
      <c r="MMN21" s="8"/>
      <c r="MMO21" s="8"/>
      <c r="MMP21" s="8"/>
      <c r="MMQ21" s="8"/>
      <c r="MMR21" s="8"/>
      <c r="MMS21" s="8"/>
      <c r="MMT21" s="8"/>
      <c r="MMU21" s="8"/>
      <c r="MMV21" s="8"/>
      <c r="MMW21" s="8"/>
      <c r="MMX21" s="8"/>
      <c r="MMY21" s="8"/>
      <c r="MMZ21" s="8"/>
      <c r="MNA21" s="8"/>
      <c r="MNB21" s="8"/>
      <c r="MNC21" s="8"/>
      <c r="MND21" s="8"/>
      <c r="MNE21" s="8"/>
      <c r="MNF21" s="8"/>
      <c r="MNG21" s="8"/>
      <c r="MNH21" s="8"/>
      <c r="MNI21" s="8"/>
      <c r="MNJ21" s="8"/>
      <c r="MNK21" s="8"/>
      <c r="MNL21" s="8"/>
      <c r="MNM21" s="8"/>
      <c r="MNN21" s="8"/>
      <c r="MNO21" s="8"/>
      <c r="MNP21" s="8"/>
      <c r="MNQ21" s="8"/>
      <c r="MNR21" s="8"/>
      <c r="MNS21" s="8"/>
      <c r="MNT21" s="8"/>
      <c r="MNU21" s="8"/>
      <c r="MNV21" s="8"/>
      <c r="MNW21" s="8"/>
      <c r="MNX21" s="8"/>
      <c r="MNY21" s="8"/>
      <c r="MNZ21" s="8"/>
      <c r="MOA21" s="8"/>
      <c r="MOB21" s="8"/>
      <c r="MOC21" s="8"/>
      <c r="MOD21" s="8"/>
      <c r="MOE21" s="8"/>
      <c r="MOF21" s="8"/>
      <c r="MOG21" s="8"/>
      <c r="MOH21" s="8"/>
      <c r="MOI21" s="8"/>
      <c r="MOJ21" s="8"/>
      <c r="MOK21" s="8"/>
      <c r="MOL21" s="8"/>
      <c r="MOM21" s="8"/>
      <c r="MON21" s="8"/>
      <c r="MOO21" s="8"/>
      <c r="MOP21" s="8"/>
      <c r="MOQ21" s="8"/>
      <c r="MOR21" s="8"/>
      <c r="MOS21" s="8"/>
      <c r="MOT21" s="8"/>
      <c r="MOU21" s="8"/>
      <c r="MOV21" s="8"/>
      <c r="MOW21" s="8"/>
      <c r="MOX21" s="8"/>
      <c r="MOY21" s="8"/>
      <c r="MOZ21" s="8"/>
      <c r="MPA21" s="8"/>
      <c r="MPB21" s="8"/>
      <c r="MPC21" s="8"/>
      <c r="MPD21" s="8"/>
      <c r="MPE21" s="8"/>
      <c r="MPF21" s="8"/>
      <c r="MPG21" s="8"/>
      <c r="MPH21" s="8"/>
      <c r="MPI21" s="8"/>
      <c r="MPJ21" s="8"/>
      <c r="MPK21" s="8"/>
      <c r="MPL21" s="8"/>
      <c r="MPM21" s="8"/>
      <c r="MPN21" s="8"/>
      <c r="MPO21" s="8"/>
      <c r="MPP21" s="8"/>
      <c r="MPQ21" s="8"/>
      <c r="MPR21" s="8"/>
      <c r="MPS21" s="8"/>
      <c r="MPT21" s="8"/>
      <c r="MPU21" s="8"/>
      <c r="MPV21" s="8"/>
      <c r="MPW21" s="8"/>
      <c r="MPX21" s="8"/>
      <c r="MPY21" s="8"/>
      <c r="MPZ21" s="8"/>
      <c r="MQA21" s="8"/>
      <c r="MQB21" s="8"/>
      <c r="MQC21" s="8"/>
      <c r="MQD21" s="8"/>
      <c r="MQE21" s="8"/>
      <c r="MQF21" s="8"/>
      <c r="MQG21" s="8"/>
      <c r="MQH21" s="8"/>
      <c r="MQI21" s="8"/>
      <c r="MQJ21" s="8"/>
      <c r="MQK21" s="8"/>
      <c r="MQL21" s="8"/>
      <c r="MQM21" s="8"/>
      <c r="MQN21" s="8"/>
      <c r="MQO21" s="8"/>
      <c r="MQP21" s="8"/>
      <c r="MQQ21" s="8"/>
      <c r="MQR21" s="8"/>
      <c r="MQS21" s="8"/>
      <c r="MQT21" s="8"/>
      <c r="MQU21" s="8"/>
      <c r="MQV21" s="8"/>
      <c r="MQW21" s="8"/>
      <c r="MQX21" s="8"/>
      <c r="MQY21" s="8"/>
      <c r="MQZ21" s="8"/>
      <c r="MRA21" s="8"/>
      <c r="MRB21" s="8"/>
      <c r="MRC21" s="8"/>
      <c r="MRD21" s="8"/>
      <c r="MRE21" s="8"/>
      <c r="MRF21" s="8"/>
      <c r="MRG21" s="8"/>
      <c r="MRH21" s="8"/>
      <c r="MRI21" s="8"/>
      <c r="MRJ21" s="8"/>
      <c r="MRK21" s="8"/>
      <c r="MRL21" s="8"/>
      <c r="MRM21" s="8"/>
      <c r="MRN21" s="8"/>
      <c r="MRO21" s="8"/>
      <c r="MRP21" s="8"/>
      <c r="MRQ21" s="8"/>
      <c r="MRR21" s="8"/>
      <c r="MRS21" s="8"/>
      <c r="MRT21" s="8"/>
      <c r="MRU21" s="8"/>
      <c r="MRV21" s="8"/>
      <c r="MRW21" s="8"/>
      <c r="MRX21" s="8"/>
      <c r="MRY21" s="8"/>
      <c r="MRZ21" s="8"/>
      <c r="MSA21" s="8"/>
      <c r="MSB21" s="8"/>
      <c r="MSC21" s="8"/>
      <c r="MSD21" s="8"/>
      <c r="MSE21" s="8"/>
      <c r="MSF21" s="8"/>
      <c r="MSG21" s="8"/>
      <c r="MSH21" s="8"/>
      <c r="MSI21" s="8"/>
      <c r="MSJ21" s="8"/>
      <c r="MSK21" s="8"/>
      <c r="MSL21" s="8"/>
      <c r="MSM21" s="8"/>
      <c r="MSN21" s="8"/>
      <c r="MSO21" s="8"/>
      <c r="MSP21" s="8"/>
      <c r="MSQ21" s="8"/>
      <c r="MSR21" s="8"/>
      <c r="MSS21" s="8"/>
      <c r="MST21" s="8"/>
      <c r="MSU21" s="8"/>
      <c r="MSV21" s="8"/>
      <c r="MSW21" s="8"/>
      <c r="MSX21" s="8"/>
      <c r="MSY21" s="8"/>
      <c r="MSZ21" s="8"/>
      <c r="MTA21" s="8"/>
      <c r="MTB21" s="8"/>
      <c r="MTC21" s="8"/>
      <c r="MTD21" s="8"/>
      <c r="MTE21" s="8"/>
      <c r="MTF21" s="8"/>
      <c r="MTG21" s="8"/>
      <c r="MTH21" s="8"/>
      <c r="MTI21" s="8"/>
      <c r="MTJ21" s="8"/>
      <c r="MTK21" s="8"/>
      <c r="MTL21" s="8"/>
      <c r="MTM21" s="8"/>
      <c r="MTN21" s="8"/>
      <c r="MTO21" s="8"/>
      <c r="MTP21" s="8"/>
      <c r="MTQ21" s="8"/>
      <c r="MTR21" s="8"/>
      <c r="MTS21" s="8"/>
      <c r="MTT21" s="8"/>
      <c r="MTU21" s="8"/>
      <c r="MTV21" s="8"/>
      <c r="MTW21" s="8"/>
      <c r="MTX21" s="8"/>
      <c r="MTY21" s="8"/>
      <c r="MTZ21" s="8"/>
      <c r="MUA21" s="8"/>
      <c r="MUB21" s="8"/>
      <c r="MUC21" s="8"/>
      <c r="MUD21" s="8"/>
      <c r="MUE21" s="8"/>
      <c r="MUF21" s="8"/>
      <c r="MUG21" s="8"/>
      <c r="MUH21" s="8"/>
      <c r="MUI21" s="8"/>
      <c r="MUJ21" s="8"/>
      <c r="MUK21" s="8"/>
      <c r="MUL21" s="8"/>
      <c r="MUM21" s="8"/>
      <c r="MUN21" s="8"/>
      <c r="MUO21" s="8"/>
      <c r="MUP21" s="8"/>
      <c r="MUQ21" s="8"/>
      <c r="MUR21" s="8"/>
      <c r="MUS21" s="8"/>
      <c r="MUT21" s="8"/>
      <c r="MUU21" s="8"/>
      <c r="MUV21" s="8"/>
      <c r="MUW21" s="8"/>
      <c r="MUX21" s="8"/>
      <c r="MUY21" s="8"/>
      <c r="MUZ21" s="8"/>
      <c r="MVA21" s="8"/>
      <c r="MVB21" s="8"/>
      <c r="MVC21" s="8"/>
      <c r="MVD21" s="8"/>
      <c r="MVE21" s="8"/>
      <c r="MVF21" s="8"/>
      <c r="MVG21" s="8"/>
      <c r="MVH21" s="8"/>
      <c r="MVI21" s="8"/>
      <c r="MVJ21" s="8"/>
      <c r="MVK21" s="8"/>
      <c r="MVL21" s="8"/>
      <c r="MVM21" s="8"/>
      <c r="MVN21" s="8"/>
      <c r="MVO21" s="8"/>
      <c r="MVP21" s="8"/>
      <c r="MVQ21" s="8"/>
      <c r="MVR21" s="8"/>
      <c r="MVS21" s="8"/>
      <c r="MVT21" s="8"/>
      <c r="MVU21" s="8"/>
      <c r="MVV21" s="8"/>
      <c r="MVW21" s="8"/>
      <c r="MVX21" s="8"/>
      <c r="MVY21" s="8"/>
      <c r="MVZ21" s="8"/>
      <c r="MWA21" s="8"/>
      <c r="MWB21" s="8"/>
      <c r="MWC21" s="8"/>
      <c r="MWD21" s="8"/>
      <c r="MWE21" s="8"/>
      <c r="MWF21" s="8"/>
      <c r="MWG21" s="8"/>
      <c r="MWH21" s="8"/>
      <c r="MWI21" s="8"/>
      <c r="MWJ21" s="8"/>
      <c r="MWK21" s="8"/>
      <c r="MWL21" s="8"/>
      <c r="MWM21" s="8"/>
      <c r="MWN21" s="8"/>
      <c r="MWO21" s="8"/>
      <c r="MWP21" s="8"/>
      <c r="MWQ21" s="8"/>
      <c r="MWR21" s="8"/>
      <c r="MWS21" s="8"/>
      <c r="MWT21" s="8"/>
      <c r="MWU21" s="8"/>
      <c r="MWV21" s="8"/>
      <c r="MWW21" s="8"/>
      <c r="MWX21" s="8"/>
      <c r="MWY21" s="8"/>
      <c r="MWZ21" s="8"/>
      <c r="MXA21" s="8"/>
      <c r="MXB21" s="8"/>
      <c r="MXC21" s="8"/>
      <c r="MXD21" s="8"/>
      <c r="MXE21" s="8"/>
      <c r="MXF21" s="8"/>
      <c r="MXG21" s="8"/>
      <c r="MXH21" s="8"/>
      <c r="MXI21" s="8"/>
      <c r="MXJ21" s="8"/>
      <c r="MXK21" s="8"/>
      <c r="MXL21" s="8"/>
      <c r="MXM21" s="8"/>
      <c r="MXN21" s="8"/>
      <c r="MXO21" s="8"/>
      <c r="MXP21" s="8"/>
      <c r="MXQ21" s="8"/>
      <c r="MXR21" s="8"/>
      <c r="MXS21" s="8"/>
      <c r="MXT21" s="8"/>
      <c r="MXU21" s="8"/>
      <c r="MXV21" s="8"/>
      <c r="MXW21" s="8"/>
      <c r="MXX21" s="8"/>
      <c r="MXY21" s="8"/>
      <c r="MXZ21" s="8"/>
      <c r="MYA21" s="8"/>
      <c r="MYB21" s="8"/>
      <c r="MYC21" s="8"/>
      <c r="MYD21" s="8"/>
      <c r="MYE21" s="8"/>
      <c r="MYF21" s="8"/>
      <c r="MYG21" s="8"/>
      <c r="MYH21" s="8"/>
      <c r="MYI21" s="8"/>
      <c r="MYJ21" s="8"/>
      <c r="MYK21" s="8"/>
      <c r="MYL21" s="8"/>
      <c r="MYM21" s="8"/>
      <c r="MYN21" s="8"/>
      <c r="MYO21" s="8"/>
      <c r="MYP21" s="8"/>
      <c r="MYQ21" s="8"/>
      <c r="MYR21" s="8"/>
      <c r="MYS21" s="8"/>
      <c r="MYT21" s="8"/>
      <c r="MYU21" s="8"/>
      <c r="MYV21" s="8"/>
      <c r="MYW21" s="8"/>
      <c r="MYX21" s="8"/>
      <c r="MYY21" s="8"/>
      <c r="MYZ21" s="8"/>
      <c r="MZA21" s="8"/>
      <c r="MZB21" s="8"/>
      <c r="MZC21" s="8"/>
      <c r="MZD21" s="8"/>
      <c r="MZE21" s="8"/>
      <c r="MZF21" s="8"/>
      <c r="MZG21" s="8"/>
      <c r="MZH21" s="8"/>
      <c r="MZI21" s="8"/>
      <c r="MZJ21" s="8"/>
      <c r="MZK21" s="8"/>
      <c r="MZL21" s="8"/>
      <c r="MZM21" s="8"/>
      <c r="MZN21" s="8"/>
      <c r="MZO21" s="8"/>
      <c r="MZP21" s="8"/>
      <c r="MZQ21" s="8"/>
      <c r="MZR21" s="8"/>
      <c r="MZS21" s="8"/>
      <c r="MZT21" s="8"/>
      <c r="MZU21" s="8"/>
      <c r="MZV21" s="8"/>
      <c r="MZW21" s="8"/>
      <c r="MZX21" s="8"/>
      <c r="MZY21" s="8"/>
      <c r="MZZ21" s="8"/>
      <c r="NAA21" s="8"/>
      <c r="NAB21" s="8"/>
      <c r="NAC21" s="8"/>
      <c r="NAD21" s="8"/>
      <c r="NAE21" s="8"/>
      <c r="NAF21" s="8"/>
      <c r="NAG21" s="8"/>
      <c r="NAH21" s="8"/>
      <c r="NAI21" s="8"/>
      <c r="NAJ21" s="8"/>
      <c r="NAK21" s="8"/>
      <c r="NAL21" s="8"/>
      <c r="NAM21" s="8"/>
      <c r="NAN21" s="8"/>
      <c r="NAO21" s="8"/>
      <c r="NAP21" s="8"/>
      <c r="NAQ21" s="8"/>
      <c r="NAR21" s="8"/>
      <c r="NAS21" s="8"/>
      <c r="NAT21" s="8"/>
      <c r="NAU21" s="8"/>
      <c r="NAV21" s="8"/>
      <c r="NAW21" s="8"/>
      <c r="NAX21" s="8"/>
      <c r="NAY21" s="8"/>
      <c r="NAZ21" s="8"/>
      <c r="NBA21" s="8"/>
      <c r="NBB21" s="8"/>
      <c r="NBC21" s="8"/>
      <c r="NBD21" s="8"/>
      <c r="NBE21" s="8"/>
      <c r="NBF21" s="8"/>
      <c r="NBG21" s="8"/>
      <c r="NBH21" s="8"/>
      <c r="NBI21" s="8"/>
      <c r="NBJ21" s="8"/>
      <c r="NBK21" s="8"/>
      <c r="NBL21" s="8"/>
      <c r="NBM21" s="8"/>
      <c r="NBN21" s="8"/>
      <c r="NBO21" s="8"/>
      <c r="NBP21" s="8"/>
      <c r="NBQ21" s="8"/>
      <c r="NBR21" s="8"/>
      <c r="NBS21" s="8"/>
      <c r="NBT21" s="8"/>
      <c r="NBU21" s="8"/>
      <c r="NBV21" s="8"/>
      <c r="NBW21" s="8"/>
      <c r="NBX21" s="8"/>
      <c r="NBY21" s="8"/>
      <c r="NBZ21" s="8"/>
      <c r="NCA21" s="8"/>
      <c r="NCB21" s="8"/>
      <c r="NCC21" s="8"/>
      <c r="NCD21" s="8"/>
      <c r="NCE21" s="8"/>
      <c r="NCF21" s="8"/>
      <c r="NCG21" s="8"/>
      <c r="NCH21" s="8"/>
      <c r="NCI21" s="8"/>
      <c r="NCJ21" s="8"/>
      <c r="NCK21" s="8"/>
      <c r="NCL21" s="8"/>
      <c r="NCM21" s="8"/>
      <c r="NCN21" s="8"/>
      <c r="NCO21" s="8"/>
      <c r="NCP21" s="8"/>
      <c r="NCQ21" s="8"/>
      <c r="NCR21" s="8"/>
      <c r="NCS21" s="8"/>
      <c r="NCT21" s="8"/>
      <c r="NCU21" s="8"/>
      <c r="NCV21" s="8"/>
      <c r="NCW21" s="8"/>
      <c r="NCX21" s="8"/>
      <c r="NCY21" s="8"/>
      <c r="NCZ21" s="8"/>
      <c r="NDA21" s="8"/>
      <c r="NDB21" s="8"/>
      <c r="NDC21" s="8"/>
      <c r="NDD21" s="8"/>
      <c r="NDE21" s="8"/>
      <c r="NDF21" s="8"/>
      <c r="NDG21" s="8"/>
      <c r="NDH21" s="8"/>
      <c r="NDI21" s="8"/>
      <c r="NDJ21" s="8"/>
      <c r="NDK21" s="8"/>
      <c r="NDL21" s="8"/>
      <c r="NDM21" s="8"/>
      <c r="NDN21" s="8"/>
      <c r="NDO21" s="8"/>
      <c r="NDP21" s="8"/>
      <c r="NDQ21" s="8"/>
      <c r="NDR21" s="8"/>
      <c r="NDS21" s="8"/>
      <c r="NDT21" s="8"/>
      <c r="NDU21" s="8"/>
      <c r="NDV21" s="8"/>
      <c r="NDW21" s="8"/>
      <c r="NDX21" s="8"/>
      <c r="NDY21" s="8"/>
      <c r="NDZ21" s="8"/>
      <c r="NEA21" s="8"/>
      <c r="NEB21" s="8"/>
      <c r="NEC21" s="8"/>
      <c r="NED21" s="8"/>
      <c r="NEE21" s="8"/>
      <c r="NEF21" s="8"/>
      <c r="NEG21" s="8"/>
      <c r="NEH21" s="8"/>
      <c r="NEI21" s="8"/>
      <c r="NEJ21" s="8"/>
      <c r="NEK21" s="8"/>
      <c r="NEL21" s="8"/>
      <c r="NEM21" s="8"/>
      <c r="NEN21" s="8"/>
      <c r="NEO21" s="8"/>
      <c r="NEP21" s="8"/>
      <c r="NEQ21" s="8"/>
      <c r="NER21" s="8"/>
      <c r="NES21" s="8"/>
      <c r="NET21" s="8"/>
      <c r="NEU21" s="8"/>
      <c r="NEV21" s="8"/>
      <c r="NEW21" s="8"/>
      <c r="NEX21" s="8"/>
      <c r="NEY21" s="8"/>
      <c r="NEZ21" s="8"/>
      <c r="NFA21" s="8"/>
      <c r="NFB21" s="8"/>
      <c r="NFC21" s="8"/>
      <c r="NFD21" s="8"/>
      <c r="NFE21" s="8"/>
      <c r="NFF21" s="8"/>
      <c r="NFG21" s="8"/>
      <c r="NFH21" s="8"/>
      <c r="NFI21" s="8"/>
      <c r="NFJ21" s="8"/>
      <c r="NFK21" s="8"/>
      <c r="NFL21" s="8"/>
      <c r="NFM21" s="8"/>
      <c r="NFN21" s="8"/>
      <c r="NFO21" s="8"/>
      <c r="NFP21" s="8"/>
      <c r="NFQ21" s="8"/>
      <c r="NFR21" s="8"/>
      <c r="NFS21" s="8"/>
      <c r="NFT21" s="8"/>
      <c r="NFU21" s="8"/>
      <c r="NFV21" s="8"/>
      <c r="NFW21" s="8"/>
      <c r="NFX21" s="8"/>
      <c r="NFY21" s="8"/>
      <c r="NFZ21" s="8"/>
      <c r="NGA21" s="8"/>
      <c r="NGB21" s="8"/>
      <c r="NGC21" s="8"/>
      <c r="NGD21" s="8"/>
      <c r="NGE21" s="8"/>
      <c r="NGF21" s="8"/>
      <c r="NGG21" s="8"/>
      <c r="NGH21" s="8"/>
      <c r="NGI21" s="8"/>
      <c r="NGJ21" s="8"/>
      <c r="NGK21" s="8"/>
      <c r="NGL21" s="8"/>
      <c r="NGM21" s="8"/>
      <c r="NGN21" s="8"/>
      <c r="NGO21" s="8"/>
      <c r="NGP21" s="8"/>
      <c r="NGQ21" s="8"/>
      <c r="NGR21" s="8"/>
      <c r="NGS21" s="8"/>
      <c r="NGT21" s="8"/>
      <c r="NGU21" s="8"/>
      <c r="NGV21" s="8"/>
      <c r="NGW21" s="8"/>
      <c r="NGX21" s="8"/>
      <c r="NGY21" s="8"/>
      <c r="NGZ21" s="8"/>
      <c r="NHA21" s="8"/>
      <c r="NHB21" s="8"/>
      <c r="NHC21" s="8"/>
      <c r="NHD21" s="8"/>
      <c r="NHE21" s="8"/>
      <c r="NHF21" s="8"/>
      <c r="NHG21" s="8"/>
      <c r="NHH21" s="8"/>
      <c r="NHI21" s="8"/>
      <c r="NHJ21" s="8"/>
      <c r="NHK21" s="8"/>
      <c r="NHL21" s="8"/>
      <c r="NHM21" s="8"/>
      <c r="NHN21" s="8"/>
      <c r="NHO21" s="8"/>
      <c r="NHP21" s="8"/>
      <c r="NHQ21" s="8"/>
      <c r="NHR21" s="8"/>
      <c r="NHS21" s="8"/>
      <c r="NHT21" s="8"/>
      <c r="NHU21" s="8"/>
      <c r="NHV21" s="8"/>
      <c r="NHW21" s="8"/>
      <c r="NHX21" s="8"/>
      <c r="NHY21" s="8"/>
      <c r="NHZ21" s="8"/>
      <c r="NIA21" s="8"/>
      <c r="NIB21" s="8"/>
      <c r="NIC21" s="8"/>
      <c r="NID21" s="8"/>
      <c r="NIE21" s="8"/>
      <c r="NIF21" s="8"/>
      <c r="NIG21" s="8"/>
      <c r="NIH21" s="8"/>
      <c r="NII21" s="8"/>
      <c r="NIJ21" s="8"/>
      <c r="NIK21" s="8"/>
      <c r="NIL21" s="8"/>
      <c r="NIM21" s="8"/>
      <c r="NIN21" s="8"/>
      <c r="NIO21" s="8"/>
      <c r="NIP21" s="8"/>
      <c r="NIQ21" s="8"/>
      <c r="NIR21" s="8"/>
      <c r="NIS21" s="8"/>
      <c r="NIT21" s="8"/>
      <c r="NIU21" s="8"/>
      <c r="NIV21" s="8"/>
      <c r="NIW21" s="8"/>
      <c r="NIX21" s="8"/>
      <c r="NIY21" s="8"/>
      <c r="NIZ21" s="8"/>
      <c r="NJA21" s="8"/>
      <c r="NJB21" s="8"/>
      <c r="NJC21" s="8"/>
      <c r="NJD21" s="8"/>
      <c r="NJE21" s="8"/>
      <c r="NJF21" s="8"/>
      <c r="NJG21" s="8"/>
      <c r="NJH21" s="8"/>
      <c r="NJI21" s="8"/>
      <c r="NJJ21" s="8"/>
      <c r="NJK21" s="8"/>
      <c r="NJL21" s="8"/>
      <c r="NJM21" s="8"/>
      <c r="NJN21" s="8"/>
      <c r="NJO21" s="8"/>
      <c r="NJP21" s="8"/>
      <c r="NJQ21" s="8"/>
      <c r="NJR21" s="8"/>
      <c r="NJS21" s="8"/>
      <c r="NJT21" s="8"/>
      <c r="NJU21" s="8"/>
      <c r="NJV21" s="8"/>
      <c r="NJW21" s="8"/>
      <c r="NJX21" s="8"/>
      <c r="NJY21" s="8"/>
      <c r="NJZ21" s="8"/>
      <c r="NKA21" s="8"/>
      <c r="NKB21" s="8"/>
      <c r="NKC21" s="8"/>
      <c r="NKD21" s="8"/>
      <c r="NKE21" s="8"/>
      <c r="NKF21" s="8"/>
      <c r="NKG21" s="8"/>
      <c r="NKH21" s="8"/>
      <c r="NKI21" s="8"/>
      <c r="NKJ21" s="8"/>
      <c r="NKK21" s="8"/>
      <c r="NKL21" s="8"/>
      <c r="NKM21" s="8"/>
      <c r="NKN21" s="8"/>
      <c r="NKO21" s="8"/>
      <c r="NKP21" s="8"/>
      <c r="NKQ21" s="8"/>
      <c r="NKR21" s="8"/>
      <c r="NKS21" s="8"/>
      <c r="NKT21" s="8"/>
      <c r="NKU21" s="8"/>
      <c r="NKV21" s="8"/>
      <c r="NKW21" s="8"/>
      <c r="NKX21" s="8"/>
      <c r="NKY21" s="8"/>
      <c r="NKZ21" s="8"/>
      <c r="NLA21" s="8"/>
      <c r="NLB21" s="8"/>
      <c r="NLC21" s="8"/>
      <c r="NLD21" s="8"/>
      <c r="NLE21" s="8"/>
      <c r="NLF21" s="8"/>
      <c r="NLG21" s="8"/>
      <c r="NLH21" s="8"/>
      <c r="NLI21" s="8"/>
      <c r="NLJ21" s="8"/>
      <c r="NLK21" s="8"/>
      <c r="NLL21" s="8"/>
      <c r="NLM21" s="8"/>
      <c r="NLN21" s="8"/>
      <c r="NLO21" s="8"/>
      <c r="NLP21" s="8"/>
      <c r="NLQ21" s="8"/>
      <c r="NLR21" s="8"/>
      <c r="NLS21" s="8"/>
      <c r="NLT21" s="8"/>
      <c r="NLU21" s="8"/>
      <c r="NLV21" s="8"/>
      <c r="NLW21" s="8"/>
      <c r="NLX21" s="8"/>
      <c r="NLY21" s="8"/>
      <c r="NLZ21" s="8"/>
      <c r="NMA21" s="8"/>
      <c r="NMB21" s="8"/>
      <c r="NMC21" s="8"/>
      <c r="NMD21" s="8"/>
      <c r="NME21" s="8"/>
      <c r="NMF21" s="8"/>
      <c r="NMG21" s="8"/>
      <c r="NMH21" s="8"/>
      <c r="NMI21" s="8"/>
      <c r="NMJ21" s="8"/>
      <c r="NMK21" s="8"/>
      <c r="NML21" s="8"/>
      <c r="NMM21" s="8"/>
      <c r="NMN21" s="8"/>
      <c r="NMO21" s="8"/>
      <c r="NMP21" s="8"/>
      <c r="NMQ21" s="8"/>
      <c r="NMR21" s="8"/>
      <c r="NMS21" s="8"/>
      <c r="NMT21" s="8"/>
      <c r="NMU21" s="8"/>
      <c r="NMV21" s="8"/>
      <c r="NMW21" s="8"/>
      <c r="NMX21" s="8"/>
      <c r="NMY21" s="8"/>
      <c r="NMZ21" s="8"/>
      <c r="NNA21" s="8"/>
      <c r="NNB21" s="8"/>
      <c r="NNC21" s="8"/>
      <c r="NND21" s="8"/>
      <c r="NNE21" s="8"/>
      <c r="NNF21" s="8"/>
      <c r="NNG21" s="8"/>
      <c r="NNH21" s="8"/>
      <c r="NNI21" s="8"/>
      <c r="NNJ21" s="8"/>
      <c r="NNK21" s="8"/>
      <c r="NNL21" s="8"/>
      <c r="NNM21" s="8"/>
      <c r="NNN21" s="8"/>
      <c r="NNO21" s="8"/>
      <c r="NNP21" s="8"/>
      <c r="NNQ21" s="8"/>
      <c r="NNR21" s="8"/>
      <c r="NNS21" s="8"/>
      <c r="NNT21" s="8"/>
      <c r="NNU21" s="8"/>
      <c r="NNV21" s="8"/>
      <c r="NNW21" s="8"/>
      <c r="NNX21" s="8"/>
      <c r="NNY21" s="8"/>
      <c r="NNZ21" s="8"/>
      <c r="NOA21" s="8"/>
      <c r="NOB21" s="8"/>
      <c r="NOC21" s="8"/>
      <c r="NOD21" s="8"/>
      <c r="NOE21" s="8"/>
      <c r="NOF21" s="8"/>
      <c r="NOG21" s="8"/>
      <c r="NOH21" s="8"/>
      <c r="NOI21" s="8"/>
      <c r="NOJ21" s="8"/>
      <c r="NOK21" s="8"/>
      <c r="NOL21" s="8"/>
      <c r="NOM21" s="8"/>
      <c r="NON21" s="8"/>
      <c r="NOO21" s="8"/>
      <c r="NOP21" s="8"/>
      <c r="NOQ21" s="8"/>
      <c r="NOR21" s="8"/>
      <c r="NOS21" s="8"/>
      <c r="NOT21" s="8"/>
      <c r="NOU21" s="8"/>
      <c r="NOV21" s="8"/>
      <c r="NOW21" s="8"/>
      <c r="NOX21" s="8"/>
      <c r="NOY21" s="8"/>
      <c r="NOZ21" s="8"/>
      <c r="NPA21" s="8"/>
      <c r="NPB21" s="8"/>
      <c r="NPC21" s="8"/>
      <c r="NPD21" s="8"/>
      <c r="NPE21" s="8"/>
      <c r="NPF21" s="8"/>
      <c r="NPG21" s="8"/>
      <c r="NPH21" s="8"/>
      <c r="NPI21" s="8"/>
      <c r="NPJ21" s="8"/>
      <c r="NPK21" s="8"/>
      <c r="NPL21" s="8"/>
      <c r="NPM21" s="8"/>
      <c r="NPN21" s="8"/>
      <c r="NPO21" s="8"/>
      <c r="NPP21" s="8"/>
      <c r="NPQ21" s="8"/>
      <c r="NPR21" s="8"/>
      <c r="NPS21" s="8"/>
      <c r="NPT21" s="8"/>
      <c r="NPU21" s="8"/>
      <c r="NPV21" s="8"/>
      <c r="NPW21" s="8"/>
      <c r="NPX21" s="8"/>
      <c r="NPY21" s="8"/>
      <c r="NPZ21" s="8"/>
      <c r="NQA21" s="8"/>
      <c r="NQB21" s="8"/>
      <c r="NQC21" s="8"/>
      <c r="NQD21" s="8"/>
      <c r="NQE21" s="8"/>
      <c r="NQF21" s="8"/>
      <c r="NQG21" s="8"/>
      <c r="NQH21" s="8"/>
      <c r="NQI21" s="8"/>
      <c r="NQJ21" s="8"/>
      <c r="NQK21" s="8"/>
      <c r="NQL21" s="8"/>
      <c r="NQM21" s="8"/>
      <c r="NQN21" s="8"/>
      <c r="NQO21" s="8"/>
      <c r="NQP21" s="8"/>
      <c r="NQQ21" s="8"/>
      <c r="NQR21" s="8"/>
      <c r="NQS21" s="8"/>
      <c r="NQT21" s="8"/>
      <c r="NQU21" s="8"/>
      <c r="NQV21" s="8"/>
      <c r="NQW21" s="8"/>
      <c r="NQX21" s="8"/>
      <c r="NQY21" s="8"/>
      <c r="NQZ21" s="8"/>
      <c r="NRA21" s="8"/>
      <c r="NRB21" s="8"/>
      <c r="NRC21" s="8"/>
      <c r="NRD21" s="8"/>
      <c r="NRE21" s="8"/>
      <c r="NRF21" s="8"/>
      <c r="NRG21" s="8"/>
      <c r="NRH21" s="8"/>
      <c r="NRI21" s="8"/>
      <c r="NRJ21" s="8"/>
      <c r="NRK21" s="8"/>
      <c r="NRL21" s="8"/>
      <c r="NRM21" s="8"/>
      <c r="NRN21" s="8"/>
      <c r="NRO21" s="8"/>
      <c r="NRP21" s="8"/>
      <c r="NRQ21" s="8"/>
      <c r="NRR21" s="8"/>
      <c r="NRS21" s="8"/>
      <c r="NRT21" s="8"/>
      <c r="NRU21" s="8"/>
      <c r="NRV21" s="8"/>
      <c r="NRW21" s="8"/>
      <c r="NRX21" s="8"/>
      <c r="NRY21" s="8"/>
      <c r="NRZ21" s="8"/>
      <c r="NSA21" s="8"/>
      <c r="NSB21" s="8"/>
      <c r="NSC21" s="8"/>
      <c r="NSD21" s="8"/>
      <c r="NSE21" s="8"/>
      <c r="NSF21" s="8"/>
      <c r="NSG21" s="8"/>
      <c r="NSH21" s="8"/>
      <c r="NSI21" s="8"/>
      <c r="NSJ21" s="8"/>
      <c r="NSK21" s="8"/>
      <c r="NSL21" s="8"/>
      <c r="NSM21" s="8"/>
      <c r="NSN21" s="8"/>
      <c r="NSO21" s="8"/>
      <c r="NSP21" s="8"/>
      <c r="NSQ21" s="8"/>
      <c r="NSR21" s="8"/>
      <c r="NSS21" s="8"/>
      <c r="NST21" s="8"/>
      <c r="NSU21" s="8"/>
      <c r="NSV21" s="8"/>
      <c r="NSW21" s="8"/>
      <c r="NSX21" s="8"/>
      <c r="NSY21" s="8"/>
      <c r="NSZ21" s="8"/>
      <c r="NTA21" s="8"/>
      <c r="NTB21" s="8"/>
      <c r="NTC21" s="8"/>
      <c r="NTD21" s="8"/>
      <c r="NTE21" s="8"/>
      <c r="NTF21" s="8"/>
      <c r="NTG21" s="8"/>
      <c r="NTH21" s="8"/>
      <c r="NTI21" s="8"/>
      <c r="NTJ21" s="8"/>
      <c r="NTK21" s="8"/>
      <c r="NTL21" s="8"/>
      <c r="NTM21" s="8"/>
      <c r="NTN21" s="8"/>
      <c r="NTO21" s="8"/>
      <c r="NTP21" s="8"/>
      <c r="NTQ21" s="8"/>
      <c r="NTR21" s="8"/>
      <c r="NTS21" s="8"/>
      <c r="NTT21" s="8"/>
      <c r="NTU21" s="8"/>
      <c r="NTV21" s="8"/>
      <c r="NTW21" s="8"/>
      <c r="NTX21" s="8"/>
      <c r="NTY21" s="8"/>
      <c r="NTZ21" s="8"/>
      <c r="NUA21" s="8"/>
      <c r="NUB21" s="8"/>
      <c r="NUC21" s="8"/>
      <c r="NUD21" s="8"/>
      <c r="NUE21" s="8"/>
      <c r="NUF21" s="8"/>
      <c r="NUG21" s="8"/>
      <c r="NUH21" s="8"/>
      <c r="NUI21" s="8"/>
      <c r="NUJ21" s="8"/>
      <c r="NUK21" s="8"/>
      <c r="NUL21" s="8"/>
      <c r="NUM21" s="8"/>
      <c r="NUN21" s="8"/>
      <c r="NUO21" s="8"/>
      <c r="NUP21" s="8"/>
      <c r="NUQ21" s="8"/>
      <c r="NUR21" s="8"/>
      <c r="NUS21" s="8"/>
      <c r="NUT21" s="8"/>
      <c r="NUU21" s="8"/>
      <c r="NUV21" s="8"/>
      <c r="NUW21" s="8"/>
      <c r="NUX21" s="8"/>
      <c r="NUY21" s="8"/>
      <c r="NUZ21" s="8"/>
      <c r="NVA21" s="8"/>
      <c r="NVB21" s="8"/>
      <c r="NVC21" s="8"/>
      <c r="NVD21" s="8"/>
      <c r="NVE21" s="8"/>
      <c r="NVF21" s="8"/>
      <c r="NVG21" s="8"/>
      <c r="NVH21" s="8"/>
      <c r="NVI21" s="8"/>
      <c r="NVJ21" s="8"/>
      <c r="NVK21" s="8"/>
      <c r="NVL21" s="8"/>
      <c r="NVM21" s="8"/>
      <c r="NVN21" s="8"/>
      <c r="NVO21" s="8"/>
      <c r="NVP21" s="8"/>
      <c r="NVQ21" s="8"/>
      <c r="NVR21" s="8"/>
      <c r="NVS21" s="8"/>
      <c r="NVT21" s="8"/>
      <c r="NVU21" s="8"/>
      <c r="NVV21" s="8"/>
      <c r="NVW21" s="8"/>
      <c r="NVX21" s="8"/>
      <c r="NVY21" s="8"/>
      <c r="NVZ21" s="8"/>
      <c r="NWA21" s="8"/>
      <c r="NWB21" s="8"/>
      <c r="NWC21" s="8"/>
      <c r="NWD21" s="8"/>
      <c r="NWE21" s="8"/>
      <c r="NWF21" s="8"/>
      <c r="NWG21" s="8"/>
      <c r="NWH21" s="8"/>
      <c r="NWI21" s="8"/>
      <c r="NWJ21" s="8"/>
      <c r="NWK21" s="8"/>
      <c r="NWL21" s="8"/>
      <c r="NWM21" s="8"/>
      <c r="NWN21" s="8"/>
      <c r="NWO21" s="8"/>
      <c r="NWP21" s="8"/>
      <c r="NWQ21" s="8"/>
      <c r="NWR21" s="8"/>
      <c r="NWS21" s="8"/>
      <c r="NWT21" s="8"/>
      <c r="NWU21" s="8"/>
      <c r="NWV21" s="8"/>
      <c r="NWW21" s="8"/>
      <c r="NWX21" s="8"/>
      <c r="NWY21" s="8"/>
      <c r="NWZ21" s="8"/>
      <c r="NXA21" s="8"/>
      <c r="NXB21" s="8"/>
      <c r="NXC21" s="8"/>
      <c r="NXD21" s="8"/>
      <c r="NXE21" s="8"/>
      <c r="NXF21" s="8"/>
      <c r="NXG21" s="8"/>
      <c r="NXH21" s="8"/>
      <c r="NXI21" s="8"/>
      <c r="NXJ21" s="8"/>
      <c r="NXK21" s="8"/>
      <c r="NXL21" s="8"/>
      <c r="NXM21" s="8"/>
      <c r="NXN21" s="8"/>
      <c r="NXO21" s="8"/>
      <c r="NXP21" s="8"/>
      <c r="NXQ21" s="8"/>
      <c r="NXR21" s="8"/>
      <c r="NXS21" s="8"/>
      <c r="NXT21" s="8"/>
      <c r="NXU21" s="8"/>
      <c r="NXV21" s="8"/>
      <c r="NXW21" s="8"/>
      <c r="NXX21" s="8"/>
      <c r="NXY21" s="8"/>
      <c r="NXZ21" s="8"/>
      <c r="NYA21" s="8"/>
      <c r="NYB21" s="8"/>
      <c r="NYC21" s="8"/>
      <c r="NYD21" s="8"/>
      <c r="NYE21" s="8"/>
      <c r="NYF21" s="8"/>
      <c r="NYG21" s="8"/>
      <c r="NYH21" s="8"/>
      <c r="NYI21" s="8"/>
      <c r="NYJ21" s="8"/>
      <c r="NYK21" s="8"/>
      <c r="NYL21" s="8"/>
      <c r="NYM21" s="8"/>
      <c r="NYN21" s="8"/>
      <c r="NYO21" s="8"/>
      <c r="NYP21" s="8"/>
      <c r="NYQ21" s="8"/>
      <c r="NYR21" s="8"/>
      <c r="NYS21" s="8"/>
      <c r="NYT21" s="8"/>
      <c r="NYU21" s="8"/>
      <c r="NYV21" s="8"/>
      <c r="NYW21" s="8"/>
      <c r="NYX21" s="8"/>
      <c r="NYY21" s="8"/>
      <c r="NYZ21" s="8"/>
      <c r="NZA21" s="8"/>
      <c r="NZB21" s="8"/>
      <c r="NZC21" s="8"/>
      <c r="NZD21" s="8"/>
      <c r="NZE21" s="8"/>
      <c r="NZF21" s="8"/>
      <c r="NZG21" s="8"/>
      <c r="NZH21" s="8"/>
      <c r="NZI21" s="8"/>
      <c r="NZJ21" s="8"/>
      <c r="NZK21" s="8"/>
      <c r="NZL21" s="8"/>
      <c r="NZM21" s="8"/>
      <c r="NZN21" s="8"/>
      <c r="NZO21" s="8"/>
      <c r="NZP21" s="8"/>
      <c r="NZQ21" s="8"/>
      <c r="NZR21" s="8"/>
      <c r="NZS21" s="8"/>
      <c r="NZT21" s="8"/>
      <c r="NZU21" s="8"/>
      <c r="NZV21" s="8"/>
      <c r="NZW21" s="8"/>
      <c r="NZX21" s="8"/>
      <c r="NZY21" s="8"/>
      <c r="NZZ21" s="8"/>
      <c r="OAA21" s="8"/>
      <c r="OAB21" s="8"/>
      <c r="OAC21" s="8"/>
      <c r="OAD21" s="8"/>
      <c r="OAE21" s="8"/>
      <c r="OAF21" s="8"/>
      <c r="OAG21" s="8"/>
      <c r="OAH21" s="8"/>
      <c r="OAI21" s="8"/>
      <c r="OAJ21" s="8"/>
      <c r="OAK21" s="8"/>
      <c r="OAL21" s="8"/>
      <c r="OAM21" s="8"/>
      <c r="OAN21" s="8"/>
      <c r="OAO21" s="8"/>
      <c r="OAP21" s="8"/>
      <c r="OAQ21" s="8"/>
      <c r="OAR21" s="8"/>
      <c r="OAS21" s="8"/>
      <c r="OAT21" s="8"/>
      <c r="OAU21" s="8"/>
      <c r="OAV21" s="8"/>
      <c r="OAW21" s="8"/>
      <c r="OAX21" s="8"/>
      <c r="OAY21" s="8"/>
      <c r="OAZ21" s="8"/>
      <c r="OBA21" s="8"/>
      <c r="OBB21" s="8"/>
      <c r="OBC21" s="8"/>
      <c r="OBD21" s="8"/>
      <c r="OBE21" s="8"/>
      <c r="OBF21" s="8"/>
      <c r="OBG21" s="8"/>
      <c r="OBH21" s="8"/>
      <c r="OBI21" s="8"/>
      <c r="OBJ21" s="8"/>
      <c r="OBK21" s="8"/>
      <c r="OBL21" s="8"/>
      <c r="OBM21" s="8"/>
      <c r="OBN21" s="8"/>
      <c r="OBO21" s="8"/>
      <c r="OBP21" s="8"/>
      <c r="OBQ21" s="8"/>
      <c r="OBR21" s="8"/>
      <c r="OBS21" s="8"/>
      <c r="OBT21" s="8"/>
      <c r="OBU21" s="8"/>
      <c r="OBV21" s="8"/>
      <c r="OBW21" s="8"/>
      <c r="OBX21" s="8"/>
      <c r="OBY21" s="8"/>
      <c r="OBZ21" s="8"/>
      <c r="OCA21" s="8"/>
      <c r="OCB21" s="8"/>
      <c r="OCC21" s="8"/>
      <c r="OCD21" s="8"/>
      <c r="OCE21" s="8"/>
      <c r="OCF21" s="8"/>
      <c r="OCG21" s="8"/>
      <c r="OCH21" s="8"/>
      <c r="OCI21" s="8"/>
      <c r="OCJ21" s="8"/>
      <c r="OCK21" s="8"/>
      <c r="OCL21" s="8"/>
      <c r="OCM21" s="8"/>
      <c r="OCN21" s="8"/>
      <c r="OCO21" s="8"/>
      <c r="OCP21" s="8"/>
      <c r="OCQ21" s="8"/>
      <c r="OCR21" s="8"/>
      <c r="OCS21" s="8"/>
      <c r="OCT21" s="8"/>
      <c r="OCU21" s="8"/>
      <c r="OCV21" s="8"/>
      <c r="OCW21" s="8"/>
      <c r="OCX21" s="8"/>
      <c r="OCY21" s="8"/>
      <c r="OCZ21" s="8"/>
      <c r="ODA21" s="8"/>
      <c r="ODB21" s="8"/>
      <c r="ODC21" s="8"/>
      <c r="ODD21" s="8"/>
      <c r="ODE21" s="8"/>
      <c r="ODF21" s="8"/>
      <c r="ODG21" s="8"/>
      <c r="ODH21" s="8"/>
      <c r="ODI21" s="8"/>
      <c r="ODJ21" s="8"/>
      <c r="ODK21" s="8"/>
      <c r="ODL21" s="8"/>
      <c r="ODM21" s="8"/>
      <c r="ODN21" s="8"/>
      <c r="ODO21" s="8"/>
      <c r="ODP21" s="8"/>
      <c r="ODQ21" s="8"/>
      <c r="ODR21" s="8"/>
      <c r="ODS21" s="8"/>
      <c r="ODT21" s="8"/>
      <c r="ODU21" s="8"/>
      <c r="ODV21" s="8"/>
      <c r="ODW21" s="8"/>
      <c r="ODX21" s="8"/>
      <c r="ODY21" s="8"/>
      <c r="ODZ21" s="8"/>
      <c r="OEA21" s="8"/>
      <c r="OEB21" s="8"/>
      <c r="OEC21" s="8"/>
      <c r="OED21" s="8"/>
      <c r="OEE21" s="8"/>
      <c r="OEF21" s="8"/>
      <c r="OEG21" s="8"/>
      <c r="OEH21" s="8"/>
      <c r="OEI21" s="8"/>
      <c r="OEJ21" s="8"/>
      <c r="OEK21" s="8"/>
      <c r="OEL21" s="8"/>
      <c r="OEM21" s="8"/>
      <c r="OEN21" s="8"/>
      <c r="OEO21" s="8"/>
      <c r="OEP21" s="8"/>
      <c r="OEQ21" s="8"/>
      <c r="OER21" s="8"/>
      <c r="OES21" s="8"/>
      <c r="OET21" s="8"/>
      <c r="OEU21" s="8"/>
      <c r="OEV21" s="8"/>
      <c r="OEW21" s="8"/>
      <c r="OEX21" s="8"/>
      <c r="OEY21" s="8"/>
      <c r="OEZ21" s="8"/>
      <c r="OFA21" s="8"/>
      <c r="OFB21" s="8"/>
      <c r="OFC21" s="8"/>
      <c r="OFD21" s="8"/>
      <c r="OFE21" s="8"/>
      <c r="OFF21" s="8"/>
      <c r="OFG21" s="8"/>
      <c r="OFH21" s="8"/>
      <c r="OFI21" s="8"/>
      <c r="OFJ21" s="8"/>
      <c r="OFK21" s="8"/>
      <c r="OFL21" s="8"/>
      <c r="OFM21" s="8"/>
      <c r="OFN21" s="8"/>
      <c r="OFO21" s="8"/>
      <c r="OFP21" s="8"/>
      <c r="OFQ21" s="8"/>
      <c r="OFR21" s="8"/>
      <c r="OFS21" s="8"/>
      <c r="OFT21" s="8"/>
      <c r="OFU21" s="8"/>
      <c r="OFV21" s="8"/>
      <c r="OFW21" s="8"/>
      <c r="OFX21" s="8"/>
      <c r="OFY21" s="8"/>
      <c r="OFZ21" s="8"/>
      <c r="OGA21" s="8"/>
      <c r="OGB21" s="8"/>
      <c r="OGC21" s="8"/>
      <c r="OGD21" s="8"/>
      <c r="OGE21" s="8"/>
      <c r="OGF21" s="8"/>
      <c r="OGG21" s="8"/>
      <c r="OGH21" s="8"/>
      <c r="OGI21" s="8"/>
      <c r="OGJ21" s="8"/>
      <c r="OGK21" s="8"/>
      <c r="OGL21" s="8"/>
      <c r="OGM21" s="8"/>
      <c r="OGN21" s="8"/>
      <c r="OGO21" s="8"/>
      <c r="OGP21" s="8"/>
      <c r="OGQ21" s="8"/>
      <c r="OGR21" s="8"/>
      <c r="OGS21" s="8"/>
      <c r="OGT21" s="8"/>
      <c r="OGU21" s="8"/>
      <c r="OGV21" s="8"/>
      <c r="OGW21" s="8"/>
      <c r="OGX21" s="8"/>
      <c r="OGY21" s="8"/>
      <c r="OGZ21" s="8"/>
      <c r="OHA21" s="8"/>
      <c r="OHB21" s="8"/>
      <c r="OHC21" s="8"/>
      <c r="OHD21" s="8"/>
      <c r="OHE21" s="8"/>
      <c r="OHF21" s="8"/>
      <c r="OHG21" s="8"/>
      <c r="OHH21" s="8"/>
      <c r="OHI21" s="8"/>
      <c r="OHJ21" s="8"/>
      <c r="OHK21" s="8"/>
      <c r="OHL21" s="8"/>
      <c r="OHM21" s="8"/>
      <c r="OHN21" s="8"/>
      <c r="OHO21" s="8"/>
      <c r="OHP21" s="8"/>
      <c r="OHQ21" s="8"/>
      <c r="OHR21" s="8"/>
      <c r="OHS21" s="8"/>
      <c r="OHT21" s="8"/>
      <c r="OHU21" s="8"/>
      <c r="OHV21" s="8"/>
      <c r="OHW21" s="8"/>
      <c r="OHX21" s="8"/>
      <c r="OHY21" s="8"/>
      <c r="OHZ21" s="8"/>
      <c r="OIA21" s="8"/>
      <c r="OIB21" s="8"/>
      <c r="OIC21" s="8"/>
      <c r="OID21" s="8"/>
      <c r="OIE21" s="8"/>
      <c r="OIF21" s="8"/>
      <c r="OIG21" s="8"/>
      <c r="OIH21" s="8"/>
      <c r="OII21" s="8"/>
      <c r="OIJ21" s="8"/>
      <c r="OIK21" s="8"/>
      <c r="OIL21" s="8"/>
      <c r="OIM21" s="8"/>
      <c r="OIN21" s="8"/>
      <c r="OIO21" s="8"/>
      <c r="OIP21" s="8"/>
      <c r="OIQ21" s="8"/>
      <c r="OIR21" s="8"/>
      <c r="OIS21" s="8"/>
      <c r="OIT21" s="8"/>
      <c r="OIU21" s="8"/>
      <c r="OIV21" s="8"/>
      <c r="OIW21" s="8"/>
      <c r="OIX21" s="8"/>
      <c r="OIY21" s="8"/>
      <c r="OIZ21" s="8"/>
      <c r="OJA21" s="8"/>
      <c r="OJB21" s="8"/>
      <c r="OJC21" s="8"/>
      <c r="OJD21" s="8"/>
      <c r="OJE21" s="8"/>
      <c r="OJF21" s="8"/>
      <c r="OJG21" s="8"/>
      <c r="OJH21" s="8"/>
      <c r="OJI21" s="8"/>
      <c r="OJJ21" s="8"/>
      <c r="OJK21" s="8"/>
      <c r="OJL21" s="8"/>
      <c r="OJM21" s="8"/>
      <c r="OJN21" s="8"/>
      <c r="OJO21" s="8"/>
      <c r="OJP21" s="8"/>
      <c r="OJQ21" s="8"/>
      <c r="OJR21" s="8"/>
      <c r="OJS21" s="8"/>
      <c r="OJT21" s="8"/>
      <c r="OJU21" s="8"/>
      <c r="OJV21" s="8"/>
      <c r="OJW21" s="8"/>
      <c r="OJX21" s="8"/>
      <c r="OJY21" s="8"/>
      <c r="OJZ21" s="8"/>
      <c r="OKA21" s="8"/>
      <c r="OKB21" s="8"/>
      <c r="OKC21" s="8"/>
      <c r="OKD21" s="8"/>
      <c r="OKE21" s="8"/>
      <c r="OKF21" s="8"/>
      <c r="OKG21" s="8"/>
      <c r="OKH21" s="8"/>
      <c r="OKI21" s="8"/>
      <c r="OKJ21" s="8"/>
      <c r="OKK21" s="8"/>
      <c r="OKL21" s="8"/>
      <c r="OKM21" s="8"/>
      <c r="OKN21" s="8"/>
      <c r="OKO21" s="8"/>
      <c r="OKP21" s="8"/>
      <c r="OKQ21" s="8"/>
      <c r="OKR21" s="8"/>
      <c r="OKS21" s="8"/>
      <c r="OKT21" s="8"/>
      <c r="OKU21" s="8"/>
      <c r="OKV21" s="8"/>
      <c r="OKW21" s="8"/>
      <c r="OKX21" s="8"/>
      <c r="OKY21" s="8"/>
      <c r="OKZ21" s="8"/>
      <c r="OLA21" s="8"/>
      <c r="OLB21" s="8"/>
      <c r="OLC21" s="8"/>
      <c r="OLD21" s="8"/>
      <c r="OLE21" s="8"/>
      <c r="OLF21" s="8"/>
      <c r="OLG21" s="8"/>
      <c r="OLH21" s="8"/>
      <c r="OLI21" s="8"/>
      <c r="OLJ21" s="8"/>
      <c r="OLK21" s="8"/>
      <c r="OLL21" s="8"/>
      <c r="OLM21" s="8"/>
      <c r="OLN21" s="8"/>
      <c r="OLO21" s="8"/>
      <c r="OLP21" s="8"/>
      <c r="OLQ21" s="8"/>
      <c r="OLR21" s="8"/>
      <c r="OLS21" s="8"/>
      <c r="OLT21" s="8"/>
      <c r="OLU21" s="8"/>
      <c r="OLV21" s="8"/>
      <c r="OLW21" s="8"/>
      <c r="OLX21" s="8"/>
      <c r="OLY21" s="8"/>
      <c r="OLZ21" s="8"/>
      <c r="OMA21" s="8"/>
      <c r="OMB21" s="8"/>
      <c r="OMC21" s="8"/>
      <c r="OMD21" s="8"/>
      <c r="OME21" s="8"/>
      <c r="OMF21" s="8"/>
      <c r="OMG21" s="8"/>
      <c r="OMH21" s="8"/>
      <c r="OMI21" s="8"/>
      <c r="OMJ21" s="8"/>
      <c r="OMK21" s="8"/>
      <c r="OML21" s="8"/>
      <c r="OMM21" s="8"/>
      <c r="OMN21" s="8"/>
      <c r="OMO21" s="8"/>
      <c r="OMP21" s="8"/>
      <c r="OMQ21" s="8"/>
      <c r="OMR21" s="8"/>
      <c r="OMS21" s="8"/>
      <c r="OMT21" s="8"/>
      <c r="OMU21" s="8"/>
      <c r="OMV21" s="8"/>
      <c r="OMW21" s="8"/>
      <c r="OMX21" s="8"/>
      <c r="OMY21" s="8"/>
      <c r="OMZ21" s="8"/>
      <c r="ONA21" s="8"/>
      <c r="ONB21" s="8"/>
      <c r="ONC21" s="8"/>
      <c r="OND21" s="8"/>
      <c r="ONE21" s="8"/>
      <c r="ONF21" s="8"/>
      <c r="ONG21" s="8"/>
      <c r="ONH21" s="8"/>
      <c r="ONI21" s="8"/>
      <c r="ONJ21" s="8"/>
      <c r="ONK21" s="8"/>
      <c r="ONL21" s="8"/>
      <c r="ONM21" s="8"/>
      <c r="ONN21" s="8"/>
      <c r="ONO21" s="8"/>
      <c r="ONP21" s="8"/>
      <c r="ONQ21" s="8"/>
      <c r="ONR21" s="8"/>
      <c r="ONS21" s="8"/>
      <c r="ONT21" s="8"/>
      <c r="ONU21" s="8"/>
      <c r="ONV21" s="8"/>
      <c r="ONW21" s="8"/>
      <c r="ONX21" s="8"/>
      <c r="ONY21" s="8"/>
      <c r="ONZ21" s="8"/>
      <c r="OOA21" s="8"/>
      <c r="OOB21" s="8"/>
      <c r="OOC21" s="8"/>
      <c r="OOD21" s="8"/>
      <c r="OOE21" s="8"/>
      <c r="OOF21" s="8"/>
      <c r="OOG21" s="8"/>
      <c r="OOH21" s="8"/>
      <c r="OOI21" s="8"/>
      <c r="OOJ21" s="8"/>
      <c r="OOK21" s="8"/>
      <c r="OOL21" s="8"/>
      <c r="OOM21" s="8"/>
      <c r="OON21" s="8"/>
      <c r="OOO21" s="8"/>
      <c r="OOP21" s="8"/>
      <c r="OOQ21" s="8"/>
      <c r="OOR21" s="8"/>
      <c r="OOS21" s="8"/>
      <c r="OOT21" s="8"/>
      <c r="OOU21" s="8"/>
      <c r="OOV21" s="8"/>
      <c r="OOW21" s="8"/>
      <c r="OOX21" s="8"/>
      <c r="OOY21" s="8"/>
      <c r="OOZ21" s="8"/>
      <c r="OPA21" s="8"/>
      <c r="OPB21" s="8"/>
      <c r="OPC21" s="8"/>
      <c r="OPD21" s="8"/>
      <c r="OPE21" s="8"/>
      <c r="OPF21" s="8"/>
      <c r="OPG21" s="8"/>
      <c r="OPH21" s="8"/>
      <c r="OPI21" s="8"/>
      <c r="OPJ21" s="8"/>
      <c r="OPK21" s="8"/>
      <c r="OPL21" s="8"/>
      <c r="OPM21" s="8"/>
      <c r="OPN21" s="8"/>
      <c r="OPO21" s="8"/>
      <c r="OPP21" s="8"/>
      <c r="OPQ21" s="8"/>
      <c r="OPR21" s="8"/>
      <c r="OPS21" s="8"/>
      <c r="OPT21" s="8"/>
      <c r="OPU21" s="8"/>
      <c r="OPV21" s="8"/>
      <c r="OPW21" s="8"/>
      <c r="OPX21" s="8"/>
      <c r="OPY21" s="8"/>
      <c r="OPZ21" s="8"/>
      <c r="OQA21" s="8"/>
      <c r="OQB21" s="8"/>
      <c r="OQC21" s="8"/>
      <c r="OQD21" s="8"/>
      <c r="OQE21" s="8"/>
      <c r="OQF21" s="8"/>
      <c r="OQG21" s="8"/>
      <c r="OQH21" s="8"/>
      <c r="OQI21" s="8"/>
      <c r="OQJ21" s="8"/>
      <c r="OQK21" s="8"/>
      <c r="OQL21" s="8"/>
      <c r="OQM21" s="8"/>
      <c r="OQN21" s="8"/>
      <c r="OQO21" s="8"/>
      <c r="OQP21" s="8"/>
      <c r="OQQ21" s="8"/>
      <c r="OQR21" s="8"/>
      <c r="OQS21" s="8"/>
      <c r="OQT21" s="8"/>
      <c r="OQU21" s="8"/>
      <c r="OQV21" s="8"/>
      <c r="OQW21" s="8"/>
      <c r="OQX21" s="8"/>
      <c r="OQY21" s="8"/>
      <c r="OQZ21" s="8"/>
      <c r="ORA21" s="8"/>
      <c r="ORB21" s="8"/>
      <c r="ORC21" s="8"/>
      <c r="ORD21" s="8"/>
      <c r="ORE21" s="8"/>
      <c r="ORF21" s="8"/>
      <c r="ORG21" s="8"/>
      <c r="ORH21" s="8"/>
      <c r="ORI21" s="8"/>
      <c r="ORJ21" s="8"/>
      <c r="ORK21" s="8"/>
      <c r="ORL21" s="8"/>
      <c r="ORM21" s="8"/>
      <c r="ORN21" s="8"/>
      <c r="ORO21" s="8"/>
      <c r="ORP21" s="8"/>
      <c r="ORQ21" s="8"/>
      <c r="ORR21" s="8"/>
      <c r="ORS21" s="8"/>
      <c r="ORT21" s="8"/>
      <c r="ORU21" s="8"/>
      <c r="ORV21" s="8"/>
      <c r="ORW21" s="8"/>
      <c r="ORX21" s="8"/>
      <c r="ORY21" s="8"/>
      <c r="ORZ21" s="8"/>
      <c r="OSA21" s="8"/>
      <c r="OSB21" s="8"/>
      <c r="OSC21" s="8"/>
      <c r="OSD21" s="8"/>
      <c r="OSE21" s="8"/>
      <c r="OSF21" s="8"/>
      <c r="OSG21" s="8"/>
      <c r="OSH21" s="8"/>
      <c r="OSI21" s="8"/>
      <c r="OSJ21" s="8"/>
      <c r="OSK21" s="8"/>
      <c r="OSL21" s="8"/>
      <c r="OSM21" s="8"/>
      <c r="OSN21" s="8"/>
      <c r="OSO21" s="8"/>
      <c r="OSP21" s="8"/>
      <c r="OSQ21" s="8"/>
      <c r="OSR21" s="8"/>
      <c r="OSS21" s="8"/>
      <c r="OST21" s="8"/>
      <c r="OSU21" s="8"/>
      <c r="OSV21" s="8"/>
      <c r="OSW21" s="8"/>
      <c r="OSX21" s="8"/>
      <c r="OSY21" s="8"/>
      <c r="OSZ21" s="8"/>
      <c r="OTA21" s="8"/>
      <c r="OTB21" s="8"/>
      <c r="OTC21" s="8"/>
      <c r="OTD21" s="8"/>
      <c r="OTE21" s="8"/>
      <c r="OTF21" s="8"/>
      <c r="OTG21" s="8"/>
      <c r="OTH21" s="8"/>
      <c r="OTI21" s="8"/>
      <c r="OTJ21" s="8"/>
      <c r="OTK21" s="8"/>
      <c r="OTL21" s="8"/>
      <c r="OTM21" s="8"/>
      <c r="OTN21" s="8"/>
      <c r="OTO21" s="8"/>
      <c r="OTP21" s="8"/>
      <c r="OTQ21" s="8"/>
      <c r="OTR21" s="8"/>
      <c r="OTS21" s="8"/>
      <c r="OTT21" s="8"/>
      <c r="OTU21" s="8"/>
      <c r="OTV21" s="8"/>
      <c r="OTW21" s="8"/>
      <c r="OTX21" s="8"/>
      <c r="OTY21" s="8"/>
      <c r="OTZ21" s="8"/>
      <c r="OUA21" s="8"/>
      <c r="OUB21" s="8"/>
      <c r="OUC21" s="8"/>
      <c r="OUD21" s="8"/>
      <c r="OUE21" s="8"/>
      <c r="OUF21" s="8"/>
      <c r="OUG21" s="8"/>
      <c r="OUH21" s="8"/>
      <c r="OUI21" s="8"/>
      <c r="OUJ21" s="8"/>
      <c r="OUK21" s="8"/>
      <c r="OUL21" s="8"/>
      <c r="OUM21" s="8"/>
      <c r="OUN21" s="8"/>
      <c r="OUO21" s="8"/>
      <c r="OUP21" s="8"/>
      <c r="OUQ21" s="8"/>
      <c r="OUR21" s="8"/>
      <c r="OUS21" s="8"/>
      <c r="OUT21" s="8"/>
      <c r="OUU21" s="8"/>
      <c r="OUV21" s="8"/>
      <c r="OUW21" s="8"/>
      <c r="OUX21" s="8"/>
      <c r="OUY21" s="8"/>
      <c r="OUZ21" s="8"/>
      <c r="OVA21" s="8"/>
      <c r="OVB21" s="8"/>
      <c r="OVC21" s="8"/>
      <c r="OVD21" s="8"/>
      <c r="OVE21" s="8"/>
      <c r="OVF21" s="8"/>
      <c r="OVG21" s="8"/>
      <c r="OVH21" s="8"/>
      <c r="OVI21" s="8"/>
      <c r="OVJ21" s="8"/>
      <c r="OVK21" s="8"/>
      <c r="OVL21" s="8"/>
      <c r="OVM21" s="8"/>
      <c r="OVN21" s="8"/>
      <c r="OVO21" s="8"/>
      <c r="OVP21" s="8"/>
      <c r="OVQ21" s="8"/>
      <c r="OVR21" s="8"/>
      <c r="OVS21" s="8"/>
      <c r="OVT21" s="8"/>
      <c r="OVU21" s="8"/>
      <c r="OVV21" s="8"/>
      <c r="OVW21" s="8"/>
      <c r="OVX21" s="8"/>
      <c r="OVY21" s="8"/>
      <c r="OVZ21" s="8"/>
      <c r="OWA21" s="8"/>
      <c r="OWB21" s="8"/>
      <c r="OWC21" s="8"/>
      <c r="OWD21" s="8"/>
      <c r="OWE21" s="8"/>
      <c r="OWF21" s="8"/>
      <c r="OWG21" s="8"/>
      <c r="OWH21" s="8"/>
      <c r="OWI21" s="8"/>
      <c r="OWJ21" s="8"/>
      <c r="OWK21" s="8"/>
      <c r="OWL21" s="8"/>
      <c r="OWM21" s="8"/>
      <c r="OWN21" s="8"/>
      <c r="OWO21" s="8"/>
      <c r="OWP21" s="8"/>
      <c r="OWQ21" s="8"/>
      <c r="OWR21" s="8"/>
      <c r="OWS21" s="8"/>
      <c r="OWT21" s="8"/>
      <c r="OWU21" s="8"/>
      <c r="OWV21" s="8"/>
      <c r="OWW21" s="8"/>
      <c r="OWX21" s="8"/>
      <c r="OWY21" s="8"/>
      <c r="OWZ21" s="8"/>
      <c r="OXA21" s="8"/>
      <c r="OXB21" s="8"/>
      <c r="OXC21" s="8"/>
      <c r="OXD21" s="8"/>
      <c r="OXE21" s="8"/>
      <c r="OXF21" s="8"/>
      <c r="OXG21" s="8"/>
      <c r="OXH21" s="8"/>
      <c r="OXI21" s="8"/>
      <c r="OXJ21" s="8"/>
      <c r="OXK21" s="8"/>
      <c r="OXL21" s="8"/>
      <c r="OXM21" s="8"/>
      <c r="OXN21" s="8"/>
      <c r="OXO21" s="8"/>
      <c r="OXP21" s="8"/>
      <c r="OXQ21" s="8"/>
      <c r="OXR21" s="8"/>
      <c r="OXS21" s="8"/>
      <c r="OXT21" s="8"/>
      <c r="OXU21" s="8"/>
      <c r="OXV21" s="8"/>
      <c r="OXW21" s="8"/>
      <c r="OXX21" s="8"/>
      <c r="OXY21" s="8"/>
      <c r="OXZ21" s="8"/>
      <c r="OYA21" s="8"/>
      <c r="OYB21" s="8"/>
      <c r="OYC21" s="8"/>
      <c r="OYD21" s="8"/>
      <c r="OYE21" s="8"/>
      <c r="OYF21" s="8"/>
      <c r="OYG21" s="8"/>
      <c r="OYH21" s="8"/>
      <c r="OYI21" s="8"/>
      <c r="OYJ21" s="8"/>
      <c r="OYK21" s="8"/>
      <c r="OYL21" s="8"/>
      <c r="OYM21" s="8"/>
      <c r="OYN21" s="8"/>
      <c r="OYO21" s="8"/>
      <c r="OYP21" s="8"/>
      <c r="OYQ21" s="8"/>
      <c r="OYR21" s="8"/>
      <c r="OYS21" s="8"/>
      <c r="OYT21" s="8"/>
      <c r="OYU21" s="8"/>
      <c r="OYV21" s="8"/>
      <c r="OYW21" s="8"/>
      <c r="OYX21" s="8"/>
      <c r="OYY21" s="8"/>
      <c r="OYZ21" s="8"/>
      <c r="OZA21" s="8"/>
      <c r="OZB21" s="8"/>
      <c r="OZC21" s="8"/>
      <c r="OZD21" s="8"/>
      <c r="OZE21" s="8"/>
      <c r="OZF21" s="8"/>
      <c r="OZG21" s="8"/>
      <c r="OZH21" s="8"/>
      <c r="OZI21" s="8"/>
      <c r="OZJ21" s="8"/>
      <c r="OZK21" s="8"/>
      <c r="OZL21" s="8"/>
      <c r="OZM21" s="8"/>
      <c r="OZN21" s="8"/>
      <c r="OZO21" s="8"/>
      <c r="OZP21" s="8"/>
      <c r="OZQ21" s="8"/>
      <c r="OZR21" s="8"/>
      <c r="OZS21" s="8"/>
      <c r="OZT21" s="8"/>
      <c r="OZU21" s="8"/>
      <c r="OZV21" s="8"/>
      <c r="OZW21" s="8"/>
      <c r="OZX21" s="8"/>
      <c r="OZY21" s="8"/>
      <c r="OZZ21" s="8"/>
      <c r="PAA21" s="8"/>
      <c r="PAB21" s="8"/>
      <c r="PAC21" s="8"/>
      <c r="PAD21" s="8"/>
      <c r="PAE21" s="8"/>
      <c r="PAF21" s="8"/>
      <c r="PAG21" s="8"/>
      <c r="PAH21" s="8"/>
      <c r="PAI21" s="8"/>
      <c r="PAJ21" s="8"/>
      <c r="PAK21" s="8"/>
      <c r="PAL21" s="8"/>
      <c r="PAM21" s="8"/>
      <c r="PAN21" s="8"/>
      <c r="PAO21" s="8"/>
      <c r="PAP21" s="8"/>
      <c r="PAQ21" s="8"/>
      <c r="PAR21" s="8"/>
      <c r="PAS21" s="8"/>
      <c r="PAT21" s="8"/>
      <c r="PAU21" s="8"/>
      <c r="PAV21" s="8"/>
      <c r="PAW21" s="8"/>
      <c r="PAX21" s="8"/>
      <c r="PAY21" s="8"/>
      <c r="PAZ21" s="8"/>
      <c r="PBA21" s="8"/>
      <c r="PBB21" s="8"/>
      <c r="PBC21" s="8"/>
      <c r="PBD21" s="8"/>
      <c r="PBE21" s="8"/>
      <c r="PBF21" s="8"/>
      <c r="PBG21" s="8"/>
      <c r="PBH21" s="8"/>
      <c r="PBI21" s="8"/>
      <c r="PBJ21" s="8"/>
      <c r="PBK21" s="8"/>
      <c r="PBL21" s="8"/>
      <c r="PBM21" s="8"/>
      <c r="PBN21" s="8"/>
      <c r="PBO21" s="8"/>
      <c r="PBP21" s="8"/>
      <c r="PBQ21" s="8"/>
      <c r="PBR21" s="8"/>
      <c r="PBS21" s="8"/>
      <c r="PBT21" s="8"/>
      <c r="PBU21" s="8"/>
      <c r="PBV21" s="8"/>
      <c r="PBW21" s="8"/>
      <c r="PBX21" s="8"/>
      <c r="PBY21" s="8"/>
      <c r="PBZ21" s="8"/>
      <c r="PCA21" s="8"/>
      <c r="PCB21" s="8"/>
      <c r="PCC21" s="8"/>
      <c r="PCD21" s="8"/>
      <c r="PCE21" s="8"/>
      <c r="PCF21" s="8"/>
      <c r="PCG21" s="8"/>
      <c r="PCH21" s="8"/>
      <c r="PCI21" s="8"/>
      <c r="PCJ21" s="8"/>
      <c r="PCK21" s="8"/>
      <c r="PCL21" s="8"/>
      <c r="PCM21" s="8"/>
      <c r="PCN21" s="8"/>
      <c r="PCO21" s="8"/>
      <c r="PCP21" s="8"/>
      <c r="PCQ21" s="8"/>
      <c r="PCR21" s="8"/>
      <c r="PCS21" s="8"/>
      <c r="PCT21" s="8"/>
      <c r="PCU21" s="8"/>
      <c r="PCV21" s="8"/>
      <c r="PCW21" s="8"/>
      <c r="PCX21" s="8"/>
      <c r="PCY21" s="8"/>
      <c r="PCZ21" s="8"/>
      <c r="PDA21" s="8"/>
      <c r="PDB21" s="8"/>
      <c r="PDC21" s="8"/>
      <c r="PDD21" s="8"/>
      <c r="PDE21" s="8"/>
      <c r="PDF21" s="8"/>
      <c r="PDG21" s="8"/>
      <c r="PDH21" s="8"/>
      <c r="PDI21" s="8"/>
      <c r="PDJ21" s="8"/>
      <c r="PDK21" s="8"/>
      <c r="PDL21" s="8"/>
      <c r="PDM21" s="8"/>
      <c r="PDN21" s="8"/>
      <c r="PDO21" s="8"/>
      <c r="PDP21" s="8"/>
      <c r="PDQ21" s="8"/>
      <c r="PDR21" s="8"/>
      <c r="PDS21" s="8"/>
      <c r="PDT21" s="8"/>
      <c r="PDU21" s="8"/>
      <c r="PDV21" s="8"/>
      <c r="PDW21" s="8"/>
      <c r="PDX21" s="8"/>
      <c r="PDY21" s="8"/>
      <c r="PDZ21" s="8"/>
      <c r="PEA21" s="8"/>
      <c r="PEB21" s="8"/>
      <c r="PEC21" s="8"/>
      <c r="PED21" s="8"/>
      <c r="PEE21" s="8"/>
      <c r="PEF21" s="8"/>
      <c r="PEG21" s="8"/>
      <c r="PEH21" s="8"/>
      <c r="PEI21" s="8"/>
      <c r="PEJ21" s="8"/>
      <c r="PEK21" s="8"/>
      <c r="PEL21" s="8"/>
      <c r="PEM21" s="8"/>
      <c r="PEN21" s="8"/>
      <c r="PEO21" s="8"/>
      <c r="PEP21" s="8"/>
      <c r="PEQ21" s="8"/>
      <c r="PER21" s="8"/>
      <c r="PES21" s="8"/>
      <c r="PET21" s="8"/>
      <c r="PEU21" s="8"/>
      <c r="PEV21" s="8"/>
      <c r="PEW21" s="8"/>
      <c r="PEX21" s="8"/>
      <c r="PEY21" s="8"/>
      <c r="PEZ21" s="8"/>
      <c r="PFA21" s="8"/>
      <c r="PFB21" s="8"/>
      <c r="PFC21" s="8"/>
      <c r="PFD21" s="8"/>
      <c r="PFE21" s="8"/>
      <c r="PFF21" s="8"/>
      <c r="PFG21" s="8"/>
      <c r="PFH21" s="8"/>
      <c r="PFI21" s="8"/>
      <c r="PFJ21" s="8"/>
      <c r="PFK21" s="8"/>
      <c r="PFL21" s="8"/>
      <c r="PFM21" s="8"/>
      <c r="PFN21" s="8"/>
      <c r="PFO21" s="8"/>
      <c r="PFP21" s="8"/>
      <c r="PFQ21" s="8"/>
      <c r="PFR21" s="8"/>
      <c r="PFS21" s="8"/>
      <c r="PFT21" s="8"/>
      <c r="PFU21" s="8"/>
      <c r="PFV21" s="8"/>
      <c r="PFW21" s="8"/>
      <c r="PFX21" s="8"/>
      <c r="PFY21" s="8"/>
      <c r="PFZ21" s="8"/>
      <c r="PGA21" s="8"/>
      <c r="PGB21" s="8"/>
      <c r="PGC21" s="8"/>
      <c r="PGD21" s="8"/>
      <c r="PGE21" s="8"/>
      <c r="PGF21" s="8"/>
      <c r="PGG21" s="8"/>
      <c r="PGH21" s="8"/>
      <c r="PGI21" s="8"/>
      <c r="PGJ21" s="8"/>
      <c r="PGK21" s="8"/>
      <c r="PGL21" s="8"/>
      <c r="PGM21" s="8"/>
      <c r="PGN21" s="8"/>
      <c r="PGO21" s="8"/>
      <c r="PGP21" s="8"/>
      <c r="PGQ21" s="8"/>
      <c r="PGR21" s="8"/>
      <c r="PGS21" s="8"/>
      <c r="PGT21" s="8"/>
      <c r="PGU21" s="8"/>
      <c r="PGV21" s="8"/>
      <c r="PGW21" s="8"/>
      <c r="PGX21" s="8"/>
      <c r="PGY21" s="8"/>
      <c r="PGZ21" s="8"/>
      <c r="PHA21" s="8"/>
      <c r="PHB21" s="8"/>
      <c r="PHC21" s="8"/>
      <c r="PHD21" s="8"/>
      <c r="PHE21" s="8"/>
      <c r="PHF21" s="8"/>
      <c r="PHG21" s="8"/>
      <c r="PHH21" s="8"/>
      <c r="PHI21" s="8"/>
      <c r="PHJ21" s="8"/>
      <c r="PHK21" s="8"/>
      <c r="PHL21" s="8"/>
      <c r="PHM21" s="8"/>
      <c r="PHN21" s="8"/>
      <c r="PHO21" s="8"/>
      <c r="PHP21" s="8"/>
      <c r="PHQ21" s="8"/>
      <c r="PHR21" s="8"/>
      <c r="PHS21" s="8"/>
      <c r="PHT21" s="8"/>
      <c r="PHU21" s="8"/>
      <c r="PHV21" s="8"/>
      <c r="PHW21" s="8"/>
      <c r="PHX21" s="8"/>
      <c r="PHY21" s="8"/>
      <c r="PHZ21" s="8"/>
      <c r="PIA21" s="8"/>
      <c r="PIB21" s="8"/>
      <c r="PIC21" s="8"/>
      <c r="PID21" s="8"/>
      <c r="PIE21" s="8"/>
      <c r="PIF21" s="8"/>
      <c r="PIG21" s="8"/>
      <c r="PIH21" s="8"/>
      <c r="PII21" s="8"/>
      <c r="PIJ21" s="8"/>
      <c r="PIK21" s="8"/>
      <c r="PIL21" s="8"/>
      <c r="PIM21" s="8"/>
      <c r="PIN21" s="8"/>
      <c r="PIO21" s="8"/>
      <c r="PIP21" s="8"/>
      <c r="PIQ21" s="8"/>
      <c r="PIR21" s="8"/>
      <c r="PIS21" s="8"/>
      <c r="PIT21" s="8"/>
      <c r="PIU21" s="8"/>
      <c r="PIV21" s="8"/>
      <c r="PIW21" s="8"/>
      <c r="PIX21" s="8"/>
      <c r="PIY21" s="8"/>
      <c r="PIZ21" s="8"/>
      <c r="PJA21" s="8"/>
      <c r="PJB21" s="8"/>
      <c r="PJC21" s="8"/>
      <c r="PJD21" s="8"/>
      <c r="PJE21" s="8"/>
      <c r="PJF21" s="8"/>
      <c r="PJG21" s="8"/>
      <c r="PJH21" s="8"/>
      <c r="PJI21" s="8"/>
      <c r="PJJ21" s="8"/>
      <c r="PJK21" s="8"/>
      <c r="PJL21" s="8"/>
      <c r="PJM21" s="8"/>
      <c r="PJN21" s="8"/>
      <c r="PJO21" s="8"/>
      <c r="PJP21" s="8"/>
      <c r="PJQ21" s="8"/>
      <c r="PJR21" s="8"/>
      <c r="PJS21" s="8"/>
      <c r="PJT21" s="8"/>
      <c r="PJU21" s="8"/>
      <c r="PJV21" s="8"/>
      <c r="PJW21" s="8"/>
      <c r="PJX21" s="8"/>
      <c r="PJY21" s="8"/>
      <c r="PJZ21" s="8"/>
      <c r="PKA21" s="8"/>
      <c r="PKB21" s="8"/>
      <c r="PKC21" s="8"/>
      <c r="PKD21" s="8"/>
      <c r="PKE21" s="8"/>
      <c r="PKF21" s="8"/>
      <c r="PKG21" s="8"/>
      <c r="PKH21" s="8"/>
      <c r="PKI21" s="8"/>
      <c r="PKJ21" s="8"/>
      <c r="PKK21" s="8"/>
      <c r="PKL21" s="8"/>
      <c r="PKM21" s="8"/>
      <c r="PKN21" s="8"/>
      <c r="PKO21" s="8"/>
      <c r="PKP21" s="8"/>
      <c r="PKQ21" s="8"/>
      <c r="PKR21" s="8"/>
      <c r="PKS21" s="8"/>
      <c r="PKT21" s="8"/>
      <c r="PKU21" s="8"/>
      <c r="PKV21" s="8"/>
      <c r="PKW21" s="8"/>
      <c r="PKX21" s="8"/>
      <c r="PKY21" s="8"/>
      <c r="PKZ21" s="8"/>
      <c r="PLA21" s="8"/>
      <c r="PLB21" s="8"/>
      <c r="PLC21" s="8"/>
      <c r="PLD21" s="8"/>
      <c r="PLE21" s="8"/>
      <c r="PLF21" s="8"/>
      <c r="PLG21" s="8"/>
      <c r="PLH21" s="8"/>
      <c r="PLI21" s="8"/>
      <c r="PLJ21" s="8"/>
      <c r="PLK21" s="8"/>
      <c r="PLL21" s="8"/>
      <c r="PLM21" s="8"/>
      <c r="PLN21" s="8"/>
      <c r="PLO21" s="8"/>
      <c r="PLP21" s="8"/>
      <c r="PLQ21" s="8"/>
      <c r="PLR21" s="8"/>
      <c r="PLS21" s="8"/>
      <c r="PLT21" s="8"/>
      <c r="PLU21" s="8"/>
      <c r="PLV21" s="8"/>
      <c r="PLW21" s="8"/>
      <c r="PLX21" s="8"/>
      <c r="PLY21" s="8"/>
      <c r="PLZ21" s="8"/>
      <c r="PMA21" s="8"/>
      <c r="PMB21" s="8"/>
      <c r="PMC21" s="8"/>
      <c r="PMD21" s="8"/>
      <c r="PME21" s="8"/>
      <c r="PMF21" s="8"/>
      <c r="PMG21" s="8"/>
      <c r="PMH21" s="8"/>
      <c r="PMI21" s="8"/>
      <c r="PMJ21" s="8"/>
      <c r="PMK21" s="8"/>
      <c r="PML21" s="8"/>
      <c r="PMM21" s="8"/>
      <c r="PMN21" s="8"/>
      <c r="PMO21" s="8"/>
      <c r="PMP21" s="8"/>
      <c r="PMQ21" s="8"/>
      <c r="PMR21" s="8"/>
      <c r="PMS21" s="8"/>
      <c r="PMT21" s="8"/>
      <c r="PMU21" s="8"/>
      <c r="PMV21" s="8"/>
      <c r="PMW21" s="8"/>
      <c r="PMX21" s="8"/>
      <c r="PMY21" s="8"/>
      <c r="PMZ21" s="8"/>
      <c r="PNA21" s="8"/>
      <c r="PNB21" s="8"/>
      <c r="PNC21" s="8"/>
      <c r="PND21" s="8"/>
      <c r="PNE21" s="8"/>
      <c r="PNF21" s="8"/>
      <c r="PNG21" s="8"/>
      <c r="PNH21" s="8"/>
      <c r="PNI21" s="8"/>
      <c r="PNJ21" s="8"/>
      <c r="PNK21" s="8"/>
      <c r="PNL21" s="8"/>
      <c r="PNM21" s="8"/>
      <c r="PNN21" s="8"/>
      <c r="PNO21" s="8"/>
      <c r="PNP21" s="8"/>
      <c r="PNQ21" s="8"/>
      <c r="PNR21" s="8"/>
      <c r="PNS21" s="8"/>
      <c r="PNT21" s="8"/>
      <c r="PNU21" s="8"/>
      <c r="PNV21" s="8"/>
      <c r="PNW21" s="8"/>
      <c r="PNX21" s="8"/>
      <c r="PNY21" s="8"/>
      <c r="PNZ21" s="8"/>
      <c r="POA21" s="8"/>
      <c r="POB21" s="8"/>
      <c r="POC21" s="8"/>
      <c r="POD21" s="8"/>
      <c r="POE21" s="8"/>
      <c r="POF21" s="8"/>
      <c r="POG21" s="8"/>
      <c r="POH21" s="8"/>
      <c r="POI21" s="8"/>
      <c r="POJ21" s="8"/>
      <c r="POK21" s="8"/>
      <c r="POL21" s="8"/>
      <c r="POM21" s="8"/>
      <c r="PON21" s="8"/>
      <c r="POO21" s="8"/>
      <c r="POP21" s="8"/>
      <c r="POQ21" s="8"/>
      <c r="POR21" s="8"/>
      <c r="POS21" s="8"/>
      <c r="POT21" s="8"/>
      <c r="POU21" s="8"/>
      <c r="POV21" s="8"/>
      <c r="POW21" s="8"/>
      <c r="POX21" s="8"/>
      <c r="POY21" s="8"/>
      <c r="POZ21" s="8"/>
      <c r="PPA21" s="8"/>
      <c r="PPB21" s="8"/>
      <c r="PPC21" s="8"/>
      <c r="PPD21" s="8"/>
      <c r="PPE21" s="8"/>
      <c r="PPF21" s="8"/>
      <c r="PPG21" s="8"/>
      <c r="PPH21" s="8"/>
      <c r="PPI21" s="8"/>
      <c r="PPJ21" s="8"/>
      <c r="PPK21" s="8"/>
      <c r="PPL21" s="8"/>
      <c r="PPM21" s="8"/>
      <c r="PPN21" s="8"/>
      <c r="PPO21" s="8"/>
      <c r="PPP21" s="8"/>
      <c r="PPQ21" s="8"/>
      <c r="PPR21" s="8"/>
      <c r="PPS21" s="8"/>
      <c r="PPT21" s="8"/>
      <c r="PPU21" s="8"/>
      <c r="PPV21" s="8"/>
      <c r="PPW21" s="8"/>
      <c r="PPX21" s="8"/>
      <c r="PPY21" s="8"/>
      <c r="PPZ21" s="8"/>
      <c r="PQA21" s="8"/>
      <c r="PQB21" s="8"/>
      <c r="PQC21" s="8"/>
      <c r="PQD21" s="8"/>
      <c r="PQE21" s="8"/>
      <c r="PQF21" s="8"/>
      <c r="PQG21" s="8"/>
      <c r="PQH21" s="8"/>
      <c r="PQI21" s="8"/>
      <c r="PQJ21" s="8"/>
      <c r="PQK21" s="8"/>
      <c r="PQL21" s="8"/>
      <c r="PQM21" s="8"/>
      <c r="PQN21" s="8"/>
      <c r="PQO21" s="8"/>
      <c r="PQP21" s="8"/>
      <c r="PQQ21" s="8"/>
      <c r="PQR21" s="8"/>
      <c r="PQS21" s="8"/>
      <c r="PQT21" s="8"/>
      <c r="PQU21" s="8"/>
      <c r="PQV21" s="8"/>
      <c r="PQW21" s="8"/>
      <c r="PQX21" s="8"/>
      <c r="PQY21" s="8"/>
      <c r="PQZ21" s="8"/>
      <c r="PRA21" s="8"/>
      <c r="PRB21" s="8"/>
      <c r="PRC21" s="8"/>
      <c r="PRD21" s="8"/>
      <c r="PRE21" s="8"/>
      <c r="PRF21" s="8"/>
      <c r="PRG21" s="8"/>
      <c r="PRH21" s="8"/>
      <c r="PRI21" s="8"/>
      <c r="PRJ21" s="8"/>
      <c r="PRK21" s="8"/>
      <c r="PRL21" s="8"/>
      <c r="PRM21" s="8"/>
      <c r="PRN21" s="8"/>
      <c r="PRO21" s="8"/>
      <c r="PRP21" s="8"/>
      <c r="PRQ21" s="8"/>
      <c r="PRR21" s="8"/>
      <c r="PRS21" s="8"/>
      <c r="PRT21" s="8"/>
      <c r="PRU21" s="8"/>
      <c r="PRV21" s="8"/>
      <c r="PRW21" s="8"/>
      <c r="PRX21" s="8"/>
      <c r="PRY21" s="8"/>
      <c r="PRZ21" s="8"/>
      <c r="PSA21" s="8"/>
      <c r="PSB21" s="8"/>
      <c r="PSC21" s="8"/>
      <c r="PSD21" s="8"/>
      <c r="PSE21" s="8"/>
      <c r="PSF21" s="8"/>
      <c r="PSG21" s="8"/>
      <c r="PSH21" s="8"/>
      <c r="PSI21" s="8"/>
      <c r="PSJ21" s="8"/>
      <c r="PSK21" s="8"/>
      <c r="PSL21" s="8"/>
      <c r="PSM21" s="8"/>
      <c r="PSN21" s="8"/>
      <c r="PSO21" s="8"/>
      <c r="PSP21" s="8"/>
      <c r="PSQ21" s="8"/>
      <c r="PSR21" s="8"/>
      <c r="PSS21" s="8"/>
      <c r="PST21" s="8"/>
      <c r="PSU21" s="8"/>
      <c r="PSV21" s="8"/>
      <c r="PSW21" s="8"/>
      <c r="PSX21" s="8"/>
      <c r="PSY21" s="8"/>
      <c r="PSZ21" s="8"/>
      <c r="PTA21" s="8"/>
      <c r="PTB21" s="8"/>
      <c r="PTC21" s="8"/>
      <c r="PTD21" s="8"/>
      <c r="PTE21" s="8"/>
      <c r="PTF21" s="8"/>
      <c r="PTG21" s="8"/>
      <c r="PTH21" s="8"/>
      <c r="PTI21" s="8"/>
      <c r="PTJ21" s="8"/>
      <c r="PTK21" s="8"/>
      <c r="PTL21" s="8"/>
      <c r="PTM21" s="8"/>
      <c r="PTN21" s="8"/>
      <c r="PTO21" s="8"/>
      <c r="PTP21" s="8"/>
      <c r="PTQ21" s="8"/>
      <c r="PTR21" s="8"/>
      <c r="PTS21" s="8"/>
      <c r="PTT21" s="8"/>
      <c r="PTU21" s="8"/>
      <c r="PTV21" s="8"/>
      <c r="PTW21" s="8"/>
      <c r="PTX21" s="8"/>
      <c r="PTY21" s="8"/>
      <c r="PTZ21" s="8"/>
      <c r="PUA21" s="8"/>
      <c r="PUB21" s="8"/>
      <c r="PUC21" s="8"/>
      <c r="PUD21" s="8"/>
      <c r="PUE21" s="8"/>
      <c r="PUF21" s="8"/>
      <c r="PUG21" s="8"/>
      <c r="PUH21" s="8"/>
      <c r="PUI21" s="8"/>
      <c r="PUJ21" s="8"/>
      <c r="PUK21" s="8"/>
      <c r="PUL21" s="8"/>
      <c r="PUM21" s="8"/>
      <c r="PUN21" s="8"/>
      <c r="PUO21" s="8"/>
      <c r="PUP21" s="8"/>
      <c r="PUQ21" s="8"/>
      <c r="PUR21" s="8"/>
      <c r="PUS21" s="8"/>
      <c r="PUT21" s="8"/>
      <c r="PUU21" s="8"/>
      <c r="PUV21" s="8"/>
      <c r="PUW21" s="8"/>
      <c r="PUX21" s="8"/>
      <c r="PUY21" s="8"/>
      <c r="PUZ21" s="8"/>
      <c r="PVA21" s="8"/>
      <c r="PVB21" s="8"/>
      <c r="PVC21" s="8"/>
      <c r="PVD21" s="8"/>
      <c r="PVE21" s="8"/>
      <c r="PVF21" s="8"/>
      <c r="PVG21" s="8"/>
      <c r="PVH21" s="8"/>
      <c r="PVI21" s="8"/>
      <c r="PVJ21" s="8"/>
      <c r="PVK21" s="8"/>
      <c r="PVL21" s="8"/>
      <c r="PVM21" s="8"/>
      <c r="PVN21" s="8"/>
      <c r="PVO21" s="8"/>
      <c r="PVP21" s="8"/>
      <c r="PVQ21" s="8"/>
      <c r="PVR21" s="8"/>
      <c r="PVS21" s="8"/>
      <c r="PVT21" s="8"/>
      <c r="PVU21" s="8"/>
      <c r="PVV21" s="8"/>
      <c r="PVW21" s="8"/>
      <c r="PVX21" s="8"/>
      <c r="PVY21" s="8"/>
      <c r="PVZ21" s="8"/>
      <c r="PWA21" s="8"/>
      <c r="PWB21" s="8"/>
      <c r="PWC21" s="8"/>
      <c r="PWD21" s="8"/>
      <c r="PWE21" s="8"/>
      <c r="PWF21" s="8"/>
      <c r="PWG21" s="8"/>
      <c r="PWH21" s="8"/>
      <c r="PWI21" s="8"/>
      <c r="PWJ21" s="8"/>
      <c r="PWK21" s="8"/>
      <c r="PWL21" s="8"/>
      <c r="PWM21" s="8"/>
      <c r="PWN21" s="8"/>
      <c r="PWO21" s="8"/>
      <c r="PWP21" s="8"/>
      <c r="PWQ21" s="8"/>
      <c r="PWR21" s="8"/>
      <c r="PWS21" s="8"/>
      <c r="PWT21" s="8"/>
      <c r="PWU21" s="8"/>
      <c r="PWV21" s="8"/>
      <c r="PWW21" s="8"/>
      <c r="PWX21" s="8"/>
      <c r="PWY21" s="8"/>
      <c r="PWZ21" s="8"/>
      <c r="PXA21" s="8"/>
      <c r="PXB21" s="8"/>
      <c r="PXC21" s="8"/>
      <c r="PXD21" s="8"/>
      <c r="PXE21" s="8"/>
      <c r="PXF21" s="8"/>
      <c r="PXG21" s="8"/>
      <c r="PXH21" s="8"/>
      <c r="PXI21" s="8"/>
      <c r="PXJ21" s="8"/>
      <c r="PXK21" s="8"/>
      <c r="PXL21" s="8"/>
      <c r="PXM21" s="8"/>
      <c r="PXN21" s="8"/>
      <c r="PXO21" s="8"/>
      <c r="PXP21" s="8"/>
      <c r="PXQ21" s="8"/>
      <c r="PXR21" s="8"/>
      <c r="PXS21" s="8"/>
      <c r="PXT21" s="8"/>
      <c r="PXU21" s="8"/>
      <c r="PXV21" s="8"/>
      <c r="PXW21" s="8"/>
      <c r="PXX21" s="8"/>
      <c r="PXY21" s="8"/>
      <c r="PXZ21" s="8"/>
      <c r="PYA21" s="8"/>
      <c r="PYB21" s="8"/>
      <c r="PYC21" s="8"/>
      <c r="PYD21" s="8"/>
      <c r="PYE21" s="8"/>
      <c r="PYF21" s="8"/>
      <c r="PYG21" s="8"/>
      <c r="PYH21" s="8"/>
      <c r="PYI21" s="8"/>
      <c r="PYJ21" s="8"/>
      <c r="PYK21" s="8"/>
      <c r="PYL21" s="8"/>
      <c r="PYM21" s="8"/>
      <c r="PYN21" s="8"/>
      <c r="PYO21" s="8"/>
      <c r="PYP21" s="8"/>
      <c r="PYQ21" s="8"/>
      <c r="PYR21" s="8"/>
      <c r="PYS21" s="8"/>
      <c r="PYT21" s="8"/>
      <c r="PYU21" s="8"/>
      <c r="PYV21" s="8"/>
      <c r="PYW21" s="8"/>
      <c r="PYX21" s="8"/>
      <c r="PYY21" s="8"/>
      <c r="PYZ21" s="8"/>
      <c r="PZA21" s="8"/>
      <c r="PZB21" s="8"/>
      <c r="PZC21" s="8"/>
      <c r="PZD21" s="8"/>
      <c r="PZE21" s="8"/>
      <c r="PZF21" s="8"/>
      <c r="PZG21" s="8"/>
      <c r="PZH21" s="8"/>
      <c r="PZI21" s="8"/>
      <c r="PZJ21" s="8"/>
      <c r="PZK21" s="8"/>
      <c r="PZL21" s="8"/>
      <c r="PZM21" s="8"/>
      <c r="PZN21" s="8"/>
      <c r="PZO21" s="8"/>
      <c r="PZP21" s="8"/>
      <c r="PZQ21" s="8"/>
      <c r="PZR21" s="8"/>
      <c r="PZS21" s="8"/>
      <c r="PZT21" s="8"/>
      <c r="PZU21" s="8"/>
      <c r="PZV21" s="8"/>
      <c r="PZW21" s="8"/>
      <c r="PZX21" s="8"/>
      <c r="PZY21" s="8"/>
      <c r="PZZ21" s="8"/>
      <c r="QAA21" s="8"/>
      <c r="QAB21" s="8"/>
      <c r="QAC21" s="8"/>
      <c r="QAD21" s="8"/>
      <c r="QAE21" s="8"/>
      <c r="QAF21" s="8"/>
      <c r="QAG21" s="8"/>
      <c r="QAH21" s="8"/>
      <c r="QAI21" s="8"/>
      <c r="QAJ21" s="8"/>
      <c r="QAK21" s="8"/>
      <c r="QAL21" s="8"/>
      <c r="QAM21" s="8"/>
      <c r="QAN21" s="8"/>
      <c r="QAO21" s="8"/>
      <c r="QAP21" s="8"/>
      <c r="QAQ21" s="8"/>
      <c r="QAR21" s="8"/>
      <c r="QAS21" s="8"/>
      <c r="QAT21" s="8"/>
      <c r="QAU21" s="8"/>
      <c r="QAV21" s="8"/>
      <c r="QAW21" s="8"/>
      <c r="QAX21" s="8"/>
      <c r="QAY21" s="8"/>
      <c r="QAZ21" s="8"/>
      <c r="QBA21" s="8"/>
      <c r="QBB21" s="8"/>
      <c r="QBC21" s="8"/>
      <c r="QBD21" s="8"/>
      <c r="QBE21" s="8"/>
      <c r="QBF21" s="8"/>
      <c r="QBG21" s="8"/>
      <c r="QBH21" s="8"/>
      <c r="QBI21" s="8"/>
      <c r="QBJ21" s="8"/>
      <c r="QBK21" s="8"/>
      <c r="QBL21" s="8"/>
      <c r="QBM21" s="8"/>
      <c r="QBN21" s="8"/>
      <c r="QBO21" s="8"/>
      <c r="QBP21" s="8"/>
      <c r="QBQ21" s="8"/>
      <c r="QBR21" s="8"/>
      <c r="QBS21" s="8"/>
      <c r="QBT21" s="8"/>
      <c r="QBU21" s="8"/>
      <c r="QBV21" s="8"/>
      <c r="QBW21" s="8"/>
      <c r="QBX21" s="8"/>
      <c r="QBY21" s="8"/>
      <c r="QBZ21" s="8"/>
      <c r="QCA21" s="8"/>
      <c r="QCB21" s="8"/>
      <c r="QCC21" s="8"/>
      <c r="QCD21" s="8"/>
      <c r="QCE21" s="8"/>
      <c r="QCF21" s="8"/>
      <c r="QCG21" s="8"/>
      <c r="QCH21" s="8"/>
      <c r="QCI21" s="8"/>
      <c r="QCJ21" s="8"/>
      <c r="QCK21" s="8"/>
      <c r="QCL21" s="8"/>
      <c r="QCM21" s="8"/>
      <c r="QCN21" s="8"/>
      <c r="QCO21" s="8"/>
      <c r="QCP21" s="8"/>
      <c r="QCQ21" s="8"/>
      <c r="QCR21" s="8"/>
      <c r="QCS21" s="8"/>
      <c r="QCT21" s="8"/>
      <c r="QCU21" s="8"/>
      <c r="QCV21" s="8"/>
      <c r="QCW21" s="8"/>
      <c r="QCX21" s="8"/>
      <c r="QCY21" s="8"/>
      <c r="QCZ21" s="8"/>
      <c r="QDA21" s="8"/>
      <c r="QDB21" s="8"/>
      <c r="QDC21" s="8"/>
      <c r="QDD21" s="8"/>
      <c r="QDE21" s="8"/>
      <c r="QDF21" s="8"/>
      <c r="QDG21" s="8"/>
      <c r="QDH21" s="8"/>
      <c r="QDI21" s="8"/>
      <c r="QDJ21" s="8"/>
      <c r="QDK21" s="8"/>
      <c r="QDL21" s="8"/>
      <c r="QDM21" s="8"/>
      <c r="QDN21" s="8"/>
      <c r="QDO21" s="8"/>
      <c r="QDP21" s="8"/>
      <c r="QDQ21" s="8"/>
      <c r="QDR21" s="8"/>
      <c r="QDS21" s="8"/>
      <c r="QDT21" s="8"/>
      <c r="QDU21" s="8"/>
      <c r="QDV21" s="8"/>
      <c r="QDW21" s="8"/>
      <c r="QDX21" s="8"/>
      <c r="QDY21" s="8"/>
      <c r="QDZ21" s="8"/>
      <c r="QEA21" s="8"/>
      <c r="QEB21" s="8"/>
      <c r="QEC21" s="8"/>
      <c r="QED21" s="8"/>
      <c r="QEE21" s="8"/>
      <c r="QEF21" s="8"/>
      <c r="QEG21" s="8"/>
      <c r="QEH21" s="8"/>
      <c r="QEI21" s="8"/>
      <c r="QEJ21" s="8"/>
      <c r="QEK21" s="8"/>
      <c r="QEL21" s="8"/>
      <c r="QEM21" s="8"/>
      <c r="QEN21" s="8"/>
      <c r="QEO21" s="8"/>
      <c r="QEP21" s="8"/>
      <c r="QEQ21" s="8"/>
      <c r="QER21" s="8"/>
      <c r="QES21" s="8"/>
      <c r="QET21" s="8"/>
      <c r="QEU21" s="8"/>
      <c r="QEV21" s="8"/>
      <c r="QEW21" s="8"/>
      <c r="QEX21" s="8"/>
      <c r="QEY21" s="8"/>
      <c r="QEZ21" s="8"/>
      <c r="QFA21" s="8"/>
      <c r="QFB21" s="8"/>
      <c r="QFC21" s="8"/>
      <c r="QFD21" s="8"/>
      <c r="QFE21" s="8"/>
      <c r="QFF21" s="8"/>
      <c r="QFG21" s="8"/>
      <c r="QFH21" s="8"/>
      <c r="QFI21" s="8"/>
      <c r="QFJ21" s="8"/>
      <c r="QFK21" s="8"/>
      <c r="QFL21" s="8"/>
      <c r="QFM21" s="8"/>
      <c r="QFN21" s="8"/>
      <c r="QFO21" s="8"/>
      <c r="QFP21" s="8"/>
      <c r="QFQ21" s="8"/>
      <c r="QFR21" s="8"/>
      <c r="QFS21" s="8"/>
      <c r="QFT21" s="8"/>
      <c r="QFU21" s="8"/>
      <c r="QFV21" s="8"/>
      <c r="QFW21" s="8"/>
      <c r="QFX21" s="8"/>
      <c r="QFY21" s="8"/>
      <c r="QFZ21" s="8"/>
      <c r="QGA21" s="8"/>
      <c r="QGB21" s="8"/>
      <c r="QGC21" s="8"/>
      <c r="QGD21" s="8"/>
      <c r="QGE21" s="8"/>
      <c r="QGF21" s="8"/>
      <c r="QGG21" s="8"/>
      <c r="QGH21" s="8"/>
      <c r="QGI21" s="8"/>
      <c r="QGJ21" s="8"/>
      <c r="QGK21" s="8"/>
      <c r="QGL21" s="8"/>
      <c r="QGM21" s="8"/>
      <c r="QGN21" s="8"/>
      <c r="QGO21" s="8"/>
      <c r="QGP21" s="8"/>
      <c r="QGQ21" s="8"/>
      <c r="QGR21" s="8"/>
      <c r="QGS21" s="8"/>
      <c r="QGT21" s="8"/>
      <c r="QGU21" s="8"/>
      <c r="QGV21" s="8"/>
      <c r="QGW21" s="8"/>
      <c r="QGX21" s="8"/>
      <c r="QGY21" s="8"/>
      <c r="QGZ21" s="8"/>
      <c r="QHA21" s="8"/>
      <c r="QHB21" s="8"/>
      <c r="QHC21" s="8"/>
      <c r="QHD21" s="8"/>
      <c r="QHE21" s="8"/>
      <c r="QHF21" s="8"/>
      <c r="QHG21" s="8"/>
      <c r="QHH21" s="8"/>
      <c r="QHI21" s="8"/>
      <c r="QHJ21" s="8"/>
      <c r="QHK21" s="8"/>
      <c r="QHL21" s="8"/>
      <c r="QHM21" s="8"/>
      <c r="QHN21" s="8"/>
      <c r="QHO21" s="8"/>
      <c r="QHP21" s="8"/>
      <c r="QHQ21" s="8"/>
      <c r="QHR21" s="8"/>
      <c r="QHS21" s="8"/>
      <c r="QHT21" s="8"/>
      <c r="QHU21" s="8"/>
      <c r="QHV21" s="8"/>
      <c r="QHW21" s="8"/>
      <c r="QHX21" s="8"/>
      <c r="QHY21" s="8"/>
      <c r="QHZ21" s="8"/>
      <c r="QIA21" s="8"/>
      <c r="QIB21" s="8"/>
      <c r="QIC21" s="8"/>
      <c r="QID21" s="8"/>
      <c r="QIE21" s="8"/>
      <c r="QIF21" s="8"/>
      <c r="QIG21" s="8"/>
      <c r="QIH21" s="8"/>
      <c r="QII21" s="8"/>
      <c r="QIJ21" s="8"/>
      <c r="QIK21" s="8"/>
      <c r="QIL21" s="8"/>
      <c r="QIM21" s="8"/>
      <c r="QIN21" s="8"/>
      <c r="QIO21" s="8"/>
      <c r="QIP21" s="8"/>
      <c r="QIQ21" s="8"/>
      <c r="QIR21" s="8"/>
      <c r="QIS21" s="8"/>
      <c r="QIT21" s="8"/>
      <c r="QIU21" s="8"/>
      <c r="QIV21" s="8"/>
      <c r="QIW21" s="8"/>
      <c r="QIX21" s="8"/>
      <c r="QIY21" s="8"/>
      <c r="QIZ21" s="8"/>
      <c r="QJA21" s="8"/>
      <c r="QJB21" s="8"/>
      <c r="QJC21" s="8"/>
      <c r="QJD21" s="8"/>
      <c r="QJE21" s="8"/>
      <c r="QJF21" s="8"/>
      <c r="QJG21" s="8"/>
      <c r="QJH21" s="8"/>
      <c r="QJI21" s="8"/>
      <c r="QJJ21" s="8"/>
      <c r="QJK21" s="8"/>
      <c r="QJL21" s="8"/>
      <c r="QJM21" s="8"/>
      <c r="QJN21" s="8"/>
      <c r="QJO21" s="8"/>
      <c r="QJP21" s="8"/>
      <c r="QJQ21" s="8"/>
      <c r="QJR21" s="8"/>
      <c r="QJS21" s="8"/>
      <c r="QJT21" s="8"/>
      <c r="QJU21" s="8"/>
      <c r="QJV21" s="8"/>
      <c r="QJW21" s="8"/>
      <c r="QJX21" s="8"/>
      <c r="QJY21" s="8"/>
      <c r="QJZ21" s="8"/>
      <c r="QKA21" s="8"/>
      <c r="QKB21" s="8"/>
      <c r="QKC21" s="8"/>
      <c r="QKD21" s="8"/>
      <c r="QKE21" s="8"/>
      <c r="QKF21" s="8"/>
      <c r="QKG21" s="8"/>
      <c r="QKH21" s="8"/>
      <c r="QKI21" s="8"/>
      <c r="QKJ21" s="8"/>
      <c r="QKK21" s="8"/>
      <c r="QKL21" s="8"/>
      <c r="QKM21" s="8"/>
      <c r="QKN21" s="8"/>
      <c r="QKO21" s="8"/>
      <c r="QKP21" s="8"/>
      <c r="QKQ21" s="8"/>
      <c r="QKR21" s="8"/>
      <c r="QKS21" s="8"/>
      <c r="QKT21" s="8"/>
      <c r="QKU21" s="8"/>
      <c r="QKV21" s="8"/>
      <c r="QKW21" s="8"/>
      <c r="QKX21" s="8"/>
      <c r="QKY21" s="8"/>
      <c r="QKZ21" s="8"/>
      <c r="QLA21" s="8"/>
      <c r="QLB21" s="8"/>
      <c r="QLC21" s="8"/>
      <c r="QLD21" s="8"/>
      <c r="QLE21" s="8"/>
      <c r="QLF21" s="8"/>
      <c r="QLG21" s="8"/>
      <c r="QLH21" s="8"/>
      <c r="QLI21" s="8"/>
      <c r="QLJ21" s="8"/>
      <c r="QLK21" s="8"/>
      <c r="QLL21" s="8"/>
      <c r="QLM21" s="8"/>
      <c r="QLN21" s="8"/>
      <c r="QLO21" s="8"/>
      <c r="QLP21" s="8"/>
      <c r="QLQ21" s="8"/>
      <c r="QLR21" s="8"/>
      <c r="QLS21" s="8"/>
      <c r="QLT21" s="8"/>
      <c r="QLU21" s="8"/>
      <c r="QLV21" s="8"/>
      <c r="QLW21" s="8"/>
      <c r="QLX21" s="8"/>
      <c r="QLY21" s="8"/>
      <c r="QLZ21" s="8"/>
      <c r="QMA21" s="8"/>
      <c r="QMB21" s="8"/>
      <c r="QMC21" s="8"/>
      <c r="QMD21" s="8"/>
      <c r="QME21" s="8"/>
      <c r="QMF21" s="8"/>
      <c r="QMG21" s="8"/>
      <c r="QMH21" s="8"/>
      <c r="QMI21" s="8"/>
      <c r="QMJ21" s="8"/>
      <c r="QMK21" s="8"/>
      <c r="QML21" s="8"/>
      <c r="QMM21" s="8"/>
      <c r="QMN21" s="8"/>
      <c r="QMO21" s="8"/>
      <c r="QMP21" s="8"/>
      <c r="QMQ21" s="8"/>
      <c r="QMR21" s="8"/>
      <c r="QMS21" s="8"/>
      <c r="QMT21" s="8"/>
      <c r="QMU21" s="8"/>
      <c r="QMV21" s="8"/>
      <c r="QMW21" s="8"/>
      <c r="QMX21" s="8"/>
      <c r="QMY21" s="8"/>
      <c r="QMZ21" s="8"/>
      <c r="QNA21" s="8"/>
      <c r="QNB21" s="8"/>
      <c r="QNC21" s="8"/>
      <c r="QND21" s="8"/>
      <c r="QNE21" s="8"/>
      <c r="QNF21" s="8"/>
      <c r="QNG21" s="8"/>
      <c r="QNH21" s="8"/>
      <c r="QNI21" s="8"/>
      <c r="QNJ21" s="8"/>
      <c r="QNK21" s="8"/>
      <c r="QNL21" s="8"/>
      <c r="QNM21" s="8"/>
      <c r="QNN21" s="8"/>
      <c r="QNO21" s="8"/>
      <c r="QNP21" s="8"/>
      <c r="QNQ21" s="8"/>
      <c r="QNR21" s="8"/>
      <c r="QNS21" s="8"/>
      <c r="QNT21" s="8"/>
      <c r="QNU21" s="8"/>
      <c r="QNV21" s="8"/>
      <c r="QNW21" s="8"/>
      <c r="QNX21" s="8"/>
      <c r="QNY21" s="8"/>
      <c r="QNZ21" s="8"/>
      <c r="QOA21" s="8"/>
      <c r="QOB21" s="8"/>
      <c r="QOC21" s="8"/>
      <c r="QOD21" s="8"/>
      <c r="QOE21" s="8"/>
      <c r="QOF21" s="8"/>
      <c r="QOG21" s="8"/>
      <c r="QOH21" s="8"/>
      <c r="QOI21" s="8"/>
      <c r="QOJ21" s="8"/>
      <c r="QOK21" s="8"/>
      <c r="QOL21" s="8"/>
      <c r="QOM21" s="8"/>
      <c r="QON21" s="8"/>
      <c r="QOO21" s="8"/>
      <c r="QOP21" s="8"/>
      <c r="QOQ21" s="8"/>
      <c r="QOR21" s="8"/>
      <c r="QOS21" s="8"/>
      <c r="QOT21" s="8"/>
      <c r="QOU21" s="8"/>
      <c r="QOV21" s="8"/>
      <c r="QOW21" s="8"/>
      <c r="QOX21" s="8"/>
      <c r="QOY21" s="8"/>
      <c r="QOZ21" s="8"/>
      <c r="QPA21" s="8"/>
      <c r="QPB21" s="8"/>
      <c r="QPC21" s="8"/>
      <c r="QPD21" s="8"/>
      <c r="QPE21" s="8"/>
      <c r="QPF21" s="8"/>
      <c r="QPG21" s="8"/>
      <c r="QPH21" s="8"/>
      <c r="QPI21" s="8"/>
      <c r="QPJ21" s="8"/>
      <c r="QPK21" s="8"/>
      <c r="QPL21" s="8"/>
      <c r="QPM21" s="8"/>
      <c r="QPN21" s="8"/>
      <c r="QPO21" s="8"/>
      <c r="QPP21" s="8"/>
      <c r="QPQ21" s="8"/>
      <c r="QPR21" s="8"/>
      <c r="QPS21" s="8"/>
      <c r="QPT21" s="8"/>
      <c r="QPU21" s="8"/>
      <c r="QPV21" s="8"/>
      <c r="QPW21" s="8"/>
      <c r="QPX21" s="8"/>
      <c r="QPY21" s="8"/>
      <c r="QPZ21" s="8"/>
      <c r="QQA21" s="8"/>
      <c r="QQB21" s="8"/>
      <c r="QQC21" s="8"/>
      <c r="QQD21" s="8"/>
      <c r="QQE21" s="8"/>
      <c r="QQF21" s="8"/>
      <c r="QQG21" s="8"/>
      <c r="QQH21" s="8"/>
      <c r="QQI21" s="8"/>
      <c r="QQJ21" s="8"/>
      <c r="QQK21" s="8"/>
      <c r="QQL21" s="8"/>
      <c r="QQM21" s="8"/>
      <c r="QQN21" s="8"/>
      <c r="QQO21" s="8"/>
      <c r="QQP21" s="8"/>
      <c r="QQQ21" s="8"/>
      <c r="QQR21" s="8"/>
      <c r="QQS21" s="8"/>
      <c r="QQT21" s="8"/>
      <c r="QQU21" s="8"/>
      <c r="QQV21" s="8"/>
      <c r="QQW21" s="8"/>
      <c r="QQX21" s="8"/>
      <c r="QQY21" s="8"/>
      <c r="QQZ21" s="8"/>
      <c r="QRA21" s="8"/>
      <c r="QRB21" s="8"/>
      <c r="QRC21" s="8"/>
      <c r="QRD21" s="8"/>
      <c r="QRE21" s="8"/>
      <c r="QRF21" s="8"/>
      <c r="QRG21" s="8"/>
      <c r="QRH21" s="8"/>
      <c r="QRI21" s="8"/>
      <c r="QRJ21" s="8"/>
      <c r="QRK21" s="8"/>
      <c r="QRL21" s="8"/>
      <c r="QRM21" s="8"/>
      <c r="QRN21" s="8"/>
      <c r="QRO21" s="8"/>
      <c r="QRP21" s="8"/>
      <c r="QRQ21" s="8"/>
      <c r="QRR21" s="8"/>
      <c r="QRS21" s="8"/>
      <c r="QRT21" s="8"/>
      <c r="QRU21" s="8"/>
      <c r="QRV21" s="8"/>
      <c r="QRW21" s="8"/>
      <c r="QRX21" s="8"/>
      <c r="QRY21" s="8"/>
      <c r="QRZ21" s="8"/>
      <c r="QSA21" s="8"/>
      <c r="QSB21" s="8"/>
      <c r="QSC21" s="8"/>
      <c r="QSD21" s="8"/>
      <c r="QSE21" s="8"/>
      <c r="QSF21" s="8"/>
      <c r="QSG21" s="8"/>
      <c r="QSH21" s="8"/>
      <c r="QSI21" s="8"/>
      <c r="QSJ21" s="8"/>
      <c r="QSK21" s="8"/>
      <c r="QSL21" s="8"/>
      <c r="QSM21" s="8"/>
      <c r="QSN21" s="8"/>
      <c r="QSO21" s="8"/>
      <c r="QSP21" s="8"/>
      <c r="QSQ21" s="8"/>
      <c r="QSR21" s="8"/>
      <c r="QSS21" s="8"/>
      <c r="QST21" s="8"/>
      <c r="QSU21" s="8"/>
      <c r="QSV21" s="8"/>
      <c r="QSW21" s="8"/>
      <c r="QSX21" s="8"/>
      <c r="QSY21" s="8"/>
      <c r="QSZ21" s="8"/>
      <c r="QTA21" s="8"/>
      <c r="QTB21" s="8"/>
      <c r="QTC21" s="8"/>
      <c r="QTD21" s="8"/>
      <c r="QTE21" s="8"/>
      <c r="QTF21" s="8"/>
      <c r="QTG21" s="8"/>
      <c r="QTH21" s="8"/>
      <c r="QTI21" s="8"/>
      <c r="QTJ21" s="8"/>
      <c r="QTK21" s="8"/>
      <c r="QTL21" s="8"/>
      <c r="QTM21" s="8"/>
      <c r="QTN21" s="8"/>
      <c r="QTO21" s="8"/>
      <c r="QTP21" s="8"/>
      <c r="QTQ21" s="8"/>
      <c r="QTR21" s="8"/>
      <c r="QTS21" s="8"/>
      <c r="QTT21" s="8"/>
      <c r="QTU21" s="8"/>
      <c r="QTV21" s="8"/>
      <c r="QTW21" s="8"/>
      <c r="QTX21" s="8"/>
      <c r="QTY21" s="8"/>
      <c r="QTZ21" s="8"/>
      <c r="QUA21" s="8"/>
      <c r="QUB21" s="8"/>
      <c r="QUC21" s="8"/>
      <c r="QUD21" s="8"/>
      <c r="QUE21" s="8"/>
      <c r="QUF21" s="8"/>
      <c r="QUG21" s="8"/>
      <c r="QUH21" s="8"/>
      <c r="QUI21" s="8"/>
      <c r="QUJ21" s="8"/>
      <c r="QUK21" s="8"/>
      <c r="QUL21" s="8"/>
      <c r="QUM21" s="8"/>
      <c r="QUN21" s="8"/>
      <c r="QUO21" s="8"/>
      <c r="QUP21" s="8"/>
      <c r="QUQ21" s="8"/>
      <c r="QUR21" s="8"/>
      <c r="QUS21" s="8"/>
      <c r="QUT21" s="8"/>
      <c r="QUU21" s="8"/>
      <c r="QUV21" s="8"/>
      <c r="QUW21" s="8"/>
      <c r="QUX21" s="8"/>
      <c r="QUY21" s="8"/>
      <c r="QUZ21" s="8"/>
      <c r="QVA21" s="8"/>
      <c r="QVB21" s="8"/>
      <c r="QVC21" s="8"/>
      <c r="QVD21" s="8"/>
      <c r="QVE21" s="8"/>
      <c r="QVF21" s="8"/>
      <c r="QVG21" s="8"/>
      <c r="QVH21" s="8"/>
      <c r="QVI21" s="8"/>
      <c r="QVJ21" s="8"/>
      <c r="QVK21" s="8"/>
      <c r="QVL21" s="8"/>
      <c r="QVM21" s="8"/>
      <c r="QVN21" s="8"/>
      <c r="QVO21" s="8"/>
      <c r="QVP21" s="8"/>
      <c r="QVQ21" s="8"/>
      <c r="QVR21" s="8"/>
      <c r="QVS21" s="8"/>
      <c r="QVT21" s="8"/>
      <c r="QVU21" s="8"/>
      <c r="QVV21" s="8"/>
      <c r="QVW21" s="8"/>
      <c r="QVX21" s="8"/>
      <c r="QVY21" s="8"/>
      <c r="QVZ21" s="8"/>
      <c r="QWA21" s="8"/>
      <c r="QWB21" s="8"/>
      <c r="QWC21" s="8"/>
      <c r="QWD21" s="8"/>
      <c r="QWE21" s="8"/>
      <c r="QWF21" s="8"/>
      <c r="QWG21" s="8"/>
      <c r="QWH21" s="8"/>
      <c r="QWI21" s="8"/>
      <c r="QWJ21" s="8"/>
      <c r="QWK21" s="8"/>
      <c r="QWL21" s="8"/>
      <c r="QWM21" s="8"/>
      <c r="QWN21" s="8"/>
      <c r="QWO21" s="8"/>
      <c r="QWP21" s="8"/>
      <c r="QWQ21" s="8"/>
      <c r="QWR21" s="8"/>
      <c r="QWS21" s="8"/>
      <c r="QWT21" s="8"/>
      <c r="QWU21" s="8"/>
      <c r="QWV21" s="8"/>
      <c r="QWW21" s="8"/>
      <c r="QWX21" s="8"/>
      <c r="QWY21" s="8"/>
      <c r="QWZ21" s="8"/>
      <c r="QXA21" s="8"/>
      <c r="QXB21" s="8"/>
      <c r="QXC21" s="8"/>
      <c r="QXD21" s="8"/>
      <c r="QXE21" s="8"/>
      <c r="QXF21" s="8"/>
      <c r="QXG21" s="8"/>
      <c r="QXH21" s="8"/>
      <c r="QXI21" s="8"/>
      <c r="QXJ21" s="8"/>
      <c r="QXK21" s="8"/>
      <c r="QXL21" s="8"/>
      <c r="QXM21" s="8"/>
      <c r="QXN21" s="8"/>
      <c r="QXO21" s="8"/>
      <c r="QXP21" s="8"/>
      <c r="QXQ21" s="8"/>
      <c r="QXR21" s="8"/>
      <c r="QXS21" s="8"/>
      <c r="QXT21" s="8"/>
      <c r="QXU21" s="8"/>
      <c r="QXV21" s="8"/>
      <c r="QXW21" s="8"/>
      <c r="QXX21" s="8"/>
      <c r="QXY21" s="8"/>
      <c r="QXZ21" s="8"/>
      <c r="QYA21" s="8"/>
      <c r="QYB21" s="8"/>
      <c r="QYC21" s="8"/>
      <c r="QYD21" s="8"/>
      <c r="QYE21" s="8"/>
      <c r="QYF21" s="8"/>
      <c r="QYG21" s="8"/>
      <c r="QYH21" s="8"/>
      <c r="QYI21" s="8"/>
      <c r="QYJ21" s="8"/>
      <c r="QYK21" s="8"/>
      <c r="QYL21" s="8"/>
      <c r="QYM21" s="8"/>
      <c r="QYN21" s="8"/>
      <c r="QYO21" s="8"/>
      <c r="QYP21" s="8"/>
      <c r="QYQ21" s="8"/>
      <c r="QYR21" s="8"/>
      <c r="QYS21" s="8"/>
      <c r="QYT21" s="8"/>
      <c r="QYU21" s="8"/>
      <c r="QYV21" s="8"/>
      <c r="QYW21" s="8"/>
      <c r="QYX21" s="8"/>
      <c r="QYY21" s="8"/>
      <c r="QYZ21" s="8"/>
      <c r="QZA21" s="8"/>
      <c r="QZB21" s="8"/>
      <c r="QZC21" s="8"/>
      <c r="QZD21" s="8"/>
      <c r="QZE21" s="8"/>
      <c r="QZF21" s="8"/>
      <c r="QZG21" s="8"/>
      <c r="QZH21" s="8"/>
      <c r="QZI21" s="8"/>
      <c r="QZJ21" s="8"/>
      <c r="QZK21" s="8"/>
      <c r="QZL21" s="8"/>
      <c r="QZM21" s="8"/>
      <c r="QZN21" s="8"/>
      <c r="QZO21" s="8"/>
      <c r="QZP21" s="8"/>
      <c r="QZQ21" s="8"/>
      <c r="QZR21" s="8"/>
      <c r="QZS21" s="8"/>
      <c r="QZT21" s="8"/>
      <c r="QZU21" s="8"/>
      <c r="QZV21" s="8"/>
      <c r="QZW21" s="8"/>
      <c r="QZX21" s="8"/>
      <c r="QZY21" s="8"/>
      <c r="QZZ21" s="8"/>
      <c r="RAA21" s="8"/>
      <c r="RAB21" s="8"/>
      <c r="RAC21" s="8"/>
      <c r="RAD21" s="8"/>
      <c r="RAE21" s="8"/>
      <c r="RAF21" s="8"/>
      <c r="RAG21" s="8"/>
      <c r="RAH21" s="8"/>
      <c r="RAI21" s="8"/>
      <c r="RAJ21" s="8"/>
      <c r="RAK21" s="8"/>
      <c r="RAL21" s="8"/>
      <c r="RAM21" s="8"/>
      <c r="RAN21" s="8"/>
      <c r="RAO21" s="8"/>
      <c r="RAP21" s="8"/>
      <c r="RAQ21" s="8"/>
      <c r="RAR21" s="8"/>
      <c r="RAS21" s="8"/>
      <c r="RAT21" s="8"/>
      <c r="RAU21" s="8"/>
      <c r="RAV21" s="8"/>
      <c r="RAW21" s="8"/>
      <c r="RAX21" s="8"/>
      <c r="RAY21" s="8"/>
      <c r="RAZ21" s="8"/>
      <c r="RBA21" s="8"/>
      <c r="RBB21" s="8"/>
      <c r="RBC21" s="8"/>
      <c r="RBD21" s="8"/>
      <c r="RBE21" s="8"/>
      <c r="RBF21" s="8"/>
      <c r="RBG21" s="8"/>
      <c r="RBH21" s="8"/>
      <c r="RBI21" s="8"/>
      <c r="RBJ21" s="8"/>
      <c r="RBK21" s="8"/>
      <c r="RBL21" s="8"/>
      <c r="RBM21" s="8"/>
      <c r="RBN21" s="8"/>
      <c r="RBO21" s="8"/>
      <c r="RBP21" s="8"/>
      <c r="RBQ21" s="8"/>
      <c r="RBR21" s="8"/>
      <c r="RBS21" s="8"/>
      <c r="RBT21" s="8"/>
      <c r="RBU21" s="8"/>
      <c r="RBV21" s="8"/>
      <c r="RBW21" s="8"/>
      <c r="RBX21" s="8"/>
      <c r="RBY21" s="8"/>
      <c r="RBZ21" s="8"/>
      <c r="RCA21" s="8"/>
      <c r="RCB21" s="8"/>
      <c r="RCC21" s="8"/>
      <c r="RCD21" s="8"/>
      <c r="RCE21" s="8"/>
      <c r="RCF21" s="8"/>
      <c r="RCG21" s="8"/>
      <c r="RCH21" s="8"/>
      <c r="RCI21" s="8"/>
      <c r="RCJ21" s="8"/>
      <c r="RCK21" s="8"/>
      <c r="RCL21" s="8"/>
      <c r="RCM21" s="8"/>
      <c r="RCN21" s="8"/>
      <c r="RCO21" s="8"/>
      <c r="RCP21" s="8"/>
      <c r="RCQ21" s="8"/>
      <c r="RCR21" s="8"/>
      <c r="RCS21" s="8"/>
      <c r="RCT21" s="8"/>
      <c r="RCU21" s="8"/>
      <c r="RCV21" s="8"/>
      <c r="RCW21" s="8"/>
      <c r="RCX21" s="8"/>
      <c r="RCY21" s="8"/>
      <c r="RCZ21" s="8"/>
      <c r="RDA21" s="8"/>
      <c r="RDB21" s="8"/>
      <c r="RDC21" s="8"/>
      <c r="RDD21" s="8"/>
      <c r="RDE21" s="8"/>
      <c r="RDF21" s="8"/>
      <c r="RDG21" s="8"/>
      <c r="RDH21" s="8"/>
      <c r="RDI21" s="8"/>
      <c r="RDJ21" s="8"/>
      <c r="RDK21" s="8"/>
      <c r="RDL21" s="8"/>
      <c r="RDM21" s="8"/>
      <c r="RDN21" s="8"/>
      <c r="RDO21" s="8"/>
      <c r="RDP21" s="8"/>
      <c r="RDQ21" s="8"/>
      <c r="RDR21" s="8"/>
      <c r="RDS21" s="8"/>
      <c r="RDT21" s="8"/>
      <c r="RDU21" s="8"/>
      <c r="RDV21" s="8"/>
      <c r="RDW21" s="8"/>
      <c r="RDX21" s="8"/>
      <c r="RDY21" s="8"/>
      <c r="RDZ21" s="8"/>
      <c r="REA21" s="8"/>
      <c r="REB21" s="8"/>
      <c r="REC21" s="8"/>
      <c r="RED21" s="8"/>
      <c r="REE21" s="8"/>
      <c r="REF21" s="8"/>
      <c r="REG21" s="8"/>
      <c r="REH21" s="8"/>
      <c r="REI21" s="8"/>
      <c r="REJ21" s="8"/>
      <c r="REK21" s="8"/>
      <c r="REL21" s="8"/>
      <c r="REM21" s="8"/>
      <c r="REN21" s="8"/>
      <c r="REO21" s="8"/>
      <c r="REP21" s="8"/>
      <c r="REQ21" s="8"/>
      <c r="RER21" s="8"/>
      <c r="RES21" s="8"/>
      <c r="RET21" s="8"/>
      <c r="REU21" s="8"/>
      <c r="REV21" s="8"/>
      <c r="REW21" s="8"/>
      <c r="REX21" s="8"/>
      <c r="REY21" s="8"/>
      <c r="REZ21" s="8"/>
      <c r="RFA21" s="8"/>
      <c r="RFB21" s="8"/>
      <c r="RFC21" s="8"/>
      <c r="RFD21" s="8"/>
      <c r="RFE21" s="8"/>
      <c r="RFF21" s="8"/>
      <c r="RFG21" s="8"/>
      <c r="RFH21" s="8"/>
      <c r="RFI21" s="8"/>
      <c r="RFJ21" s="8"/>
      <c r="RFK21" s="8"/>
      <c r="RFL21" s="8"/>
      <c r="RFM21" s="8"/>
      <c r="RFN21" s="8"/>
      <c r="RFO21" s="8"/>
      <c r="RFP21" s="8"/>
      <c r="RFQ21" s="8"/>
      <c r="RFR21" s="8"/>
      <c r="RFS21" s="8"/>
      <c r="RFT21" s="8"/>
      <c r="RFU21" s="8"/>
      <c r="RFV21" s="8"/>
      <c r="RFW21" s="8"/>
      <c r="RFX21" s="8"/>
      <c r="RFY21" s="8"/>
      <c r="RFZ21" s="8"/>
      <c r="RGA21" s="8"/>
      <c r="RGB21" s="8"/>
      <c r="RGC21" s="8"/>
      <c r="RGD21" s="8"/>
      <c r="RGE21" s="8"/>
      <c r="RGF21" s="8"/>
      <c r="RGG21" s="8"/>
      <c r="RGH21" s="8"/>
      <c r="RGI21" s="8"/>
      <c r="RGJ21" s="8"/>
      <c r="RGK21" s="8"/>
      <c r="RGL21" s="8"/>
      <c r="RGM21" s="8"/>
      <c r="RGN21" s="8"/>
      <c r="RGO21" s="8"/>
      <c r="RGP21" s="8"/>
      <c r="RGQ21" s="8"/>
      <c r="RGR21" s="8"/>
      <c r="RGS21" s="8"/>
      <c r="RGT21" s="8"/>
      <c r="RGU21" s="8"/>
      <c r="RGV21" s="8"/>
      <c r="RGW21" s="8"/>
      <c r="RGX21" s="8"/>
      <c r="RGY21" s="8"/>
      <c r="RGZ21" s="8"/>
      <c r="RHA21" s="8"/>
      <c r="RHB21" s="8"/>
      <c r="RHC21" s="8"/>
      <c r="RHD21" s="8"/>
      <c r="RHE21" s="8"/>
      <c r="RHF21" s="8"/>
      <c r="RHG21" s="8"/>
      <c r="RHH21" s="8"/>
      <c r="RHI21" s="8"/>
      <c r="RHJ21" s="8"/>
      <c r="RHK21" s="8"/>
      <c r="RHL21" s="8"/>
      <c r="RHM21" s="8"/>
      <c r="RHN21" s="8"/>
      <c r="RHO21" s="8"/>
      <c r="RHP21" s="8"/>
      <c r="RHQ21" s="8"/>
      <c r="RHR21" s="8"/>
      <c r="RHS21" s="8"/>
      <c r="RHT21" s="8"/>
      <c r="RHU21" s="8"/>
      <c r="RHV21" s="8"/>
      <c r="RHW21" s="8"/>
      <c r="RHX21" s="8"/>
      <c r="RHY21" s="8"/>
      <c r="RHZ21" s="8"/>
      <c r="RIA21" s="8"/>
      <c r="RIB21" s="8"/>
      <c r="RIC21" s="8"/>
      <c r="RID21" s="8"/>
      <c r="RIE21" s="8"/>
      <c r="RIF21" s="8"/>
      <c r="RIG21" s="8"/>
      <c r="RIH21" s="8"/>
      <c r="RII21" s="8"/>
      <c r="RIJ21" s="8"/>
      <c r="RIK21" s="8"/>
      <c r="RIL21" s="8"/>
      <c r="RIM21" s="8"/>
      <c r="RIN21" s="8"/>
      <c r="RIO21" s="8"/>
      <c r="RIP21" s="8"/>
      <c r="RIQ21" s="8"/>
      <c r="RIR21" s="8"/>
      <c r="RIS21" s="8"/>
      <c r="RIT21" s="8"/>
      <c r="RIU21" s="8"/>
      <c r="RIV21" s="8"/>
      <c r="RIW21" s="8"/>
      <c r="RIX21" s="8"/>
      <c r="RIY21" s="8"/>
      <c r="RIZ21" s="8"/>
      <c r="RJA21" s="8"/>
      <c r="RJB21" s="8"/>
      <c r="RJC21" s="8"/>
      <c r="RJD21" s="8"/>
      <c r="RJE21" s="8"/>
      <c r="RJF21" s="8"/>
      <c r="RJG21" s="8"/>
      <c r="RJH21" s="8"/>
      <c r="RJI21" s="8"/>
      <c r="RJJ21" s="8"/>
      <c r="RJK21" s="8"/>
      <c r="RJL21" s="8"/>
      <c r="RJM21" s="8"/>
      <c r="RJN21" s="8"/>
      <c r="RJO21" s="8"/>
      <c r="RJP21" s="8"/>
      <c r="RJQ21" s="8"/>
      <c r="RJR21" s="8"/>
      <c r="RJS21" s="8"/>
      <c r="RJT21" s="8"/>
      <c r="RJU21" s="8"/>
      <c r="RJV21" s="8"/>
      <c r="RJW21" s="8"/>
      <c r="RJX21" s="8"/>
      <c r="RJY21" s="8"/>
      <c r="RJZ21" s="8"/>
      <c r="RKA21" s="8"/>
      <c r="RKB21" s="8"/>
      <c r="RKC21" s="8"/>
      <c r="RKD21" s="8"/>
      <c r="RKE21" s="8"/>
      <c r="RKF21" s="8"/>
      <c r="RKG21" s="8"/>
      <c r="RKH21" s="8"/>
      <c r="RKI21" s="8"/>
      <c r="RKJ21" s="8"/>
      <c r="RKK21" s="8"/>
      <c r="RKL21" s="8"/>
      <c r="RKM21" s="8"/>
      <c r="RKN21" s="8"/>
      <c r="RKO21" s="8"/>
      <c r="RKP21" s="8"/>
      <c r="RKQ21" s="8"/>
      <c r="RKR21" s="8"/>
      <c r="RKS21" s="8"/>
      <c r="RKT21" s="8"/>
      <c r="RKU21" s="8"/>
      <c r="RKV21" s="8"/>
      <c r="RKW21" s="8"/>
      <c r="RKX21" s="8"/>
      <c r="RKY21" s="8"/>
      <c r="RKZ21" s="8"/>
      <c r="RLA21" s="8"/>
      <c r="RLB21" s="8"/>
      <c r="RLC21" s="8"/>
      <c r="RLD21" s="8"/>
      <c r="RLE21" s="8"/>
      <c r="RLF21" s="8"/>
      <c r="RLG21" s="8"/>
      <c r="RLH21" s="8"/>
      <c r="RLI21" s="8"/>
      <c r="RLJ21" s="8"/>
      <c r="RLK21" s="8"/>
      <c r="RLL21" s="8"/>
      <c r="RLM21" s="8"/>
      <c r="RLN21" s="8"/>
      <c r="RLO21" s="8"/>
      <c r="RLP21" s="8"/>
      <c r="RLQ21" s="8"/>
      <c r="RLR21" s="8"/>
      <c r="RLS21" s="8"/>
      <c r="RLT21" s="8"/>
      <c r="RLU21" s="8"/>
      <c r="RLV21" s="8"/>
      <c r="RLW21" s="8"/>
      <c r="RLX21" s="8"/>
      <c r="RLY21" s="8"/>
      <c r="RLZ21" s="8"/>
      <c r="RMA21" s="8"/>
      <c r="RMB21" s="8"/>
      <c r="RMC21" s="8"/>
      <c r="RMD21" s="8"/>
      <c r="RME21" s="8"/>
      <c r="RMF21" s="8"/>
      <c r="RMG21" s="8"/>
      <c r="RMH21" s="8"/>
      <c r="RMI21" s="8"/>
      <c r="RMJ21" s="8"/>
      <c r="RMK21" s="8"/>
      <c r="RML21" s="8"/>
      <c r="RMM21" s="8"/>
      <c r="RMN21" s="8"/>
      <c r="RMO21" s="8"/>
      <c r="RMP21" s="8"/>
      <c r="RMQ21" s="8"/>
      <c r="RMR21" s="8"/>
      <c r="RMS21" s="8"/>
      <c r="RMT21" s="8"/>
      <c r="RMU21" s="8"/>
      <c r="RMV21" s="8"/>
      <c r="RMW21" s="8"/>
      <c r="RMX21" s="8"/>
      <c r="RMY21" s="8"/>
      <c r="RMZ21" s="8"/>
      <c r="RNA21" s="8"/>
      <c r="RNB21" s="8"/>
      <c r="RNC21" s="8"/>
      <c r="RND21" s="8"/>
      <c r="RNE21" s="8"/>
      <c r="RNF21" s="8"/>
      <c r="RNG21" s="8"/>
      <c r="RNH21" s="8"/>
      <c r="RNI21" s="8"/>
      <c r="RNJ21" s="8"/>
      <c r="RNK21" s="8"/>
      <c r="RNL21" s="8"/>
      <c r="RNM21" s="8"/>
      <c r="RNN21" s="8"/>
      <c r="RNO21" s="8"/>
      <c r="RNP21" s="8"/>
      <c r="RNQ21" s="8"/>
      <c r="RNR21" s="8"/>
      <c r="RNS21" s="8"/>
      <c r="RNT21" s="8"/>
      <c r="RNU21" s="8"/>
      <c r="RNV21" s="8"/>
      <c r="RNW21" s="8"/>
      <c r="RNX21" s="8"/>
      <c r="RNY21" s="8"/>
      <c r="RNZ21" s="8"/>
      <c r="ROA21" s="8"/>
      <c r="ROB21" s="8"/>
      <c r="ROC21" s="8"/>
      <c r="ROD21" s="8"/>
      <c r="ROE21" s="8"/>
      <c r="ROF21" s="8"/>
      <c r="ROG21" s="8"/>
      <c r="ROH21" s="8"/>
      <c r="ROI21" s="8"/>
      <c r="ROJ21" s="8"/>
      <c r="ROK21" s="8"/>
      <c r="ROL21" s="8"/>
      <c r="ROM21" s="8"/>
      <c r="RON21" s="8"/>
      <c r="ROO21" s="8"/>
      <c r="ROP21" s="8"/>
      <c r="ROQ21" s="8"/>
      <c r="ROR21" s="8"/>
      <c r="ROS21" s="8"/>
      <c r="ROT21" s="8"/>
      <c r="ROU21" s="8"/>
      <c r="ROV21" s="8"/>
      <c r="ROW21" s="8"/>
      <c r="ROX21" s="8"/>
      <c r="ROY21" s="8"/>
      <c r="ROZ21" s="8"/>
      <c r="RPA21" s="8"/>
      <c r="RPB21" s="8"/>
      <c r="RPC21" s="8"/>
      <c r="RPD21" s="8"/>
      <c r="RPE21" s="8"/>
      <c r="RPF21" s="8"/>
      <c r="RPG21" s="8"/>
      <c r="RPH21" s="8"/>
      <c r="RPI21" s="8"/>
      <c r="RPJ21" s="8"/>
      <c r="RPK21" s="8"/>
      <c r="RPL21" s="8"/>
      <c r="RPM21" s="8"/>
      <c r="RPN21" s="8"/>
      <c r="RPO21" s="8"/>
      <c r="RPP21" s="8"/>
      <c r="RPQ21" s="8"/>
      <c r="RPR21" s="8"/>
      <c r="RPS21" s="8"/>
      <c r="RPT21" s="8"/>
      <c r="RPU21" s="8"/>
      <c r="RPV21" s="8"/>
      <c r="RPW21" s="8"/>
      <c r="RPX21" s="8"/>
      <c r="RPY21" s="8"/>
      <c r="RPZ21" s="8"/>
      <c r="RQA21" s="8"/>
      <c r="RQB21" s="8"/>
      <c r="RQC21" s="8"/>
      <c r="RQD21" s="8"/>
      <c r="RQE21" s="8"/>
      <c r="RQF21" s="8"/>
      <c r="RQG21" s="8"/>
      <c r="RQH21" s="8"/>
      <c r="RQI21" s="8"/>
      <c r="RQJ21" s="8"/>
      <c r="RQK21" s="8"/>
      <c r="RQL21" s="8"/>
      <c r="RQM21" s="8"/>
      <c r="RQN21" s="8"/>
      <c r="RQO21" s="8"/>
      <c r="RQP21" s="8"/>
      <c r="RQQ21" s="8"/>
      <c r="RQR21" s="8"/>
      <c r="RQS21" s="8"/>
      <c r="RQT21" s="8"/>
      <c r="RQU21" s="8"/>
      <c r="RQV21" s="8"/>
      <c r="RQW21" s="8"/>
      <c r="RQX21" s="8"/>
      <c r="RQY21" s="8"/>
      <c r="RQZ21" s="8"/>
      <c r="RRA21" s="8"/>
      <c r="RRB21" s="8"/>
      <c r="RRC21" s="8"/>
      <c r="RRD21" s="8"/>
      <c r="RRE21" s="8"/>
      <c r="RRF21" s="8"/>
      <c r="RRG21" s="8"/>
      <c r="RRH21" s="8"/>
      <c r="RRI21" s="8"/>
      <c r="RRJ21" s="8"/>
      <c r="RRK21" s="8"/>
      <c r="RRL21" s="8"/>
      <c r="RRM21" s="8"/>
      <c r="RRN21" s="8"/>
      <c r="RRO21" s="8"/>
      <c r="RRP21" s="8"/>
      <c r="RRQ21" s="8"/>
      <c r="RRR21" s="8"/>
      <c r="RRS21" s="8"/>
      <c r="RRT21" s="8"/>
      <c r="RRU21" s="8"/>
      <c r="RRV21" s="8"/>
      <c r="RRW21" s="8"/>
      <c r="RRX21" s="8"/>
      <c r="RRY21" s="8"/>
      <c r="RRZ21" s="8"/>
      <c r="RSA21" s="8"/>
      <c r="RSB21" s="8"/>
      <c r="RSC21" s="8"/>
      <c r="RSD21" s="8"/>
      <c r="RSE21" s="8"/>
      <c r="RSF21" s="8"/>
      <c r="RSG21" s="8"/>
      <c r="RSH21" s="8"/>
      <c r="RSI21" s="8"/>
      <c r="RSJ21" s="8"/>
      <c r="RSK21" s="8"/>
      <c r="RSL21" s="8"/>
      <c r="RSM21" s="8"/>
      <c r="RSN21" s="8"/>
      <c r="RSO21" s="8"/>
      <c r="RSP21" s="8"/>
      <c r="RSQ21" s="8"/>
      <c r="RSR21" s="8"/>
      <c r="RSS21" s="8"/>
      <c r="RST21" s="8"/>
      <c r="RSU21" s="8"/>
      <c r="RSV21" s="8"/>
      <c r="RSW21" s="8"/>
      <c r="RSX21" s="8"/>
      <c r="RSY21" s="8"/>
      <c r="RSZ21" s="8"/>
      <c r="RTA21" s="8"/>
      <c r="RTB21" s="8"/>
      <c r="RTC21" s="8"/>
      <c r="RTD21" s="8"/>
      <c r="RTE21" s="8"/>
      <c r="RTF21" s="8"/>
      <c r="RTG21" s="8"/>
      <c r="RTH21" s="8"/>
      <c r="RTI21" s="8"/>
      <c r="RTJ21" s="8"/>
      <c r="RTK21" s="8"/>
      <c r="RTL21" s="8"/>
      <c r="RTM21" s="8"/>
      <c r="RTN21" s="8"/>
      <c r="RTO21" s="8"/>
      <c r="RTP21" s="8"/>
      <c r="RTQ21" s="8"/>
      <c r="RTR21" s="8"/>
      <c r="RTS21" s="8"/>
      <c r="RTT21" s="8"/>
      <c r="RTU21" s="8"/>
      <c r="RTV21" s="8"/>
      <c r="RTW21" s="8"/>
      <c r="RTX21" s="8"/>
      <c r="RTY21" s="8"/>
      <c r="RTZ21" s="8"/>
      <c r="RUA21" s="8"/>
      <c r="RUB21" s="8"/>
      <c r="RUC21" s="8"/>
      <c r="RUD21" s="8"/>
      <c r="RUE21" s="8"/>
      <c r="RUF21" s="8"/>
      <c r="RUG21" s="8"/>
      <c r="RUH21" s="8"/>
      <c r="RUI21" s="8"/>
      <c r="RUJ21" s="8"/>
      <c r="RUK21" s="8"/>
      <c r="RUL21" s="8"/>
      <c r="RUM21" s="8"/>
      <c r="RUN21" s="8"/>
      <c r="RUO21" s="8"/>
      <c r="RUP21" s="8"/>
      <c r="RUQ21" s="8"/>
      <c r="RUR21" s="8"/>
      <c r="RUS21" s="8"/>
      <c r="RUT21" s="8"/>
      <c r="RUU21" s="8"/>
      <c r="RUV21" s="8"/>
      <c r="RUW21" s="8"/>
      <c r="RUX21" s="8"/>
      <c r="RUY21" s="8"/>
      <c r="RUZ21" s="8"/>
      <c r="RVA21" s="8"/>
      <c r="RVB21" s="8"/>
      <c r="RVC21" s="8"/>
      <c r="RVD21" s="8"/>
      <c r="RVE21" s="8"/>
      <c r="RVF21" s="8"/>
      <c r="RVG21" s="8"/>
      <c r="RVH21" s="8"/>
      <c r="RVI21" s="8"/>
      <c r="RVJ21" s="8"/>
      <c r="RVK21" s="8"/>
      <c r="RVL21" s="8"/>
      <c r="RVM21" s="8"/>
      <c r="RVN21" s="8"/>
      <c r="RVO21" s="8"/>
      <c r="RVP21" s="8"/>
      <c r="RVQ21" s="8"/>
      <c r="RVR21" s="8"/>
      <c r="RVS21" s="8"/>
      <c r="RVT21" s="8"/>
      <c r="RVU21" s="8"/>
      <c r="RVV21" s="8"/>
      <c r="RVW21" s="8"/>
      <c r="RVX21" s="8"/>
      <c r="RVY21" s="8"/>
      <c r="RVZ21" s="8"/>
      <c r="RWA21" s="8"/>
      <c r="RWB21" s="8"/>
      <c r="RWC21" s="8"/>
      <c r="RWD21" s="8"/>
      <c r="RWE21" s="8"/>
      <c r="RWF21" s="8"/>
      <c r="RWG21" s="8"/>
      <c r="RWH21" s="8"/>
      <c r="RWI21" s="8"/>
      <c r="RWJ21" s="8"/>
      <c r="RWK21" s="8"/>
      <c r="RWL21" s="8"/>
      <c r="RWM21" s="8"/>
      <c r="RWN21" s="8"/>
      <c r="RWO21" s="8"/>
      <c r="RWP21" s="8"/>
      <c r="RWQ21" s="8"/>
      <c r="RWR21" s="8"/>
      <c r="RWS21" s="8"/>
      <c r="RWT21" s="8"/>
      <c r="RWU21" s="8"/>
      <c r="RWV21" s="8"/>
      <c r="RWW21" s="8"/>
      <c r="RWX21" s="8"/>
      <c r="RWY21" s="8"/>
      <c r="RWZ21" s="8"/>
      <c r="RXA21" s="8"/>
      <c r="RXB21" s="8"/>
      <c r="RXC21" s="8"/>
      <c r="RXD21" s="8"/>
      <c r="RXE21" s="8"/>
      <c r="RXF21" s="8"/>
      <c r="RXG21" s="8"/>
      <c r="RXH21" s="8"/>
      <c r="RXI21" s="8"/>
      <c r="RXJ21" s="8"/>
      <c r="RXK21" s="8"/>
      <c r="RXL21" s="8"/>
      <c r="RXM21" s="8"/>
      <c r="RXN21" s="8"/>
      <c r="RXO21" s="8"/>
      <c r="RXP21" s="8"/>
      <c r="RXQ21" s="8"/>
      <c r="RXR21" s="8"/>
      <c r="RXS21" s="8"/>
      <c r="RXT21" s="8"/>
      <c r="RXU21" s="8"/>
      <c r="RXV21" s="8"/>
      <c r="RXW21" s="8"/>
      <c r="RXX21" s="8"/>
      <c r="RXY21" s="8"/>
      <c r="RXZ21" s="8"/>
      <c r="RYA21" s="8"/>
      <c r="RYB21" s="8"/>
      <c r="RYC21" s="8"/>
      <c r="RYD21" s="8"/>
      <c r="RYE21" s="8"/>
      <c r="RYF21" s="8"/>
      <c r="RYG21" s="8"/>
      <c r="RYH21" s="8"/>
      <c r="RYI21" s="8"/>
      <c r="RYJ21" s="8"/>
      <c r="RYK21" s="8"/>
      <c r="RYL21" s="8"/>
      <c r="RYM21" s="8"/>
      <c r="RYN21" s="8"/>
      <c r="RYO21" s="8"/>
      <c r="RYP21" s="8"/>
      <c r="RYQ21" s="8"/>
      <c r="RYR21" s="8"/>
      <c r="RYS21" s="8"/>
      <c r="RYT21" s="8"/>
      <c r="RYU21" s="8"/>
      <c r="RYV21" s="8"/>
      <c r="RYW21" s="8"/>
      <c r="RYX21" s="8"/>
      <c r="RYY21" s="8"/>
      <c r="RYZ21" s="8"/>
      <c r="RZA21" s="8"/>
      <c r="RZB21" s="8"/>
      <c r="RZC21" s="8"/>
      <c r="RZD21" s="8"/>
      <c r="RZE21" s="8"/>
      <c r="RZF21" s="8"/>
      <c r="RZG21" s="8"/>
      <c r="RZH21" s="8"/>
      <c r="RZI21" s="8"/>
      <c r="RZJ21" s="8"/>
      <c r="RZK21" s="8"/>
      <c r="RZL21" s="8"/>
      <c r="RZM21" s="8"/>
      <c r="RZN21" s="8"/>
      <c r="RZO21" s="8"/>
      <c r="RZP21" s="8"/>
      <c r="RZQ21" s="8"/>
      <c r="RZR21" s="8"/>
      <c r="RZS21" s="8"/>
      <c r="RZT21" s="8"/>
      <c r="RZU21" s="8"/>
      <c r="RZV21" s="8"/>
      <c r="RZW21" s="8"/>
      <c r="RZX21" s="8"/>
      <c r="RZY21" s="8"/>
      <c r="RZZ21" s="8"/>
      <c r="SAA21" s="8"/>
      <c r="SAB21" s="8"/>
      <c r="SAC21" s="8"/>
      <c r="SAD21" s="8"/>
      <c r="SAE21" s="8"/>
      <c r="SAF21" s="8"/>
      <c r="SAG21" s="8"/>
      <c r="SAH21" s="8"/>
      <c r="SAI21" s="8"/>
      <c r="SAJ21" s="8"/>
      <c r="SAK21" s="8"/>
      <c r="SAL21" s="8"/>
      <c r="SAM21" s="8"/>
      <c r="SAN21" s="8"/>
      <c r="SAO21" s="8"/>
      <c r="SAP21" s="8"/>
      <c r="SAQ21" s="8"/>
      <c r="SAR21" s="8"/>
      <c r="SAS21" s="8"/>
      <c r="SAT21" s="8"/>
      <c r="SAU21" s="8"/>
      <c r="SAV21" s="8"/>
      <c r="SAW21" s="8"/>
      <c r="SAX21" s="8"/>
      <c r="SAY21" s="8"/>
      <c r="SAZ21" s="8"/>
      <c r="SBA21" s="8"/>
      <c r="SBB21" s="8"/>
      <c r="SBC21" s="8"/>
      <c r="SBD21" s="8"/>
      <c r="SBE21" s="8"/>
      <c r="SBF21" s="8"/>
      <c r="SBG21" s="8"/>
      <c r="SBH21" s="8"/>
      <c r="SBI21" s="8"/>
      <c r="SBJ21" s="8"/>
      <c r="SBK21" s="8"/>
      <c r="SBL21" s="8"/>
      <c r="SBM21" s="8"/>
      <c r="SBN21" s="8"/>
      <c r="SBO21" s="8"/>
      <c r="SBP21" s="8"/>
      <c r="SBQ21" s="8"/>
      <c r="SBR21" s="8"/>
      <c r="SBS21" s="8"/>
      <c r="SBT21" s="8"/>
      <c r="SBU21" s="8"/>
      <c r="SBV21" s="8"/>
      <c r="SBW21" s="8"/>
      <c r="SBX21" s="8"/>
      <c r="SBY21" s="8"/>
      <c r="SBZ21" s="8"/>
      <c r="SCA21" s="8"/>
      <c r="SCB21" s="8"/>
      <c r="SCC21" s="8"/>
      <c r="SCD21" s="8"/>
      <c r="SCE21" s="8"/>
      <c r="SCF21" s="8"/>
      <c r="SCG21" s="8"/>
      <c r="SCH21" s="8"/>
      <c r="SCI21" s="8"/>
      <c r="SCJ21" s="8"/>
      <c r="SCK21" s="8"/>
      <c r="SCL21" s="8"/>
      <c r="SCM21" s="8"/>
      <c r="SCN21" s="8"/>
      <c r="SCO21" s="8"/>
      <c r="SCP21" s="8"/>
      <c r="SCQ21" s="8"/>
      <c r="SCR21" s="8"/>
      <c r="SCS21" s="8"/>
      <c r="SCT21" s="8"/>
      <c r="SCU21" s="8"/>
      <c r="SCV21" s="8"/>
      <c r="SCW21" s="8"/>
      <c r="SCX21" s="8"/>
      <c r="SCY21" s="8"/>
      <c r="SCZ21" s="8"/>
      <c r="SDA21" s="8"/>
      <c r="SDB21" s="8"/>
      <c r="SDC21" s="8"/>
      <c r="SDD21" s="8"/>
      <c r="SDE21" s="8"/>
      <c r="SDF21" s="8"/>
      <c r="SDG21" s="8"/>
      <c r="SDH21" s="8"/>
      <c r="SDI21" s="8"/>
      <c r="SDJ21" s="8"/>
      <c r="SDK21" s="8"/>
      <c r="SDL21" s="8"/>
      <c r="SDM21" s="8"/>
      <c r="SDN21" s="8"/>
      <c r="SDO21" s="8"/>
      <c r="SDP21" s="8"/>
      <c r="SDQ21" s="8"/>
      <c r="SDR21" s="8"/>
      <c r="SDS21" s="8"/>
      <c r="SDT21" s="8"/>
      <c r="SDU21" s="8"/>
      <c r="SDV21" s="8"/>
      <c r="SDW21" s="8"/>
      <c r="SDX21" s="8"/>
      <c r="SDY21" s="8"/>
      <c r="SDZ21" s="8"/>
      <c r="SEA21" s="8"/>
      <c r="SEB21" s="8"/>
      <c r="SEC21" s="8"/>
      <c r="SED21" s="8"/>
      <c r="SEE21" s="8"/>
      <c r="SEF21" s="8"/>
      <c r="SEG21" s="8"/>
      <c r="SEH21" s="8"/>
      <c r="SEI21" s="8"/>
      <c r="SEJ21" s="8"/>
      <c r="SEK21" s="8"/>
      <c r="SEL21" s="8"/>
      <c r="SEM21" s="8"/>
      <c r="SEN21" s="8"/>
      <c r="SEO21" s="8"/>
      <c r="SEP21" s="8"/>
      <c r="SEQ21" s="8"/>
      <c r="SER21" s="8"/>
      <c r="SES21" s="8"/>
      <c r="SET21" s="8"/>
      <c r="SEU21" s="8"/>
      <c r="SEV21" s="8"/>
      <c r="SEW21" s="8"/>
      <c r="SEX21" s="8"/>
      <c r="SEY21" s="8"/>
      <c r="SEZ21" s="8"/>
      <c r="SFA21" s="8"/>
      <c r="SFB21" s="8"/>
      <c r="SFC21" s="8"/>
      <c r="SFD21" s="8"/>
      <c r="SFE21" s="8"/>
      <c r="SFF21" s="8"/>
      <c r="SFG21" s="8"/>
      <c r="SFH21" s="8"/>
      <c r="SFI21" s="8"/>
      <c r="SFJ21" s="8"/>
      <c r="SFK21" s="8"/>
      <c r="SFL21" s="8"/>
      <c r="SFM21" s="8"/>
      <c r="SFN21" s="8"/>
      <c r="SFO21" s="8"/>
      <c r="SFP21" s="8"/>
      <c r="SFQ21" s="8"/>
      <c r="SFR21" s="8"/>
      <c r="SFS21" s="8"/>
      <c r="SFT21" s="8"/>
      <c r="SFU21" s="8"/>
      <c r="SFV21" s="8"/>
      <c r="SFW21" s="8"/>
      <c r="SFX21" s="8"/>
      <c r="SFY21" s="8"/>
      <c r="SFZ21" s="8"/>
      <c r="SGA21" s="8"/>
      <c r="SGB21" s="8"/>
      <c r="SGC21" s="8"/>
      <c r="SGD21" s="8"/>
      <c r="SGE21" s="8"/>
      <c r="SGF21" s="8"/>
      <c r="SGG21" s="8"/>
      <c r="SGH21" s="8"/>
      <c r="SGI21" s="8"/>
      <c r="SGJ21" s="8"/>
      <c r="SGK21" s="8"/>
      <c r="SGL21" s="8"/>
      <c r="SGM21" s="8"/>
      <c r="SGN21" s="8"/>
      <c r="SGO21" s="8"/>
      <c r="SGP21" s="8"/>
      <c r="SGQ21" s="8"/>
      <c r="SGR21" s="8"/>
      <c r="SGS21" s="8"/>
      <c r="SGT21" s="8"/>
      <c r="SGU21" s="8"/>
      <c r="SGV21" s="8"/>
      <c r="SGW21" s="8"/>
      <c r="SGX21" s="8"/>
      <c r="SGY21" s="8"/>
      <c r="SGZ21" s="8"/>
      <c r="SHA21" s="8"/>
      <c r="SHB21" s="8"/>
      <c r="SHC21" s="8"/>
      <c r="SHD21" s="8"/>
      <c r="SHE21" s="8"/>
      <c r="SHF21" s="8"/>
      <c r="SHG21" s="8"/>
      <c r="SHH21" s="8"/>
      <c r="SHI21" s="8"/>
      <c r="SHJ21" s="8"/>
      <c r="SHK21" s="8"/>
      <c r="SHL21" s="8"/>
      <c r="SHM21" s="8"/>
      <c r="SHN21" s="8"/>
      <c r="SHO21" s="8"/>
      <c r="SHP21" s="8"/>
      <c r="SHQ21" s="8"/>
      <c r="SHR21" s="8"/>
      <c r="SHS21" s="8"/>
      <c r="SHT21" s="8"/>
      <c r="SHU21" s="8"/>
      <c r="SHV21" s="8"/>
      <c r="SHW21" s="8"/>
      <c r="SHX21" s="8"/>
      <c r="SHY21" s="8"/>
      <c r="SHZ21" s="8"/>
      <c r="SIA21" s="8"/>
      <c r="SIB21" s="8"/>
      <c r="SIC21" s="8"/>
      <c r="SID21" s="8"/>
      <c r="SIE21" s="8"/>
      <c r="SIF21" s="8"/>
      <c r="SIG21" s="8"/>
      <c r="SIH21" s="8"/>
      <c r="SII21" s="8"/>
      <c r="SIJ21" s="8"/>
      <c r="SIK21" s="8"/>
      <c r="SIL21" s="8"/>
      <c r="SIM21" s="8"/>
      <c r="SIN21" s="8"/>
      <c r="SIO21" s="8"/>
      <c r="SIP21" s="8"/>
      <c r="SIQ21" s="8"/>
      <c r="SIR21" s="8"/>
      <c r="SIS21" s="8"/>
      <c r="SIT21" s="8"/>
      <c r="SIU21" s="8"/>
      <c r="SIV21" s="8"/>
      <c r="SIW21" s="8"/>
      <c r="SIX21" s="8"/>
      <c r="SIY21" s="8"/>
      <c r="SIZ21" s="8"/>
      <c r="SJA21" s="8"/>
      <c r="SJB21" s="8"/>
      <c r="SJC21" s="8"/>
      <c r="SJD21" s="8"/>
      <c r="SJE21" s="8"/>
      <c r="SJF21" s="8"/>
      <c r="SJG21" s="8"/>
      <c r="SJH21" s="8"/>
      <c r="SJI21" s="8"/>
      <c r="SJJ21" s="8"/>
      <c r="SJK21" s="8"/>
      <c r="SJL21" s="8"/>
      <c r="SJM21" s="8"/>
      <c r="SJN21" s="8"/>
      <c r="SJO21" s="8"/>
      <c r="SJP21" s="8"/>
      <c r="SJQ21" s="8"/>
      <c r="SJR21" s="8"/>
      <c r="SJS21" s="8"/>
      <c r="SJT21" s="8"/>
      <c r="SJU21" s="8"/>
      <c r="SJV21" s="8"/>
      <c r="SJW21" s="8"/>
      <c r="SJX21" s="8"/>
      <c r="SJY21" s="8"/>
      <c r="SJZ21" s="8"/>
      <c r="SKA21" s="8"/>
      <c r="SKB21" s="8"/>
      <c r="SKC21" s="8"/>
      <c r="SKD21" s="8"/>
      <c r="SKE21" s="8"/>
      <c r="SKF21" s="8"/>
      <c r="SKG21" s="8"/>
      <c r="SKH21" s="8"/>
      <c r="SKI21" s="8"/>
      <c r="SKJ21" s="8"/>
      <c r="SKK21" s="8"/>
      <c r="SKL21" s="8"/>
      <c r="SKM21" s="8"/>
      <c r="SKN21" s="8"/>
      <c r="SKO21" s="8"/>
      <c r="SKP21" s="8"/>
      <c r="SKQ21" s="8"/>
      <c r="SKR21" s="8"/>
      <c r="SKS21" s="8"/>
      <c r="SKT21" s="8"/>
      <c r="SKU21" s="8"/>
      <c r="SKV21" s="8"/>
      <c r="SKW21" s="8"/>
      <c r="SKX21" s="8"/>
      <c r="SKY21" s="8"/>
      <c r="SKZ21" s="8"/>
      <c r="SLA21" s="8"/>
      <c r="SLB21" s="8"/>
      <c r="SLC21" s="8"/>
      <c r="SLD21" s="8"/>
      <c r="SLE21" s="8"/>
      <c r="SLF21" s="8"/>
      <c r="SLG21" s="8"/>
      <c r="SLH21" s="8"/>
      <c r="SLI21" s="8"/>
      <c r="SLJ21" s="8"/>
      <c r="SLK21" s="8"/>
      <c r="SLL21" s="8"/>
      <c r="SLM21" s="8"/>
      <c r="SLN21" s="8"/>
      <c r="SLO21" s="8"/>
      <c r="SLP21" s="8"/>
      <c r="SLQ21" s="8"/>
      <c r="SLR21" s="8"/>
      <c r="SLS21" s="8"/>
      <c r="SLT21" s="8"/>
      <c r="SLU21" s="8"/>
      <c r="SLV21" s="8"/>
      <c r="SLW21" s="8"/>
      <c r="SLX21" s="8"/>
      <c r="SLY21" s="8"/>
      <c r="SLZ21" s="8"/>
      <c r="SMA21" s="8"/>
      <c r="SMB21" s="8"/>
      <c r="SMC21" s="8"/>
      <c r="SMD21" s="8"/>
      <c r="SME21" s="8"/>
      <c r="SMF21" s="8"/>
      <c r="SMG21" s="8"/>
      <c r="SMH21" s="8"/>
      <c r="SMI21" s="8"/>
      <c r="SMJ21" s="8"/>
      <c r="SMK21" s="8"/>
      <c r="SML21" s="8"/>
      <c r="SMM21" s="8"/>
      <c r="SMN21" s="8"/>
      <c r="SMO21" s="8"/>
      <c r="SMP21" s="8"/>
      <c r="SMQ21" s="8"/>
      <c r="SMR21" s="8"/>
      <c r="SMS21" s="8"/>
      <c r="SMT21" s="8"/>
      <c r="SMU21" s="8"/>
      <c r="SMV21" s="8"/>
      <c r="SMW21" s="8"/>
      <c r="SMX21" s="8"/>
      <c r="SMY21" s="8"/>
      <c r="SMZ21" s="8"/>
      <c r="SNA21" s="8"/>
      <c r="SNB21" s="8"/>
      <c r="SNC21" s="8"/>
      <c r="SND21" s="8"/>
      <c r="SNE21" s="8"/>
      <c r="SNF21" s="8"/>
      <c r="SNG21" s="8"/>
      <c r="SNH21" s="8"/>
      <c r="SNI21" s="8"/>
      <c r="SNJ21" s="8"/>
      <c r="SNK21" s="8"/>
      <c r="SNL21" s="8"/>
      <c r="SNM21" s="8"/>
      <c r="SNN21" s="8"/>
      <c r="SNO21" s="8"/>
      <c r="SNP21" s="8"/>
      <c r="SNQ21" s="8"/>
      <c r="SNR21" s="8"/>
      <c r="SNS21" s="8"/>
      <c r="SNT21" s="8"/>
      <c r="SNU21" s="8"/>
      <c r="SNV21" s="8"/>
      <c r="SNW21" s="8"/>
      <c r="SNX21" s="8"/>
      <c r="SNY21" s="8"/>
      <c r="SNZ21" s="8"/>
      <c r="SOA21" s="8"/>
      <c r="SOB21" s="8"/>
      <c r="SOC21" s="8"/>
      <c r="SOD21" s="8"/>
      <c r="SOE21" s="8"/>
      <c r="SOF21" s="8"/>
      <c r="SOG21" s="8"/>
      <c r="SOH21" s="8"/>
      <c r="SOI21" s="8"/>
      <c r="SOJ21" s="8"/>
      <c r="SOK21" s="8"/>
      <c r="SOL21" s="8"/>
      <c r="SOM21" s="8"/>
      <c r="SON21" s="8"/>
      <c r="SOO21" s="8"/>
      <c r="SOP21" s="8"/>
      <c r="SOQ21" s="8"/>
      <c r="SOR21" s="8"/>
      <c r="SOS21" s="8"/>
      <c r="SOT21" s="8"/>
      <c r="SOU21" s="8"/>
      <c r="SOV21" s="8"/>
      <c r="SOW21" s="8"/>
      <c r="SOX21" s="8"/>
      <c r="SOY21" s="8"/>
      <c r="SOZ21" s="8"/>
      <c r="SPA21" s="8"/>
      <c r="SPB21" s="8"/>
      <c r="SPC21" s="8"/>
      <c r="SPD21" s="8"/>
      <c r="SPE21" s="8"/>
      <c r="SPF21" s="8"/>
      <c r="SPG21" s="8"/>
      <c r="SPH21" s="8"/>
      <c r="SPI21" s="8"/>
      <c r="SPJ21" s="8"/>
      <c r="SPK21" s="8"/>
      <c r="SPL21" s="8"/>
      <c r="SPM21" s="8"/>
      <c r="SPN21" s="8"/>
      <c r="SPO21" s="8"/>
      <c r="SPP21" s="8"/>
      <c r="SPQ21" s="8"/>
      <c r="SPR21" s="8"/>
      <c r="SPS21" s="8"/>
      <c r="SPT21" s="8"/>
      <c r="SPU21" s="8"/>
      <c r="SPV21" s="8"/>
      <c r="SPW21" s="8"/>
      <c r="SPX21" s="8"/>
      <c r="SPY21" s="8"/>
      <c r="SPZ21" s="8"/>
      <c r="SQA21" s="8"/>
      <c r="SQB21" s="8"/>
      <c r="SQC21" s="8"/>
      <c r="SQD21" s="8"/>
      <c r="SQE21" s="8"/>
      <c r="SQF21" s="8"/>
      <c r="SQG21" s="8"/>
      <c r="SQH21" s="8"/>
      <c r="SQI21" s="8"/>
      <c r="SQJ21" s="8"/>
      <c r="SQK21" s="8"/>
      <c r="SQL21" s="8"/>
      <c r="SQM21" s="8"/>
      <c r="SQN21" s="8"/>
      <c r="SQO21" s="8"/>
      <c r="SQP21" s="8"/>
      <c r="SQQ21" s="8"/>
      <c r="SQR21" s="8"/>
      <c r="SQS21" s="8"/>
      <c r="SQT21" s="8"/>
      <c r="SQU21" s="8"/>
      <c r="SQV21" s="8"/>
      <c r="SQW21" s="8"/>
      <c r="SQX21" s="8"/>
      <c r="SQY21" s="8"/>
      <c r="SQZ21" s="8"/>
      <c r="SRA21" s="8"/>
      <c r="SRB21" s="8"/>
      <c r="SRC21" s="8"/>
      <c r="SRD21" s="8"/>
      <c r="SRE21" s="8"/>
      <c r="SRF21" s="8"/>
      <c r="SRG21" s="8"/>
      <c r="SRH21" s="8"/>
      <c r="SRI21" s="8"/>
      <c r="SRJ21" s="8"/>
      <c r="SRK21" s="8"/>
      <c r="SRL21" s="8"/>
      <c r="SRM21" s="8"/>
      <c r="SRN21" s="8"/>
      <c r="SRO21" s="8"/>
      <c r="SRP21" s="8"/>
      <c r="SRQ21" s="8"/>
      <c r="SRR21" s="8"/>
      <c r="SRS21" s="8"/>
      <c r="SRT21" s="8"/>
      <c r="SRU21" s="8"/>
      <c r="SRV21" s="8"/>
      <c r="SRW21" s="8"/>
      <c r="SRX21" s="8"/>
      <c r="SRY21" s="8"/>
      <c r="SRZ21" s="8"/>
      <c r="SSA21" s="8"/>
      <c r="SSB21" s="8"/>
      <c r="SSC21" s="8"/>
      <c r="SSD21" s="8"/>
      <c r="SSE21" s="8"/>
      <c r="SSF21" s="8"/>
      <c r="SSG21" s="8"/>
      <c r="SSH21" s="8"/>
      <c r="SSI21" s="8"/>
      <c r="SSJ21" s="8"/>
      <c r="SSK21" s="8"/>
      <c r="SSL21" s="8"/>
      <c r="SSM21" s="8"/>
      <c r="SSN21" s="8"/>
      <c r="SSO21" s="8"/>
      <c r="SSP21" s="8"/>
      <c r="SSQ21" s="8"/>
      <c r="SSR21" s="8"/>
      <c r="SSS21" s="8"/>
      <c r="SST21" s="8"/>
      <c r="SSU21" s="8"/>
      <c r="SSV21" s="8"/>
      <c r="SSW21" s="8"/>
      <c r="SSX21" s="8"/>
      <c r="SSY21" s="8"/>
      <c r="SSZ21" s="8"/>
      <c r="STA21" s="8"/>
      <c r="STB21" s="8"/>
      <c r="STC21" s="8"/>
      <c r="STD21" s="8"/>
      <c r="STE21" s="8"/>
      <c r="STF21" s="8"/>
      <c r="STG21" s="8"/>
      <c r="STH21" s="8"/>
      <c r="STI21" s="8"/>
      <c r="STJ21" s="8"/>
      <c r="STK21" s="8"/>
      <c r="STL21" s="8"/>
      <c r="STM21" s="8"/>
      <c r="STN21" s="8"/>
      <c r="STO21" s="8"/>
      <c r="STP21" s="8"/>
      <c r="STQ21" s="8"/>
      <c r="STR21" s="8"/>
      <c r="STS21" s="8"/>
      <c r="STT21" s="8"/>
      <c r="STU21" s="8"/>
      <c r="STV21" s="8"/>
      <c r="STW21" s="8"/>
      <c r="STX21" s="8"/>
      <c r="STY21" s="8"/>
      <c r="STZ21" s="8"/>
      <c r="SUA21" s="8"/>
      <c r="SUB21" s="8"/>
      <c r="SUC21" s="8"/>
      <c r="SUD21" s="8"/>
      <c r="SUE21" s="8"/>
      <c r="SUF21" s="8"/>
      <c r="SUG21" s="8"/>
      <c r="SUH21" s="8"/>
      <c r="SUI21" s="8"/>
      <c r="SUJ21" s="8"/>
      <c r="SUK21" s="8"/>
      <c r="SUL21" s="8"/>
      <c r="SUM21" s="8"/>
      <c r="SUN21" s="8"/>
      <c r="SUO21" s="8"/>
      <c r="SUP21" s="8"/>
      <c r="SUQ21" s="8"/>
      <c r="SUR21" s="8"/>
      <c r="SUS21" s="8"/>
      <c r="SUT21" s="8"/>
      <c r="SUU21" s="8"/>
      <c r="SUV21" s="8"/>
      <c r="SUW21" s="8"/>
      <c r="SUX21" s="8"/>
      <c r="SUY21" s="8"/>
      <c r="SUZ21" s="8"/>
      <c r="SVA21" s="8"/>
      <c r="SVB21" s="8"/>
      <c r="SVC21" s="8"/>
      <c r="SVD21" s="8"/>
      <c r="SVE21" s="8"/>
      <c r="SVF21" s="8"/>
      <c r="SVG21" s="8"/>
      <c r="SVH21" s="8"/>
      <c r="SVI21" s="8"/>
      <c r="SVJ21" s="8"/>
      <c r="SVK21" s="8"/>
      <c r="SVL21" s="8"/>
      <c r="SVM21" s="8"/>
      <c r="SVN21" s="8"/>
      <c r="SVO21" s="8"/>
      <c r="SVP21" s="8"/>
      <c r="SVQ21" s="8"/>
      <c r="SVR21" s="8"/>
      <c r="SVS21" s="8"/>
      <c r="SVT21" s="8"/>
      <c r="SVU21" s="8"/>
      <c r="SVV21" s="8"/>
      <c r="SVW21" s="8"/>
      <c r="SVX21" s="8"/>
      <c r="SVY21" s="8"/>
      <c r="SVZ21" s="8"/>
      <c r="SWA21" s="8"/>
      <c r="SWB21" s="8"/>
      <c r="SWC21" s="8"/>
      <c r="SWD21" s="8"/>
      <c r="SWE21" s="8"/>
      <c r="SWF21" s="8"/>
      <c r="SWG21" s="8"/>
      <c r="SWH21" s="8"/>
      <c r="SWI21" s="8"/>
      <c r="SWJ21" s="8"/>
      <c r="SWK21" s="8"/>
      <c r="SWL21" s="8"/>
      <c r="SWM21" s="8"/>
      <c r="SWN21" s="8"/>
      <c r="SWO21" s="8"/>
      <c r="SWP21" s="8"/>
      <c r="SWQ21" s="8"/>
      <c r="SWR21" s="8"/>
      <c r="SWS21" s="8"/>
      <c r="SWT21" s="8"/>
      <c r="SWU21" s="8"/>
      <c r="SWV21" s="8"/>
      <c r="SWW21" s="8"/>
      <c r="SWX21" s="8"/>
      <c r="SWY21" s="8"/>
      <c r="SWZ21" s="8"/>
      <c r="SXA21" s="8"/>
      <c r="SXB21" s="8"/>
      <c r="SXC21" s="8"/>
      <c r="SXD21" s="8"/>
      <c r="SXE21" s="8"/>
      <c r="SXF21" s="8"/>
      <c r="SXG21" s="8"/>
      <c r="SXH21" s="8"/>
      <c r="SXI21" s="8"/>
      <c r="SXJ21" s="8"/>
      <c r="SXK21" s="8"/>
      <c r="SXL21" s="8"/>
      <c r="SXM21" s="8"/>
      <c r="SXN21" s="8"/>
      <c r="SXO21" s="8"/>
      <c r="SXP21" s="8"/>
      <c r="SXQ21" s="8"/>
      <c r="SXR21" s="8"/>
      <c r="SXS21" s="8"/>
      <c r="SXT21" s="8"/>
      <c r="SXU21" s="8"/>
      <c r="SXV21" s="8"/>
      <c r="SXW21" s="8"/>
      <c r="SXX21" s="8"/>
      <c r="SXY21" s="8"/>
      <c r="SXZ21" s="8"/>
      <c r="SYA21" s="8"/>
      <c r="SYB21" s="8"/>
      <c r="SYC21" s="8"/>
      <c r="SYD21" s="8"/>
      <c r="SYE21" s="8"/>
      <c r="SYF21" s="8"/>
      <c r="SYG21" s="8"/>
      <c r="SYH21" s="8"/>
      <c r="SYI21" s="8"/>
      <c r="SYJ21" s="8"/>
      <c r="SYK21" s="8"/>
      <c r="SYL21" s="8"/>
      <c r="SYM21" s="8"/>
      <c r="SYN21" s="8"/>
      <c r="SYO21" s="8"/>
      <c r="SYP21" s="8"/>
      <c r="SYQ21" s="8"/>
      <c r="SYR21" s="8"/>
      <c r="SYS21" s="8"/>
      <c r="SYT21" s="8"/>
      <c r="SYU21" s="8"/>
      <c r="SYV21" s="8"/>
      <c r="SYW21" s="8"/>
      <c r="SYX21" s="8"/>
      <c r="SYY21" s="8"/>
      <c r="SYZ21" s="8"/>
      <c r="SZA21" s="8"/>
      <c r="SZB21" s="8"/>
      <c r="SZC21" s="8"/>
      <c r="SZD21" s="8"/>
      <c r="SZE21" s="8"/>
      <c r="SZF21" s="8"/>
      <c r="SZG21" s="8"/>
      <c r="SZH21" s="8"/>
      <c r="SZI21" s="8"/>
      <c r="SZJ21" s="8"/>
      <c r="SZK21" s="8"/>
      <c r="SZL21" s="8"/>
      <c r="SZM21" s="8"/>
      <c r="SZN21" s="8"/>
      <c r="SZO21" s="8"/>
      <c r="SZP21" s="8"/>
      <c r="SZQ21" s="8"/>
      <c r="SZR21" s="8"/>
      <c r="SZS21" s="8"/>
      <c r="SZT21" s="8"/>
      <c r="SZU21" s="8"/>
      <c r="SZV21" s="8"/>
      <c r="SZW21" s="8"/>
      <c r="SZX21" s="8"/>
      <c r="SZY21" s="8"/>
      <c r="SZZ21" s="8"/>
      <c r="TAA21" s="8"/>
      <c r="TAB21" s="8"/>
      <c r="TAC21" s="8"/>
      <c r="TAD21" s="8"/>
      <c r="TAE21" s="8"/>
      <c r="TAF21" s="8"/>
      <c r="TAG21" s="8"/>
      <c r="TAH21" s="8"/>
      <c r="TAI21" s="8"/>
      <c r="TAJ21" s="8"/>
      <c r="TAK21" s="8"/>
      <c r="TAL21" s="8"/>
      <c r="TAM21" s="8"/>
      <c r="TAN21" s="8"/>
      <c r="TAO21" s="8"/>
      <c r="TAP21" s="8"/>
      <c r="TAQ21" s="8"/>
      <c r="TAR21" s="8"/>
      <c r="TAS21" s="8"/>
      <c r="TAT21" s="8"/>
      <c r="TAU21" s="8"/>
      <c r="TAV21" s="8"/>
      <c r="TAW21" s="8"/>
      <c r="TAX21" s="8"/>
      <c r="TAY21" s="8"/>
      <c r="TAZ21" s="8"/>
      <c r="TBA21" s="8"/>
      <c r="TBB21" s="8"/>
      <c r="TBC21" s="8"/>
      <c r="TBD21" s="8"/>
      <c r="TBE21" s="8"/>
      <c r="TBF21" s="8"/>
      <c r="TBG21" s="8"/>
      <c r="TBH21" s="8"/>
      <c r="TBI21" s="8"/>
      <c r="TBJ21" s="8"/>
      <c r="TBK21" s="8"/>
      <c r="TBL21" s="8"/>
      <c r="TBM21" s="8"/>
      <c r="TBN21" s="8"/>
      <c r="TBO21" s="8"/>
      <c r="TBP21" s="8"/>
      <c r="TBQ21" s="8"/>
      <c r="TBR21" s="8"/>
      <c r="TBS21" s="8"/>
      <c r="TBT21" s="8"/>
      <c r="TBU21" s="8"/>
      <c r="TBV21" s="8"/>
      <c r="TBW21" s="8"/>
      <c r="TBX21" s="8"/>
      <c r="TBY21" s="8"/>
      <c r="TBZ21" s="8"/>
      <c r="TCA21" s="8"/>
      <c r="TCB21" s="8"/>
      <c r="TCC21" s="8"/>
      <c r="TCD21" s="8"/>
      <c r="TCE21" s="8"/>
      <c r="TCF21" s="8"/>
      <c r="TCG21" s="8"/>
      <c r="TCH21" s="8"/>
      <c r="TCI21" s="8"/>
      <c r="TCJ21" s="8"/>
      <c r="TCK21" s="8"/>
      <c r="TCL21" s="8"/>
      <c r="TCM21" s="8"/>
      <c r="TCN21" s="8"/>
      <c r="TCO21" s="8"/>
      <c r="TCP21" s="8"/>
      <c r="TCQ21" s="8"/>
      <c r="TCR21" s="8"/>
      <c r="TCS21" s="8"/>
      <c r="TCT21" s="8"/>
      <c r="TCU21" s="8"/>
      <c r="TCV21" s="8"/>
      <c r="TCW21" s="8"/>
      <c r="TCX21" s="8"/>
      <c r="TCY21" s="8"/>
      <c r="TCZ21" s="8"/>
      <c r="TDA21" s="8"/>
      <c r="TDB21" s="8"/>
      <c r="TDC21" s="8"/>
      <c r="TDD21" s="8"/>
      <c r="TDE21" s="8"/>
      <c r="TDF21" s="8"/>
      <c r="TDG21" s="8"/>
      <c r="TDH21" s="8"/>
      <c r="TDI21" s="8"/>
      <c r="TDJ21" s="8"/>
      <c r="TDK21" s="8"/>
      <c r="TDL21" s="8"/>
      <c r="TDM21" s="8"/>
      <c r="TDN21" s="8"/>
      <c r="TDO21" s="8"/>
      <c r="TDP21" s="8"/>
      <c r="TDQ21" s="8"/>
      <c r="TDR21" s="8"/>
      <c r="TDS21" s="8"/>
      <c r="TDT21" s="8"/>
      <c r="TDU21" s="8"/>
      <c r="TDV21" s="8"/>
      <c r="TDW21" s="8"/>
      <c r="TDX21" s="8"/>
      <c r="TDY21" s="8"/>
      <c r="TDZ21" s="8"/>
      <c r="TEA21" s="8"/>
      <c r="TEB21" s="8"/>
      <c r="TEC21" s="8"/>
      <c r="TED21" s="8"/>
      <c r="TEE21" s="8"/>
      <c r="TEF21" s="8"/>
      <c r="TEG21" s="8"/>
      <c r="TEH21" s="8"/>
      <c r="TEI21" s="8"/>
      <c r="TEJ21" s="8"/>
      <c r="TEK21" s="8"/>
      <c r="TEL21" s="8"/>
      <c r="TEM21" s="8"/>
      <c r="TEN21" s="8"/>
      <c r="TEO21" s="8"/>
      <c r="TEP21" s="8"/>
      <c r="TEQ21" s="8"/>
      <c r="TER21" s="8"/>
      <c r="TES21" s="8"/>
      <c r="TET21" s="8"/>
      <c r="TEU21" s="8"/>
      <c r="TEV21" s="8"/>
      <c r="TEW21" s="8"/>
      <c r="TEX21" s="8"/>
      <c r="TEY21" s="8"/>
      <c r="TEZ21" s="8"/>
      <c r="TFA21" s="8"/>
      <c r="TFB21" s="8"/>
      <c r="TFC21" s="8"/>
      <c r="TFD21" s="8"/>
      <c r="TFE21" s="8"/>
      <c r="TFF21" s="8"/>
      <c r="TFG21" s="8"/>
      <c r="TFH21" s="8"/>
      <c r="TFI21" s="8"/>
      <c r="TFJ21" s="8"/>
      <c r="TFK21" s="8"/>
      <c r="TFL21" s="8"/>
      <c r="TFM21" s="8"/>
      <c r="TFN21" s="8"/>
      <c r="TFO21" s="8"/>
      <c r="TFP21" s="8"/>
      <c r="TFQ21" s="8"/>
      <c r="TFR21" s="8"/>
      <c r="TFS21" s="8"/>
      <c r="TFT21" s="8"/>
      <c r="TFU21" s="8"/>
      <c r="TFV21" s="8"/>
      <c r="TFW21" s="8"/>
      <c r="TFX21" s="8"/>
      <c r="TFY21" s="8"/>
      <c r="TFZ21" s="8"/>
      <c r="TGA21" s="8"/>
      <c r="TGB21" s="8"/>
      <c r="TGC21" s="8"/>
      <c r="TGD21" s="8"/>
      <c r="TGE21" s="8"/>
      <c r="TGF21" s="8"/>
      <c r="TGG21" s="8"/>
      <c r="TGH21" s="8"/>
      <c r="TGI21" s="8"/>
      <c r="TGJ21" s="8"/>
      <c r="TGK21" s="8"/>
      <c r="TGL21" s="8"/>
      <c r="TGM21" s="8"/>
      <c r="TGN21" s="8"/>
      <c r="TGO21" s="8"/>
      <c r="TGP21" s="8"/>
      <c r="TGQ21" s="8"/>
      <c r="TGR21" s="8"/>
      <c r="TGS21" s="8"/>
      <c r="TGT21" s="8"/>
      <c r="TGU21" s="8"/>
      <c r="TGV21" s="8"/>
      <c r="TGW21" s="8"/>
      <c r="TGX21" s="8"/>
      <c r="TGY21" s="8"/>
      <c r="TGZ21" s="8"/>
      <c r="THA21" s="8"/>
      <c r="THB21" s="8"/>
      <c r="THC21" s="8"/>
      <c r="THD21" s="8"/>
      <c r="THE21" s="8"/>
      <c r="THF21" s="8"/>
      <c r="THG21" s="8"/>
      <c r="THH21" s="8"/>
      <c r="THI21" s="8"/>
      <c r="THJ21" s="8"/>
      <c r="THK21" s="8"/>
      <c r="THL21" s="8"/>
      <c r="THM21" s="8"/>
      <c r="THN21" s="8"/>
      <c r="THO21" s="8"/>
      <c r="THP21" s="8"/>
      <c r="THQ21" s="8"/>
      <c r="THR21" s="8"/>
      <c r="THS21" s="8"/>
      <c r="THT21" s="8"/>
      <c r="THU21" s="8"/>
      <c r="THV21" s="8"/>
      <c r="THW21" s="8"/>
      <c r="THX21" s="8"/>
      <c r="THY21" s="8"/>
      <c r="THZ21" s="8"/>
      <c r="TIA21" s="8"/>
      <c r="TIB21" s="8"/>
      <c r="TIC21" s="8"/>
      <c r="TID21" s="8"/>
      <c r="TIE21" s="8"/>
      <c r="TIF21" s="8"/>
      <c r="TIG21" s="8"/>
      <c r="TIH21" s="8"/>
      <c r="TII21" s="8"/>
      <c r="TIJ21" s="8"/>
      <c r="TIK21" s="8"/>
      <c r="TIL21" s="8"/>
      <c r="TIM21" s="8"/>
      <c r="TIN21" s="8"/>
      <c r="TIO21" s="8"/>
      <c r="TIP21" s="8"/>
      <c r="TIQ21" s="8"/>
      <c r="TIR21" s="8"/>
      <c r="TIS21" s="8"/>
      <c r="TIT21" s="8"/>
      <c r="TIU21" s="8"/>
      <c r="TIV21" s="8"/>
      <c r="TIW21" s="8"/>
      <c r="TIX21" s="8"/>
      <c r="TIY21" s="8"/>
      <c r="TIZ21" s="8"/>
      <c r="TJA21" s="8"/>
      <c r="TJB21" s="8"/>
      <c r="TJC21" s="8"/>
      <c r="TJD21" s="8"/>
      <c r="TJE21" s="8"/>
      <c r="TJF21" s="8"/>
      <c r="TJG21" s="8"/>
      <c r="TJH21" s="8"/>
      <c r="TJI21" s="8"/>
      <c r="TJJ21" s="8"/>
      <c r="TJK21" s="8"/>
      <c r="TJL21" s="8"/>
      <c r="TJM21" s="8"/>
      <c r="TJN21" s="8"/>
      <c r="TJO21" s="8"/>
      <c r="TJP21" s="8"/>
      <c r="TJQ21" s="8"/>
      <c r="TJR21" s="8"/>
      <c r="TJS21" s="8"/>
      <c r="TJT21" s="8"/>
      <c r="TJU21" s="8"/>
      <c r="TJV21" s="8"/>
      <c r="TJW21" s="8"/>
      <c r="TJX21" s="8"/>
      <c r="TJY21" s="8"/>
      <c r="TJZ21" s="8"/>
      <c r="TKA21" s="8"/>
      <c r="TKB21" s="8"/>
      <c r="TKC21" s="8"/>
      <c r="TKD21" s="8"/>
      <c r="TKE21" s="8"/>
      <c r="TKF21" s="8"/>
      <c r="TKG21" s="8"/>
      <c r="TKH21" s="8"/>
      <c r="TKI21" s="8"/>
      <c r="TKJ21" s="8"/>
      <c r="TKK21" s="8"/>
      <c r="TKL21" s="8"/>
      <c r="TKM21" s="8"/>
      <c r="TKN21" s="8"/>
      <c r="TKO21" s="8"/>
      <c r="TKP21" s="8"/>
      <c r="TKQ21" s="8"/>
      <c r="TKR21" s="8"/>
      <c r="TKS21" s="8"/>
      <c r="TKT21" s="8"/>
      <c r="TKU21" s="8"/>
      <c r="TKV21" s="8"/>
      <c r="TKW21" s="8"/>
      <c r="TKX21" s="8"/>
      <c r="TKY21" s="8"/>
      <c r="TKZ21" s="8"/>
      <c r="TLA21" s="8"/>
      <c r="TLB21" s="8"/>
      <c r="TLC21" s="8"/>
      <c r="TLD21" s="8"/>
      <c r="TLE21" s="8"/>
      <c r="TLF21" s="8"/>
      <c r="TLG21" s="8"/>
      <c r="TLH21" s="8"/>
      <c r="TLI21" s="8"/>
      <c r="TLJ21" s="8"/>
      <c r="TLK21" s="8"/>
      <c r="TLL21" s="8"/>
      <c r="TLM21" s="8"/>
      <c r="TLN21" s="8"/>
      <c r="TLO21" s="8"/>
      <c r="TLP21" s="8"/>
      <c r="TLQ21" s="8"/>
      <c r="TLR21" s="8"/>
      <c r="TLS21" s="8"/>
      <c r="TLT21" s="8"/>
      <c r="TLU21" s="8"/>
      <c r="TLV21" s="8"/>
      <c r="TLW21" s="8"/>
      <c r="TLX21" s="8"/>
      <c r="TLY21" s="8"/>
      <c r="TLZ21" s="8"/>
      <c r="TMA21" s="8"/>
      <c r="TMB21" s="8"/>
      <c r="TMC21" s="8"/>
      <c r="TMD21" s="8"/>
      <c r="TME21" s="8"/>
      <c r="TMF21" s="8"/>
      <c r="TMG21" s="8"/>
      <c r="TMH21" s="8"/>
      <c r="TMI21" s="8"/>
      <c r="TMJ21" s="8"/>
      <c r="TMK21" s="8"/>
      <c r="TML21" s="8"/>
      <c r="TMM21" s="8"/>
      <c r="TMN21" s="8"/>
      <c r="TMO21" s="8"/>
      <c r="TMP21" s="8"/>
      <c r="TMQ21" s="8"/>
      <c r="TMR21" s="8"/>
      <c r="TMS21" s="8"/>
      <c r="TMT21" s="8"/>
      <c r="TMU21" s="8"/>
      <c r="TMV21" s="8"/>
      <c r="TMW21" s="8"/>
      <c r="TMX21" s="8"/>
      <c r="TMY21" s="8"/>
      <c r="TMZ21" s="8"/>
      <c r="TNA21" s="8"/>
      <c r="TNB21" s="8"/>
      <c r="TNC21" s="8"/>
      <c r="TND21" s="8"/>
      <c r="TNE21" s="8"/>
      <c r="TNF21" s="8"/>
      <c r="TNG21" s="8"/>
      <c r="TNH21" s="8"/>
      <c r="TNI21" s="8"/>
      <c r="TNJ21" s="8"/>
      <c r="TNK21" s="8"/>
      <c r="TNL21" s="8"/>
      <c r="TNM21" s="8"/>
      <c r="TNN21" s="8"/>
      <c r="TNO21" s="8"/>
      <c r="TNP21" s="8"/>
      <c r="TNQ21" s="8"/>
      <c r="TNR21" s="8"/>
      <c r="TNS21" s="8"/>
      <c r="TNT21" s="8"/>
      <c r="TNU21" s="8"/>
      <c r="TNV21" s="8"/>
      <c r="TNW21" s="8"/>
      <c r="TNX21" s="8"/>
      <c r="TNY21" s="8"/>
      <c r="TNZ21" s="8"/>
      <c r="TOA21" s="8"/>
      <c r="TOB21" s="8"/>
      <c r="TOC21" s="8"/>
      <c r="TOD21" s="8"/>
      <c r="TOE21" s="8"/>
      <c r="TOF21" s="8"/>
      <c r="TOG21" s="8"/>
      <c r="TOH21" s="8"/>
      <c r="TOI21" s="8"/>
      <c r="TOJ21" s="8"/>
      <c r="TOK21" s="8"/>
      <c r="TOL21" s="8"/>
      <c r="TOM21" s="8"/>
      <c r="TON21" s="8"/>
      <c r="TOO21" s="8"/>
      <c r="TOP21" s="8"/>
      <c r="TOQ21" s="8"/>
      <c r="TOR21" s="8"/>
      <c r="TOS21" s="8"/>
      <c r="TOT21" s="8"/>
      <c r="TOU21" s="8"/>
      <c r="TOV21" s="8"/>
      <c r="TOW21" s="8"/>
      <c r="TOX21" s="8"/>
      <c r="TOY21" s="8"/>
      <c r="TOZ21" s="8"/>
      <c r="TPA21" s="8"/>
      <c r="TPB21" s="8"/>
      <c r="TPC21" s="8"/>
      <c r="TPD21" s="8"/>
      <c r="TPE21" s="8"/>
      <c r="TPF21" s="8"/>
      <c r="TPG21" s="8"/>
      <c r="TPH21" s="8"/>
      <c r="TPI21" s="8"/>
      <c r="TPJ21" s="8"/>
      <c r="TPK21" s="8"/>
      <c r="TPL21" s="8"/>
      <c r="TPM21" s="8"/>
      <c r="TPN21" s="8"/>
      <c r="TPO21" s="8"/>
      <c r="TPP21" s="8"/>
      <c r="TPQ21" s="8"/>
      <c r="TPR21" s="8"/>
      <c r="TPS21" s="8"/>
      <c r="TPT21" s="8"/>
      <c r="TPU21" s="8"/>
      <c r="TPV21" s="8"/>
      <c r="TPW21" s="8"/>
      <c r="TPX21" s="8"/>
      <c r="TPY21" s="8"/>
      <c r="TPZ21" s="8"/>
      <c r="TQA21" s="8"/>
      <c r="TQB21" s="8"/>
      <c r="TQC21" s="8"/>
      <c r="TQD21" s="8"/>
      <c r="TQE21" s="8"/>
      <c r="TQF21" s="8"/>
      <c r="TQG21" s="8"/>
      <c r="TQH21" s="8"/>
      <c r="TQI21" s="8"/>
      <c r="TQJ21" s="8"/>
      <c r="TQK21" s="8"/>
      <c r="TQL21" s="8"/>
      <c r="TQM21" s="8"/>
      <c r="TQN21" s="8"/>
      <c r="TQO21" s="8"/>
      <c r="TQP21" s="8"/>
      <c r="TQQ21" s="8"/>
      <c r="TQR21" s="8"/>
      <c r="TQS21" s="8"/>
      <c r="TQT21" s="8"/>
      <c r="TQU21" s="8"/>
      <c r="TQV21" s="8"/>
      <c r="TQW21" s="8"/>
      <c r="TQX21" s="8"/>
      <c r="TQY21" s="8"/>
      <c r="TQZ21" s="8"/>
      <c r="TRA21" s="8"/>
      <c r="TRB21" s="8"/>
      <c r="TRC21" s="8"/>
      <c r="TRD21" s="8"/>
      <c r="TRE21" s="8"/>
      <c r="TRF21" s="8"/>
      <c r="TRG21" s="8"/>
      <c r="TRH21" s="8"/>
      <c r="TRI21" s="8"/>
      <c r="TRJ21" s="8"/>
      <c r="TRK21" s="8"/>
      <c r="TRL21" s="8"/>
      <c r="TRM21" s="8"/>
      <c r="TRN21" s="8"/>
      <c r="TRO21" s="8"/>
      <c r="TRP21" s="8"/>
      <c r="TRQ21" s="8"/>
      <c r="TRR21" s="8"/>
      <c r="TRS21" s="8"/>
      <c r="TRT21" s="8"/>
      <c r="TRU21" s="8"/>
      <c r="TRV21" s="8"/>
      <c r="TRW21" s="8"/>
      <c r="TRX21" s="8"/>
      <c r="TRY21" s="8"/>
      <c r="TRZ21" s="8"/>
      <c r="TSA21" s="8"/>
      <c r="TSB21" s="8"/>
      <c r="TSC21" s="8"/>
      <c r="TSD21" s="8"/>
      <c r="TSE21" s="8"/>
      <c r="TSF21" s="8"/>
      <c r="TSG21" s="8"/>
      <c r="TSH21" s="8"/>
      <c r="TSI21" s="8"/>
      <c r="TSJ21" s="8"/>
      <c r="TSK21" s="8"/>
      <c r="TSL21" s="8"/>
      <c r="TSM21" s="8"/>
      <c r="TSN21" s="8"/>
      <c r="TSO21" s="8"/>
      <c r="TSP21" s="8"/>
      <c r="TSQ21" s="8"/>
      <c r="TSR21" s="8"/>
      <c r="TSS21" s="8"/>
      <c r="TST21" s="8"/>
      <c r="TSU21" s="8"/>
      <c r="TSV21" s="8"/>
      <c r="TSW21" s="8"/>
      <c r="TSX21" s="8"/>
      <c r="TSY21" s="8"/>
      <c r="TSZ21" s="8"/>
      <c r="TTA21" s="8"/>
      <c r="TTB21" s="8"/>
      <c r="TTC21" s="8"/>
      <c r="TTD21" s="8"/>
      <c r="TTE21" s="8"/>
      <c r="TTF21" s="8"/>
      <c r="TTG21" s="8"/>
      <c r="TTH21" s="8"/>
      <c r="TTI21" s="8"/>
      <c r="TTJ21" s="8"/>
      <c r="TTK21" s="8"/>
      <c r="TTL21" s="8"/>
      <c r="TTM21" s="8"/>
      <c r="TTN21" s="8"/>
      <c r="TTO21" s="8"/>
      <c r="TTP21" s="8"/>
      <c r="TTQ21" s="8"/>
      <c r="TTR21" s="8"/>
      <c r="TTS21" s="8"/>
      <c r="TTT21" s="8"/>
      <c r="TTU21" s="8"/>
      <c r="TTV21" s="8"/>
      <c r="TTW21" s="8"/>
      <c r="TTX21" s="8"/>
      <c r="TTY21" s="8"/>
      <c r="TTZ21" s="8"/>
      <c r="TUA21" s="8"/>
      <c r="TUB21" s="8"/>
      <c r="TUC21" s="8"/>
      <c r="TUD21" s="8"/>
      <c r="TUE21" s="8"/>
      <c r="TUF21" s="8"/>
      <c r="TUG21" s="8"/>
      <c r="TUH21" s="8"/>
      <c r="TUI21" s="8"/>
      <c r="TUJ21" s="8"/>
      <c r="TUK21" s="8"/>
      <c r="TUL21" s="8"/>
      <c r="TUM21" s="8"/>
      <c r="TUN21" s="8"/>
      <c r="TUO21" s="8"/>
      <c r="TUP21" s="8"/>
      <c r="TUQ21" s="8"/>
      <c r="TUR21" s="8"/>
      <c r="TUS21" s="8"/>
      <c r="TUT21" s="8"/>
      <c r="TUU21" s="8"/>
      <c r="TUV21" s="8"/>
      <c r="TUW21" s="8"/>
      <c r="TUX21" s="8"/>
      <c r="TUY21" s="8"/>
      <c r="TUZ21" s="8"/>
      <c r="TVA21" s="8"/>
      <c r="TVB21" s="8"/>
      <c r="TVC21" s="8"/>
      <c r="TVD21" s="8"/>
      <c r="TVE21" s="8"/>
      <c r="TVF21" s="8"/>
      <c r="TVG21" s="8"/>
      <c r="TVH21" s="8"/>
      <c r="TVI21" s="8"/>
      <c r="TVJ21" s="8"/>
      <c r="TVK21" s="8"/>
      <c r="TVL21" s="8"/>
      <c r="TVM21" s="8"/>
      <c r="TVN21" s="8"/>
      <c r="TVO21" s="8"/>
      <c r="TVP21" s="8"/>
      <c r="TVQ21" s="8"/>
      <c r="TVR21" s="8"/>
      <c r="TVS21" s="8"/>
      <c r="TVT21" s="8"/>
      <c r="TVU21" s="8"/>
      <c r="TVV21" s="8"/>
      <c r="TVW21" s="8"/>
      <c r="TVX21" s="8"/>
      <c r="TVY21" s="8"/>
      <c r="TVZ21" s="8"/>
      <c r="TWA21" s="8"/>
      <c r="TWB21" s="8"/>
      <c r="TWC21" s="8"/>
      <c r="TWD21" s="8"/>
      <c r="TWE21" s="8"/>
      <c r="TWF21" s="8"/>
      <c r="TWG21" s="8"/>
      <c r="TWH21" s="8"/>
      <c r="TWI21" s="8"/>
      <c r="TWJ21" s="8"/>
      <c r="TWK21" s="8"/>
      <c r="TWL21" s="8"/>
      <c r="TWM21" s="8"/>
      <c r="TWN21" s="8"/>
      <c r="TWO21" s="8"/>
      <c r="TWP21" s="8"/>
      <c r="TWQ21" s="8"/>
      <c r="TWR21" s="8"/>
      <c r="TWS21" s="8"/>
      <c r="TWT21" s="8"/>
      <c r="TWU21" s="8"/>
      <c r="TWV21" s="8"/>
      <c r="TWW21" s="8"/>
      <c r="TWX21" s="8"/>
      <c r="TWY21" s="8"/>
      <c r="TWZ21" s="8"/>
      <c r="TXA21" s="8"/>
      <c r="TXB21" s="8"/>
      <c r="TXC21" s="8"/>
      <c r="TXD21" s="8"/>
      <c r="TXE21" s="8"/>
      <c r="TXF21" s="8"/>
      <c r="TXG21" s="8"/>
      <c r="TXH21" s="8"/>
      <c r="TXI21" s="8"/>
      <c r="TXJ21" s="8"/>
      <c r="TXK21" s="8"/>
      <c r="TXL21" s="8"/>
      <c r="TXM21" s="8"/>
      <c r="TXN21" s="8"/>
      <c r="TXO21" s="8"/>
      <c r="TXP21" s="8"/>
      <c r="TXQ21" s="8"/>
      <c r="TXR21" s="8"/>
      <c r="TXS21" s="8"/>
      <c r="TXT21" s="8"/>
      <c r="TXU21" s="8"/>
      <c r="TXV21" s="8"/>
      <c r="TXW21" s="8"/>
      <c r="TXX21" s="8"/>
      <c r="TXY21" s="8"/>
      <c r="TXZ21" s="8"/>
      <c r="TYA21" s="8"/>
      <c r="TYB21" s="8"/>
      <c r="TYC21" s="8"/>
      <c r="TYD21" s="8"/>
      <c r="TYE21" s="8"/>
      <c r="TYF21" s="8"/>
      <c r="TYG21" s="8"/>
      <c r="TYH21" s="8"/>
      <c r="TYI21" s="8"/>
      <c r="TYJ21" s="8"/>
      <c r="TYK21" s="8"/>
      <c r="TYL21" s="8"/>
      <c r="TYM21" s="8"/>
      <c r="TYN21" s="8"/>
      <c r="TYO21" s="8"/>
      <c r="TYP21" s="8"/>
      <c r="TYQ21" s="8"/>
      <c r="TYR21" s="8"/>
      <c r="TYS21" s="8"/>
      <c r="TYT21" s="8"/>
      <c r="TYU21" s="8"/>
      <c r="TYV21" s="8"/>
      <c r="TYW21" s="8"/>
      <c r="TYX21" s="8"/>
      <c r="TYY21" s="8"/>
      <c r="TYZ21" s="8"/>
      <c r="TZA21" s="8"/>
      <c r="TZB21" s="8"/>
      <c r="TZC21" s="8"/>
      <c r="TZD21" s="8"/>
      <c r="TZE21" s="8"/>
      <c r="TZF21" s="8"/>
      <c r="TZG21" s="8"/>
      <c r="TZH21" s="8"/>
      <c r="TZI21" s="8"/>
      <c r="TZJ21" s="8"/>
      <c r="TZK21" s="8"/>
      <c r="TZL21" s="8"/>
      <c r="TZM21" s="8"/>
      <c r="TZN21" s="8"/>
      <c r="TZO21" s="8"/>
      <c r="TZP21" s="8"/>
      <c r="TZQ21" s="8"/>
      <c r="TZR21" s="8"/>
      <c r="TZS21" s="8"/>
      <c r="TZT21" s="8"/>
      <c r="TZU21" s="8"/>
      <c r="TZV21" s="8"/>
      <c r="TZW21" s="8"/>
      <c r="TZX21" s="8"/>
      <c r="TZY21" s="8"/>
      <c r="TZZ21" s="8"/>
      <c r="UAA21" s="8"/>
      <c r="UAB21" s="8"/>
      <c r="UAC21" s="8"/>
      <c r="UAD21" s="8"/>
      <c r="UAE21" s="8"/>
      <c r="UAF21" s="8"/>
      <c r="UAG21" s="8"/>
      <c r="UAH21" s="8"/>
      <c r="UAI21" s="8"/>
      <c r="UAJ21" s="8"/>
      <c r="UAK21" s="8"/>
      <c r="UAL21" s="8"/>
      <c r="UAM21" s="8"/>
      <c r="UAN21" s="8"/>
      <c r="UAO21" s="8"/>
      <c r="UAP21" s="8"/>
      <c r="UAQ21" s="8"/>
      <c r="UAR21" s="8"/>
      <c r="UAS21" s="8"/>
      <c r="UAT21" s="8"/>
      <c r="UAU21" s="8"/>
      <c r="UAV21" s="8"/>
      <c r="UAW21" s="8"/>
      <c r="UAX21" s="8"/>
      <c r="UAY21" s="8"/>
      <c r="UAZ21" s="8"/>
      <c r="UBA21" s="8"/>
      <c r="UBB21" s="8"/>
      <c r="UBC21" s="8"/>
      <c r="UBD21" s="8"/>
      <c r="UBE21" s="8"/>
      <c r="UBF21" s="8"/>
      <c r="UBG21" s="8"/>
      <c r="UBH21" s="8"/>
      <c r="UBI21" s="8"/>
      <c r="UBJ21" s="8"/>
      <c r="UBK21" s="8"/>
      <c r="UBL21" s="8"/>
      <c r="UBM21" s="8"/>
      <c r="UBN21" s="8"/>
      <c r="UBO21" s="8"/>
      <c r="UBP21" s="8"/>
      <c r="UBQ21" s="8"/>
      <c r="UBR21" s="8"/>
      <c r="UBS21" s="8"/>
      <c r="UBT21" s="8"/>
      <c r="UBU21" s="8"/>
      <c r="UBV21" s="8"/>
      <c r="UBW21" s="8"/>
      <c r="UBX21" s="8"/>
      <c r="UBY21" s="8"/>
      <c r="UBZ21" s="8"/>
      <c r="UCA21" s="8"/>
      <c r="UCB21" s="8"/>
      <c r="UCC21" s="8"/>
      <c r="UCD21" s="8"/>
      <c r="UCE21" s="8"/>
      <c r="UCF21" s="8"/>
      <c r="UCG21" s="8"/>
      <c r="UCH21" s="8"/>
      <c r="UCI21" s="8"/>
      <c r="UCJ21" s="8"/>
      <c r="UCK21" s="8"/>
      <c r="UCL21" s="8"/>
      <c r="UCM21" s="8"/>
      <c r="UCN21" s="8"/>
      <c r="UCO21" s="8"/>
      <c r="UCP21" s="8"/>
      <c r="UCQ21" s="8"/>
      <c r="UCR21" s="8"/>
      <c r="UCS21" s="8"/>
      <c r="UCT21" s="8"/>
      <c r="UCU21" s="8"/>
      <c r="UCV21" s="8"/>
      <c r="UCW21" s="8"/>
      <c r="UCX21" s="8"/>
      <c r="UCY21" s="8"/>
      <c r="UCZ21" s="8"/>
      <c r="UDA21" s="8"/>
      <c r="UDB21" s="8"/>
      <c r="UDC21" s="8"/>
      <c r="UDD21" s="8"/>
      <c r="UDE21" s="8"/>
      <c r="UDF21" s="8"/>
      <c r="UDG21" s="8"/>
      <c r="UDH21" s="8"/>
      <c r="UDI21" s="8"/>
      <c r="UDJ21" s="8"/>
      <c r="UDK21" s="8"/>
      <c r="UDL21" s="8"/>
      <c r="UDM21" s="8"/>
      <c r="UDN21" s="8"/>
      <c r="UDO21" s="8"/>
      <c r="UDP21" s="8"/>
      <c r="UDQ21" s="8"/>
      <c r="UDR21" s="8"/>
      <c r="UDS21" s="8"/>
      <c r="UDT21" s="8"/>
      <c r="UDU21" s="8"/>
      <c r="UDV21" s="8"/>
      <c r="UDW21" s="8"/>
      <c r="UDX21" s="8"/>
      <c r="UDY21" s="8"/>
      <c r="UDZ21" s="8"/>
      <c r="UEA21" s="8"/>
      <c r="UEB21" s="8"/>
      <c r="UEC21" s="8"/>
      <c r="UED21" s="8"/>
      <c r="UEE21" s="8"/>
      <c r="UEF21" s="8"/>
      <c r="UEG21" s="8"/>
      <c r="UEH21" s="8"/>
      <c r="UEI21" s="8"/>
      <c r="UEJ21" s="8"/>
      <c r="UEK21" s="8"/>
      <c r="UEL21" s="8"/>
      <c r="UEM21" s="8"/>
      <c r="UEN21" s="8"/>
      <c r="UEO21" s="8"/>
      <c r="UEP21" s="8"/>
      <c r="UEQ21" s="8"/>
      <c r="UER21" s="8"/>
      <c r="UES21" s="8"/>
      <c r="UET21" s="8"/>
      <c r="UEU21" s="8"/>
      <c r="UEV21" s="8"/>
      <c r="UEW21" s="8"/>
      <c r="UEX21" s="8"/>
      <c r="UEY21" s="8"/>
      <c r="UEZ21" s="8"/>
      <c r="UFA21" s="8"/>
      <c r="UFB21" s="8"/>
      <c r="UFC21" s="8"/>
      <c r="UFD21" s="8"/>
      <c r="UFE21" s="8"/>
      <c r="UFF21" s="8"/>
      <c r="UFG21" s="8"/>
      <c r="UFH21" s="8"/>
      <c r="UFI21" s="8"/>
      <c r="UFJ21" s="8"/>
      <c r="UFK21" s="8"/>
      <c r="UFL21" s="8"/>
      <c r="UFM21" s="8"/>
      <c r="UFN21" s="8"/>
      <c r="UFO21" s="8"/>
      <c r="UFP21" s="8"/>
      <c r="UFQ21" s="8"/>
      <c r="UFR21" s="8"/>
      <c r="UFS21" s="8"/>
      <c r="UFT21" s="8"/>
      <c r="UFU21" s="8"/>
      <c r="UFV21" s="8"/>
      <c r="UFW21" s="8"/>
      <c r="UFX21" s="8"/>
      <c r="UFY21" s="8"/>
      <c r="UFZ21" s="8"/>
      <c r="UGA21" s="8"/>
      <c r="UGB21" s="8"/>
      <c r="UGC21" s="8"/>
      <c r="UGD21" s="8"/>
      <c r="UGE21" s="8"/>
      <c r="UGF21" s="8"/>
      <c r="UGG21" s="8"/>
      <c r="UGH21" s="8"/>
      <c r="UGI21" s="8"/>
      <c r="UGJ21" s="8"/>
      <c r="UGK21" s="8"/>
      <c r="UGL21" s="8"/>
      <c r="UGM21" s="8"/>
      <c r="UGN21" s="8"/>
      <c r="UGO21" s="8"/>
      <c r="UGP21" s="8"/>
      <c r="UGQ21" s="8"/>
      <c r="UGR21" s="8"/>
      <c r="UGS21" s="8"/>
      <c r="UGT21" s="8"/>
      <c r="UGU21" s="8"/>
      <c r="UGV21" s="8"/>
      <c r="UGW21" s="8"/>
      <c r="UGX21" s="8"/>
      <c r="UGY21" s="8"/>
      <c r="UGZ21" s="8"/>
      <c r="UHA21" s="8"/>
      <c r="UHB21" s="8"/>
      <c r="UHC21" s="8"/>
      <c r="UHD21" s="8"/>
      <c r="UHE21" s="8"/>
      <c r="UHF21" s="8"/>
      <c r="UHG21" s="8"/>
      <c r="UHH21" s="8"/>
      <c r="UHI21" s="8"/>
      <c r="UHJ21" s="8"/>
      <c r="UHK21" s="8"/>
      <c r="UHL21" s="8"/>
      <c r="UHM21" s="8"/>
      <c r="UHN21" s="8"/>
      <c r="UHO21" s="8"/>
      <c r="UHP21" s="8"/>
      <c r="UHQ21" s="8"/>
      <c r="UHR21" s="8"/>
      <c r="UHS21" s="8"/>
      <c r="UHT21" s="8"/>
      <c r="UHU21" s="8"/>
      <c r="UHV21" s="8"/>
      <c r="UHW21" s="8"/>
      <c r="UHX21" s="8"/>
      <c r="UHY21" s="8"/>
      <c r="UHZ21" s="8"/>
      <c r="UIA21" s="8"/>
      <c r="UIB21" s="8"/>
      <c r="UIC21" s="8"/>
      <c r="UID21" s="8"/>
      <c r="UIE21" s="8"/>
      <c r="UIF21" s="8"/>
      <c r="UIG21" s="8"/>
      <c r="UIH21" s="8"/>
      <c r="UII21" s="8"/>
      <c r="UIJ21" s="8"/>
      <c r="UIK21" s="8"/>
      <c r="UIL21" s="8"/>
      <c r="UIM21" s="8"/>
      <c r="UIN21" s="8"/>
      <c r="UIO21" s="8"/>
      <c r="UIP21" s="8"/>
      <c r="UIQ21" s="8"/>
      <c r="UIR21" s="8"/>
      <c r="UIS21" s="8"/>
      <c r="UIT21" s="8"/>
      <c r="UIU21" s="8"/>
      <c r="UIV21" s="8"/>
      <c r="UIW21" s="8"/>
      <c r="UIX21" s="8"/>
      <c r="UIY21" s="8"/>
      <c r="UIZ21" s="8"/>
      <c r="UJA21" s="8"/>
      <c r="UJB21" s="8"/>
      <c r="UJC21" s="8"/>
      <c r="UJD21" s="8"/>
      <c r="UJE21" s="8"/>
      <c r="UJF21" s="8"/>
      <c r="UJG21" s="8"/>
      <c r="UJH21" s="8"/>
      <c r="UJI21" s="8"/>
      <c r="UJJ21" s="8"/>
      <c r="UJK21" s="8"/>
      <c r="UJL21" s="8"/>
      <c r="UJM21" s="8"/>
      <c r="UJN21" s="8"/>
      <c r="UJO21" s="8"/>
      <c r="UJP21" s="8"/>
      <c r="UJQ21" s="8"/>
      <c r="UJR21" s="8"/>
      <c r="UJS21" s="8"/>
      <c r="UJT21" s="8"/>
      <c r="UJU21" s="8"/>
      <c r="UJV21" s="8"/>
      <c r="UJW21" s="8"/>
      <c r="UJX21" s="8"/>
      <c r="UJY21" s="8"/>
      <c r="UJZ21" s="8"/>
      <c r="UKA21" s="8"/>
      <c r="UKB21" s="8"/>
      <c r="UKC21" s="8"/>
      <c r="UKD21" s="8"/>
      <c r="UKE21" s="8"/>
      <c r="UKF21" s="8"/>
      <c r="UKG21" s="8"/>
      <c r="UKH21" s="8"/>
      <c r="UKI21" s="8"/>
      <c r="UKJ21" s="8"/>
      <c r="UKK21" s="8"/>
      <c r="UKL21" s="8"/>
      <c r="UKM21" s="8"/>
      <c r="UKN21" s="8"/>
      <c r="UKO21" s="8"/>
      <c r="UKP21" s="8"/>
      <c r="UKQ21" s="8"/>
      <c r="UKR21" s="8"/>
      <c r="UKS21" s="8"/>
      <c r="UKT21" s="8"/>
      <c r="UKU21" s="8"/>
      <c r="UKV21" s="8"/>
      <c r="UKW21" s="8"/>
      <c r="UKX21" s="8"/>
      <c r="UKY21" s="8"/>
      <c r="UKZ21" s="8"/>
      <c r="ULA21" s="8"/>
      <c r="ULB21" s="8"/>
      <c r="ULC21" s="8"/>
      <c r="ULD21" s="8"/>
      <c r="ULE21" s="8"/>
      <c r="ULF21" s="8"/>
      <c r="ULG21" s="8"/>
      <c r="ULH21" s="8"/>
      <c r="ULI21" s="8"/>
      <c r="ULJ21" s="8"/>
      <c r="ULK21" s="8"/>
      <c r="ULL21" s="8"/>
      <c r="ULM21" s="8"/>
      <c r="ULN21" s="8"/>
      <c r="ULO21" s="8"/>
      <c r="ULP21" s="8"/>
      <c r="ULQ21" s="8"/>
      <c r="ULR21" s="8"/>
      <c r="ULS21" s="8"/>
      <c r="ULT21" s="8"/>
      <c r="ULU21" s="8"/>
      <c r="ULV21" s="8"/>
      <c r="ULW21" s="8"/>
      <c r="ULX21" s="8"/>
      <c r="ULY21" s="8"/>
      <c r="ULZ21" s="8"/>
      <c r="UMA21" s="8"/>
      <c r="UMB21" s="8"/>
      <c r="UMC21" s="8"/>
      <c r="UMD21" s="8"/>
      <c r="UME21" s="8"/>
      <c r="UMF21" s="8"/>
      <c r="UMG21" s="8"/>
      <c r="UMH21" s="8"/>
      <c r="UMI21" s="8"/>
      <c r="UMJ21" s="8"/>
      <c r="UMK21" s="8"/>
      <c r="UML21" s="8"/>
      <c r="UMM21" s="8"/>
      <c r="UMN21" s="8"/>
      <c r="UMO21" s="8"/>
      <c r="UMP21" s="8"/>
      <c r="UMQ21" s="8"/>
      <c r="UMR21" s="8"/>
      <c r="UMS21" s="8"/>
      <c r="UMT21" s="8"/>
      <c r="UMU21" s="8"/>
      <c r="UMV21" s="8"/>
      <c r="UMW21" s="8"/>
      <c r="UMX21" s="8"/>
      <c r="UMY21" s="8"/>
      <c r="UMZ21" s="8"/>
      <c r="UNA21" s="8"/>
      <c r="UNB21" s="8"/>
      <c r="UNC21" s="8"/>
      <c r="UND21" s="8"/>
      <c r="UNE21" s="8"/>
      <c r="UNF21" s="8"/>
      <c r="UNG21" s="8"/>
      <c r="UNH21" s="8"/>
      <c r="UNI21" s="8"/>
      <c r="UNJ21" s="8"/>
      <c r="UNK21" s="8"/>
      <c r="UNL21" s="8"/>
      <c r="UNM21" s="8"/>
      <c r="UNN21" s="8"/>
      <c r="UNO21" s="8"/>
      <c r="UNP21" s="8"/>
      <c r="UNQ21" s="8"/>
      <c r="UNR21" s="8"/>
      <c r="UNS21" s="8"/>
      <c r="UNT21" s="8"/>
      <c r="UNU21" s="8"/>
      <c r="UNV21" s="8"/>
      <c r="UNW21" s="8"/>
      <c r="UNX21" s="8"/>
      <c r="UNY21" s="8"/>
      <c r="UNZ21" s="8"/>
      <c r="UOA21" s="8"/>
      <c r="UOB21" s="8"/>
      <c r="UOC21" s="8"/>
      <c r="UOD21" s="8"/>
      <c r="UOE21" s="8"/>
      <c r="UOF21" s="8"/>
      <c r="UOG21" s="8"/>
      <c r="UOH21" s="8"/>
      <c r="UOI21" s="8"/>
      <c r="UOJ21" s="8"/>
      <c r="UOK21" s="8"/>
      <c r="UOL21" s="8"/>
      <c r="UOM21" s="8"/>
      <c r="UON21" s="8"/>
      <c r="UOO21" s="8"/>
      <c r="UOP21" s="8"/>
      <c r="UOQ21" s="8"/>
      <c r="UOR21" s="8"/>
      <c r="UOS21" s="8"/>
      <c r="UOT21" s="8"/>
      <c r="UOU21" s="8"/>
      <c r="UOV21" s="8"/>
      <c r="UOW21" s="8"/>
      <c r="UOX21" s="8"/>
      <c r="UOY21" s="8"/>
      <c r="UOZ21" s="8"/>
      <c r="UPA21" s="8"/>
      <c r="UPB21" s="8"/>
      <c r="UPC21" s="8"/>
      <c r="UPD21" s="8"/>
      <c r="UPE21" s="8"/>
      <c r="UPF21" s="8"/>
      <c r="UPG21" s="8"/>
      <c r="UPH21" s="8"/>
      <c r="UPI21" s="8"/>
      <c r="UPJ21" s="8"/>
      <c r="UPK21" s="8"/>
      <c r="UPL21" s="8"/>
      <c r="UPM21" s="8"/>
      <c r="UPN21" s="8"/>
      <c r="UPO21" s="8"/>
      <c r="UPP21" s="8"/>
      <c r="UPQ21" s="8"/>
      <c r="UPR21" s="8"/>
      <c r="UPS21" s="8"/>
      <c r="UPT21" s="8"/>
      <c r="UPU21" s="8"/>
      <c r="UPV21" s="8"/>
      <c r="UPW21" s="8"/>
      <c r="UPX21" s="8"/>
      <c r="UPY21" s="8"/>
      <c r="UPZ21" s="8"/>
      <c r="UQA21" s="8"/>
      <c r="UQB21" s="8"/>
      <c r="UQC21" s="8"/>
      <c r="UQD21" s="8"/>
      <c r="UQE21" s="8"/>
      <c r="UQF21" s="8"/>
      <c r="UQG21" s="8"/>
      <c r="UQH21" s="8"/>
      <c r="UQI21" s="8"/>
      <c r="UQJ21" s="8"/>
      <c r="UQK21" s="8"/>
      <c r="UQL21" s="8"/>
      <c r="UQM21" s="8"/>
      <c r="UQN21" s="8"/>
      <c r="UQO21" s="8"/>
      <c r="UQP21" s="8"/>
      <c r="UQQ21" s="8"/>
      <c r="UQR21" s="8"/>
      <c r="UQS21" s="8"/>
      <c r="UQT21" s="8"/>
      <c r="UQU21" s="8"/>
      <c r="UQV21" s="8"/>
      <c r="UQW21" s="8"/>
      <c r="UQX21" s="8"/>
      <c r="UQY21" s="8"/>
      <c r="UQZ21" s="8"/>
      <c r="URA21" s="8"/>
      <c r="URB21" s="8"/>
      <c r="URC21" s="8"/>
      <c r="URD21" s="8"/>
      <c r="URE21" s="8"/>
      <c r="URF21" s="8"/>
      <c r="URG21" s="8"/>
      <c r="URH21" s="8"/>
      <c r="URI21" s="8"/>
      <c r="URJ21" s="8"/>
      <c r="URK21" s="8"/>
      <c r="URL21" s="8"/>
      <c r="URM21" s="8"/>
      <c r="URN21" s="8"/>
      <c r="URO21" s="8"/>
      <c r="URP21" s="8"/>
      <c r="URQ21" s="8"/>
      <c r="URR21" s="8"/>
      <c r="URS21" s="8"/>
      <c r="URT21" s="8"/>
      <c r="URU21" s="8"/>
      <c r="URV21" s="8"/>
      <c r="URW21" s="8"/>
      <c r="URX21" s="8"/>
      <c r="URY21" s="8"/>
      <c r="URZ21" s="8"/>
      <c r="USA21" s="8"/>
      <c r="USB21" s="8"/>
      <c r="USC21" s="8"/>
      <c r="USD21" s="8"/>
      <c r="USE21" s="8"/>
      <c r="USF21" s="8"/>
      <c r="USG21" s="8"/>
      <c r="USH21" s="8"/>
      <c r="USI21" s="8"/>
      <c r="USJ21" s="8"/>
      <c r="USK21" s="8"/>
      <c r="USL21" s="8"/>
      <c r="USM21" s="8"/>
      <c r="USN21" s="8"/>
      <c r="USO21" s="8"/>
      <c r="USP21" s="8"/>
      <c r="USQ21" s="8"/>
      <c r="USR21" s="8"/>
      <c r="USS21" s="8"/>
      <c r="UST21" s="8"/>
      <c r="USU21" s="8"/>
      <c r="USV21" s="8"/>
      <c r="USW21" s="8"/>
      <c r="USX21" s="8"/>
      <c r="USY21" s="8"/>
      <c r="USZ21" s="8"/>
      <c r="UTA21" s="8"/>
      <c r="UTB21" s="8"/>
      <c r="UTC21" s="8"/>
      <c r="UTD21" s="8"/>
      <c r="UTE21" s="8"/>
      <c r="UTF21" s="8"/>
      <c r="UTG21" s="8"/>
      <c r="UTH21" s="8"/>
      <c r="UTI21" s="8"/>
      <c r="UTJ21" s="8"/>
      <c r="UTK21" s="8"/>
      <c r="UTL21" s="8"/>
      <c r="UTM21" s="8"/>
      <c r="UTN21" s="8"/>
      <c r="UTO21" s="8"/>
      <c r="UTP21" s="8"/>
      <c r="UTQ21" s="8"/>
      <c r="UTR21" s="8"/>
      <c r="UTS21" s="8"/>
      <c r="UTT21" s="8"/>
      <c r="UTU21" s="8"/>
      <c r="UTV21" s="8"/>
      <c r="UTW21" s="8"/>
      <c r="UTX21" s="8"/>
      <c r="UTY21" s="8"/>
      <c r="UTZ21" s="8"/>
      <c r="UUA21" s="8"/>
      <c r="UUB21" s="8"/>
      <c r="UUC21" s="8"/>
      <c r="UUD21" s="8"/>
      <c r="UUE21" s="8"/>
      <c r="UUF21" s="8"/>
      <c r="UUG21" s="8"/>
      <c r="UUH21" s="8"/>
      <c r="UUI21" s="8"/>
      <c r="UUJ21" s="8"/>
      <c r="UUK21" s="8"/>
      <c r="UUL21" s="8"/>
      <c r="UUM21" s="8"/>
      <c r="UUN21" s="8"/>
      <c r="UUO21" s="8"/>
      <c r="UUP21" s="8"/>
      <c r="UUQ21" s="8"/>
      <c r="UUR21" s="8"/>
      <c r="UUS21" s="8"/>
      <c r="UUT21" s="8"/>
      <c r="UUU21" s="8"/>
      <c r="UUV21" s="8"/>
      <c r="UUW21" s="8"/>
      <c r="UUX21" s="8"/>
      <c r="UUY21" s="8"/>
      <c r="UUZ21" s="8"/>
      <c r="UVA21" s="8"/>
      <c r="UVB21" s="8"/>
      <c r="UVC21" s="8"/>
      <c r="UVD21" s="8"/>
      <c r="UVE21" s="8"/>
      <c r="UVF21" s="8"/>
      <c r="UVG21" s="8"/>
      <c r="UVH21" s="8"/>
      <c r="UVI21" s="8"/>
      <c r="UVJ21" s="8"/>
      <c r="UVK21" s="8"/>
      <c r="UVL21" s="8"/>
      <c r="UVM21" s="8"/>
      <c r="UVN21" s="8"/>
      <c r="UVO21" s="8"/>
      <c r="UVP21" s="8"/>
      <c r="UVQ21" s="8"/>
      <c r="UVR21" s="8"/>
      <c r="UVS21" s="8"/>
      <c r="UVT21" s="8"/>
      <c r="UVU21" s="8"/>
      <c r="UVV21" s="8"/>
      <c r="UVW21" s="8"/>
      <c r="UVX21" s="8"/>
      <c r="UVY21" s="8"/>
      <c r="UVZ21" s="8"/>
      <c r="UWA21" s="8"/>
      <c r="UWB21" s="8"/>
      <c r="UWC21" s="8"/>
      <c r="UWD21" s="8"/>
      <c r="UWE21" s="8"/>
      <c r="UWF21" s="8"/>
      <c r="UWG21" s="8"/>
      <c r="UWH21" s="8"/>
      <c r="UWI21" s="8"/>
      <c r="UWJ21" s="8"/>
      <c r="UWK21" s="8"/>
      <c r="UWL21" s="8"/>
      <c r="UWM21" s="8"/>
      <c r="UWN21" s="8"/>
      <c r="UWO21" s="8"/>
      <c r="UWP21" s="8"/>
      <c r="UWQ21" s="8"/>
      <c r="UWR21" s="8"/>
      <c r="UWS21" s="8"/>
      <c r="UWT21" s="8"/>
      <c r="UWU21" s="8"/>
      <c r="UWV21" s="8"/>
      <c r="UWW21" s="8"/>
      <c r="UWX21" s="8"/>
      <c r="UWY21" s="8"/>
      <c r="UWZ21" s="8"/>
      <c r="UXA21" s="8"/>
      <c r="UXB21" s="8"/>
      <c r="UXC21" s="8"/>
      <c r="UXD21" s="8"/>
      <c r="UXE21" s="8"/>
      <c r="UXF21" s="8"/>
      <c r="UXG21" s="8"/>
      <c r="UXH21" s="8"/>
      <c r="UXI21" s="8"/>
      <c r="UXJ21" s="8"/>
      <c r="UXK21" s="8"/>
      <c r="UXL21" s="8"/>
      <c r="UXM21" s="8"/>
      <c r="UXN21" s="8"/>
      <c r="UXO21" s="8"/>
      <c r="UXP21" s="8"/>
      <c r="UXQ21" s="8"/>
      <c r="UXR21" s="8"/>
      <c r="UXS21" s="8"/>
      <c r="UXT21" s="8"/>
      <c r="UXU21" s="8"/>
      <c r="UXV21" s="8"/>
      <c r="UXW21" s="8"/>
      <c r="UXX21" s="8"/>
      <c r="UXY21" s="8"/>
      <c r="UXZ21" s="8"/>
      <c r="UYA21" s="8"/>
      <c r="UYB21" s="8"/>
      <c r="UYC21" s="8"/>
      <c r="UYD21" s="8"/>
      <c r="UYE21" s="8"/>
      <c r="UYF21" s="8"/>
      <c r="UYG21" s="8"/>
      <c r="UYH21" s="8"/>
      <c r="UYI21" s="8"/>
      <c r="UYJ21" s="8"/>
      <c r="UYK21" s="8"/>
      <c r="UYL21" s="8"/>
      <c r="UYM21" s="8"/>
      <c r="UYN21" s="8"/>
      <c r="UYO21" s="8"/>
      <c r="UYP21" s="8"/>
      <c r="UYQ21" s="8"/>
      <c r="UYR21" s="8"/>
      <c r="UYS21" s="8"/>
      <c r="UYT21" s="8"/>
      <c r="UYU21" s="8"/>
      <c r="UYV21" s="8"/>
      <c r="UYW21" s="8"/>
      <c r="UYX21" s="8"/>
      <c r="UYY21" s="8"/>
      <c r="UYZ21" s="8"/>
      <c r="UZA21" s="8"/>
      <c r="UZB21" s="8"/>
      <c r="UZC21" s="8"/>
      <c r="UZD21" s="8"/>
      <c r="UZE21" s="8"/>
      <c r="UZF21" s="8"/>
      <c r="UZG21" s="8"/>
      <c r="UZH21" s="8"/>
      <c r="UZI21" s="8"/>
      <c r="UZJ21" s="8"/>
      <c r="UZK21" s="8"/>
      <c r="UZL21" s="8"/>
      <c r="UZM21" s="8"/>
      <c r="UZN21" s="8"/>
      <c r="UZO21" s="8"/>
      <c r="UZP21" s="8"/>
      <c r="UZQ21" s="8"/>
      <c r="UZR21" s="8"/>
      <c r="UZS21" s="8"/>
      <c r="UZT21" s="8"/>
      <c r="UZU21" s="8"/>
      <c r="UZV21" s="8"/>
      <c r="UZW21" s="8"/>
      <c r="UZX21" s="8"/>
      <c r="UZY21" s="8"/>
      <c r="UZZ21" s="8"/>
      <c r="VAA21" s="8"/>
      <c r="VAB21" s="8"/>
      <c r="VAC21" s="8"/>
      <c r="VAD21" s="8"/>
      <c r="VAE21" s="8"/>
      <c r="VAF21" s="8"/>
      <c r="VAG21" s="8"/>
      <c r="VAH21" s="8"/>
      <c r="VAI21" s="8"/>
      <c r="VAJ21" s="8"/>
      <c r="VAK21" s="8"/>
      <c r="VAL21" s="8"/>
      <c r="VAM21" s="8"/>
      <c r="VAN21" s="8"/>
      <c r="VAO21" s="8"/>
      <c r="VAP21" s="8"/>
      <c r="VAQ21" s="8"/>
      <c r="VAR21" s="8"/>
      <c r="VAS21" s="8"/>
      <c r="VAT21" s="8"/>
      <c r="VAU21" s="8"/>
      <c r="VAV21" s="8"/>
      <c r="VAW21" s="8"/>
      <c r="VAX21" s="8"/>
      <c r="VAY21" s="8"/>
      <c r="VAZ21" s="8"/>
      <c r="VBA21" s="8"/>
      <c r="VBB21" s="8"/>
      <c r="VBC21" s="8"/>
      <c r="VBD21" s="8"/>
      <c r="VBE21" s="8"/>
      <c r="VBF21" s="8"/>
      <c r="VBG21" s="8"/>
      <c r="VBH21" s="8"/>
      <c r="VBI21" s="8"/>
      <c r="VBJ21" s="8"/>
      <c r="VBK21" s="8"/>
      <c r="VBL21" s="8"/>
      <c r="VBM21" s="8"/>
      <c r="VBN21" s="8"/>
      <c r="VBO21" s="8"/>
      <c r="VBP21" s="8"/>
      <c r="VBQ21" s="8"/>
      <c r="VBR21" s="8"/>
      <c r="VBS21" s="8"/>
      <c r="VBT21" s="8"/>
      <c r="VBU21" s="8"/>
      <c r="VBV21" s="8"/>
      <c r="VBW21" s="8"/>
      <c r="VBX21" s="8"/>
      <c r="VBY21" s="8"/>
      <c r="VBZ21" s="8"/>
      <c r="VCA21" s="8"/>
      <c r="VCB21" s="8"/>
      <c r="VCC21" s="8"/>
      <c r="VCD21" s="8"/>
      <c r="VCE21" s="8"/>
      <c r="VCF21" s="8"/>
      <c r="VCG21" s="8"/>
      <c r="VCH21" s="8"/>
      <c r="VCI21" s="8"/>
      <c r="VCJ21" s="8"/>
      <c r="VCK21" s="8"/>
      <c r="VCL21" s="8"/>
      <c r="VCM21" s="8"/>
      <c r="VCN21" s="8"/>
      <c r="VCO21" s="8"/>
      <c r="VCP21" s="8"/>
      <c r="VCQ21" s="8"/>
      <c r="VCR21" s="8"/>
      <c r="VCS21" s="8"/>
      <c r="VCT21" s="8"/>
      <c r="VCU21" s="8"/>
      <c r="VCV21" s="8"/>
      <c r="VCW21" s="8"/>
      <c r="VCX21" s="8"/>
      <c r="VCY21" s="8"/>
      <c r="VCZ21" s="8"/>
      <c r="VDA21" s="8"/>
      <c r="VDB21" s="8"/>
      <c r="VDC21" s="8"/>
      <c r="VDD21" s="8"/>
      <c r="VDE21" s="8"/>
      <c r="VDF21" s="8"/>
      <c r="VDG21" s="8"/>
      <c r="VDH21" s="8"/>
      <c r="VDI21" s="8"/>
      <c r="VDJ21" s="8"/>
      <c r="VDK21" s="8"/>
      <c r="VDL21" s="8"/>
      <c r="VDM21" s="8"/>
      <c r="VDN21" s="8"/>
      <c r="VDO21" s="8"/>
      <c r="VDP21" s="8"/>
      <c r="VDQ21" s="8"/>
      <c r="VDR21" s="8"/>
      <c r="VDS21" s="8"/>
      <c r="VDT21" s="8"/>
      <c r="VDU21" s="8"/>
      <c r="VDV21" s="8"/>
      <c r="VDW21" s="8"/>
      <c r="VDX21" s="8"/>
      <c r="VDY21" s="8"/>
      <c r="VDZ21" s="8"/>
      <c r="VEA21" s="8"/>
      <c r="VEB21" s="8"/>
      <c r="VEC21" s="8"/>
      <c r="VED21" s="8"/>
      <c r="VEE21" s="8"/>
      <c r="VEF21" s="8"/>
      <c r="VEG21" s="8"/>
      <c r="VEH21" s="8"/>
      <c r="VEI21" s="8"/>
      <c r="VEJ21" s="8"/>
      <c r="VEK21" s="8"/>
      <c r="VEL21" s="8"/>
      <c r="VEM21" s="8"/>
      <c r="VEN21" s="8"/>
      <c r="VEO21" s="8"/>
      <c r="VEP21" s="8"/>
      <c r="VEQ21" s="8"/>
      <c r="VER21" s="8"/>
      <c r="VES21" s="8"/>
      <c r="VET21" s="8"/>
      <c r="VEU21" s="8"/>
      <c r="VEV21" s="8"/>
      <c r="VEW21" s="8"/>
      <c r="VEX21" s="8"/>
      <c r="VEY21" s="8"/>
      <c r="VEZ21" s="8"/>
      <c r="VFA21" s="8"/>
      <c r="VFB21" s="8"/>
      <c r="VFC21" s="8"/>
      <c r="VFD21" s="8"/>
      <c r="VFE21" s="8"/>
      <c r="VFF21" s="8"/>
      <c r="VFG21" s="8"/>
      <c r="VFH21" s="8"/>
      <c r="VFI21" s="8"/>
      <c r="VFJ21" s="8"/>
      <c r="VFK21" s="8"/>
      <c r="VFL21" s="8"/>
      <c r="VFM21" s="8"/>
      <c r="VFN21" s="8"/>
      <c r="VFO21" s="8"/>
      <c r="VFP21" s="8"/>
      <c r="VFQ21" s="8"/>
      <c r="VFR21" s="8"/>
      <c r="VFS21" s="8"/>
      <c r="VFT21" s="8"/>
      <c r="VFU21" s="8"/>
      <c r="VFV21" s="8"/>
      <c r="VFW21" s="8"/>
      <c r="VFX21" s="8"/>
      <c r="VFY21" s="8"/>
      <c r="VFZ21" s="8"/>
      <c r="VGA21" s="8"/>
      <c r="VGB21" s="8"/>
      <c r="VGC21" s="8"/>
      <c r="VGD21" s="8"/>
      <c r="VGE21" s="8"/>
      <c r="VGF21" s="8"/>
      <c r="VGG21" s="8"/>
      <c r="VGH21" s="8"/>
      <c r="VGI21" s="8"/>
      <c r="VGJ21" s="8"/>
      <c r="VGK21" s="8"/>
      <c r="VGL21" s="8"/>
      <c r="VGM21" s="8"/>
      <c r="VGN21" s="8"/>
      <c r="VGO21" s="8"/>
      <c r="VGP21" s="8"/>
      <c r="VGQ21" s="8"/>
      <c r="VGR21" s="8"/>
      <c r="VGS21" s="8"/>
      <c r="VGT21" s="8"/>
      <c r="VGU21" s="8"/>
      <c r="VGV21" s="8"/>
      <c r="VGW21" s="8"/>
      <c r="VGX21" s="8"/>
      <c r="VGY21" s="8"/>
      <c r="VGZ21" s="8"/>
      <c r="VHA21" s="8"/>
      <c r="VHB21" s="8"/>
      <c r="VHC21" s="8"/>
      <c r="VHD21" s="8"/>
      <c r="VHE21" s="8"/>
      <c r="VHF21" s="8"/>
      <c r="VHG21" s="8"/>
      <c r="VHH21" s="8"/>
      <c r="VHI21" s="8"/>
      <c r="VHJ21" s="8"/>
      <c r="VHK21" s="8"/>
      <c r="VHL21" s="8"/>
      <c r="VHM21" s="8"/>
      <c r="VHN21" s="8"/>
      <c r="VHO21" s="8"/>
      <c r="VHP21" s="8"/>
      <c r="VHQ21" s="8"/>
      <c r="VHR21" s="8"/>
      <c r="VHS21" s="8"/>
      <c r="VHT21" s="8"/>
      <c r="VHU21" s="8"/>
      <c r="VHV21" s="8"/>
      <c r="VHW21" s="8"/>
      <c r="VHX21" s="8"/>
      <c r="VHY21" s="8"/>
      <c r="VHZ21" s="8"/>
      <c r="VIA21" s="8"/>
      <c r="VIB21" s="8"/>
      <c r="VIC21" s="8"/>
      <c r="VID21" s="8"/>
      <c r="VIE21" s="8"/>
      <c r="VIF21" s="8"/>
      <c r="VIG21" s="8"/>
      <c r="VIH21" s="8"/>
      <c r="VII21" s="8"/>
      <c r="VIJ21" s="8"/>
      <c r="VIK21" s="8"/>
      <c r="VIL21" s="8"/>
      <c r="VIM21" s="8"/>
      <c r="VIN21" s="8"/>
      <c r="VIO21" s="8"/>
      <c r="VIP21" s="8"/>
      <c r="VIQ21" s="8"/>
      <c r="VIR21" s="8"/>
      <c r="VIS21" s="8"/>
      <c r="VIT21" s="8"/>
      <c r="VIU21" s="8"/>
      <c r="VIV21" s="8"/>
      <c r="VIW21" s="8"/>
      <c r="VIX21" s="8"/>
      <c r="VIY21" s="8"/>
      <c r="VIZ21" s="8"/>
      <c r="VJA21" s="8"/>
      <c r="VJB21" s="8"/>
      <c r="VJC21" s="8"/>
      <c r="VJD21" s="8"/>
      <c r="VJE21" s="8"/>
      <c r="VJF21" s="8"/>
      <c r="VJG21" s="8"/>
      <c r="VJH21" s="8"/>
      <c r="VJI21" s="8"/>
      <c r="VJJ21" s="8"/>
      <c r="VJK21" s="8"/>
      <c r="VJL21" s="8"/>
      <c r="VJM21" s="8"/>
      <c r="VJN21" s="8"/>
      <c r="VJO21" s="8"/>
      <c r="VJP21" s="8"/>
      <c r="VJQ21" s="8"/>
      <c r="VJR21" s="8"/>
      <c r="VJS21" s="8"/>
      <c r="VJT21" s="8"/>
      <c r="VJU21" s="8"/>
      <c r="VJV21" s="8"/>
      <c r="VJW21" s="8"/>
      <c r="VJX21" s="8"/>
      <c r="VJY21" s="8"/>
      <c r="VJZ21" s="8"/>
      <c r="VKA21" s="8"/>
      <c r="VKB21" s="8"/>
      <c r="VKC21" s="8"/>
      <c r="VKD21" s="8"/>
      <c r="VKE21" s="8"/>
      <c r="VKF21" s="8"/>
      <c r="VKG21" s="8"/>
      <c r="VKH21" s="8"/>
      <c r="VKI21" s="8"/>
      <c r="VKJ21" s="8"/>
      <c r="VKK21" s="8"/>
      <c r="VKL21" s="8"/>
      <c r="VKM21" s="8"/>
      <c r="VKN21" s="8"/>
      <c r="VKO21" s="8"/>
      <c r="VKP21" s="8"/>
      <c r="VKQ21" s="8"/>
      <c r="VKR21" s="8"/>
      <c r="VKS21" s="8"/>
      <c r="VKT21" s="8"/>
      <c r="VKU21" s="8"/>
      <c r="VKV21" s="8"/>
      <c r="VKW21" s="8"/>
      <c r="VKX21" s="8"/>
      <c r="VKY21" s="8"/>
      <c r="VKZ21" s="8"/>
      <c r="VLA21" s="8"/>
      <c r="VLB21" s="8"/>
      <c r="VLC21" s="8"/>
      <c r="VLD21" s="8"/>
      <c r="VLE21" s="8"/>
      <c r="VLF21" s="8"/>
      <c r="VLG21" s="8"/>
      <c r="VLH21" s="8"/>
      <c r="VLI21" s="8"/>
      <c r="VLJ21" s="8"/>
      <c r="VLK21" s="8"/>
      <c r="VLL21" s="8"/>
      <c r="VLM21" s="8"/>
      <c r="VLN21" s="8"/>
      <c r="VLO21" s="8"/>
      <c r="VLP21" s="8"/>
      <c r="VLQ21" s="8"/>
      <c r="VLR21" s="8"/>
      <c r="VLS21" s="8"/>
      <c r="VLT21" s="8"/>
      <c r="VLU21" s="8"/>
      <c r="VLV21" s="8"/>
      <c r="VLW21" s="8"/>
      <c r="VLX21" s="8"/>
      <c r="VLY21" s="8"/>
      <c r="VLZ21" s="8"/>
      <c r="VMA21" s="8"/>
      <c r="VMB21" s="8"/>
      <c r="VMC21" s="8"/>
      <c r="VMD21" s="8"/>
      <c r="VME21" s="8"/>
      <c r="VMF21" s="8"/>
      <c r="VMG21" s="8"/>
      <c r="VMH21" s="8"/>
      <c r="VMI21" s="8"/>
      <c r="VMJ21" s="8"/>
      <c r="VMK21" s="8"/>
      <c r="VML21" s="8"/>
      <c r="VMM21" s="8"/>
      <c r="VMN21" s="8"/>
      <c r="VMO21" s="8"/>
      <c r="VMP21" s="8"/>
      <c r="VMQ21" s="8"/>
      <c r="VMR21" s="8"/>
      <c r="VMS21" s="8"/>
      <c r="VMT21" s="8"/>
      <c r="VMU21" s="8"/>
      <c r="VMV21" s="8"/>
      <c r="VMW21" s="8"/>
      <c r="VMX21" s="8"/>
      <c r="VMY21" s="8"/>
      <c r="VMZ21" s="8"/>
      <c r="VNA21" s="8"/>
      <c r="VNB21" s="8"/>
      <c r="VNC21" s="8"/>
      <c r="VND21" s="8"/>
      <c r="VNE21" s="8"/>
      <c r="VNF21" s="8"/>
      <c r="VNG21" s="8"/>
      <c r="VNH21" s="8"/>
      <c r="VNI21" s="8"/>
      <c r="VNJ21" s="8"/>
      <c r="VNK21" s="8"/>
      <c r="VNL21" s="8"/>
      <c r="VNM21" s="8"/>
      <c r="VNN21" s="8"/>
      <c r="VNO21" s="8"/>
      <c r="VNP21" s="8"/>
      <c r="VNQ21" s="8"/>
      <c r="VNR21" s="8"/>
      <c r="VNS21" s="8"/>
      <c r="VNT21" s="8"/>
      <c r="VNU21" s="8"/>
      <c r="VNV21" s="8"/>
      <c r="VNW21" s="8"/>
      <c r="VNX21" s="8"/>
      <c r="VNY21" s="8"/>
      <c r="VNZ21" s="8"/>
      <c r="VOA21" s="8"/>
      <c r="VOB21" s="8"/>
      <c r="VOC21" s="8"/>
      <c r="VOD21" s="8"/>
      <c r="VOE21" s="8"/>
      <c r="VOF21" s="8"/>
      <c r="VOG21" s="8"/>
      <c r="VOH21" s="8"/>
      <c r="VOI21" s="8"/>
      <c r="VOJ21" s="8"/>
      <c r="VOK21" s="8"/>
      <c r="VOL21" s="8"/>
      <c r="VOM21" s="8"/>
      <c r="VON21" s="8"/>
      <c r="VOO21" s="8"/>
      <c r="VOP21" s="8"/>
      <c r="VOQ21" s="8"/>
      <c r="VOR21" s="8"/>
      <c r="VOS21" s="8"/>
      <c r="VOT21" s="8"/>
      <c r="VOU21" s="8"/>
      <c r="VOV21" s="8"/>
      <c r="VOW21" s="8"/>
      <c r="VOX21" s="8"/>
      <c r="VOY21" s="8"/>
      <c r="VOZ21" s="8"/>
      <c r="VPA21" s="8"/>
      <c r="VPB21" s="8"/>
      <c r="VPC21" s="8"/>
      <c r="VPD21" s="8"/>
      <c r="VPE21" s="8"/>
      <c r="VPF21" s="8"/>
      <c r="VPG21" s="8"/>
      <c r="VPH21" s="8"/>
      <c r="VPI21" s="8"/>
      <c r="VPJ21" s="8"/>
      <c r="VPK21" s="8"/>
      <c r="VPL21" s="8"/>
      <c r="VPM21" s="8"/>
      <c r="VPN21" s="8"/>
      <c r="VPO21" s="8"/>
      <c r="VPP21" s="8"/>
      <c r="VPQ21" s="8"/>
      <c r="VPR21" s="8"/>
      <c r="VPS21" s="8"/>
      <c r="VPT21" s="8"/>
      <c r="VPU21" s="8"/>
      <c r="VPV21" s="8"/>
      <c r="VPW21" s="8"/>
      <c r="VPX21" s="8"/>
      <c r="VPY21" s="8"/>
      <c r="VPZ21" s="8"/>
      <c r="VQA21" s="8"/>
      <c r="VQB21" s="8"/>
      <c r="VQC21" s="8"/>
      <c r="VQD21" s="8"/>
      <c r="VQE21" s="8"/>
      <c r="VQF21" s="8"/>
      <c r="VQG21" s="8"/>
      <c r="VQH21" s="8"/>
      <c r="VQI21" s="8"/>
      <c r="VQJ21" s="8"/>
      <c r="VQK21" s="8"/>
      <c r="VQL21" s="8"/>
      <c r="VQM21" s="8"/>
      <c r="VQN21" s="8"/>
      <c r="VQO21" s="8"/>
      <c r="VQP21" s="8"/>
      <c r="VQQ21" s="8"/>
      <c r="VQR21" s="8"/>
      <c r="VQS21" s="8"/>
      <c r="VQT21" s="8"/>
      <c r="VQU21" s="8"/>
      <c r="VQV21" s="8"/>
      <c r="VQW21" s="8"/>
      <c r="VQX21" s="8"/>
      <c r="VQY21" s="8"/>
      <c r="VQZ21" s="8"/>
      <c r="VRA21" s="8"/>
      <c r="VRB21" s="8"/>
      <c r="VRC21" s="8"/>
      <c r="VRD21" s="8"/>
      <c r="VRE21" s="8"/>
      <c r="VRF21" s="8"/>
      <c r="VRG21" s="8"/>
      <c r="VRH21" s="8"/>
      <c r="VRI21" s="8"/>
      <c r="VRJ21" s="8"/>
      <c r="VRK21" s="8"/>
      <c r="VRL21" s="8"/>
      <c r="VRM21" s="8"/>
      <c r="VRN21" s="8"/>
      <c r="VRO21" s="8"/>
      <c r="VRP21" s="8"/>
      <c r="VRQ21" s="8"/>
      <c r="VRR21" s="8"/>
      <c r="VRS21" s="8"/>
      <c r="VRT21" s="8"/>
      <c r="VRU21" s="8"/>
      <c r="VRV21" s="8"/>
      <c r="VRW21" s="8"/>
      <c r="VRX21" s="8"/>
      <c r="VRY21" s="8"/>
      <c r="VRZ21" s="8"/>
      <c r="VSA21" s="8"/>
      <c r="VSB21" s="8"/>
      <c r="VSC21" s="8"/>
      <c r="VSD21" s="8"/>
      <c r="VSE21" s="8"/>
      <c r="VSF21" s="8"/>
      <c r="VSG21" s="8"/>
      <c r="VSH21" s="8"/>
      <c r="VSI21" s="8"/>
      <c r="VSJ21" s="8"/>
      <c r="VSK21" s="8"/>
      <c r="VSL21" s="8"/>
      <c r="VSM21" s="8"/>
      <c r="VSN21" s="8"/>
      <c r="VSO21" s="8"/>
      <c r="VSP21" s="8"/>
      <c r="VSQ21" s="8"/>
      <c r="VSR21" s="8"/>
      <c r="VSS21" s="8"/>
      <c r="VST21" s="8"/>
      <c r="VSU21" s="8"/>
      <c r="VSV21" s="8"/>
      <c r="VSW21" s="8"/>
      <c r="VSX21" s="8"/>
      <c r="VSY21" s="8"/>
      <c r="VSZ21" s="8"/>
      <c r="VTA21" s="8"/>
      <c r="VTB21" s="8"/>
      <c r="VTC21" s="8"/>
      <c r="VTD21" s="8"/>
      <c r="VTE21" s="8"/>
      <c r="VTF21" s="8"/>
      <c r="VTG21" s="8"/>
      <c r="VTH21" s="8"/>
      <c r="VTI21" s="8"/>
      <c r="VTJ21" s="8"/>
      <c r="VTK21" s="8"/>
      <c r="VTL21" s="8"/>
      <c r="VTM21" s="8"/>
      <c r="VTN21" s="8"/>
      <c r="VTO21" s="8"/>
      <c r="VTP21" s="8"/>
      <c r="VTQ21" s="8"/>
      <c r="VTR21" s="8"/>
      <c r="VTS21" s="8"/>
      <c r="VTT21" s="8"/>
      <c r="VTU21" s="8"/>
      <c r="VTV21" s="8"/>
      <c r="VTW21" s="8"/>
      <c r="VTX21" s="8"/>
      <c r="VTY21" s="8"/>
      <c r="VTZ21" s="8"/>
      <c r="VUA21" s="8"/>
      <c r="VUB21" s="8"/>
      <c r="VUC21" s="8"/>
      <c r="VUD21" s="8"/>
      <c r="VUE21" s="8"/>
      <c r="VUF21" s="8"/>
      <c r="VUG21" s="8"/>
      <c r="VUH21" s="8"/>
      <c r="VUI21" s="8"/>
      <c r="VUJ21" s="8"/>
      <c r="VUK21" s="8"/>
      <c r="VUL21" s="8"/>
      <c r="VUM21" s="8"/>
      <c r="VUN21" s="8"/>
      <c r="VUO21" s="8"/>
      <c r="VUP21" s="8"/>
      <c r="VUQ21" s="8"/>
      <c r="VUR21" s="8"/>
      <c r="VUS21" s="8"/>
      <c r="VUT21" s="8"/>
      <c r="VUU21" s="8"/>
      <c r="VUV21" s="8"/>
      <c r="VUW21" s="8"/>
      <c r="VUX21" s="8"/>
      <c r="VUY21" s="8"/>
      <c r="VUZ21" s="8"/>
      <c r="VVA21" s="8"/>
      <c r="VVB21" s="8"/>
      <c r="VVC21" s="8"/>
      <c r="VVD21" s="8"/>
      <c r="VVE21" s="8"/>
      <c r="VVF21" s="8"/>
      <c r="VVG21" s="8"/>
      <c r="VVH21" s="8"/>
      <c r="VVI21" s="8"/>
      <c r="VVJ21" s="8"/>
      <c r="VVK21" s="8"/>
      <c r="VVL21" s="8"/>
      <c r="VVM21" s="8"/>
      <c r="VVN21" s="8"/>
      <c r="VVO21" s="8"/>
      <c r="VVP21" s="8"/>
      <c r="VVQ21" s="8"/>
      <c r="VVR21" s="8"/>
      <c r="VVS21" s="8"/>
      <c r="VVT21" s="8"/>
      <c r="VVU21" s="8"/>
      <c r="VVV21" s="8"/>
      <c r="VVW21" s="8"/>
      <c r="VVX21" s="8"/>
      <c r="VVY21" s="8"/>
      <c r="VVZ21" s="8"/>
      <c r="VWA21" s="8"/>
      <c r="VWB21" s="8"/>
      <c r="VWC21" s="8"/>
      <c r="VWD21" s="8"/>
      <c r="VWE21" s="8"/>
      <c r="VWF21" s="8"/>
      <c r="VWG21" s="8"/>
      <c r="VWH21" s="8"/>
      <c r="VWI21" s="8"/>
      <c r="VWJ21" s="8"/>
      <c r="VWK21" s="8"/>
      <c r="VWL21" s="8"/>
      <c r="VWM21" s="8"/>
      <c r="VWN21" s="8"/>
      <c r="VWO21" s="8"/>
      <c r="VWP21" s="8"/>
      <c r="VWQ21" s="8"/>
      <c r="VWR21" s="8"/>
      <c r="VWS21" s="8"/>
      <c r="VWT21" s="8"/>
      <c r="VWU21" s="8"/>
      <c r="VWV21" s="8"/>
      <c r="VWW21" s="8"/>
      <c r="VWX21" s="8"/>
      <c r="VWY21" s="8"/>
      <c r="VWZ21" s="8"/>
      <c r="VXA21" s="8"/>
      <c r="VXB21" s="8"/>
      <c r="VXC21" s="8"/>
      <c r="VXD21" s="8"/>
      <c r="VXE21" s="8"/>
      <c r="VXF21" s="8"/>
      <c r="VXG21" s="8"/>
      <c r="VXH21" s="8"/>
      <c r="VXI21" s="8"/>
      <c r="VXJ21" s="8"/>
      <c r="VXK21" s="8"/>
      <c r="VXL21" s="8"/>
      <c r="VXM21" s="8"/>
      <c r="VXN21" s="8"/>
      <c r="VXO21" s="8"/>
      <c r="VXP21" s="8"/>
      <c r="VXQ21" s="8"/>
      <c r="VXR21" s="8"/>
      <c r="VXS21" s="8"/>
      <c r="VXT21" s="8"/>
      <c r="VXU21" s="8"/>
      <c r="VXV21" s="8"/>
      <c r="VXW21" s="8"/>
      <c r="VXX21" s="8"/>
      <c r="VXY21" s="8"/>
      <c r="VXZ21" s="8"/>
      <c r="VYA21" s="8"/>
      <c r="VYB21" s="8"/>
      <c r="VYC21" s="8"/>
      <c r="VYD21" s="8"/>
      <c r="VYE21" s="8"/>
      <c r="VYF21" s="8"/>
      <c r="VYG21" s="8"/>
      <c r="VYH21" s="8"/>
      <c r="VYI21" s="8"/>
      <c r="VYJ21" s="8"/>
      <c r="VYK21" s="8"/>
      <c r="VYL21" s="8"/>
      <c r="VYM21" s="8"/>
      <c r="VYN21" s="8"/>
      <c r="VYO21" s="8"/>
      <c r="VYP21" s="8"/>
      <c r="VYQ21" s="8"/>
      <c r="VYR21" s="8"/>
      <c r="VYS21" s="8"/>
      <c r="VYT21" s="8"/>
      <c r="VYU21" s="8"/>
      <c r="VYV21" s="8"/>
      <c r="VYW21" s="8"/>
      <c r="VYX21" s="8"/>
      <c r="VYY21" s="8"/>
      <c r="VYZ21" s="8"/>
      <c r="VZA21" s="8"/>
      <c r="VZB21" s="8"/>
      <c r="VZC21" s="8"/>
      <c r="VZD21" s="8"/>
      <c r="VZE21" s="8"/>
      <c r="VZF21" s="8"/>
      <c r="VZG21" s="8"/>
      <c r="VZH21" s="8"/>
      <c r="VZI21" s="8"/>
      <c r="VZJ21" s="8"/>
      <c r="VZK21" s="8"/>
      <c r="VZL21" s="8"/>
      <c r="VZM21" s="8"/>
      <c r="VZN21" s="8"/>
      <c r="VZO21" s="8"/>
      <c r="VZP21" s="8"/>
      <c r="VZQ21" s="8"/>
      <c r="VZR21" s="8"/>
      <c r="VZS21" s="8"/>
      <c r="VZT21" s="8"/>
      <c r="VZU21" s="8"/>
      <c r="VZV21" s="8"/>
      <c r="VZW21" s="8"/>
      <c r="VZX21" s="8"/>
      <c r="VZY21" s="8"/>
      <c r="VZZ21" s="8"/>
      <c r="WAA21" s="8"/>
      <c r="WAB21" s="8"/>
      <c r="WAC21" s="8"/>
      <c r="WAD21" s="8"/>
      <c r="WAE21" s="8"/>
      <c r="WAF21" s="8"/>
      <c r="WAG21" s="8"/>
      <c r="WAH21" s="8"/>
      <c r="WAI21" s="8"/>
      <c r="WAJ21" s="8"/>
      <c r="WAK21" s="8"/>
      <c r="WAL21" s="8"/>
      <c r="WAM21" s="8"/>
      <c r="WAN21" s="8"/>
      <c r="WAO21" s="8"/>
      <c r="WAP21" s="8"/>
      <c r="WAQ21" s="8"/>
      <c r="WAR21" s="8"/>
      <c r="WAS21" s="8"/>
      <c r="WAT21" s="8"/>
      <c r="WAU21" s="8"/>
      <c r="WAV21" s="8"/>
      <c r="WAW21" s="8"/>
      <c r="WAX21" s="8"/>
      <c r="WAY21" s="8"/>
      <c r="WAZ21" s="8"/>
      <c r="WBA21" s="8"/>
      <c r="WBB21" s="8"/>
      <c r="WBC21" s="8"/>
      <c r="WBD21" s="8"/>
      <c r="WBE21" s="8"/>
      <c r="WBF21" s="8"/>
      <c r="WBG21" s="8"/>
      <c r="WBH21" s="8"/>
      <c r="WBI21" s="8"/>
      <c r="WBJ21" s="8"/>
      <c r="WBK21" s="8"/>
      <c r="WBL21" s="8"/>
      <c r="WBM21" s="8"/>
      <c r="WBN21" s="8"/>
      <c r="WBO21" s="8"/>
      <c r="WBP21" s="8"/>
      <c r="WBQ21" s="8"/>
      <c r="WBR21" s="8"/>
      <c r="WBS21" s="8"/>
      <c r="WBT21" s="8"/>
      <c r="WBU21" s="8"/>
      <c r="WBV21" s="8"/>
      <c r="WBW21" s="8"/>
      <c r="WBX21" s="8"/>
      <c r="WBY21" s="8"/>
      <c r="WBZ21" s="8"/>
      <c r="WCA21" s="8"/>
      <c r="WCB21" s="8"/>
      <c r="WCC21" s="8"/>
      <c r="WCD21" s="8"/>
      <c r="WCE21" s="8"/>
      <c r="WCF21" s="8"/>
      <c r="WCG21" s="8"/>
      <c r="WCH21" s="8"/>
      <c r="WCI21" s="8"/>
      <c r="WCJ21" s="8"/>
      <c r="WCK21" s="8"/>
      <c r="WCL21" s="8"/>
      <c r="WCM21" s="8"/>
      <c r="WCN21" s="8"/>
      <c r="WCO21" s="8"/>
      <c r="WCP21" s="8"/>
      <c r="WCQ21" s="8"/>
      <c r="WCR21" s="8"/>
      <c r="WCS21" s="8"/>
      <c r="WCT21" s="8"/>
      <c r="WCU21" s="8"/>
      <c r="WCV21" s="8"/>
      <c r="WCW21" s="8"/>
      <c r="WCX21" s="8"/>
      <c r="WCY21" s="8"/>
      <c r="WCZ21" s="8"/>
      <c r="WDA21" s="8"/>
      <c r="WDB21" s="8"/>
      <c r="WDC21" s="8"/>
      <c r="WDD21" s="8"/>
      <c r="WDE21" s="8"/>
      <c r="WDF21" s="8"/>
      <c r="WDG21" s="8"/>
      <c r="WDH21" s="8"/>
      <c r="WDI21" s="8"/>
      <c r="WDJ21" s="8"/>
      <c r="WDK21" s="8"/>
      <c r="WDL21" s="8"/>
      <c r="WDM21" s="8"/>
      <c r="WDN21" s="8"/>
      <c r="WDO21" s="8"/>
      <c r="WDP21" s="8"/>
      <c r="WDQ21" s="8"/>
      <c r="WDR21" s="8"/>
      <c r="WDS21" s="8"/>
      <c r="WDT21" s="8"/>
      <c r="WDU21" s="8"/>
      <c r="WDV21" s="8"/>
      <c r="WDW21" s="8"/>
      <c r="WDX21" s="8"/>
      <c r="WDY21" s="8"/>
      <c r="WDZ21" s="8"/>
      <c r="WEA21" s="8"/>
      <c r="WEB21" s="8"/>
      <c r="WEC21" s="8"/>
      <c r="WED21" s="8"/>
      <c r="WEE21" s="8"/>
      <c r="WEF21" s="8"/>
      <c r="WEG21" s="8"/>
      <c r="WEH21" s="8"/>
      <c r="WEI21" s="8"/>
      <c r="WEJ21" s="8"/>
      <c r="WEK21" s="8"/>
      <c r="WEL21" s="8"/>
      <c r="WEM21" s="8"/>
      <c r="WEN21" s="8"/>
      <c r="WEO21" s="8"/>
      <c r="WEP21" s="8"/>
      <c r="WEQ21" s="8"/>
      <c r="WER21" s="8"/>
      <c r="WES21" s="8"/>
      <c r="WET21" s="8"/>
      <c r="WEU21" s="8"/>
      <c r="WEV21" s="8"/>
      <c r="WEW21" s="8"/>
      <c r="WEX21" s="8"/>
      <c r="WEY21" s="8"/>
      <c r="WEZ21" s="8"/>
      <c r="WFA21" s="8"/>
      <c r="WFB21" s="8"/>
      <c r="WFC21" s="8"/>
      <c r="WFD21" s="8"/>
      <c r="WFE21" s="8"/>
      <c r="WFF21" s="8"/>
      <c r="WFG21" s="8"/>
      <c r="WFH21" s="8"/>
      <c r="WFI21" s="8"/>
      <c r="WFJ21" s="8"/>
      <c r="WFK21" s="8"/>
      <c r="WFL21" s="8"/>
      <c r="WFM21" s="8"/>
      <c r="WFN21" s="8"/>
      <c r="WFO21" s="8"/>
      <c r="WFP21" s="8"/>
      <c r="WFQ21" s="8"/>
      <c r="WFR21" s="8"/>
      <c r="WFS21" s="8"/>
      <c r="WFT21" s="8"/>
      <c r="WFU21" s="8"/>
      <c r="WFV21" s="8"/>
      <c r="WFW21" s="8"/>
      <c r="WFX21" s="8"/>
      <c r="WFY21" s="8"/>
      <c r="WFZ21" s="8"/>
      <c r="WGA21" s="8"/>
      <c r="WGB21" s="8"/>
      <c r="WGC21" s="8"/>
      <c r="WGD21" s="8"/>
      <c r="WGE21" s="8"/>
      <c r="WGF21" s="8"/>
      <c r="WGG21" s="8"/>
      <c r="WGH21" s="8"/>
      <c r="WGI21" s="8"/>
      <c r="WGJ21" s="8"/>
      <c r="WGK21" s="8"/>
      <c r="WGL21" s="8"/>
      <c r="WGM21" s="8"/>
      <c r="WGN21" s="8"/>
      <c r="WGO21" s="8"/>
      <c r="WGP21" s="8"/>
      <c r="WGQ21" s="8"/>
      <c r="WGR21" s="8"/>
      <c r="WGS21" s="8"/>
      <c r="WGT21" s="8"/>
      <c r="WGU21" s="8"/>
      <c r="WGV21" s="8"/>
      <c r="WGW21" s="8"/>
      <c r="WGX21" s="8"/>
      <c r="WGY21" s="8"/>
      <c r="WGZ21" s="8"/>
      <c r="WHA21" s="8"/>
      <c r="WHB21" s="8"/>
      <c r="WHC21" s="8"/>
      <c r="WHD21" s="8"/>
      <c r="WHE21" s="8"/>
      <c r="WHF21" s="8"/>
      <c r="WHG21" s="8"/>
      <c r="WHH21" s="8"/>
      <c r="WHI21" s="8"/>
      <c r="WHJ21" s="8"/>
      <c r="WHK21" s="8"/>
      <c r="WHL21" s="8"/>
      <c r="WHM21" s="8"/>
      <c r="WHN21" s="8"/>
      <c r="WHO21" s="8"/>
      <c r="WHP21" s="8"/>
      <c r="WHQ21" s="8"/>
      <c r="WHR21" s="8"/>
      <c r="WHS21" s="8"/>
      <c r="WHT21" s="8"/>
      <c r="WHU21" s="8"/>
      <c r="WHV21" s="8"/>
      <c r="WHW21" s="8"/>
      <c r="WHX21" s="8"/>
      <c r="WHY21" s="8"/>
      <c r="WHZ21" s="8"/>
      <c r="WIA21" s="8"/>
      <c r="WIB21" s="8"/>
      <c r="WIC21" s="8"/>
      <c r="WID21" s="8"/>
      <c r="WIE21" s="8"/>
      <c r="WIF21" s="8"/>
      <c r="WIG21" s="8"/>
      <c r="WIH21" s="8"/>
      <c r="WII21" s="8"/>
      <c r="WIJ21" s="8"/>
      <c r="WIK21" s="8"/>
      <c r="WIL21" s="8"/>
      <c r="WIM21" s="8"/>
      <c r="WIN21" s="8"/>
      <c r="WIO21" s="8"/>
      <c r="WIP21" s="8"/>
      <c r="WIQ21" s="8"/>
      <c r="WIR21" s="8"/>
      <c r="WIS21" s="8"/>
      <c r="WIT21" s="8"/>
      <c r="WIU21" s="8"/>
      <c r="WIV21" s="8"/>
      <c r="WIW21" s="8"/>
      <c r="WIX21" s="8"/>
      <c r="WIY21" s="8"/>
      <c r="WIZ21" s="8"/>
      <c r="WJA21" s="8"/>
      <c r="WJB21" s="8"/>
      <c r="WJC21" s="8"/>
      <c r="WJD21" s="8"/>
      <c r="WJE21" s="8"/>
      <c r="WJF21" s="8"/>
      <c r="WJG21" s="8"/>
      <c r="WJH21" s="8"/>
      <c r="WJI21" s="8"/>
      <c r="WJJ21" s="8"/>
      <c r="WJK21" s="8"/>
      <c r="WJL21" s="8"/>
      <c r="WJM21" s="8"/>
      <c r="WJN21" s="8"/>
      <c r="WJO21" s="8"/>
      <c r="WJP21" s="8"/>
      <c r="WJQ21" s="8"/>
      <c r="WJR21" s="8"/>
      <c r="WJS21" s="8"/>
      <c r="WJT21" s="8"/>
      <c r="WJU21" s="8"/>
      <c r="WJV21" s="8"/>
      <c r="WJW21" s="8"/>
      <c r="WJX21" s="8"/>
      <c r="WJY21" s="8"/>
      <c r="WJZ21" s="8"/>
      <c r="WKA21" s="8"/>
      <c r="WKB21" s="8"/>
      <c r="WKC21" s="8"/>
      <c r="WKD21" s="8"/>
      <c r="WKE21" s="8"/>
      <c r="WKF21" s="8"/>
      <c r="WKG21" s="8"/>
      <c r="WKH21" s="8"/>
      <c r="WKI21" s="8"/>
      <c r="WKJ21" s="8"/>
      <c r="WKK21" s="8"/>
      <c r="WKL21" s="8"/>
      <c r="WKM21" s="8"/>
      <c r="WKN21" s="8"/>
      <c r="WKO21" s="8"/>
      <c r="WKP21" s="8"/>
      <c r="WKQ21" s="8"/>
      <c r="WKR21" s="8"/>
      <c r="WKS21" s="8"/>
      <c r="WKT21" s="8"/>
      <c r="WKU21" s="8"/>
      <c r="WKV21" s="8"/>
      <c r="WKW21" s="8"/>
      <c r="WKX21" s="8"/>
      <c r="WKY21" s="8"/>
      <c r="WKZ21" s="8"/>
      <c r="WLA21" s="8"/>
      <c r="WLB21" s="8"/>
      <c r="WLC21" s="8"/>
      <c r="WLD21" s="8"/>
      <c r="WLE21" s="8"/>
      <c r="WLF21" s="8"/>
      <c r="WLG21" s="8"/>
      <c r="WLH21" s="8"/>
      <c r="WLI21" s="8"/>
      <c r="WLJ21" s="8"/>
      <c r="WLK21" s="8"/>
      <c r="WLL21" s="8"/>
      <c r="WLM21" s="8"/>
      <c r="WLN21" s="8"/>
      <c r="WLO21" s="8"/>
      <c r="WLP21" s="8"/>
      <c r="WLQ21" s="8"/>
      <c r="WLR21" s="8"/>
      <c r="WLS21" s="8"/>
      <c r="WLT21" s="8"/>
      <c r="WLU21" s="8"/>
      <c r="WLV21" s="8"/>
      <c r="WLW21" s="8"/>
      <c r="WLX21" s="8"/>
      <c r="WLY21" s="8"/>
      <c r="WLZ21" s="8"/>
      <c r="WMA21" s="8"/>
      <c r="WMB21" s="8"/>
      <c r="WMC21" s="8"/>
      <c r="WMD21" s="8"/>
      <c r="WME21" s="8"/>
      <c r="WMF21" s="8"/>
      <c r="WMG21" s="8"/>
      <c r="WMH21" s="8"/>
      <c r="WMI21" s="8"/>
      <c r="WMJ21" s="8"/>
      <c r="WMK21" s="8"/>
      <c r="WML21" s="8"/>
      <c r="WMM21" s="8"/>
      <c r="WMN21" s="8"/>
      <c r="WMO21" s="8"/>
      <c r="WMP21" s="8"/>
      <c r="WMQ21" s="8"/>
      <c r="WMR21" s="8"/>
      <c r="WMS21" s="8"/>
      <c r="WMT21" s="8"/>
      <c r="WMU21" s="8"/>
      <c r="WMV21" s="8"/>
      <c r="WMW21" s="8"/>
      <c r="WMX21" s="8"/>
      <c r="WMY21" s="8"/>
      <c r="WMZ21" s="8"/>
      <c r="WNA21" s="8"/>
      <c r="WNB21" s="8"/>
      <c r="WNC21" s="8"/>
      <c r="WND21" s="8"/>
      <c r="WNE21" s="8"/>
      <c r="WNF21" s="8"/>
      <c r="WNG21" s="8"/>
      <c r="WNH21" s="8"/>
      <c r="WNI21" s="8"/>
      <c r="WNJ21" s="8"/>
      <c r="WNK21" s="8"/>
      <c r="WNL21" s="8"/>
      <c r="WNM21" s="8"/>
      <c r="WNN21" s="8"/>
      <c r="WNO21" s="8"/>
      <c r="WNP21" s="8"/>
      <c r="WNQ21" s="8"/>
      <c r="WNR21" s="8"/>
      <c r="WNS21" s="8"/>
      <c r="WNT21" s="8"/>
      <c r="WNU21" s="8"/>
      <c r="WNV21" s="8"/>
      <c r="WNW21" s="8"/>
      <c r="WNX21" s="8"/>
      <c r="WNY21" s="8"/>
      <c r="WNZ21" s="8"/>
      <c r="WOA21" s="8"/>
      <c r="WOB21" s="8"/>
      <c r="WOC21" s="8"/>
      <c r="WOD21" s="8"/>
      <c r="WOE21" s="8"/>
      <c r="WOF21" s="8"/>
      <c r="WOG21" s="8"/>
      <c r="WOH21" s="8"/>
      <c r="WOI21" s="8"/>
      <c r="WOJ21" s="8"/>
      <c r="WOK21" s="8"/>
      <c r="WOL21" s="8"/>
      <c r="WOM21" s="8"/>
      <c r="WON21" s="8"/>
      <c r="WOO21" s="8"/>
      <c r="WOP21" s="8"/>
      <c r="WOQ21" s="8"/>
      <c r="WOR21" s="8"/>
      <c r="WOS21" s="8"/>
      <c r="WOT21" s="8"/>
      <c r="WOU21" s="8"/>
      <c r="WOV21" s="8"/>
      <c r="WOW21" s="8"/>
      <c r="WOX21" s="8"/>
      <c r="WOY21" s="8"/>
      <c r="WOZ21" s="8"/>
      <c r="WPA21" s="8"/>
      <c r="WPB21" s="8"/>
      <c r="WPC21" s="8"/>
      <c r="WPD21" s="8"/>
      <c r="WPE21" s="8"/>
      <c r="WPF21" s="8"/>
      <c r="WPG21" s="8"/>
      <c r="WPH21" s="8"/>
      <c r="WPI21" s="8"/>
      <c r="WPJ21" s="8"/>
      <c r="WPK21" s="8"/>
      <c r="WPL21" s="8"/>
      <c r="WPM21" s="8"/>
      <c r="WPN21" s="8"/>
      <c r="WPO21" s="8"/>
      <c r="WPP21" s="8"/>
      <c r="WPQ21" s="8"/>
      <c r="WPR21" s="8"/>
      <c r="WPS21" s="8"/>
      <c r="WPT21" s="8"/>
      <c r="WPU21" s="8"/>
      <c r="WPV21" s="8"/>
      <c r="WPW21" s="8"/>
      <c r="WPX21" s="8"/>
      <c r="WPY21" s="8"/>
      <c r="WPZ21" s="8"/>
      <c r="WQA21" s="8"/>
      <c r="WQB21" s="8"/>
      <c r="WQC21" s="8"/>
      <c r="WQD21" s="8"/>
      <c r="WQE21" s="8"/>
      <c r="WQF21" s="8"/>
      <c r="WQG21" s="8"/>
      <c r="WQH21" s="8"/>
      <c r="WQI21" s="8"/>
      <c r="WQJ21" s="8"/>
      <c r="WQK21" s="8"/>
      <c r="WQL21" s="8"/>
      <c r="WQM21" s="8"/>
      <c r="WQN21" s="8"/>
      <c r="WQO21" s="8"/>
      <c r="WQP21" s="8"/>
      <c r="WQQ21" s="8"/>
      <c r="WQR21" s="8"/>
      <c r="WQS21" s="8"/>
      <c r="WQT21" s="8"/>
      <c r="WQU21" s="8"/>
      <c r="WQV21" s="8"/>
      <c r="WQW21" s="8"/>
      <c r="WQX21" s="8"/>
      <c r="WQY21" s="8"/>
      <c r="WQZ21" s="8"/>
      <c r="WRA21" s="8"/>
      <c r="WRB21" s="8"/>
      <c r="WRC21" s="8"/>
      <c r="WRD21" s="8"/>
      <c r="WRE21" s="8"/>
      <c r="WRF21" s="8"/>
      <c r="WRG21" s="8"/>
      <c r="WRH21" s="8"/>
      <c r="WRI21" s="8"/>
      <c r="WRJ21" s="8"/>
      <c r="WRK21" s="8"/>
      <c r="WRL21" s="8"/>
      <c r="WRM21" s="8"/>
      <c r="WRN21" s="8"/>
      <c r="WRO21" s="8"/>
      <c r="WRP21" s="8"/>
      <c r="WRQ21" s="8"/>
      <c r="WRR21" s="8"/>
      <c r="WRS21" s="8"/>
      <c r="WRT21" s="8"/>
      <c r="WRU21" s="8"/>
      <c r="WRV21" s="8"/>
      <c r="WRW21" s="8"/>
      <c r="WRX21" s="8"/>
      <c r="WRY21" s="8"/>
      <c r="WRZ21" s="8"/>
      <c r="WSA21" s="8"/>
      <c r="WSB21" s="8"/>
      <c r="WSC21" s="8"/>
      <c r="WSD21" s="8"/>
      <c r="WSE21" s="8"/>
      <c r="WSF21" s="8"/>
      <c r="WSG21" s="8"/>
      <c r="WSH21" s="8"/>
      <c r="WSI21" s="8"/>
      <c r="WSJ21" s="8"/>
      <c r="WSK21" s="8"/>
      <c r="WSL21" s="8"/>
      <c r="WSM21" s="8"/>
      <c r="WSN21" s="8"/>
      <c r="WSO21" s="8"/>
      <c r="WSP21" s="8"/>
      <c r="WSQ21" s="8"/>
      <c r="WSR21" s="8"/>
      <c r="WSS21" s="8"/>
      <c r="WST21" s="8"/>
      <c r="WSU21" s="8"/>
      <c r="WSV21" s="8"/>
      <c r="WSW21" s="8"/>
      <c r="WSX21" s="8"/>
      <c r="WSY21" s="8"/>
      <c r="WSZ21" s="8"/>
      <c r="WTA21" s="8"/>
      <c r="WTB21" s="8"/>
      <c r="WTC21" s="8"/>
      <c r="WTD21" s="8"/>
      <c r="WTE21" s="8"/>
      <c r="WTF21" s="8"/>
      <c r="WTG21" s="8"/>
      <c r="WTH21" s="8"/>
      <c r="WTI21" s="8"/>
      <c r="WTJ21" s="8"/>
      <c r="WTK21" s="8"/>
      <c r="WTL21" s="8"/>
      <c r="WTM21" s="8"/>
      <c r="WTN21" s="8"/>
      <c r="WTO21" s="8"/>
      <c r="WTP21" s="8"/>
      <c r="WTQ21" s="8"/>
      <c r="WTR21" s="8"/>
      <c r="WTS21" s="8"/>
      <c r="WTT21" s="8"/>
      <c r="WTU21" s="8"/>
      <c r="WTV21" s="8"/>
      <c r="WTW21" s="8"/>
      <c r="WTX21" s="8"/>
      <c r="WTY21" s="8"/>
      <c r="WTZ21" s="8"/>
      <c r="WUA21" s="8"/>
      <c r="WUB21" s="8"/>
      <c r="WUC21" s="8"/>
      <c r="WUD21" s="8"/>
      <c r="WUE21" s="8"/>
      <c r="WUF21" s="8"/>
      <c r="WUG21" s="8"/>
      <c r="WUH21" s="8"/>
      <c r="WUI21" s="8"/>
      <c r="WUJ21" s="8"/>
      <c r="WUK21" s="8"/>
      <c r="WUL21" s="8"/>
      <c r="WUM21" s="8"/>
      <c r="WUN21" s="8"/>
      <c r="WUO21" s="8"/>
      <c r="WUP21" s="8"/>
      <c r="WUQ21" s="8"/>
      <c r="WUR21" s="8"/>
      <c r="WUS21" s="8"/>
      <c r="WUT21" s="8"/>
      <c r="WUU21" s="8"/>
      <c r="WUV21" s="8"/>
      <c r="WUW21" s="8"/>
      <c r="WUX21" s="8"/>
      <c r="WUY21" s="8"/>
      <c r="WUZ21" s="8"/>
      <c r="WVA21" s="8"/>
      <c r="WVB21" s="8"/>
      <c r="WVC21" s="8"/>
      <c r="WVD21" s="8"/>
      <c r="WVE21" s="8"/>
      <c r="WVF21" s="8"/>
      <c r="WVG21" s="8"/>
      <c r="WVH21" s="8"/>
      <c r="WVI21" s="8"/>
      <c r="WVJ21" s="8"/>
      <c r="WVK21" s="8"/>
      <c r="WVL21" s="8"/>
      <c r="WVM21" s="8"/>
      <c r="WVN21" s="8"/>
      <c r="WVO21" s="8"/>
      <c r="WVP21" s="8"/>
      <c r="WVQ21" s="8"/>
      <c r="WVR21" s="8"/>
      <c r="WVS21" s="8"/>
      <c r="WVT21" s="8"/>
      <c r="WVU21" s="8"/>
      <c r="WVV21" s="8"/>
      <c r="WVW21" s="8"/>
      <c r="WVX21" s="8"/>
      <c r="WVY21" s="8"/>
      <c r="WVZ21" s="8"/>
      <c r="WWA21" s="8"/>
      <c r="WWB21" s="8"/>
      <c r="WWC21" s="8"/>
      <c r="WWD21" s="8"/>
      <c r="WWE21" s="8"/>
      <c r="WWF21" s="8"/>
      <c r="WWG21" s="8"/>
      <c r="WWH21" s="8"/>
      <c r="WWI21" s="8"/>
      <c r="WWJ21" s="8"/>
      <c r="WWK21" s="8"/>
      <c r="WWL21" s="8"/>
      <c r="WWM21" s="8"/>
      <c r="WWN21" s="8"/>
      <c r="WWO21" s="8"/>
      <c r="WWP21" s="8"/>
      <c r="WWQ21" s="8"/>
      <c r="WWR21" s="8"/>
      <c r="WWS21" s="8"/>
      <c r="WWT21" s="8"/>
      <c r="WWU21" s="8"/>
      <c r="WWV21" s="8"/>
      <c r="WWW21" s="8"/>
      <c r="WWX21" s="8"/>
      <c r="WWY21" s="8"/>
      <c r="WWZ21" s="8"/>
      <c r="WXA21" s="8"/>
      <c r="WXB21" s="8"/>
      <c r="WXC21" s="8"/>
      <c r="WXD21" s="8"/>
      <c r="WXE21" s="8"/>
      <c r="WXF21" s="8"/>
      <c r="WXG21" s="8"/>
      <c r="WXH21" s="8"/>
      <c r="WXI21" s="8"/>
      <c r="WXJ21" s="8"/>
      <c r="WXK21" s="8"/>
      <c r="WXL21" s="8"/>
      <c r="WXM21" s="8"/>
      <c r="WXN21" s="8"/>
      <c r="WXO21" s="8"/>
      <c r="WXP21" s="8"/>
      <c r="WXQ21" s="8"/>
      <c r="WXR21" s="8"/>
      <c r="WXS21" s="8"/>
      <c r="WXT21" s="8"/>
      <c r="WXU21" s="8"/>
      <c r="WXV21" s="8"/>
      <c r="WXW21" s="8"/>
      <c r="WXX21" s="8"/>
      <c r="WXY21" s="8"/>
      <c r="WXZ21" s="8"/>
      <c r="WYA21" s="8"/>
      <c r="WYB21" s="8"/>
      <c r="WYC21" s="8"/>
      <c r="WYD21" s="8"/>
      <c r="WYE21" s="8"/>
      <c r="WYF21" s="8"/>
      <c r="WYG21" s="8"/>
      <c r="WYH21" s="8"/>
      <c r="WYI21" s="8"/>
      <c r="WYJ21" s="8"/>
      <c r="WYK21" s="8"/>
      <c r="WYL21" s="8"/>
      <c r="WYM21" s="8"/>
      <c r="WYN21" s="8"/>
      <c r="WYO21" s="8"/>
      <c r="WYP21" s="8"/>
      <c r="WYQ21" s="8"/>
      <c r="WYR21" s="8"/>
      <c r="WYS21" s="8"/>
      <c r="WYT21" s="8"/>
      <c r="WYU21" s="8"/>
      <c r="WYV21" s="8"/>
      <c r="WYW21" s="8"/>
      <c r="WYX21" s="8"/>
      <c r="WYY21" s="8"/>
      <c r="WYZ21" s="8"/>
      <c r="WZA21" s="8"/>
      <c r="WZB21" s="8"/>
      <c r="WZC21" s="8"/>
      <c r="WZD21" s="8"/>
      <c r="WZE21" s="8"/>
      <c r="WZF21" s="8"/>
      <c r="WZG21" s="8"/>
      <c r="WZH21" s="8"/>
      <c r="WZI21" s="8"/>
      <c r="WZJ21" s="8"/>
      <c r="WZK21" s="8"/>
      <c r="WZL21" s="8"/>
      <c r="WZM21" s="8"/>
      <c r="WZN21" s="8"/>
      <c r="WZO21" s="8"/>
      <c r="WZP21" s="8"/>
      <c r="WZQ21" s="8"/>
      <c r="WZR21" s="8"/>
      <c r="WZS21" s="8"/>
      <c r="WZT21" s="8"/>
      <c r="WZU21" s="8"/>
      <c r="WZV21" s="8"/>
      <c r="WZW21" s="8"/>
      <c r="WZX21" s="8"/>
      <c r="WZY21" s="8"/>
      <c r="WZZ21" s="8"/>
      <c r="XAA21" s="8"/>
      <c r="XAB21" s="8"/>
      <c r="XAC21" s="8"/>
      <c r="XAD21" s="8"/>
      <c r="XAE21" s="8"/>
      <c r="XAF21" s="8"/>
      <c r="XAG21" s="8"/>
      <c r="XAH21" s="8"/>
      <c r="XAI21" s="8"/>
      <c r="XAJ21" s="8"/>
      <c r="XAK21" s="8"/>
      <c r="XAL21" s="8"/>
      <c r="XAM21" s="8"/>
      <c r="XAN21" s="8"/>
      <c r="XAO21" s="8"/>
      <c r="XAP21" s="8"/>
      <c r="XAQ21" s="8"/>
      <c r="XAR21" s="8"/>
      <c r="XAS21" s="8"/>
      <c r="XAT21" s="8"/>
      <c r="XAU21" s="8"/>
      <c r="XAV21" s="8"/>
      <c r="XAW21" s="8"/>
      <c r="XAX21" s="8"/>
      <c r="XAY21" s="8"/>
      <c r="XAZ21" s="8"/>
      <c r="XBA21" s="8"/>
      <c r="XBB21" s="8"/>
      <c r="XBC21" s="8"/>
      <c r="XBD21" s="8"/>
      <c r="XBE21" s="8"/>
      <c r="XBF21" s="8"/>
      <c r="XBG21" s="8"/>
      <c r="XBH21" s="8"/>
      <c r="XBI21" s="8"/>
      <c r="XBJ21" s="8"/>
      <c r="XBK21" s="8"/>
      <c r="XBL21" s="8"/>
      <c r="XBM21" s="8"/>
      <c r="XBN21" s="8"/>
      <c r="XBO21" s="8"/>
      <c r="XBP21" s="8"/>
      <c r="XBQ21" s="8"/>
      <c r="XBR21" s="8"/>
      <c r="XBS21" s="8"/>
      <c r="XBT21" s="8"/>
      <c r="XBU21" s="8"/>
      <c r="XBV21" s="8"/>
      <c r="XBW21" s="8"/>
      <c r="XBX21" s="8"/>
      <c r="XBY21" s="8"/>
      <c r="XBZ21" s="8"/>
      <c r="XCA21" s="8"/>
      <c r="XCB21" s="8"/>
      <c r="XCC21" s="8"/>
      <c r="XCD21" s="8"/>
      <c r="XCE21" s="8"/>
      <c r="XCF21" s="8"/>
      <c r="XCG21" s="8"/>
      <c r="XCH21" s="8"/>
      <c r="XCI21" s="8"/>
      <c r="XCJ21" s="8"/>
      <c r="XCK21" s="8"/>
      <c r="XCL21" s="8"/>
      <c r="XCM21" s="8"/>
      <c r="XCN21" s="8"/>
      <c r="XCO21" s="8"/>
      <c r="XCP21" s="8"/>
      <c r="XCQ21" s="8"/>
      <c r="XCR21" s="8"/>
      <c r="XCS21" s="8"/>
      <c r="XCT21" s="8"/>
      <c r="XCU21" s="8"/>
      <c r="XCV21" s="8"/>
      <c r="XCW21" s="8"/>
      <c r="XCX21" s="8"/>
      <c r="XCY21" s="8"/>
      <c r="XCZ21" s="8"/>
      <c r="XDA21" s="8"/>
      <c r="XDB21" s="8"/>
      <c r="XDC21" s="8"/>
      <c r="XDD21" s="8"/>
      <c r="XDE21" s="8"/>
      <c r="XDF21" s="8"/>
      <c r="XDG21" s="8"/>
      <c r="XDH21" s="8"/>
      <c r="XDI21" s="8"/>
      <c r="XDJ21" s="8"/>
      <c r="XDK21" s="8"/>
      <c r="XDL21" s="8"/>
      <c r="XDM21" s="8"/>
      <c r="XDN21" s="8"/>
      <c r="XDO21" s="8"/>
      <c r="XDP21" s="8"/>
      <c r="XDQ21" s="8"/>
      <c r="XDR21" s="8"/>
      <c r="XDS21" s="8"/>
      <c r="XDT21" s="8"/>
      <c r="XDU21" s="8"/>
      <c r="XDV21" s="8"/>
      <c r="XDW21" s="8"/>
      <c r="XDX21" s="8"/>
      <c r="XDY21" s="8"/>
      <c r="XDZ21" s="8"/>
      <c r="XEA21" s="8"/>
      <c r="XEB21" s="8"/>
      <c r="XEC21" s="8"/>
      <c r="XED21" s="8"/>
      <c r="XEE21" s="8"/>
      <c r="XEF21" s="8"/>
      <c r="XEG21" s="8"/>
      <c r="XEH21" s="8"/>
      <c r="XEI21" s="8"/>
      <c r="XEJ21" s="8"/>
      <c r="XEK21" s="8"/>
      <c r="XEL21" s="8"/>
      <c r="XEM21" s="8"/>
      <c r="XEN21" s="8"/>
      <c r="XEO21" s="8"/>
      <c r="XEP21" s="8"/>
      <c r="XEQ21" s="8"/>
      <c r="XER21" s="8"/>
      <c r="XES21" s="8"/>
      <c r="XET21" s="8"/>
      <c r="XEU21" s="8"/>
      <c r="XEV21" s="8"/>
      <c r="XEW21" s="8"/>
      <c r="XEX21" s="8"/>
      <c r="XEY21" s="8"/>
      <c r="XEZ21" s="8"/>
      <c r="XFA21" s="8"/>
      <c r="XFB21" s="8"/>
      <c r="XFC21" s="8"/>
      <c r="XFD21" s="8"/>
    </row>
    <row r="22" spans="1:16384" ht="13.95" customHeight="1" x14ac:dyDescent="0.25">
      <c r="A22" s="14" t="s">
        <v>146</v>
      </c>
      <c r="B22" s="96" t="s">
        <v>58</v>
      </c>
      <c r="C22" s="93" t="s">
        <v>147</v>
      </c>
      <c r="D22" s="93" t="s">
        <v>20221</v>
      </c>
      <c r="E22" s="93">
        <v>1993</v>
      </c>
      <c r="F22" s="93">
        <v>310139</v>
      </c>
      <c r="G22" s="93" t="s">
        <v>10</v>
      </c>
      <c r="H22" s="111">
        <v>1</v>
      </c>
      <c r="I22" s="111">
        <v>1</v>
      </c>
      <c r="J22" s="111">
        <v>1</v>
      </c>
      <c r="K22" s="111">
        <v>0</v>
      </c>
      <c r="L22" s="111">
        <v>0</v>
      </c>
      <c r="M22" s="111">
        <v>0</v>
      </c>
      <c r="N22" s="111">
        <v>0</v>
      </c>
      <c r="O22" s="111">
        <v>0</v>
      </c>
      <c r="P22" s="111">
        <v>0</v>
      </c>
      <c r="Q22" s="111">
        <v>0</v>
      </c>
      <c r="R22" s="111">
        <v>0</v>
      </c>
      <c r="S22" s="111">
        <v>0</v>
      </c>
      <c r="T22" s="111">
        <v>0</v>
      </c>
      <c r="U22" s="111">
        <v>0</v>
      </c>
      <c r="V22" s="111">
        <v>0</v>
      </c>
      <c r="W22" s="111">
        <v>0</v>
      </c>
      <c r="X22" s="111">
        <v>0</v>
      </c>
      <c r="Y22" s="111">
        <v>0</v>
      </c>
      <c r="Z22" s="111">
        <v>1</v>
      </c>
      <c r="AA22" s="111">
        <v>0</v>
      </c>
      <c r="AB22" s="111">
        <v>0</v>
      </c>
      <c r="AC22" s="111">
        <v>0</v>
      </c>
      <c r="AD22" s="111">
        <v>0</v>
      </c>
      <c r="AE22" s="111">
        <v>0</v>
      </c>
      <c r="AF22" s="111">
        <v>0</v>
      </c>
      <c r="AG22" s="111">
        <v>0</v>
      </c>
      <c r="AH22" s="111">
        <v>0</v>
      </c>
      <c r="AI22" s="111">
        <v>0</v>
      </c>
      <c r="AJ22" s="111">
        <v>0</v>
      </c>
      <c r="AK22" s="111">
        <v>0</v>
      </c>
      <c r="AL22" s="111">
        <v>0</v>
      </c>
      <c r="AM22" s="111">
        <v>0</v>
      </c>
      <c r="AN22" s="111">
        <v>0</v>
      </c>
      <c r="AO22" s="111">
        <v>1</v>
      </c>
      <c r="AP22" s="111">
        <v>0</v>
      </c>
      <c r="AQ22" s="111">
        <v>0</v>
      </c>
      <c r="AR22" s="111">
        <v>0</v>
      </c>
      <c r="AS22" s="111">
        <v>0</v>
      </c>
      <c r="AT22" s="111">
        <v>1</v>
      </c>
      <c r="AU22" s="111">
        <v>1</v>
      </c>
      <c r="AV22" s="111">
        <v>0</v>
      </c>
      <c r="AW22" s="111">
        <v>0</v>
      </c>
      <c r="AX22" s="112" t="s">
        <v>22327</v>
      </c>
      <c r="AY22" s="112" t="s">
        <v>22343</v>
      </c>
      <c r="AZ22" s="112" t="s">
        <v>148</v>
      </c>
      <c r="BA22" s="112" t="s">
        <v>22344</v>
      </c>
      <c r="BB22" s="107">
        <v>45884</v>
      </c>
      <c r="BC22" s="8"/>
      <c r="BD22" s="8"/>
      <c r="BE22" s="8"/>
      <c r="BF22" s="8"/>
      <c r="BG22" s="8"/>
      <c r="BH22" s="8"/>
      <c r="BI22" s="8"/>
      <c r="BJ22" s="8"/>
      <c r="BK22" s="8"/>
      <c r="BL22" s="8"/>
      <c r="BM22" s="8"/>
      <c r="BN22" s="8"/>
      <c r="BO22" s="8"/>
      <c r="BP22" s="8"/>
      <c r="BQ22" s="8"/>
      <c r="BR22" s="8"/>
      <c r="BS22" s="8"/>
      <c r="BT22" s="8"/>
      <c r="BU22" s="8"/>
      <c r="BV22" s="8"/>
      <c r="BW22" s="8"/>
      <c r="BX22" s="8"/>
      <c r="BY22" s="8"/>
      <c r="BZ22" s="8"/>
      <c r="CA22" s="8"/>
      <c r="CB22" s="8"/>
      <c r="CC22" s="8"/>
      <c r="CD22" s="8"/>
      <c r="CE22" s="8"/>
      <c r="CF22" s="8"/>
      <c r="CG22" s="8"/>
      <c r="CH22" s="8"/>
      <c r="CI22" s="8"/>
      <c r="CJ22" s="8"/>
      <c r="CK22" s="8"/>
      <c r="CL22" s="8"/>
      <c r="CM22" s="8"/>
      <c r="CN22" s="8"/>
      <c r="CO22" s="8"/>
      <c r="CP22" s="8"/>
      <c r="CQ22" s="8"/>
      <c r="CR22" s="8"/>
      <c r="CS22" s="8"/>
      <c r="CT22" s="8"/>
      <c r="CU22" s="8"/>
      <c r="CV22" s="8"/>
      <c r="CW22" s="8"/>
      <c r="CX22" s="8"/>
      <c r="CY22" s="8"/>
      <c r="CZ22" s="8"/>
      <c r="DA22" s="8"/>
      <c r="DB22" s="8"/>
      <c r="DC22" s="8"/>
      <c r="DD22" s="8"/>
      <c r="DE22" s="8"/>
      <c r="DF22" s="8"/>
      <c r="DG22" s="8"/>
      <c r="DH22" s="8"/>
      <c r="DI22" s="8"/>
      <c r="DJ22" s="8"/>
      <c r="DK22" s="8"/>
      <c r="DL22" s="8"/>
      <c r="DM22" s="8"/>
      <c r="DN22" s="8"/>
      <c r="DO22" s="8"/>
      <c r="DP22" s="8"/>
      <c r="DQ22" s="8"/>
      <c r="DR22" s="8"/>
      <c r="DS22" s="8"/>
      <c r="DT22" s="8"/>
      <c r="DU22" s="8"/>
      <c r="DV22" s="8"/>
      <c r="DW22" s="8"/>
      <c r="DX22" s="8"/>
      <c r="DY22" s="8"/>
      <c r="DZ22" s="8"/>
      <c r="EA22" s="8"/>
      <c r="EB22" s="8"/>
      <c r="EC22" s="8"/>
      <c r="ED22" s="8"/>
      <c r="EE22" s="8"/>
      <c r="EF22" s="8"/>
      <c r="EG22" s="8"/>
      <c r="EH22" s="8"/>
      <c r="EI22" s="8"/>
      <c r="EJ22" s="8"/>
      <c r="EK22" s="8"/>
      <c r="EL22" s="8"/>
      <c r="EM22" s="8"/>
      <c r="EN22" s="8"/>
      <c r="EO22" s="8"/>
      <c r="EP22" s="8"/>
      <c r="EQ22" s="8"/>
      <c r="ER22" s="8"/>
      <c r="ES22" s="8"/>
      <c r="ET22" s="8"/>
      <c r="EU22" s="8"/>
      <c r="EV22" s="8"/>
      <c r="EW22" s="8"/>
      <c r="EX22" s="8"/>
      <c r="EY22" s="8"/>
      <c r="EZ22" s="8"/>
      <c r="FA22" s="8"/>
      <c r="FB22" s="8"/>
      <c r="FC22" s="8"/>
      <c r="FD22" s="8"/>
      <c r="FE22" s="8"/>
      <c r="FF22" s="8"/>
      <c r="FG22" s="8"/>
      <c r="FH22" s="8"/>
      <c r="FI22" s="8"/>
      <c r="FJ22" s="8"/>
      <c r="FK22" s="8"/>
      <c r="FL22" s="8"/>
      <c r="FM22" s="8"/>
      <c r="FN22" s="8"/>
      <c r="FO22" s="8"/>
      <c r="FP22" s="8"/>
      <c r="FQ22" s="8"/>
      <c r="FR22" s="8"/>
      <c r="FS22" s="8"/>
      <c r="FT22" s="8"/>
      <c r="FU22" s="8"/>
      <c r="FV22" s="8"/>
      <c r="FW22" s="8"/>
      <c r="FX22" s="8"/>
      <c r="FY22" s="8"/>
      <c r="FZ22" s="8"/>
      <c r="GA22" s="8"/>
      <c r="GB22" s="8"/>
      <c r="GC22" s="8"/>
      <c r="GD22" s="8"/>
      <c r="GE22" s="8"/>
      <c r="GF22" s="8"/>
      <c r="GG22" s="8"/>
      <c r="GH22" s="8"/>
      <c r="GI22" s="8"/>
      <c r="GJ22" s="8"/>
      <c r="GK22" s="8"/>
      <c r="GL22" s="8"/>
      <c r="GM22" s="8"/>
      <c r="GN22" s="8"/>
      <c r="GO22" s="8"/>
      <c r="GP22" s="8"/>
      <c r="GQ22" s="8"/>
      <c r="GR22" s="8"/>
      <c r="GS22" s="8"/>
      <c r="GT22" s="8"/>
      <c r="GU22" s="8"/>
      <c r="GV22" s="8"/>
      <c r="GW22" s="8"/>
      <c r="GX22" s="8"/>
      <c r="GY22" s="8"/>
      <c r="GZ22" s="8"/>
      <c r="HA22" s="8"/>
      <c r="HB22" s="8"/>
      <c r="HC22" s="8"/>
      <c r="HD22" s="8"/>
      <c r="HE22" s="8"/>
      <c r="HF22" s="8"/>
      <c r="HG22" s="8"/>
      <c r="HH22" s="8"/>
      <c r="HI22" s="8"/>
      <c r="HJ22" s="8"/>
      <c r="HK22" s="8"/>
      <c r="HL22" s="8"/>
      <c r="HM22" s="8"/>
      <c r="HN22" s="8"/>
      <c r="HO22" s="8"/>
      <c r="HP22" s="8"/>
      <c r="HQ22" s="8"/>
      <c r="HR22" s="8"/>
      <c r="HS22" s="8"/>
      <c r="HT22" s="8"/>
      <c r="HU22" s="8"/>
      <c r="HV22" s="8"/>
      <c r="HW22" s="8"/>
      <c r="HX22" s="8"/>
      <c r="HY22" s="8"/>
      <c r="HZ22" s="8"/>
      <c r="IA22" s="8"/>
      <c r="IB22" s="8"/>
      <c r="IC22" s="8"/>
      <c r="ID22" s="8"/>
      <c r="IE22" s="8"/>
      <c r="IF22" s="8"/>
      <c r="IG22" s="8"/>
      <c r="IH22" s="8"/>
      <c r="II22" s="8"/>
      <c r="IJ22" s="8"/>
      <c r="IK22" s="8"/>
      <c r="IL22" s="8"/>
      <c r="IM22" s="8"/>
      <c r="IN22" s="8"/>
      <c r="IO22" s="8"/>
      <c r="IP22" s="8"/>
      <c r="IQ22" s="8"/>
      <c r="IR22" s="8"/>
      <c r="IS22" s="8"/>
      <c r="IT22" s="8"/>
      <c r="IU22" s="8"/>
      <c r="IV22" s="8"/>
      <c r="IW22" s="8"/>
      <c r="IX22" s="8"/>
      <c r="IY22" s="8"/>
      <c r="IZ22" s="8"/>
      <c r="JA22" s="8"/>
      <c r="JB22" s="8"/>
      <c r="JC22" s="8"/>
      <c r="JD22" s="8"/>
      <c r="JE22" s="8"/>
      <c r="JF22" s="8"/>
      <c r="JG22" s="8"/>
      <c r="JH22" s="8"/>
      <c r="JI22" s="8"/>
      <c r="JJ22" s="8"/>
      <c r="JK22" s="8"/>
      <c r="JL22" s="8"/>
      <c r="JM22" s="8"/>
      <c r="JN22" s="8"/>
      <c r="JO22" s="8"/>
      <c r="JP22" s="8"/>
      <c r="JQ22" s="8"/>
      <c r="JR22" s="8"/>
      <c r="JS22" s="8"/>
      <c r="JT22" s="8"/>
      <c r="JU22" s="8"/>
      <c r="JV22" s="8"/>
      <c r="JW22" s="8"/>
      <c r="JX22" s="8"/>
      <c r="JY22" s="8"/>
      <c r="JZ22" s="8"/>
      <c r="KA22" s="8"/>
      <c r="KB22" s="8"/>
      <c r="KC22" s="8"/>
      <c r="KD22" s="8"/>
      <c r="KE22" s="8"/>
      <c r="KF22" s="8"/>
      <c r="KG22" s="8"/>
      <c r="KH22" s="8"/>
      <c r="KI22" s="8"/>
      <c r="KJ22" s="8"/>
      <c r="KK22" s="8"/>
      <c r="KL22" s="8"/>
      <c r="KM22" s="8"/>
      <c r="KN22" s="8"/>
      <c r="KO22" s="8"/>
      <c r="KP22" s="8"/>
      <c r="KQ22" s="8"/>
      <c r="KR22" s="8"/>
      <c r="KS22" s="8"/>
      <c r="KT22" s="8"/>
      <c r="KU22" s="8"/>
      <c r="KV22" s="8"/>
      <c r="KW22" s="8"/>
      <c r="KX22" s="8"/>
      <c r="KY22" s="8"/>
      <c r="KZ22" s="8"/>
      <c r="LA22" s="8"/>
      <c r="LB22" s="8"/>
      <c r="LC22" s="8"/>
      <c r="LD22" s="8"/>
      <c r="LE22" s="8"/>
      <c r="LF22" s="8"/>
      <c r="LG22" s="8"/>
      <c r="LH22" s="8"/>
      <c r="LI22" s="8"/>
      <c r="LJ22" s="8"/>
      <c r="LK22" s="8"/>
      <c r="LL22" s="8"/>
      <c r="LM22" s="8"/>
      <c r="LN22" s="8"/>
      <c r="LO22" s="8"/>
      <c r="LP22" s="8"/>
      <c r="LQ22" s="8"/>
      <c r="LR22" s="8"/>
      <c r="LS22" s="8"/>
      <c r="LT22" s="8"/>
      <c r="LU22" s="8"/>
      <c r="LV22" s="8"/>
      <c r="LW22" s="8"/>
      <c r="LX22" s="8"/>
      <c r="LY22" s="8"/>
      <c r="LZ22" s="8"/>
      <c r="MA22" s="8"/>
      <c r="MB22" s="8"/>
      <c r="MC22" s="8"/>
      <c r="MD22" s="8"/>
      <c r="ME22" s="8"/>
      <c r="MF22" s="8"/>
      <c r="MG22" s="8"/>
      <c r="MH22" s="8"/>
      <c r="MI22" s="8"/>
      <c r="MJ22" s="8"/>
      <c r="MK22" s="8"/>
      <c r="ML22" s="8"/>
      <c r="MM22" s="8"/>
      <c r="MN22" s="8"/>
      <c r="MO22" s="8"/>
      <c r="MP22" s="8"/>
      <c r="MQ22" s="8"/>
      <c r="MR22" s="8"/>
      <c r="MS22" s="8"/>
      <c r="MT22" s="8"/>
      <c r="MU22" s="8"/>
      <c r="MV22" s="8"/>
      <c r="MW22" s="8"/>
      <c r="MX22" s="8"/>
      <c r="MY22" s="8"/>
      <c r="MZ22" s="8"/>
      <c r="NA22" s="8"/>
      <c r="NB22" s="8"/>
      <c r="NC22" s="8"/>
      <c r="ND22" s="8"/>
      <c r="NE22" s="8"/>
      <c r="NF22" s="8"/>
      <c r="NG22" s="8"/>
      <c r="NH22" s="8"/>
      <c r="NI22" s="8"/>
      <c r="NJ22" s="8"/>
      <c r="NK22" s="8"/>
      <c r="NL22" s="8"/>
      <c r="NM22" s="8"/>
      <c r="NN22" s="8"/>
      <c r="NO22" s="8"/>
      <c r="NP22" s="8"/>
      <c r="NQ22" s="8"/>
      <c r="NR22" s="8"/>
      <c r="NS22" s="8"/>
      <c r="NT22" s="8"/>
      <c r="NU22" s="8"/>
      <c r="NV22" s="8"/>
      <c r="NW22" s="8"/>
      <c r="NX22" s="8"/>
      <c r="NY22" s="8"/>
      <c r="NZ22" s="8"/>
      <c r="OA22" s="8"/>
      <c r="OB22" s="8"/>
      <c r="OC22" s="8"/>
      <c r="OD22" s="8"/>
      <c r="OE22" s="8"/>
      <c r="OF22" s="8"/>
      <c r="OG22" s="8"/>
      <c r="OH22" s="8"/>
      <c r="OI22" s="8"/>
      <c r="OJ22" s="8"/>
      <c r="OK22" s="8"/>
      <c r="OL22" s="8"/>
      <c r="OM22" s="8"/>
      <c r="ON22" s="8"/>
      <c r="OO22" s="8"/>
      <c r="OP22" s="8"/>
      <c r="OQ22" s="8"/>
      <c r="OR22" s="8"/>
      <c r="OS22" s="8"/>
      <c r="OT22" s="8"/>
      <c r="OU22" s="8"/>
      <c r="OV22" s="8"/>
      <c r="OW22" s="8"/>
      <c r="OX22" s="8"/>
      <c r="OY22" s="8"/>
      <c r="OZ22" s="8"/>
      <c r="PA22" s="8"/>
      <c r="PB22" s="8"/>
      <c r="PC22" s="8"/>
      <c r="PD22" s="8"/>
      <c r="PE22" s="8"/>
      <c r="PF22" s="8"/>
      <c r="PG22" s="8"/>
      <c r="PH22" s="8"/>
      <c r="PI22" s="8"/>
      <c r="PJ22" s="8"/>
      <c r="PK22" s="8"/>
      <c r="PL22" s="8"/>
      <c r="PM22" s="8"/>
      <c r="PN22" s="8"/>
      <c r="PO22" s="8"/>
      <c r="PP22" s="8"/>
      <c r="PQ22" s="8"/>
      <c r="PR22" s="8"/>
      <c r="PS22" s="8"/>
      <c r="PT22" s="8"/>
      <c r="PU22" s="8"/>
      <c r="PV22" s="8"/>
      <c r="PW22" s="8"/>
      <c r="PX22" s="8"/>
      <c r="PY22" s="8"/>
      <c r="PZ22" s="8"/>
      <c r="QA22" s="8"/>
      <c r="QB22" s="8"/>
      <c r="QC22" s="8"/>
      <c r="QD22" s="8"/>
      <c r="QE22" s="8"/>
      <c r="QF22" s="8"/>
      <c r="QG22" s="8"/>
      <c r="QH22" s="8"/>
      <c r="QI22" s="8"/>
      <c r="QJ22" s="8"/>
      <c r="QK22" s="8"/>
      <c r="QL22" s="8"/>
      <c r="QM22" s="8"/>
      <c r="QN22" s="8"/>
      <c r="QO22" s="8"/>
      <c r="QP22" s="8"/>
      <c r="QQ22" s="8"/>
      <c r="QR22" s="8"/>
      <c r="QS22" s="8"/>
      <c r="QT22" s="8"/>
      <c r="QU22" s="8"/>
      <c r="QV22" s="8"/>
      <c r="QW22" s="8"/>
      <c r="QX22" s="8"/>
      <c r="QY22" s="8"/>
      <c r="QZ22" s="8"/>
      <c r="RA22" s="8"/>
      <c r="RB22" s="8"/>
      <c r="RC22" s="8"/>
      <c r="RD22" s="8"/>
      <c r="RE22" s="8"/>
      <c r="RF22" s="8"/>
      <c r="RG22" s="8"/>
      <c r="RH22" s="8"/>
      <c r="RI22" s="8"/>
      <c r="RJ22" s="8"/>
      <c r="RK22" s="8"/>
      <c r="RL22" s="8"/>
      <c r="RM22" s="8"/>
      <c r="RN22" s="8"/>
      <c r="RO22" s="8"/>
      <c r="RP22" s="8"/>
      <c r="RQ22" s="8"/>
      <c r="RR22" s="8"/>
      <c r="RS22" s="8"/>
      <c r="RT22" s="8"/>
      <c r="RU22" s="8"/>
      <c r="RV22" s="8"/>
      <c r="RW22" s="8"/>
      <c r="RX22" s="8"/>
      <c r="RY22" s="8"/>
      <c r="RZ22" s="8"/>
      <c r="SA22" s="8"/>
      <c r="SB22" s="8"/>
      <c r="SC22" s="8"/>
      <c r="SD22" s="8"/>
      <c r="SE22" s="8"/>
      <c r="SF22" s="8"/>
      <c r="SG22" s="8"/>
      <c r="SH22" s="8"/>
      <c r="SI22" s="8"/>
      <c r="SJ22" s="8"/>
      <c r="SK22" s="8"/>
      <c r="SL22" s="8"/>
      <c r="SM22" s="8"/>
      <c r="SN22" s="8"/>
      <c r="SO22" s="8"/>
      <c r="SP22" s="8"/>
      <c r="SQ22" s="8"/>
      <c r="SR22" s="8"/>
      <c r="SS22" s="8"/>
      <c r="ST22" s="8"/>
      <c r="SU22" s="8"/>
      <c r="SV22" s="8"/>
      <c r="SW22" s="8"/>
      <c r="SX22" s="8"/>
      <c r="SY22" s="8"/>
      <c r="SZ22" s="8"/>
      <c r="TA22" s="8"/>
      <c r="TB22" s="8"/>
      <c r="TC22" s="8"/>
      <c r="TD22" s="8"/>
      <c r="TE22" s="8"/>
      <c r="TF22" s="8"/>
      <c r="TG22" s="8"/>
      <c r="TH22" s="8"/>
      <c r="TI22" s="8"/>
      <c r="TJ22" s="8"/>
      <c r="TK22" s="8"/>
      <c r="TL22" s="8"/>
      <c r="TM22" s="8"/>
      <c r="TN22" s="8"/>
      <c r="TO22" s="8"/>
      <c r="TP22" s="8"/>
      <c r="TQ22" s="8"/>
      <c r="TR22" s="8"/>
      <c r="TS22" s="8"/>
      <c r="TT22" s="8"/>
      <c r="TU22" s="8"/>
      <c r="TV22" s="8"/>
      <c r="TW22" s="8"/>
      <c r="TX22" s="8"/>
      <c r="TY22" s="8"/>
      <c r="TZ22" s="8"/>
      <c r="UA22" s="8"/>
      <c r="UB22" s="8"/>
      <c r="UC22" s="8"/>
      <c r="UD22" s="8"/>
      <c r="UE22" s="8"/>
      <c r="UF22" s="8"/>
      <c r="UG22" s="8"/>
      <c r="UH22" s="8"/>
      <c r="UI22" s="8"/>
      <c r="UJ22" s="8"/>
      <c r="UK22" s="8"/>
      <c r="UL22" s="8"/>
      <c r="UM22" s="8"/>
      <c r="UN22" s="8"/>
      <c r="UO22" s="8"/>
      <c r="UP22" s="8"/>
      <c r="UQ22" s="8"/>
      <c r="UR22" s="8"/>
      <c r="US22" s="8"/>
      <c r="UT22" s="8"/>
      <c r="UU22" s="8"/>
      <c r="UV22" s="8"/>
      <c r="UW22" s="8"/>
      <c r="UX22" s="8"/>
      <c r="UY22" s="8"/>
      <c r="UZ22" s="8"/>
      <c r="VA22" s="8"/>
      <c r="VB22" s="8"/>
      <c r="VC22" s="8"/>
      <c r="VD22" s="8"/>
      <c r="VE22" s="8"/>
      <c r="VF22" s="8"/>
      <c r="VG22" s="8"/>
      <c r="VH22" s="8"/>
      <c r="VI22" s="8"/>
      <c r="VJ22" s="8"/>
      <c r="VK22" s="8"/>
      <c r="VL22" s="8"/>
      <c r="VM22" s="8"/>
      <c r="VN22" s="8"/>
      <c r="VO22" s="8"/>
      <c r="VP22" s="8"/>
      <c r="VQ22" s="8"/>
      <c r="VR22" s="8"/>
      <c r="VS22" s="8"/>
      <c r="VT22" s="8"/>
      <c r="VU22" s="8"/>
      <c r="VV22" s="8"/>
      <c r="VW22" s="8"/>
      <c r="VX22" s="8"/>
      <c r="VY22" s="8"/>
      <c r="VZ22" s="8"/>
      <c r="WA22" s="8"/>
      <c r="WB22" s="8"/>
      <c r="WC22" s="8"/>
      <c r="WD22" s="8"/>
      <c r="WE22" s="8"/>
      <c r="WF22" s="8"/>
      <c r="WG22" s="8"/>
      <c r="WH22" s="8"/>
      <c r="WI22" s="8"/>
      <c r="WJ22" s="8"/>
      <c r="WK22" s="8"/>
      <c r="WL22" s="8"/>
      <c r="WM22" s="8"/>
      <c r="WN22" s="8"/>
      <c r="WO22" s="8"/>
      <c r="WP22" s="8"/>
      <c r="WQ22" s="8"/>
      <c r="WR22" s="8"/>
      <c r="WS22" s="8"/>
      <c r="WT22" s="8"/>
      <c r="WU22" s="8"/>
      <c r="WV22" s="8"/>
      <c r="WW22" s="8"/>
      <c r="WX22" s="8"/>
      <c r="WY22" s="8"/>
      <c r="WZ22" s="8"/>
      <c r="XA22" s="8"/>
      <c r="XB22" s="8"/>
      <c r="XC22" s="8"/>
      <c r="XD22" s="8"/>
      <c r="XE22" s="8"/>
      <c r="XF22" s="8"/>
      <c r="XG22" s="8"/>
      <c r="XH22" s="8"/>
      <c r="XI22" s="8"/>
      <c r="XJ22" s="8"/>
      <c r="XK22" s="8"/>
      <c r="XL22" s="8"/>
      <c r="XM22" s="8"/>
      <c r="XN22" s="8"/>
      <c r="XO22" s="8"/>
      <c r="XP22" s="8"/>
      <c r="XQ22" s="8"/>
      <c r="XR22" s="8"/>
      <c r="XS22" s="8"/>
      <c r="XT22" s="8"/>
      <c r="XU22" s="8"/>
      <c r="XV22" s="8"/>
      <c r="XW22" s="8"/>
      <c r="XX22" s="8"/>
      <c r="XY22" s="8"/>
      <c r="XZ22" s="8"/>
      <c r="YA22" s="8"/>
      <c r="YB22" s="8"/>
      <c r="YC22" s="8"/>
      <c r="YD22" s="8"/>
      <c r="YE22" s="8"/>
      <c r="YF22" s="8"/>
      <c r="YG22" s="8"/>
      <c r="YH22" s="8"/>
      <c r="YI22" s="8"/>
      <c r="YJ22" s="8"/>
      <c r="YK22" s="8"/>
      <c r="YL22" s="8"/>
      <c r="YM22" s="8"/>
      <c r="YN22" s="8"/>
      <c r="YO22" s="8"/>
      <c r="YP22" s="8"/>
      <c r="YQ22" s="8"/>
      <c r="YR22" s="8"/>
      <c r="YS22" s="8"/>
      <c r="YT22" s="8"/>
      <c r="YU22" s="8"/>
      <c r="YV22" s="8"/>
      <c r="YW22" s="8"/>
      <c r="YX22" s="8"/>
      <c r="YY22" s="8"/>
      <c r="YZ22" s="8"/>
      <c r="ZA22" s="8"/>
      <c r="ZB22" s="8"/>
      <c r="ZC22" s="8"/>
      <c r="ZD22" s="8"/>
      <c r="ZE22" s="8"/>
      <c r="ZF22" s="8"/>
      <c r="ZG22" s="8"/>
      <c r="ZH22" s="8"/>
      <c r="ZI22" s="8"/>
      <c r="ZJ22" s="8"/>
      <c r="ZK22" s="8"/>
      <c r="ZL22" s="8"/>
      <c r="ZM22" s="8"/>
      <c r="ZN22" s="8"/>
      <c r="ZO22" s="8"/>
      <c r="ZP22" s="8"/>
      <c r="ZQ22" s="8"/>
      <c r="ZR22" s="8"/>
      <c r="ZS22" s="8"/>
      <c r="ZT22" s="8"/>
      <c r="ZU22" s="8"/>
      <c r="ZV22" s="8"/>
      <c r="ZW22" s="8"/>
      <c r="ZX22" s="8"/>
      <c r="ZY22" s="8"/>
      <c r="ZZ22" s="8"/>
      <c r="AAA22" s="8"/>
      <c r="AAB22" s="8"/>
      <c r="AAC22" s="8"/>
      <c r="AAD22" s="8"/>
      <c r="AAE22" s="8"/>
      <c r="AAF22" s="8"/>
      <c r="AAG22" s="8"/>
      <c r="AAH22" s="8"/>
      <c r="AAI22" s="8"/>
      <c r="AAJ22" s="8"/>
      <c r="AAK22" s="8"/>
      <c r="AAL22" s="8"/>
      <c r="AAM22" s="8"/>
      <c r="AAN22" s="8"/>
      <c r="AAO22" s="8"/>
      <c r="AAP22" s="8"/>
      <c r="AAQ22" s="8"/>
      <c r="AAR22" s="8"/>
      <c r="AAS22" s="8"/>
      <c r="AAT22" s="8"/>
      <c r="AAU22" s="8"/>
      <c r="AAV22" s="8"/>
      <c r="AAW22" s="8"/>
      <c r="AAX22" s="8"/>
      <c r="AAY22" s="8"/>
      <c r="AAZ22" s="8"/>
      <c r="ABA22" s="8"/>
      <c r="ABB22" s="8"/>
      <c r="ABC22" s="8"/>
      <c r="ABD22" s="8"/>
      <c r="ABE22" s="8"/>
      <c r="ABF22" s="8"/>
      <c r="ABG22" s="8"/>
      <c r="ABH22" s="8"/>
      <c r="ABI22" s="8"/>
      <c r="ABJ22" s="8"/>
      <c r="ABK22" s="8"/>
      <c r="ABL22" s="8"/>
      <c r="ABM22" s="8"/>
      <c r="ABN22" s="8"/>
      <c r="ABO22" s="8"/>
      <c r="ABP22" s="8"/>
      <c r="ABQ22" s="8"/>
      <c r="ABR22" s="8"/>
      <c r="ABS22" s="8"/>
      <c r="ABT22" s="8"/>
      <c r="ABU22" s="8"/>
      <c r="ABV22" s="8"/>
      <c r="ABW22" s="8"/>
      <c r="ABX22" s="8"/>
      <c r="ABY22" s="8"/>
      <c r="ABZ22" s="8"/>
      <c r="ACA22" s="8"/>
      <c r="ACB22" s="8"/>
      <c r="ACC22" s="8"/>
      <c r="ACD22" s="8"/>
      <c r="ACE22" s="8"/>
      <c r="ACF22" s="8"/>
      <c r="ACG22" s="8"/>
      <c r="ACH22" s="8"/>
      <c r="ACI22" s="8"/>
      <c r="ACJ22" s="8"/>
      <c r="ACK22" s="8"/>
      <c r="ACL22" s="8"/>
      <c r="ACM22" s="8"/>
      <c r="ACN22" s="8"/>
      <c r="ACO22" s="8"/>
      <c r="ACP22" s="8"/>
      <c r="ACQ22" s="8"/>
      <c r="ACR22" s="8"/>
      <c r="ACS22" s="8"/>
      <c r="ACT22" s="8"/>
      <c r="ACU22" s="8"/>
      <c r="ACV22" s="8"/>
      <c r="ACW22" s="8"/>
      <c r="ACX22" s="8"/>
      <c r="ACY22" s="8"/>
      <c r="ACZ22" s="8"/>
      <c r="ADA22" s="8"/>
      <c r="ADB22" s="8"/>
      <c r="ADC22" s="8"/>
      <c r="ADD22" s="8"/>
      <c r="ADE22" s="8"/>
      <c r="ADF22" s="8"/>
      <c r="ADG22" s="8"/>
      <c r="ADH22" s="8"/>
      <c r="ADI22" s="8"/>
      <c r="ADJ22" s="8"/>
      <c r="ADK22" s="8"/>
      <c r="ADL22" s="8"/>
      <c r="ADM22" s="8"/>
      <c r="ADN22" s="8"/>
      <c r="ADO22" s="8"/>
      <c r="ADP22" s="8"/>
      <c r="ADQ22" s="8"/>
      <c r="ADR22" s="8"/>
      <c r="ADS22" s="8"/>
      <c r="ADT22" s="8"/>
      <c r="ADU22" s="8"/>
      <c r="ADV22" s="8"/>
      <c r="ADW22" s="8"/>
      <c r="ADX22" s="8"/>
      <c r="ADY22" s="8"/>
      <c r="ADZ22" s="8"/>
      <c r="AEA22" s="8"/>
      <c r="AEB22" s="8"/>
      <c r="AEC22" s="8"/>
      <c r="AED22" s="8"/>
      <c r="AEE22" s="8"/>
      <c r="AEF22" s="8"/>
      <c r="AEG22" s="8"/>
      <c r="AEH22" s="8"/>
      <c r="AEI22" s="8"/>
      <c r="AEJ22" s="8"/>
      <c r="AEK22" s="8"/>
      <c r="AEL22" s="8"/>
      <c r="AEM22" s="8"/>
      <c r="AEN22" s="8"/>
      <c r="AEO22" s="8"/>
      <c r="AEP22" s="8"/>
      <c r="AEQ22" s="8"/>
      <c r="AER22" s="8"/>
      <c r="AES22" s="8"/>
      <c r="AET22" s="8"/>
      <c r="AEU22" s="8"/>
      <c r="AEV22" s="8"/>
      <c r="AEW22" s="8"/>
      <c r="AEX22" s="8"/>
      <c r="AEY22" s="8"/>
      <c r="AEZ22" s="8"/>
      <c r="AFA22" s="8"/>
      <c r="AFB22" s="8"/>
      <c r="AFC22" s="8"/>
      <c r="AFD22" s="8"/>
      <c r="AFE22" s="8"/>
      <c r="AFF22" s="8"/>
      <c r="AFG22" s="8"/>
      <c r="AFH22" s="8"/>
      <c r="AFI22" s="8"/>
      <c r="AFJ22" s="8"/>
      <c r="AFK22" s="8"/>
      <c r="AFL22" s="8"/>
      <c r="AFM22" s="8"/>
      <c r="AFN22" s="8"/>
      <c r="AFO22" s="8"/>
      <c r="AFP22" s="8"/>
      <c r="AFQ22" s="8"/>
      <c r="AFR22" s="8"/>
      <c r="AFS22" s="8"/>
      <c r="AFT22" s="8"/>
      <c r="AFU22" s="8"/>
      <c r="AFV22" s="8"/>
      <c r="AFW22" s="8"/>
      <c r="AFX22" s="8"/>
      <c r="AFY22" s="8"/>
      <c r="AFZ22" s="8"/>
      <c r="AGA22" s="8"/>
      <c r="AGB22" s="8"/>
      <c r="AGC22" s="8"/>
      <c r="AGD22" s="8"/>
      <c r="AGE22" s="8"/>
      <c r="AGF22" s="8"/>
      <c r="AGG22" s="8"/>
      <c r="AGH22" s="8"/>
      <c r="AGI22" s="8"/>
      <c r="AGJ22" s="8"/>
      <c r="AGK22" s="8"/>
      <c r="AGL22" s="8"/>
      <c r="AGM22" s="8"/>
      <c r="AGN22" s="8"/>
      <c r="AGO22" s="8"/>
      <c r="AGP22" s="8"/>
      <c r="AGQ22" s="8"/>
      <c r="AGR22" s="8"/>
      <c r="AGS22" s="8"/>
      <c r="AGT22" s="8"/>
      <c r="AGU22" s="8"/>
      <c r="AGV22" s="8"/>
      <c r="AGW22" s="8"/>
      <c r="AGX22" s="8"/>
      <c r="AGY22" s="8"/>
      <c r="AGZ22" s="8"/>
      <c r="AHA22" s="8"/>
      <c r="AHB22" s="8"/>
      <c r="AHC22" s="8"/>
      <c r="AHD22" s="8"/>
      <c r="AHE22" s="8"/>
      <c r="AHF22" s="8"/>
      <c r="AHG22" s="8"/>
      <c r="AHH22" s="8"/>
      <c r="AHI22" s="8"/>
      <c r="AHJ22" s="8"/>
      <c r="AHK22" s="8"/>
      <c r="AHL22" s="8"/>
      <c r="AHM22" s="8"/>
      <c r="AHN22" s="8"/>
      <c r="AHO22" s="8"/>
      <c r="AHP22" s="8"/>
      <c r="AHQ22" s="8"/>
      <c r="AHR22" s="8"/>
      <c r="AHS22" s="8"/>
      <c r="AHT22" s="8"/>
      <c r="AHU22" s="8"/>
      <c r="AHV22" s="8"/>
      <c r="AHW22" s="8"/>
      <c r="AHX22" s="8"/>
      <c r="AHY22" s="8"/>
      <c r="AHZ22" s="8"/>
      <c r="AIA22" s="8"/>
      <c r="AIB22" s="8"/>
      <c r="AIC22" s="8"/>
      <c r="AID22" s="8"/>
      <c r="AIE22" s="8"/>
      <c r="AIF22" s="8"/>
      <c r="AIG22" s="8"/>
      <c r="AIH22" s="8"/>
      <c r="AII22" s="8"/>
      <c r="AIJ22" s="8"/>
      <c r="AIK22" s="8"/>
      <c r="AIL22" s="8"/>
      <c r="AIM22" s="8"/>
      <c r="AIN22" s="8"/>
      <c r="AIO22" s="8"/>
      <c r="AIP22" s="8"/>
      <c r="AIQ22" s="8"/>
      <c r="AIR22" s="8"/>
      <c r="AIS22" s="8"/>
      <c r="AIT22" s="8"/>
      <c r="AIU22" s="8"/>
      <c r="AIV22" s="8"/>
      <c r="AIW22" s="8"/>
      <c r="AIX22" s="8"/>
      <c r="AIY22" s="8"/>
      <c r="AIZ22" s="8"/>
      <c r="AJA22" s="8"/>
      <c r="AJB22" s="8"/>
      <c r="AJC22" s="8"/>
      <c r="AJD22" s="8"/>
      <c r="AJE22" s="8"/>
      <c r="AJF22" s="8"/>
      <c r="AJG22" s="8"/>
      <c r="AJH22" s="8"/>
      <c r="AJI22" s="8"/>
      <c r="AJJ22" s="8"/>
      <c r="AJK22" s="8"/>
      <c r="AJL22" s="8"/>
      <c r="AJM22" s="8"/>
      <c r="AJN22" s="8"/>
      <c r="AJO22" s="8"/>
      <c r="AJP22" s="8"/>
      <c r="AJQ22" s="8"/>
      <c r="AJR22" s="8"/>
      <c r="AJS22" s="8"/>
      <c r="AJT22" s="8"/>
      <c r="AJU22" s="8"/>
      <c r="AJV22" s="8"/>
      <c r="AJW22" s="8"/>
      <c r="AJX22" s="8"/>
      <c r="AJY22" s="8"/>
      <c r="AJZ22" s="8"/>
      <c r="AKA22" s="8"/>
      <c r="AKB22" s="8"/>
      <c r="AKC22" s="8"/>
      <c r="AKD22" s="8"/>
      <c r="AKE22" s="8"/>
      <c r="AKF22" s="8"/>
      <c r="AKG22" s="8"/>
      <c r="AKH22" s="8"/>
      <c r="AKI22" s="8"/>
      <c r="AKJ22" s="8"/>
      <c r="AKK22" s="8"/>
      <c r="AKL22" s="8"/>
      <c r="AKM22" s="8"/>
      <c r="AKN22" s="8"/>
      <c r="AKO22" s="8"/>
      <c r="AKP22" s="8"/>
      <c r="AKQ22" s="8"/>
      <c r="AKR22" s="8"/>
      <c r="AKS22" s="8"/>
      <c r="AKT22" s="8"/>
      <c r="AKU22" s="8"/>
      <c r="AKV22" s="8"/>
      <c r="AKW22" s="8"/>
      <c r="AKX22" s="8"/>
      <c r="AKY22" s="8"/>
      <c r="AKZ22" s="8"/>
      <c r="ALA22" s="8"/>
      <c r="ALB22" s="8"/>
      <c r="ALC22" s="8"/>
      <c r="ALD22" s="8"/>
      <c r="ALE22" s="8"/>
      <c r="ALF22" s="8"/>
      <c r="ALG22" s="8"/>
      <c r="ALH22" s="8"/>
      <c r="ALI22" s="8"/>
      <c r="ALJ22" s="8"/>
      <c r="ALK22" s="8"/>
      <c r="ALL22" s="8"/>
      <c r="ALM22" s="8"/>
      <c r="ALN22" s="8"/>
      <c r="ALO22" s="8"/>
      <c r="ALP22" s="8"/>
      <c r="ALQ22" s="8"/>
      <c r="ALR22" s="8"/>
      <c r="ALS22" s="8"/>
      <c r="ALT22" s="8"/>
      <c r="ALU22" s="8"/>
      <c r="ALV22" s="8"/>
      <c r="ALW22" s="8"/>
      <c r="ALX22" s="8"/>
      <c r="ALY22" s="8"/>
      <c r="ALZ22" s="8"/>
      <c r="AMA22" s="8"/>
      <c r="AMB22" s="8"/>
      <c r="AMC22" s="8"/>
      <c r="AMD22" s="8"/>
      <c r="AME22" s="8"/>
      <c r="AMF22" s="8"/>
      <c r="AMG22" s="8"/>
      <c r="AMH22" s="8"/>
      <c r="AMI22" s="8"/>
      <c r="AMJ22" s="8"/>
      <c r="AMK22" s="8"/>
      <c r="AML22" s="8"/>
      <c r="AMM22" s="8"/>
      <c r="AMN22" s="8"/>
      <c r="AMO22" s="8"/>
      <c r="AMP22" s="8"/>
      <c r="AMQ22" s="8"/>
      <c r="AMR22" s="8"/>
      <c r="AMS22" s="8"/>
      <c r="AMT22" s="8"/>
      <c r="AMU22" s="8"/>
      <c r="AMV22" s="8"/>
      <c r="AMW22" s="8"/>
      <c r="AMX22" s="8"/>
      <c r="AMY22" s="8"/>
      <c r="AMZ22" s="8"/>
      <c r="ANA22" s="8"/>
      <c r="ANB22" s="8"/>
      <c r="ANC22" s="8"/>
      <c r="AND22" s="8"/>
      <c r="ANE22" s="8"/>
      <c r="ANF22" s="8"/>
      <c r="ANG22" s="8"/>
      <c r="ANH22" s="8"/>
      <c r="ANI22" s="8"/>
      <c r="ANJ22" s="8"/>
      <c r="ANK22" s="8"/>
      <c r="ANL22" s="8"/>
      <c r="ANM22" s="8"/>
      <c r="ANN22" s="8"/>
      <c r="ANO22" s="8"/>
      <c r="ANP22" s="8"/>
      <c r="ANQ22" s="8"/>
      <c r="ANR22" s="8"/>
      <c r="ANS22" s="8"/>
      <c r="ANT22" s="8"/>
      <c r="ANU22" s="8"/>
      <c r="ANV22" s="8"/>
      <c r="ANW22" s="8"/>
      <c r="ANX22" s="8"/>
      <c r="ANY22" s="8"/>
      <c r="ANZ22" s="8"/>
      <c r="AOA22" s="8"/>
      <c r="AOB22" s="8"/>
      <c r="AOC22" s="8"/>
      <c r="AOD22" s="8"/>
      <c r="AOE22" s="8"/>
      <c r="AOF22" s="8"/>
      <c r="AOG22" s="8"/>
      <c r="AOH22" s="8"/>
      <c r="AOI22" s="8"/>
      <c r="AOJ22" s="8"/>
      <c r="AOK22" s="8"/>
      <c r="AOL22" s="8"/>
      <c r="AOM22" s="8"/>
      <c r="AON22" s="8"/>
      <c r="AOO22" s="8"/>
      <c r="AOP22" s="8"/>
      <c r="AOQ22" s="8"/>
      <c r="AOR22" s="8"/>
      <c r="AOS22" s="8"/>
      <c r="AOT22" s="8"/>
      <c r="AOU22" s="8"/>
      <c r="AOV22" s="8"/>
      <c r="AOW22" s="8"/>
      <c r="AOX22" s="8"/>
      <c r="AOY22" s="8"/>
      <c r="AOZ22" s="8"/>
      <c r="APA22" s="8"/>
      <c r="APB22" s="8"/>
      <c r="APC22" s="8"/>
      <c r="APD22" s="8"/>
      <c r="APE22" s="8"/>
      <c r="APF22" s="8"/>
      <c r="APG22" s="8"/>
      <c r="APH22" s="8"/>
      <c r="API22" s="8"/>
      <c r="APJ22" s="8"/>
      <c r="APK22" s="8"/>
      <c r="APL22" s="8"/>
      <c r="APM22" s="8"/>
      <c r="APN22" s="8"/>
      <c r="APO22" s="8"/>
      <c r="APP22" s="8"/>
      <c r="APQ22" s="8"/>
      <c r="APR22" s="8"/>
      <c r="APS22" s="8"/>
      <c r="APT22" s="8"/>
      <c r="APU22" s="8"/>
      <c r="APV22" s="8"/>
      <c r="APW22" s="8"/>
      <c r="APX22" s="8"/>
      <c r="APY22" s="8"/>
      <c r="APZ22" s="8"/>
      <c r="AQA22" s="8"/>
      <c r="AQB22" s="8"/>
      <c r="AQC22" s="8"/>
      <c r="AQD22" s="8"/>
      <c r="AQE22" s="8"/>
      <c r="AQF22" s="8"/>
      <c r="AQG22" s="8"/>
      <c r="AQH22" s="8"/>
      <c r="AQI22" s="8"/>
      <c r="AQJ22" s="8"/>
      <c r="AQK22" s="8"/>
      <c r="AQL22" s="8"/>
      <c r="AQM22" s="8"/>
      <c r="AQN22" s="8"/>
      <c r="AQO22" s="8"/>
      <c r="AQP22" s="8"/>
      <c r="AQQ22" s="8"/>
      <c r="AQR22" s="8"/>
      <c r="AQS22" s="8"/>
      <c r="AQT22" s="8"/>
      <c r="AQU22" s="8"/>
      <c r="AQV22" s="8"/>
      <c r="AQW22" s="8"/>
      <c r="AQX22" s="8"/>
      <c r="AQY22" s="8"/>
      <c r="AQZ22" s="8"/>
      <c r="ARA22" s="8"/>
      <c r="ARB22" s="8"/>
      <c r="ARC22" s="8"/>
      <c r="ARD22" s="8"/>
      <c r="ARE22" s="8"/>
      <c r="ARF22" s="8"/>
      <c r="ARG22" s="8"/>
      <c r="ARH22" s="8"/>
      <c r="ARI22" s="8"/>
      <c r="ARJ22" s="8"/>
      <c r="ARK22" s="8"/>
      <c r="ARL22" s="8"/>
      <c r="ARM22" s="8"/>
      <c r="ARN22" s="8"/>
      <c r="ARO22" s="8"/>
      <c r="ARP22" s="8"/>
      <c r="ARQ22" s="8"/>
      <c r="ARR22" s="8"/>
      <c r="ARS22" s="8"/>
      <c r="ART22" s="8"/>
      <c r="ARU22" s="8"/>
      <c r="ARV22" s="8"/>
      <c r="ARW22" s="8"/>
      <c r="ARX22" s="8"/>
      <c r="ARY22" s="8"/>
      <c r="ARZ22" s="8"/>
      <c r="ASA22" s="8"/>
      <c r="ASB22" s="8"/>
      <c r="ASC22" s="8"/>
      <c r="ASD22" s="8"/>
      <c r="ASE22" s="8"/>
      <c r="ASF22" s="8"/>
      <c r="ASG22" s="8"/>
      <c r="ASH22" s="8"/>
      <c r="ASI22" s="8"/>
      <c r="ASJ22" s="8"/>
      <c r="ASK22" s="8"/>
      <c r="ASL22" s="8"/>
      <c r="ASM22" s="8"/>
      <c r="ASN22" s="8"/>
      <c r="ASO22" s="8"/>
      <c r="ASP22" s="8"/>
      <c r="ASQ22" s="8"/>
      <c r="ASR22" s="8"/>
      <c r="ASS22" s="8"/>
      <c r="AST22" s="8"/>
      <c r="ASU22" s="8"/>
      <c r="ASV22" s="8"/>
      <c r="ASW22" s="8"/>
      <c r="ASX22" s="8"/>
      <c r="ASY22" s="8"/>
      <c r="ASZ22" s="8"/>
      <c r="ATA22" s="8"/>
      <c r="ATB22" s="8"/>
      <c r="ATC22" s="8"/>
      <c r="ATD22" s="8"/>
      <c r="ATE22" s="8"/>
      <c r="ATF22" s="8"/>
      <c r="ATG22" s="8"/>
      <c r="ATH22" s="8"/>
      <c r="ATI22" s="8"/>
      <c r="ATJ22" s="8"/>
      <c r="ATK22" s="8"/>
      <c r="ATL22" s="8"/>
      <c r="ATM22" s="8"/>
      <c r="ATN22" s="8"/>
      <c r="ATO22" s="8"/>
      <c r="ATP22" s="8"/>
      <c r="ATQ22" s="8"/>
      <c r="ATR22" s="8"/>
      <c r="ATS22" s="8"/>
      <c r="ATT22" s="8"/>
      <c r="ATU22" s="8"/>
      <c r="ATV22" s="8"/>
      <c r="ATW22" s="8"/>
      <c r="ATX22" s="8"/>
      <c r="ATY22" s="8"/>
      <c r="ATZ22" s="8"/>
      <c r="AUA22" s="8"/>
      <c r="AUB22" s="8"/>
      <c r="AUC22" s="8"/>
      <c r="AUD22" s="8"/>
      <c r="AUE22" s="8"/>
      <c r="AUF22" s="8"/>
      <c r="AUG22" s="8"/>
      <c r="AUH22" s="8"/>
      <c r="AUI22" s="8"/>
      <c r="AUJ22" s="8"/>
      <c r="AUK22" s="8"/>
      <c r="AUL22" s="8"/>
      <c r="AUM22" s="8"/>
      <c r="AUN22" s="8"/>
      <c r="AUO22" s="8"/>
      <c r="AUP22" s="8"/>
      <c r="AUQ22" s="8"/>
      <c r="AUR22" s="8"/>
      <c r="AUS22" s="8"/>
      <c r="AUT22" s="8"/>
      <c r="AUU22" s="8"/>
      <c r="AUV22" s="8"/>
      <c r="AUW22" s="8"/>
      <c r="AUX22" s="8"/>
      <c r="AUY22" s="8"/>
      <c r="AUZ22" s="8"/>
      <c r="AVA22" s="8"/>
      <c r="AVB22" s="8"/>
      <c r="AVC22" s="8"/>
      <c r="AVD22" s="8"/>
      <c r="AVE22" s="8"/>
      <c r="AVF22" s="8"/>
      <c r="AVG22" s="8"/>
      <c r="AVH22" s="8"/>
      <c r="AVI22" s="8"/>
      <c r="AVJ22" s="8"/>
      <c r="AVK22" s="8"/>
      <c r="AVL22" s="8"/>
      <c r="AVM22" s="8"/>
      <c r="AVN22" s="8"/>
      <c r="AVO22" s="8"/>
      <c r="AVP22" s="8"/>
      <c r="AVQ22" s="8"/>
      <c r="AVR22" s="8"/>
      <c r="AVS22" s="8"/>
      <c r="AVT22" s="8"/>
      <c r="AVU22" s="8"/>
      <c r="AVV22" s="8"/>
      <c r="AVW22" s="8"/>
      <c r="AVX22" s="8"/>
      <c r="AVY22" s="8"/>
      <c r="AVZ22" s="8"/>
      <c r="AWA22" s="8"/>
      <c r="AWB22" s="8"/>
      <c r="AWC22" s="8"/>
      <c r="AWD22" s="8"/>
      <c r="AWE22" s="8"/>
      <c r="AWF22" s="8"/>
      <c r="AWG22" s="8"/>
      <c r="AWH22" s="8"/>
      <c r="AWI22" s="8"/>
      <c r="AWJ22" s="8"/>
      <c r="AWK22" s="8"/>
      <c r="AWL22" s="8"/>
      <c r="AWM22" s="8"/>
      <c r="AWN22" s="8"/>
      <c r="AWO22" s="8"/>
      <c r="AWP22" s="8"/>
      <c r="AWQ22" s="8"/>
      <c r="AWR22" s="8"/>
      <c r="AWS22" s="8"/>
      <c r="AWT22" s="8"/>
      <c r="AWU22" s="8"/>
      <c r="AWV22" s="8"/>
      <c r="AWW22" s="8"/>
      <c r="AWX22" s="8"/>
      <c r="AWY22" s="8"/>
      <c r="AWZ22" s="8"/>
      <c r="AXA22" s="8"/>
      <c r="AXB22" s="8"/>
      <c r="AXC22" s="8"/>
      <c r="AXD22" s="8"/>
      <c r="AXE22" s="8"/>
      <c r="AXF22" s="8"/>
      <c r="AXG22" s="8"/>
      <c r="AXH22" s="8"/>
      <c r="AXI22" s="8"/>
      <c r="AXJ22" s="8"/>
      <c r="AXK22" s="8"/>
      <c r="AXL22" s="8"/>
      <c r="AXM22" s="8"/>
      <c r="AXN22" s="8"/>
      <c r="AXO22" s="8"/>
      <c r="AXP22" s="8"/>
      <c r="AXQ22" s="8"/>
      <c r="AXR22" s="8"/>
      <c r="AXS22" s="8"/>
      <c r="AXT22" s="8"/>
      <c r="AXU22" s="8"/>
      <c r="AXV22" s="8"/>
      <c r="AXW22" s="8"/>
      <c r="AXX22" s="8"/>
      <c r="AXY22" s="8"/>
      <c r="AXZ22" s="8"/>
      <c r="AYA22" s="8"/>
      <c r="AYB22" s="8"/>
      <c r="AYC22" s="8"/>
      <c r="AYD22" s="8"/>
      <c r="AYE22" s="8"/>
      <c r="AYF22" s="8"/>
      <c r="AYG22" s="8"/>
      <c r="AYH22" s="8"/>
      <c r="AYI22" s="8"/>
      <c r="AYJ22" s="8"/>
      <c r="AYK22" s="8"/>
      <c r="AYL22" s="8"/>
      <c r="AYM22" s="8"/>
      <c r="AYN22" s="8"/>
      <c r="AYO22" s="8"/>
      <c r="AYP22" s="8"/>
      <c r="AYQ22" s="8"/>
      <c r="AYR22" s="8"/>
      <c r="AYS22" s="8"/>
      <c r="AYT22" s="8"/>
      <c r="AYU22" s="8"/>
      <c r="AYV22" s="8"/>
      <c r="AYW22" s="8"/>
      <c r="AYX22" s="8"/>
      <c r="AYY22" s="8"/>
      <c r="AYZ22" s="8"/>
      <c r="AZA22" s="8"/>
      <c r="AZB22" s="8"/>
      <c r="AZC22" s="8"/>
      <c r="AZD22" s="8"/>
      <c r="AZE22" s="8"/>
      <c r="AZF22" s="8"/>
      <c r="AZG22" s="8"/>
      <c r="AZH22" s="8"/>
      <c r="AZI22" s="8"/>
      <c r="AZJ22" s="8"/>
      <c r="AZK22" s="8"/>
      <c r="AZL22" s="8"/>
      <c r="AZM22" s="8"/>
      <c r="AZN22" s="8"/>
      <c r="AZO22" s="8"/>
      <c r="AZP22" s="8"/>
      <c r="AZQ22" s="8"/>
      <c r="AZR22" s="8"/>
      <c r="AZS22" s="8"/>
      <c r="AZT22" s="8"/>
      <c r="AZU22" s="8"/>
      <c r="AZV22" s="8"/>
      <c r="AZW22" s="8"/>
      <c r="AZX22" s="8"/>
      <c r="AZY22" s="8"/>
      <c r="AZZ22" s="8"/>
      <c r="BAA22" s="8"/>
      <c r="BAB22" s="8"/>
      <c r="BAC22" s="8"/>
      <c r="BAD22" s="8"/>
      <c r="BAE22" s="8"/>
      <c r="BAF22" s="8"/>
      <c r="BAG22" s="8"/>
      <c r="BAH22" s="8"/>
      <c r="BAI22" s="8"/>
      <c r="BAJ22" s="8"/>
      <c r="BAK22" s="8"/>
      <c r="BAL22" s="8"/>
      <c r="BAM22" s="8"/>
      <c r="BAN22" s="8"/>
      <c r="BAO22" s="8"/>
      <c r="BAP22" s="8"/>
      <c r="BAQ22" s="8"/>
      <c r="BAR22" s="8"/>
      <c r="BAS22" s="8"/>
      <c r="BAT22" s="8"/>
      <c r="BAU22" s="8"/>
      <c r="BAV22" s="8"/>
      <c r="BAW22" s="8"/>
      <c r="BAX22" s="8"/>
      <c r="BAY22" s="8"/>
      <c r="BAZ22" s="8"/>
      <c r="BBA22" s="8"/>
      <c r="BBB22" s="8"/>
      <c r="BBC22" s="8"/>
      <c r="BBD22" s="8"/>
      <c r="BBE22" s="8"/>
      <c r="BBF22" s="8"/>
      <c r="BBG22" s="8"/>
      <c r="BBH22" s="8"/>
      <c r="BBI22" s="8"/>
      <c r="BBJ22" s="8"/>
      <c r="BBK22" s="8"/>
      <c r="BBL22" s="8"/>
      <c r="BBM22" s="8"/>
      <c r="BBN22" s="8"/>
      <c r="BBO22" s="8"/>
      <c r="BBP22" s="8"/>
      <c r="BBQ22" s="8"/>
      <c r="BBR22" s="8"/>
      <c r="BBS22" s="8"/>
      <c r="BBT22" s="8"/>
      <c r="BBU22" s="8"/>
      <c r="BBV22" s="8"/>
      <c r="BBW22" s="8"/>
      <c r="BBX22" s="8"/>
      <c r="BBY22" s="8"/>
      <c r="BBZ22" s="8"/>
      <c r="BCA22" s="8"/>
      <c r="BCB22" s="8"/>
      <c r="BCC22" s="8"/>
      <c r="BCD22" s="8"/>
      <c r="BCE22" s="8"/>
      <c r="BCF22" s="8"/>
      <c r="BCG22" s="8"/>
      <c r="BCH22" s="8"/>
      <c r="BCI22" s="8"/>
      <c r="BCJ22" s="8"/>
      <c r="BCK22" s="8"/>
      <c r="BCL22" s="8"/>
      <c r="BCM22" s="8"/>
      <c r="BCN22" s="8"/>
      <c r="BCO22" s="8"/>
      <c r="BCP22" s="8"/>
      <c r="BCQ22" s="8"/>
      <c r="BCR22" s="8"/>
      <c r="BCS22" s="8"/>
      <c r="BCT22" s="8"/>
      <c r="BCU22" s="8"/>
      <c r="BCV22" s="8"/>
      <c r="BCW22" s="8"/>
      <c r="BCX22" s="8"/>
      <c r="BCY22" s="8"/>
      <c r="BCZ22" s="8"/>
      <c r="BDA22" s="8"/>
      <c r="BDB22" s="8"/>
      <c r="BDC22" s="8"/>
      <c r="BDD22" s="8"/>
      <c r="BDE22" s="8"/>
      <c r="BDF22" s="8"/>
      <c r="BDG22" s="8"/>
      <c r="BDH22" s="8"/>
      <c r="BDI22" s="8"/>
      <c r="BDJ22" s="8"/>
      <c r="BDK22" s="8"/>
      <c r="BDL22" s="8"/>
      <c r="BDM22" s="8"/>
      <c r="BDN22" s="8"/>
      <c r="BDO22" s="8"/>
      <c r="BDP22" s="8"/>
      <c r="BDQ22" s="8"/>
      <c r="BDR22" s="8"/>
      <c r="BDS22" s="8"/>
      <c r="BDT22" s="8"/>
      <c r="BDU22" s="8"/>
      <c r="BDV22" s="8"/>
      <c r="BDW22" s="8"/>
      <c r="BDX22" s="8"/>
      <c r="BDY22" s="8"/>
      <c r="BDZ22" s="8"/>
      <c r="BEA22" s="8"/>
      <c r="BEB22" s="8"/>
      <c r="BEC22" s="8"/>
      <c r="BED22" s="8"/>
      <c r="BEE22" s="8"/>
      <c r="BEF22" s="8"/>
      <c r="BEG22" s="8"/>
      <c r="BEH22" s="8"/>
      <c r="BEI22" s="8"/>
      <c r="BEJ22" s="8"/>
      <c r="BEK22" s="8"/>
      <c r="BEL22" s="8"/>
      <c r="BEM22" s="8"/>
      <c r="BEN22" s="8"/>
      <c r="BEO22" s="8"/>
      <c r="BEP22" s="8"/>
      <c r="BEQ22" s="8"/>
      <c r="BER22" s="8"/>
      <c r="BES22" s="8"/>
      <c r="BET22" s="8"/>
      <c r="BEU22" s="8"/>
      <c r="BEV22" s="8"/>
      <c r="BEW22" s="8"/>
      <c r="BEX22" s="8"/>
      <c r="BEY22" s="8"/>
      <c r="BEZ22" s="8"/>
      <c r="BFA22" s="8"/>
      <c r="BFB22" s="8"/>
      <c r="BFC22" s="8"/>
      <c r="BFD22" s="8"/>
      <c r="BFE22" s="8"/>
      <c r="BFF22" s="8"/>
      <c r="BFG22" s="8"/>
      <c r="BFH22" s="8"/>
      <c r="BFI22" s="8"/>
      <c r="BFJ22" s="8"/>
      <c r="BFK22" s="8"/>
      <c r="BFL22" s="8"/>
      <c r="BFM22" s="8"/>
      <c r="BFN22" s="8"/>
      <c r="BFO22" s="8"/>
      <c r="BFP22" s="8"/>
      <c r="BFQ22" s="8"/>
      <c r="BFR22" s="8"/>
      <c r="BFS22" s="8"/>
      <c r="BFT22" s="8"/>
      <c r="BFU22" s="8"/>
      <c r="BFV22" s="8"/>
      <c r="BFW22" s="8"/>
      <c r="BFX22" s="8"/>
      <c r="BFY22" s="8"/>
      <c r="BFZ22" s="8"/>
      <c r="BGA22" s="8"/>
      <c r="BGB22" s="8"/>
      <c r="BGC22" s="8"/>
      <c r="BGD22" s="8"/>
      <c r="BGE22" s="8"/>
      <c r="BGF22" s="8"/>
      <c r="BGG22" s="8"/>
      <c r="BGH22" s="8"/>
      <c r="BGI22" s="8"/>
      <c r="BGJ22" s="8"/>
      <c r="BGK22" s="8"/>
      <c r="BGL22" s="8"/>
      <c r="BGM22" s="8"/>
      <c r="BGN22" s="8"/>
      <c r="BGO22" s="8"/>
      <c r="BGP22" s="8"/>
      <c r="BGQ22" s="8"/>
      <c r="BGR22" s="8"/>
      <c r="BGS22" s="8"/>
      <c r="BGT22" s="8"/>
      <c r="BGU22" s="8"/>
      <c r="BGV22" s="8"/>
      <c r="BGW22" s="8"/>
      <c r="BGX22" s="8"/>
      <c r="BGY22" s="8"/>
      <c r="BGZ22" s="8"/>
      <c r="BHA22" s="8"/>
      <c r="BHB22" s="8"/>
      <c r="BHC22" s="8"/>
      <c r="BHD22" s="8"/>
      <c r="BHE22" s="8"/>
      <c r="BHF22" s="8"/>
      <c r="BHG22" s="8"/>
      <c r="BHH22" s="8"/>
      <c r="BHI22" s="8"/>
      <c r="BHJ22" s="8"/>
      <c r="BHK22" s="8"/>
      <c r="BHL22" s="8"/>
      <c r="BHM22" s="8"/>
      <c r="BHN22" s="8"/>
      <c r="BHO22" s="8"/>
      <c r="BHP22" s="8"/>
      <c r="BHQ22" s="8"/>
      <c r="BHR22" s="8"/>
      <c r="BHS22" s="8"/>
      <c r="BHT22" s="8"/>
      <c r="BHU22" s="8"/>
      <c r="BHV22" s="8"/>
      <c r="BHW22" s="8"/>
      <c r="BHX22" s="8"/>
      <c r="BHY22" s="8"/>
      <c r="BHZ22" s="8"/>
      <c r="BIA22" s="8"/>
      <c r="BIB22" s="8"/>
      <c r="BIC22" s="8"/>
      <c r="BID22" s="8"/>
      <c r="BIE22" s="8"/>
      <c r="BIF22" s="8"/>
      <c r="BIG22" s="8"/>
      <c r="BIH22" s="8"/>
      <c r="BII22" s="8"/>
      <c r="BIJ22" s="8"/>
      <c r="BIK22" s="8"/>
      <c r="BIL22" s="8"/>
      <c r="BIM22" s="8"/>
      <c r="BIN22" s="8"/>
      <c r="BIO22" s="8"/>
      <c r="BIP22" s="8"/>
      <c r="BIQ22" s="8"/>
      <c r="BIR22" s="8"/>
      <c r="BIS22" s="8"/>
      <c r="BIT22" s="8"/>
      <c r="BIU22" s="8"/>
      <c r="BIV22" s="8"/>
      <c r="BIW22" s="8"/>
      <c r="BIX22" s="8"/>
      <c r="BIY22" s="8"/>
      <c r="BIZ22" s="8"/>
      <c r="BJA22" s="8"/>
      <c r="BJB22" s="8"/>
      <c r="BJC22" s="8"/>
      <c r="BJD22" s="8"/>
      <c r="BJE22" s="8"/>
      <c r="BJF22" s="8"/>
      <c r="BJG22" s="8"/>
      <c r="BJH22" s="8"/>
      <c r="BJI22" s="8"/>
      <c r="BJJ22" s="8"/>
      <c r="BJK22" s="8"/>
      <c r="BJL22" s="8"/>
      <c r="BJM22" s="8"/>
      <c r="BJN22" s="8"/>
      <c r="BJO22" s="8"/>
      <c r="BJP22" s="8"/>
      <c r="BJQ22" s="8"/>
      <c r="BJR22" s="8"/>
      <c r="BJS22" s="8"/>
      <c r="BJT22" s="8"/>
      <c r="BJU22" s="8"/>
      <c r="BJV22" s="8"/>
      <c r="BJW22" s="8"/>
      <c r="BJX22" s="8"/>
      <c r="BJY22" s="8"/>
      <c r="BJZ22" s="8"/>
      <c r="BKA22" s="8"/>
      <c r="BKB22" s="8"/>
      <c r="BKC22" s="8"/>
      <c r="BKD22" s="8"/>
      <c r="BKE22" s="8"/>
      <c r="BKF22" s="8"/>
      <c r="BKG22" s="8"/>
      <c r="BKH22" s="8"/>
      <c r="BKI22" s="8"/>
      <c r="BKJ22" s="8"/>
      <c r="BKK22" s="8"/>
      <c r="BKL22" s="8"/>
      <c r="BKM22" s="8"/>
      <c r="BKN22" s="8"/>
      <c r="BKO22" s="8"/>
      <c r="BKP22" s="8"/>
      <c r="BKQ22" s="8"/>
      <c r="BKR22" s="8"/>
      <c r="BKS22" s="8"/>
      <c r="BKT22" s="8"/>
      <c r="BKU22" s="8"/>
      <c r="BKV22" s="8"/>
      <c r="BKW22" s="8"/>
      <c r="BKX22" s="8"/>
      <c r="BKY22" s="8"/>
      <c r="BKZ22" s="8"/>
      <c r="BLA22" s="8"/>
      <c r="BLB22" s="8"/>
      <c r="BLC22" s="8"/>
      <c r="BLD22" s="8"/>
      <c r="BLE22" s="8"/>
      <c r="BLF22" s="8"/>
      <c r="BLG22" s="8"/>
      <c r="BLH22" s="8"/>
      <c r="BLI22" s="8"/>
      <c r="BLJ22" s="8"/>
      <c r="BLK22" s="8"/>
      <c r="BLL22" s="8"/>
      <c r="BLM22" s="8"/>
      <c r="BLN22" s="8"/>
      <c r="BLO22" s="8"/>
      <c r="BLP22" s="8"/>
      <c r="BLQ22" s="8"/>
      <c r="BLR22" s="8"/>
      <c r="BLS22" s="8"/>
      <c r="BLT22" s="8"/>
      <c r="BLU22" s="8"/>
      <c r="BLV22" s="8"/>
      <c r="BLW22" s="8"/>
      <c r="BLX22" s="8"/>
      <c r="BLY22" s="8"/>
      <c r="BLZ22" s="8"/>
      <c r="BMA22" s="8"/>
      <c r="BMB22" s="8"/>
      <c r="BMC22" s="8"/>
      <c r="BMD22" s="8"/>
      <c r="BME22" s="8"/>
      <c r="BMF22" s="8"/>
      <c r="BMG22" s="8"/>
      <c r="BMH22" s="8"/>
      <c r="BMI22" s="8"/>
      <c r="BMJ22" s="8"/>
      <c r="BMK22" s="8"/>
      <c r="BML22" s="8"/>
      <c r="BMM22" s="8"/>
      <c r="BMN22" s="8"/>
      <c r="BMO22" s="8"/>
      <c r="BMP22" s="8"/>
      <c r="BMQ22" s="8"/>
      <c r="BMR22" s="8"/>
      <c r="BMS22" s="8"/>
      <c r="BMT22" s="8"/>
      <c r="BMU22" s="8"/>
      <c r="BMV22" s="8"/>
      <c r="BMW22" s="8"/>
      <c r="BMX22" s="8"/>
      <c r="BMY22" s="8"/>
      <c r="BMZ22" s="8"/>
      <c r="BNA22" s="8"/>
      <c r="BNB22" s="8"/>
      <c r="BNC22" s="8"/>
      <c r="BND22" s="8"/>
      <c r="BNE22" s="8"/>
      <c r="BNF22" s="8"/>
      <c r="BNG22" s="8"/>
      <c r="BNH22" s="8"/>
      <c r="BNI22" s="8"/>
      <c r="BNJ22" s="8"/>
      <c r="BNK22" s="8"/>
      <c r="BNL22" s="8"/>
      <c r="BNM22" s="8"/>
      <c r="BNN22" s="8"/>
      <c r="BNO22" s="8"/>
      <c r="BNP22" s="8"/>
      <c r="BNQ22" s="8"/>
      <c r="BNR22" s="8"/>
      <c r="BNS22" s="8"/>
      <c r="BNT22" s="8"/>
      <c r="BNU22" s="8"/>
      <c r="BNV22" s="8"/>
      <c r="BNW22" s="8"/>
      <c r="BNX22" s="8"/>
      <c r="BNY22" s="8"/>
      <c r="BNZ22" s="8"/>
      <c r="BOA22" s="8"/>
      <c r="BOB22" s="8"/>
      <c r="BOC22" s="8"/>
      <c r="BOD22" s="8"/>
      <c r="BOE22" s="8"/>
      <c r="BOF22" s="8"/>
      <c r="BOG22" s="8"/>
      <c r="BOH22" s="8"/>
      <c r="BOI22" s="8"/>
      <c r="BOJ22" s="8"/>
      <c r="BOK22" s="8"/>
      <c r="BOL22" s="8"/>
      <c r="BOM22" s="8"/>
      <c r="BON22" s="8"/>
      <c r="BOO22" s="8"/>
      <c r="BOP22" s="8"/>
      <c r="BOQ22" s="8"/>
      <c r="BOR22" s="8"/>
      <c r="BOS22" s="8"/>
      <c r="BOT22" s="8"/>
      <c r="BOU22" s="8"/>
      <c r="BOV22" s="8"/>
      <c r="BOW22" s="8"/>
      <c r="BOX22" s="8"/>
      <c r="BOY22" s="8"/>
      <c r="BOZ22" s="8"/>
      <c r="BPA22" s="8"/>
      <c r="BPB22" s="8"/>
      <c r="BPC22" s="8"/>
      <c r="BPD22" s="8"/>
      <c r="BPE22" s="8"/>
      <c r="BPF22" s="8"/>
      <c r="BPG22" s="8"/>
      <c r="BPH22" s="8"/>
      <c r="BPI22" s="8"/>
      <c r="BPJ22" s="8"/>
      <c r="BPK22" s="8"/>
      <c r="BPL22" s="8"/>
      <c r="BPM22" s="8"/>
      <c r="BPN22" s="8"/>
      <c r="BPO22" s="8"/>
      <c r="BPP22" s="8"/>
      <c r="BPQ22" s="8"/>
      <c r="BPR22" s="8"/>
      <c r="BPS22" s="8"/>
      <c r="BPT22" s="8"/>
      <c r="BPU22" s="8"/>
      <c r="BPV22" s="8"/>
      <c r="BPW22" s="8"/>
      <c r="BPX22" s="8"/>
      <c r="BPY22" s="8"/>
      <c r="BPZ22" s="8"/>
      <c r="BQA22" s="8"/>
      <c r="BQB22" s="8"/>
      <c r="BQC22" s="8"/>
      <c r="BQD22" s="8"/>
      <c r="BQE22" s="8"/>
      <c r="BQF22" s="8"/>
      <c r="BQG22" s="8"/>
      <c r="BQH22" s="8"/>
      <c r="BQI22" s="8"/>
      <c r="BQJ22" s="8"/>
      <c r="BQK22" s="8"/>
      <c r="BQL22" s="8"/>
      <c r="BQM22" s="8"/>
      <c r="BQN22" s="8"/>
      <c r="BQO22" s="8"/>
      <c r="BQP22" s="8"/>
      <c r="BQQ22" s="8"/>
      <c r="BQR22" s="8"/>
      <c r="BQS22" s="8"/>
      <c r="BQT22" s="8"/>
      <c r="BQU22" s="8"/>
      <c r="BQV22" s="8"/>
      <c r="BQW22" s="8"/>
      <c r="BQX22" s="8"/>
      <c r="BQY22" s="8"/>
      <c r="BQZ22" s="8"/>
      <c r="BRA22" s="8"/>
      <c r="BRB22" s="8"/>
      <c r="BRC22" s="8"/>
      <c r="BRD22" s="8"/>
      <c r="BRE22" s="8"/>
      <c r="BRF22" s="8"/>
      <c r="BRG22" s="8"/>
      <c r="BRH22" s="8"/>
      <c r="BRI22" s="8"/>
      <c r="BRJ22" s="8"/>
      <c r="BRK22" s="8"/>
      <c r="BRL22" s="8"/>
      <c r="BRM22" s="8"/>
      <c r="BRN22" s="8"/>
      <c r="BRO22" s="8"/>
      <c r="BRP22" s="8"/>
      <c r="BRQ22" s="8"/>
      <c r="BRR22" s="8"/>
      <c r="BRS22" s="8"/>
      <c r="BRT22" s="8"/>
      <c r="BRU22" s="8"/>
      <c r="BRV22" s="8"/>
      <c r="BRW22" s="8"/>
      <c r="BRX22" s="8"/>
      <c r="BRY22" s="8"/>
      <c r="BRZ22" s="8"/>
      <c r="BSA22" s="8"/>
      <c r="BSB22" s="8"/>
      <c r="BSC22" s="8"/>
      <c r="BSD22" s="8"/>
      <c r="BSE22" s="8"/>
      <c r="BSF22" s="8"/>
      <c r="BSG22" s="8"/>
      <c r="BSH22" s="8"/>
      <c r="BSI22" s="8"/>
      <c r="BSJ22" s="8"/>
      <c r="BSK22" s="8"/>
      <c r="BSL22" s="8"/>
      <c r="BSM22" s="8"/>
      <c r="BSN22" s="8"/>
      <c r="BSO22" s="8"/>
      <c r="BSP22" s="8"/>
      <c r="BSQ22" s="8"/>
      <c r="BSR22" s="8"/>
      <c r="BSS22" s="8"/>
      <c r="BST22" s="8"/>
      <c r="BSU22" s="8"/>
      <c r="BSV22" s="8"/>
      <c r="BSW22" s="8"/>
      <c r="BSX22" s="8"/>
      <c r="BSY22" s="8"/>
      <c r="BSZ22" s="8"/>
      <c r="BTA22" s="8"/>
      <c r="BTB22" s="8"/>
      <c r="BTC22" s="8"/>
      <c r="BTD22" s="8"/>
      <c r="BTE22" s="8"/>
      <c r="BTF22" s="8"/>
      <c r="BTG22" s="8"/>
      <c r="BTH22" s="8"/>
      <c r="BTI22" s="8"/>
      <c r="BTJ22" s="8"/>
      <c r="BTK22" s="8"/>
      <c r="BTL22" s="8"/>
      <c r="BTM22" s="8"/>
      <c r="BTN22" s="8"/>
      <c r="BTO22" s="8"/>
      <c r="BTP22" s="8"/>
      <c r="BTQ22" s="8"/>
      <c r="BTR22" s="8"/>
      <c r="BTS22" s="8"/>
      <c r="BTT22" s="8"/>
      <c r="BTU22" s="8"/>
      <c r="BTV22" s="8"/>
      <c r="BTW22" s="8"/>
      <c r="BTX22" s="8"/>
      <c r="BTY22" s="8"/>
      <c r="BTZ22" s="8"/>
      <c r="BUA22" s="8"/>
      <c r="BUB22" s="8"/>
      <c r="BUC22" s="8"/>
      <c r="BUD22" s="8"/>
      <c r="BUE22" s="8"/>
      <c r="BUF22" s="8"/>
      <c r="BUG22" s="8"/>
      <c r="BUH22" s="8"/>
      <c r="BUI22" s="8"/>
      <c r="BUJ22" s="8"/>
      <c r="BUK22" s="8"/>
      <c r="BUL22" s="8"/>
      <c r="BUM22" s="8"/>
      <c r="BUN22" s="8"/>
      <c r="BUO22" s="8"/>
      <c r="BUP22" s="8"/>
      <c r="BUQ22" s="8"/>
      <c r="BUR22" s="8"/>
      <c r="BUS22" s="8"/>
      <c r="BUT22" s="8"/>
      <c r="BUU22" s="8"/>
      <c r="BUV22" s="8"/>
      <c r="BUW22" s="8"/>
      <c r="BUX22" s="8"/>
      <c r="BUY22" s="8"/>
      <c r="BUZ22" s="8"/>
      <c r="BVA22" s="8"/>
      <c r="BVB22" s="8"/>
      <c r="BVC22" s="8"/>
      <c r="BVD22" s="8"/>
      <c r="BVE22" s="8"/>
      <c r="BVF22" s="8"/>
      <c r="BVG22" s="8"/>
      <c r="BVH22" s="8"/>
      <c r="BVI22" s="8"/>
      <c r="BVJ22" s="8"/>
      <c r="BVK22" s="8"/>
      <c r="BVL22" s="8"/>
      <c r="BVM22" s="8"/>
      <c r="BVN22" s="8"/>
      <c r="BVO22" s="8"/>
      <c r="BVP22" s="8"/>
      <c r="BVQ22" s="8"/>
      <c r="BVR22" s="8"/>
      <c r="BVS22" s="8"/>
      <c r="BVT22" s="8"/>
      <c r="BVU22" s="8"/>
      <c r="BVV22" s="8"/>
      <c r="BVW22" s="8"/>
      <c r="BVX22" s="8"/>
      <c r="BVY22" s="8"/>
      <c r="BVZ22" s="8"/>
      <c r="BWA22" s="8"/>
      <c r="BWB22" s="8"/>
      <c r="BWC22" s="8"/>
      <c r="BWD22" s="8"/>
      <c r="BWE22" s="8"/>
      <c r="BWF22" s="8"/>
      <c r="BWG22" s="8"/>
      <c r="BWH22" s="8"/>
      <c r="BWI22" s="8"/>
      <c r="BWJ22" s="8"/>
      <c r="BWK22" s="8"/>
      <c r="BWL22" s="8"/>
      <c r="BWM22" s="8"/>
      <c r="BWN22" s="8"/>
      <c r="BWO22" s="8"/>
      <c r="BWP22" s="8"/>
      <c r="BWQ22" s="8"/>
      <c r="BWR22" s="8"/>
      <c r="BWS22" s="8"/>
      <c r="BWT22" s="8"/>
      <c r="BWU22" s="8"/>
      <c r="BWV22" s="8"/>
      <c r="BWW22" s="8"/>
      <c r="BWX22" s="8"/>
      <c r="BWY22" s="8"/>
      <c r="BWZ22" s="8"/>
      <c r="BXA22" s="8"/>
      <c r="BXB22" s="8"/>
      <c r="BXC22" s="8"/>
      <c r="BXD22" s="8"/>
      <c r="BXE22" s="8"/>
      <c r="BXF22" s="8"/>
      <c r="BXG22" s="8"/>
      <c r="BXH22" s="8"/>
      <c r="BXI22" s="8"/>
      <c r="BXJ22" s="8"/>
      <c r="BXK22" s="8"/>
      <c r="BXL22" s="8"/>
      <c r="BXM22" s="8"/>
      <c r="BXN22" s="8"/>
      <c r="BXO22" s="8"/>
      <c r="BXP22" s="8"/>
      <c r="BXQ22" s="8"/>
      <c r="BXR22" s="8"/>
      <c r="BXS22" s="8"/>
      <c r="BXT22" s="8"/>
      <c r="BXU22" s="8"/>
      <c r="BXV22" s="8"/>
      <c r="BXW22" s="8"/>
      <c r="BXX22" s="8"/>
      <c r="BXY22" s="8"/>
      <c r="BXZ22" s="8"/>
      <c r="BYA22" s="8"/>
      <c r="BYB22" s="8"/>
      <c r="BYC22" s="8"/>
      <c r="BYD22" s="8"/>
      <c r="BYE22" s="8"/>
      <c r="BYF22" s="8"/>
      <c r="BYG22" s="8"/>
      <c r="BYH22" s="8"/>
      <c r="BYI22" s="8"/>
      <c r="BYJ22" s="8"/>
      <c r="BYK22" s="8"/>
      <c r="BYL22" s="8"/>
      <c r="BYM22" s="8"/>
      <c r="BYN22" s="8"/>
      <c r="BYO22" s="8"/>
      <c r="BYP22" s="8"/>
      <c r="BYQ22" s="8"/>
      <c r="BYR22" s="8"/>
      <c r="BYS22" s="8"/>
      <c r="BYT22" s="8"/>
      <c r="BYU22" s="8"/>
      <c r="BYV22" s="8"/>
      <c r="BYW22" s="8"/>
      <c r="BYX22" s="8"/>
      <c r="BYY22" s="8"/>
      <c r="BYZ22" s="8"/>
      <c r="BZA22" s="8"/>
      <c r="BZB22" s="8"/>
      <c r="BZC22" s="8"/>
      <c r="BZD22" s="8"/>
      <c r="BZE22" s="8"/>
      <c r="BZF22" s="8"/>
      <c r="BZG22" s="8"/>
      <c r="BZH22" s="8"/>
      <c r="BZI22" s="8"/>
      <c r="BZJ22" s="8"/>
      <c r="BZK22" s="8"/>
      <c r="BZL22" s="8"/>
      <c r="BZM22" s="8"/>
      <c r="BZN22" s="8"/>
      <c r="BZO22" s="8"/>
      <c r="BZP22" s="8"/>
      <c r="BZQ22" s="8"/>
      <c r="BZR22" s="8"/>
      <c r="BZS22" s="8"/>
      <c r="BZT22" s="8"/>
      <c r="BZU22" s="8"/>
      <c r="BZV22" s="8"/>
      <c r="BZW22" s="8"/>
      <c r="BZX22" s="8"/>
      <c r="BZY22" s="8"/>
      <c r="BZZ22" s="8"/>
      <c r="CAA22" s="8"/>
      <c r="CAB22" s="8"/>
      <c r="CAC22" s="8"/>
      <c r="CAD22" s="8"/>
      <c r="CAE22" s="8"/>
      <c r="CAF22" s="8"/>
      <c r="CAG22" s="8"/>
      <c r="CAH22" s="8"/>
      <c r="CAI22" s="8"/>
      <c r="CAJ22" s="8"/>
      <c r="CAK22" s="8"/>
      <c r="CAL22" s="8"/>
      <c r="CAM22" s="8"/>
      <c r="CAN22" s="8"/>
      <c r="CAO22" s="8"/>
      <c r="CAP22" s="8"/>
      <c r="CAQ22" s="8"/>
      <c r="CAR22" s="8"/>
      <c r="CAS22" s="8"/>
      <c r="CAT22" s="8"/>
      <c r="CAU22" s="8"/>
      <c r="CAV22" s="8"/>
      <c r="CAW22" s="8"/>
      <c r="CAX22" s="8"/>
      <c r="CAY22" s="8"/>
      <c r="CAZ22" s="8"/>
      <c r="CBA22" s="8"/>
      <c r="CBB22" s="8"/>
      <c r="CBC22" s="8"/>
      <c r="CBD22" s="8"/>
      <c r="CBE22" s="8"/>
      <c r="CBF22" s="8"/>
      <c r="CBG22" s="8"/>
      <c r="CBH22" s="8"/>
      <c r="CBI22" s="8"/>
      <c r="CBJ22" s="8"/>
      <c r="CBK22" s="8"/>
      <c r="CBL22" s="8"/>
      <c r="CBM22" s="8"/>
      <c r="CBN22" s="8"/>
      <c r="CBO22" s="8"/>
      <c r="CBP22" s="8"/>
      <c r="CBQ22" s="8"/>
      <c r="CBR22" s="8"/>
      <c r="CBS22" s="8"/>
      <c r="CBT22" s="8"/>
      <c r="CBU22" s="8"/>
      <c r="CBV22" s="8"/>
      <c r="CBW22" s="8"/>
      <c r="CBX22" s="8"/>
      <c r="CBY22" s="8"/>
      <c r="CBZ22" s="8"/>
      <c r="CCA22" s="8"/>
      <c r="CCB22" s="8"/>
      <c r="CCC22" s="8"/>
      <c r="CCD22" s="8"/>
      <c r="CCE22" s="8"/>
      <c r="CCF22" s="8"/>
      <c r="CCG22" s="8"/>
      <c r="CCH22" s="8"/>
      <c r="CCI22" s="8"/>
      <c r="CCJ22" s="8"/>
      <c r="CCK22" s="8"/>
      <c r="CCL22" s="8"/>
      <c r="CCM22" s="8"/>
      <c r="CCN22" s="8"/>
      <c r="CCO22" s="8"/>
      <c r="CCP22" s="8"/>
      <c r="CCQ22" s="8"/>
      <c r="CCR22" s="8"/>
      <c r="CCS22" s="8"/>
      <c r="CCT22" s="8"/>
      <c r="CCU22" s="8"/>
      <c r="CCV22" s="8"/>
      <c r="CCW22" s="8"/>
      <c r="CCX22" s="8"/>
      <c r="CCY22" s="8"/>
      <c r="CCZ22" s="8"/>
      <c r="CDA22" s="8"/>
      <c r="CDB22" s="8"/>
      <c r="CDC22" s="8"/>
      <c r="CDD22" s="8"/>
      <c r="CDE22" s="8"/>
      <c r="CDF22" s="8"/>
      <c r="CDG22" s="8"/>
      <c r="CDH22" s="8"/>
      <c r="CDI22" s="8"/>
      <c r="CDJ22" s="8"/>
      <c r="CDK22" s="8"/>
      <c r="CDL22" s="8"/>
      <c r="CDM22" s="8"/>
      <c r="CDN22" s="8"/>
      <c r="CDO22" s="8"/>
      <c r="CDP22" s="8"/>
      <c r="CDQ22" s="8"/>
      <c r="CDR22" s="8"/>
      <c r="CDS22" s="8"/>
      <c r="CDT22" s="8"/>
      <c r="CDU22" s="8"/>
      <c r="CDV22" s="8"/>
      <c r="CDW22" s="8"/>
      <c r="CDX22" s="8"/>
      <c r="CDY22" s="8"/>
      <c r="CDZ22" s="8"/>
      <c r="CEA22" s="8"/>
      <c r="CEB22" s="8"/>
      <c r="CEC22" s="8"/>
      <c r="CED22" s="8"/>
      <c r="CEE22" s="8"/>
      <c r="CEF22" s="8"/>
      <c r="CEG22" s="8"/>
      <c r="CEH22" s="8"/>
      <c r="CEI22" s="8"/>
      <c r="CEJ22" s="8"/>
      <c r="CEK22" s="8"/>
      <c r="CEL22" s="8"/>
      <c r="CEM22" s="8"/>
      <c r="CEN22" s="8"/>
      <c r="CEO22" s="8"/>
      <c r="CEP22" s="8"/>
      <c r="CEQ22" s="8"/>
      <c r="CER22" s="8"/>
      <c r="CES22" s="8"/>
      <c r="CET22" s="8"/>
      <c r="CEU22" s="8"/>
      <c r="CEV22" s="8"/>
      <c r="CEW22" s="8"/>
      <c r="CEX22" s="8"/>
      <c r="CEY22" s="8"/>
      <c r="CEZ22" s="8"/>
      <c r="CFA22" s="8"/>
      <c r="CFB22" s="8"/>
      <c r="CFC22" s="8"/>
      <c r="CFD22" s="8"/>
      <c r="CFE22" s="8"/>
      <c r="CFF22" s="8"/>
      <c r="CFG22" s="8"/>
      <c r="CFH22" s="8"/>
      <c r="CFI22" s="8"/>
      <c r="CFJ22" s="8"/>
      <c r="CFK22" s="8"/>
      <c r="CFL22" s="8"/>
      <c r="CFM22" s="8"/>
      <c r="CFN22" s="8"/>
      <c r="CFO22" s="8"/>
      <c r="CFP22" s="8"/>
      <c r="CFQ22" s="8"/>
      <c r="CFR22" s="8"/>
      <c r="CFS22" s="8"/>
      <c r="CFT22" s="8"/>
      <c r="CFU22" s="8"/>
      <c r="CFV22" s="8"/>
      <c r="CFW22" s="8"/>
      <c r="CFX22" s="8"/>
      <c r="CFY22" s="8"/>
      <c r="CFZ22" s="8"/>
      <c r="CGA22" s="8"/>
      <c r="CGB22" s="8"/>
      <c r="CGC22" s="8"/>
      <c r="CGD22" s="8"/>
      <c r="CGE22" s="8"/>
      <c r="CGF22" s="8"/>
      <c r="CGG22" s="8"/>
      <c r="CGH22" s="8"/>
      <c r="CGI22" s="8"/>
      <c r="CGJ22" s="8"/>
      <c r="CGK22" s="8"/>
      <c r="CGL22" s="8"/>
      <c r="CGM22" s="8"/>
      <c r="CGN22" s="8"/>
      <c r="CGO22" s="8"/>
      <c r="CGP22" s="8"/>
      <c r="CGQ22" s="8"/>
      <c r="CGR22" s="8"/>
      <c r="CGS22" s="8"/>
      <c r="CGT22" s="8"/>
      <c r="CGU22" s="8"/>
      <c r="CGV22" s="8"/>
      <c r="CGW22" s="8"/>
      <c r="CGX22" s="8"/>
      <c r="CGY22" s="8"/>
      <c r="CGZ22" s="8"/>
      <c r="CHA22" s="8"/>
      <c r="CHB22" s="8"/>
      <c r="CHC22" s="8"/>
      <c r="CHD22" s="8"/>
      <c r="CHE22" s="8"/>
      <c r="CHF22" s="8"/>
      <c r="CHG22" s="8"/>
      <c r="CHH22" s="8"/>
      <c r="CHI22" s="8"/>
      <c r="CHJ22" s="8"/>
      <c r="CHK22" s="8"/>
      <c r="CHL22" s="8"/>
      <c r="CHM22" s="8"/>
      <c r="CHN22" s="8"/>
      <c r="CHO22" s="8"/>
      <c r="CHP22" s="8"/>
      <c r="CHQ22" s="8"/>
      <c r="CHR22" s="8"/>
      <c r="CHS22" s="8"/>
      <c r="CHT22" s="8"/>
      <c r="CHU22" s="8"/>
      <c r="CHV22" s="8"/>
      <c r="CHW22" s="8"/>
      <c r="CHX22" s="8"/>
      <c r="CHY22" s="8"/>
      <c r="CHZ22" s="8"/>
      <c r="CIA22" s="8"/>
      <c r="CIB22" s="8"/>
      <c r="CIC22" s="8"/>
      <c r="CID22" s="8"/>
      <c r="CIE22" s="8"/>
      <c r="CIF22" s="8"/>
      <c r="CIG22" s="8"/>
      <c r="CIH22" s="8"/>
      <c r="CII22" s="8"/>
      <c r="CIJ22" s="8"/>
      <c r="CIK22" s="8"/>
      <c r="CIL22" s="8"/>
      <c r="CIM22" s="8"/>
      <c r="CIN22" s="8"/>
      <c r="CIO22" s="8"/>
      <c r="CIP22" s="8"/>
      <c r="CIQ22" s="8"/>
      <c r="CIR22" s="8"/>
      <c r="CIS22" s="8"/>
      <c r="CIT22" s="8"/>
      <c r="CIU22" s="8"/>
      <c r="CIV22" s="8"/>
      <c r="CIW22" s="8"/>
      <c r="CIX22" s="8"/>
      <c r="CIY22" s="8"/>
      <c r="CIZ22" s="8"/>
      <c r="CJA22" s="8"/>
      <c r="CJB22" s="8"/>
      <c r="CJC22" s="8"/>
      <c r="CJD22" s="8"/>
      <c r="CJE22" s="8"/>
      <c r="CJF22" s="8"/>
      <c r="CJG22" s="8"/>
      <c r="CJH22" s="8"/>
      <c r="CJI22" s="8"/>
      <c r="CJJ22" s="8"/>
      <c r="CJK22" s="8"/>
      <c r="CJL22" s="8"/>
      <c r="CJM22" s="8"/>
      <c r="CJN22" s="8"/>
      <c r="CJO22" s="8"/>
      <c r="CJP22" s="8"/>
      <c r="CJQ22" s="8"/>
      <c r="CJR22" s="8"/>
      <c r="CJS22" s="8"/>
      <c r="CJT22" s="8"/>
      <c r="CJU22" s="8"/>
      <c r="CJV22" s="8"/>
      <c r="CJW22" s="8"/>
      <c r="CJX22" s="8"/>
      <c r="CJY22" s="8"/>
      <c r="CJZ22" s="8"/>
      <c r="CKA22" s="8"/>
      <c r="CKB22" s="8"/>
      <c r="CKC22" s="8"/>
      <c r="CKD22" s="8"/>
      <c r="CKE22" s="8"/>
      <c r="CKF22" s="8"/>
      <c r="CKG22" s="8"/>
      <c r="CKH22" s="8"/>
      <c r="CKI22" s="8"/>
      <c r="CKJ22" s="8"/>
      <c r="CKK22" s="8"/>
      <c r="CKL22" s="8"/>
      <c r="CKM22" s="8"/>
      <c r="CKN22" s="8"/>
      <c r="CKO22" s="8"/>
      <c r="CKP22" s="8"/>
      <c r="CKQ22" s="8"/>
      <c r="CKR22" s="8"/>
      <c r="CKS22" s="8"/>
      <c r="CKT22" s="8"/>
      <c r="CKU22" s="8"/>
      <c r="CKV22" s="8"/>
      <c r="CKW22" s="8"/>
      <c r="CKX22" s="8"/>
      <c r="CKY22" s="8"/>
      <c r="CKZ22" s="8"/>
      <c r="CLA22" s="8"/>
      <c r="CLB22" s="8"/>
      <c r="CLC22" s="8"/>
      <c r="CLD22" s="8"/>
      <c r="CLE22" s="8"/>
      <c r="CLF22" s="8"/>
      <c r="CLG22" s="8"/>
      <c r="CLH22" s="8"/>
      <c r="CLI22" s="8"/>
      <c r="CLJ22" s="8"/>
      <c r="CLK22" s="8"/>
      <c r="CLL22" s="8"/>
      <c r="CLM22" s="8"/>
      <c r="CLN22" s="8"/>
      <c r="CLO22" s="8"/>
      <c r="CLP22" s="8"/>
      <c r="CLQ22" s="8"/>
      <c r="CLR22" s="8"/>
      <c r="CLS22" s="8"/>
      <c r="CLT22" s="8"/>
      <c r="CLU22" s="8"/>
      <c r="CLV22" s="8"/>
      <c r="CLW22" s="8"/>
      <c r="CLX22" s="8"/>
      <c r="CLY22" s="8"/>
      <c r="CLZ22" s="8"/>
      <c r="CMA22" s="8"/>
      <c r="CMB22" s="8"/>
      <c r="CMC22" s="8"/>
      <c r="CMD22" s="8"/>
      <c r="CME22" s="8"/>
      <c r="CMF22" s="8"/>
      <c r="CMG22" s="8"/>
      <c r="CMH22" s="8"/>
      <c r="CMI22" s="8"/>
      <c r="CMJ22" s="8"/>
      <c r="CMK22" s="8"/>
      <c r="CML22" s="8"/>
      <c r="CMM22" s="8"/>
      <c r="CMN22" s="8"/>
      <c r="CMO22" s="8"/>
      <c r="CMP22" s="8"/>
      <c r="CMQ22" s="8"/>
      <c r="CMR22" s="8"/>
      <c r="CMS22" s="8"/>
      <c r="CMT22" s="8"/>
      <c r="CMU22" s="8"/>
      <c r="CMV22" s="8"/>
      <c r="CMW22" s="8"/>
      <c r="CMX22" s="8"/>
      <c r="CMY22" s="8"/>
      <c r="CMZ22" s="8"/>
      <c r="CNA22" s="8"/>
      <c r="CNB22" s="8"/>
      <c r="CNC22" s="8"/>
      <c r="CND22" s="8"/>
      <c r="CNE22" s="8"/>
      <c r="CNF22" s="8"/>
      <c r="CNG22" s="8"/>
      <c r="CNH22" s="8"/>
      <c r="CNI22" s="8"/>
      <c r="CNJ22" s="8"/>
      <c r="CNK22" s="8"/>
      <c r="CNL22" s="8"/>
      <c r="CNM22" s="8"/>
      <c r="CNN22" s="8"/>
      <c r="CNO22" s="8"/>
      <c r="CNP22" s="8"/>
      <c r="CNQ22" s="8"/>
      <c r="CNR22" s="8"/>
      <c r="CNS22" s="8"/>
      <c r="CNT22" s="8"/>
      <c r="CNU22" s="8"/>
      <c r="CNV22" s="8"/>
      <c r="CNW22" s="8"/>
      <c r="CNX22" s="8"/>
      <c r="CNY22" s="8"/>
      <c r="CNZ22" s="8"/>
      <c r="COA22" s="8"/>
      <c r="COB22" s="8"/>
      <c r="COC22" s="8"/>
      <c r="COD22" s="8"/>
      <c r="COE22" s="8"/>
      <c r="COF22" s="8"/>
      <c r="COG22" s="8"/>
      <c r="COH22" s="8"/>
      <c r="COI22" s="8"/>
      <c r="COJ22" s="8"/>
      <c r="COK22" s="8"/>
      <c r="COL22" s="8"/>
      <c r="COM22" s="8"/>
      <c r="CON22" s="8"/>
      <c r="COO22" s="8"/>
      <c r="COP22" s="8"/>
      <c r="COQ22" s="8"/>
      <c r="COR22" s="8"/>
      <c r="COS22" s="8"/>
      <c r="COT22" s="8"/>
      <c r="COU22" s="8"/>
      <c r="COV22" s="8"/>
      <c r="COW22" s="8"/>
      <c r="COX22" s="8"/>
      <c r="COY22" s="8"/>
      <c r="COZ22" s="8"/>
      <c r="CPA22" s="8"/>
      <c r="CPB22" s="8"/>
      <c r="CPC22" s="8"/>
      <c r="CPD22" s="8"/>
      <c r="CPE22" s="8"/>
      <c r="CPF22" s="8"/>
      <c r="CPG22" s="8"/>
      <c r="CPH22" s="8"/>
      <c r="CPI22" s="8"/>
      <c r="CPJ22" s="8"/>
      <c r="CPK22" s="8"/>
      <c r="CPL22" s="8"/>
      <c r="CPM22" s="8"/>
      <c r="CPN22" s="8"/>
      <c r="CPO22" s="8"/>
      <c r="CPP22" s="8"/>
      <c r="CPQ22" s="8"/>
      <c r="CPR22" s="8"/>
      <c r="CPS22" s="8"/>
      <c r="CPT22" s="8"/>
      <c r="CPU22" s="8"/>
      <c r="CPV22" s="8"/>
      <c r="CPW22" s="8"/>
      <c r="CPX22" s="8"/>
      <c r="CPY22" s="8"/>
      <c r="CPZ22" s="8"/>
      <c r="CQA22" s="8"/>
      <c r="CQB22" s="8"/>
      <c r="CQC22" s="8"/>
      <c r="CQD22" s="8"/>
      <c r="CQE22" s="8"/>
      <c r="CQF22" s="8"/>
      <c r="CQG22" s="8"/>
      <c r="CQH22" s="8"/>
      <c r="CQI22" s="8"/>
      <c r="CQJ22" s="8"/>
      <c r="CQK22" s="8"/>
      <c r="CQL22" s="8"/>
      <c r="CQM22" s="8"/>
      <c r="CQN22" s="8"/>
      <c r="CQO22" s="8"/>
      <c r="CQP22" s="8"/>
      <c r="CQQ22" s="8"/>
      <c r="CQR22" s="8"/>
      <c r="CQS22" s="8"/>
      <c r="CQT22" s="8"/>
      <c r="CQU22" s="8"/>
      <c r="CQV22" s="8"/>
      <c r="CQW22" s="8"/>
      <c r="CQX22" s="8"/>
      <c r="CQY22" s="8"/>
      <c r="CQZ22" s="8"/>
      <c r="CRA22" s="8"/>
      <c r="CRB22" s="8"/>
      <c r="CRC22" s="8"/>
      <c r="CRD22" s="8"/>
      <c r="CRE22" s="8"/>
      <c r="CRF22" s="8"/>
      <c r="CRG22" s="8"/>
      <c r="CRH22" s="8"/>
      <c r="CRI22" s="8"/>
      <c r="CRJ22" s="8"/>
      <c r="CRK22" s="8"/>
      <c r="CRL22" s="8"/>
      <c r="CRM22" s="8"/>
      <c r="CRN22" s="8"/>
      <c r="CRO22" s="8"/>
      <c r="CRP22" s="8"/>
      <c r="CRQ22" s="8"/>
      <c r="CRR22" s="8"/>
      <c r="CRS22" s="8"/>
      <c r="CRT22" s="8"/>
      <c r="CRU22" s="8"/>
      <c r="CRV22" s="8"/>
      <c r="CRW22" s="8"/>
      <c r="CRX22" s="8"/>
      <c r="CRY22" s="8"/>
      <c r="CRZ22" s="8"/>
      <c r="CSA22" s="8"/>
      <c r="CSB22" s="8"/>
      <c r="CSC22" s="8"/>
      <c r="CSD22" s="8"/>
      <c r="CSE22" s="8"/>
      <c r="CSF22" s="8"/>
      <c r="CSG22" s="8"/>
      <c r="CSH22" s="8"/>
      <c r="CSI22" s="8"/>
      <c r="CSJ22" s="8"/>
      <c r="CSK22" s="8"/>
      <c r="CSL22" s="8"/>
      <c r="CSM22" s="8"/>
      <c r="CSN22" s="8"/>
      <c r="CSO22" s="8"/>
      <c r="CSP22" s="8"/>
      <c r="CSQ22" s="8"/>
      <c r="CSR22" s="8"/>
      <c r="CSS22" s="8"/>
      <c r="CST22" s="8"/>
      <c r="CSU22" s="8"/>
      <c r="CSV22" s="8"/>
      <c r="CSW22" s="8"/>
      <c r="CSX22" s="8"/>
      <c r="CSY22" s="8"/>
      <c r="CSZ22" s="8"/>
      <c r="CTA22" s="8"/>
      <c r="CTB22" s="8"/>
      <c r="CTC22" s="8"/>
      <c r="CTD22" s="8"/>
      <c r="CTE22" s="8"/>
      <c r="CTF22" s="8"/>
      <c r="CTG22" s="8"/>
      <c r="CTH22" s="8"/>
      <c r="CTI22" s="8"/>
      <c r="CTJ22" s="8"/>
      <c r="CTK22" s="8"/>
      <c r="CTL22" s="8"/>
      <c r="CTM22" s="8"/>
      <c r="CTN22" s="8"/>
      <c r="CTO22" s="8"/>
      <c r="CTP22" s="8"/>
      <c r="CTQ22" s="8"/>
      <c r="CTR22" s="8"/>
      <c r="CTS22" s="8"/>
      <c r="CTT22" s="8"/>
      <c r="CTU22" s="8"/>
      <c r="CTV22" s="8"/>
      <c r="CTW22" s="8"/>
      <c r="CTX22" s="8"/>
      <c r="CTY22" s="8"/>
      <c r="CTZ22" s="8"/>
      <c r="CUA22" s="8"/>
      <c r="CUB22" s="8"/>
      <c r="CUC22" s="8"/>
      <c r="CUD22" s="8"/>
      <c r="CUE22" s="8"/>
      <c r="CUF22" s="8"/>
      <c r="CUG22" s="8"/>
      <c r="CUH22" s="8"/>
      <c r="CUI22" s="8"/>
      <c r="CUJ22" s="8"/>
      <c r="CUK22" s="8"/>
      <c r="CUL22" s="8"/>
      <c r="CUM22" s="8"/>
      <c r="CUN22" s="8"/>
      <c r="CUO22" s="8"/>
      <c r="CUP22" s="8"/>
      <c r="CUQ22" s="8"/>
      <c r="CUR22" s="8"/>
      <c r="CUS22" s="8"/>
      <c r="CUT22" s="8"/>
      <c r="CUU22" s="8"/>
      <c r="CUV22" s="8"/>
      <c r="CUW22" s="8"/>
      <c r="CUX22" s="8"/>
      <c r="CUY22" s="8"/>
      <c r="CUZ22" s="8"/>
      <c r="CVA22" s="8"/>
      <c r="CVB22" s="8"/>
      <c r="CVC22" s="8"/>
      <c r="CVD22" s="8"/>
      <c r="CVE22" s="8"/>
      <c r="CVF22" s="8"/>
      <c r="CVG22" s="8"/>
      <c r="CVH22" s="8"/>
      <c r="CVI22" s="8"/>
      <c r="CVJ22" s="8"/>
      <c r="CVK22" s="8"/>
      <c r="CVL22" s="8"/>
      <c r="CVM22" s="8"/>
      <c r="CVN22" s="8"/>
      <c r="CVO22" s="8"/>
      <c r="CVP22" s="8"/>
      <c r="CVQ22" s="8"/>
      <c r="CVR22" s="8"/>
      <c r="CVS22" s="8"/>
      <c r="CVT22" s="8"/>
      <c r="CVU22" s="8"/>
      <c r="CVV22" s="8"/>
      <c r="CVW22" s="8"/>
      <c r="CVX22" s="8"/>
      <c r="CVY22" s="8"/>
      <c r="CVZ22" s="8"/>
      <c r="CWA22" s="8"/>
      <c r="CWB22" s="8"/>
      <c r="CWC22" s="8"/>
      <c r="CWD22" s="8"/>
      <c r="CWE22" s="8"/>
      <c r="CWF22" s="8"/>
      <c r="CWG22" s="8"/>
      <c r="CWH22" s="8"/>
      <c r="CWI22" s="8"/>
      <c r="CWJ22" s="8"/>
      <c r="CWK22" s="8"/>
      <c r="CWL22" s="8"/>
      <c r="CWM22" s="8"/>
      <c r="CWN22" s="8"/>
      <c r="CWO22" s="8"/>
      <c r="CWP22" s="8"/>
      <c r="CWQ22" s="8"/>
      <c r="CWR22" s="8"/>
      <c r="CWS22" s="8"/>
      <c r="CWT22" s="8"/>
      <c r="CWU22" s="8"/>
      <c r="CWV22" s="8"/>
      <c r="CWW22" s="8"/>
      <c r="CWX22" s="8"/>
      <c r="CWY22" s="8"/>
      <c r="CWZ22" s="8"/>
      <c r="CXA22" s="8"/>
      <c r="CXB22" s="8"/>
      <c r="CXC22" s="8"/>
      <c r="CXD22" s="8"/>
      <c r="CXE22" s="8"/>
      <c r="CXF22" s="8"/>
      <c r="CXG22" s="8"/>
      <c r="CXH22" s="8"/>
      <c r="CXI22" s="8"/>
      <c r="CXJ22" s="8"/>
      <c r="CXK22" s="8"/>
      <c r="CXL22" s="8"/>
      <c r="CXM22" s="8"/>
      <c r="CXN22" s="8"/>
      <c r="CXO22" s="8"/>
      <c r="CXP22" s="8"/>
      <c r="CXQ22" s="8"/>
      <c r="CXR22" s="8"/>
      <c r="CXS22" s="8"/>
      <c r="CXT22" s="8"/>
      <c r="CXU22" s="8"/>
      <c r="CXV22" s="8"/>
      <c r="CXW22" s="8"/>
      <c r="CXX22" s="8"/>
      <c r="CXY22" s="8"/>
      <c r="CXZ22" s="8"/>
      <c r="CYA22" s="8"/>
      <c r="CYB22" s="8"/>
      <c r="CYC22" s="8"/>
      <c r="CYD22" s="8"/>
      <c r="CYE22" s="8"/>
      <c r="CYF22" s="8"/>
      <c r="CYG22" s="8"/>
      <c r="CYH22" s="8"/>
      <c r="CYI22" s="8"/>
      <c r="CYJ22" s="8"/>
      <c r="CYK22" s="8"/>
      <c r="CYL22" s="8"/>
      <c r="CYM22" s="8"/>
      <c r="CYN22" s="8"/>
      <c r="CYO22" s="8"/>
      <c r="CYP22" s="8"/>
      <c r="CYQ22" s="8"/>
      <c r="CYR22" s="8"/>
      <c r="CYS22" s="8"/>
      <c r="CYT22" s="8"/>
      <c r="CYU22" s="8"/>
      <c r="CYV22" s="8"/>
      <c r="CYW22" s="8"/>
      <c r="CYX22" s="8"/>
      <c r="CYY22" s="8"/>
      <c r="CYZ22" s="8"/>
      <c r="CZA22" s="8"/>
      <c r="CZB22" s="8"/>
      <c r="CZC22" s="8"/>
      <c r="CZD22" s="8"/>
      <c r="CZE22" s="8"/>
      <c r="CZF22" s="8"/>
      <c r="CZG22" s="8"/>
      <c r="CZH22" s="8"/>
      <c r="CZI22" s="8"/>
      <c r="CZJ22" s="8"/>
      <c r="CZK22" s="8"/>
      <c r="CZL22" s="8"/>
      <c r="CZM22" s="8"/>
      <c r="CZN22" s="8"/>
      <c r="CZO22" s="8"/>
      <c r="CZP22" s="8"/>
      <c r="CZQ22" s="8"/>
      <c r="CZR22" s="8"/>
      <c r="CZS22" s="8"/>
      <c r="CZT22" s="8"/>
      <c r="CZU22" s="8"/>
      <c r="CZV22" s="8"/>
      <c r="CZW22" s="8"/>
      <c r="CZX22" s="8"/>
      <c r="CZY22" s="8"/>
      <c r="CZZ22" s="8"/>
      <c r="DAA22" s="8"/>
      <c r="DAB22" s="8"/>
      <c r="DAC22" s="8"/>
      <c r="DAD22" s="8"/>
      <c r="DAE22" s="8"/>
      <c r="DAF22" s="8"/>
      <c r="DAG22" s="8"/>
      <c r="DAH22" s="8"/>
      <c r="DAI22" s="8"/>
      <c r="DAJ22" s="8"/>
      <c r="DAK22" s="8"/>
      <c r="DAL22" s="8"/>
      <c r="DAM22" s="8"/>
      <c r="DAN22" s="8"/>
      <c r="DAO22" s="8"/>
      <c r="DAP22" s="8"/>
      <c r="DAQ22" s="8"/>
      <c r="DAR22" s="8"/>
      <c r="DAS22" s="8"/>
      <c r="DAT22" s="8"/>
      <c r="DAU22" s="8"/>
      <c r="DAV22" s="8"/>
      <c r="DAW22" s="8"/>
      <c r="DAX22" s="8"/>
      <c r="DAY22" s="8"/>
      <c r="DAZ22" s="8"/>
      <c r="DBA22" s="8"/>
      <c r="DBB22" s="8"/>
      <c r="DBC22" s="8"/>
      <c r="DBD22" s="8"/>
      <c r="DBE22" s="8"/>
      <c r="DBF22" s="8"/>
      <c r="DBG22" s="8"/>
      <c r="DBH22" s="8"/>
      <c r="DBI22" s="8"/>
      <c r="DBJ22" s="8"/>
      <c r="DBK22" s="8"/>
      <c r="DBL22" s="8"/>
      <c r="DBM22" s="8"/>
      <c r="DBN22" s="8"/>
      <c r="DBO22" s="8"/>
      <c r="DBP22" s="8"/>
      <c r="DBQ22" s="8"/>
      <c r="DBR22" s="8"/>
      <c r="DBS22" s="8"/>
      <c r="DBT22" s="8"/>
      <c r="DBU22" s="8"/>
      <c r="DBV22" s="8"/>
      <c r="DBW22" s="8"/>
      <c r="DBX22" s="8"/>
      <c r="DBY22" s="8"/>
      <c r="DBZ22" s="8"/>
      <c r="DCA22" s="8"/>
      <c r="DCB22" s="8"/>
      <c r="DCC22" s="8"/>
      <c r="DCD22" s="8"/>
      <c r="DCE22" s="8"/>
      <c r="DCF22" s="8"/>
      <c r="DCG22" s="8"/>
      <c r="DCH22" s="8"/>
      <c r="DCI22" s="8"/>
      <c r="DCJ22" s="8"/>
      <c r="DCK22" s="8"/>
      <c r="DCL22" s="8"/>
      <c r="DCM22" s="8"/>
      <c r="DCN22" s="8"/>
      <c r="DCO22" s="8"/>
      <c r="DCP22" s="8"/>
      <c r="DCQ22" s="8"/>
      <c r="DCR22" s="8"/>
      <c r="DCS22" s="8"/>
      <c r="DCT22" s="8"/>
      <c r="DCU22" s="8"/>
      <c r="DCV22" s="8"/>
      <c r="DCW22" s="8"/>
      <c r="DCX22" s="8"/>
      <c r="DCY22" s="8"/>
      <c r="DCZ22" s="8"/>
      <c r="DDA22" s="8"/>
      <c r="DDB22" s="8"/>
      <c r="DDC22" s="8"/>
      <c r="DDD22" s="8"/>
      <c r="DDE22" s="8"/>
      <c r="DDF22" s="8"/>
      <c r="DDG22" s="8"/>
      <c r="DDH22" s="8"/>
      <c r="DDI22" s="8"/>
      <c r="DDJ22" s="8"/>
      <c r="DDK22" s="8"/>
      <c r="DDL22" s="8"/>
      <c r="DDM22" s="8"/>
      <c r="DDN22" s="8"/>
      <c r="DDO22" s="8"/>
      <c r="DDP22" s="8"/>
      <c r="DDQ22" s="8"/>
      <c r="DDR22" s="8"/>
      <c r="DDS22" s="8"/>
      <c r="DDT22" s="8"/>
      <c r="DDU22" s="8"/>
      <c r="DDV22" s="8"/>
      <c r="DDW22" s="8"/>
      <c r="DDX22" s="8"/>
      <c r="DDY22" s="8"/>
      <c r="DDZ22" s="8"/>
      <c r="DEA22" s="8"/>
      <c r="DEB22" s="8"/>
      <c r="DEC22" s="8"/>
      <c r="DED22" s="8"/>
      <c r="DEE22" s="8"/>
      <c r="DEF22" s="8"/>
      <c r="DEG22" s="8"/>
      <c r="DEH22" s="8"/>
      <c r="DEI22" s="8"/>
      <c r="DEJ22" s="8"/>
      <c r="DEK22" s="8"/>
      <c r="DEL22" s="8"/>
      <c r="DEM22" s="8"/>
      <c r="DEN22" s="8"/>
      <c r="DEO22" s="8"/>
      <c r="DEP22" s="8"/>
      <c r="DEQ22" s="8"/>
      <c r="DER22" s="8"/>
      <c r="DES22" s="8"/>
      <c r="DET22" s="8"/>
      <c r="DEU22" s="8"/>
      <c r="DEV22" s="8"/>
      <c r="DEW22" s="8"/>
      <c r="DEX22" s="8"/>
      <c r="DEY22" s="8"/>
      <c r="DEZ22" s="8"/>
      <c r="DFA22" s="8"/>
      <c r="DFB22" s="8"/>
      <c r="DFC22" s="8"/>
      <c r="DFD22" s="8"/>
      <c r="DFE22" s="8"/>
      <c r="DFF22" s="8"/>
      <c r="DFG22" s="8"/>
      <c r="DFH22" s="8"/>
      <c r="DFI22" s="8"/>
      <c r="DFJ22" s="8"/>
      <c r="DFK22" s="8"/>
      <c r="DFL22" s="8"/>
      <c r="DFM22" s="8"/>
      <c r="DFN22" s="8"/>
      <c r="DFO22" s="8"/>
      <c r="DFP22" s="8"/>
      <c r="DFQ22" s="8"/>
      <c r="DFR22" s="8"/>
      <c r="DFS22" s="8"/>
      <c r="DFT22" s="8"/>
      <c r="DFU22" s="8"/>
      <c r="DFV22" s="8"/>
      <c r="DFW22" s="8"/>
      <c r="DFX22" s="8"/>
      <c r="DFY22" s="8"/>
      <c r="DFZ22" s="8"/>
      <c r="DGA22" s="8"/>
      <c r="DGB22" s="8"/>
      <c r="DGC22" s="8"/>
      <c r="DGD22" s="8"/>
      <c r="DGE22" s="8"/>
      <c r="DGF22" s="8"/>
      <c r="DGG22" s="8"/>
      <c r="DGH22" s="8"/>
      <c r="DGI22" s="8"/>
      <c r="DGJ22" s="8"/>
      <c r="DGK22" s="8"/>
      <c r="DGL22" s="8"/>
      <c r="DGM22" s="8"/>
      <c r="DGN22" s="8"/>
      <c r="DGO22" s="8"/>
      <c r="DGP22" s="8"/>
      <c r="DGQ22" s="8"/>
      <c r="DGR22" s="8"/>
      <c r="DGS22" s="8"/>
      <c r="DGT22" s="8"/>
      <c r="DGU22" s="8"/>
      <c r="DGV22" s="8"/>
      <c r="DGW22" s="8"/>
      <c r="DGX22" s="8"/>
      <c r="DGY22" s="8"/>
      <c r="DGZ22" s="8"/>
      <c r="DHA22" s="8"/>
      <c r="DHB22" s="8"/>
      <c r="DHC22" s="8"/>
      <c r="DHD22" s="8"/>
      <c r="DHE22" s="8"/>
      <c r="DHF22" s="8"/>
      <c r="DHG22" s="8"/>
      <c r="DHH22" s="8"/>
      <c r="DHI22" s="8"/>
      <c r="DHJ22" s="8"/>
      <c r="DHK22" s="8"/>
      <c r="DHL22" s="8"/>
      <c r="DHM22" s="8"/>
      <c r="DHN22" s="8"/>
      <c r="DHO22" s="8"/>
      <c r="DHP22" s="8"/>
      <c r="DHQ22" s="8"/>
      <c r="DHR22" s="8"/>
      <c r="DHS22" s="8"/>
      <c r="DHT22" s="8"/>
      <c r="DHU22" s="8"/>
      <c r="DHV22" s="8"/>
      <c r="DHW22" s="8"/>
      <c r="DHX22" s="8"/>
      <c r="DHY22" s="8"/>
      <c r="DHZ22" s="8"/>
      <c r="DIA22" s="8"/>
      <c r="DIB22" s="8"/>
      <c r="DIC22" s="8"/>
      <c r="DID22" s="8"/>
      <c r="DIE22" s="8"/>
      <c r="DIF22" s="8"/>
      <c r="DIG22" s="8"/>
      <c r="DIH22" s="8"/>
      <c r="DII22" s="8"/>
      <c r="DIJ22" s="8"/>
      <c r="DIK22" s="8"/>
      <c r="DIL22" s="8"/>
      <c r="DIM22" s="8"/>
      <c r="DIN22" s="8"/>
      <c r="DIO22" s="8"/>
      <c r="DIP22" s="8"/>
      <c r="DIQ22" s="8"/>
      <c r="DIR22" s="8"/>
      <c r="DIS22" s="8"/>
      <c r="DIT22" s="8"/>
      <c r="DIU22" s="8"/>
      <c r="DIV22" s="8"/>
      <c r="DIW22" s="8"/>
      <c r="DIX22" s="8"/>
      <c r="DIY22" s="8"/>
      <c r="DIZ22" s="8"/>
      <c r="DJA22" s="8"/>
      <c r="DJB22" s="8"/>
      <c r="DJC22" s="8"/>
      <c r="DJD22" s="8"/>
      <c r="DJE22" s="8"/>
      <c r="DJF22" s="8"/>
      <c r="DJG22" s="8"/>
      <c r="DJH22" s="8"/>
      <c r="DJI22" s="8"/>
      <c r="DJJ22" s="8"/>
      <c r="DJK22" s="8"/>
      <c r="DJL22" s="8"/>
      <c r="DJM22" s="8"/>
      <c r="DJN22" s="8"/>
      <c r="DJO22" s="8"/>
      <c r="DJP22" s="8"/>
      <c r="DJQ22" s="8"/>
      <c r="DJR22" s="8"/>
      <c r="DJS22" s="8"/>
      <c r="DJT22" s="8"/>
      <c r="DJU22" s="8"/>
      <c r="DJV22" s="8"/>
      <c r="DJW22" s="8"/>
      <c r="DJX22" s="8"/>
      <c r="DJY22" s="8"/>
      <c r="DJZ22" s="8"/>
      <c r="DKA22" s="8"/>
      <c r="DKB22" s="8"/>
      <c r="DKC22" s="8"/>
      <c r="DKD22" s="8"/>
      <c r="DKE22" s="8"/>
      <c r="DKF22" s="8"/>
      <c r="DKG22" s="8"/>
      <c r="DKH22" s="8"/>
      <c r="DKI22" s="8"/>
      <c r="DKJ22" s="8"/>
      <c r="DKK22" s="8"/>
      <c r="DKL22" s="8"/>
      <c r="DKM22" s="8"/>
      <c r="DKN22" s="8"/>
      <c r="DKO22" s="8"/>
      <c r="DKP22" s="8"/>
      <c r="DKQ22" s="8"/>
      <c r="DKR22" s="8"/>
      <c r="DKS22" s="8"/>
      <c r="DKT22" s="8"/>
      <c r="DKU22" s="8"/>
      <c r="DKV22" s="8"/>
      <c r="DKW22" s="8"/>
      <c r="DKX22" s="8"/>
      <c r="DKY22" s="8"/>
      <c r="DKZ22" s="8"/>
      <c r="DLA22" s="8"/>
      <c r="DLB22" s="8"/>
      <c r="DLC22" s="8"/>
      <c r="DLD22" s="8"/>
      <c r="DLE22" s="8"/>
      <c r="DLF22" s="8"/>
      <c r="DLG22" s="8"/>
      <c r="DLH22" s="8"/>
      <c r="DLI22" s="8"/>
      <c r="DLJ22" s="8"/>
      <c r="DLK22" s="8"/>
      <c r="DLL22" s="8"/>
      <c r="DLM22" s="8"/>
      <c r="DLN22" s="8"/>
      <c r="DLO22" s="8"/>
      <c r="DLP22" s="8"/>
      <c r="DLQ22" s="8"/>
      <c r="DLR22" s="8"/>
      <c r="DLS22" s="8"/>
      <c r="DLT22" s="8"/>
      <c r="DLU22" s="8"/>
      <c r="DLV22" s="8"/>
      <c r="DLW22" s="8"/>
      <c r="DLX22" s="8"/>
      <c r="DLY22" s="8"/>
      <c r="DLZ22" s="8"/>
      <c r="DMA22" s="8"/>
      <c r="DMB22" s="8"/>
      <c r="DMC22" s="8"/>
      <c r="DMD22" s="8"/>
      <c r="DME22" s="8"/>
      <c r="DMF22" s="8"/>
      <c r="DMG22" s="8"/>
      <c r="DMH22" s="8"/>
      <c r="DMI22" s="8"/>
      <c r="DMJ22" s="8"/>
      <c r="DMK22" s="8"/>
      <c r="DML22" s="8"/>
      <c r="DMM22" s="8"/>
      <c r="DMN22" s="8"/>
      <c r="DMO22" s="8"/>
      <c r="DMP22" s="8"/>
      <c r="DMQ22" s="8"/>
      <c r="DMR22" s="8"/>
      <c r="DMS22" s="8"/>
      <c r="DMT22" s="8"/>
      <c r="DMU22" s="8"/>
      <c r="DMV22" s="8"/>
      <c r="DMW22" s="8"/>
      <c r="DMX22" s="8"/>
      <c r="DMY22" s="8"/>
      <c r="DMZ22" s="8"/>
      <c r="DNA22" s="8"/>
      <c r="DNB22" s="8"/>
      <c r="DNC22" s="8"/>
      <c r="DND22" s="8"/>
      <c r="DNE22" s="8"/>
      <c r="DNF22" s="8"/>
      <c r="DNG22" s="8"/>
      <c r="DNH22" s="8"/>
      <c r="DNI22" s="8"/>
      <c r="DNJ22" s="8"/>
      <c r="DNK22" s="8"/>
      <c r="DNL22" s="8"/>
      <c r="DNM22" s="8"/>
      <c r="DNN22" s="8"/>
      <c r="DNO22" s="8"/>
      <c r="DNP22" s="8"/>
      <c r="DNQ22" s="8"/>
      <c r="DNR22" s="8"/>
      <c r="DNS22" s="8"/>
      <c r="DNT22" s="8"/>
      <c r="DNU22" s="8"/>
      <c r="DNV22" s="8"/>
      <c r="DNW22" s="8"/>
      <c r="DNX22" s="8"/>
      <c r="DNY22" s="8"/>
      <c r="DNZ22" s="8"/>
      <c r="DOA22" s="8"/>
      <c r="DOB22" s="8"/>
      <c r="DOC22" s="8"/>
      <c r="DOD22" s="8"/>
      <c r="DOE22" s="8"/>
      <c r="DOF22" s="8"/>
      <c r="DOG22" s="8"/>
      <c r="DOH22" s="8"/>
      <c r="DOI22" s="8"/>
      <c r="DOJ22" s="8"/>
      <c r="DOK22" s="8"/>
      <c r="DOL22" s="8"/>
      <c r="DOM22" s="8"/>
      <c r="DON22" s="8"/>
      <c r="DOO22" s="8"/>
      <c r="DOP22" s="8"/>
      <c r="DOQ22" s="8"/>
      <c r="DOR22" s="8"/>
      <c r="DOS22" s="8"/>
      <c r="DOT22" s="8"/>
      <c r="DOU22" s="8"/>
      <c r="DOV22" s="8"/>
      <c r="DOW22" s="8"/>
      <c r="DOX22" s="8"/>
      <c r="DOY22" s="8"/>
      <c r="DOZ22" s="8"/>
      <c r="DPA22" s="8"/>
      <c r="DPB22" s="8"/>
      <c r="DPC22" s="8"/>
      <c r="DPD22" s="8"/>
      <c r="DPE22" s="8"/>
      <c r="DPF22" s="8"/>
      <c r="DPG22" s="8"/>
      <c r="DPH22" s="8"/>
      <c r="DPI22" s="8"/>
      <c r="DPJ22" s="8"/>
      <c r="DPK22" s="8"/>
      <c r="DPL22" s="8"/>
      <c r="DPM22" s="8"/>
      <c r="DPN22" s="8"/>
      <c r="DPO22" s="8"/>
      <c r="DPP22" s="8"/>
      <c r="DPQ22" s="8"/>
      <c r="DPR22" s="8"/>
      <c r="DPS22" s="8"/>
      <c r="DPT22" s="8"/>
      <c r="DPU22" s="8"/>
      <c r="DPV22" s="8"/>
      <c r="DPW22" s="8"/>
      <c r="DPX22" s="8"/>
      <c r="DPY22" s="8"/>
      <c r="DPZ22" s="8"/>
      <c r="DQA22" s="8"/>
      <c r="DQB22" s="8"/>
      <c r="DQC22" s="8"/>
      <c r="DQD22" s="8"/>
      <c r="DQE22" s="8"/>
      <c r="DQF22" s="8"/>
      <c r="DQG22" s="8"/>
      <c r="DQH22" s="8"/>
      <c r="DQI22" s="8"/>
      <c r="DQJ22" s="8"/>
      <c r="DQK22" s="8"/>
      <c r="DQL22" s="8"/>
      <c r="DQM22" s="8"/>
      <c r="DQN22" s="8"/>
      <c r="DQO22" s="8"/>
      <c r="DQP22" s="8"/>
      <c r="DQQ22" s="8"/>
      <c r="DQR22" s="8"/>
      <c r="DQS22" s="8"/>
      <c r="DQT22" s="8"/>
      <c r="DQU22" s="8"/>
      <c r="DQV22" s="8"/>
      <c r="DQW22" s="8"/>
      <c r="DQX22" s="8"/>
      <c r="DQY22" s="8"/>
      <c r="DQZ22" s="8"/>
      <c r="DRA22" s="8"/>
      <c r="DRB22" s="8"/>
      <c r="DRC22" s="8"/>
      <c r="DRD22" s="8"/>
      <c r="DRE22" s="8"/>
      <c r="DRF22" s="8"/>
      <c r="DRG22" s="8"/>
      <c r="DRH22" s="8"/>
      <c r="DRI22" s="8"/>
      <c r="DRJ22" s="8"/>
      <c r="DRK22" s="8"/>
      <c r="DRL22" s="8"/>
      <c r="DRM22" s="8"/>
      <c r="DRN22" s="8"/>
      <c r="DRO22" s="8"/>
      <c r="DRP22" s="8"/>
      <c r="DRQ22" s="8"/>
      <c r="DRR22" s="8"/>
      <c r="DRS22" s="8"/>
      <c r="DRT22" s="8"/>
      <c r="DRU22" s="8"/>
      <c r="DRV22" s="8"/>
      <c r="DRW22" s="8"/>
      <c r="DRX22" s="8"/>
      <c r="DRY22" s="8"/>
      <c r="DRZ22" s="8"/>
      <c r="DSA22" s="8"/>
      <c r="DSB22" s="8"/>
      <c r="DSC22" s="8"/>
      <c r="DSD22" s="8"/>
      <c r="DSE22" s="8"/>
      <c r="DSF22" s="8"/>
      <c r="DSG22" s="8"/>
      <c r="DSH22" s="8"/>
      <c r="DSI22" s="8"/>
      <c r="DSJ22" s="8"/>
      <c r="DSK22" s="8"/>
      <c r="DSL22" s="8"/>
      <c r="DSM22" s="8"/>
      <c r="DSN22" s="8"/>
      <c r="DSO22" s="8"/>
      <c r="DSP22" s="8"/>
      <c r="DSQ22" s="8"/>
      <c r="DSR22" s="8"/>
      <c r="DSS22" s="8"/>
      <c r="DST22" s="8"/>
      <c r="DSU22" s="8"/>
      <c r="DSV22" s="8"/>
      <c r="DSW22" s="8"/>
      <c r="DSX22" s="8"/>
      <c r="DSY22" s="8"/>
      <c r="DSZ22" s="8"/>
      <c r="DTA22" s="8"/>
      <c r="DTB22" s="8"/>
      <c r="DTC22" s="8"/>
      <c r="DTD22" s="8"/>
      <c r="DTE22" s="8"/>
      <c r="DTF22" s="8"/>
      <c r="DTG22" s="8"/>
      <c r="DTH22" s="8"/>
      <c r="DTI22" s="8"/>
      <c r="DTJ22" s="8"/>
      <c r="DTK22" s="8"/>
      <c r="DTL22" s="8"/>
      <c r="DTM22" s="8"/>
      <c r="DTN22" s="8"/>
      <c r="DTO22" s="8"/>
      <c r="DTP22" s="8"/>
      <c r="DTQ22" s="8"/>
      <c r="DTR22" s="8"/>
      <c r="DTS22" s="8"/>
      <c r="DTT22" s="8"/>
      <c r="DTU22" s="8"/>
      <c r="DTV22" s="8"/>
      <c r="DTW22" s="8"/>
      <c r="DTX22" s="8"/>
      <c r="DTY22" s="8"/>
      <c r="DTZ22" s="8"/>
      <c r="DUA22" s="8"/>
      <c r="DUB22" s="8"/>
      <c r="DUC22" s="8"/>
      <c r="DUD22" s="8"/>
      <c r="DUE22" s="8"/>
      <c r="DUF22" s="8"/>
      <c r="DUG22" s="8"/>
      <c r="DUH22" s="8"/>
      <c r="DUI22" s="8"/>
      <c r="DUJ22" s="8"/>
      <c r="DUK22" s="8"/>
      <c r="DUL22" s="8"/>
      <c r="DUM22" s="8"/>
      <c r="DUN22" s="8"/>
      <c r="DUO22" s="8"/>
      <c r="DUP22" s="8"/>
      <c r="DUQ22" s="8"/>
      <c r="DUR22" s="8"/>
      <c r="DUS22" s="8"/>
      <c r="DUT22" s="8"/>
      <c r="DUU22" s="8"/>
      <c r="DUV22" s="8"/>
      <c r="DUW22" s="8"/>
      <c r="DUX22" s="8"/>
      <c r="DUY22" s="8"/>
      <c r="DUZ22" s="8"/>
      <c r="DVA22" s="8"/>
      <c r="DVB22" s="8"/>
      <c r="DVC22" s="8"/>
      <c r="DVD22" s="8"/>
      <c r="DVE22" s="8"/>
      <c r="DVF22" s="8"/>
      <c r="DVG22" s="8"/>
      <c r="DVH22" s="8"/>
      <c r="DVI22" s="8"/>
      <c r="DVJ22" s="8"/>
      <c r="DVK22" s="8"/>
      <c r="DVL22" s="8"/>
      <c r="DVM22" s="8"/>
      <c r="DVN22" s="8"/>
      <c r="DVO22" s="8"/>
      <c r="DVP22" s="8"/>
      <c r="DVQ22" s="8"/>
      <c r="DVR22" s="8"/>
      <c r="DVS22" s="8"/>
      <c r="DVT22" s="8"/>
      <c r="DVU22" s="8"/>
      <c r="DVV22" s="8"/>
      <c r="DVW22" s="8"/>
      <c r="DVX22" s="8"/>
      <c r="DVY22" s="8"/>
      <c r="DVZ22" s="8"/>
      <c r="DWA22" s="8"/>
      <c r="DWB22" s="8"/>
      <c r="DWC22" s="8"/>
      <c r="DWD22" s="8"/>
      <c r="DWE22" s="8"/>
      <c r="DWF22" s="8"/>
      <c r="DWG22" s="8"/>
      <c r="DWH22" s="8"/>
      <c r="DWI22" s="8"/>
      <c r="DWJ22" s="8"/>
      <c r="DWK22" s="8"/>
      <c r="DWL22" s="8"/>
      <c r="DWM22" s="8"/>
      <c r="DWN22" s="8"/>
      <c r="DWO22" s="8"/>
      <c r="DWP22" s="8"/>
      <c r="DWQ22" s="8"/>
      <c r="DWR22" s="8"/>
      <c r="DWS22" s="8"/>
      <c r="DWT22" s="8"/>
      <c r="DWU22" s="8"/>
      <c r="DWV22" s="8"/>
      <c r="DWW22" s="8"/>
      <c r="DWX22" s="8"/>
      <c r="DWY22" s="8"/>
      <c r="DWZ22" s="8"/>
      <c r="DXA22" s="8"/>
      <c r="DXB22" s="8"/>
      <c r="DXC22" s="8"/>
      <c r="DXD22" s="8"/>
      <c r="DXE22" s="8"/>
      <c r="DXF22" s="8"/>
      <c r="DXG22" s="8"/>
      <c r="DXH22" s="8"/>
      <c r="DXI22" s="8"/>
      <c r="DXJ22" s="8"/>
      <c r="DXK22" s="8"/>
      <c r="DXL22" s="8"/>
      <c r="DXM22" s="8"/>
      <c r="DXN22" s="8"/>
      <c r="DXO22" s="8"/>
      <c r="DXP22" s="8"/>
      <c r="DXQ22" s="8"/>
      <c r="DXR22" s="8"/>
      <c r="DXS22" s="8"/>
      <c r="DXT22" s="8"/>
      <c r="DXU22" s="8"/>
      <c r="DXV22" s="8"/>
      <c r="DXW22" s="8"/>
      <c r="DXX22" s="8"/>
      <c r="DXY22" s="8"/>
      <c r="DXZ22" s="8"/>
      <c r="DYA22" s="8"/>
      <c r="DYB22" s="8"/>
      <c r="DYC22" s="8"/>
      <c r="DYD22" s="8"/>
      <c r="DYE22" s="8"/>
      <c r="DYF22" s="8"/>
      <c r="DYG22" s="8"/>
      <c r="DYH22" s="8"/>
      <c r="DYI22" s="8"/>
      <c r="DYJ22" s="8"/>
      <c r="DYK22" s="8"/>
      <c r="DYL22" s="8"/>
      <c r="DYM22" s="8"/>
      <c r="DYN22" s="8"/>
      <c r="DYO22" s="8"/>
      <c r="DYP22" s="8"/>
      <c r="DYQ22" s="8"/>
      <c r="DYR22" s="8"/>
      <c r="DYS22" s="8"/>
      <c r="DYT22" s="8"/>
      <c r="DYU22" s="8"/>
      <c r="DYV22" s="8"/>
      <c r="DYW22" s="8"/>
      <c r="DYX22" s="8"/>
      <c r="DYY22" s="8"/>
      <c r="DYZ22" s="8"/>
      <c r="DZA22" s="8"/>
      <c r="DZB22" s="8"/>
      <c r="DZC22" s="8"/>
      <c r="DZD22" s="8"/>
      <c r="DZE22" s="8"/>
      <c r="DZF22" s="8"/>
      <c r="DZG22" s="8"/>
      <c r="DZH22" s="8"/>
      <c r="DZI22" s="8"/>
      <c r="DZJ22" s="8"/>
      <c r="DZK22" s="8"/>
      <c r="DZL22" s="8"/>
      <c r="DZM22" s="8"/>
      <c r="DZN22" s="8"/>
      <c r="DZO22" s="8"/>
      <c r="DZP22" s="8"/>
      <c r="DZQ22" s="8"/>
      <c r="DZR22" s="8"/>
      <c r="DZS22" s="8"/>
      <c r="DZT22" s="8"/>
      <c r="DZU22" s="8"/>
      <c r="DZV22" s="8"/>
      <c r="DZW22" s="8"/>
      <c r="DZX22" s="8"/>
      <c r="DZY22" s="8"/>
      <c r="DZZ22" s="8"/>
      <c r="EAA22" s="8"/>
      <c r="EAB22" s="8"/>
      <c r="EAC22" s="8"/>
      <c r="EAD22" s="8"/>
      <c r="EAE22" s="8"/>
      <c r="EAF22" s="8"/>
      <c r="EAG22" s="8"/>
      <c r="EAH22" s="8"/>
      <c r="EAI22" s="8"/>
      <c r="EAJ22" s="8"/>
      <c r="EAK22" s="8"/>
      <c r="EAL22" s="8"/>
      <c r="EAM22" s="8"/>
      <c r="EAN22" s="8"/>
      <c r="EAO22" s="8"/>
      <c r="EAP22" s="8"/>
      <c r="EAQ22" s="8"/>
      <c r="EAR22" s="8"/>
      <c r="EAS22" s="8"/>
      <c r="EAT22" s="8"/>
      <c r="EAU22" s="8"/>
      <c r="EAV22" s="8"/>
      <c r="EAW22" s="8"/>
      <c r="EAX22" s="8"/>
      <c r="EAY22" s="8"/>
      <c r="EAZ22" s="8"/>
      <c r="EBA22" s="8"/>
      <c r="EBB22" s="8"/>
      <c r="EBC22" s="8"/>
      <c r="EBD22" s="8"/>
      <c r="EBE22" s="8"/>
      <c r="EBF22" s="8"/>
      <c r="EBG22" s="8"/>
      <c r="EBH22" s="8"/>
      <c r="EBI22" s="8"/>
      <c r="EBJ22" s="8"/>
      <c r="EBK22" s="8"/>
      <c r="EBL22" s="8"/>
      <c r="EBM22" s="8"/>
      <c r="EBN22" s="8"/>
      <c r="EBO22" s="8"/>
      <c r="EBP22" s="8"/>
      <c r="EBQ22" s="8"/>
      <c r="EBR22" s="8"/>
      <c r="EBS22" s="8"/>
      <c r="EBT22" s="8"/>
      <c r="EBU22" s="8"/>
      <c r="EBV22" s="8"/>
      <c r="EBW22" s="8"/>
      <c r="EBX22" s="8"/>
      <c r="EBY22" s="8"/>
      <c r="EBZ22" s="8"/>
      <c r="ECA22" s="8"/>
      <c r="ECB22" s="8"/>
      <c r="ECC22" s="8"/>
      <c r="ECD22" s="8"/>
      <c r="ECE22" s="8"/>
      <c r="ECF22" s="8"/>
      <c r="ECG22" s="8"/>
      <c r="ECH22" s="8"/>
      <c r="ECI22" s="8"/>
      <c r="ECJ22" s="8"/>
      <c r="ECK22" s="8"/>
      <c r="ECL22" s="8"/>
      <c r="ECM22" s="8"/>
      <c r="ECN22" s="8"/>
      <c r="ECO22" s="8"/>
      <c r="ECP22" s="8"/>
      <c r="ECQ22" s="8"/>
      <c r="ECR22" s="8"/>
      <c r="ECS22" s="8"/>
      <c r="ECT22" s="8"/>
      <c r="ECU22" s="8"/>
      <c r="ECV22" s="8"/>
      <c r="ECW22" s="8"/>
      <c r="ECX22" s="8"/>
      <c r="ECY22" s="8"/>
      <c r="ECZ22" s="8"/>
      <c r="EDA22" s="8"/>
      <c r="EDB22" s="8"/>
      <c r="EDC22" s="8"/>
      <c r="EDD22" s="8"/>
      <c r="EDE22" s="8"/>
      <c r="EDF22" s="8"/>
      <c r="EDG22" s="8"/>
      <c r="EDH22" s="8"/>
      <c r="EDI22" s="8"/>
      <c r="EDJ22" s="8"/>
      <c r="EDK22" s="8"/>
      <c r="EDL22" s="8"/>
      <c r="EDM22" s="8"/>
      <c r="EDN22" s="8"/>
      <c r="EDO22" s="8"/>
      <c r="EDP22" s="8"/>
      <c r="EDQ22" s="8"/>
      <c r="EDR22" s="8"/>
      <c r="EDS22" s="8"/>
      <c r="EDT22" s="8"/>
      <c r="EDU22" s="8"/>
      <c r="EDV22" s="8"/>
      <c r="EDW22" s="8"/>
      <c r="EDX22" s="8"/>
      <c r="EDY22" s="8"/>
      <c r="EDZ22" s="8"/>
      <c r="EEA22" s="8"/>
      <c r="EEB22" s="8"/>
      <c r="EEC22" s="8"/>
      <c r="EED22" s="8"/>
      <c r="EEE22" s="8"/>
      <c r="EEF22" s="8"/>
      <c r="EEG22" s="8"/>
      <c r="EEH22" s="8"/>
      <c r="EEI22" s="8"/>
      <c r="EEJ22" s="8"/>
      <c r="EEK22" s="8"/>
      <c r="EEL22" s="8"/>
      <c r="EEM22" s="8"/>
      <c r="EEN22" s="8"/>
      <c r="EEO22" s="8"/>
      <c r="EEP22" s="8"/>
      <c r="EEQ22" s="8"/>
      <c r="EER22" s="8"/>
      <c r="EES22" s="8"/>
      <c r="EET22" s="8"/>
      <c r="EEU22" s="8"/>
      <c r="EEV22" s="8"/>
      <c r="EEW22" s="8"/>
      <c r="EEX22" s="8"/>
      <c r="EEY22" s="8"/>
      <c r="EEZ22" s="8"/>
      <c r="EFA22" s="8"/>
      <c r="EFB22" s="8"/>
      <c r="EFC22" s="8"/>
      <c r="EFD22" s="8"/>
      <c r="EFE22" s="8"/>
      <c r="EFF22" s="8"/>
      <c r="EFG22" s="8"/>
      <c r="EFH22" s="8"/>
      <c r="EFI22" s="8"/>
      <c r="EFJ22" s="8"/>
      <c r="EFK22" s="8"/>
      <c r="EFL22" s="8"/>
      <c r="EFM22" s="8"/>
      <c r="EFN22" s="8"/>
      <c r="EFO22" s="8"/>
      <c r="EFP22" s="8"/>
      <c r="EFQ22" s="8"/>
      <c r="EFR22" s="8"/>
      <c r="EFS22" s="8"/>
      <c r="EFT22" s="8"/>
      <c r="EFU22" s="8"/>
      <c r="EFV22" s="8"/>
      <c r="EFW22" s="8"/>
      <c r="EFX22" s="8"/>
      <c r="EFY22" s="8"/>
      <c r="EFZ22" s="8"/>
      <c r="EGA22" s="8"/>
      <c r="EGB22" s="8"/>
      <c r="EGC22" s="8"/>
      <c r="EGD22" s="8"/>
      <c r="EGE22" s="8"/>
      <c r="EGF22" s="8"/>
      <c r="EGG22" s="8"/>
      <c r="EGH22" s="8"/>
      <c r="EGI22" s="8"/>
      <c r="EGJ22" s="8"/>
      <c r="EGK22" s="8"/>
      <c r="EGL22" s="8"/>
      <c r="EGM22" s="8"/>
      <c r="EGN22" s="8"/>
      <c r="EGO22" s="8"/>
      <c r="EGP22" s="8"/>
      <c r="EGQ22" s="8"/>
      <c r="EGR22" s="8"/>
      <c r="EGS22" s="8"/>
      <c r="EGT22" s="8"/>
      <c r="EGU22" s="8"/>
      <c r="EGV22" s="8"/>
      <c r="EGW22" s="8"/>
      <c r="EGX22" s="8"/>
      <c r="EGY22" s="8"/>
      <c r="EGZ22" s="8"/>
      <c r="EHA22" s="8"/>
      <c r="EHB22" s="8"/>
      <c r="EHC22" s="8"/>
      <c r="EHD22" s="8"/>
      <c r="EHE22" s="8"/>
      <c r="EHF22" s="8"/>
      <c r="EHG22" s="8"/>
      <c r="EHH22" s="8"/>
      <c r="EHI22" s="8"/>
      <c r="EHJ22" s="8"/>
      <c r="EHK22" s="8"/>
      <c r="EHL22" s="8"/>
      <c r="EHM22" s="8"/>
      <c r="EHN22" s="8"/>
      <c r="EHO22" s="8"/>
      <c r="EHP22" s="8"/>
      <c r="EHQ22" s="8"/>
      <c r="EHR22" s="8"/>
      <c r="EHS22" s="8"/>
      <c r="EHT22" s="8"/>
      <c r="EHU22" s="8"/>
      <c r="EHV22" s="8"/>
      <c r="EHW22" s="8"/>
      <c r="EHX22" s="8"/>
      <c r="EHY22" s="8"/>
      <c r="EHZ22" s="8"/>
      <c r="EIA22" s="8"/>
      <c r="EIB22" s="8"/>
      <c r="EIC22" s="8"/>
      <c r="EID22" s="8"/>
      <c r="EIE22" s="8"/>
      <c r="EIF22" s="8"/>
      <c r="EIG22" s="8"/>
      <c r="EIH22" s="8"/>
      <c r="EII22" s="8"/>
      <c r="EIJ22" s="8"/>
      <c r="EIK22" s="8"/>
      <c r="EIL22" s="8"/>
      <c r="EIM22" s="8"/>
      <c r="EIN22" s="8"/>
      <c r="EIO22" s="8"/>
      <c r="EIP22" s="8"/>
      <c r="EIQ22" s="8"/>
      <c r="EIR22" s="8"/>
      <c r="EIS22" s="8"/>
      <c r="EIT22" s="8"/>
      <c r="EIU22" s="8"/>
      <c r="EIV22" s="8"/>
      <c r="EIW22" s="8"/>
      <c r="EIX22" s="8"/>
      <c r="EIY22" s="8"/>
      <c r="EIZ22" s="8"/>
      <c r="EJA22" s="8"/>
      <c r="EJB22" s="8"/>
      <c r="EJC22" s="8"/>
      <c r="EJD22" s="8"/>
      <c r="EJE22" s="8"/>
      <c r="EJF22" s="8"/>
      <c r="EJG22" s="8"/>
      <c r="EJH22" s="8"/>
      <c r="EJI22" s="8"/>
      <c r="EJJ22" s="8"/>
      <c r="EJK22" s="8"/>
      <c r="EJL22" s="8"/>
      <c r="EJM22" s="8"/>
      <c r="EJN22" s="8"/>
      <c r="EJO22" s="8"/>
      <c r="EJP22" s="8"/>
      <c r="EJQ22" s="8"/>
      <c r="EJR22" s="8"/>
      <c r="EJS22" s="8"/>
      <c r="EJT22" s="8"/>
      <c r="EJU22" s="8"/>
      <c r="EJV22" s="8"/>
      <c r="EJW22" s="8"/>
      <c r="EJX22" s="8"/>
      <c r="EJY22" s="8"/>
      <c r="EJZ22" s="8"/>
      <c r="EKA22" s="8"/>
      <c r="EKB22" s="8"/>
      <c r="EKC22" s="8"/>
      <c r="EKD22" s="8"/>
      <c r="EKE22" s="8"/>
      <c r="EKF22" s="8"/>
      <c r="EKG22" s="8"/>
      <c r="EKH22" s="8"/>
      <c r="EKI22" s="8"/>
      <c r="EKJ22" s="8"/>
      <c r="EKK22" s="8"/>
      <c r="EKL22" s="8"/>
      <c r="EKM22" s="8"/>
      <c r="EKN22" s="8"/>
      <c r="EKO22" s="8"/>
      <c r="EKP22" s="8"/>
      <c r="EKQ22" s="8"/>
      <c r="EKR22" s="8"/>
      <c r="EKS22" s="8"/>
      <c r="EKT22" s="8"/>
      <c r="EKU22" s="8"/>
      <c r="EKV22" s="8"/>
      <c r="EKW22" s="8"/>
      <c r="EKX22" s="8"/>
      <c r="EKY22" s="8"/>
      <c r="EKZ22" s="8"/>
      <c r="ELA22" s="8"/>
      <c r="ELB22" s="8"/>
      <c r="ELC22" s="8"/>
      <c r="ELD22" s="8"/>
      <c r="ELE22" s="8"/>
      <c r="ELF22" s="8"/>
      <c r="ELG22" s="8"/>
      <c r="ELH22" s="8"/>
      <c r="ELI22" s="8"/>
      <c r="ELJ22" s="8"/>
      <c r="ELK22" s="8"/>
      <c r="ELL22" s="8"/>
      <c r="ELM22" s="8"/>
      <c r="ELN22" s="8"/>
      <c r="ELO22" s="8"/>
      <c r="ELP22" s="8"/>
      <c r="ELQ22" s="8"/>
      <c r="ELR22" s="8"/>
      <c r="ELS22" s="8"/>
      <c r="ELT22" s="8"/>
      <c r="ELU22" s="8"/>
      <c r="ELV22" s="8"/>
      <c r="ELW22" s="8"/>
      <c r="ELX22" s="8"/>
      <c r="ELY22" s="8"/>
      <c r="ELZ22" s="8"/>
      <c r="EMA22" s="8"/>
      <c r="EMB22" s="8"/>
      <c r="EMC22" s="8"/>
      <c r="EMD22" s="8"/>
      <c r="EME22" s="8"/>
      <c r="EMF22" s="8"/>
      <c r="EMG22" s="8"/>
      <c r="EMH22" s="8"/>
      <c r="EMI22" s="8"/>
      <c r="EMJ22" s="8"/>
      <c r="EMK22" s="8"/>
      <c r="EML22" s="8"/>
      <c r="EMM22" s="8"/>
      <c r="EMN22" s="8"/>
      <c r="EMO22" s="8"/>
      <c r="EMP22" s="8"/>
      <c r="EMQ22" s="8"/>
      <c r="EMR22" s="8"/>
      <c r="EMS22" s="8"/>
      <c r="EMT22" s="8"/>
      <c r="EMU22" s="8"/>
      <c r="EMV22" s="8"/>
      <c r="EMW22" s="8"/>
      <c r="EMX22" s="8"/>
      <c r="EMY22" s="8"/>
      <c r="EMZ22" s="8"/>
      <c r="ENA22" s="8"/>
      <c r="ENB22" s="8"/>
      <c r="ENC22" s="8"/>
      <c r="END22" s="8"/>
      <c r="ENE22" s="8"/>
      <c r="ENF22" s="8"/>
      <c r="ENG22" s="8"/>
      <c r="ENH22" s="8"/>
      <c r="ENI22" s="8"/>
      <c r="ENJ22" s="8"/>
      <c r="ENK22" s="8"/>
      <c r="ENL22" s="8"/>
      <c r="ENM22" s="8"/>
      <c r="ENN22" s="8"/>
      <c r="ENO22" s="8"/>
      <c r="ENP22" s="8"/>
      <c r="ENQ22" s="8"/>
      <c r="ENR22" s="8"/>
      <c r="ENS22" s="8"/>
      <c r="ENT22" s="8"/>
      <c r="ENU22" s="8"/>
      <c r="ENV22" s="8"/>
      <c r="ENW22" s="8"/>
      <c r="ENX22" s="8"/>
      <c r="ENY22" s="8"/>
      <c r="ENZ22" s="8"/>
      <c r="EOA22" s="8"/>
      <c r="EOB22" s="8"/>
      <c r="EOC22" s="8"/>
      <c r="EOD22" s="8"/>
      <c r="EOE22" s="8"/>
      <c r="EOF22" s="8"/>
      <c r="EOG22" s="8"/>
      <c r="EOH22" s="8"/>
      <c r="EOI22" s="8"/>
      <c r="EOJ22" s="8"/>
      <c r="EOK22" s="8"/>
      <c r="EOL22" s="8"/>
      <c r="EOM22" s="8"/>
      <c r="EON22" s="8"/>
      <c r="EOO22" s="8"/>
      <c r="EOP22" s="8"/>
      <c r="EOQ22" s="8"/>
      <c r="EOR22" s="8"/>
      <c r="EOS22" s="8"/>
      <c r="EOT22" s="8"/>
      <c r="EOU22" s="8"/>
      <c r="EOV22" s="8"/>
      <c r="EOW22" s="8"/>
      <c r="EOX22" s="8"/>
      <c r="EOY22" s="8"/>
      <c r="EOZ22" s="8"/>
      <c r="EPA22" s="8"/>
      <c r="EPB22" s="8"/>
      <c r="EPC22" s="8"/>
      <c r="EPD22" s="8"/>
      <c r="EPE22" s="8"/>
      <c r="EPF22" s="8"/>
      <c r="EPG22" s="8"/>
      <c r="EPH22" s="8"/>
      <c r="EPI22" s="8"/>
      <c r="EPJ22" s="8"/>
      <c r="EPK22" s="8"/>
      <c r="EPL22" s="8"/>
      <c r="EPM22" s="8"/>
      <c r="EPN22" s="8"/>
      <c r="EPO22" s="8"/>
      <c r="EPP22" s="8"/>
      <c r="EPQ22" s="8"/>
      <c r="EPR22" s="8"/>
      <c r="EPS22" s="8"/>
      <c r="EPT22" s="8"/>
      <c r="EPU22" s="8"/>
      <c r="EPV22" s="8"/>
      <c r="EPW22" s="8"/>
      <c r="EPX22" s="8"/>
      <c r="EPY22" s="8"/>
      <c r="EPZ22" s="8"/>
      <c r="EQA22" s="8"/>
      <c r="EQB22" s="8"/>
      <c r="EQC22" s="8"/>
      <c r="EQD22" s="8"/>
      <c r="EQE22" s="8"/>
      <c r="EQF22" s="8"/>
      <c r="EQG22" s="8"/>
      <c r="EQH22" s="8"/>
      <c r="EQI22" s="8"/>
      <c r="EQJ22" s="8"/>
      <c r="EQK22" s="8"/>
      <c r="EQL22" s="8"/>
      <c r="EQM22" s="8"/>
      <c r="EQN22" s="8"/>
      <c r="EQO22" s="8"/>
      <c r="EQP22" s="8"/>
      <c r="EQQ22" s="8"/>
      <c r="EQR22" s="8"/>
      <c r="EQS22" s="8"/>
      <c r="EQT22" s="8"/>
      <c r="EQU22" s="8"/>
      <c r="EQV22" s="8"/>
      <c r="EQW22" s="8"/>
      <c r="EQX22" s="8"/>
      <c r="EQY22" s="8"/>
      <c r="EQZ22" s="8"/>
      <c r="ERA22" s="8"/>
      <c r="ERB22" s="8"/>
      <c r="ERC22" s="8"/>
      <c r="ERD22" s="8"/>
      <c r="ERE22" s="8"/>
      <c r="ERF22" s="8"/>
      <c r="ERG22" s="8"/>
      <c r="ERH22" s="8"/>
      <c r="ERI22" s="8"/>
      <c r="ERJ22" s="8"/>
      <c r="ERK22" s="8"/>
      <c r="ERL22" s="8"/>
      <c r="ERM22" s="8"/>
      <c r="ERN22" s="8"/>
      <c r="ERO22" s="8"/>
      <c r="ERP22" s="8"/>
      <c r="ERQ22" s="8"/>
      <c r="ERR22" s="8"/>
      <c r="ERS22" s="8"/>
      <c r="ERT22" s="8"/>
      <c r="ERU22" s="8"/>
      <c r="ERV22" s="8"/>
      <c r="ERW22" s="8"/>
      <c r="ERX22" s="8"/>
      <c r="ERY22" s="8"/>
      <c r="ERZ22" s="8"/>
      <c r="ESA22" s="8"/>
      <c r="ESB22" s="8"/>
      <c r="ESC22" s="8"/>
      <c r="ESD22" s="8"/>
      <c r="ESE22" s="8"/>
      <c r="ESF22" s="8"/>
      <c r="ESG22" s="8"/>
      <c r="ESH22" s="8"/>
      <c r="ESI22" s="8"/>
      <c r="ESJ22" s="8"/>
      <c r="ESK22" s="8"/>
      <c r="ESL22" s="8"/>
      <c r="ESM22" s="8"/>
      <c r="ESN22" s="8"/>
      <c r="ESO22" s="8"/>
      <c r="ESP22" s="8"/>
      <c r="ESQ22" s="8"/>
      <c r="ESR22" s="8"/>
      <c r="ESS22" s="8"/>
      <c r="EST22" s="8"/>
      <c r="ESU22" s="8"/>
      <c r="ESV22" s="8"/>
      <c r="ESW22" s="8"/>
      <c r="ESX22" s="8"/>
      <c r="ESY22" s="8"/>
      <c r="ESZ22" s="8"/>
      <c r="ETA22" s="8"/>
      <c r="ETB22" s="8"/>
      <c r="ETC22" s="8"/>
      <c r="ETD22" s="8"/>
      <c r="ETE22" s="8"/>
      <c r="ETF22" s="8"/>
      <c r="ETG22" s="8"/>
      <c r="ETH22" s="8"/>
      <c r="ETI22" s="8"/>
      <c r="ETJ22" s="8"/>
      <c r="ETK22" s="8"/>
      <c r="ETL22" s="8"/>
      <c r="ETM22" s="8"/>
      <c r="ETN22" s="8"/>
      <c r="ETO22" s="8"/>
      <c r="ETP22" s="8"/>
      <c r="ETQ22" s="8"/>
      <c r="ETR22" s="8"/>
      <c r="ETS22" s="8"/>
      <c r="ETT22" s="8"/>
      <c r="ETU22" s="8"/>
      <c r="ETV22" s="8"/>
      <c r="ETW22" s="8"/>
      <c r="ETX22" s="8"/>
      <c r="ETY22" s="8"/>
      <c r="ETZ22" s="8"/>
      <c r="EUA22" s="8"/>
      <c r="EUB22" s="8"/>
      <c r="EUC22" s="8"/>
      <c r="EUD22" s="8"/>
      <c r="EUE22" s="8"/>
      <c r="EUF22" s="8"/>
      <c r="EUG22" s="8"/>
      <c r="EUH22" s="8"/>
      <c r="EUI22" s="8"/>
      <c r="EUJ22" s="8"/>
      <c r="EUK22" s="8"/>
      <c r="EUL22" s="8"/>
      <c r="EUM22" s="8"/>
      <c r="EUN22" s="8"/>
      <c r="EUO22" s="8"/>
      <c r="EUP22" s="8"/>
      <c r="EUQ22" s="8"/>
      <c r="EUR22" s="8"/>
      <c r="EUS22" s="8"/>
      <c r="EUT22" s="8"/>
      <c r="EUU22" s="8"/>
      <c r="EUV22" s="8"/>
      <c r="EUW22" s="8"/>
      <c r="EUX22" s="8"/>
      <c r="EUY22" s="8"/>
      <c r="EUZ22" s="8"/>
      <c r="EVA22" s="8"/>
      <c r="EVB22" s="8"/>
      <c r="EVC22" s="8"/>
      <c r="EVD22" s="8"/>
      <c r="EVE22" s="8"/>
      <c r="EVF22" s="8"/>
      <c r="EVG22" s="8"/>
      <c r="EVH22" s="8"/>
      <c r="EVI22" s="8"/>
      <c r="EVJ22" s="8"/>
      <c r="EVK22" s="8"/>
      <c r="EVL22" s="8"/>
      <c r="EVM22" s="8"/>
      <c r="EVN22" s="8"/>
      <c r="EVO22" s="8"/>
      <c r="EVP22" s="8"/>
      <c r="EVQ22" s="8"/>
      <c r="EVR22" s="8"/>
      <c r="EVS22" s="8"/>
      <c r="EVT22" s="8"/>
      <c r="EVU22" s="8"/>
      <c r="EVV22" s="8"/>
      <c r="EVW22" s="8"/>
      <c r="EVX22" s="8"/>
      <c r="EVY22" s="8"/>
      <c r="EVZ22" s="8"/>
      <c r="EWA22" s="8"/>
      <c r="EWB22" s="8"/>
      <c r="EWC22" s="8"/>
      <c r="EWD22" s="8"/>
      <c r="EWE22" s="8"/>
      <c r="EWF22" s="8"/>
      <c r="EWG22" s="8"/>
      <c r="EWH22" s="8"/>
      <c r="EWI22" s="8"/>
      <c r="EWJ22" s="8"/>
      <c r="EWK22" s="8"/>
      <c r="EWL22" s="8"/>
      <c r="EWM22" s="8"/>
      <c r="EWN22" s="8"/>
      <c r="EWO22" s="8"/>
      <c r="EWP22" s="8"/>
      <c r="EWQ22" s="8"/>
      <c r="EWR22" s="8"/>
      <c r="EWS22" s="8"/>
      <c r="EWT22" s="8"/>
      <c r="EWU22" s="8"/>
      <c r="EWV22" s="8"/>
      <c r="EWW22" s="8"/>
      <c r="EWX22" s="8"/>
      <c r="EWY22" s="8"/>
      <c r="EWZ22" s="8"/>
      <c r="EXA22" s="8"/>
      <c r="EXB22" s="8"/>
      <c r="EXC22" s="8"/>
      <c r="EXD22" s="8"/>
      <c r="EXE22" s="8"/>
      <c r="EXF22" s="8"/>
      <c r="EXG22" s="8"/>
      <c r="EXH22" s="8"/>
      <c r="EXI22" s="8"/>
      <c r="EXJ22" s="8"/>
      <c r="EXK22" s="8"/>
      <c r="EXL22" s="8"/>
      <c r="EXM22" s="8"/>
      <c r="EXN22" s="8"/>
      <c r="EXO22" s="8"/>
      <c r="EXP22" s="8"/>
      <c r="EXQ22" s="8"/>
      <c r="EXR22" s="8"/>
      <c r="EXS22" s="8"/>
      <c r="EXT22" s="8"/>
      <c r="EXU22" s="8"/>
      <c r="EXV22" s="8"/>
      <c r="EXW22" s="8"/>
      <c r="EXX22" s="8"/>
      <c r="EXY22" s="8"/>
      <c r="EXZ22" s="8"/>
      <c r="EYA22" s="8"/>
      <c r="EYB22" s="8"/>
      <c r="EYC22" s="8"/>
      <c r="EYD22" s="8"/>
      <c r="EYE22" s="8"/>
      <c r="EYF22" s="8"/>
      <c r="EYG22" s="8"/>
      <c r="EYH22" s="8"/>
      <c r="EYI22" s="8"/>
      <c r="EYJ22" s="8"/>
      <c r="EYK22" s="8"/>
      <c r="EYL22" s="8"/>
      <c r="EYM22" s="8"/>
      <c r="EYN22" s="8"/>
      <c r="EYO22" s="8"/>
      <c r="EYP22" s="8"/>
      <c r="EYQ22" s="8"/>
      <c r="EYR22" s="8"/>
      <c r="EYS22" s="8"/>
      <c r="EYT22" s="8"/>
      <c r="EYU22" s="8"/>
      <c r="EYV22" s="8"/>
      <c r="EYW22" s="8"/>
      <c r="EYX22" s="8"/>
      <c r="EYY22" s="8"/>
      <c r="EYZ22" s="8"/>
      <c r="EZA22" s="8"/>
      <c r="EZB22" s="8"/>
      <c r="EZC22" s="8"/>
      <c r="EZD22" s="8"/>
      <c r="EZE22" s="8"/>
      <c r="EZF22" s="8"/>
      <c r="EZG22" s="8"/>
      <c r="EZH22" s="8"/>
      <c r="EZI22" s="8"/>
      <c r="EZJ22" s="8"/>
      <c r="EZK22" s="8"/>
      <c r="EZL22" s="8"/>
      <c r="EZM22" s="8"/>
      <c r="EZN22" s="8"/>
      <c r="EZO22" s="8"/>
      <c r="EZP22" s="8"/>
      <c r="EZQ22" s="8"/>
      <c r="EZR22" s="8"/>
      <c r="EZS22" s="8"/>
      <c r="EZT22" s="8"/>
      <c r="EZU22" s="8"/>
      <c r="EZV22" s="8"/>
      <c r="EZW22" s="8"/>
      <c r="EZX22" s="8"/>
      <c r="EZY22" s="8"/>
      <c r="EZZ22" s="8"/>
      <c r="FAA22" s="8"/>
      <c r="FAB22" s="8"/>
      <c r="FAC22" s="8"/>
      <c r="FAD22" s="8"/>
      <c r="FAE22" s="8"/>
      <c r="FAF22" s="8"/>
      <c r="FAG22" s="8"/>
      <c r="FAH22" s="8"/>
      <c r="FAI22" s="8"/>
      <c r="FAJ22" s="8"/>
      <c r="FAK22" s="8"/>
      <c r="FAL22" s="8"/>
      <c r="FAM22" s="8"/>
      <c r="FAN22" s="8"/>
      <c r="FAO22" s="8"/>
      <c r="FAP22" s="8"/>
      <c r="FAQ22" s="8"/>
      <c r="FAR22" s="8"/>
      <c r="FAS22" s="8"/>
      <c r="FAT22" s="8"/>
      <c r="FAU22" s="8"/>
      <c r="FAV22" s="8"/>
      <c r="FAW22" s="8"/>
      <c r="FAX22" s="8"/>
      <c r="FAY22" s="8"/>
      <c r="FAZ22" s="8"/>
      <c r="FBA22" s="8"/>
      <c r="FBB22" s="8"/>
      <c r="FBC22" s="8"/>
      <c r="FBD22" s="8"/>
      <c r="FBE22" s="8"/>
      <c r="FBF22" s="8"/>
      <c r="FBG22" s="8"/>
      <c r="FBH22" s="8"/>
      <c r="FBI22" s="8"/>
      <c r="FBJ22" s="8"/>
      <c r="FBK22" s="8"/>
      <c r="FBL22" s="8"/>
      <c r="FBM22" s="8"/>
      <c r="FBN22" s="8"/>
      <c r="FBO22" s="8"/>
      <c r="FBP22" s="8"/>
      <c r="FBQ22" s="8"/>
      <c r="FBR22" s="8"/>
      <c r="FBS22" s="8"/>
      <c r="FBT22" s="8"/>
      <c r="FBU22" s="8"/>
      <c r="FBV22" s="8"/>
      <c r="FBW22" s="8"/>
      <c r="FBX22" s="8"/>
      <c r="FBY22" s="8"/>
      <c r="FBZ22" s="8"/>
      <c r="FCA22" s="8"/>
      <c r="FCB22" s="8"/>
      <c r="FCC22" s="8"/>
      <c r="FCD22" s="8"/>
      <c r="FCE22" s="8"/>
      <c r="FCF22" s="8"/>
      <c r="FCG22" s="8"/>
      <c r="FCH22" s="8"/>
      <c r="FCI22" s="8"/>
      <c r="FCJ22" s="8"/>
      <c r="FCK22" s="8"/>
      <c r="FCL22" s="8"/>
      <c r="FCM22" s="8"/>
      <c r="FCN22" s="8"/>
      <c r="FCO22" s="8"/>
      <c r="FCP22" s="8"/>
      <c r="FCQ22" s="8"/>
      <c r="FCR22" s="8"/>
      <c r="FCS22" s="8"/>
      <c r="FCT22" s="8"/>
      <c r="FCU22" s="8"/>
      <c r="FCV22" s="8"/>
      <c r="FCW22" s="8"/>
      <c r="FCX22" s="8"/>
      <c r="FCY22" s="8"/>
      <c r="FCZ22" s="8"/>
      <c r="FDA22" s="8"/>
      <c r="FDB22" s="8"/>
      <c r="FDC22" s="8"/>
      <c r="FDD22" s="8"/>
      <c r="FDE22" s="8"/>
      <c r="FDF22" s="8"/>
      <c r="FDG22" s="8"/>
      <c r="FDH22" s="8"/>
      <c r="FDI22" s="8"/>
      <c r="FDJ22" s="8"/>
      <c r="FDK22" s="8"/>
      <c r="FDL22" s="8"/>
      <c r="FDM22" s="8"/>
      <c r="FDN22" s="8"/>
      <c r="FDO22" s="8"/>
      <c r="FDP22" s="8"/>
      <c r="FDQ22" s="8"/>
      <c r="FDR22" s="8"/>
      <c r="FDS22" s="8"/>
      <c r="FDT22" s="8"/>
      <c r="FDU22" s="8"/>
      <c r="FDV22" s="8"/>
      <c r="FDW22" s="8"/>
      <c r="FDX22" s="8"/>
      <c r="FDY22" s="8"/>
      <c r="FDZ22" s="8"/>
      <c r="FEA22" s="8"/>
      <c r="FEB22" s="8"/>
      <c r="FEC22" s="8"/>
      <c r="FED22" s="8"/>
      <c r="FEE22" s="8"/>
      <c r="FEF22" s="8"/>
      <c r="FEG22" s="8"/>
      <c r="FEH22" s="8"/>
      <c r="FEI22" s="8"/>
      <c r="FEJ22" s="8"/>
      <c r="FEK22" s="8"/>
      <c r="FEL22" s="8"/>
      <c r="FEM22" s="8"/>
      <c r="FEN22" s="8"/>
      <c r="FEO22" s="8"/>
      <c r="FEP22" s="8"/>
      <c r="FEQ22" s="8"/>
      <c r="FER22" s="8"/>
      <c r="FES22" s="8"/>
      <c r="FET22" s="8"/>
      <c r="FEU22" s="8"/>
      <c r="FEV22" s="8"/>
      <c r="FEW22" s="8"/>
      <c r="FEX22" s="8"/>
      <c r="FEY22" s="8"/>
      <c r="FEZ22" s="8"/>
      <c r="FFA22" s="8"/>
      <c r="FFB22" s="8"/>
      <c r="FFC22" s="8"/>
      <c r="FFD22" s="8"/>
      <c r="FFE22" s="8"/>
      <c r="FFF22" s="8"/>
      <c r="FFG22" s="8"/>
      <c r="FFH22" s="8"/>
      <c r="FFI22" s="8"/>
      <c r="FFJ22" s="8"/>
      <c r="FFK22" s="8"/>
      <c r="FFL22" s="8"/>
      <c r="FFM22" s="8"/>
      <c r="FFN22" s="8"/>
      <c r="FFO22" s="8"/>
      <c r="FFP22" s="8"/>
      <c r="FFQ22" s="8"/>
      <c r="FFR22" s="8"/>
      <c r="FFS22" s="8"/>
      <c r="FFT22" s="8"/>
      <c r="FFU22" s="8"/>
      <c r="FFV22" s="8"/>
      <c r="FFW22" s="8"/>
      <c r="FFX22" s="8"/>
      <c r="FFY22" s="8"/>
      <c r="FFZ22" s="8"/>
      <c r="FGA22" s="8"/>
      <c r="FGB22" s="8"/>
      <c r="FGC22" s="8"/>
      <c r="FGD22" s="8"/>
      <c r="FGE22" s="8"/>
      <c r="FGF22" s="8"/>
      <c r="FGG22" s="8"/>
      <c r="FGH22" s="8"/>
      <c r="FGI22" s="8"/>
      <c r="FGJ22" s="8"/>
      <c r="FGK22" s="8"/>
      <c r="FGL22" s="8"/>
      <c r="FGM22" s="8"/>
      <c r="FGN22" s="8"/>
      <c r="FGO22" s="8"/>
      <c r="FGP22" s="8"/>
      <c r="FGQ22" s="8"/>
      <c r="FGR22" s="8"/>
      <c r="FGS22" s="8"/>
      <c r="FGT22" s="8"/>
      <c r="FGU22" s="8"/>
      <c r="FGV22" s="8"/>
      <c r="FGW22" s="8"/>
      <c r="FGX22" s="8"/>
      <c r="FGY22" s="8"/>
      <c r="FGZ22" s="8"/>
      <c r="FHA22" s="8"/>
      <c r="FHB22" s="8"/>
      <c r="FHC22" s="8"/>
      <c r="FHD22" s="8"/>
      <c r="FHE22" s="8"/>
      <c r="FHF22" s="8"/>
      <c r="FHG22" s="8"/>
      <c r="FHH22" s="8"/>
      <c r="FHI22" s="8"/>
      <c r="FHJ22" s="8"/>
      <c r="FHK22" s="8"/>
      <c r="FHL22" s="8"/>
      <c r="FHM22" s="8"/>
      <c r="FHN22" s="8"/>
      <c r="FHO22" s="8"/>
      <c r="FHP22" s="8"/>
      <c r="FHQ22" s="8"/>
      <c r="FHR22" s="8"/>
      <c r="FHS22" s="8"/>
      <c r="FHT22" s="8"/>
      <c r="FHU22" s="8"/>
      <c r="FHV22" s="8"/>
      <c r="FHW22" s="8"/>
      <c r="FHX22" s="8"/>
      <c r="FHY22" s="8"/>
      <c r="FHZ22" s="8"/>
      <c r="FIA22" s="8"/>
      <c r="FIB22" s="8"/>
      <c r="FIC22" s="8"/>
      <c r="FID22" s="8"/>
      <c r="FIE22" s="8"/>
      <c r="FIF22" s="8"/>
      <c r="FIG22" s="8"/>
      <c r="FIH22" s="8"/>
      <c r="FII22" s="8"/>
      <c r="FIJ22" s="8"/>
      <c r="FIK22" s="8"/>
      <c r="FIL22" s="8"/>
      <c r="FIM22" s="8"/>
      <c r="FIN22" s="8"/>
      <c r="FIO22" s="8"/>
      <c r="FIP22" s="8"/>
      <c r="FIQ22" s="8"/>
      <c r="FIR22" s="8"/>
      <c r="FIS22" s="8"/>
      <c r="FIT22" s="8"/>
      <c r="FIU22" s="8"/>
      <c r="FIV22" s="8"/>
      <c r="FIW22" s="8"/>
      <c r="FIX22" s="8"/>
      <c r="FIY22" s="8"/>
      <c r="FIZ22" s="8"/>
      <c r="FJA22" s="8"/>
      <c r="FJB22" s="8"/>
      <c r="FJC22" s="8"/>
      <c r="FJD22" s="8"/>
      <c r="FJE22" s="8"/>
      <c r="FJF22" s="8"/>
      <c r="FJG22" s="8"/>
      <c r="FJH22" s="8"/>
      <c r="FJI22" s="8"/>
      <c r="FJJ22" s="8"/>
      <c r="FJK22" s="8"/>
      <c r="FJL22" s="8"/>
      <c r="FJM22" s="8"/>
      <c r="FJN22" s="8"/>
      <c r="FJO22" s="8"/>
      <c r="FJP22" s="8"/>
      <c r="FJQ22" s="8"/>
      <c r="FJR22" s="8"/>
      <c r="FJS22" s="8"/>
      <c r="FJT22" s="8"/>
      <c r="FJU22" s="8"/>
      <c r="FJV22" s="8"/>
      <c r="FJW22" s="8"/>
      <c r="FJX22" s="8"/>
      <c r="FJY22" s="8"/>
      <c r="FJZ22" s="8"/>
      <c r="FKA22" s="8"/>
      <c r="FKB22" s="8"/>
      <c r="FKC22" s="8"/>
      <c r="FKD22" s="8"/>
      <c r="FKE22" s="8"/>
      <c r="FKF22" s="8"/>
      <c r="FKG22" s="8"/>
      <c r="FKH22" s="8"/>
      <c r="FKI22" s="8"/>
      <c r="FKJ22" s="8"/>
      <c r="FKK22" s="8"/>
      <c r="FKL22" s="8"/>
      <c r="FKM22" s="8"/>
      <c r="FKN22" s="8"/>
      <c r="FKO22" s="8"/>
      <c r="FKP22" s="8"/>
      <c r="FKQ22" s="8"/>
      <c r="FKR22" s="8"/>
      <c r="FKS22" s="8"/>
      <c r="FKT22" s="8"/>
      <c r="FKU22" s="8"/>
      <c r="FKV22" s="8"/>
      <c r="FKW22" s="8"/>
      <c r="FKX22" s="8"/>
      <c r="FKY22" s="8"/>
      <c r="FKZ22" s="8"/>
      <c r="FLA22" s="8"/>
      <c r="FLB22" s="8"/>
      <c r="FLC22" s="8"/>
      <c r="FLD22" s="8"/>
      <c r="FLE22" s="8"/>
      <c r="FLF22" s="8"/>
      <c r="FLG22" s="8"/>
      <c r="FLH22" s="8"/>
      <c r="FLI22" s="8"/>
      <c r="FLJ22" s="8"/>
      <c r="FLK22" s="8"/>
      <c r="FLL22" s="8"/>
      <c r="FLM22" s="8"/>
      <c r="FLN22" s="8"/>
      <c r="FLO22" s="8"/>
      <c r="FLP22" s="8"/>
      <c r="FLQ22" s="8"/>
      <c r="FLR22" s="8"/>
      <c r="FLS22" s="8"/>
      <c r="FLT22" s="8"/>
      <c r="FLU22" s="8"/>
      <c r="FLV22" s="8"/>
      <c r="FLW22" s="8"/>
      <c r="FLX22" s="8"/>
      <c r="FLY22" s="8"/>
      <c r="FLZ22" s="8"/>
      <c r="FMA22" s="8"/>
      <c r="FMB22" s="8"/>
      <c r="FMC22" s="8"/>
      <c r="FMD22" s="8"/>
      <c r="FME22" s="8"/>
      <c r="FMF22" s="8"/>
      <c r="FMG22" s="8"/>
      <c r="FMH22" s="8"/>
      <c r="FMI22" s="8"/>
      <c r="FMJ22" s="8"/>
      <c r="FMK22" s="8"/>
      <c r="FML22" s="8"/>
      <c r="FMM22" s="8"/>
      <c r="FMN22" s="8"/>
      <c r="FMO22" s="8"/>
      <c r="FMP22" s="8"/>
      <c r="FMQ22" s="8"/>
      <c r="FMR22" s="8"/>
      <c r="FMS22" s="8"/>
      <c r="FMT22" s="8"/>
      <c r="FMU22" s="8"/>
      <c r="FMV22" s="8"/>
      <c r="FMW22" s="8"/>
      <c r="FMX22" s="8"/>
      <c r="FMY22" s="8"/>
      <c r="FMZ22" s="8"/>
      <c r="FNA22" s="8"/>
      <c r="FNB22" s="8"/>
      <c r="FNC22" s="8"/>
      <c r="FND22" s="8"/>
      <c r="FNE22" s="8"/>
      <c r="FNF22" s="8"/>
      <c r="FNG22" s="8"/>
      <c r="FNH22" s="8"/>
      <c r="FNI22" s="8"/>
      <c r="FNJ22" s="8"/>
      <c r="FNK22" s="8"/>
      <c r="FNL22" s="8"/>
      <c r="FNM22" s="8"/>
      <c r="FNN22" s="8"/>
      <c r="FNO22" s="8"/>
      <c r="FNP22" s="8"/>
      <c r="FNQ22" s="8"/>
      <c r="FNR22" s="8"/>
      <c r="FNS22" s="8"/>
      <c r="FNT22" s="8"/>
      <c r="FNU22" s="8"/>
      <c r="FNV22" s="8"/>
      <c r="FNW22" s="8"/>
      <c r="FNX22" s="8"/>
      <c r="FNY22" s="8"/>
      <c r="FNZ22" s="8"/>
      <c r="FOA22" s="8"/>
      <c r="FOB22" s="8"/>
      <c r="FOC22" s="8"/>
      <c r="FOD22" s="8"/>
      <c r="FOE22" s="8"/>
      <c r="FOF22" s="8"/>
      <c r="FOG22" s="8"/>
      <c r="FOH22" s="8"/>
      <c r="FOI22" s="8"/>
      <c r="FOJ22" s="8"/>
      <c r="FOK22" s="8"/>
      <c r="FOL22" s="8"/>
      <c r="FOM22" s="8"/>
      <c r="FON22" s="8"/>
      <c r="FOO22" s="8"/>
      <c r="FOP22" s="8"/>
      <c r="FOQ22" s="8"/>
      <c r="FOR22" s="8"/>
      <c r="FOS22" s="8"/>
      <c r="FOT22" s="8"/>
      <c r="FOU22" s="8"/>
      <c r="FOV22" s="8"/>
      <c r="FOW22" s="8"/>
      <c r="FOX22" s="8"/>
      <c r="FOY22" s="8"/>
      <c r="FOZ22" s="8"/>
      <c r="FPA22" s="8"/>
      <c r="FPB22" s="8"/>
      <c r="FPC22" s="8"/>
      <c r="FPD22" s="8"/>
      <c r="FPE22" s="8"/>
      <c r="FPF22" s="8"/>
      <c r="FPG22" s="8"/>
      <c r="FPH22" s="8"/>
      <c r="FPI22" s="8"/>
      <c r="FPJ22" s="8"/>
      <c r="FPK22" s="8"/>
      <c r="FPL22" s="8"/>
      <c r="FPM22" s="8"/>
      <c r="FPN22" s="8"/>
      <c r="FPO22" s="8"/>
      <c r="FPP22" s="8"/>
      <c r="FPQ22" s="8"/>
      <c r="FPR22" s="8"/>
      <c r="FPS22" s="8"/>
      <c r="FPT22" s="8"/>
      <c r="FPU22" s="8"/>
      <c r="FPV22" s="8"/>
      <c r="FPW22" s="8"/>
      <c r="FPX22" s="8"/>
      <c r="FPY22" s="8"/>
      <c r="FPZ22" s="8"/>
      <c r="FQA22" s="8"/>
      <c r="FQB22" s="8"/>
      <c r="FQC22" s="8"/>
      <c r="FQD22" s="8"/>
      <c r="FQE22" s="8"/>
      <c r="FQF22" s="8"/>
      <c r="FQG22" s="8"/>
      <c r="FQH22" s="8"/>
      <c r="FQI22" s="8"/>
      <c r="FQJ22" s="8"/>
      <c r="FQK22" s="8"/>
      <c r="FQL22" s="8"/>
      <c r="FQM22" s="8"/>
      <c r="FQN22" s="8"/>
      <c r="FQO22" s="8"/>
      <c r="FQP22" s="8"/>
      <c r="FQQ22" s="8"/>
      <c r="FQR22" s="8"/>
      <c r="FQS22" s="8"/>
      <c r="FQT22" s="8"/>
      <c r="FQU22" s="8"/>
      <c r="FQV22" s="8"/>
      <c r="FQW22" s="8"/>
      <c r="FQX22" s="8"/>
      <c r="FQY22" s="8"/>
      <c r="FQZ22" s="8"/>
      <c r="FRA22" s="8"/>
      <c r="FRB22" s="8"/>
      <c r="FRC22" s="8"/>
      <c r="FRD22" s="8"/>
      <c r="FRE22" s="8"/>
      <c r="FRF22" s="8"/>
      <c r="FRG22" s="8"/>
      <c r="FRH22" s="8"/>
      <c r="FRI22" s="8"/>
      <c r="FRJ22" s="8"/>
      <c r="FRK22" s="8"/>
      <c r="FRL22" s="8"/>
      <c r="FRM22" s="8"/>
      <c r="FRN22" s="8"/>
      <c r="FRO22" s="8"/>
      <c r="FRP22" s="8"/>
      <c r="FRQ22" s="8"/>
      <c r="FRR22" s="8"/>
      <c r="FRS22" s="8"/>
      <c r="FRT22" s="8"/>
      <c r="FRU22" s="8"/>
      <c r="FRV22" s="8"/>
      <c r="FRW22" s="8"/>
      <c r="FRX22" s="8"/>
      <c r="FRY22" s="8"/>
      <c r="FRZ22" s="8"/>
      <c r="FSA22" s="8"/>
      <c r="FSB22" s="8"/>
      <c r="FSC22" s="8"/>
      <c r="FSD22" s="8"/>
      <c r="FSE22" s="8"/>
      <c r="FSF22" s="8"/>
      <c r="FSG22" s="8"/>
      <c r="FSH22" s="8"/>
      <c r="FSI22" s="8"/>
      <c r="FSJ22" s="8"/>
      <c r="FSK22" s="8"/>
      <c r="FSL22" s="8"/>
      <c r="FSM22" s="8"/>
      <c r="FSN22" s="8"/>
      <c r="FSO22" s="8"/>
      <c r="FSP22" s="8"/>
      <c r="FSQ22" s="8"/>
      <c r="FSR22" s="8"/>
      <c r="FSS22" s="8"/>
      <c r="FST22" s="8"/>
      <c r="FSU22" s="8"/>
      <c r="FSV22" s="8"/>
      <c r="FSW22" s="8"/>
      <c r="FSX22" s="8"/>
      <c r="FSY22" s="8"/>
      <c r="FSZ22" s="8"/>
      <c r="FTA22" s="8"/>
      <c r="FTB22" s="8"/>
      <c r="FTC22" s="8"/>
      <c r="FTD22" s="8"/>
      <c r="FTE22" s="8"/>
      <c r="FTF22" s="8"/>
      <c r="FTG22" s="8"/>
      <c r="FTH22" s="8"/>
      <c r="FTI22" s="8"/>
      <c r="FTJ22" s="8"/>
      <c r="FTK22" s="8"/>
      <c r="FTL22" s="8"/>
      <c r="FTM22" s="8"/>
      <c r="FTN22" s="8"/>
      <c r="FTO22" s="8"/>
      <c r="FTP22" s="8"/>
      <c r="FTQ22" s="8"/>
      <c r="FTR22" s="8"/>
      <c r="FTS22" s="8"/>
      <c r="FTT22" s="8"/>
      <c r="FTU22" s="8"/>
      <c r="FTV22" s="8"/>
      <c r="FTW22" s="8"/>
      <c r="FTX22" s="8"/>
      <c r="FTY22" s="8"/>
      <c r="FTZ22" s="8"/>
      <c r="FUA22" s="8"/>
      <c r="FUB22" s="8"/>
      <c r="FUC22" s="8"/>
      <c r="FUD22" s="8"/>
      <c r="FUE22" s="8"/>
      <c r="FUF22" s="8"/>
      <c r="FUG22" s="8"/>
      <c r="FUH22" s="8"/>
      <c r="FUI22" s="8"/>
      <c r="FUJ22" s="8"/>
      <c r="FUK22" s="8"/>
      <c r="FUL22" s="8"/>
      <c r="FUM22" s="8"/>
      <c r="FUN22" s="8"/>
      <c r="FUO22" s="8"/>
      <c r="FUP22" s="8"/>
      <c r="FUQ22" s="8"/>
      <c r="FUR22" s="8"/>
      <c r="FUS22" s="8"/>
      <c r="FUT22" s="8"/>
      <c r="FUU22" s="8"/>
      <c r="FUV22" s="8"/>
      <c r="FUW22" s="8"/>
      <c r="FUX22" s="8"/>
      <c r="FUY22" s="8"/>
      <c r="FUZ22" s="8"/>
      <c r="FVA22" s="8"/>
      <c r="FVB22" s="8"/>
      <c r="FVC22" s="8"/>
      <c r="FVD22" s="8"/>
      <c r="FVE22" s="8"/>
      <c r="FVF22" s="8"/>
      <c r="FVG22" s="8"/>
      <c r="FVH22" s="8"/>
      <c r="FVI22" s="8"/>
      <c r="FVJ22" s="8"/>
      <c r="FVK22" s="8"/>
      <c r="FVL22" s="8"/>
      <c r="FVM22" s="8"/>
      <c r="FVN22" s="8"/>
      <c r="FVO22" s="8"/>
      <c r="FVP22" s="8"/>
      <c r="FVQ22" s="8"/>
      <c r="FVR22" s="8"/>
      <c r="FVS22" s="8"/>
      <c r="FVT22" s="8"/>
      <c r="FVU22" s="8"/>
      <c r="FVV22" s="8"/>
      <c r="FVW22" s="8"/>
      <c r="FVX22" s="8"/>
      <c r="FVY22" s="8"/>
      <c r="FVZ22" s="8"/>
      <c r="FWA22" s="8"/>
      <c r="FWB22" s="8"/>
      <c r="FWC22" s="8"/>
      <c r="FWD22" s="8"/>
      <c r="FWE22" s="8"/>
      <c r="FWF22" s="8"/>
      <c r="FWG22" s="8"/>
      <c r="FWH22" s="8"/>
      <c r="FWI22" s="8"/>
      <c r="FWJ22" s="8"/>
      <c r="FWK22" s="8"/>
      <c r="FWL22" s="8"/>
      <c r="FWM22" s="8"/>
      <c r="FWN22" s="8"/>
      <c r="FWO22" s="8"/>
      <c r="FWP22" s="8"/>
      <c r="FWQ22" s="8"/>
      <c r="FWR22" s="8"/>
      <c r="FWS22" s="8"/>
      <c r="FWT22" s="8"/>
      <c r="FWU22" s="8"/>
      <c r="FWV22" s="8"/>
      <c r="FWW22" s="8"/>
      <c r="FWX22" s="8"/>
      <c r="FWY22" s="8"/>
      <c r="FWZ22" s="8"/>
      <c r="FXA22" s="8"/>
      <c r="FXB22" s="8"/>
      <c r="FXC22" s="8"/>
      <c r="FXD22" s="8"/>
      <c r="FXE22" s="8"/>
      <c r="FXF22" s="8"/>
      <c r="FXG22" s="8"/>
      <c r="FXH22" s="8"/>
      <c r="FXI22" s="8"/>
      <c r="FXJ22" s="8"/>
      <c r="FXK22" s="8"/>
      <c r="FXL22" s="8"/>
      <c r="FXM22" s="8"/>
      <c r="FXN22" s="8"/>
      <c r="FXO22" s="8"/>
      <c r="FXP22" s="8"/>
      <c r="FXQ22" s="8"/>
      <c r="FXR22" s="8"/>
      <c r="FXS22" s="8"/>
      <c r="FXT22" s="8"/>
      <c r="FXU22" s="8"/>
      <c r="FXV22" s="8"/>
      <c r="FXW22" s="8"/>
      <c r="FXX22" s="8"/>
      <c r="FXY22" s="8"/>
      <c r="FXZ22" s="8"/>
      <c r="FYA22" s="8"/>
      <c r="FYB22" s="8"/>
      <c r="FYC22" s="8"/>
      <c r="FYD22" s="8"/>
      <c r="FYE22" s="8"/>
      <c r="FYF22" s="8"/>
      <c r="FYG22" s="8"/>
      <c r="FYH22" s="8"/>
      <c r="FYI22" s="8"/>
      <c r="FYJ22" s="8"/>
      <c r="FYK22" s="8"/>
      <c r="FYL22" s="8"/>
      <c r="FYM22" s="8"/>
      <c r="FYN22" s="8"/>
      <c r="FYO22" s="8"/>
      <c r="FYP22" s="8"/>
      <c r="FYQ22" s="8"/>
      <c r="FYR22" s="8"/>
      <c r="FYS22" s="8"/>
      <c r="FYT22" s="8"/>
      <c r="FYU22" s="8"/>
      <c r="FYV22" s="8"/>
      <c r="FYW22" s="8"/>
      <c r="FYX22" s="8"/>
      <c r="FYY22" s="8"/>
      <c r="FYZ22" s="8"/>
      <c r="FZA22" s="8"/>
      <c r="FZB22" s="8"/>
      <c r="FZC22" s="8"/>
      <c r="FZD22" s="8"/>
      <c r="FZE22" s="8"/>
      <c r="FZF22" s="8"/>
      <c r="FZG22" s="8"/>
      <c r="FZH22" s="8"/>
      <c r="FZI22" s="8"/>
      <c r="FZJ22" s="8"/>
      <c r="FZK22" s="8"/>
      <c r="FZL22" s="8"/>
      <c r="FZM22" s="8"/>
      <c r="FZN22" s="8"/>
      <c r="FZO22" s="8"/>
      <c r="FZP22" s="8"/>
      <c r="FZQ22" s="8"/>
      <c r="FZR22" s="8"/>
      <c r="FZS22" s="8"/>
      <c r="FZT22" s="8"/>
      <c r="FZU22" s="8"/>
      <c r="FZV22" s="8"/>
      <c r="FZW22" s="8"/>
      <c r="FZX22" s="8"/>
      <c r="FZY22" s="8"/>
      <c r="FZZ22" s="8"/>
      <c r="GAA22" s="8"/>
      <c r="GAB22" s="8"/>
      <c r="GAC22" s="8"/>
      <c r="GAD22" s="8"/>
      <c r="GAE22" s="8"/>
      <c r="GAF22" s="8"/>
      <c r="GAG22" s="8"/>
      <c r="GAH22" s="8"/>
      <c r="GAI22" s="8"/>
      <c r="GAJ22" s="8"/>
      <c r="GAK22" s="8"/>
      <c r="GAL22" s="8"/>
      <c r="GAM22" s="8"/>
      <c r="GAN22" s="8"/>
      <c r="GAO22" s="8"/>
      <c r="GAP22" s="8"/>
      <c r="GAQ22" s="8"/>
      <c r="GAR22" s="8"/>
      <c r="GAS22" s="8"/>
      <c r="GAT22" s="8"/>
      <c r="GAU22" s="8"/>
      <c r="GAV22" s="8"/>
      <c r="GAW22" s="8"/>
      <c r="GAX22" s="8"/>
      <c r="GAY22" s="8"/>
      <c r="GAZ22" s="8"/>
      <c r="GBA22" s="8"/>
      <c r="GBB22" s="8"/>
      <c r="GBC22" s="8"/>
      <c r="GBD22" s="8"/>
      <c r="GBE22" s="8"/>
      <c r="GBF22" s="8"/>
      <c r="GBG22" s="8"/>
      <c r="GBH22" s="8"/>
      <c r="GBI22" s="8"/>
      <c r="GBJ22" s="8"/>
      <c r="GBK22" s="8"/>
      <c r="GBL22" s="8"/>
      <c r="GBM22" s="8"/>
      <c r="GBN22" s="8"/>
      <c r="GBO22" s="8"/>
      <c r="GBP22" s="8"/>
      <c r="GBQ22" s="8"/>
      <c r="GBR22" s="8"/>
      <c r="GBS22" s="8"/>
      <c r="GBT22" s="8"/>
      <c r="GBU22" s="8"/>
      <c r="GBV22" s="8"/>
      <c r="GBW22" s="8"/>
      <c r="GBX22" s="8"/>
      <c r="GBY22" s="8"/>
      <c r="GBZ22" s="8"/>
      <c r="GCA22" s="8"/>
      <c r="GCB22" s="8"/>
      <c r="GCC22" s="8"/>
      <c r="GCD22" s="8"/>
      <c r="GCE22" s="8"/>
      <c r="GCF22" s="8"/>
      <c r="GCG22" s="8"/>
      <c r="GCH22" s="8"/>
      <c r="GCI22" s="8"/>
      <c r="GCJ22" s="8"/>
      <c r="GCK22" s="8"/>
      <c r="GCL22" s="8"/>
      <c r="GCM22" s="8"/>
      <c r="GCN22" s="8"/>
      <c r="GCO22" s="8"/>
      <c r="GCP22" s="8"/>
      <c r="GCQ22" s="8"/>
      <c r="GCR22" s="8"/>
      <c r="GCS22" s="8"/>
      <c r="GCT22" s="8"/>
      <c r="GCU22" s="8"/>
      <c r="GCV22" s="8"/>
      <c r="GCW22" s="8"/>
      <c r="GCX22" s="8"/>
      <c r="GCY22" s="8"/>
      <c r="GCZ22" s="8"/>
      <c r="GDA22" s="8"/>
      <c r="GDB22" s="8"/>
      <c r="GDC22" s="8"/>
      <c r="GDD22" s="8"/>
      <c r="GDE22" s="8"/>
      <c r="GDF22" s="8"/>
      <c r="GDG22" s="8"/>
      <c r="GDH22" s="8"/>
      <c r="GDI22" s="8"/>
      <c r="GDJ22" s="8"/>
      <c r="GDK22" s="8"/>
      <c r="GDL22" s="8"/>
      <c r="GDM22" s="8"/>
      <c r="GDN22" s="8"/>
      <c r="GDO22" s="8"/>
      <c r="GDP22" s="8"/>
      <c r="GDQ22" s="8"/>
      <c r="GDR22" s="8"/>
      <c r="GDS22" s="8"/>
      <c r="GDT22" s="8"/>
      <c r="GDU22" s="8"/>
      <c r="GDV22" s="8"/>
      <c r="GDW22" s="8"/>
      <c r="GDX22" s="8"/>
      <c r="GDY22" s="8"/>
      <c r="GDZ22" s="8"/>
      <c r="GEA22" s="8"/>
      <c r="GEB22" s="8"/>
      <c r="GEC22" s="8"/>
      <c r="GED22" s="8"/>
      <c r="GEE22" s="8"/>
      <c r="GEF22" s="8"/>
      <c r="GEG22" s="8"/>
      <c r="GEH22" s="8"/>
      <c r="GEI22" s="8"/>
      <c r="GEJ22" s="8"/>
      <c r="GEK22" s="8"/>
      <c r="GEL22" s="8"/>
      <c r="GEM22" s="8"/>
      <c r="GEN22" s="8"/>
      <c r="GEO22" s="8"/>
      <c r="GEP22" s="8"/>
      <c r="GEQ22" s="8"/>
      <c r="GER22" s="8"/>
      <c r="GES22" s="8"/>
      <c r="GET22" s="8"/>
      <c r="GEU22" s="8"/>
      <c r="GEV22" s="8"/>
      <c r="GEW22" s="8"/>
      <c r="GEX22" s="8"/>
      <c r="GEY22" s="8"/>
      <c r="GEZ22" s="8"/>
      <c r="GFA22" s="8"/>
      <c r="GFB22" s="8"/>
      <c r="GFC22" s="8"/>
      <c r="GFD22" s="8"/>
      <c r="GFE22" s="8"/>
      <c r="GFF22" s="8"/>
      <c r="GFG22" s="8"/>
      <c r="GFH22" s="8"/>
      <c r="GFI22" s="8"/>
      <c r="GFJ22" s="8"/>
      <c r="GFK22" s="8"/>
      <c r="GFL22" s="8"/>
      <c r="GFM22" s="8"/>
      <c r="GFN22" s="8"/>
      <c r="GFO22" s="8"/>
      <c r="GFP22" s="8"/>
      <c r="GFQ22" s="8"/>
      <c r="GFR22" s="8"/>
      <c r="GFS22" s="8"/>
      <c r="GFT22" s="8"/>
      <c r="GFU22" s="8"/>
      <c r="GFV22" s="8"/>
      <c r="GFW22" s="8"/>
      <c r="GFX22" s="8"/>
      <c r="GFY22" s="8"/>
      <c r="GFZ22" s="8"/>
      <c r="GGA22" s="8"/>
      <c r="GGB22" s="8"/>
      <c r="GGC22" s="8"/>
      <c r="GGD22" s="8"/>
      <c r="GGE22" s="8"/>
      <c r="GGF22" s="8"/>
      <c r="GGG22" s="8"/>
      <c r="GGH22" s="8"/>
      <c r="GGI22" s="8"/>
      <c r="GGJ22" s="8"/>
      <c r="GGK22" s="8"/>
      <c r="GGL22" s="8"/>
      <c r="GGM22" s="8"/>
      <c r="GGN22" s="8"/>
      <c r="GGO22" s="8"/>
      <c r="GGP22" s="8"/>
      <c r="GGQ22" s="8"/>
      <c r="GGR22" s="8"/>
      <c r="GGS22" s="8"/>
      <c r="GGT22" s="8"/>
      <c r="GGU22" s="8"/>
      <c r="GGV22" s="8"/>
      <c r="GGW22" s="8"/>
      <c r="GGX22" s="8"/>
      <c r="GGY22" s="8"/>
      <c r="GGZ22" s="8"/>
      <c r="GHA22" s="8"/>
      <c r="GHB22" s="8"/>
      <c r="GHC22" s="8"/>
      <c r="GHD22" s="8"/>
      <c r="GHE22" s="8"/>
      <c r="GHF22" s="8"/>
      <c r="GHG22" s="8"/>
      <c r="GHH22" s="8"/>
      <c r="GHI22" s="8"/>
      <c r="GHJ22" s="8"/>
      <c r="GHK22" s="8"/>
      <c r="GHL22" s="8"/>
      <c r="GHM22" s="8"/>
      <c r="GHN22" s="8"/>
      <c r="GHO22" s="8"/>
      <c r="GHP22" s="8"/>
      <c r="GHQ22" s="8"/>
      <c r="GHR22" s="8"/>
      <c r="GHS22" s="8"/>
      <c r="GHT22" s="8"/>
      <c r="GHU22" s="8"/>
      <c r="GHV22" s="8"/>
      <c r="GHW22" s="8"/>
      <c r="GHX22" s="8"/>
      <c r="GHY22" s="8"/>
      <c r="GHZ22" s="8"/>
      <c r="GIA22" s="8"/>
      <c r="GIB22" s="8"/>
      <c r="GIC22" s="8"/>
      <c r="GID22" s="8"/>
      <c r="GIE22" s="8"/>
      <c r="GIF22" s="8"/>
      <c r="GIG22" s="8"/>
      <c r="GIH22" s="8"/>
      <c r="GII22" s="8"/>
      <c r="GIJ22" s="8"/>
      <c r="GIK22" s="8"/>
      <c r="GIL22" s="8"/>
      <c r="GIM22" s="8"/>
      <c r="GIN22" s="8"/>
      <c r="GIO22" s="8"/>
      <c r="GIP22" s="8"/>
      <c r="GIQ22" s="8"/>
      <c r="GIR22" s="8"/>
      <c r="GIS22" s="8"/>
      <c r="GIT22" s="8"/>
      <c r="GIU22" s="8"/>
      <c r="GIV22" s="8"/>
      <c r="GIW22" s="8"/>
      <c r="GIX22" s="8"/>
      <c r="GIY22" s="8"/>
      <c r="GIZ22" s="8"/>
      <c r="GJA22" s="8"/>
      <c r="GJB22" s="8"/>
      <c r="GJC22" s="8"/>
      <c r="GJD22" s="8"/>
      <c r="GJE22" s="8"/>
      <c r="GJF22" s="8"/>
      <c r="GJG22" s="8"/>
      <c r="GJH22" s="8"/>
      <c r="GJI22" s="8"/>
      <c r="GJJ22" s="8"/>
      <c r="GJK22" s="8"/>
      <c r="GJL22" s="8"/>
      <c r="GJM22" s="8"/>
      <c r="GJN22" s="8"/>
      <c r="GJO22" s="8"/>
      <c r="GJP22" s="8"/>
      <c r="GJQ22" s="8"/>
      <c r="GJR22" s="8"/>
      <c r="GJS22" s="8"/>
      <c r="GJT22" s="8"/>
      <c r="GJU22" s="8"/>
      <c r="GJV22" s="8"/>
      <c r="GJW22" s="8"/>
      <c r="GJX22" s="8"/>
      <c r="GJY22" s="8"/>
      <c r="GJZ22" s="8"/>
      <c r="GKA22" s="8"/>
      <c r="GKB22" s="8"/>
      <c r="GKC22" s="8"/>
      <c r="GKD22" s="8"/>
      <c r="GKE22" s="8"/>
      <c r="GKF22" s="8"/>
      <c r="GKG22" s="8"/>
      <c r="GKH22" s="8"/>
      <c r="GKI22" s="8"/>
      <c r="GKJ22" s="8"/>
      <c r="GKK22" s="8"/>
      <c r="GKL22" s="8"/>
      <c r="GKM22" s="8"/>
      <c r="GKN22" s="8"/>
      <c r="GKO22" s="8"/>
      <c r="GKP22" s="8"/>
      <c r="GKQ22" s="8"/>
      <c r="GKR22" s="8"/>
      <c r="GKS22" s="8"/>
      <c r="GKT22" s="8"/>
      <c r="GKU22" s="8"/>
      <c r="GKV22" s="8"/>
      <c r="GKW22" s="8"/>
      <c r="GKX22" s="8"/>
      <c r="GKY22" s="8"/>
      <c r="GKZ22" s="8"/>
      <c r="GLA22" s="8"/>
      <c r="GLB22" s="8"/>
      <c r="GLC22" s="8"/>
      <c r="GLD22" s="8"/>
      <c r="GLE22" s="8"/>
      <c r="GLF22" s="8"/>
      <c r="GLG22" s="8"/>
      <c r="GLH22" s="8"/>
      <c r="GLI22" s="8"/>
      <c r="GLJ22" s="8"/>
      <c r="GLK22" s="8"/>
      <c r="GLL22" s="8"/>
      <c r="GLM22" s="8"/>
      <c r="GLN22" s="8"/>
      <c r="GLO22" s="8"/>
      <c r="GLP22" s="8"/>
      <c r="GLQ22" s="8"/>
      <c r="GLR22" s="8"/>
      <c r="GLS22" s="8"/>
      <c r="GLT22" s="8"/>
      <c r="GLU22" s="8"/>
      <c r="GLV22" s="8"/>
      <c r="GLW22" s="8"/>
      <c r="GLX22" s="8"/>
      <c r="GLY22" s="8"/>
      <c r="GLZ22" s="8"/>
      <c r="GMA22" s="8"/>
      <c r="GMB22" s="8"/>
      <c r="GMC22" s="8"/>
      <c r="GMD22" s="8"/>
      <c r="GME22" s="8"/>
      <c r="GMF22" s="8"/>
      <c r="GMG22" s="8"/>
      <c r="GMH22" s="8"/>
      <c r="GMI22" s="8"/>
      <c r="GMJ22" s="8"/>
      <c r="GMK22" s="8"/>
      <c r="GML22" s="8"/>
      <c r="GMM22" s="8"/>
      <c r="GMN22" s="8"/>
      <c r="GMO22" s="8"/>
      <c r="GMP22" s="8"/>
      <c r="GMQ22" s="8"/>
      <c r="GMR22" s="8"/>
      <c r="GMS22" s="8"/>
      <c r="GMT22" s="8"/>
      <c r="GMU22" s="8"/>
      <c r="GMV22" s="8"/>
      <c r="GMW22" s="8"/>
      <c r="GMX22" s="8"/>
      <c r="GMY22" s="8"/>
      <c r="GMZ22" s="8"/>
      <c r="GNA22" s="8"/>
      <c r="GNB22" s="8"/>
      <c r="GNC22" s="8"/>
      <c r="GND22" s="8"/>
      <c r="GNE22" s="8"/>
      <c r="GNF22" s="8"/>
      <c r="GNG22" s="8"/>
      <c r="GNH22" s="8"/>
      <c r="GNI22" s="8"/>
      <c r="GNJ22" s="8"/>
      <c r="GNK22" s="8"/>
      <c r="GNL22" s="8"/>
      <c r="GNM22" s="8"/>
      <c r="GNN22" s="8"/>
      <c r="GNO22" s="8"/>
      <c r="GNP22" s="8"/>
      <c r="GNQ22" s="8"/>
      <c r="GNR22" s="8"/>
      <c r="GNS22" s="8"/>
      <c r="GNT22" s="8"/>
      <c r="GNU22" s="8"/>
      <c r="GNV22" s="8"/>
      <c r="GNW22" s="8"/>
      <c r="GNX22" s="8"/>
      <c r="GNY22" s="8"/>
      <c r="GNZ22" s="8"/>
      <c r="GOA22" s="8"/>
      <c r="GOB22" s="8"/>
      <c r="GOC22" s="8"/>
      <c r="GOD22" s="8"/>
      <c r="GOE22" s="8"/>
      <c r="GOF22" s="8"/>
      <c r="GOG22" s="8"/>
      <c r="GOH22" s="8"/>
      <c r="GOI22" s="8"/>
      <c r="GOJ22" s="8"/>
      <c r="GOK22" s="8"/>
      <c r="GOL22" s="8"/>
      <c r="GOM22" s="8"/>
      <c r="GON22" s="8"/>
      <c r="GOO22" s="8"/>
      <c r="GOP22" s="8"/>
      <c r="GOQ22" s="8"/>
      <c r="GOR22" s="8"/>
      <c r="GOS22" s="8"/>
      <c r="GOT22" s="8"/>
      <c r="GOU22" s="8"/>
      <c r="GOV22" s="8"/>
      <c r="GOW22" s="8"/>
      <c r="GOX22" s="8"/>
      <c r="GOY22" s="8"/>
      <c r="GOZ22" s="8"/>
      <c r="GPA22" s="8"/>
      <c r="GPB22" s="8"/>
      <c r="GPC22" s="8"/>
      <c r="GPD22" s="8"/>
      <c r="GPE22" s="8"/>
      <c r="GPF22" s="8"/>
      <c r="GPG22" s="8"/>
      <c r="GPH22" s="8"/>
      <c r="GPI22" s="8"/>
      <c r="GPJ22" s="8"/>
      <c r="GPK22" s="8"/>
      <c r="GPL22" s="8"/>
      <c r="GPM22" s="8"/>
      <c r="GPN22" s="8"/>
      <c r="GPO22" s="8"/>
      <c r="GPP22" s="8"/>
      <c r="GPQ22" s="8"/>
      <c r="GPR22" s="8"/>
      <c r="GPS22" s="8"/>
      <c r="GPT22" s="8"/>
      <c r="GPU22" s="8"/>
      <c r="GPV22" s="8"/>
      <c r="GPW22" s="8"/>
      <c r="GPX22" s="8"/>
      <c r="GPY22" s="8"/>
      <c r="GPZ22" s="8"/>
      <c r="GQA22" s="8"/>
      <c r="GQB22" s="8"/>
      <c r="GQC22" s="8"/>
      <c r="GQD22" s="8"/>
      <c r="GQE22" s="8"/>
      <c r="GQF22" s="8"/>
      <c r="GQG22" s="8"/>
      <c r="GQH22" s="8"/>
      <c r="GQI22" s="8"/>
      <c r="GQJ22" s="8"/>
      <c r="GQK22" s="8"/>
      <c r="GQL22" s="8"/>
      <c r="GQM22" s="8"/>
      <c r="GQN22" s="8"/>
      <c r="GQO22" s="8"/>
      <c r="GQP22" s="8"/>
      <c r="GQQ22" s="8"/>
      <c r="GQR22" s="8"/>
      <c r="GQS22" s="8"/>
      <c r="GQT22" s="8"/>
      <c r="GQU22" s="8"/>
      <c r="GQV22" s="8"/>
      <c r="GQW22" s="8"/>
      <c r="GQX22" s="8"/>
      <c r="GQY22" s="8"/>
      <c r="GQZ22" s="8"/>
      <c r="GRA22" s="8"/>
      <c r="GRB22" s="8"/>
      <c r="GRC22" s="8"/>
      <c r="GRD22" s="8"/>
      <c r="GRE22" s="8"/>
      <c r="GRF22" s="8"/>
      <c r="GRG22" s="8"/>
      <c r="GRH22" s="8"/>
      <c r="GRI22" s="8"/>
      <c r="GRJ22" s="8"/>
      <c r="GRK22" s="8"/>
      <c r="GRL22" s="8"/>
      <c r="GRM22" s="8"/>
      <c r="GRN22" s="8"/>
      <c r="GRO22" s="8"/>
      <c r="GRP22" s="8"/>
      <c r="GRQ22" s="8"/>
      <c r="GRR22" s="8"/>
      <c r="GRS22" s="8"/>
      <c r="GRT22" s="8"/>
      <c r="GRU22" s="8"/>
      <c r="GRV22" s="8"/>
      <c r="GRW22" s="8"/>
      <c r="GRX22" s="8"/>
      <c r="GRY22" s="8"/>
      <c r="GRZ22" s="8"/>
      <c r="GSA22" s="8"/>
      <c r="GSB22" s="8"/>
      <c r="GSC22" s="8"/>
      <c r="GSD22" s="8"/>
      <c r="GSE22" s="8"/>
      <c r="GSF22" s="8"/>
      <c r="GSG22" s="8"/>
      <c r="GSH22" s="8"/>
      <c r="GSI22" s="8"/>
      <c r="GSJ22" s="8"/>
      <c r="GSK22" s="8"/>
      <c r="GSL22" s="8"/>
      <c r="GSM22" s="8"/>
      <c r="GSN22" s="8"/>
      <c r="GSO22" s="8"/>
      <c r="GSP22" s="8"/>
      <c r="GSQ22" s="8"/>
      <c r="GSR22" s="8"/>
      <c r="GSS22" s="8"/>
      <c r="GST22" s="8"/>
      <c r="GSU22" s="8"/>
      <c r="GSV22" s="8"/>
      <c r="GSW22" s="8"/>
      <c r="GSX22" s="8"/>
      <c r="GSY22" s="8"/>
      <c r="GSZ22" s="8"/>
      <c r="GTA22" s="8"/>
      <c r="GTB22" s="8"/>
      <c r="GTC22" s="8"/>
      <c r="GTD22" s="8"/>
      <c r="GTE22" s="8"/>
      <c r="GTF22" s="8"/>
      <c r="GTG22" s="8"/>
      <c r="GTH22" s="8"/>
      <c r="GTI22" s="8"/>
      <c r="GTJ22" s="8"/>
      <c r="GTK22" s="8"/>
      <c r="GTL22" s="8"/>
      <c r="GTM22" s="8"/>
      <c r="GTN22" s="8"/>
      <c r="GTO22" s="8"/>
      <c r="GTP22" s="8"/>
      <c r="GTQ22" s="8"/>
      <c r="GTR22" s="8"/>
      <c r="GTS22" s="8"/>
      <c r="GTT22" s="8"/>
      <c r="GTU22" s="8"/>
      <c r="GTV22" s="8"/>
      <c r="GTW22" s="8"/>
      <c r="GTX22" s="8"/>
      <c r="GTY22" s="8"/>
      <c r="GTZ22" s="8"/>
      <c r="GUA22" s="8"/>
      <c r="GUB22" s="8"/>
      <c r="GUC22" s="8"/>
      <c r="GUD22" s="8"/>
      <c r="GUE22" s="8"/>
      <c r="GUF22" s="8"/>
      <c r="GUG22" s="8"/>
      <c r="GUH22" s="8"/>
      <c r="GUI22" s="8"/>
      <c r="GUJ22" s="8"/>
      <c r="GUK22" s="8"/>
      <c r="GUL22" s="8"/>
      <c r="GUM22" s="8"/>
      <c r="GUN22" s="8"/>
      <c r="GUO22" s="8"/>
      <c r="GUP22" s="8"/>
      <c r="GUQ22" s="8"/>
      <c r="GUR22" s="8"/>
      <c r="GUS22" s="8"/>
      <c r="GUT22" s="8"/>
      <c r="GUU22" s="8"/>
      <c r="GUV22" s="8"/>
      <c r="GUW22" s="8"/>
      <c r="GUX22" s="8"/>
      <c r="GUY22" s="8"/>
      <c r="GUZ22" s="8"/>
      <c r="GVA22" s="8"/>
      <c r="GVB22" s="8"/>
      <c r="GVC22" s="8"/>
      <c r="GVD22" s="8"/>
      <c r="GVE22" s="8"/>
      <c r="GVF22" s="8"/>
      <c r="GVG22" s="8"/>
      <c r="GVH22" s="8"/>
      <c r="GVI22" s="8"/>
      <c r="GVJ22" s="8"/>
      <c r="GVK22" s="8"/>
      <c r="GVL22" s="8"/>
      <c r="GVM22" s="8"/>
      <c r="GVN22" s="8"/>
      <c r="GVO22" s="8"/>
      <c r="GVP22" s="8"/>
      <c r="GVQ22" s="8"/>
      <c r="GVR22" s="8"/>
      <c r="GVS22" s="8"/>
      <c r="GVT22" s="8"/>
      <c r="GVU22" s="8"/>
      <c r="GVV22" s="8"/>
      <c r="GVW22" s="8"/>
      <c r="GVX22" s="8"/>
      <c r="GVY22" s="8"/>
      <c r="GVZ22" s="8"/>
      <c r="GWA22" s="8"/>
      <c r="GWB22" s="8"/>
      <c r="GWC22" s="8"/>
      <c r="GWD22" s="8"/>
      <c r="GWE22" s="8"/>
      <c r="GWF22" s="8"/>
      <c r="GWG22" s="8"/>
      <c r="GWH22" s="8"/>
      <c r="GWI22" s="8"/>
      <c r="GWJ22" s="8"/>
      <c r="GWK22" s="8"/>
      <c r="GWL22" s="8"/>
      <c r="GWM22" s="8"/>
      <c r="GWN22" s="8"/>
      <c r="GWO22" s="8"/>
      <c r="GWP22" s="8"/>
      <c r="GWQ22" s="8"/>
      <c r="GWR22" s="8"/>
      <c r="GWS22" s="8"/>
      <c r="GWT22" s="8"/>
      <c r="GWU22" s="8"/>
      <c r="GWV22" s="8"/>
      <c r="GWW22" s="8"/>
      <c r="GWX22" s="8"/>
      <c r="GWY22" s="8"/>
      <c r="GWZ22" s="8"/>
      <c r="GXA22" s="8"/>
      <c r="GXB22" s="8"/>
      <c r="GXC22" s="8"/>
      <c r="GXD22" s="8"/>
      <c r="GXE22" s="8"/>
      <c r="GXF22" s="8"/>
      <c r="GXG22" s="8"/>
      <c r="GXH22" s="8"/>
      <c r="GXI22" s="8"/>
      <c r="GXJ22" s="8"/>
      <c r="GXK22" s="8"/>
      <c r="GXL22" s="8"/>
      <c r="GXM22" s="8"/>
      <c r="GXN22" s="8"/>
      <c r="GXO22" s="8"/>
      <c r="GXP22" s="8"/>
      <c r="GXQ22" s="8"/>
      <c r="GXR22" s="8"/>
      <c r="GXS22" s="8"/>
      <c r="GXT22" s="8"/>
      <c r="GXU22" s="8"/>
      <c r="GXV22" s="8"/>
      <c r="GXW22" s="8"/>
      <c r="GXX22" s="8"/>
      <c r="GXY22" s="8"/>
      <c r="GXZ22" s="8"/>
      <c r="GYA22" s="8"/>
      <c r="GYB22" s="8"/>
      <c r="GYC22" s="8"/>
      <c r="GYD22" s="8"/>
      <c r="GYE22" s="8"/>
      <c r="GYF22" s="8"/>
      <c r="GYG22" s="8"/>
      <c r="GYH22" s="8"/>
      <c r="GYI22" s="8"/>
      <c r="GYJ22" s="8"/>
      <c r="GYK22" s="8"/>
      <c r="GYL22" s="8"/>
      <c r="GYM22" s="8"/>
      <c r="GYN22" s="8"/>
      <c r="GYO22" s="8"/>
      <c r="GYP22" s="8"/>
      <c r="GYQ22" s="8"/>
      <c r="GYR22" s="8"/>
      <c r="GYS22" s="8"/>
      <c r="GYT22" s="8"/>
      <c r="GYU22" s="8"/>
      <c r="GYV22" s="8"/>
      <c r="GYW22" s="8"/>
      <c r="GYX22" s="8"/>
      <c r="GYY22" s="8"/>
      <c r="GYZ22" s="8"/>
      <c r="GZA22" s="8"/>
      <c r="GZB22" s="8"/>
      <c r="GZC22" s="8"/>
      <c r="GZD22" s="8"/>
      <c r="GZE22" s="8"/>
      <c r="GZF22" s="8"/>
      <c r="GZG22" s="8"/>
      <c r="GZH22" s="8"/>
      <c r="GZI22" s="8"/>
      <c r="GZJ22" s="8"/>
      <c r="GZK22" s="8"/>
      <c r="GZL22" s="8"/>
      <c r="GZM22" s="8"/>
      <c r="GZN22" s="8"/>
      <c r="GZO22" s="8"/>
      <c r="GZP22" s="8"/>
      <c r="GZQ22" s="8"/>
      <c r="GZR22" s="8"/>
      <c r="GZS22" s="8"/>
      <c r="GZT22" s="8"/>
      <c r="GZU22" s="8"/>
      <c r="GZV22" s="8"/>
      <c r="GZW22" s="8"/>
      <c r="GZX22" s="8"/>
      <c r="GZY22" s="8"/>
      <c r="GZZ22" s="8"/>
      <c r="HAA22" s="8"/>
      <c r="HAB22" s="8"/>
      <c r="HAC22" s="8"/>
      <c r="HAD22" s="8"/>
      <c r="HAE22" s="8"/>
      <c r="HAF22" s="8"/>
      <c r="HAG22" s="8"/>
      <c r="HAH22" s="8"/>
      <c r="HAI22" s="8"/>
      <c r="HAJ22" s="8"/>
      <c r="HAK22" s="8"/>
      <c r="HAL22" s="8"/>
      <c r="HAM22" s="8"/>
      <c r="HAN22" s="8"/>
      <c r="HAO22" s="8"/>
      <c r="HAP22" s="8"/>
      <c r="HAQ22" s="8"/>
      <c r="HAR22" s="8"/>
      <c r="HAS22" s="8"/>
      <c r="HAT22" s="8"/>
      <c r="HAU22" s="8"/>
      <c r="HAV22" s="8"/>
      <c r="HAW22" s="8"/>
      <c r="HAX22" s="8"/>
      <c r="HAY22" s="8"/>
      <c r="HAZ22" s="8"/>
      <c r="HBA22" s="8"/>
      <c r="HBB22" s="8"/>
      <c r="HBC22" s="8"/>
      <c r="HBD22" s="8"/>
      <c r="HBE22" s="8"/>
      <c r="HBF22" s="8"/>
      <c r="HBG22" s="8"/>
      <c r="HBH22" s="8"/>
      <c r="HBI22" s="8"/>
      <c r="HBJ22" s="8"/>
      <c r="HBK22" s="8"/>
      <c r="HBL22" s="8"/>
      <c r="HBM22" s="8"/>
      <c r="HBN22" s="8"/>
      <c r="HBO22" s="8"/>
      <c r="HBP22" s="8"/>
      <c r="HBQ22" s="8"/>
      <c r="HBR22" s="8"/>
      <c r="HBS22" s="8"/>
      <c r="HBT22" s="8"/>
      <c r="HBU22" s="8"/>
      <c r="HBV22" s="8"/>
      <c r="HBW22" s="8"/>
      <c r="HBX22" s="8"/>
      <c r="HBY22" s="8"/>
      <c r="HBZ22" s="8"/>
      <c r="HCA22" s="8"/>
      <c r="HCB22" s="8"/>
      <c r="HCC22" s="8"/>
      <c r="HCD22" s="8"/>
      <c r="HCE22" s="8"/>
      <c r="HCF22" s="8"/>
      <c r="HCG22" s="8"/>
      <c r="HCH22" s="8"/>
      <c r="HCI22" s="8"/>
      <c r="HCJ22" s="8"/>
      <c r="HCK22" s="8"/>
      <c r="HCL22" s="8"/>
      <c r="HCM22" s="8"/>
      <c r="HCN22" s="8"/>
      <c r="HCO22" s="8"/>
      <c r="HCP22" s="8"/>
      <c r="HCQ22" s="8"/>
      <c r="HCR22" s="8"/>
      <c r="HCS22" s="8"/>
      <c r="HCT22" s="8"/>
      <c r="HCU22" s="8"/>
      <c r="HCV22" s="8"/>
      <c r="HCW22" s="8"/>
      <c r="HCX22" s="8"/>
      <c r="HCY22" s="8"/>
      <c r="HCZ22" s="8"/>
      <c r="HDA22" s="8"/>
      <c r="HDB22" s="8"/>
      <c r="HDC22" s="8"/>
      <c r="HDD22" s="8"/>
      <c r="HDE22" s="8"/>
      <c r="HDF22" s="8"/>
      <c r="HDG22" s="8"/>
      <c r="HDH22" s="8"/>
      <c r="HDI22" s="8"/>
      <c r="HDJ22" s="8"/>
      <c r="HDK22" s="8"/>
      <c r="HDL22" s="8"/>
      <c r="HDM22" s="8"/>
      <c r="HDN22" s="8"/>
      <c r="HDO22" s="8"/>
      <c r="HDP22" s="8"/>
      <c r="HDQ22" s="8"/>
      <c r="HDR22" s="8"/>
      <c r="HDS22" s="8"/>
      <c r="HDT22" s="8"/>
      <c r="HDU22" s="8"/>
      <c r="HDV22" s="8"/>
      <c r="HDW22" s="8"/>
      <c r="HDX22" s="8"/>
      <c r="HDY22" s="8"/>
      <c r="HDZ22" s="8"/>
      <c r="HEA22" s="8"/>
      <c r="HEB22" s="8"/>
      <c r="HEC22" s="8"/>
      <c r="HED22" s="8"/>
      <c r="HEE22" s="8"/>
      <c r="HEF22" s="8"/>
      <c r="HEG22" s="8"/>
      <c r="HEH22" s="8"/>
      <c r="HEI22" s="8"/>
      <c r="HEJ22" s="8"/>
      <c r="HEK22" s="8"/>
      <c r="HEL22" s="8"/>
      <c r="HEM22" s="8"/>
      <c r="HEN22" s="8"/>
      <c r="HEO22" s="8"/>
      <c r="HEP22" s="8"/>
      <c r="HEQ22" s="8"/>
      <c r="HER22" s="8"/>
      <c r="HES22" s="8"/>
      <c r="HET22" s="8"/>
      <c r="HEU22" s="8"/>
      <c r="HEV22" s="8"/>
      <c r="HEW22" s="8"/>
      <c r="HEX22" s="8"/>
      <c r="HEY22" s="8"/>
      <c r="HEZ22" s="8"/>
      <c r="HFA22" s="8"/>
      <c r="HFB22" s="8"/>
      <c r="HFC22" s="8"/>
      <c r="HFD22" s="8"/>
      <c r="HFE22" s="8"/>
      <c r="HFF22" s="8"/>
      <c r="HFG22" s="8"/>
      <c r="HFH22" s="8"/>
      <c r="HFI22" s="8"/>
      <c r="HFJ22" s="8"/>
      <c r="HFK22" s="8"/>
      <c r="HFL22" s="8"/>
      <c r="HFM22" s="8"/>
      <c r="HFN22" s="8"/>
      <c r="HFO22" s="8"/>
      <c r="HFP22" s="8"/>
      <c r="HFQ22" s="8"/>
      <c r="HFR22" s="8"/>
      <c r="HFS22" s="8"/>
      <c r="HFT22" s="8"/>
      <c r="HFU22" s="8"/>
      <c r="HFV22" s="8"/>
      <c r="HFW22" s="8"/>
      <c r="HFX22" s="8"/>
      <c r="HFY22" s="8"/>
      <c r="HFZ22" s="8"/>
      <c r="HGA22" s="8"/>
      <c r="HGB22" s="8"/>
      <c r="HGC22" s="8"/>
      <c r="HGD22" s="8"/>
      <c r="HGE22" s="8"/>
      <c r="HGF22" s="8"/>
      <c r="HGG22" s="8"/>
      <c r="HGH22" s="8"/>
      <c r="HGI22" s="8"/>
      <c r="HGJ22" s="8"/>
      <c r="HGK22" s="8"/>
      <c r="HGL22" s="8"/>
      <c r="HGM22" s="8"/>
      <c r="HGN22" s="8"/>
      <c r="HGO22" s="8"/>
      <c r="HGP22" s="8"/>
      <c r="HGQ22" s="8"/>
      <c r="HGR22" s="8"/>
      <c r="HGS22" s="8"/>
      <c r="HGT22" s="8"/>
      <c r="HGU22" s="8"/>
      <c r="HGV22" s="8"/>
      <c r="HGW22" s="8"/>
      <c r="HGX22" s="8"/>
      <c r="HGY22" s="8"/>
      <c r="HGZ22" s="8"/>
      <c r="HHA22" s="8"/>
      <c r="HHB22" s="8"/>
      <c r="HHC22" s="8"/>
      <c r="HHD22" s="8"/>
      <c r="HHE22" s="8"/>
      <c r="HHF22" s="8"/>
      <c r="HHG22" s="8"/>
      <c r="HHH22" s="8"/>
      <c r="HHI22" s="8"/>
      <c r="HHJ22" s="8"/>
      <c r="HHK22" s="8"/>
      <c r="HHL22" s="8"/>
      <c r="HHM22" s="8"/>
      <c r="HHN22" s="8"/>
      <c r="HHO22" s="8"/>
      <c r="HHP22" s="8"/>
      <c r="HHQ22" s="8"/>
      <c r="HHR22" s="8"/>
      <c r="HHS22" s="8"/>
      <c r="HHT22" s="8"/>
      <c r="HHU22" s="8"/>
      <c r="HHV22" s="8"/>
      <c r="HHW22" s="8"/>
      <c r="HHX22" s="8"/>
      <c r="HHY22" s="8"/>
      <c r="HHZ22" s="8"/>
      <c r="HIA22" s="8"/>
      <c r="HIB22" s="8"/>
      <c r="HIC22" s="8"/>
      <c r="HID22" s="8"/>
      <c r="HIE22" s="8"/>
      <c r="HIF22" s="8"/>
      <c r="HIG22" s="8"/>
      <c r="HIH22" s="8"/>
      <c r="HII22" s="8"/>
      <c r="HIJ22" s="8"/>
      <c r="HIK22" s="8"/>
      <c r="HIL22" s="8"/>
      <c r="HIM22" s="8"/>
      <c r="HIN22" s="8"/>
      <c r="HIO22" s="8"/>
      <c r="HIP22" s="8"/>
      <c r="HIQ22" s="8"/>
      <c r="HIR22" s="8"/>
      <c r="HIS22" s="8"/>
      <c r="HIT22" s="8"/>
      <c r="HIU22" s="8"/>
      <c r="HIV22" s="8"/>
      <c r="HIW22" s="8"/>
      <c r="HIX22" s="8"/>
      <c r="HIY22" s="8"/>
      <c r="HIZ22" s="8"/>
      <c r="HJA22" s="8"/>
      <c r="HJB22" s="8"/>
      <c r="HJC22" s="8"/>
      <c r="HJD22" s="8"/>
      <c r="HJE22" s="8"/>
      <c r="HJF22" s="8"/>
      <c r="HJG22" s="8"/>
      <c r="HJH22" s="8"/>
      <c r="HJI22" s="8"/>
      <c r="HJJ22" s="8"/>
      <c r="HJK22" s="8"/>
      <c r="HJL22" s="8"/>
      <c r="HJM22" s="8"/>
      <c r="HJN22" s="8"/>
      <c r="HJO22" s="8"/>
      <c r="HJP22" s="8"/>
      <c r="HJQ22" s="8"/>
      <c r="HJR22" s="8"/>
      <c r="HJS22" s="8"/>
      <c r="HJT22" s="8"/>
      <c r="HJU22" s="8"/>
      <c r="HJV22" s="8"/>
      <c r="HJW22" s="8"/>
      <c r="HJX22" s="8"/>
      <c r="HJY22" s="8"/>
      <c r="HJZ22" s="8"/>
      <c r="HKA22" s="8"/>
      <c r="HKB22" s="8"/>
      <c r="HKC22" s="8"/>
      <c r="HKD22" s="8"/>
      <c r="HKE22" s="8"/>
      <c r="HKF22" s="8"/>
      <c r="HKG22" s="8"/>
      <c r="HKH22" s="8"/>
      <c r="HKI22" s="8"/>
      <c r="HKJ22" s="8"/>
      <c r="HKK22" s="8"/>
      <c r="HKL22" s="8"/>
      <c r="HKM22" s="8"/>
      <c r="HKN22" s="8"/>
      <c r="HKO22" s="8"/>
      <c r="HKP22" s="8"/>
      <c r="HKQ22" s="8"/>
      <c r="HKR22" s="8"/>
      <c r="HKS22" s="8"/>
      <c r="HKT22" s="8"/>
      <c r="HKU22" s="8"/>
      <c r="HKV22" s="8"/>
      <c r="HKW22" s="8"/>
      <c r="HKX22" s="8"/>
      <c r="HKY22" s="8"/>
      <c r="HKZ22" s="8"/>
      <c r="HLA22" s="8"/>
      <c r="HLB22" s="8"/>
      <c r="HLC22" s="8"/>
      <c r="HLD22" s="8"/>
      <c r="HLE22" s="8"/>
      <c r="HLF22" s="8"/>
      <c r="HLG22" s="8"/>
      <c r="HLH22" s="8"/>
      <c r="HLI22" s="8"/>
      <c r="HLJ22" s="8"/>
      <c r="HLK22" s="8"/>
      <c r="HLL22" s="8"/>
      <c r="HLM22" s="8"/>
      <c r="HLN22" s="8"/>
      <c r="HLO22" s="8"/>
      <c r="HLP22" s="8"/>
      <c r="HLQ22" s="8"/>
      <c r="HLR22" s="8"/>
      <c r="HLS22" s="8"/>
      <c r="HLT22" s="8"/>
      <c r="HLU22" s="8"/>
      <c r="HLV22" s="8"/>
      <c r="HLW22" s="8"/>
      <c r="HLX22" s="8"/>
      <c r="HLY22" s="8"/>
      <c r="HLZ22" s="8"/>
      <c r="HMA22" s="8"/>
      <c r="HMB22" s="8"/>
      <c r="HMC22" s="8"/>
      <c r="HMD22" s="8"/>
      <c r="HME22" s="8"/>
      <c r="HMF22" s="8"/>
      <c r="HMG22" s="8"/>
      <c r="HMH22" s="8"/>
      <c r="HMI22" s="8"/>
      <c r="HMJ22" s="8"/>
      <c r="HMK22" s="8"/>
      <c r="HML22" s="8"/>
      <c r="HMM22" s="8"/>
      <c r="HMN22" s="8"/>
      <c r="HMO22" s="8"/>
      <c r="HMP22" s="8"/>
      <c r="HMQ22" s="8"/>
      <c r="HMR22" s="8"/>
      <c r="HMS22" s="8"/>
      <c r="HMT22" s="8"/>
      <c r="HMU22" s="8"/>
      <c r="HMV22" s="8"/>
      <c r="HMW22" s="8"/>
      <c r="HMX22" s="8"/>
      <c r="HMY22" s="8"/>
      <c r="HMZ22" s="8"/>
      <c r="HNA22" s="8"/>
      <c r="HNB22" s="8"/>
      <c r="HNC22" s="8"/>
      <c r="HND22" s="8"/>
      <c r="HNE22" s="8"/>
      <c r="HNF22" s="8"/>
      <c r="HNG22" s="8"/>
      <c r="HNH22" s="8"/>
      <c r="HNI22" s="8"/>
      <c r="HNJ22" s="8"/>
      <c r="HNK22" s="8"/>
      <c r="HNL22" s="8"/>
      <c r="HNM22" s="8"/>
      <c r="HNN22" s="8"/>
      <c r="HNO22" s="8"/>
      <c r="HNP22" s="8"/>
      <c r="HNQ22" s="8"/>
      <c r="HNR22" s="8"/>
      <c r="HNS22" s="8"/>
      <c r="HNT22" s="8"/>
      <c r="HNU22" s="8"/>
      <c r="HNV22" s="8"/>
      <c r="HNW22" s="8"/>
      <c r="HNX22" s="8"/>
      <c r="HNY22" s="8"/>
      <c r="HNZ22" s="8"/>
      <c r="HOA22" s="8"/>
      <c r="HOB22" s="8"/>
      <c r="HOC22" s="8"/>
      <c r="HOD22" s="8"/>
      <c r="HOE22" s="8"/>
      <c r="HOF22" s="8"/>
      <c r="HOG22" s="8"/>
      <c r="HOH22" s="8"/>
      <c r="HOI22" s="8"/>
      <c r="HOJ22" s="8"/>
      <c r="HOK22" s="8"/>
      <c r="HOL22" s="8"/>
      <c r="HOM22" s="8"/>
      <c r="HON22" s="8"/>
      <c r="HOO22" s="8"/>
      <c r="HOP22" s="8"/>
      <c r="HOQ22" s="8"/>
      <c r="HOR22" s="8"/>
      <c r="HOS22" s="8"/>
      <c r="HOT22" s="8"/>
      <c r="HOU22" s="8"/>
      <c r="HOV22" s="8"/>
      <c r="HOW22" s="8"/>
      <c r="HOX22" s="8"/>
      <c r="HOY22" s="8"/>
      <c r="HOZ22" s="8"/>
      <c r="HPA22" s="8"/>
      <c r="HPB22" s="8"/>
      <c r="HPC22" s="8"/>
      <c r="HPD22" s="8"/>
      <c r="HPE22" s="8"/>
      <c r="HPF22" s="8"/>
      <c r="HPG22" s="8"/>
      <c r="HPH22" s="8"/>
      <c r="HPI22" s="8"/>
      <c r="HPJ22" s="8"/>
      <c r="HPK22" s="8"/>
      <c r="HPL22" s="8"/>
      <c r="HPM22" s="8"/>
      <c r="HPN22" s="8"/>
      <c r="HPO22" s="8"/>
      <c r="HPP22" s="8"/>
      <c r="HPQ22" s="8"/>
      <c r="HPR22" s="8"/>
      <c r="HPS22" s="8"/>
      <c r="HPT22" s="8"/>
      <c r="HPU22" s="8"/>
      <c r="HPV22" s="8"/>
      <c r="HPW22" s="8"/>
      <c r="HPX22" s="8"/>
      <c r="HPY22" s="8"/>
      <c r="HPZ22" s="8"/>
      <c r="HQA22" s="8"/>
      <c r="HQB22" s="8"/>
      <c r="HQC22" s="8"/>
      <c r="HQD22" s="8"/>
      <c r="HQE22" s="8"/>
      <c r="HQF22" s="8"/>
      <c r="HQG22" s="8"/>
      <c r="HQH22" s="8"/>
      <c r="HQI22" s="8"/>
      <c r="HQJ22" s="8"/>
      <c r="HQK22" s="8"/>
      <c r="HQL22" s="8"/>
      <c r="HQM22" s="8"/>
      <c r="HQN22" s="8"/>
      <c r="HQO22" s="8"/>
      <c r="HQP22" s="8"/>
      <c r="HQQ22" s="8"/>
      <c r="HQR22" s="8"/>
      <c r="HQS22" s="8"/>
      <c r="HQT22" s="8"/>
      <c r="HQU22" s="8"/>
      <c r="HQV22" s="8"/>
      <c r="HQW22" s="8"/>
      <c r="HQX22" s="8"/>
      <c r="HQY22" s="8"/>
      <c r="HQZ22" s="8"/>
      <c r="HRA22" s="8"/>
      <c r="HRB22" s="8"/>
      <c r="HRC22" s="8"/>
      <c r="HRD22" s="8"/>
      <c r="HRE22" s="8"/>
      <c r="HRF22" s="8"/>
      <c r="HRG22" s="8"/>
      <c r="HRH22" s="8"/>
      <c r="HRI22" s="8"/>
      <c r="HRJ22" s="8"/>
      <c r="HRK22" s="8"/>
      <c r="HRL22" s="8"/>
      <c r="HRM22" s="8"/>
      <c r="HRN22" s="8"/>
      <c r="HRO22" s="8"/>
      <c r="HRP22" s="8"/>
      <c r="HRQ22" s="8"/>
      <c r="HRR22" s="8"/>
      <c r="HRS22" s="8"/>
      <c r="HRT22" s="8"/>
      <c r="HRU22" s="8"/>
      <c r="HRV22" s="8"/>
      <c r="HRW22" s="8"/>
      <c r="HRX22" s="8"/>
      <c r="HRY22" s="8"/>
      <c r="HRZ22" s="8"/>
      <c r="HSA22" s="8"/>
      <c r="HSB22" s="8"/>
      <c r="HSC22" s="8"/>
      <c r="HSD22" s="8"/>
      <c r="HSE22" s="8"/>
      <c r="HSF22" s="8"/>
      <c r="HSG22" s="8"/>
      <c r="HSH22" s="8"/>
      <c r="HSI22" s="8"/>
      <c r="HSJ22" s="8"/>
      <c r="HSK22" s="8"/>
      <c r="HSL22" s="8"/>
      <c r="HSM22" s="8"/>
      <c r="HSN22" s="8"/>
      <c r="HSO22" s="8"/>
      <c r="HSP22" s="8"/>
      <c r="HSQ22" s="8"/>
      <c r="HSR22" s="8"/>
      <c r="HSS22" s="8"/>
      <c r="HST22" s="8"/>
      <c r="HSU22" s="8"/>
      <c r="HSV22" s="8"/>
      <c r="HSW22" s="8"/>
      <c r="HSX22" s="8"/>
      <c r="HSY22" s="8"/>
      <c r="HSZ22" s="8"/>
      <c r="HTA22" s="8"/>
      <c r="HTB22" s="8"/>
      <c r="HTC22" s="8"/>
      <c r="HTD22" s="8"/>
      <c r="HTE22" s="8"/>
      <c r="HTF22" s="8"/>
      <c r="HTG22" s="8"/>
      <c r="HTH22" s="8"/>
      <c r="HTI22" s="8"/>
      <c r="HTJ22" s="8"/>
      <c r="HTK22" s="8"/>
      <c r="HTL22" s="8"/>
      <c r="HTM22" s="8"/>
      <c r="HTN22" s="8"/>
      <c r="HTO22" s="8"/>
      <c r="HTP22" s="8"/>
      <c r="HTQ22" s="8"/>
      <c r="HTR22" s="8"/>
      <c r="HTS22" s="8"/>
      <c r="HTT22" s="8"/>
      <c r="HTU22" s="8"/>
      <c r="HTV22" s="8"/>
      <c r="HTW22" s="8"/>
      <c r="HTX22" s="8"/>
      <c r="HTY22" s="8"/>
      <c r="HTZ22" s="8"/>
      <c r="HUA22" s="8"/>
      <c r="HUB22" s="8"/>
      <c r="HUC22" s="8"/>
      <c r="HUD22" s="8"/>
      <c r="HUE22" s="8"/>
      <c r="HUF22" s="8"/>
      <c r="HUG22" s="8"/>
      <c r="HUH22" s="8"/>
      <c r="HUI22" s="8"/>
      <c r="HUJ22" s="8"/>
      <c r="HUK22" s="8"/>
      <c r="HUL22" s="8"/>
      <c r="HUM22" s="8"/>
      <c r="HUN22" s="8"/>
      <c r="HUO22" s="8"/>
      <c r="HUP22" s="8"/>
      <c r="HUQ22" s="8"/>
      <c r="HUR22" s="8"/>
      <c r="HUS22" s="8"/>
      <c r="HUT22" s="8"/>
      <c r="HUU22" s="8"/>
      <c r="HUV22" s="8"/>
      <c r="HUW22" s="8"/>
      <c r="HUX22" s="8"/>
      <c r="HUY22" s="8"/>
      <c r="HUZ22" s="8"/>
      <c r="HVA22" s="8"/>
      <c r="HVB22" s="8"/>
      <c r="HVC22" s="8"/>
      <c r="HVD22" s="8"/>
      <c r="HVE22" s="8"/>
      <c r="HVF22" s="8"/>
      <c r="HVG22" s="8"/>
      <c r="HVH22" s="8"/>
      <c r="HVI22" s="8"/>
      <c r="HVJ22" s="8"/>
      <c r="HVK22" s="8"/>
      <c r="HVL22" s="8"/>
      <c r="HVM22" s="8"/>
      <c r="HVN22" s="8"/>
      <c r="HVO22" s="8"/>
      <c r="HVP22" s="8"/>
      <c r="HVQ22" s="8"/>
      <c r="HVR22" s="8"/>
      <c r="HVS22" s="8"/>
      <c r="HVT22" s="8"/>
      <c r="HVU22" s="8"/>
      <c r="HVV22" s="8"/>
      <c r="HVW22" s="8"/>
      <c r="HVX22" s="8"/>
      <c r="HVY22" s="8"/>
      <c r="HVZ22" s="8"/>
      <c r="HWA22" s="8"/>
      <c r="HWB22" s="8"/>
      <c r="HWC22" s="8"/>
      <c r="HWD22" s="8"/>
      <c r="HWE22" s="8"/>
      <c r="HWF22" s="8"/>
      <c r="HWG22" s="8"/>
      <c r="HWH22" s="8"/>
      <c r="HWI22" s="8"/>
      <c r="HWJ22" s="8"/>
      <c r="HWK22" s="8"/>
      <c r="HWL22" s="8"/>
      <c r="HWM22" s="8"/>
      <c r="HWN22" s="8"/>
      <c r="HWO22" s="8"/>
      <c r="HWP22" s="8"/>
      <c r="HWQ22" s="8"/>
      <c r="HWR22" s="8"/>
      <c r="HWS22" s="8"/>
      <c r="HWT22" s="8"/>
      <c r="HWU22" s="8"/>
      <c r="HWV22" s="8"/>
      <c r="HWW22" s="8"/>
      <c r="HWX22" s="8"/>
      <c r="HWY22" s="8"/>
      <c r="HWZ22" s="8"/>
      <c r="HXA22" s="8"/>
      <c r="HXB22" s="8"/>
      <c r="HXC22" s="8"/>
      <c r="HXD22" s="8"/>
      <c r="HXE22" s="8"/>
      <c r="HXF22" s="8"/>
      <c r="HXG22" s="8"/>
      <c r="HXH22" s="8"/>
      <c r="HXI22" s="8"/>
      <c r="HXJ22" s="8"/>
      <c r="HXK22" s="8"/>
      <c r="HXL22" s="8"/>
      <c r="HXM22" s="8"/>
      <c r="HXN22" s="8"/>
      <c r="HXO22" s="8"/>
      <c r="HXP22" s="8"/>
      <c r="HXQ22" s="8"/>
      <c r="HXR22" s="8"/>
      <c r="HXS22" s="8"/>
      <c r="HXT22" s="8"/>
      <c r="HXU22" s="8"/>
      <c r="HXV22" s="8"/>
      <c r="HXW22" s="8"/>
      <c r="HXX22" s="8"/>
      <c r="HXY22" s="8"/>
      <c r="HXZ22" s="8"/>
      <c r="HYA22" s="8"/>
      <c r="HYB22" s="8"/>
      <c r="HYC22" s="8"/>
      <c r="HYD22" s="8"/>
      <c r="HYE22" s="8"/>
      <c r="HYF22" s="8"/>
      <c r="HYG22" s="8"/>
      <c r="HYH22" s="8"/>
      <c r="HYI22" s="8"/>
      <c r="HYJ22" s="8"/>
      <c r="HYK22" s="8"/>
      <c r="HYL22" s="8"/>
      <c r="HYM22" s="8"/>
      <c r="HYN22" s="8"/>
      <c r="HYO22" s="8"/>
      <c r="HYP22" s="8"/>
      <c r="HYQ22" s="8"/>
      <c r="HYR22" s="8"/>
      <c r="HYS22" s="8"/>
      <c r="HYT22" s="8"/>
      <c r="HYU22" s="8"/>
      <c r="HYV22" s="8"/>
      <c r="HYW22" s="8"/>
      <c r="HYX22" s="8"/>
      <c r="HYY22" s="8"/>
      <c r="HYZ22" s="8"/>
      <c r="HZA22" s="8"/>
      <c r="HZB22" s="8"/>
      <c r="HZC22" s="8"/>
      <c r="HZD22" s="8"/>
      <c r="HZE22" s="8"/>
      <c r="HZF22" s="8"/>
      <c r="HZG22" s="8"/>
      <c r="HZH22" s="8"/>
      <c r="HZI22" s="8"/>
      <c r="HZJ22" s="8"/>
      <c r="HZK22" s="8"/>
      <c r="HZL22" s="8"/>
      <c r="HZM22" s="8"/>
      <c r="HZN22" s="8"/>
      <c r="HZO22" s="8"/>
      <c r="HZP22" s="8"/>
      <c r="HZQ22" s="8"/>
      <c r="HZR22" s="8"/>
      <c r="HZS22" s="8"/>
      <c r="HZT22" s="8"/>
      <c r="HZU22" s="8"/>
      <c r="HZV22" s="8"/>
      <c r="HZW22" s="8"/>
      <c r="HZX22" s="8"/>
      <c r="HZY22" s="8"/>
      <c r="HZZ22" s="8"/>
      <c r="IAA22" s="8"/>
      <c r="IAB22" s="8"/>
      <c r="IAC22" s="8"/>
      <c r="IAD22" s="8"/>
      <c r="IAE22" s="8"/>
      <c r="IAF22" s="8"/>
      <c r="IAG22" s="8"/>
      <c r="IAH22" s="8"/>
      <c r="IAI22" s="8"/>
      <c r="IAJ22" s="8"/>
      <c r="IAK22" s="8"/>
      <c r="IAL22" s="8"/>
      <c r="IAM22" s="8"/>
      <c r="IAN22" s="8"/>
      <c r="IAO22" s="8"/>
      <c r="IAP22" s="8"/>
      <c r="IAQ22" s="8"/>
      <c r="IAR22" s="8"/>
      <c r="IAS22" s="8"/>
      <c r="IAT22" s="8"/>
      <c r="IAU22" s="8"/>
      <c r="IAV22" s="8"/>
      <c r="IAW22" s="8"/>
      <c r="IAX22" s="8"/>
      <c r="IAY22" s="8"/>
      <c r="IAZ22" s="8"/>
      <c r="IBA22" s="8"/>
      <c r="IBB22" s="8"/>
      <c r="IBC22" s="8"/>
      <c r="IBD22" s="8"/>
      <c r="IBE22" s="8"/>
      <c r="IBF22" s="8"/>
      <c r="IBG22" s="8"/>
      <c r="IBH22" s="8"/>
      <c r="IBI22" s="8"/>
      <c r="IBJ22" s="8"/>
      <c r="IBK22" s="8"/>
      <c r="IBL22" s="8"/>
      <c r="IBM22" s="8"/>
      <c r="IBN22" s="8"/>
      <c r="IBO22" s="8"/>
      <c r="IBP22" s="8"/>
      <c r="IBQ22" s="8"/>
      <c r="IBR22" s="8"/>
      <c r="IBS22" s="8"/>
      <c r="IBT22" s="8"/>
      <c r="IBU22" s="8"/>
      <c r="IBV22" s="8"/>
      <c r="IBW22" s="8"/>
      <c r="IBX22" s="8"/>
      <c r="IBY22" s="8"/>
      <c r="IBZ22" s="8"/>
      <c r="ICA22" s="8"/>
      <c r="ICB22" s="8"/>
      <c r="ICC22" s="8"/>
      <c r="ICD22" s="8"/>
      <c r="ICE22" s="8"/>
      <c r="ICF22" s="8"/>
      <c r="ICG22" s="8"/>
      <c r="ICH22" s="8"/>
      <c r="ICI22" s="8"/>
      <c r="ICJ22" s="8"/>
      <c r="ICK22" s="8"/>
      <c r="ICL22" s="8"/>
      <c r="ICM22" s="8"/>
      <c r="ICN22" s="8"/>
      <c r="ICO22" s="8"/>
      <c r="ICP22" s="8"/>
      <c r="ICQ22" s="8"/>
      <c r="ICR22" s="8"/>
      <c r="ICS22" s="8"/>
      <c r="ICT22" s="8"/>
      <c r="ICU22" s="8"/>
      <c r="ICV22" s="8"/>
      <c r="ICW22" s="8"/>
      <c r="ICX22" s="8"/>
      <c r="ICY22" s="8"/>
      <c r="ICZ22" s="8"/>
      <c r="IDA22" s="8"/>
      <c r="IDB22" s="8"/>
      <c r="IDC22" s="8"/>
      <c r="IDD22" s="8"/>
      <c r="IDE22" s="8"/>
      <c r="IDF22" s="8"/>
      <c r="IDG22" s="8"/>
      <c r="IDH22" s="8"/>
      <c r="IDI22" s="8"/>
      <c r="IDJ22" s="8"/>
      <c r="IDK22" s="8"/>
      <c r="IDL22" s="8"/>
      <c r="IDM22" s="8"/>
      <c r="IDN22" s="8"/>
      <c r="IDO22" s="8"/>
      <c r="IDP22" s="8"/>
      <c r="IDQ22" s="8"/>
      <c r="IDR22" s="8"/>
      <c r="IDS22" s="8"/>
      <c r="IDT22" s="8"/>
      <c r="IDU22" s="8"/>
      <c r="IDV22" s="8"/>
      <c r="IDW22" s="8"/>
      <c r="IDX22" s="8"/>
      <c r="IDY22" s="8"/>
      <c r="IDZ22" s="8"/>
      <c r="IEA22" s="8"/>
      <c r="IEB22" s="8"/>
      <c r="IEC22" s="8"/>
      <c r="IED22" s="8"/>
      <c r="IEE22" s="8"/>
      <c r="IEF22" s="8"/>
      <c r="IEG22" s="8"/>
      <c r="IEH22" s="8"/>
      <c r="IEI22" s="8"/>
      <c r="IEJ22" s="8"/>
      <c r="IEK22" s="8"/>
      <c r="IEL22" s="8"/>
      <c r="IEM22" s="8"/>
      <c r="IEN22" s="8"/>
      <c r="IEO22" s="8"/>
      <c r="IEP22" s="8"/>
      <c r="IEQ22" s="8"/>
      <c r="IER22" s="8"/>
      <c r="IES22" s="8"/>
      <c r="IET22" s="8"/>
      <c r="IEU22" s="8"/>
      <c r="IEV22" s="8"/>
      <c r="IEW22" s="8"/>
      <c r="IEX22" s="8"/>
      <c r="IEY22" s="8"/>
      <c r="IEZ22" s="8"/>
      <c r="IFA22" s="8"/>
      <c r="IFB22" s="8"/>
      <c r="IFC22" s="8"/>
      <c r="IFD22" s="8"/>
      <c r="IFE22" s="8"/>
      <c r="IFF22" s="8"/>
      <c r="IFG22" s="8"/>
      <c r="IFH22" s="8"/>
      <c r="IFI22" s="8"/>
      <c r="IFJ22" s="8"/>
      <c r="IFK22" s="8"/>
      <c r="IFL22" s="8"/>
      <c r="IFM22" s="8"/>
      <c r="IFN22" s="8"/>
      <c r="IFO22" s="8"/>
      <c r="IFP22" s="8"/>
      <c r="IFQ22" s="8"/>
      <c r="IFR22" s="8"/>
      <c r="IFS22" s="8"/>
      <c r="IFT22" s="8"/>
      <c r="IFU22" s="8"/>
      <c r="IFV22" s="8"/>
      <c r="IFW22" s="8"/>
      <c r="IFX22" s="8"/>
      <c r="IFY22" s="8"/>
      <c r="IFZ22" s="8"/>
      <c r="IGA22" s="8"/>
      <c r="IGB22" s="8"/>
      <c r="IGC22" s="8"/>
      <c r="IGD22" s="8"/>
      <c r="IGE22" s="8"/>
      <c r="IGF22" s="8"/>
      <c r="IGG22" s="8"/>
      <c r="IGH22" s="8"/>
      <c r="IGI22" s="8"/>
      <c r="IGJ22" s="8"/>
      <c r="IGK22" s="8"/>
      <c r="IGL22" s="8"/>
      <c r="IGM22" s="8"/>
      <c r="IGN22" s="8"/>
      <c r="IGO22" s="8"/>
      <c r="IGP22" s="8"/>
      <c r="IGQ22" s="8"/>
      <c r="IGR22" s="8"/>
      <c r="IGS22" s="8"/>
      <c r="IGT22" s="8"/>
      <c r="IGU22" s="8"/>
      <c r="IGV22" s="8"/>
      <c r="IGW22" s="8"/>
      <c r="IGX22" s="8"/>
      <c r="IGY22" s="8"/>
      <c r="IGZ22" s="8"/>
      <c r="IHA22" s="8"/>
      <c r="IHB22" s="8"/>
      <c r="IHC22" s="8"/>
      <c r="IHD22" s="8"/>
      <c r="IHE22" s="8"/>
      <c r="IHF22" s="8"/>
      <c r="IHG22" s="8"/>
      <c r="IHH22" s="8"/>
      <c r="IHI22" s="8"/>
      <c r="IHJ22" s="8"/>
      <c r="IHK22" s="8"/>
      <c r="IHL22" s="8"/>
      <c r="IHM22" s="8"/>
      <c r="IHN22" s="8"/>
      <c r="IHO22" s="8"/>
      <c r="IHP22" s="8"/>
      <c r="IHQ22" s="8"/>
      <c r="IHR22" s="8"/>
      <c r="IHS22" s="8"/>
      <c r="IHT22" s="8"/>
      <c r="IHU22" s="8"/>
      <c r="IHV22" s="8"/>
      <c r="IHW22" s="8"/>
      <c r="IHX22" s="8"/>
      <c r="IHY22" s="8"/>
      <c r="IHZ22" s="8"/>
      <c r="IIA22" s="8"/>
      <c r="IIB22" s="8"/>
      <c r="IIC22" s="8"/>
      <c r="IID22" s="8"/>
      <c r="IIE22" s="8"/>
      <c r="IIF22" s="8"/>
      <c r="IIG22" s="8"/>
      <c r="IIH22" s="8"/>
      <c r="III22" s="8"/>
      <c r="IIJ22" s="8"/>
      <c r="IIK22" s="8"/>
      <c r="IIL22" s="8"/>
      <c r="IIM22" s="8"/>
      <c r="IIN22" s="8"/>
      <c r="IIO22" s="8"/>
      <c r="IIP22" s="8"/>
      <c r="IIQ22" s="8"/>
      <c r="IIR22" s="8"/>
      <c r="IIS22" s="8"/>
      <c r="IIT22" s="8"/>
      <c r="IIU22" s="8"/>
      <c r="IIV22" s="8"/>
      <c r="IIW22" s="8"/>
      <c r="IIX22" s="8"/>
      <c r="IIY22" s="8"/>
      <c r="IIZ22" s="8"/>
      <c r="IJA22" s="8"/>
      <c r="IJB22" s="8"/>
      <c r="IJC22" s="8"/>
      <c r="IJD22" s="8"/>
      <c r="IJE22" s="8"/>
      <c r="IJF22" s="8"/>
      <c r="IJG22" s="8"/>
      <c r="IJH22" s="8"/>
      <c r="IJI22" s="8"/>
      <c r="IJJ22" s="8"/>
      <c r="IJK22" s="8"/>
      <c r="IJL22" s="8"/>
      <c r="IJM22" s="8"/>
      <c r="IJN22" s="8"/>
      <c r="IJO22" s="8"/>
      <c r="IJP22" s="8"/>
      <c r="IJQ22" s="8"/>
      <c r="IJR22" s="8"/>
      <c r="IJS22" s="8"/>
      <c r="IJT22" s="8"/>
      <c r="IJU22" s="8"/>
      <c r="IJV22" s="8"/>
      <c r="IJW22" s="8"/>
      <c r="IJX22" s="8"/>
      <c r="IJY22" s="8"/>
      <c r="IJZ22" s="8"/>
      <c r="IKA22" s="8"/>
      <c r="IKB22" s="8"/>
      <c r="IKC22" s="8"/>
      <c r="IKD22" s="8"/>
      <c r="IKE22" s="8"/>
      <c r="IKF22" s="8"/>
      <c r="IKG22" s="8"/>
      <c r="IKH22" s="8"/>
      <c r="IKI22" s="8"/>
      <c r="IKJ22" s="8"/>
      <c r="IKK22" s="8"/>
      <c r="IKL22" s="8"/>
      <c r="IKM22" s="8"/>
      <c r="IKN22" s="8"/>
      <c r="IKO22" s="8"/>
      <c r="IKP22" s="8"/>
      <c r="IKQ22" s="8"/>
      <c r="IKR22" s="8"/>
      <c r="IKS22" s="8"/>
      <c r="IKT22" s="8"/>
      <c r="IKU22" s="8"/>
      <c r="IKV22" s="8"/>
      <c r="IKW22" s="8"/>
      <c r="IKX22" s="8"/>
      <c r="IKY22" s="8"/>
      <c r="IKZ22" s="8"/>
      <c r="ILA22" s="8"/>
      <c r="ILB22" s="8"/>
      <c r="ILC22" s="8"/>
      <c r="ILD22" s="8"/>
      <c r="ILE22" s="8"/>
      <c r="ILF22" s="8"/>
      <c r="ILG22" s="8"/>
      <c r="ILH22" s="8"/>
      <c r="ILI22" s="8"/>
      <c r="ILJ22" s="8"/>
      <c r="ILK22" s="8"/>
      <c r="ILL22" s="8"/>
      <c r="ILM22" s="8"/>
      <c r="ILN22" s="8"/>
      <c r="ILO22" s="8"/>
      <c r="ILP22" s="8"/>
      <c r="ILQ22" s="8"/>
      <c r="ILR22" s="8"/>
      <c r="ILS22" s="8"/>
      <c r="ILT22" s="8"/>
      <c r="ILU22" s="8"/>
      <c r="ILV22" s="8"/>
      <c r="ILW22" s="8"/>
      <c r="ILX22" s="8"/>
      <c r="ILY22" s="8"/>
      <c r="ILZ22" s="8"/>
      <c r="IMA22" s="8"/>
      <c r="IMB22" s="8"/>
      <c r="IMC22" s="8"/>
      <c r="IMD22" s="8"/>
      <c r="IME22" s="8"/>
      <c r="IMF22" s="8"/>
      <c r="IMG22" s="8"/>
      <c r="IMH22" s="8"/>
      <c r="IMI22" s="8"/>
      <c r="IMJ22" s="8"/>
      <c r="IMK22" s="8"/>
      <c r="IML22" s="8"/>
      <c r="IMM22" s="8"/>
      <c r="IMN22" s="8"/>
      <c r="IMO22" s="8"/>
      <c r="IMP22" s="8"/>
      <c r="IMQ22" s="8"/>
      <c r="IMR22" s="8"/>
      <c r="IMS22" s="8"/>
      <c r="IMT22" s="8"/>
      <c r="IMU22" s="8"/>
      <c r="IMV22" s="8"/>
      <c r="IMW22" s="8"/>
      <c r="IMX22" s="8"/>
      <c r="IMY22" s="8"/>
      <c r="IMZ22" s="8"/>
      <c r="INA22" s="8"/>
      <c r="INB22" s="8"/>
      <c r="INC22" s="8"/>
      <c r="IND22" s="8"/>
      <c r="INE22" s="8"/>
      <c r="INF22" s="8"/>
      <c r="ING22" s="8"/>
      <c r="INH22" s="8"/>
      <c r="INI22" s="8"/>
      <c r="INJ22" s="8"/>
      <c r="INK22" s="8"/>
      <c r="INL22" s="8"/>
      <c r="INM22" s="8"/>
      <c r="INN22" s="8"/>
      <c r="INO22" s="8"/>
      <c r="INP22" s="8"/>
      <c r="INQ22" s="8"/>
      <c r="INR22" s="8"/>
      <c r="INS22" s="8"/>
      <c r="INT22" s="8"/>
      <c r="INU22" s="8"/>
      <c r="INV22" s="8"/>
      <c r="INW22" s="8"/>
      <c r="INX22" s="8"/>
      <c r="INY22" s="8"/>
      <c r="INZ22" s="8"/>
      <c r="IOA22" s="8"/>
      <c r="IOB22" s="8"/>
      <c r="IOC22" s="8"/>
      <c r="IOD22" s="8"/>
      <c r="IOE22" s="8"/>
      <c r="IOF22" s="8"/>
      <c r="IOG22" s="8"/>
      <c r="IOH22" s="8"/>
      <c r="IOI22" s="8"/>
      <c r="IOJ22" s="8"/>
      <c r="IOK22" s="8"/>
      <c r="IOL22" s="8"/>
      <c r="IOM22" s="8"/>
      <c r="ION22" s="8"/>
      <c r="IOO22" s="8"/>
      <c r="IOP22" s="8"/>
      <c r="IOQ22" s="8"/>
      <c r="IOR22" s="8"/>
      <c r="IOS22" s="8"/>
      <c r="IOT22" s="8"/>
      <c r="IOU22" s="8"/>
      <c r="IOV22" s="8"/>
      <c r="IOW22" s="8"/>
      <c r="IOX22" s="8"/>
      <c r="IOY22" s="8"/>
      <c r="IOZ22" s="8"/>
      <c r="IPA22" s="8"/>
      <c r="IPB22" s="8"/>
      <c r="IPC22" s="8"/>
      <c r="IPD22" s="8"/>
      <c r="IPE22" s="8"/>
      <c r="IPF22" s="8"/>
      <c r="IPG22" s="8"/>
      <c r="IPH22" s="8"/>
      <c r="IPI22" s="8"/>
      <c r="IPJ22" s="8"/>
      <c r="IPK22" s="8"/>
      <c r="IPL22" s="8"/>
      <c r="IPM22" s="8"/>
      <c r="IPN22" s="8"/>
      <c r="IPO22" s="8"/>
      <c r="IPP22" s="8"/>
      <c r="IPQ22" s="8"/>
      <c r="IPR22" s="8"/>
      <c r="IPS22" s="8"/>
      <c r="IPT22" s="8"/>
      <c r="IPU22" s="8"/>
      <c r="IPV22" s="8"/>
      <c r="IPW22" s="8"/>
      <c r="IPX22" s="8"/>
      <c r="IPY22" s="8"/>
      <c r="IPZ22" s="8"/>
      <c r="IQA22" s="8"/>
      <c r="IQB22" s="8"/>
      <c r="IQC22" s="8"/>
      <c r="IQD22" s="8"/>
      <c r="IQE22" s="8"/>
      <c r="IQF22" s="8"/>
      <c r="IQG22" s="8"/>
      <c r="IQH22" s="8"/>
      <c r="IQI22" s="8"/>
      <c r="IQJ22" s="8"/>
      <c r="IQK22" s="8"/>
      <c r="IQL22" s="8"/>
      <c r="IQM22" s="8"/>
      <c r="IQN22" s="8"/>
      <c r="IQO22" s="8"/>
      <c r="IQP22" s="8"/>
      <c r="IQQ22" s="8"/>
      <c r="IQR22" s="8"/>
      <c r="IQS22" s="8"/>
      <c r="IQT22" s="8"/>
      <c r="IQU22" s="8"/>
      <c r="IQV22" s="8"/>
      <c r="IQW22" s="8"/>
      <c r="IQX22" s="8"/>
      <c r="IQY22" s="8"/>
      <c r="IQZ22" s="8"/>
      <c r="IRA22" s="8"/>
      <c r="IRB22" s="8"/>
      <c r="IRC22" s="8"/>
      <c r="IRD22" s="8"/>
      <c r="IRE22" s="8"/>
      <c r="IRF22" s="8"/>
      <c r="IRG22" s="8"/>
      <c r="IRH22" s="8"/>
      <c r="IRI22" s="8"/>
      <c r="IRJ22" s="8"/>
      <c r="IRK22" s="8"/>
      <c r="IRL22" s="8"/>
      <c r="IRM22" s="8"/>
      <c r="IRN22" s="8"/>
      <c r="IRO22" s="8"/>
      <c r="IRP22" s="8"/>
      <c r="IRQ22" s="8"/>
      <c r="IRR22" s="8"/>
      <c r="IRS22" s="8"/>
      <c r="IRT22" s="8"/>
      <c r="IRU22" s="8"/>
      <c r="IRV22" s="8"/>
      <c r="IRW22" s="8"/>
      <c r="IRX22" s="8"/>
      <c r="IRY22" s="8"/>
      <c r="IRZ22" s="8"/>
      <c r="ISA22" s="8"/>
      <c r="ISB22" s="8"/>
      <c r="ISC22" s="8"/>
      <c r="ISD22" s="8"/>
      <c r="ISE22" s="8"/>
      <c r="ISF22" s="8"/>
      <c r="ISG22" s="8"/>
      <c r="ISH22" s="8"/>
      <c r="ISI22" s="8"/>
      <c r="ISJ22" s="8"/>
      <c r="ISK22" s="8"/>
      <c r="ISL22" s="8"/>
      <c r="ISM22" s="8"/>
      <c r="ISN22" s="8"/>
      <c r="ISO22" s="8"/>
      <c r="ISP22" s="8"/>
      <c r="ISQ22" s="8"/>
      <c r="ISR22" s="8"/>
      <c r="ISS22" s="8"/>
      <c r="IST22" s="8"/>
      <c r="ISU22" s="8"/>
      <c r="ISV22" s="8"/>
      <c r="ISW22" s="8"/>
      <c r="ISX22" s="8"/>
      <c r="ISY22" s="8"/>
      <c r="ISZ22" s="8"/>
      <c r="ITA22" s="8"/>
      <c r="ITB22" s="8"/>
      <c r="ITC22" s="8"/>
      <c r="ITD22" s="8"/>
      <c r="ITE22" s="8"/>
      <c r="ITF22" s="8"/>
      <c r="ITG22" s="8"/>
      <c r="ITH22" s="8"/>
      <c r="ITI22" s="8"/>
      <c r="ITJ22" s="8"/>
      <c r="ITK22" s="8"/>
      <c r="ITL22" s="8"/>
      <c r="ITM22" s="8"/>
      <c r="ITN22" s="8"/>
      <c r="ITO22" s="8"/>
      <c r="ITP22" s="8"/>
      <c r="ITQ22" s="8"/>
      <c r="ITR22" s="8"/>
      <c r="ITS22" s="8"/>
      <c r="ITT22" s="8"/>
      <c r="ITU22" s="8"/>
      <c r="ITV22" s="8"/>
      <c r="ITW22" s="8"/>
      <c r="ITX22" s="8"/>
      <c r="ITY22" s="8"/>
      <c r="ITZ22" s="8"/>
      <c r="IUA22" s="8"/>
      <c r="IUB22" s="8"/>
      <c r="IUC22" s="8"/>
      <c r="IUD22" s="8"/>
      <c r="IUE22" s="8"/>
      <c r="IUF22" s="8"/>
      <c r="IUG22" s="8"/>
      <c r="IUH22" s="8"/>
      <c r="IUI22" s="8"/>
      <c r="IUJ22" s="8"/>
      <c r="IUK22" s="8"/>
      <c r="IUL22" s="8"/>
      <c r="IUM22" s="8"/>
      <c r="IUN22" s="8"/>
      <c r="IUO22" s="8"/>
      <c r="IUP22" s="8"/>
      <c r="IUQ22" s="8"/>
      <c r="IUR22" s="8"/>
      <c r="IUS22" s="8"/>
      <c r="IUT22" s="8"/>
      <c r="IUU22" s="8"/>
      <c r="IUV22" s="8"/>
      <c r="IUW22" s="8"/>
      <c r="IUX22" s="8"/>
      <c r="IUY22" s="8"/>
      <c r="IUZ22" s="8"/>
      <c r="IVA22" s="8"/>
      <c r="IVB22" s="8"/>
      <c r="IVC22" s="8"/>
      <c r="IVD22" s="8"/>
      <c r="IVE22" s="8"/>
      <c r="IVF22" s="8"/>
      <c r="IVG22" s="8"/>
      <c r="IVH22" s="8"/>
      <c r="IVI22" s="8"/>
      <c r="IVJ22" s="8"/>
      <c r="IVK22" s="8"/>
      <c r="IVL22" s="8"/>
      <c r="IVM22" s="8"/>
      <c r="IVN22" s="8"/>
      <c r="IVO22" s="8"/>
      <c r="IVP22" s="8"/>
      <c r="IVQ22" s="8"/>
      <c r="IVR22" s="8"/>
      <c r="IVS22" s="8"/>
      <c r="IVT22" s="8"/>
      <c r="IVU22" s="8"/>
      <c r="IVV22" s="8"/>
      <c r="IVW22" s="8"/>
      <c r="IVX22" s="8"/>
      <c r="IVY22" s="8"/>
      <c r="IVZ22" s="8"/>
      <c r="IWA22" s="8"/>
      <c r="IWB22" s="8"/>
      <c r="IWC22" s="8"/>
      <c r="IWD22" s="8"/>
      <c r="IWE22" s="8"/>
      <c r="IWF22" s="8"/>
      <c r="IWG22" s="8"/>
      <c r="IWH22" s="8"/>
      <c r="IWI22" s="8"/>
      <c r="IWJ22" s="8"/>
      <c r="IWK22" s="8"/>
      <c r="IWL22" s="8"/>
      <c r="IWM22" s="8"/>
      <c r="IWN22" s="8"/>
      <c r="IWO22" s="8"/>
      <c r="IWP22" s="8"/>
      <c r="IWQ22" s="8"/>
      <c r="IWR22" s="8"/>
      <c r="IWS22" s="8"/>
      <c r="IWT22" s="8"/>
      <c r="IWU22" s="8"/>
      <c r="IWV22" s="8"/>
      <c r="IWW22" s="8"/>
      <c r="IWX22" s="8"/>
      <c r="IWY22" s="8"/>
      <c r="IWZ22" s="8"/>
      <c r="IXA22" s="8"/>
      <c r="IXB22" s="8"/>
      <c r="IXC22" s="8"/>
      <c r="IXD22" s="8"/>
      <c r="IXE22" s="8"/>
      <c r="IXF22" s="8"/>
      <c r="IXG22" s="8"/>
      <c r="IXH22" s="8"/>
      <c r="IXI22" s="8"/>
      <c r="IXJ22" s="8"/>
      <c r="IXK22" s="8"/>
      <c r="IXL22" s="8"/>
      <c r="IXM22" s="8"/>
      <c r="IXN22" s="8"/>
      <c r="IXO22" s="8"/>
      <c r="IXP22" s="8"/>
      <c r="IXQ22" s="8"/>
      <c r="IXR22" s="8"/>
      <c r="IXS22" s="8"/>
      <c r="IXT22" s="8"/>
      <c r="IXU22" s="8"/>
      <c r="IXV22" s="8"/>
      <c r="IXW22" s="8"/>
      <c r="IXX22" s="8"/>
      <c r="IXY22" s="8"/>
      <c r="IXZ22" s="8"/>
      <c r="IYA22" s="8"/>
      <c r="IYB22" s="8"/>
      <c r="IYC22" s="8"/>
      <c r="IYD22" s="8"/>
      <c r="IYE22" s="8"/>
      <c r="IYF22" s="8"/>
      <c r="IYG22" s="8"/>
      <c r="IYH22" s="8"/>
      <c r="IYI22" s="8"/>
      <c r="IYJ22" s="8"/>
      <c r="IYK22" s="8"/>
      <c r="IYL22" s="8"/>
      <c r="IYM22" s="8"/>
      <c r="IYN22" s="8"/>
      <c r="IYO22" s="8"/>
      <c r="IYP22" s="8"/>
      <c r="IYQ22" s="8"/>
      <c r="IYR22" s="8"/>
      <c r="IYS22" s="8"/>
      <c r="IYT22" s="8"/>
      <c r="IYU22" s="8"/>
      <c r="IYV22" s="8"/>
      <c r="IYW22" s="8"/>
      <c r="IYX22" s="8"/>
      <c r="IYY22" s="8"/>
      <c r="IYZ22" s="8"/>
      <c r="IZA22" s="8"/>
      <c r="IZB22" s="8"/>
      <c r="IZC22" s="8"/>
      <c r="IZD22" s="8"/>
      <c r="IZE22" s="8"/>
      <c r="IZF22" s="8"/>
      <c r="IZG22" s="8"/>
      <c r="IZH22" s="8"/>
      <c r="IZI22" s="8"/>
      <c r="IZJ22" s="8"/>
      <c r="IZK22" s="8"/>
      <c r="IZL22" s="8"/>
      <c r="IZM22" s="8"/>
      <c r="IZN22" s="8"/>
      <c r="IZO22" s="8"/>
      <c r="IZP22" s="8"/>
      <c r="IZQ22" s="8"/>
      <c r="IZR22" s="8"/>
      <c r="IZS22" s="8"/>
      <c r="IZT22" s="8"/>
      <c r="IZU22" s="8"/>
      <c r="IZV22" s="8"/>
      <c r="IZW22" s="8"/>
      <c r="IZX22" s="8"/>
      <c r="IZY22" s="8"/>
      <c r="IZZ22" s="8"/>
      <c r="JAA22" s="8"/>
      <c r="JAB22" s="8"/>
      <c r="JAC22" s="8"/>
      <c r="JAD22" s="8"/>
      <c r="JAE22" s="8"/>
      <c r="JAF22" s="8"/>
      <c r="JAG22" s="8"/>
      <c r="JAH22" s="8"/>
      <c r="JAI22" s="8"/>
      <c r="JAJ22" s="8"/>
      <c r="JAK22" s="8"/>
      <c r="JAL22" s="8"/>
      <c r="JAM22" s="8"/>
      <c r="JAN22" s="8"/>
      <c r="JAO22" s="8"/>
      <c r="JAP22" s="8"/>
      <c r="JAQ22" s="8"/>
      <c r="JAR22" s="8"/>
      <c r="JAS22" s="8"/>
      <c r="JAT22" s="8"/>
      <c r="JAU22" s="8"/>
      <c r="JAV22" s="8"/>
      <c r="JAW22" s="8"/>
      <c r="JAX22" s="8"/>
      <c r="JAY22" s="8"/>
      <c r="JAZ22" s="8"/>
      <c r="JBA22" s="8"/>
      <c r="JBB22" s="8"/>
      <c r="JBC22" s="8"/>
      <c r="JBD22" s="8"/>
      <c r="JBE22" s="8"/>
      <c r="JBF22" s="8"/>
      <c r="JBG22" s="8"/>
      <c r="JBH22" s="8"/>
      <c r="JBI22" s="8"/>
      <c r="JBJ22" s="8"/>
      <c r="JBK22" s="8"/>
      <c r="JBL22" s="8"/>
      <c r="JBM22" s="8"/>
      <c r="JBN22" s="8"/>
      <c r="JBO22" s="8"/>
      <c r="JBP22" s="8"/>
      <c r="JBQ22" s="8"/>
      <c r="JBR22" s="8"/>
      <c r="JBS22" s="8"/>
      <c r="JBT22" s="8"/>
      <c r="JBU22" s="8"/>
      <c r="JBV22" s="8"/>
      <c r="JBW22" s="8"/>
      <c r="JBX22" s="8"/>
      <c r="JBY22" s="8"/>
      <c r="JBZ22" s="8"/>
      <c r="JCA22" s="8"/>
      <c r="JCB22" s="8"/>
      <c r="JCC22" s="8"/>
      <c r="JCD22" s="8"/>
      <c r="JCE22" s="8"/>
      <c r="JCF22" s="8"/>
      <c r="JCG22" s="8"/>
      <c r="JCH22" s="8"/>
      <c r="JCI22" s="8"/>
      <c r="JCJ22" s="8"/>
      <c r="JCK22" s="8"/>
      <c r="JCL22" s="8"/>
      <c r="JCM22" s="8"/>
      <c r="JCN22" s="8"/>
      <c r="JCO22" s="8"/>
      <c r="JCP22" s="8"/>
      <c r="JCQ22" s="8"/>
      <c r="JCR22" s="8"/>
      <c r="JCS22" s="8"/>
      <c r="JCT22" s="8"/>
      <c r="JCU22" s="8"/>
      <c r="JCV22" s="8"/>
      <c r="JCW22" s="8"/>
      <c r="JCX22" s="8"/>
      <c r="JCY22" s="8"/>
      <c r="JCZ22" s="8"/>
      <c r="JDA22" s="8"/>
      <c r="JDB22" s="8"/>
      <c r="JDC22" s="8"/>
      <c r="JDD22" s="8"/>
      <c r="JDE22" s="8"/>
      <c r="JDF22" s="8"/>
      <c r="JDG22" s="8"/>
      <c r="JDH22" s="8"/>
      <c r="JDI22" s="8"/>
      <c r="JDJ22" s="8"/>
      <c r="JDK22" s="8"/>
      <c r="JDL22" s="8"/>
      <c r="JDM22" s="8"/>
      <c r="JDN22" s="8"/>
      <c r="JDO22" s="8"/>
      <c r="JDP22" s="8"/>
      <c r="JDQ22" s="8"/>
      <c r="JDR22" s="8"/>
      <c r="JDS22" s="8"/>
      <c r="JDT22" s="8"/>
      <c r="JDU22" s="8"/>
      <c r="JDV22" s="8"/>
      <c r="JDW22" s="8"/>
      <c r="JDX22" s="8"/>
      <c r="JDY22" s="8"/>
      <c r="JDZ22" s="8"/>
      <c r="JEA22" s="8"/>
      <c r="JEB22" s="8"/>
      <c r="JEC22" s="8"/>
      <c r="JED22" s="8"/>
      <c r="JEE22" s="8"/>
      <c r="JEF22" s="8"/>
      <c r="JEG22" s="8"/>
      <c r="JEH22" s="8"/>
      <c r="JEI22" s="8"/>
      <c r="JEJ22" s="8"/>
      <c r="JEK22" s="8"/>
      <c r="JEL22" s="8"/>
      <c r="JEM22" s="8"/>
      <c r="JEN22" s="8"/>
      <c r="JEO22" s="8"/>
      <c r="JEP22" s="8"/>
      <c r="JEQ22" s="8"/>
      <c r="JER22" s="8"/>
      <c r="JES22" s="8"/>
      <c r="JET22" s="8"/>
      <c r="JEU22" s="8"/>
      <c r="JEV22" s="8"/>
      <c r="JEW22" s="8"/>
      <c r="JEX22" s="8"/>
      <c r="JEY22" s="8"/>
      <c r="JEZ22" s="8"/>
      <c r="JFA22" s="8"/>
      <c r="JFB22" s="8"/>
      <c r="JFC22" s="8"/>
      <c r="JFD22" s="8"/>
      <c r="JFE22" s="8"/>
      <c r="JFF22" s="8"/>
      <c r="JFG22" s="8"/>
      <c r="JFH22" s="8"/>
      <c r="JFI22" s="8"/>
      <c r="JFJ22" s="8"/>
      <c r="JFK22" s="8"/>
      <c r="JFL22" s="8"/>
      <c r="JFM22" s="8"/>
      <c r="JFN22" s="8"/>
      <c r="JFO22" s="8"/>
      <c r="JFP22" s="8"/>
      <c r="JFQ22" s="8"/>
      <c r="JFR22" s="8"/>
      <c r="JFS22" s="8"/>
      <c r="JFT22" s="8"/>
      <c r="JFU22" s="8"/>
      <c r="JFV22" s="8"/>
      <c r="JFW22" s="8"/>
      <c r="JFX22" s="8"/>
      <c r="JFY22" s="8"/>
      <c r="JFZ22" s="8"/>
      <c r="JGA22" s="8"/>
      <c r="JGB22" s="8"/>
      <c r="JGC22" s="8"/>
      <c r="JGD22" s="8"/>
      <c r="JGE22" s="8"/>
      <c r="JGF22" s="8"/>
      <c r="JGG22" s="8"/>
      <c r="JGH22" s="8"/>
      <c r="JGI22" s="8"/>
      <c r="JGJ22" s="8"/>
      <c r="JGK22" s="8"/>
      <c r="JGL22" s="8"/>
      <c r="JGM22" s="8"/>
      <c r="JGN22" s="8"/>
      <c r="JGO22" s="8"/>
      <c r="JGP22" s="8"/>
      <c r="JGQ22" s="8"/>
      <c r="JGR22" s="8"/>
      <c r="JGS22" s="8"/>
      <c r="JGT22" s="8"/>
      <c r="JGU22" s="8"/>
      <c r="JGV22" s="8"/>
      <c r="JGW22" s="8"/>
      <c r="JGX22" s="8"/>
      <c r="JGY22" s="8"/>
      <c r="JGZ22" s="8"/>
      <c r="JHA22" s="8"/>
      <c r="JHB22" s="8"/>
      <c r="JHC22" s="8"/>
      <c r="JHD22" s="8"/>
      <c r="JHE22" s="8"/>
      <c r="JHF22" s="8"/>
      <c r="JHG22" s="8"/>
      <c r="JHH22" s="8"/>
      <c r="JHI22" s="8"/>
      <c r="JHJ22" s="8"/>
      <c r="JHK22" s="8"/>
      <c r="JHL22" s="8"/>
      <c r="JHM22" s="8"/>
      <c r="JHN22" s="8"/>
      <c r="JHO22" s="8"/>
      <c r="JHP22" s="8"/>
      <c r="JHQ22" s="8"/>
      <c r="JHR22" s="8"/>
      <c r="JHS22" s="8"/>
      <c r="JHT22" s="8"/>
      <c r="JHU22" s="8"/>
      <c r="JHV22" s="8"/>
      <c r="JHW22" s="8"/>
      <c r="JHX22" s="8"/>
      <c r="JHY22" s="8"/>
      <c r="JHZ22" s="8"/>
      <c r="JIA22" s="8"/>
      <c r="JIB22" s="8"/>
      <c r="JIC22" s="8"/>
      <c r="JID22" s="8"/>
      <c r="JIE22" s="8"/>
      <c r="JIF22" s="8"/>
      <c r="JIG22" s="8"/>
      <c r="JIH22" s="8"/>
      <c r="JII22" s="8"/>
      <c r="JIJ22" s="8"/>
      <c r="JIK22" s="8"/>
      <c r="JIL22" s="8"/>
      <c r="JIM22" s="8"/>
      <c r="JIN22" s="8"/>
      <c r="JIO22" s="8"/>
      <c r="JIP22" s="8"/>
      <c r="JIQ22" s="8"/>
      <c r="JIR22" s="8"/>
      <c r="JIS22" s="8"/>
      <c r="JIT22" s="8"/>
      <c r="JIU22" s="8"/>
      <c r="JIV22" s="8"/>
      <c r="JIW22" s="8"/>
      <c r="JIX22" s="8"/>
      <c r="JIY22" s="8"/>
      <c r="JIZ22" s="8"/>
      <c r="JJA22" s="8"/>
      <c r="JJB22" s="8"/>
      <c r="JJC22" s="8"/>
      <c r="JJD22" s="8"/>
      <c r="JJE22" s="8"/>
      <c r="JJF22" s="8"/>
      <c r="JJG22" s="8"/>
      <c r="JJH22" s="8"/>
      <c r="JJI22" s="8"/>
      <c r="JJJ22" s="8"/>
      <c r="JJK22" s="8"/>
      <c r="JJL22" s="8"/>
      <c r="JJM22" s="8"/>
      <c r="JJN22" s="8"/>
      <c r="JJO22" s="8"/>
      <c r="JJP22" s="8"/>
      <c r="JJQ22" s="8"/>
      <c r="JJR22" s="8"/>
      <c r="JJS22" s="8"/>
      <c r="JJT22" s="8"/>
      <c r="JJU22" s="8"/>
      <c r="JJV22" s="8"/>
      <c r="JJW22" s="8"/>
      <c r="JJX22" s="8"/>
      <c r="JJY22" s="8"/>
      <c r="JJZ22" s="8"/>
      <c r="JKA22" s="8"/>
      <c r="JKB22" s="8"/>
      <c r="JKC22" s="8"/>
      <c r="JKD22" s="8"/>
      <c r="JKE22" s="8"/>
      <c r="JKF22" s="8"/>
      <c r="JKG22" s="8"/>
      <c r="JKH22" s="8"/>
      <c r="JKI22" s="8"/>
      <c r="JKJ22" s="8"/>
      <c r="JKK22" s="8"/>
      <c r="JKL22" s="8"/>
      <c r="JKM22" s="8"/>
      <c r="JKN22" s="8"/>
      <c r="JKO22" s="8"/>
      <c r="JKP22" s="8"/>
      <c r="JKQ22" s="8"/>
      <c r="JKR22" s="8"/>
      <c r="JKS22" s="8"/>
      <c r="JKT22" s="8"/>
      <c r="JKU22" s="8"/>
      <c r="JKV22" s="8"/>
      <c r="JKW22" s="8"/>
      <c r="JKX22" s="8"/>
      <c r="JKY22" s="8"/>
      <c r="JKZ22" s="8"/>
      <c r="JLA22" s="8"/>
      <c r="JLB22" s="8"/>
      <c r="JLC22" s="8"/>
      <c r="JLD22" s="8"/>
      <c r="JLE22" s="8"/>
      <c r="JLF22" s="8"/>
      <c r="JLG22" s="8"/>
      <c r="JLH22" s="8"/>
      <c r="JLI22" s="8"/>
      <c r="JLJ22" s="8"/>
      <c r="JLK22" s="8"/>
      <c r="JLL22" s="8"/>
      <c r="JLM22" s="8"/>
      <c r="JLN22" s="8"/>
      <c r="JLO22" s="8"/>
      <c r="JLP22" s="8"/>
      <c r="JLQ22" s="8"/>
      <c r="JLR22" s="8"/>
      <c r="JLS22" s="8"/>
      <c r="JLT22" s="8"/>
      <c r="JLU22" s="8"/>
      <c r="JLV22" s="8"/>
      <c r="JLW22" s="8"/>
      <c r="JLX22" s="8"/>
      <c r="JLY22" s="8"/>
      <c r="JLZ22" s="8"/>
      <c r="JMA22" s="8"/>
      <c r="JMB22" s="8"/>
      <c r="JMC22" s="8"/>
      <c r="JMD22" s="8"/>
      <c r="JME22" s="8"/>
      <c r="JMF22" s="8"/>
      <c r="JMG22" s="8"/>
      <c r="JMH22" s="8"/>
      <c r="JMI22" s="8"/>
      <c r="JMJ22" s="8"/>
      <c r="JMK22" s="8"/>
      <c r="JML22" s="8"/>
      <c r="JMM22" s="8"/>
      <c r="JMN22" s="8"/>
      <c r="JMO22" s="8"/>
      <c r="JMP22" s="8"/>
      <c r="JMQ22" s="8"/>
      <c r="JMR22" s="8"/>
      <c r="JMS22" s="8"/>
      <c r="JMT22" s="8"/>
      <c r="JMU22" s="8"/>
      <c r="JMV22" s="8"/>
      <c r="JMW22" s="8"/>
      <c r="JMX22" s="8"/>
      <c r="JMY22" s="8"/>
      <c r="JMZ22" s="8"/>
      <c r="JNA22" s="8"/>
      <c r="JNB22" s="8"/>
      <c r="JNC22" s="8"/>
      <c r="JND22" s="8"/>
      <c r="JNE22" s="8"/>
      <c r="JNF22" s="8"/>
      <c r="JNG22" s="8"/>
      <c r="JNH22" s="8"/>
      <c r="JNI22" s="8"/>
      <c r="JNJ22" s="8"/>
      <c r="JNK22" s="8"/>
      <c r="JNL22" s="8"/>
      <c r="JNM22" s="8"/>
      <c r="JNN22" s="8"/>
      <c r="JNO22" s="8"/>
      <c r="JNP22" s="8"/>
      <c r="JNQ22" s="8"/>
      <c r="JNR22" s="8"/>
      <c r="JNS22" s="8"/>
      <c r="JNT22" s="8"/>
      <c r="JNU22" s="8"/>
      <c r="JNV22" s="8"/>
      <c r="JNW22" s="8"/>
      <c r="JNX22" s="8"/>
      <c r="JNY22" s="8"/>
      <c r="JNZ22" s="8"/>
      <c r="JOA22" s="8"/>
      <c r="JOB22" s="8"/>
      <c r="JOC22" s="8"/>
      <c r="JOD22" s="8"/>
      <c r="JOE22" s="8"/>
      <c r="JOF22" s="8"/>
      <c r="JOG22" s="8"/>
      <c r="JOH22" s="8"/>
      <c r="JOI22" s="8"/>
      <c r="JOJ22" s="8"/>
      <c r="JOK22" s="8"/>
      <c r="JOL22" s="8"/>
      <c r="JOM22" s="8"/>
      <c r="JON22" s="8"/>
      <c r="JOO22" s="8"/>
      <c r="JOP22" s="8"/>
      <c r="JOQ22" s="8"/>
      <c r="JOR22" s="8"/>
      <c r="JOS22" s="8"/>
      <c r="JOT22" s="8"/>
      <c r="JOU22" s="8"/>
      <c r="JOV22" s="8"/>
      <c r="JOW22" s="8"/>
      <c r="JOX22" s="8"/>
      <c r="JOY22" s="8"/>
      <c r="JOZ22" s="8"/>
      <c r="JPA22" s="8"/>
      <c r="JPB22" s="8"/>
      <c r="JPC22" s="8"/>
      <c r="JPD22" s="8"/>
      <c r="JPE22" s="8"/>
      <c r="JPF22" s="8"/>
      <c r="JPG22" s="8"/>
      <c r="JPH22" s="8"/>
      <c r="JPI22" s="8"/>
      <c r="JPJ22" s="8"/>
      <c r="JPK22" s="8"/>
      <c r="JPL22" s="8"/>
      <c r="JPM22" s="8"/>
      <c r="JPN22" s="8"/>
      <c r="JPO22" s="8"/>
      <c r="JPP22" s="8"/>
      <c r="JPQ22" s="8"/>
      <c r="JPR22" s="8"/>
      <c r="JPS22" s="8"/>
      <c r="JPT22" s="8"/>
      <c r="JPU22" s="8"/>
      <c r="JPV22" s="8"/>
      <c r="JPW22" s="8"/>
      <c r="JPX22" s="8"/>
      <c r="JPY22" s="8"/>
      <c r="JPZ22" s="8"/>
      <c r="JQA22" s="8"/>
      <c r="JQB22" s="8"/>
      <c r="JQC22" s="8"/>
      <c r="JQD22" s="8"/>
      <c r="JQE22" s="8"/>
      <c r="JQF22" s="8"/>
      <c r="JQG22" s="8"/>
      <c r="JQH22" s="8"/>
      <c r="JQI22" s="8"/>
      <c r="JQJ22" s="8"/>
      <c r="JQK22" s="8"/>
      <c r="JQL22" s="8"/>
      <c r="JQM22" s="8"/>
      <c r="JQN22" s="8"/>
      <c r="JQO22" s="8"/>
      <c r="JQP22" s="8"/>
      <c r="JQQ22" s="8"/>
      <c r="JQR22" s="8"/>
      <c r="JQS22" s="8"/>
      <c r="JQT22" s="8"/>
      <c r="JQU22" s="8"/>
      <c r="JQV22" s="8"/>
      <c r="JQW22" s="8"/>
      <c r="JQX22" s="8"/>
      <c r="JQY22" s="8"/>
      <c r="JQZ22" s="8"/>
      <c r="JRA22" s="8"/>
      <c r="JRB22" s="8"/>
      <c r="JRC22" s="8"/>
      <c r="JRD22" s="8"/>
      <c r="JRE22" s="8"/>
      <c r="JRF22" s="8"/>
      <c r="JRG22" s="8"/>
      <c r="JRH22" s="8"/>
      <c r="JRI22" s="8"/>
      <c r="JRJ22" s="8"/>
      <c r="JRK22" s="8"/>
      <c r="JRL22" s="8"/>
      <c r="JRM22" s="8"/>
      <c r="JRN22" s="8"/>
      <c r="JRO22" s="8"/>
      <c r="JRP22" s="8"/>
      <c r="JRQ22" s="8"/>
      <c r="JRR22" s="8"/>
      <c r="JRS22" s="8"/>
      <c r="JRT22" s="8"/>
      <c r="JRU22" s="8"/>
      <c r="JRV22" s="8"/>
      <c r="JRW22" s="8"/>
      <c r="JRX22" s="8"/>
      <c r="JRY22" s="8"/>
      <c r="JRZ22" s="8"/>
      <c r="JSA22" s="8"/>
      <c r="JSB22" s="8"/>
      <c r="JSC22" s="8"/>
      <c r="JSD22" s="8"/>
      <c r="JSE22" s="8"/>
      <c r="JSF22" s="8"/>
      <c r="JSG22" s="8"/>
      <c r="JSH22" s="8"/>
      <c r="JSI22" s="8"/>
      <c r="JSJ22" s="8"/>
      <c r="JSK22" s="8"/>
      <c r="JSL22" s="8"/>
      <c r="JSM22" s="8"/>
      <c r="JSN22" s="8"/>
      <c r="JSO22" s="8"/>
      <c r="JSP22" s="8"/>
      <c r="JSQ22" s="8"/>
      <c r="JSR22" s="8"/>
      <c r="JSS22" s="8"/>
      <c r="JST22" s="8"/>
      <c r="JSU22" s="8"/>
      <c r="JSV22" s="8"/>
      <c r="JSW22" s="8"/>
      <c r="JSX22" s="8"/>
      <c r="JSY22" s="8"/>
      <c r="JSZ22" s="8"/>
      <c r="JTA22" s="8"/>
      <c r="JTB22" s="8"/>
      <c r="JTC22" s="8"/>
      <c r="JTD22" s="8"/>
      <c r="JTE22" s="8"/>
      <c r="JTF22" s="8"/>
      <c r="JTG22" s="8"/>
      <c r="JTH22" s="8"/>
      <c r="JTI22" s="8"/>
      <c r="JTJ22" s="8"/>
      <c r="JTK22" s="8"/>
      <c r="JTL22" s="8"/>
      <c r="JTM22" s="8"/>
      <c r="JTN22" s="8"/>
      <c r="JTO22" s="8"/>
      <c r="JTP22" s="8"/>
      <c r="JTQ22" s="8"/>
      <c r="JTR22" s="8"/>
      <c r="JTS22" s="8"/>
      <c r="JTT22" s="8"/>
      <c r="JTU22" s="8"/>
      <c r="JTV22" s="8"/>
      <c r="JTW22" s="8"/>
      <c r="JTX22" s="8"/>
      <c r="JTY22" s="8"/>
      <c r="JTZ22" s="8"/>
      <c r="JUA22" s="8"/>
      <c r="JUB22" s="8"/>
      <c r="JUC22" s="8"/>
      <c r="JUD22" s="8"/>
      <c r="JUE22" s="8"/>
      <c r="JUF22" s="8"/>
      <c r="JUG22" s="8"/>
      <c r="JUH22" s="8"/>
      <c r="JUI22" s="8"/>
      <c r="JUJ22" s="8"/>
      <c r="JUK22" s="8"/>
      <c r="JUL22" s="8"/>
      <c r="JUM22" s="8"/>
      <c r="JUN22" s="8"/>
      <c r="JUO22" s="8"/>
      <c r="JUP22" s="8"/>
      <c r="JUQ22" s="8"/>
      <c r="JUR22" s="8"/>
      <c r="JUS22" s="8"/>
      <c r="JUT22" s="8"/>
      <c r="JUU22" s="8"/>
      <c r="JUV22" s="8"/>
      <c r="JUW22" s="8"/>
      <c r="JUX22" s="8"/>
      <c r="JUY22" s="8"/>
      <c r="JUZ22" s="8"/>
      <c r="JVA22" s="8"/>
      <c r="JVB22" s="8"/>
      <c r="JVC22" s="8"/>
      <c r="JVD22" s="8"/>
      <c r="JVE22" s="8"/>
      <c r="JVF22" s="8"/>
      <c r="JVG22" s="8"/>
      <c r="JVH22" s="8"/>
      <c r="JVI22" s="8"/>
      <c r="JVJ22" s="8"/>
      <c r="JVK22" s="8"/>
      <c r="JVL22" s="8"/>
      <c r="JVM22" s="8"/>
      <c r="JVN22" s="8"/>
      <c r="JVO22" s="8"/>
      <c r="JVP22" s="8"/>
      <c r="JVQ22" s="8"/>
      <c r="JVR22" s="8"/>
      <c r="JVS22" s="8"/>
      <c r="JVT22" s="8"/>
      <c r="JVU22" s="8"/>
      <c r="JVV22" s="8"/>
      <c r="JVW22" s="8"/>
      <c r="JVX22" s="8"/>
      <c r="JVY22" s="8"/>
      <c r="JVZ22" s="8"/>
      <c r="JWA22" s="8"/>
      <c r="JWB22" s="8"/>
      <c r="JWC22" s="8"/>
      <c r="JWD22" s="8"/>
      <c r="JWE22" s="8"/>
      <c r="JWF22" s="8"/>
      <c r="JWG22" s="8"/>
      <c r="JWH22" s="8"/>
      <c r="JWI22" s="8"/>
      <c r="JWJ22" s="8"/>
      <c r="JWK22" s="8"/>
      <c r="JWL22" s="8"/>
      <c r="JWM22" s="8"/>
      <c r="JWN22" s="8"/>
      <c r="JWO22" s="8"/>
      <c r="JWP22" s="8"/>
      <c r="JWQ22" s="8"/>
      <c r="JWR22" s="8"/>
      <c r="JWS22" s="8"/>
      <c r="JWT22" s="8"/>
      <c r="JWU22" s="8"/>
      <c r="JWV22" s="8"/>
      <c r="JWW22" s="8"/>
      <c r="JWX22" s="8"/>
      <c r="JWY22" s="8"/>
      <c r="JWZ22" s="8"/>
      <c r="JXA22" s="8"/>
      <c r="JXB22" s="8"/>
      <c r="JXC22" s="8"/>
      <c r="JXD22" s="8"/>
      <c r="JXE22" s="8"/>
      <c r="JXF22" s="8"/>
      <c r="JXG22" s="8"/>
      <c r="JXH22" s="8"/>
      <c r="JXI22" s="8"/>
      <c r="JXJ22" s="8"/>
      <c r="JXK22" s="8"/>
      <c r="JXL22" s="8"/>
      <c r="JXM22" s="8"/>
      <c r="JXN22" s="8"/>
      <c r="JXO22" s="8"/>
      <c r="JXP22" s="8"/>
      <c r="JXQ22" s="8"/>
      <c r="JXR22" s="8"/>
      <c r="JXS22" s="8"/>
      <c r="JXT22" s="8"/>
      <c r="JXU22" s="8"/>
      <c r="JXV22" s="8"/>
      <c r="JXW22" s="8"/>
      <c r="JXX22" s="8"/>
      <c r="JXY22" s="8"/>
      <c r="JXZ22" s="8"/>
      <c r="JYA22" s="8"/>
      <c r="JYB22" s="8"/>
      <c r="JYC22" s="8"/>
      <c r="JYD22" s="8"/>
      <c r="JYE22" s="8"/>
      <c r="JYF22" s="8"/>
      <c r="JYG22" s="8"/>
      <c r="JYH22" s="8"/>
      <c r="JYI22" s="8"/>
      <c r="JYJ22" s="8"/>
      <c r="JYK22" s="8"/>
      <c r="JYL22" s="8"/>
      <c r="JYM22" s="8"/>
      <c r="JYN22" s="8"/>
      <c r="JYO22" s="8"/>
      <c r="JYP22" s="8"/>
      <c r="JYQ22" s="8"/>
      <c r="JYR22" s="8"/>
      <c r="JYS22" s="8"/>
      <c r="JYT22" s="8"/>
      <c r="JYU22" s="8"/>
      <c r="JYV22" s="8"/>
      <c r="JYW22" s="8"/>
      <c r="JYX22" s="8"/>
      <c r="JYY22" s="8"/>
      <c r="JYZ22" s="8"/>
      <c r="JZA22" s="8"/>
      <c r="JZB22" s="8"/>
      <c r="JZC22" s="8"/>
      <c r="JZD22" s="8"/>
      <c r="JZE22" s="8"/>
      <c r="JZF22" s="8"/>
      <c r="JZG22" s="8"/>
      <c r="JZH22" s="8"/>
      <c r="JZI22" s="8"/>
      <c r="JZJ22" s="8"/>
      <c r="JZK22" s="8"/>
      <c r="JZL22" s="8"/>
      <c r="JZM22" s="8"/>
      <c r="JZN22" s="8"/>
      <c r="JZO22" s="8"/>
      <c r="JZP22" s="8"/>
      <c r="JZQ22" s="8"/>
      <c r="JZR22" s="8"/>
      <c r="JZS22" s="8"/>
      <c r="JZT22" s="8"/>
      <c r="JZU22" s="8"/>
      <c r="JZV22" s="8"/>
      <c r="JZW22" s="8"/>
      <c r="JZX22" s="8"/>
      <c r="JZY22" s="8"/>
      <c r="JZZ22" s="8"/>
      <c r="KAA22" s="8"/>
      <c r="KAB22" s="8"/>
      <c r="KAC22" s="8"/>
      <c r="KAD22" s="8"/>
      <c r="KAE22" s="8"/>
      <c r="KAF22" s="8"/>
      <c r="KAG22" s="8"/>
      <c r="KAH22" s="8"/>
      <c r="KAI22" s="8"/>
      <c r="KAJ22" s="8"/>
      <c r="KAK22" s="8"/>
      <c r="KAL22" s="8"/>
      <c r="KAM22" s="8"/>
      <c r="KAN22" s="8"/>
      <c r="KAO22" s="8"/>
      <c r="KAP22" s="8"/>
      <c r="KAQ22" s="8"/>
      <c r="KAR22" s="8"/>
      <c r="KAS22" s="8"/>
      <c r="KAT22" s="8"/>
      <c r="KAU22" s="8"/>
      <c r="KAV22" s="8"/>
      <c r="KAW22" s="8"/>
      <c r="KAX22" s="8"/>
      <c r="KAY22" s="8"/>
      <c r="KAZ22" s="8"/>
      <c r="KBA22" s="8"/>
      <c r="KBB22" s="8"/>
      <c r="KBC22" s="8"/>
      <c r="KBD22" s="8"/>
      <c r="KBE22" s="8"/>
      <c r="KBF22" s="8"/>
      <c r="KBG22" s="8"/>
      <c r="KBH22" s="8"/>
      <c r="KBI22" s="8"/>
      <c r="KBJ22" s="8"/>
      <c r="KBK22" s="8"/>
      <c r="KBL22" s="8"/>
      <c r="KBM22" s="8"/>
      <c r="KBN22" s="8"/>
      <c r="KBO22" s="8"/>
      <c r="KBP22" s="8"/>
      <c r="KBQ22" s="8"/>
      <c r="KBR22" s="8"/>
      <c r="KBS22" s="8"/>
      <c r="KBT22" s="8"/>
      <c r="KBU22" s="8"/>
      <c r="KBV22" s="8"/>
      <c r="KBW22" s="8"/>
      <c r="KBX22" s="8"/>
      <c r="KBY22" s="8"/>
      <c r="KBZ22" s="8"/>
      <c r="KCA22" s="8"/>
      <c r="KCB22" s="8"/>
      <c r="KCC22" s="8"/>
      <c r="KCD22" s="8"/>
      <c r="KCE22" s="8"/>
      <c r="KCF22" s="8"/>
      <c r="KCG22" s="8"/>
      <c r="KCH22" s="8"/>
      <c r="KCI22" s="8"/>
      <c r="KCJ22" s="8"/>
      <c r="KCK22" s="8"/>
      <c r="KCL22" s="8"/>
      <c r="KCM22" s="8"/>
      <c r="KCN22" s="8"/>
      <c r="KCO22" s="8"/>
      <c r="KCP22" s="8"/>
      <c r="KCQ22" s="8"/>
      <c r="KCR22" s="8"/>
      <c r="KCS22" s="8"/>
      <c r="KCT22" s="8"/>
      <c r="KCU22" s="8"/>
      <c r="KCV22" s="8"/>
      <c r="KCW22" s="8"/>
      <c r="KCX22" s="8"/>
      <c r="KCY22" s="8"/>
      <c r="KCZ22" s="8"/>
      <c r="KDA22" s="8"/>
      <c r="KDB22" s="8"/>
      <c r="KDC22" s="8"/>
      <c r="KDD22" s="8"/>
      <c r="KDE22" s="8"/>
      <c r="KDF22" s="8"/>
      <c r="KDG22" s="8"/>
      <c r="KDH22" s="8"/>
      <c r="KDI22" s="8"/>
      <c r="KDJ22" s="8"/>
      <c r="KDK22" s="8"/>
      <c r="KDL22" s="8"/>
      <c r="KDM22" s="8"/>
      <c r="KDN22" s="8"/>
      <c r="KDO22" s="8"/>
      <c r="KDP22" s="8"/>
      <c r="KDQ22" s="8"/>
      <c r="KDR22" s="8"/>
      <c r="KDS22" s="8"/>
      <c r="KDT22" s="8"/>
      <c r="KDU22" s="8"/>
      <c r="KDV22" s="8"/>
      <c r="KDW22" s="8"/>
      <c r="KDX22" s="8"/>
      <c r="KDY22" s="8"/>
      <c r="KDZ22" s="8"/>
      <c r="KEA22" s="8"/>
      <c r="KEB22" s="8"/>
      <c r="KEC22" s="8"/>
      <c r="KED22" s="8"/>
      <c r="KEE22" s="8"/>
      <c r="KEF22" s="8"/>
      <c r="KEG22" s="8"/>
      <c r="KEH22" s="8"/>
      <c r="KEI22" s="8"/>
      <c r="KEJ22" s="8"/>
      <c r="KEK22" s="8"/>
      <c r="KEL22" s="8"/>
      <c r="KEM22" s="8"/>
      <c r="KEN22" s="8"/>
      <c r="KEO22" s="8"/>
      <c r="KEP22" s="8"/>
      <c r="KEQ22" s="8"/>
      <c r="KER22" s="8"/>
      <c r="KES22" s="8"/>
      <c r="KET22" s="8"/>
      <c r="KEU22" s="8"/>
      <c r="KEV22" s="8"/>
      <c r="KEW22" s="8"/>
      <c r="KEX22" s="8"/>
      <c r="KEY22" s="8"/>
      <c r="KEZ22" s="8"/>
      <c r="KFA22" s="8"/>
      <c r="KFB22" s="8"/>
      <c r="KFC22" s="8"/>
      <c r="KFD22" s="8"/>
      <c r="KFE22" s="8"/>
      <c r="KFF22" s="8"/>
      <c r="KFG22" s="8"/>
      <c r="KFH22" s="8"/>
      <c r="KFI22" s="8"/>
      <c r="KFJ22" s="8"/>
      <c r="KFK22" s="8"/>
      <c r="KFL22" s="8"/>
      <c r="KFM22" s="8"/>
      <c r="KFN22" s="8"/>
      <c r="KFO22" s="8"/>
      <c r="KFP22" s="8"/>
      <c r="KFQ22" s="8"/>
      <c r="KFR22" s="8"/>
      <c r="KFS22" s="8"/>
      <c r="KFT22" s="8"/>
      <c r="KFU22" s="8"/>
      <c r="KFV22" s="8"/>
      <c r="KFW22" s="8"/>
      <c r="KFX22" s="8"/>
      <c r="KFY22" s="8"/>
      <c r="KFZ22" s="8"/>
      <c r="KGA22" s="8"/>
      <c r="KGB22" s="8"/>
      <c r="KGC22" s="8"/>
      <c r="KGD22" s="8"/>
      <c r="KGE22" s="8"/>
      <c r="KGF22" s="8"/>
      <c r="KGG22" s="8"/>
      <c r="KGH22" s="8"/>
      <c r="KGI22" s="8"/>
      <c r="KGJ22" s="8"/>
      <c r="KGK22" s="8"/>
      <c r="KGL22" s="8"/>
      <c r="KGM22" s="8"/>
      <c r="KGN22" s="8"/>
      <c r="KGO22" s="8"/>
      <c r="KGP22" s="8"/>
      <c r="KGQ22" s="8"/>
      <c r="KGR22" s="8"/>
      <c r="KGS22" s="8"/>
      <c r="KGT22" s="8"/>
      <c r="KGU22" s="8"/>
      <c r="KGV22" s="8"/>
      <c r="KGW22" s="8"/>
      <c r="KGX22" s="8"/>
      <c r="KGY22" s="8"/>
      <c r="KGZ22" s="8"/>
      <c r="KHA22" s="8"/>
      <c r="KHB22" s="8"/>
      <c r="KHC22" s="8"/>
      <c r="KHD22" s="8"/>
      <c r="KHE22" s="8"/>
      <c r="KHF22" s="8"/>
      <c r="KHG22" s="8"/>
      <c r="KHH22" s="8"/>
      <c r="KHI22" s="8"/>
      <c r="KHJ22" s="8"/>
      <c r="KHK22" s="8"/>
      <c r="KHL22" s="8"/>
      <c r="KHM22" s="8"/>
      <c r="KHN22" s="8"/>
      <c r="KHO22" s="8"/>
      <c r="KHP22" s="8"/>
      <c r="KHQ22" s="8"/>
      <c r="KHR22" s="8"/>
      <c r="KHS22" s="8"/>
      <c r="KHT22" s="8"/>
      <c r="KHU22" s="8"/>
      <c r="KHV22" s="8"/>
      <c r="KHW22" s="8"/>
      <c r="KHX22" s="8"/>
      <c r="KHY22" s="8"/>
      <c r="KHZ22" s="8"/>
      <c r="KIA22" s="8"/>
      <c r="KIB22" s="8"/>
      <c r="KIC22" s="8"/>
      <c r="KID22" s="8"/>
      <c r="KIE22" s="8"/>
      <c r="KIF22" s="8"/>
      <c r="KIG22" s="8"/>
      <c r="KIH22" s="8"/>
      <c r="KII22" s="8"/>
      <c r="KIJ22" s="8"/>
      <c r="KIK22" s="8"/>
      <c r="KIL22" s="8"/>
      <c r="KIM22" s="8"/>
      <c r="KIN22" s="8"/>
      <c r="KIO22" s="8"/>
      <c r="KIP22" s="8"/>
      <c r="KIQ22" s="8"/>
      <c r="KIR22" s="8"/>
      <c r="KIS22" s="8"/>
      <c r="KIT22" s="8"/>
      <c r="KIU22" s="8"/>
      <c r="KIV22" s="8"/>
      <c r="KIW22" s="8"/>
      <c r="KIX22" s="8"/>
      <c r="KIY22" s="8"/>
      <c r="KIZ22" s="8"/>
      <c r="KJA22" s="8"/>
      <c r="KJB22" s="8"/>
      <c r="KJC22" s="8"/>
      <c r="KJD22" s="8"/>
      <c r="KJE22" s="8"/>
      <c r="KJF22" s="8"/>
      <c r="KJG22" s="8"/>
      <c r="KJH22" s="8"/>
      <c r="KJI22" s="8"/>
      <c r="KJJ22" s="8"/>
      <c r="KJK22" s="8"/>
      <c r="KJL22" s="8"/>
      <c r="KJM22" s="8"/>
      <c r="KJN22" s="8"/>
      <c r="KJO22" s="8"/>
      <c r="KJP22" s="8"/>
      <c r="KJQ22" s="8"/>
      <c r="KJR22" s="8"/>
      <c r="KJS22" s="8"/>
      <c r="KJT22" s="8"/>
      <c r="KJU22" s="8"/>
      <c r="KJV22" s="8"/>
      <c r="KJW22" s="8"/>
      <c r="KJX22" s="8"/>
      <c r="KJY22" s="8"/>
      <c r="KJZ22" s="8"/>
      <c r="KKA22" s="8"/>
      <c r="KKB22" s="8"/>
      <c r="KKC22" s="8"/>
      <c r="KKD22" s="8"/>
      <c r="KKE22" s="8"/>
      <c r="KKF22" s="8"/>
      <c r="KKG22" s="8"/>
      <c r="KKH22" s="8"/>
      <c r="KKI22" s="8"/>
      <c r="KKJ22" s="8"/>
      <c r="KKK22" s="8"/>
      <c r="KKL22" s="8"/>
      <c r="KKM22" s="8"/>
      <c r="KKN22" s="8"/>
      <c r="KKO22" s="8"/>
      <c r="KKP22" s="8"/>
      <c r="KKQ22" s="8"/>
      <c r="KKR22" s="8"/>
      <c r="KKS22" s="8"/>
      <c r="KKT22" s="8"/>
      <c r="KKU22" s="8"/>
      <c r="KKV22" s="8"/>
      <c r="KKW22" s="8"/>
      <c r="KKX22" s="8"/>
      <c r="KKY22" s="8"/>
      <c r="KKZ22" s="8"/>
      <c r="KLA22" s="8"/>
      <c r="KLB22" s="8"/>
      <c r="KLC22" s="8"/>
      <c r="KLD22" s="8"/>
      <c r="KLE22" s="8"/>
      <c r="KLF22" s="8"/>
      <c r="KLG22" s="8"/>
      <c r="KLH22" s="8"/>
      <c r="KLI22" s="8"/>
      <c r="KLJ22" s="8"/>
      <c r="KLK22" s="8"/>
      <c r="KLL22" s="8"/>
      <c r="KLM22" s="8"/>
      <c r="KLN22" s="8"/>
      <c r="KLO22" s="8"/>
      <c r="KLP22" s="8"/>
      <c r="KLQ22" s="8"/>
      <c r="KLR22" s="8"/>
      <c r="KLS22" s="8"/>
      <c r="KLT22" s="8"/>
      <c r="KLU22" s="8"/>
      <c r="KLV22" s="8"/>
      <c r="KLW22" s="8"/>
      <c r="KLX22" s="8"/>
      <c r="KLY22" s="8"/>
      <c r="KLZ22" s="8"/>
      <c r="KMA22" s="8"/>
      <c r="KMB22" s="8"/>
      <c r="KMC22" s="8"/>
      <c r="KMD22" s="8"/>
      <c r="KME22" s="8"/>
      <c r="KMF22" s="8"/>
      <c r="KMG22" s="8"/>
      <c r="KMH22" s="8"/>
      <c r="KMI22" s="8"/>
      <c r="KMJ22" s="8"/>
      <c r="KMK22" s="8"/>
      <c r="KML22" s="8"/>
      <c r="KMM22" s="8"/>
      <c r="KMN22" s="8"/>
      <c r="KMO22" s="8"/>
      <c r="KMP22" s="8"/>
      <c r="KMQ22" s="8"/>
      <c r="KMR22" s="8"/>
      <c r="KMS22" s="8"/>
      <c r="KMT22" s="8"/>
      <c r="KMU22" s="8"/>
      <c r="KMV22" s="8"/>
      <c r="KMW22" s="8"/>
      <c r="KMX22" s="8"/>
      <c r="KMY22" s="8"/>
      <c r="KMZ22" s="8"/>
      <c r="KNA22" s="8"/>
      <c r="KNB22" s="8"/>
      <c r="KNC22" s="8"/>
      <c r="KND22" s="8"/>
      <c r="KNE22" s="8"/>
      <c r="KNF22" s="8"/>
      <c r="KNG22" s="8"/>
      <c r="KNH22" s="8"/>
      <c r="KNI22" s="8"/>
      <c r="KNJ22" s="8"/>
      <c r="KNK22" s="8"/>
      <c r="KNL22" s="8"/>
      <c r="KNM22" s="8"/>
      <c r="KNN22" s="8"/>
      <c r="KNO22" s="8"/>
      <c r="KNP22" s="8"/>
      <c r="KNQ22" s="8"/>
      <c r="KNR22" s="8"/>
      <c r="KNS22" s="8"/>
      <c r="KNT22" s="8"/>
      <c r="KNU22" s="8"/>
      <c r="KNV22" s="8"/>
      <c r="KNW22" s="8"/>
      <c r="KNX22" s="8"/>
      <c r="KNY22" s="8"/>
      <c r="KNZ22" s="8"/>
      <c r="KOA22" s="8"/>
      <c r="KOB22" s="8"/>
      <c r="KOC22" s="8"/>
      <c r="KOD22" s="8"/>
      <c r="KOE22" s="8"/>
      <c r="KOF22" s="8"/>
      <c r="KOG22" s="8"/>
      <c r="KOH22" s="8"/>
      <c r="KOI22" s="8"/>
      <c r="KOJ22" s="8"/>
      <c r="KOK22" s="8"/>
      <c r="KOL22" s="8"/>
      <c r="KOM22" s="8"/>
      <c r="KON22" s="8"/>
      <c r="KOO22" s="8"/>
      <c r="KOP22" s="8"/>
      <c r="KOQ22" s="8"/>
      <c r="KOR22" s="8"/>
      <c r="KOS22" s="8"/>
      <c r="KOT22" s="8"/>
      <c r="KOU22" s="8"/>
      <c r="KOV22" s="8"/>
      <c r="KOW22" s="8"/>
      <c r="KOX22" s="8"/>
      <c r="KOY22" s="8"/>
      <c r="KOZ22" s="8"/>
      <c r="KPA22" s="8"/>
      <c r="KPB22" s="8"/>
      <c r="KPC22" s="8"/>
      <c r="KPD22" s="8"/>
      <c r="KPE22" s="8"/>
      <c r="KPF22" s="8"/>
      <c r="KPG22" s="8"/>
      <c r="KPH22" s="8"/>
      <c r="KPI22" s="8"/>
      <c r="KPJ22" s="8"/>
      <c r="KPK22" s="8"/>
      <c r="KPL22" s="8"/>
      <c r="KPM22" s="8"/>
      <c r="KPN22" s="8"/>
      <c r="KPO22" s="8"/>
      <c r="KPP22" s="8"/>
      <c r="KPQ22" s="8"/>
      <c r="KPR22" s="8"/>
      <c r="KPS22" s="8"/>
      <c r="KPT22" s="8"/>
      <c r="KPU22" s="8"/>
      <c r="KPV22" s="8"/>
      <c r="KPW22" s="8"/>
      <c r="KPX22" s="8"/>
      <c r="KPY22" s="8"/>
      <c r="KPZ22" s="8"/>
      <c r="KQA22" s="8"/>
      <c r="KQB22" s="8"/>
      <c r="KQC22" s="8"/>
      <c r="KQD22" s="8"/>
      <c r="KQE22" s="8"/>
      <c r="KQF22" s="8"/>
      <c r="KQG22" s="8"/>
      <c r="KQH22" s="8"/>
      <c r="KQI22" s="8"/>
      <c r="KQJ22" s="8"/>
      <c r="KQK22" s="8"/>
      <c r="KQL22" s="8"/>
      <c r="KQM22" s="8"/>
      <c r="KQN22" s="8"/>
      <c r="KQO22" s="8"/>
      <c r="KQP22" s="8"/>
      <c r="KQQ22" s="8"/>
      <c r="KQR22" s="8"/>
      <c r="KQS22" s="8"/>
      <c r="KQT22" s="8"/>
      <c r="KQU22" s="8"/>
      <c r="KQV22" s="8"/>
      <c r="KQW22" s="8"/>
      <c r="KQX22" s="8"/>
      <c r="KQY22" s="8"/>
      <c r="KQZ22" s="8"/>
      <c r="KRA22" s="8"/>
      <c r="KRB22" s="8"/>
      <c r="KRC22" s="8"/>
      <c r="KRD22" s="8"/>
      <c r="KRE22" s="8"/>
      <c r="KRF22" s="8"/>
      <c r="KRG22" s="8"/>
      <c r="KRH22" s="8"/>
      <c r="KRI22" s="8"/>
      <c r="KRJ22" s="8"/>
      <c r="KRK22" s="8"/>
      <c r="KRL22" s="8"/>
      <c r="KRM22" s="8"/>
      <c r="KRN22" s="8"/>
      <c r="KRO22" s="8"/>
      <c r="KRP22" s="8"/>
      <c r="KRQ22" s="8"/>
      <c r="KRR22" s="8"/>
      <c r="KRS22" s="8"/>
      <c r="KRT22" s="8"/>
      <c r="KRU22" s="8"/>
      <c r="KRV22" s="8"/>
      <c r="KRW22" s="8"/>
      <c r="KRX22" s="8"/>
      <c r="KRY22" s="8"/>
      <c r="KRZ22" s="8"/>
      <c r="KSA22" s="8"/>
      <c r="KSB22" s="8"/>
      <c r="KSC22" s="8"/>
      <c r="KSD22" s="8"/>
      <c r="KSE22" s="8"/>
      <c r="KSF22" s="8"/>
      <c r="KSG22" s="8"/>
      <c r="KSH22" s="8"/>
      <c r="KSI22" s="8"/>
      <c r="KSJ22" s="8"/>
      <c r="KSK22" s="8"/>
      <c r="KSL22" s="8"/>
      <c r="KSM22" s="8"/>
      <c r="KSN22" s="8"/>
      <c r="KSO22" s="8"/>
      <c r="KSP22" s="8"/>
      <c r="KSQ22" s="8"/>
      <c r="KSR22" s="8"/>
      <c r="KSS22" s="8"/>
      <c r="KST22" s="8"/>
      <c r="KSU22" s="8"/>
      <c r="KSV22" s="8"/>
      <c r="KSW22" s="8"/>
      <c r="KSX22" s="8"/>
      <c r="KSY22" s="8"/>
      <c r="KSZ22" s="8"/>
      <c r="KTA22" s="8"/>
      <c r="KTB22" s="8"/>
      <c r="KTC22" s="8"/>
      <c r="KTD22" s="8"/>
      <c r="KTE22" s="8"/>
      <c r="KTF22" s="8"/>
      <c r="KTG22" s="8"/>
      <c r="KTH22" s="8"/>
      <c r="KTI22" s="8"/>
      <c r="KTJ22" s="8"/>
      <c r="KTK22" s="8"/>
      <c r="KTL22" s="8"/>
      <c r="KTM22" s="8"/>
      <c r="KTN22" s="8"/>
      <c r="KTO22" s="8"/>
      <c r="KTP22" s="8"/>
      <c r="KTQ22" s="8"/>
      <c r="KTR22" s="8"/>
      <c r="KTS22" s="8"/>
      <c r="KTT22" s="8"/>
      <c r="KTU22" s="8"/>
      <c r="KTV22" s="8"/>
      <c r="KTW22" s="8"/>
      <c r="KTX22" s="8"/>
      <c r="KTY22" s="8"/>
      <c r="KTZ22" s="8"/>
      <c r="KUA22" s="8"/>
      <c r="KUB22" s="8"/>
      <c r="KUC22" s="8"/>
      <c r="KUD22" s="8"/>
      <c r="KUE22" s="8"/>
      <c r="KUF22" s="8"/>
      <c r="KUG22" s="8"/>
      <c r="KUH22" s="8"/>
      <c r="KUI22" s="8"/>
      <c r="KUJ22" s="8"/>
      <c r="KUK22" s="8"/>
      <c r="KUL22" s="8"/>
      <c r="KUM22" s="8"/>
      <c r="KUN22" s="8"/>
      <c r="KUO22" s="8"/>
      <c r="KUP22" s="8"/>
      <c r="KUQ22" s="8"/>
      <c r="KUR22" s="8"/>
      <c r="KUS22" s="8"/>
      <c r="KUT22" s="8"/>
      <c r="KUU22" s="8"/>
      <c r="KUV22" s="8"/>
      <c r="KUW22" s="8"/>
      <c r="KUX22" s="8"/>
      <c r="KUY22" s="8"/>
      <c r="KUZ22" s="8"/>
      <c r="KVA22" s="8"/>
      <c r="KVB22" s="8"/>
      <c r="KVC22" s="8"/>
      <c r="KVD22" s="8"/>
      <c r="KVE22" s="8"/>
      <c r="KVF22" s="8"/>
      <c r="KVG22" s="8"/>
      <c r="KVH22" s="8"/>
      <c r="KVI22" s="8"/>
      <c r="KVJ22" s="8"/>
      <c r="KVK22" s="8"/>
      <c r="KVL22" s="8"/>
      <c r="KVM22" s="8"/>
      <c r="KVN22" s="8"/>
      <c r="KVO22" s="8"/>
      <c r="KVP22" s="8"/>
      <c r="KVQ22" s="8"/>
      <c r="KVR22" s="8"/>
      <c r="KVS22" s="8"/>
      <c r="KVT22" s="8"/>
      <c r="KVU22" s="8"/>
      <c r="KVV22" s="8"/>
      <c r="KVW22" s="8"/>
      <c r="KVX22" s="8"/>
      <c r="KVY22" s="8"/>
      <c r="KVZ22" s="8"/>
      <c r="KWA22" s="8"/>
      <c r="KWB22" s="8"/>
      <c r="KWC22" s="8"/>
      <c r="KWD22" s="8"/>
      <c r="KWE22" s="8"/>
      <c r="KWF22" s="8"/>
      <c r="KWG22" s="8"/>
      <c r="KWH22" s="8"/>
      <c r="KWI22" s="8"/>
      <c r="KWJ22" s="8"/>
      <c r="KWK22" s="8"/>
      <c r="KWL22" s="8"/>
      <c r="KWM22" s="8"/>
      <c r="KWN22" s="8"/>
      <c r="KWO22" s="8"/>
      <c r="KWP22" s="8"/>
      <c r="KWQ22" s="8"/>
      <c r="KWR22" s="8"/>
      <c r="KWS22" s="8"/>
      <c r="KWT22" s="8"/>
      <c r="KWU22" s="8"/>
      <c r="KWV22" s="8"/>
      <c r="KWW22" s="8"/>
      <c r="KWX22" s="8"/>
      <c r="KWY22" s="8"/>
      <c r="KWZ22" s="8"/>
      <c r="KXA22" s="8"/>
      <c r="KXB22" s="8"/>
      <c r="KXC22" s="8"/>
      <c r="KXD22" s="8"/>
      <c r="KXE22" s="8"/>
      <c r="KXF22" s="8"/>
      <c r="KXG22" s="8"/>
      <c r="KXH22" s="8"/>
      <c r="KXI22" s="8"/>
      <c r="KXJ22" s="8"/>
      <c r="KXK22" s="8"/>
      <c r="KXL22" s="8"/>
      <c r="KXM22" s="8"/>
      <c r="KXN22" s="8"/>
      <c r="KXO22" s="8"/>
      <c r="KXP22" s="8"/>
      <c r="KXQ22" s="8"/>
      <c r="KXR22" s="8"/>
      <c r="KXS22" s="8"/>
      <c r="KXT22" s="8"/>
      <c r="KXU22" s="8"/>
      <c r="KXV22" s="8"/>
      <c r="KXW22" s="8"/>
      <c r="KXX22" s="8"/>
      <c r="KXY22" s="8"/>
      <c r="KXZ22" s="8"/>
      <c r="KYA22" s="8"/>
      <c r="KYB22" s="8"/>
      <c r="KYC22" s="8"/>
      <c r="KYD22" s="8"/>
      <c r="KYE22" s="8"/>
      <c r="KYF22" s="8"/>
      <c r="KYG22" s="8"/>
      <c r="KYH22" s="8"/>
      <c r="KYI22" s="8"/>
      <c r="KYJ22" s="8"/>
      <c r="KYK22" s="8"/>
      <c r="KYL22" s="8"/>
      <c r="KYM22" s="8"/>
      <c r="KYN22" s="8"/>
      <c r="KYO22" s="8"/>
      <c r="KYP22" s="8"/>
      <c r="KYQ22" s="8"/>
      <c r="KYR22" s="8"/>
      <c r="KYS22" s="8"/>
      <c r="KYT22" s="8"/>
      <c r="KYU22" s="8"/>
      <c r="KYV22" s="8"/>
      <c r="KYW22" s="8"/>
      <c r="KYX22" s="8"/>
      <c r="KYY22" s="8"/>
      <c r="KYZ22" s="8"/>
      <c r="KZA22" s="8"/>
      <c r="KZB22" s="8"/>
      <c r="KZC22" s="8"/>
      <c r="KZD22" s="8"/>
      <c r="KZE22" s="8"/>
      <c r="KZF22" s="8"/>
      <c r="KZG22" s="8"/>
      <c r="KZH22" s="8"/>
      <c r="KZI22" s="8"/>
      <c r="KZJ22" s="8"/>
      <c r="KZK22" s="8"/>
      <c r="KZL22" s="8"/>
      <c r="KZM22" s="8"/>
      <c r="KZN22" s="8"/>
      <c r="KZO22" s="8"/>
      <c r="KZP22" s="8"/>
      <c r="KZQ22" s="8"/>
      <c r="KZR22" s="8"/>
      <c r="KZS22" s="8"/>
      <c r="KZT22" s="8"/>
      <c r="KZU22" s="8"/>
      <c r="KZV22" s="8"/>
      <c r="KZW22" s="8"/>
      <c r="KZX22" s="8"/>
      <c r="KZY22" s="8"/>
      <c r="KZZ22" s="8"/>
      <c r="LAA22" s="8"/>
      <c r="LAB22" s="8"/>
      <c r="LAC22" s="8"/>
      <c r="LAD22" s="8"/>
      <c r="LAE22" s="8"/>
      <c r="LAF22" s="8"/>
      <c r="LAG22" s="8"/>
      <c r="LAH22" s="8"/>
      <c r="LAI22" s="8"/>
      <c r="LAJ22" s="8"/>
      <c r="LAK22" s="8"/>
      <c r="LAL22" s="8"/>
      <c r="LAM22" s="8"/>
      <c r="LAN22" s="8"/>
      <c r="LAO22" s="8"/>
      <c r="LAP22" s="8"/>
      <c r="LAQ22" s="8"/>
      <c r="LAR22" s="8"/>
      <c r="LAS22" s="8"/>
      <c r="LAT22" s="8"/>
      <c r="LAU22" s="8"/>
      <c r="LAV22" s="8"/>
      <c r="LAW22" s="8"/>
      <c r="LAX22" s="8"/>
      <c r="LAY22" s="8"/>
      <c r="LAZ22" s="8"/>
      <c r="LBA22" s="8"/>
      <c r="LBB22" s="8"/>
      <c r="LBC22" s="8"/>
      <c r="LBD22" s="8"/>
      <c r="LBE22" s="8"/>
      <c r="LBF22" s="8"/>
      <c r="LBG22" s="8"/>
      <c r="LBH22" s="8"/>
      <c r="LBI22" s="8"/>
      <c r="LBJ22" s="8"/>
      <c r="LBK22" s="8"/>
      <c r="LBL22" s="8"/>
      <c r="LBM22" s="8"/>
      <c r="LBN22" s="8"/>
      <c r="LBO22" s="8"/>
      <c r="LBP22" s="8"/>
      <c r="LBQ22" s="8"/>
      <c r="LBR22" s="8"/>
      <c r="LBS22" s="8"/>
      <c r="LBT22" s="8"/>
      <c r="LBU22" s="8"/>
      <c r="LBV22" s="8"/>
      <c r="LBW22" s="8"/>
      <c r="LBX22" s="8"/>
      <c r="LBY22" s="8"/>
      <c r="LBZ22" s="8"/>
      <c r="LCA22" s="8"/>
      <c r="LCB22" s="8"/>
      <c r="LCC22" s="8"/>
      <c r="LCD22" s="8"/>
      <c r="LCE22" s="8"/>
      <c r="LCF22" s="8"/>
      <c r="LCG22" s="8"/>
      <c r="LCH22" s="8"/>
      <c r="LCI22" s="8"/>
      <c r="LCJ22" s="8"/>
      <c r="LCK22" s="8"/>
      <c r="LCL22" s="8"/>
      <c r="LCM22" s="8"/>
      <c r="LCN22" s="8"/>
      <c r="LCO22" s="8"/>
      <c r="LCP22" s="8"/>
      <c r="LCQ22" s="8"/>
      <c r="LCR22" s="8"/>
      <c r="LCS22" s="8"/>
      <c r="LCT22" s="8"/>
      <c r="LCU22" s="8"/>
      <c r="LCV22" s="8"/>
      <c r="LCW22" s="8"/>
      <c r="LCX22" s="8"/>
      <c r="LCY22" s="8"/>
      <c r="LCZ22" s="8"/>
      <c r="LDA22" s="8"/>
      <c r="LDB22" s="8"/>
      <c r="LDC22" s="8"/>
      <c r="LDD22" s="8"/>
      <c r="LDE22" s="8"/>
      <c r="LDF22" s="8"/>
      <c r="LDG22" s="8"/>
      <c r="LDH22" s="8"/>
      <c r="LDI22" s="8"/>
      <c r="LDJ22" s="8"/>
      <c r="LDK22" s="8"/>
      <c r="LDL22" s="8"/>
      <c r="LDM22" s="8"/>
      <c r="LDN22" s="8"/>
      <c r="LDO22" s="8"/>
      <c r="LDP22" s="8"/>
      <c r="LDQ22" s="8"/>
      <c r="LDR22" s="8"/>
      <c r="LDS22" s="8"/>
      <c r="LDT22" s="8"/>
      <c r="LDU22" s="8"/>
      <c r="LDV22" s="8"/>
      <c r="LDW22" s="8"/>
      <c r="LDX22" s="8"/>
      <c r="LDY22" s="8"/>
      <c r="LDZ22" s="8"/>
      <c r="LEA22" s="8"/>
      <c r="LEB22" s="8"/>
      <c r="LEC22" s="8"/>
      <c r="LED22" s="8"/>
      <c r="LEE22" s="8"/>
      <c r="LEF22" s="8"/>
      <c r="LEG22" s="8"/>
      <c r="LEH22" s="8"/>
      <c r="LEI22" s="8"/>
      <c r="LEJ22" s="8"/>
      <c r="LEK22" s="8"/>
      <c r="LEL22" s="8"/>
      <c r="LEM22" s="8"/>
      <c r="LEN22" s="8"/>
      <c r="LEO22" s="8"/>
      <c r="LEP22" s="8"/>
      <c r="LEQ22" s="8"/>
      <c r="LER22" s="8"/>
      <c r="LES22" s="8"/>
      <c r="LET22" s="8"/>
      <c r="LEU22" s="8"/>
      <c r="LEV22" s="8"/>
      <c r="LEW22" s="8"/>
      <c r="LEX22" s="8"/>
      <c r="LEY22" s="8"/>
      <c r="LEZ22" s="8"/>
      <c r="LFA22" s="8"/>
      <c r="LFB22" s="8"/>
      <c r="LFC22" s="8"/>
      <c r="LFD22" s="8"/>
      <c r="LFE22" s="8"/>
      <c r="LFF22" s="8"/>
      <c r="LFG22" s="8"/>
      <c r="LFH22" s="8"/>
      <c r="LFI22" s="8"/>
      <c r="LFJ22" s="8"/>
      <c r="LFK22" s="8"/>
      <c r="LFL22" s="8"/>
      <c r="LFM22" s="8"/>
      <c r="LFN22" s="8"/>
      <c r="LFO22" s="8"/>
      <c r="LFP22" s="8"/>
      <c r="LFQ22" s="8"/>
      <c r="LFR22" s="8"/>
      <c r="LFS22" s="8"/>
      <c r="LFT22" s="8"/>
      <c r="LFU22" s="8"/>
      <c r="LFV22" s="8"/>
      <c r="LFW22" s="8"/>
      <c r="LFX22" s="8"/>
      <c r="LFY22" s="8"/>
      <c r="LFZ22" s="8"/>
      <c r="LGA22" s="8"/>
      <c r="LGB22" s="8"/>
      <c r="LGC22" s="8"/>
      <c r="LGD22" s="8"/>
      <c r="LGE22" s="8"/>
      <c r="LGF22" s="8"/>
      <c r="LGG22" s="8"/>
      <c r="LGH22" s="8"/>
      <c r="LGI22" s="8"/>
      <c r="LGJ22" s="8"/>
      <c r="LGK22" s="8"/>
      <c r="LGL22" s="8"/>
      <c r="LGM22" s="8"/>
      <c r="LGN22" s="8"/>
      <c r="LGO22" s="8"/>
      <c r="LGP22" s="8"/>
      <c r="LGQ22" s="8"/>
      <c r="LGR22" s="8"/>
      <c r="LGS22" s="8"/>
      <c r="LGT22" s="8"/>
      <c r="LGU22" s="8"/>
      <c r="LGV22" s="8"/>
      <c r="LGW22" s="8"/>
      <c r="LGX22" s="8"/>
      <c r="LGY22" s="8"/>
      <c r="LGZ22" s="8"/>
      <c r="LHA22" s="8"/>
      <c r="LHB22" s="8"/>
      <c r="LHC22" s="8"/>
      <c r="LHD22" s="8"/>
      <c r="LHE22" s="8"/>
      <c r="LHF22" s="8"/>
      <c r="LHG22" s="8"/>
      <c r="LHH22" s="8"/>
      <c r="LHI22" s="8"/>
      <c r="LHJ22" s="8"/>
      <c r="LHK22" s="8"/>
      <c r="LHL22" s="8"/>
      <c r="LHM22" s="8"/>
      <c r="LHN22" s="8"/>
      <c r="LHO22" s="8"/>
      <c r="LHP22" s="8"/>
      <c r="LHQ22" s="8"/>
      <c r="LHR22" s="8"/>
      <c r="LHS22" s="8"/>
      <c r="LHT22" s="8"/>
      <c r="LHU22" s="8"/>
      <c r="LHV22" s="8"/>
      <c r="LHW22" s="8"/>
      <c r="LHX22" s="8"/>
      <c r="LHY22" s="8"/>
      <c r="LHZ22" s="8"/>
      <c r="LIA22" s="8"/>
      <c r="LIB22" s="8"/>
      <c r="LIC22" s="8"/>
      <c r="LID22" s="8"/>
      <c r="LIE22" s="8"/>
      <c r="LIF22" s="8"/>
      <c r="LIG22" s="8"/>
      <c r="LIH22" s="8"/>
      <c r="LII22" s="8"/>
      <c r="LIJ22" s="8"/>
      <c r="LIK22" s="8"/>
      <c r="LIL22" s="8"/>
      <c r="LIM22" s="8"/>
      <c r="LIN22" s="8"/>
      <c r="LIO22" s="8"/>
      <c r="LIP22" s="8"/>
      <c r="LIQ22" s="8"/>
      <c r="LIR22" s="8"/>
      <c r="LIS22" s="8"/>
      <c r="LIT22" s="8"/>
      <c r="LIU22" s="8"/>
      <c r="LIV22" s="8"/>
      <c r="LIW22" s="8"/>
      <c r="LIX22" s="8"/>
      <c r="LIY22" s="8"/>
      <c r="LIZ22" s="8"/>
      <c r="LJA22" s="8"/>
      <c r="LJB22" s="8"/>
      <c r="LJC22" s="8"/>
      <c r="LJD22" s="8"/>
      <c r="LJE22" s="8"/>
      <c r="LJF22" s="8"/>
      <c r="LJG22" s="8"/>
      <c r="LJH22" s="8"/>
      <c r="LJI22" s="8"/>
      <c r="LJJ22" s="8"/>
      <c r="LJK22" s="8"/>
      <c r="LJL22" s="8"/>
      <c r="LJM22" s="8"/>
      <c r="LJN22" s="8"/>
      <c r="LJO22" s="8"/>
      <c r="LJP22" s="8"/>
      <c r="LJQ22" s="8"/>
      <c r="LJR22" s="8"/>
      <c r="LJS22" s="8"/>
      <c r="LJT22" s="8"/>
      <c r="LJU22" s="8"/>
      <c r="LJV22" s="8"/>
      <c r="LJW22" s="8"/>
      <c r="LJX22" s="8"/>
      <c r="LJY22" s="8"/>
      <c r="LJZ22" s="8"/>
      <c r="LKA22" s="8"/>
      <c r="LKB22" s="8"/>
      <c r="LKC22" s="8"/>
      <c r="LKD22" s="8"/>
      <c r="LKE22" s="8"/>
      <c r="LKF22" s="8"/>
      <c r="LKG22" s="8"/>
      <c r="LKH22" s="8"/>
      <c r="LKI22" s="8"/>
      <c r="LKJ22" s="8"/>
      <c r="LKK22" s="8"/>
      <c r="LKL22" s="8"/>
      <c r="LKM22" s="8"/>
      <c r="LKN22" s="8"/>
      <c r="LKO22" s="8"/>
      <c r="LKP22" s="8"/>
      <c r="LKQ22" s="8"/>
      <c r="LKR22" s="8"/>
      <c r="LKS22" s="8"/>
      <c r="LKT22" s="8"/>
      <c r="LKU22" s="8"/>
      <c r="LKV22" s="8"/>
      <c r="LKW22" s="8"/>
      <c r="LKX22" s="8"/>
      <c r="LKY22" s="8"/>
      <c r="LKZ22" s="8"/>
      <c r="LLA22" s="8"/>
      <c r="LLB22" s="8"/>
      <c r="LLC22" s="8"/>
      <c r="LLD22" s="8"/>
      <c r="LLE22" s="8"/>
      <c r="LLF22" s="8"/>
      <c r="LLG22" s="8"/>
      <c r="LLH22" s="8"/>
      <c r="LLI22" s="8"/>
      <c r="LLJ22" s="8"/>
      <c r="LLK22" s="8"/>
      <c r="LLL22" s="8"/>
      <c r="LLM22" s="8"/>
      <c r="LLN22" s="8"/>
      <c r="LLO22" s="8"/>
      <c r="LLP22" s="8"/>
      <c r="LLQ22" s="8"/>
      <c r="LLR22" s="8"/>
      <c r="LLS22" s="8"/>
      <c r="LLT22" s="8"/>
      <c r="LLU22" s="8"/>
      <c r="LLV22" s="8"/>
      <c r="LLW22" s="8"/>
      <c r="LLX22" s="8"/>
      <c r="LLY22" s="8"/>
      <c r="LLZ22" s="8"/>
      <c r="LMA22" s="8"/>
      <c r="LMB22" s="8"/>
      <c r="LMC22" s="8"/>
      <c r="LMD22" s="8"/>
      <c r="LME22" s="8"/>
      <c r="LMF22" s="8"/>
      <c r="LMG22" s="8"/>
      <c r="LMH22" s="8"/>
      <c r="LMI22" s="8"/>
      <c r="LMJ22" s="8"/>
      <c r="LMK22" s="8"/>
      <c r="LML22" s="8"/>
      <c r="LMM22" s="8"/>
      <c r="LMN22" s="8"/>
      <c r="LMO22" s="8"/>
      <c r="LMP22" s="8"/>
      <c r="LMQ22" s="8"/>
      <c r="LMR22" s="8"/>
      <c r="LMS22" s="8"/>
      <c r="LMT22" s="8"/>
      <c r="LMU22" s="8"/>
      <c r="LMV22" s="8"/>
      <c r="LMW22" s="8"/>
      <c r="LMX22" s="8"/>
      <c r="LMY22" s="8"/>
      <c r="LMZ22" s="8"/>
      <c r="LNA22" s="8"/>
      <c r="LNB22" s="8"/>
      <c r="LNC22" s="8"/>
      <c r="LND22" s="8"/>
      <c r="LNE22" s="8"/>
      <c r="LNF22" s="8"/>
      <c r="LNG22" s="8"/>
      <c r="LNH22" s="8"/>
      <c r="LNI22" s="8"/>
      <c r="LNJ22" s="8"/>
      <c r="LNK22" s="8"/>
      <c r="LNL22" s="8"/>
      <c r="LNM22" s="8"/>
      <c r="LNN22" s="8"/>
      <c r="LNO22" s="8"/>
      <c r="LNP22" s="8"/>
      <c r="LNQ22" s="8"/>
      <c r="LNR22" s="8"/>
      <c r="LNS22" s="8"/>
      <c r="LNT22" s="8"/>
      <c r="LNU22" s="8"/>
      <c r="LNV22" s="8"/>
      <c r="LNW22" s="8"/>
      <c r="LNX22" s="8"/>
      <c r="LNY22" s="8"/>
      <c r="LNZ22" s="8"/>
      <c r="LOA22" s="8"/>
      <c r="LOB22" s="8"/>
      <c r="LOC22" s="8"/>
      <c r="LOD22" s="8"/>
      <c r="LOE22" s="8"/>
      <c r="LOF22" s="8"/>
      <c r="LOG22" s="8"/>
      <c r="LOH22" s="8"/>
      <c r="LOI22" s="8"/>
      <c r="LOJ22" s="8"/>
      <c r="LOK22" s="8"/>
      <c r="LOL22" s="8"/>
      <c r="LOM22" s="8"/>
      <c r="LON22" s="8"/>
      <c r="LOO22" s="8"/>
      <c r="LOP22" s="8"/>
      <c r="LOQ22" s="8"/>
      <c r="LOR22" s="8"/>
      <c r="LOS22" s="8"/>
      <c r="LOT22" s="8"/>
      <c r="LOU22" s="8"/>
      <c r="LOV22" s="8"/>
      <c r="LOW22" s="8"/>
      <c r="LOX22" s="8"/>
      <c r="LOY22" s="8"/>
      <c r="LOZ22" s="8"/>
      <c r="LPA22" s="8"/>
      <c r="LPB22" s="8"/>
      <c r="LPC22" s="8"/>
      <c r="LPD22" s="8"/>
      <c r="LPE22" s="8"/>
      <c r="LPF22" s="8"/>
      <c r="LPG22" s="8"/>
      <c r="LPH22" s="8"/>
      <c r="LPI22" s="8"/>
      <c r="LPJ22" s="8"/>
      <c r="LPK22" s="8"/>
      <c r="LPL22" s="8"/>
      <c r="LPM22" s="8"/>
      <c r="LPN22" s="8"/>
      <c r="LPO22" s="8"/>
      <c r="LPP22" s="8"/>
      <c r="LPQ22" s="8"/>
      <c r="LPR22" s="8"/>
      <c r="LPS22" s="8"/>
      <c r="LPT22" s="8"/>
      <c r="LPU22" s="8"/>
      <c r="LPV22" s="8"/>
      <c r="LPW22" s="8"/>
      <c r="LPX22" s="8"/>
      <c r="LPY22" s="8"/>
      <c r="LPZ22" s="8"/>
      <c r="LQA22" s="8"/>
      <c r="LQB22" s="8"/>
      <c r="LQC22" s="8"/>
      <c r="LQD22" s="8"/>
      <c r="LQE22" s="8"/>
      <c r="LQF22" s="8"/>
      <c r="LQG22" s="8"/>
      <c r="LQH22" s="8"/>
      <c r="LQI22" s="8"/>
      <c r="LQJ22" s="8"/>
      <c r="LQK22" s="8"/>
      <c r="LQL22" s="8"/>
      <c r="LQM22" s="8"/>
      <c r="LQN22" s="8"/>
      <c r="LQO22" s="8"/>
      <c r="LQP22" s="8"/>
      <c r="LQQ22" s="8"/>
      <c r="LQR22" s="8"/>
      <c r="LQS22" s="8"/>
      <c r="LQT22" s="8"/>
      <c r="LQU22" s="8"/>
      <c r="LQV22" s="8"/>
      <c r="LQW22" s="8"/>
      <c r="LQX22" s="8"/>
      <c r="LQY22" s="8"/>
      <c r="LQZ22" s="8"/>
      <c r="LRA22" s="8"/>
      <c r="LRB22" s="8"/>
      <c r="LRC22" s="8"/>
      <c r="LRD22" s="8"/>
      <c r="LRE22" s="8"/>
      <c r="LRF22" s="8"/>
      <c r="LRG22" s="8"/>
      <c r="LRH22" s="8"/>
      <c r="LRI22" s="8"/>
      <c r="LRJ22" s="8"/>
      <c r="LRK22" s="8"/>
      <c r="LRL22" s="8"/>
      <c r="LRM22" s="8"/>
      <c r="LRN22" s="8"/>
      <c r="LRO22" s="8"/>
      <c r="LRP22" s="8"/>
      <c r="LRQ22" s="8"/>
      <c r="LRR22" s="8"/>
      <c r="LRS22" s="8"/>
      <c r="LRT22" s="8"/>
      <c r="LRU22" s="8"/>
      <c r="LRV22" s="8"/>
      <c r="LRW22" s="8"/>
      <c r="LRX22" s="8"/>
      <c r="LRY22" s="8"/>
      <c r="LRZ22" s="8"/>
      <c r="LSA22" s="8"/>
      <c r="LSB22" s="8"/>
      <c r="LSC22" s="8"/>
      <c r="LSD22" s="8"/>
      <c r="LSE22" s="8"/>
      <c r="LSF22" s="8"/>
      <c r="LSG22" s="8"/>
      <c r="LSH22" s="8"/>
      <c r="LSI22" s="8"/>
      <c r="LSJ22" s="8"/>
      <c r="LSK22" s="8"/>
      <c r="LSL22" s="8"/>
      <c r="LSM22" s="8"/>
      <c r="LSN22" s="8"/>
      <c r="LSO22" s="8"/>
      <c r="LSP22" s="8"/>
      <c r="LSQ22" s="8"/>
      <c r="LSR22" s="8"/>
      <c r="LSS22" s="8"/>
      <c r="LST22" s="8"/>
      <c r="LSU22" s="8"/>
      <c r="LSV22" s="8"/>
      <c r="LSW22" s="8"/>
      <c r="LSX22" s="8"/>
      <c r="LSY22" s="8"/>
      <c r="LSZ22" s="8"/>
      <c r="LTA22" s="8"/>
      <c r="LTB22" s="8"/>
      <c r="LTC22" s="8"/>
      <c r="LTD22" s="8"/>
      <c r="LTE22" s="8"/>
      <c r="LTF22" s="8"/>
      <c r="LTG22" s="8"/>
      <c r="LTH22" s="8"/>
      <c r="LTI22" s="8"/>
      <c r="LTJ22" s="8"/>
      <c r="LTK22" s="8"/>
      <c r="LTL22" s="8"/>
      <c r="LTM22" s="8"/>
      <c r="LTN22" s="8"/>
      <c r="LTO22" s="8"/>
      <c r="LTP22" s="8"/>
      <c r="LTQ22" s="8"/>
      <c r="LTR22" s="8"/>
      <c r="LTS22" s="8"/>
      <c r="LTT22" s="8"/>
      <c r="LTU22" s="8"/>
      <c r="LTV22" s="8"/>
      <c r="LTW22" s="8"/>
      <c r="LTX22" s="8"/>
      <c r="LTY22" s="8"/>
      <c r="LTZ22" s="8"/>
      <c r="LUA22" s="8"/>
      <c r="LUB22" s="8"/>
      <c r="LUC22" s="8"/>
      <c r="LUD22" s="8"/>
      <c r="LUE22" s="8"/>
      <c r="LUF22" s="8"/>
      <c r="LUG22" s="8"/>
      <c r="LUH22" s="8"/>
      <c r="LUI22" s="8"/>
      <c r="LUJ22" s="8"/>
      <c r="LUK22" s="8"/>
      <c r="LUL22" s="8"/>
      <c r="LUM22" s="8"/>
      <c r="LUN22" s="8"/>
      <c r="LUO22" s="8"/>
      <c r="LUP22" s="8"/>
      <c r="LUQ22" s="8"/>
      <c r="LUR22" s="8"/>
      <c r="LUS22" s="8"/>
      <c r="LUT22" s="8"/>
      <c r="LUU22" s="8"/>
      <c r="LUV22" s="8"/>
      <c r="LUW22" s="8"/>
      <c r="LUX22" s="8"/>
      <c r="LUY22" s="8"/>
      <c r="LUZ22" s="8"/>
      <c r="LVA22" s="8"/>
      <c r="LVB22" s="8"/>
      <c r="LVC22" s="8"/>
      <c r="LVD22" s="8"/>
      <c r="LVE22" s="8"/>
      <c r="LVF22" s="8"/>
      <c r="LVG22" s="8"/>
      <c r="LVH22" s="8"/>
      <c r="LVI22" s="8"/>
      <c r="LVJ22" s="8"/>
      <c r="LVK22" s="8"/>
      <c r="LVL22" s="8"/>
      <c r="LVM22" s="8"/>
      <c r="LVN22" s="8"/>
      <c r="LVO22" s="8"/>
      <c r="LVP22" s="8"/>
      <c r="LVQ22" s="8"/>
      <c r="LVR22" s="8"/>
      <c r="LVS22" s="8"/>
      <c r="LVT22" s="8"/>
      <c r="LVU22" s="8"/>
      <c r="LVV22" s="8"/>
      <c r="LVW22" s="8"/>
      <c r="LVX22" s="8"/>
      <c r="LVY22" s="8"/>
      <c r="LVZ22" s="8"/>
      <c r="LWA22" s="8"/>
      <c r="LWB22" s="8"/>
      <c r="LWC22" s="8"/>
      <c r="LWD22" s="8"/>
      <c r="LWE22" s="8"/>
      <c r="LWF22" s="8"/>
      <c r="LWG22" s="8"/>
      <c r="LWH22" s="8"/>
      <c r="LWI22" s="8"/>
      <c r="LWJ22" s="8"/>
      <c r="LWK22" s="8"/>
      <c r="LWL22" s="8"/>
      <c r="LWM22" s="8"/>
      <c r="LWN22" s="8"/>
      <c r="LWO22" s="8"/>
      <c r="LWP22" s="8"/>
      <c r="LWQ22" s="8"/>
      <c r="LWR22" s="8"/>
      <c r="LWS22" s="8"/>
      <c r="LWT22" s="8"/>
      <c r="LWU22" s="8"/>
      <c r="LWV22" s="8"/>
      <c r="LWW22" s="8"/>
      <c r="LWX22" s="8"/>
      <c r="LWY22" s="8"/>
      <c r="LWZ22" s="8"/>
      <c r="LXA22" s="8"/>
      <c r="LXB22" s="8"/>
      <c r="LXC22" s="8"/>
      <c r="LXD22" s="8"/>
      <c r="LXE22" s="8"/>
      <c r="LXF22" s="8"/>
      <c r="LXG22" s="8"/>
      <c r="LXH22" s="8"/>
      <c r="LXI22" s="8"/>
      <c r="LXJ22" s="8"/>
      <c r="LXK22" s="8"/>
      <c r="LXL22" s="8"/>
      <c r="LXM22" s="8"/>
      <c r="LXN22" s="8"/>
      <c r="LXO22" s="8"/>
      <c r="LXP22" s="8"/>
      <c r="LXQ22" s="8"/>
      <c r="LXR22" s="8"/>
      <c r="LXS22" s="8"/>
      <c r="LXT22" s="8"/>
      <c r="LXU22" s="8"/>
      <c r="LXV22" s="8"/>
      <c r="LXW22" s="8"/>
      <c r="LXX22" s="8"/>
      <c r="LXY22" s="8"/>
      <c r="LXZ22" s="8"/>
      <c r="LYA22" s="8"/>
      <c r="LYB22" s="8"/>
      <c r="LYC22" s="8"/>
      <c r="LYD22" s="8"/>
      <c r="LYE22" s="8"/>
      <c r="LYF22" s="8"/>
      <c r="LYG22" s="8"/>
      <c r="LYH22" s="8"/>
      <c r="LYI22" s="8"/>
      <c r="LYJ22" s="8"/>
      <c r="LYK22" s="8"/>
      <c r="LYL22" s="8"/>
      <c r="LYM22" s="8"/>
      <c r="LYN22" s="8"/>
      <c r="LYO22" s="8"/>
      <c r="LYP22" s="8"/>
      <c r="LYQ22" s="8"/>
      <c r="LYR22" s="8"/>
      <c r="LYS22" s="8"/>
      <c r="LYT22" s="8"/>
      <c r="LYU22" s="8"/>
      <c r="LYV22" s="8"/>
      <c r="LYW22" s="8"/>
      <c r="LYX22" s="8"/>
      <c r="LYY22" s="8"/>
      <c r="LYZ22" s="8"/>
      <c r="LZA22" s="8"/>
      <c r="LZB22" s="8"/>
      <c r="LZC22" s="8"/>
      <c r="LZD22" s="8"/>
      <c r="LZE22" s="8"/>
      <c r="LZF22" s="8"/>
      <c r="LZG22" s="8"/>
      <c r="LZH22" s="8"/>
      <c r="LZI22" s="8"/>
      <c r="LZJ22" s="8"/>
      <c r="LZK22" s="8"/>
      <c r="LZL22" s="8"/>
      <c r="LZM22" s="8"/>
      <c r="LZN22" s="8"/>
      <c r="LZO22" s="8"/>
      <c r="LZP22" s="8"/>
      <c r="LZQ22" s="8"/>
      <c r="LZR22" s="8"/>
      <c r="LZS22" s="8"/>
      <c r="LZT22" s="8"/>
      <c r="LZU22" s="8"/>
      <c r="LZV22" s="8"/>
      <c r="LZW22" s="8"/>
      <c r="LZX22" s="8"/>
      <c r="LZY22" s="8"/>
      <c r="LZZ22" s="8"/>
      <c r="MAA22" s="8"/>
      <c r="MAB22" s="8"/>
      <c r="MAC22" s="8"/>
      <c r="MAD22" s="8"/>
      <c r="MAE22" s="8"/>
      <c r="MAF22" s="8"/>
      <c r="MAG22" s="8"/>
      <c r="MAH22" s="8"/>
      <c r="MAI22" s="8"/>
      <c r="MAJ22" s="8"/>
      <c r="MAK22" s="8"/>
      <c r="MAL22" s="8"/>
      <c r="MAM22" s="8"/>
      <c r="MAN22" s="8"/>
      <c r="MAO22" s="8"/>
      <c r="MAP22" s="8"/>
      <c r="MAQ22" s="8"/>
      <c r="MAR22" s="8"/>
      <c r="MAS22" s="8"/>
      <c r="MAT22" s="8"/>
      <c r="MAU22" s="8"/>
      <c r="MAV22" s="8"/>
      <c r="MAW22" s="8"/>
      <c r="MAX22" s="8"/>
      <c r="MAY22" s="8"/>
      <c r="MAZ22" s="8"/>
      <c r="MBA22" s="8"/>
      <c r="MBB22" s="8"/>
      <c r="MBC22" s="8"/>
      <c r="MBD22" s="8"/>
      <c r="MBE22" s="8"/>
      <c r="MBF22" s="8"/>
      <c r="MBG22" s="8"/>
      <c r="MBH22" s="8"/>
      <c r="MBI22" s="8"/>
      <c r="MBJ22" s="8"/>
      <c r="MBK22" s="8"/>
      <c r="MBL22" s="8"/>
      <c r="MBM22" s="8"/>
      <c r="MBN22" s="8"/>
      <c r="MBO22" s="8"/>
      <c r="MBP22" s="8"/>
      <c r="MBQ22" s="8"/>
      <c r="MBR22" s="8"/>
      <c r="MBS22" s="8"/>
      <c r="MBT22" s="8"/>
      <c r="MBU22" s="8"/>
      <c r="MBV22" s="8"/>
      <c r="MBW22" s="8"/>
      <c r="MBX22" s="8"/>
      <c r="MBY22" s="8"/>
      <c r="MBZ22" s="8"/>
      <c r="MCA22" s="8"/>
      <c r="MCB22" s="8"/>
      <c r="MCC22" s="8"/>
      <c r="MCD22" s="8"/>
      <c r="MCE22" s="8"/>
      <c r="MCF22" s="8"/>
      <c r="MCG22" s="8"/>
      <c r="MCH22" s="8"/>
      <c r="MCI22" s="8"/>
      <c r="MCJ22" s="8"/>
      <c r="MCK22" s="8"/>
      <c r="MCL22" s="8"/>
      <c r="MCM22" s="8"/>
      <c r="MCN22" s="8"/>
      <c r="MCO22" s="8"/>
      <c r="MCP22" s="8"/>
      <c r="MCQ22" s="8"/>
      <c r="MCR22" s="8"/>
      <c r="MCS22" s="8"/>
      <c r="MCT22" s="8"/>
      <c r="MCU22" s="8"/>
      <c r="MCV22" s="8"/>
      <c r="MCW22" s="8"/>
      <c r="MCX22" s="8"/>
      <c r="MCY22" s="8"/>
      <c r="MCZ22" s="8"/>
      <c r="MDA22" s="8"/>
      <c r="MDB22" s="8"/>
      <c r="MDC22" s="8"/>
      <c r="MDD22" s="8"/>
      <c r="MDE22" s="8"/>
      <c r="MDF22" s="8"/>
      <c r="MDG22" s="8"/>
      <c r="MDH22" s="8"/>
      <c r="MDI22" s="8"/>
      <c r="MDJ22" s="8"/>
      <c r="MDK22" s="8"/>
      <c r="MDL22" s="8"/>
      <c r="MDM22" s="8"/>
      <c r="MDN22" s="8"/>
      <c r="MDO22" s="8"/>
      <c r="MDP22" s="8"/>
      <c r="MDQ22" s="8"/>
      <c r="MDR22" s="8"/>
      <c r="MDS22" s="8"/>
      <c r="MDT22" s="8"/>
      <c r="MDU22" s="8"/>
      <c r="MDV22" s="8"/>
      <c r="MDW22" s="8"/>
      <c r="MDX22" s="8"/>
      <c r="MDY22" s="8"/>
      <c r="MDZ22" s="8"/>
      <c r="MEA22" s="8"/>
      <c r="MEB22" s="8"/>
      <c r="MEC22" s="8"/>
      <c r="MED22" s="8"/>
      <c r="MEE22" s="8"/>
      <c r="MEF22" s="8"/>
      <c r="MEG22" s="8"/>
      <c r="MEH22" s="8"/>
      <c r="MEI22" s="8"/>
      <c r="MEJ22" s="8"/>
      <c r="MEK22" s="8"/>
      <c r="MEL22" s="8"/>
      <c r="MEM22" s="8"/>
      <c r="MEN22" s="8"/>
      <c r="MEO22" s="8"/>
      <c r="MEP22" s="8"/>
      <c r="MEQ22" s="8"/>
      <c r="MER22" s="8"/>
      <c r="MES22" s="8"/>
      <c r="MET22" s="8"/>
      <c r="MEU22" s="8"/>
      <c r="MEV22" s="8"/>
      <c r="MEW22" s="8"/>
      <c r="MEX22" s="8"/>
      <c r="MEY22" s="8"/>
      <c r="MEZ22" s="8"/>
      <c r="MFA22" s="8"/>
      <c r="MFB22" s="8"/>
      <c r="MFC22" s="8"/>
      <c r="MFD22" s="8"/>
      <c r="MFE22" s="8"/>
      <c r="MFF22" s="8"/>
      <c r="MFG22" s="8"/>
      <c r="MFH22" s="8"/>
      <c r="MFI22" s="8"/>
      <c r="MFJ22" s="8"/>
      <c r="MFK22" s="8"/>
      <c r="MFL22" s="8"/>
      <c r="MFM22" s="8"/>
      <c r="MFN22" s="8"/>
      <c r="MFO22" s="8"/>
      <c r="MFP22" s="8"/>
      <c r="MFQ22" s="8"/>
      <c r="MFR22" s="8"/>
      <c r="MFS22" s="8"/>
      <c r="MFT22" s="8"/>
      <c r="MFU22" s="8"/>
      <c r="MFV22" s="8"/>
      <c r="MFW22" s="8"/>
      <c r="MFX22" s="8"/>
      <c r="MFY22" s="8"/>
      <c r="MFZ22" s="8"/>
      <c r="MGA22" s="8"/>
      <c r="MGB22" s="8"/>
      <c r="MGC22" s="8"/>
      <c r="MGD22" s="8"/>
      <c r="MGE22" s="8"/>
      <c r="MGF22" s="8"/>
      <c r="MGG22" s="8"/>
      <c r="MGH22" s="8"/>
      <c r="MGI22" s="8"/>
      <c r="MGJ22" s="8"/>
      <c r="MGK22" s="8"/>
      <c r="MGL22" s="8"/>
      <c r="MGM22" s="8"/>
      <c r="MGN22" s="8"/>
      <c r="MGO22" s="8"/>
      <c r="MGP22" s="8"/>
      <c r="MGQ22" s="8"/>
      <c r="MGR22" s="8"/>
      <c r="MGS22" s="8"/>
      <c r="MGT22" s="8"/>
      <c r="MGU22" s="8"/>
      <c r="MGV22" s="8"/>
      <c r="MGW22" s="8"/>
      <c r="MGX22" s="8"/>
      <c r="MGY22" s="8"/>
      <c r="MGZ22" s="8"/>
      <c r="MHA22" s="8"/>
      <c r="MHB22" s="8"/>
      <c r="MHC22" s="8"/>
      <c r="MHD22" s="8"/>
      <c r="MHE22" s="8"/>
      <c r="MHF22" s="8"/>
      <c r="MHG22" s="8"/>
      <c r="MHH22" s="8"/>
      <c r="MHI22" s="8"/>
      <c r="MHJ22" s="8"/>
      <c r="MHK22" s="8"/>
      <c r="MHL22" s="8"/>
      <c r="MHM22" s="8"/>
      <c r="MHN22" s="8"/>
      <c r="MHO22" s="8"/>
      <c r="MHP22" s="8"/>
      <c r="MHQ22" s="8"/>
      <c r="MHR22" s="8"/>
      <c r="MHS22" s="8"/>
      <c r="MHT22" s="8"/>
      <c r="MHU22" s="8"/>
      <c r="MHV22" s="8"/>
      <c r="MHW22" s="8"/>
      <c r="MHX22" s="8"/>
      <c r="MHY22" s="8"/>
      <c r="MHZ22" s="8"/>
      <c r="MIA22" s="8"/>
      <c r="MIB22" s="8"/>
      <c r="MIC22" s="8"/>
      <c r="MID22" s="8"/>
      <c r="MIE22" s="8"/>
      <c r="MIF22" s="8"/>
      <c r="MIG22" s="8"/>
      <c r="MIH22" s="8"/>
      <c r="MII22" s="8"/>
      <c r="MIJ22" s="8"/>
      <c r="MIK22" s="8"/>
      <c r="MIL22" s="8"/>
      <c r="MIM22" s="8"/>
      <c r="MIN22" s="8"/>
      <c r="MIO22" s="8"/>
      <c r="MIP22" s="8"/>
      <c r="MIQ22" s="8"/>
      <c r="MIR22" s="8"/>
      <c r="MIS22" s="8"/>
      <c r="MIT22" s="8"/>
      <c r="MIU22" s="8"/>
      <c r="MIV22" s="8"/>
      <c r="MIW22" s="8"/>
      <c r="MIX22" s="8"/>
      <c r="MIY22" s="8"/>
      <c r="MIZ22" s="8"/>
      <c r="MJA22" s="8"/>
      <c r="MJB22" s="8"/>
      <c r="MJC22" s="8"/>
      <c r="MJD22" s="8"/>
      <c r="MJE22" s="8"/>
      <c r="MJF22" s="8"/>
      <c r="MJG22" s="8"/>
      <c r="MJH22" s="8"/>
      <c r="MJI22" s="8"/>
      <c r="MJJ22" s="8"/>
      <c r="MJK22" s="8"/>
      <c r="MJL22" s="8"/>
      <c r="MJM22" s="8"/>
      <c r="MJN22" s="8"/>
      <c r="MJO22" s="8"/>
      <c r="MJP22" s="8"/>
      <c r="MJQ22" s="8"/>
      <c r="MJR22" s="8"/>
      <c r="MJS22" s="8"/>
      <c r="MJT22" s="8"/>
      <c r="MJU22" s="8"/>
      <c r="MJV22" s="8"/>
      <c r="MJW22" s="8"/>
      <c r="MJX22" s="8"/>
      <c r="MJY22" s="8"/>
      <c r="MJZ22" s="8"/>
      <c r="MKA22" s="8"/>
      <c r="MKB22" s="8"/>
      <c r="MKC22" s="8"/>
      <c r="MKD22" s="8"/>
      <c r="MKE22" s="8"/>
      <c r="MKF22" s="8"/>
      <c r="MKG22" s="8"/>
      <c r="MKH22" s="8"/>
      <c r="MKI22" s="8"/>
      <c r="MKJ22" s="8"/>
      <c r="MKK22" s="8"/>
      <c r="MKL22" s="8"/>
      <c r="MKM22" s="8"/>
      <c r="MKN22" s="8"/>
      <c r="MKO22" s="8"/>
      <c r="MKP22" s="8"/>
      <c r="MKQ22" s="8"/>
      <c r="MKR22" s="8"/>
      <c r="MKS22" s="8"/>
      <c r="MKT22" s="8"/>
      <c r="MKU22" s="8"/>
      <c r="MKV22" s="8"/>
      <c r="MKW22" s="8"/>
      <c r="MKX22" s="8"/>
      <c r="MKY22" s="8"/>
      <c r="MKZ22" s="8"/>
      <c r="MLA22" s="8"/>
      <c r="MLB22" s="8"/>
      <c r="MLC22" s="8"/>
      <c r="MLD22" s="8"/>
      <c r="MLE22" s="8"/>
      <c r="MLF22" s="8"/>
      <c r="MLG22" s="8"/>
      <c r="MLH22" s="8"/>
      <c r="MLI22" s="8"/>
      <c r="MLJ22" s="8"/>
      <c r="MLK22" s="8"/>
      <c r="MLL22" s="8"/>
      <c r="MLM22" s="8"/>
      <c r="MLN22" s="8"/>
      <c r="MLO22" s="8"/>
      <c r="MLP22" s="8"/>
      <c r="MLQ22" s="8"/>
      <c r="MLR22" s="8"/>
      <c r="MLS22" s="8"/>
      <c r="MLT22" s="8"/>
      <c r="MLU22" s="8"/>
      <c r="MLV22" s="8"/>
      <c r="MLW22" s="8"/>
      <c r="MLX22" s="8"/>
      <c r="MLY22" s="8"/>
      <c r="MLZ22" s="8"/>
      <c r="MMA22" s="8"/>
      <c r="MMB22" s="8"/>
      <c r="MMC22" s="8"/>
      <c r="MMD22" s="8"/>
      <c r="MME22" s="8"/>
      <c r="MMF22" s="8"/>
      <c r="MMG22" s="8"/>
      <c r="MMH22" s="8"/>
      <c r="MMI22" s="8"/>
      <c r="MMJ22" s="8"/>
      <c r="MMK22" s="8"/>
      <c r="MML22" s="8"/>
      <c r="MMM22" s="8"/>
      <c r="MMN22" s="8"/>
      <c r="MMO22" s="8"/>
      <c r="MMP22" s="8"/>
      <c r="MMQ22" s="8"/>
      <c r="MMR22" s="8"/>
      <c r="MMS22" s="8"/>
      <c r="MMT22" s="8"/>
      <c r="MMU22" s="8"/>
      <c r="MMV22" s="8"/>
      <c r="MMW22" s="8"/>
      <c r="MMX22" s="8"/>
      <c r="MMY22" s="8"/>
      <c r="MMZ22" s="8"/>
      <c r="MNA22" s="8"/>
      <c r="MNB22" s="8"/>
      <c r="MNC22" s="8"/>
      <c r="MND22" s="8"/>
      <c r="MNE22" s="8"/>
      <c r="MNF22" s="8"/>
      <c r="MNG22" s="8"/>
      <c r="MNH22" s="8"/>
      <c r="MNI22" s="8"/>
      <c r="MNJ22" s="8"/>
      <c r="MNK22" s="8"/>
      <c r="MNL22" s="8"/>
      <c r="MNM22" s="8"/>
      <c r="MNN22" s="8"/>
      <c r="MNO22" s="8"/>
      <c r="MNP22" s="8"/>
      <c r="MNQ22" s="8"/>
      <c r="MNR22" s="8"/>
      <c r="MNS22" s="8"/>
      <c r="MNT22" s="8"/>
      <c r="MNU22" s="8"/>
      <c r="MNV22" s="8"/>
      <c r="MNW22" s="8"/>
      <c r="MNX22" s="8"/>
      <c r="MNY22" s="8"/>
      <c r="MNZ22" s="8"/>
      <c r="MOA22" s="8"/>
      <c r="MOB22" s="8"/>
      <c r="MOC22" s="8"/>
      <c r="MOD22" s="8"/>
      <c r="MOE22" s="8"/>
      <c r="MOF22" s="8"/>
      <c r="MOG22" s="8"/>
      <c r="MOH22" s="8"/>
      <c r="MOI22" s="8"/>
      <c r="MOJ22" s="8"/>
      <c r="MOK22" s="8"/>
      <c r="MOL22" s="8"/>
      <c r="MOM22" s="8"/>
      <c r="MON22" s="8"/>
      <c r="MOO22" s="8"/>
      <c r="MOP22" s="8"/>
      <c r="MOQ22" s="8"/>
      <c r="MOR22" s="8"/>
      <c r="MOS22" s="8"/>
      <c r="MOT22" s="8"/>
      <c r="MOU22" s="8"/>
      <c r="MOV22" s="8"/>
      <c r="MOW22" s="8"/>
      <c r="MOX22" s="8"/>
      <c r="MOY22" s="8"/>
      <c r="MOZ22" s="8"/>
      <c r="MPA22" s="8"/>
      <c r="MPB22" s="8"/>
      <c r="MPC22" s="8"/>
      <c r="MPD22" s="8"/>
      <c r="MPE22" s="8"/>
      <c r="MPF22" s="8"/>
      <c r="MPG22" s="8"/>
      <c r="MPH22" s="8"/>
      <c r="MPI22" s="8"/>
      <c r="MPJ22" s="8"/>
      <c r="MPK22" s="8"/>
      <c r="MPL22" s="8"/>
      <c r="MPM22" s="8"/>
      <c r="MPN22" s="8"/>
      <c r="MPO22" s="8"/>
      <c r="MPP22" s="8"/>
      <c r="MPQ22" s="8"/>
      <c r="MPR22" s="8"/>
      <c r="MPS22" s="8"/>
      <c r="MPT22" s="8"/>
      <c r="MPU22" s="8"/>
      <c r="MPV22" s="8"/>
      <c r="MPW22" s="8"/>
      <c r="MPX22" s="8"/>
      <c r="MPY22" s="8"/>
      <c r="MPZ22" s="8"/>
      <c r="MQA22" s="8"/>
      <c r="MQB22" s="8"/>
      <c r="MQC22" s="8"/>
      <c r="MQD22" s="8"/>
      <c r="MQE22" s="8"/>
      <c r="MQF22" s="8"/>
      <c r="MQG22" s="8"/>
      <c r="MQH22" s="8"/>
      <c r="MQI22" s="8"/>
      <c r="MQJ22" s="8"/>
      <c r="MQK22" s="8"/>
      <c r="MQL22" s="8"/>
      <c r="MQM22" s="8"/>
      <c r="MQN22" s="8"/>
      <c r="MQO22" s="8"/>
      <c r="MQP22" s="8"/>
      <c r="MQQ22" s="8"/>
      <c r="MQR22" s="8"/>
      <c r="MQS22" s="8"/>
      <c r="MQT22" s="8"/>
      <c r="MQU22" s="8"/>
      <c r="MQV22" s="8"/>
      <c r="MQW22" s="8"/>
      <c r="MQX22" s="8"/>
      <c r="MQY22" s="8"/>
      <c r="MQZ22" s="8"/>
      <c r="MRA22" s="8"/>
      <c r="MRB22" s="8"/>
      <c r="MRC22" s="8"/>
      <c r="MRD22" s="8"/>
      <c r="MRE22" s="8"/>
      <c r="MRF22" s="8"/>
      <c r="MRG22" s="8"/>
      <c r="MRH22" s="8"/>
      <c r="MRI22" s="8"/>
      <c r="MRJ22" s="8"/>
      <c r="MRK22" s="8"/>
      <c r="MRL22" s="8"/>
      <c r="MRM22" s="8"/>
      <c r="MRN22" s="8"/>
      <c r="MRO22" s="8"/>
      <c r="MRP22" s="8"/>
      <c r="MRQ22" s="8"/>
      <c r="MRR22" s="8"/>
      <c r="MRS22" s="8"/>
      <c r="MRT22" s="8"/>
      <c r="MRU22" s="8"/>
      <c r="MRV22" s="8"/>
      <c r="MRW22" s="8"/>
      <c r="MRX22" s="8"/>
      <c r="MRY22" s="8"/>
      <c r="MRZ22" s="8"/>
      <c r="MSA22" s="8"/>
      <c r="MSB22" s="8"/>
      <c r="MSC22" s="8"/>
      <c r="MSD22" s="8"/>
      <c r="MSE22" s="8"/>
      <c r="MSF22" s="8"/>
      <c r="MSG22" s="8"/>
      <c r="MSH22" s="8"/>
      <c r="MSI22" s="8"/>
      <c r="MSJ22" s="8"/>
      <c r="MSK22" s="8"/>
      <c r="MSL22" s="8"/>
      <c r="MSM22" s="8"/>
      <c r="MSN22" s="8"/>
      <c r="MSO22" s="8"/>
      <c r="MSP22" s="8"/>
      <c r="MSQ22" s="8"/>
      <c r="MSR22" s="8"/>
      <c r="MSS22" s="8"/>
      <c r="MST22" s="8"/>
      <c r="MSU22" s="8"/>
      <c r="MSV22" s="8"/>
      <c r="MSW22" s="8"/>
      <c r="MSX22" s="8"/>
      <c r="MSY22" s="8"/>
      <c r="MSZ22" s="8"/>
      <c r="MTA22" s="8"/>
      <c r="MTB22" s="8"/>
      <c r="MTC22" s="8"/>
      <c r="MTD22" s="8"/>
      <c r="MTE22" s="8"/>
      <c r="MTF22" s="8"/>
      <c r="MTG22" s="8"/>
      <c r="MTH22" s="8"/>
      <c r="MTI22" s="8"/>
      <c r="MTJ22" s="8"/>
      <c r="MTK22" s="8"/>
      <c r="MTL22" s="8"/>
      <c r="MTM22" s="8"/>
      <c r="MTN22" s="8"/>
      <c r="MTO22" s="8"/>
      <c r="MTP22" s="8"/>
      <c r="MTQ22" s="8"/>
      <c r="MTR22" s="8"/>
      <c r="MTS22" s="8"/>
      <c r="MTT22" s="8"/>
      <c r="MTU22" s="8"/>
      <c r="MTV22" s="8"/>
      <c r="MTW22" s="8"/>
      <c r="MTX22" s="8"/>
      <c r="MTY22" s="8"/>
      <c r="MTZ22" s="8"/>
      <c r="MUA22" s="8"/>
      <c r="MUB22" s="8"/>
      <c r="MUC22" s="8"/>
      <c r="MUD22" s="8"/>
      <c r="MUE22" s="8"/>
      <c r="MUF22" s="8"/>
      <c r="MUG22" s="8"/>
      <c r="MUH22" s="8"/>
      <c r="MUI22" s="8"/>
      <c r="MUJ22" s="8"/>
      <c r="MUK22" s="8"/>
      <c r="MUL22" s="8"/>
      <c r="MUM22" s="8"/>
      <c r="MUN22" s="8"/>
      <c r="MUO22" s="8"/>
      <c r="MUP22" s="8"/>
      <c r="MUQ22" s="8"/>
      <c r="MUR22" s="8"/>
      <c r="MUS22" s="8"/>
      <c r="MUT22" s="8"/>
      <c r="MUU22" s="8"/>
      <c r="MUV22" s="8"/>
      <c r="MUW22" s="8"/>
      <c r="MUX22" s="8"/>
      <c r="MUY22" s="8"/>
      <c r="MUZ22" s="8"/>
      <c r="MVA22" s="8"/>
      <c r="MVB22" s="8"/>
      <c r="MVC22" s="8"/>
      <c r="MVD22" s="8"/>
      <c r="MVE22" s="8"/>
      <c r="MVF22" s="8"/>
      <c r="MVG22" s="8"/>
      <c r="MVH22" s="8"/>
      <c r="MVI22" s="8"/>
      <c r="MVJ22" s="8"/>
      <c r="MVK22" s="8"/>
      <c r="MVL22" s="8"/>
      <c r="MVM22" s="8"/>
      <c r="MVN22" s="8"/>
      <c r="MVO22" s="8"/>
      <c r="MVP22" s="8"/>
      <c r="MVQ22" s="8"/>
      <c r="MVR22" s="8"/>
      <c r="MVS22" s="8"/>
      <c r="MVT22" s="8"/>
      <c r="MVU22" s="8"/>
      <c r="MVV22" s="8"/>
      <c r="MVW22" s="8"/>
      <c r="MVX22" s="8"/>
      <c r="MVY22" s="8"/>
      <c r="MVZ22" s="8"/>
      <c r="MWA22" s="8"/>
      <c r="MWB22" s="8"/>
      <c r="MWC22" s="8"/>
      <c r="MWD22" s="8"/>
      <c r="MWE22" s="8"/>
      <c r="MWF22" s="8"/>
      <c r="MWG22" s="8"/>
      <c r="MWH22" s="8"/>
      <c r="MWI22" s="8"/>
      <c r="MWJ22" s="8"/>
      <c r="MWK22" s="8"/>
      <c r="MWL22" s="8"/>
      <c r="MWM22" s="8"/>
      <c r="MWN22" s="8"/>
      <c r="MWO22" s="8"/>
      <c r="MWP22" s="8"/>
      <c r="MWQ22" s="8"/>
      <c r="MWR22" s="8"/>
      <c r="MWS22" s="8"/>
      <c r="MWT22" s="8"/>
      <c r="MWU22" s="8"/>
      <c r="MWV22" s="8"/>
      <c r="MWW22" s="8"/>
      <c r="MWX22" s="8"/>
      <c r="MWY22" s="8"/>
      <c r="MWZ22" s="8"/>
      <c r="MXA22" s="8"/>
      <c r="MXB22" s="8"/>
      <c r="MXC22" s="8"/>
      <c r="MXD22" s="8"/>
      <c r="MXE22" s="8"/>
      <c r="MXF22" s="8"/>
      <c r="MXG22" s="8"/>
      <c r="MXH22" s="8"/>
      <c r="MXI22" s="8"/>
      <c r="MXJ22" s="8"/>
      <c r="MXK22" s="8"/>
      <c r="MXL22" s="8"/>
      <c r="MXM22" s="8"/>
      <c r="MXN22" s="8"/>
      <c r="MXO22" s="8"/>
      <c r="MXP22" s="8"/>
      <c r="MXQ22" s="8"/>
      <c r="MXR22" s="8"/>
      <c r="MXS22" s="8"/>
      <c r="MXT22" s="8"/>
      <c r="MXU22" s="8"/>
      <c r="MXV22" s="8"/>
      <c r="MXW22" s="8"/>
      <c r="MXX22" s="8"/>
      <c r="MXY22" s="8"/>
      <c r="MXZ22" s="8"/>
      <c r="MYA22" s="8"/>
      <c r="MYB22" s="8"/>
      <c r="MYC22" s="8"/>
      <c r="MYD22" s="8"/>
      <c r="MYE22" s="8"/>
      <c r="MYF22" s="8"/>
      <c r="MYG22" s="8"/>
      <c r="MYH22" s="8"/>
      <c r="MYI22" s="8"/>
      <c r="MYJ22" s="8"/>
      <c r="MYK22" s="8"/>
      <c r="MYL22" s="8"/>
      <c r="MYM22" s="8"/>
      <c r="MYN22" s="8"/>
      <c r="MYO22" s="8"/>
      <c r="MYP22" s="8"/>
      <c r="MYQ22" s="8"/>
      <c r="MYR22" s="8"/>
      <c r="MYS22" s="8"/>
      <c r="MYT22" s="8"/>
      <c r="MYU22" s="8"/>
      <c r="MYV22" s="8"/>
      <c r="MYW22" s="8"/>
      <c r="MYX22" s="8"/>
      <c r="MYY22" s="8"/>
      <c r="MYZ22" s="8"/>
      <c r="MZA22" s="8"/>
      <c r="MZB22" s="8"/>
      <c r="MZC22" s="8"/>
      <c r="MZD22" s="8"/>
      <c r="MZE22" s="8"/>
      <c r="MZF22" s="8"/>
      <c r="MZG22" s="8"/>
      <c r="MZH22" s="8"/>
      <c r="MZI22" s="8"/>
      <c r="MZJ22" s="8"/>
      <c r="MZK22" s="8"/>
      <c r="MZL22" s="8"/>
      <c r="MZM22" s="8"/>
      <c r="MZN22" s="8"/>
      <c r="MZO22" s="8"/>
      <c r="MZP22" s="8"/>
      <c r="MZQ22" s="8"/>
      <c r="MZR22" s="8"/>
      <c r="MZS22" s="8"/>
      <c r="MZT22" s="8"/>
      <c r="MZU22" s="8"/>
      <c r="MZV22" s="8"/>
      <c r="MZW22" s="8"/>
      <c r="MZX22" s="8"/>
      <c r="MZY22" s="8"/>
      <c r="MZZ22" s="8"/>
      <c r="NAA22" s="8"/>
      <c r="NAB22" s="8"/>
      <c r="NAC22" s="8"/>
      <c r="NAD22" s="8"/>
      <c r="NAE22" s="8"/>
      <c r="NAF22" s="8"/>
      <c r="NAG22" s="8"/>
      <c r="NAH22" s="8"/>
      <c r="NAI22" s="8"/>
      <c r="NAJ22" s="8"/>
      <c r="NAK22" s="8"/>
      <c r="NAL22" s="8"/>
      <c r="NAM22" s="8"/>
      <c r="NAN22" s="8"/>
      <c r="NAO22" s="8"/>
      <c r="NAP22" s="8"/>
      <c r="NAQ22" s="8"/>
      <c r="NAR22" s="8"/>
      <c r="NAS22" s="8"/>
      <c r="NAT22" s="8"/>
      <c r="NAU22" s="8"/>
      <c r="NAV22" s="8"/>
      <c r="NAW22" s="8"/>
      <c r="NAX22" s="8"/>
      <c r="NAY22" s="8"/>
      <c r="NAZ22" s="8"/>
      <c r="NBA22" s="8"/>
      <c r="NBB22" s="8"/>
      <c r="NBC22" s="8"/>
      <c r="NBD22" s="8"/>
      <c r="NBE22" s="8"/>
      <c r="NBF22" s="8"/>
      <c r="NBG22" s="8"/>
      <c r="NBH22" s="8"/>
      <c r="NBI22" s="8"/>
      <c r="NBJ22" s="8"/>
      <c r="NBK22" s="8"/>
      <c r="NBL22" s="8"/>
      <c r="NBM22" s="8"/>
      <c r="NBN22" s="8"/>
      <c r="NBO22" s="8"/>
      <c r="NBP22" s="8"/>
      <c r="NBQ22" s="8"/>
      <c r="NBR22" s="8"/>
      <c r="NBS22" s="8"/>
      <c r="NBT22" s="8"/>
      <c r="NBU22" s="8"/>
      <c r="NBV22" s="8"/>
      <c r="NBW22" s="8"/>
      <c r="NBX22" s="8"/>
      <c r="NBY22" s="8"/>
      <c r="NBZ22" s="8"/>
      <c r="NCA22" s="8"/>
      <c r="NCB22" s="8"/>
      <c r="NCC22" s="8"/>
      <c r="NCD22" s="8"/>
      <c r="NCE22" s="8"/>
      <c r="NCF22" s="8"/>
      <c r="NCG22" s="8"/>
      <c r="NCH22" s="8"/>
      <c r="NCI22" s="8"/>
      <c r="NCJ22" s="8"/>
      <c r="NCK22" s="8"/>
      <c r="NCL22" s="8"/>
      <c r="NCM22" s="8"/>
      <c r="NCN22" s="8"/>
      <c r="NCO22" s="8"/>
      <c r="NCP22" s="8"/>
      <c r="NCQ22" s="8"/>
      <c r="NCR22" s="8"/>
      <c r="NCS22" s="8"/>
      <c r="NCT22" s="8"/>
      <c r="NCU22" s="8"/>
      <c r="NCV22" s="8"/>
      <c r="NCW22" s="8"/>
      <c r="NCX22" s="8"/>
      <c r="NCY22" s="8"/>
      <c r="NCZ22" s="8"/>
      <c r="NDA22" s="8"/>
      <c r="NDB22" s="8"/>
      <c r="NDC22" s="8"/>
      <c r="NDD22" s="8"/>
      <c r="NDE22" s="8"/>
      <c r="NDF22" s="8"/>
      <c r="NDG22" s="8"/>
      <c r="NDH22" s="8"/>
      <c r="NDI22" s="8"/>
      <c r="NDJ22" s="8"/>
      <c r="NDK22" s="8"/>
      <c r="NDL22" s="8"/>
      <c r="NDM22" s="8"/>
      <c r="NDN22" s="8"/>
      <c r="NDO22" s="8"/>
      <c r="NDP22" s="8"/>
      <c r="NDQ22" s="8"/>
      <c r="NDR22" s="8"/>
      <c r="NDS22" s="8"/>
      <c r="NDT22" s="8"/>
      <c r="NDU22" s="8"/>
      <c r="NDV22" s="8"/>
      <c r="NDW22" s="8"/>
      <c r="NDX22" s="8"/>
      <c r="NDY22" s="8"/>
      <c r="NDZ22" s="8"/>
      <c r="NEA22" s="8"/>
      <c r="NEB22" s="8"/>
      <c r="NEC22" s="8"/>
      <c r="NED22" s="8"/>
      <c r="NEE22" s="8"/>
      <c r="NEF22" s="8"/>
      <c r="NEG22" s="8"/>
      <c r="NEH22" s="8"/>
      <c r="NEI22" s="8"/>
      <c r="NEJ22" s="8"/>
      <c r="NEK22" s="8"/>
      <c r="NEL22" s="8"/>
      <c r="NEM22" s="8"/>
      <c r="NEN22" s="8"/>
      <c r="NEO22" s="8"/>
      <c r="NEP22" s="8"/>
      <c r="NEQ22" s="8"/>
      <c r="NER22" s="8"/>
      <c r="NES22" s="8"/>
      <c r="NET22" s="8"/>
      <c r="NEU22" s="8"/>
      <c r="NEV22" s="8"/>
      <c r="NEW22" s="8"/>
      <c r="NEX22" s="8"/>
      <c r="NEY22" s="8"/>
      <c r="NEZ22" s="8"/>
      <c r="NFA22" s="8"/>
      <c r="NFB22" s="8"/>
      <c r="NFC22" s="8"/>
      <c r="NFD22" s="8"/>
      <c r="NFE22" s="8"/>
      <c r="NFF22" s="8"/>
      <c r="NFG22" s="8"/>
      <c r="NFH22" s="8"/>
      <c r="NFI22" s="8"/>
      <c r="NFJ22" s="8"/>
      <c r="NFK22" s="8"/>
      <c r="NFL22" s="8"/>
      <c r="NFM22" s="8"/>
      <c r="NFN22" s="8"/>
      <c r="NFO22" s="8"/>
      <c r="NFP22" s="8"/>
      <c r="NFQ22" s="8"/>
      <c r="NFR22" s="8"/>
      <c r="NFS22" s="8"/>
      <c r="NFT22" s="8"/>
      <c r="NFU22" s="8"/>
      <c r="NFV22" s="8"/>
      <c r="NFW22" s="8"/>
      <c r="NFX22" s="8"/>
      <c r="NFY22" s="8"/>
      <c r="NFZ22" s="8"/>
      <c r="NGA22" s="8"/>
      <c r="NGB22" s="8"/>
      <c r="NGC22" s="8"/>
      <c r="NGD22" s="8"/>
      <c r="NGE22" s="8"/>
      <c r="NGF22" s="8"/>
      <c r="NGG22" s="8"/>
      <c r="NGH22" s="8"/>
      <c r="NGI22" s="8"/>
      <c r="NGJ22" s="8"/>
      <c r="NGK22" s="8"/>
      <c r="NGL22" s="8"/>
      <c r="NGM22" s="8"/>
      <c r="NGN22" s="8"/>
      <c r="NGO22" s="8"/>
      <c r="NGP22" s="8"/>
      <c r="NGQ22" s="8"/>
      <c r="NGR22" s="8"/>
      <c r="NGS22" s="8"/>
      <c r="NGT22" s="8"/>
      <c r="NGU22" s="8"/>
      <c r="NGV22" s="8"/>
      <c r="NGW22" s="8"/>
      <c r="NGX22" s="8"/>
      <c r="NGY22" s="8"/>
      <c r="NGZ22" s="8"/>
      <c r="NHA22" s="8"/>
      <c r="NHB22" s="8"/>
      <c r="NHC22" s="8"/>
      <c r="NHD22" s="8"/>
      <c r="NHE22" s="8"/>
      <c r="NHF22" s="8"/>
      <c r="NHG22" s="8"/>
      <c r="NHH22" s="8"/>
      <c r="NHI22" s="8"/>
      <c r="NHJ22" s="8"/>
      <c r="NHK22" s="8"/>
      <c r="NHL22" s="8"/>
      <c r="NHM22" s="8"/>
      <c r="NHN22" s="8"/>
      <c r="NHO22" s="8"/>
      <c r="NHP22" s="8"/>
      <c r="NHQ22" s="8"/>
      <c r="NHR22" s="8"/>
      <c r="NHS22" s="8"/>
      <c r="NHT22" s="8"/>
      <c r="NHU22" s="8"/>
      <c r="NHV22" s="8"/>
      <c r="NHW22" s="8"/>
      <c r="NHX22" s="8"/>
      <c r="NHY22" s="8"/>
      <c r="NHZ22" s="8"/>
      <c r="NIA22" s="8"/>
      <c r="NIB22" s="8"/>
      <c r="NIC22" s="8"/>
      <c r="NID22" s="8"/>
      <c r="NIE22" s="8"/>
      <c r="NIF22" s="8"/>
      <c r="NIG22" s="8"/>
      <c r="NIH22" s="8"/>
      <c r="NII22" s="8"/>
      <c r="NIJ22" s="8"/>
      <c r="NIK22" s="8"/>
      <c r="NIL22" s="8"/>
      <c r="NIM22" s="8"/>
      <c r="NIN22" s="8"/>
      <c r="NIO22" s="8"/>
      <c r="NIP22" s="8"/>
      <c r="NIQ22" s="8"/>
      <c r="NIR22" s="8"/>
      <c r="NIS22" s="8"/>
      <c r="NIT22" s="8"/>
      <c r="NIU22" s="8"/>
      <c r="NIV22" s="8"/>
      <c r="NIW22" s="8"/>
      <c r="NIX22" s="8"/>
      <c r="NIY22" s="8"/>
      <c r="NIZ22" s="8"/>
      <c r="NJA22" s="8"/>
      <c r="NJB22" s="8"/>
      <c r="NJC22" s="8"/>
      <c r="NJD22" s="8"/>
      <c r="NJE22" s="8"/>
      <c r="NJF22" s="8"/>
      <c r="NJG22" s="8"/>
      <c r="NJH22" s="8"/>
      <c r="NJI22" s="8"/>
      <c r="NJJ22" s="8"/>
      <c r="NJK22" s="8"/>
      <c r="NJL22" s="8"/>
      <c r="NJM22" s="8"/>
      <c r="NJN22" s="8"/>
      <c r="NJO22" s="8"/>
      <c r="NJP22" s="8"/>
      <c r="NJQ22" s="8"/>
      <c r="NJR22" s="8"/>
      <c r="NJS22" s="8"/>
      <c r="NJT22" s="8"/>
      <c r="NJU22" s="8"/>
      <c r="NJV22" s="8"/>
      <c r="NJW22" s="8"/>
      <c r="NJX22" s="8"/>
      <c r="NJY22" s="8"/>
      <c r="NJZ22" s="8"/>
      <c r="NKA22" s="8"/>
      <c r="NKB22" s="8"/>
      <c r="NKC22" s="8"/>
      <c r="NKD22" s="8"/>
      <c r="NKE22" s="8"/>
      <c r="NKF22" s="8"/>
      <c r="NKG22" s="8"/>
      <c r="NKH22" s="8"/>
      <c r="NKI22" s="8"/>
      <c r="NKJ22" s="8"/>
      <c r="NKK22" s="8"/>
      <c r="NKL22" s="8"/>
      <c r="NKM22" s="8"/>
      <c r="NKN22" s="8"/>
      <c r="NKO22" s="8"/>
      <c r="NKP22" s="8"/>
      <c r="NKQ22" s="8"/>
      <c r="NKR22" s="8"/>
      <c r="NKS22" s="8"/>
      <c r="NKT22" s="8"/>
      <c r="NKU22" s="8"/>
      <c r="NKV22" s="8"/>
      <c r="NKW22" s="8"/>
      <c r="NKX22" s="8"/>
      <c r="NKY22" s="8"/>
      <c r="NKZ22" s="8"/>
      <c r="NLA22" s="8"/>
      <c r="NLB22" s="8"/>
      <c r="NLC22" s="8"/>
      <c r="NLD22" s="8"/>
      <c r="NLE22" s="8"/>
      <c r="NLF22" s="8"/>
      <c r="NLG22" s="8"/>
      <c r="NLH22" s="8"/>
      <c r="NLI22" s="8"/>
      <c r="NLJ22" s="8"/>
      <c r="NLK22" s="8"/>
      <c r="NLL22" s="8"/>
      <c r="NLM22" s="8"/>
      <c r="NLN22" s="8"/>
      <c r="NLO22" s="8"/>
      <c r="NLP22" s="8"/>
      <c r="NLQ22" s="8"/>
      <c r="NLR22" s="8"/>
      <c r="NLS22" s="8"/>
      <c r="NLT22" s="8"/>
      <c r="NLU22" s="8"/>
      <c r="NLV22" s="8"/>
      <c r="NLW22" s="8"/>
      <c r="NLX22" s="8"/>
      <c r="NLY22" s="8"/>
      <c r="NLZ22" s="8"/>
      <c r="NMA22" s="8"/>
      <c r="NMB22" s="8"/>
      <c r="NMC22" s="8"/>
      <c r="NMD22" s="8"/>
      <c r="NME22" s="8"/>
      <c r="NMF22" s="8"/>
      <c r="NMG22" s="8"/>
      <c r="NMH22" s="8"/>
      <c r="NMI22" s="8"/>
      <c r="NMJ22" s="8"/>
      <c r="NMK22" s="8"/>
      <c r="NML22" s="8"/>
      <c r="NMM22" s="8"/>
      <c r="NMN22" s="8"/>
      <c r="NMO22" s="8"/>
      <c r="NMP22" s="8"/>
      <c r="NMQ22" s="8"/>
      <c r="NMR22" s="8"/>
      <c r="NMS22" s="8"/>
      <c r="NMT22" s="8"/>
      <c r="NMU22" s="8"/>
      <c r="NMV22" s="8"/>
      <c r="NMW22" s="8"/>
      <c r="NMX22" s="8"/>
      <c r="NMY22" s="8"/>
      <c r="NMZ22" s="8"/>
      <c r="NNA22" s="8"/>
      <c r="NNB22" s="8"/>
      <c r="NNC22" s="8"/>
      <c r="NND22" s="8"/>
      <c r="NNE22" s="8"/>
      <c r="NNF22" s="8"/>
      <c r="NNG22" s="8"/>
      <c r="NNH22" s="8"/>
      <c r="NNI22" s="8"/>
      <c r="NNJ22" s="8"/>
      <c r="NNK22" s="8"/>
      <c r="NNL22" s="8"/>
      <c r="NNM22" s="8"/>
      <c r="NNN22" s="8"/>
      <c r="NNO22" s="8"/>
      <c r="NNP22" s="8"/>
      <c r="NNQ22" s="8"/>
      <c r="NNR22" s="8"/>
      <c r="NNS22" s="8"/>
      <c r="NNT22" s="8"/>
      <c r="NNU22" s="8"/>
      <c r="NNV22" s="8"/>
      <c r="NNW22" s="8"/>
      <c r="NNX22" s="8"/>
      <c r="NNY22" s="8"/>
      <c r="NNZ22" s="8"/>
      <c r="NOA22" s="8"/>
      <c r="NOB22" s="8"/>
      <c r="NOC22" s="8"/>
      <c r="NOD22" s="8"/>
      <c r="NOE22" s="8"/>
      <c r="NOF22" s="8"/>
      <c r="NOG22" s="8"/>
      <c r="NOH22" s="8"/>
      <c r="NOI22" s="8"/>
      <c r="NOJ22" s="8"/>
      <c r="NOK22" s="8"/>
      <c r="NOL22" s="8"/>
      <c r="NOM22" s="8"/>
      <c r="NON22" s="8"/>
      <c r="NOO22" s="8"/>
      <c r="NOP22" s="8"/>
      <c r="NOQ22" s="8"/>
      <c r="NOR22" s="8"/>
      <c r="NOS22" s="8"/>
      <c r="NOT22" s="8"/>
      <c r="NOU22" s="8"/>
      <c r="NOV22" s="8"/>
      <c r="NOW22" s="8"/>
      <c r="NOX22" s="8"/>
      <c r="NOY22" s="8"/>
      <c r="NOZ22" s="8"/>
      <c r="NPA22" s="8"/>
      <c r="NPB22" s="8"/>
      <c r="NPC22" s="8"/>
      <c r="NPD22" s="8"/>
      <c r="NPE22" s="8"/>
      <c r="NPF22" s="8"/>
      <c r="NPG22" s="8"/>
      <c r="NPH22" s="8"/>
      <c r="NPI22" s="8"/>
      <c r="NPJ22" s="8"/>
      <c r="NPK22" s="8"/>
      <c r="NPL22" s="8"/>
      <c r="NPM22" s="8"/>
      <c r="NPN22" s="8"/>
      <c r="NPO22" s="8"/>
      <c r="NPP22" s="8"/>
      <c r="NPQ22" s="8"/>
      <c r="NPR22" s="8"/>
      <c r="NPS22" s="8"/>
      <c r="NPT22" s="8"/>
      <c r="NPU22" s="8"/>
      <c r="NPV22" s="8"/>
      <c r="NPW22" s="8"/>
      <c r="NPX22" s="8"/>
      <c r="NPY22" s="8"/>
      <c r="NPZ22" s="8"/>
      <c r="NQA22" s="8"/>
      <c r="NQB22" s="8"/>
      <c r="NQC22" s="8"/>
      <c r="NQD22" s="8"/>
      <c r="NQE22" s="8"/>
      <c r="NQF22" s="8"/>
      <c r="NQG22" s="8"/>
      <c r="NQH22" s="8"/>
      <c r="NQI22" s="8"/>
      <c r="NQJ22" s="8"/>
      <c r="NQK22" s="8"/>
      <c r="NQL22" s="8"/>
      <c r="NQM22" s="8"/>
      <c r="NQN22" s="8"/>
      <c r="NQO22" s="8"/>
      <c r="NQP22" s="8"/>
      <c r="NQQ22" s="8"/>
      <c r="NQR22" s="8"/>
      <c r="NQS22" s="8"/>
      <c r="NQT22" s="8"/>
      <c r="NQU22" s="8"/>
      <c r="NQV22" s="8"/>
      <c r="NQW22" s="8"/>
      <c r="NQX22" s="8"/>
      <c r="NQY22" s="8"/>
      <c r="NQZ22" s="8"/>
      <c r="NRA22" s="8"/>
      <c r="NRB22" s="8"/>
      <c r="NRC22" s="8"/>
      <c r="NRD22" s="8"/>
      <c r="NRE22" s="8"/>
      <c r="NRF22" s="8"/>
      <c r="NRG22" s="8"/>
      <c r="NRH22" s="8"/>
      <c r="NRI22" s="8"/>
      <c r="NRJ22" s="8"/>
      <c r="NRK22" s="8"/>
      <c r="NRL22" s="8"/>
      <c r="NRM22" s="8"/>
      <c r="NRN22" s="8"/>
      <c r="NRO22" s="8"/>
      <c r="NRP22" s="8"/>
      <c r="NRQ22" s="8"/>
      <c r="NRR22" s="8"/>
      <c r="NRS22" s="8"/>
      <c r="NRT22" s="8"/>
      <c r="NRU22" s="8"/>
      <c r="NRV22" s="8"/>
      <c r="NRW22" s="8"/>
      <c r="NRX22" s="8"/>
      <c r="NRY22" s="8"/>
      <c r="NRZ22" s="8"/>
      <c r="NSA22" s="8"/>
      <c r="NSB22" s="8"/>
      <c r="NSC22" s="8"/>
      <c r="NSD22" s="8"/>
      <c r="NSE22" s="8"/>
      <c r="NSF22" s="8"/>
      <c r="NSG22" s="8"/>
      <c r="NSH22" s="8"/>
      <c r="NSI22" s="8"/>
      <c r="NSJ22" s="8"/>
      <c r="NSK22" s="8"/>
      <c r="NSL22" s="8"/>
      <c r="NSM22" s="8"/>
      <c r="NSN22" s="8"/>
      <c r="NSO22" s="8"/>
      <c r="NSP22" s="8"/>
      <c r="NSQ22" s="8"/>
      <c r="NSR22" s="8"/>
      <c r="NSS22" s="8"/>
      <c r="NST22" s="8"/>
      <c r="NSU22" s="8"/>
      <c r="NSV22" s="8"/>
      <c r="NSW22" s="8"/>
      <c r="NSX22" s="8"/>
      <c r="NSY22" s="8"/>
      <c r="NSZ22" s="8"/>
      <c r="NTA22" s="8"/>
      <c r="NTB22" s="8"/>
      <c r="NTC22" s="8"/>
      <c r="NTD22" s="8"/>
      <c r="NTE22" s="8"/>
      <c r="NTF22" s="8"/>
      <c r="NTG22" s="8"/>
      <c r="NTH22" s="8"/>
      <c r="NTI22" s="8"/>
      <c r="NTJ22" s="8"/>
      <c r="NTK22" s="8"/>
      <c r="NTL22" s="8"/>
      <c r="NTM22" s="8"/>
      <c r="NTN22" s="8"/>
      <c r="NTO22" s="8"/>
      <c r="NTP22" s="8"/>
      <c r="NTQ22" s="8"/>
      <c r="NTR22" s="8"/>
      <c r="NTS22" s="8"/>
      <c r="NTT22" s="8"/>
      <c r="NTU22" s="8"/>
      <c r="NTV22" s="8"/>
      <c r="NTW22" s="8"/>
      <c r="NTX22" s="8"/>
      <c r="NTY22" s="8"/>
      <c r="NTZ22" s="8"/>
      <c r="NUA22" s="8"/>
      <c r="NUB22" s="8"/>
      <c r="NUC22" s="8"/>
      <c r="NUD22" s="8"/>
      <c r="NUE22" s="8"/>
      <c r="NUF22" s="8"/>
      <c r="NUG22" s="8"/>
      <c r="NUH22" s="8"/>
      <c r="NUI22" s="8"/>
      <c r="NUJ22" s="8"/>
      <c r="NUK22" s="8"/>
      <c r="NUL22" s="8"/>
      <c r="NUM22" s="8"/>
      <c r="NUN22" s="8"/>
      <c r="NUO22" s="8"/>
      <c r="NUP22" s="8"/>
      <c r="NUQ22" s="8"/>
      <c r="NUR22" s="8"/>
      <c r="NUS22" s="8"/>
      <c r="NUT22" s="8"/>
      <c r="NUU22" s="8"/>
      <c r="NUV22" s="8"/>
      <c r="NUW22" s="8"/>
      <c r="NUX22" s="8"/>
      <c r="NUY22" s="8"/>
      <c r="NUZ22" s="8"/>
      <c r="NVA22" s="8"/>
      <c r="NVB22" s="8"/>
      <c r="NVC22" s="8"/>
      <c r="NVD22" s="8"/>
      <c r="NVE22" s="8"/>
      <c r="NVF22" s="8"/>
      <c r="NVG22" s="8"/>
      <c r="NVH22" s="8"/>
      <c r="NVI22" s="8"/>
      <c r="NVJ22" s="8"/>
      <c r="NVK22" s="8"/>
      <c r="NVL22" s="8"/>
      <c r="NVM22" s="8"/>
      <c r="NVN22" s="8"/>
      <c r="NVO22" s="8"/>
      <c r="NVP22" s="8"/>
      <c r="NVQ22" s="8"/>
      <c r="NVR22" s="8"/>
      <c r="NVS22" s="8"/>
      <c r="NVT22" s="8"/>
      <c r="NVU22" s="8"/>
      <c r="NVV22" s="8"/>
      <c r="NVW22" s="8"/>
      <c r="NVX22" s="8"/>
      <c r="NVY22" s="8"/>
      <c r="NVZ22" s="8"/>
      <c r="NWA22" s="8"/>
      <c r="NWB22" s="8"/>
      <c r="NWC22" s="8"/>
      <c r="NWD22" s="8"/>
      <c r="NWE22" s="8"/>
      <c r="NWF22" s="8"/>
      <c r="NWG22" s="8"/>
      <c r="NWH22" s="8"/>
      <c r="NWI22" s="8"/>
      <c r="NWJ22" s="8"/>
      <c r="NWK22" s="8"/>
      <c r="NWL22" s="8"/>
      <c r="NWM22" s="8"/>
      <c r="NWN22" s="8"/>
      <c r="NWO22" s="8"/>
      <c r="NWP22" s="8"/>
      <c r="NWQ22" s="8"/>
      <c r="NWR22" s="8"/>
      <c r="NWS22" s="8"/>
      <c r="NWT22" s="8"/>
      <c r="NWU22" s="8"/>
      <c r="NWV22" s="8"/>
      <c r="NWW22" s="8"/>
      <c r="NWX22" s="8"/>
      <c r="NWY22" s="8"/>
      <c r="NWZ22" s="8"/>
      <c r="NXA22" s="8"/>
      <c r="NXB22" s="8"/>
      <c r="NXC22" s="8"/>
      <c r="NXD22" s="8"/>
      <c r="NXE22" s="8"/>
      <c r="NXF22" s="8"/>
      <c r="NXG22" s="8"/>
      <c r="NXH22" s="8"/>
      <c r="NXI22" s="8"/>
      <c r="NXJ22" s="8"/>
      <c r="NXK22" s="8"/>
      <c r="NXL22" s="8"/>
      <c r="NXM22" s="8"/>
      <c r="NXN22" s="8"/>
      <c r="NXO22" s="8"/>
      <c r="NXP22" s="8"/>
      <c r="NXQ22" s="8"/>
      <c r="NXR22" s="8"/>
      <c r="NXS22" s="8"/>
      <c r="NXT22" s="8"/>
      <c r="NXU22" s="8"/>
      <c r="NXV22" s="8"/>
      <c r="NXW22" s="8"/>
      <c r="NXX22" s="8"/>
      <c r="NXY22" s="8"/>
      <c r="NXZ22" s="8"/>
      <c r="NYA22" s="8"/>
      <c r="NYB22" s="8"/>
      <c r="NYC22" s="8"/>
      <c r="NYD22" s="8"/>
      <c r="NYE22" s="8"/>
      <c r="NYF22" s="8"/>
      <c r="NYG22" s="8"/>
      <c r="NYH22" s="8"/>
      <c r="NYI22" s="8"/>
      <c r="NYJ22" s="8"/>
      <c r="NYK22" s="8"/>
      <c r="NYL22" s="8"/>
      <c r="NYM22" s="8"/>
      <c r="NYN22" s="8"/>
      <c r="NYO22" s="8"/>
      <c r="NYP22" s="8"/>
      <c r="NYQ22" s="8"/>
      <c r="NYR22" s="8"/>
      <c r="NYS22" s="8"/>
      <c r="NYT22" s="8"/>
      <c r="NYU22" s="8"/>
      <c r="NYV22" s="8"/>
      <c r="NYW22" s="8"/>
      <c r="NYX22" s="8"/>
      <c r="NYY22" s="8"/>
      <c r="NYZ22" s="8"/>
      <c r="NZA22" s="8"/>
      <c r="NZB22" s="8"/>
      <c r="NZC22" s="8"/>
      <c r="NZD22" s="8"/>
      <c r="NZE22" s="8"/>
      <c r="NZF22" s="8"/>
      <c r="NZG22" s="8"/>
      <c r="NZH22" s="8"/>
      <c r="NZI22" s="8"/>
      <c r="NZJ22" s="8"/>
      <c r="NZK22" s="8"/>
      <c r="NZL22" s="8"/>
      <c r="NZM22" s="8"/>
      <c r="NZN22" s="8"/>
      <c r="NZO22" s="8"/>
      <c r="NZP22" s="8"/>
      <c r="NZQ22" s="8"/>
      <c r="NZR22" s="8"/>
      <c r="NZS22" s="8"/>
      <c r="NZT22" s="8"/>
      <c r="NZU22" s="8"/>
      <c r="NZV22" s="8"/>
      <c r="NZW22" s="8"/>
      <c r="NZX22" s="8"/>
      <c r="NZY22" s="8"/>
      <c r="NZZ22" s="8"/>
      <c r="OAA22" s="8"/>
      <c r="OAB22" s="8"/>
      <c r="OAC22" s="8"/>
      <c r="OAD22" s="8"/>
      <c r="OAE22" s="8"/>
      <c r="OAF22" s="8"/>
      <c r="OAG22" s="8"/>
      <c r="OAH22" s="8"/>
      <c r="OAI22" s="8"/>
      <c r="OAJ22" s="8"/>
      <c r="OAK22" s="8"/>
      <c r="OAL22" s="8"/>
      <c r="OAM22" s="8"/>
      <c r="OAN22" s="8"/>
      <c r="OAO22" s="8"/>
      <c r="OAP22" s="8"/>
      <c r="OAQ22" s="8"/>
      <c r="OAR22" s="8"/>
      <c r="OAS22" s="8"/>
      <c r="OAT22" s="8"/>
      <c r="OAU22" s="8"/>
      <c r="OAV22" s="8"/>
      <c r="OAW22" s="8"/>
      <c r="OAX22" s="8"/>
      <c r="OAY22" s="8"/>
      <c r="OAZ22" s="8"/>
      <c r="OBA22" s="8"/>
      <c r="OBB22" s="8"/>
      <c r="OBC22" s="8"/>
      <c r="OBD22" s="8"/>
      <c r="OBE22" s="8"/>
      <c r="OBF22" s="8"/>
      <c r="OBG22" s="8"/>
      <c r="OBH22" s="8"/>
      <c r="OBI22" s="8"/>
      <c r="OBJ22" s="8"/>
      <c r="OBK22" s="8"/>
      <c r="OBL22" s="8"/>
      <c r="OBM22" s="8"/>
      <c r="OBN22" s="8"/>
      <c r="OBO22" s="8"/>
      <c r="OBP22" s="8"/>
      <c r="OBQ22" s="8"/>
      <c r="OBR22" s="8"/>
      <c r="OBS22" s="8"/>
      <c r="OBT22" s="8"/>
      <c r="OBU22" s="8"/>
      <c r="OBV22" s="8"/>
      <c r="OBW22" s="8"/>
      <c r="OBX22" s="8"/>
      <c r="OBY22" s="8"/>
      <c r="OBZ22" s="8"/>
      <c r="OCA22" s="8"/>
      <c r="OCB22" s="8"/>
      <c r="OCC22" s="8"/>
      <c r="OCD22" s="8"/>
      <c r="OCE22" s="8"/>
      <c r="OCF22" s="8"/>
      <c r="OCG22" s="8"/>
      <c r="OCH22" s="8"/>
      <c r="OCI22" s="8"/>
      <c r="OCJ22" s="8"/>
      <c r="OCK22" s="8"/>
      <c r="OCL22" s="8"/>
      <c r="OCM22" s="8"/>
      <c r="OCN22" s="8"/>
      <c r="OCO22" s="8"/>
      <c r="OCP22" s="8"/>
      <c r="OCQ22" s="8"/>
      <c r="OCR22" s="8"/>
      <c r="OCS22" s="8"/>
      <c r="OCT22" s="8"/>
      <c r="OCU22" s="8"/>
      <c r="OCV22" s="8"/>
      <c r="OCW22" s="8"/>
      <c r="OCX22" s="8"/>
      <c r="OCY22" s="8"/>
      <c r="OCZ22" s="8"/>
      <c r="ODA22" s="8"/>
      <c r="ODB22" s="8"/>
      <c r="ODC22" s="8"/>
      <c r="ODD22" s="8"/>
      <c r="ODE22" s="8"/>
      <c r="ODF22" s="8"/>
      <c r="ODG22" s="8"/>
      <c r="ODH22" s="8"/>
      <c r="ODI22" s="8"/>
      <c r="ODJ22" s="8"/>
      <c r="ODK22" s="8"/>
      <c r="ODL22" s="8"/>
      <c r="ODM22" s="8"/>
      <c r="ODN22" s="8"/>
      <c r="ODO22" s="8"/>
      <c r="ODP22" s="8"/>
      <c r="ODQ22" s="8"/>
      <c r="ODR22" s="8"/>
      <c r="ODS22" s="8"/>
      <c r="ODT22" s="8"/>
      <c r="ODU22" s="8"/>
      <c r="ODV22" s="8"/>
      <c r="ODW22" s="8"/>
      <c r="ODX22" s="8"/>
      <c r="ODY22" s="8"/>
      <c r="ODZ22" s="8"/>
      <c r="OEA22" s="8"/>
      <c r="OEB22" s="8"/>
      <c r="OEC22" s="8"/>
      <c r="OED22" s="8"/>
      <c r="OEE22" s="8"/>
      <c r="OEF22" s="8"/>
      <c r="OEG22" s="8"/>
      <c r="OEH22" s="8"/>
      <c r="OEI22" s="8"/>
      <c r="OEJ22" s="8"/>
      <c r="OEK22" s="8"/>
      <c r="OEL22" s="8"/>
      <c r="OEM22" s="8"/>
      <c r="OEN22" s="8"/>
      <c r="OEO22" s="8"/>
      <c r="OEP22" s="8"/>
      <c r="OEQ22" s="8"/>
      <c r="OER22" s="8"/>
      <c r="OES22" s="8"/>
      <c r="OET22" s="8"/>
      <c r="OEU22" s="8"/>
      <c r="OEV22" s="8"/>
      <c r="OEW22" s="8"/>
      <c r="OEX22" s="8"/>
      <c r="OEY22" s="8"/>
      <c r="OEZ22" s="8"/>
      <c r="OFA22" s="8"/>
      <c r="OFB22" s="8"/>
      <c r="OFC22" s="8"/>
      <c r="OFD22" s="8"/>
      <c r="OFE22" s="8"/>
      <c r="OFF22" s="8"/>
      <c r="OFG22" s="8"/>
      <c r="OFH22" s="8"/>
      <c r="OFI22" s="8"/>
      <c r="OFJ22" s="8"/>
      <c r="OFK22" s="8"/>
      <c r="OFL22" s="8"/>
      <c r="OFM22" s="8"/>
      <c r="OFN22" s="8"/>
      <c r="OFO22" s="8"/>
      <c r="OFP22" s="8"/>
      <c r="OFQ22" s="8"/>
      <c r="OFR22" s="8"/>
      <c r="OFS22" s="8"/>
      <c r="OFT22" s="8"/>
      <c r="OFU22" s="8"/>
      <c r="OFV22" s="8"/>
      <c r="OFW22" s="8"/>
      <c r="OFX22" s="8"/>
      <c r="OFY22" s="8"/>
      <c r="OFZ22" s="8"/>
      <c r="OGA22" s="8"/>
      <c r="OGB22" s="8"/>
      <c r="OGC22" s="8"/>
      <c r="OGD22" s="8"/>
      <c r="OGE22" s="8"/>
      <c r="OGF22" s="8"/>
      <c r="OGG22" s="8"/>
      <c r="OGH22" s="8"/>
      <c r="OGI22" s="8"/>
      <c r="OGJ22" s="8"/>
      <c r="OGK22" s="8"/>
      <c r="OGL22" s="8"/>
      <c r="OGM22" s="8"/>
      <c r="OGN22" s="8"/>
      <c r="OGO22" s="8"/>
      <c r="OGP22" s="8"/>
      <c r="OGQ22" s="8"/>
      <c r="OGR22" s="8"/>
      <c r="OGS22" s="8"/>
      <c r="OGT22" s="8"/>
      <c r="OGU22" s="8"/>
      <c r="OGV22" s="8"/>
      <c r="OGW22" s="8"/>
      <c r="OGX22" s="8"/>
      <c r="OGY22" s="8"/>
      <c r="OGZ22" s="8"/>
      <c r="OHA22" s="8"/>
      <c r="OHB22" s="8"/>
      <c r="OHC22" s="8"/>
      <c r="OHD22" s="8"/>
      <c r="OHE22" s="8"/>
      <c r="OHF22" s="8"/>
      <c r="OHG22" s="8"/>
      <c r="OHH22" s="8"/>
      <c r="OHI22" s="8"/>
      <c r="OHJ22" s="8"/>
      <c r="OHK22" s="8"/>
      <c r="OHL22" s="8"/>
      <c r="OHM22" s="8"/>
      <c r="OHN22" s="8"/>
      <c r="OHO22" s="8"/>
      <c r="OHP22" s="8"/>
      <c r="OHQ22" s="8"/>
      <c r="OHR22" s="8"/>
      <c r="OHS22" s="8"/>
      <c r="OHT22" s="8"/>
      <c r="OHU22" s="8"/>
      <c r="OHV22" s="8"/>
      <c r="OHW22" s="8"/>
      <c r="OHX22" s="8"/>
      <c r="OHY22" s="8"/>
      <c r="OHZ22" s="8"/>
      <c r="OIA22" s="8"/>
      <c r="OIB22" s="8"/>
      <c r="OIC22" s="8"/>
      <c r="OID22" s="8"/>
      <c r="OIE22" s="8"/>
      <c r="OIF22" s="8"/>
      <c r="OIG22" s="8"/>
      <c r="OIH22" s="8"/>
      <c r="OII22" s="8"/>
      <c r="OIJ22" s="8"/>
      <c r="OIK22" s="8"/>
      <c r="OIL22" s="8"/>
      <c r="OIM22" s="8"/>
      <c r="OIN22" s="8"/>
      <c r="OIO22" s="8"/>
      <c r="OIP22" s="8"/>
      <c r="OIQ22" s="8"/>
      <c r="OIR22" s="8"/>
      <c r="OIS22" s="8"/>
      <c r="OIT22" s="8"/>
      <c r="OIU22" s="8"/>
      <c r="OIV22" s="8"/>
      <c r="OIW22" s="8"/>
      <c r="OIX22" s="8"/>
      <c r="OIY22" s="8"/>
      <c r="OIZ22" s="8"/>
      <c r="OJA22" s="8"/>
      <c r="OJB22" s="8"/>
      <c r="OJC22" s="8"/>
      <c r="OJD22" s="8"/>
      <c r="OJE22" s="8"/>
      <c r="OJF22" s="8"/>
      <c r="OJG22" s="8"/>
      <c r="OJH22" s="8"/>
      <c r="OJI22" s="8"/>
      <c r="OJJ22" s="8"/>
      <c r="OJK22" s="8"/>
      <c r="OJL22" s="8"/>
      <c r="OJM22" s="8"/>
      <c r="OJN22" s="8"/>
      <c r="OJO22" s="8"/>
      <c r="OJP22" s="8"/>
      <c r="OJQ22" s="8"/>
      <c r="OJR22" s="8"/>
      <c r="OJS22" s="8"/>
      <c r="OJT22" s="8"/>
      <c r="OJU22" s="8"/>
      <c r="OJV22" s="8"/>
      <c r="OJW22" s="8"/>
      <c r="OJX22" s="8"/>
      <c r="OJY22" s="8"/>
      <c r="OJZ22" s="8"/>
      <c r="OKA22" s="8"/>
      <c r="OKB22" s="8"/>
      <c r="OKC22" s="8"/>
      <c r="OKD22" s="8"/>
      <c r="OKE22" s="8"/>
      <c r="OKF22" s="8"/>
      <c r="OKG22" s="8"/>
      <c r="OKH22" s="8"/>
      <c r="OKI22" s="8"/>
      <c r="OKJ22" s="8"/>
      <c r="OKK22" s="8"/>
      <c r="OKL22" s="8"/>
      <c r="OKM22" s="8"/>
      <c r="OKN22" s="8"/>
      <c r="OKO22" s="8"/>
      <c r="OKP22" s="8"/>
      <c r="OKQ22" s="8"/>
      <c r="OKR22" s="8"/>
      <c r="OKS22" s="8"/>
      <c r="OKT22" s="8"/>
      <c r="OKU22" s="8"/>
      <c r="OKV22" s="8"/>
      <c r="OKW22" s="8"/>
      <c r="OKX22" s="8"/>
      <c r="OKY22" s="8"/>
      <c r="OKZ22" s="8"/>
      <c r="OLA22" s="8"/>
      <c r="OLB22" s="8"/>
      <c r="OLC22" s="8"/>
      <c r="OLD22" s="8"/>
      <c r="OLE22" s="8"/>
      <c r="OLF22" s="8"/>
      <c r="OLG22" s="8"/>
      <c r="OLH22" s="8"/>
      <c r="OLI22" s="8"/>
      <c r="OLJ22" s="8"/>
      <c r="OLK22" s="8"/>
      <c r="OLL22" s="8"/>
      <c r="OLM22" s="8"/>
      <c r="OLN22" s="8"/>
      <c r="OLO22" s="8"/>
      <c r="OLP22" s="8"/>
      <c r="OLQ22" s="8"/>
      <c r="OLR22" s="8"/>
      <c r="OLS22" s="8"/>
      <c r="OLT22" s="8"/>
      <c r="OLU22" s="8"/>
      <c r="OLV22" s="8"/>
      <c r="OLW22" s="8"/>
      <c r="OLX22" s="8"/>
      <c r="OLY22" s="8"/>
      <c r="OLZ22" s="8"/>
      <c r="OMA22" s="8"/>
      <c r="OMB22" s="8"/>
      <c r="OMC22" s="8"/>
      <c r="OMD22" s="8"/>
      <c r="OME22" s="8"/>
      <c r="OMF22" s="8"/>
      <c r="OMG22" s="8"/>
      <c r="OMH22" s="8"/>
      <c r="OMI22" s="8"/>
      <c r="OMJ22" s="8"/>
      <c r="OMK22" s="8"/>
      <c r="OML22" s="8"/>
      <c r="OMM22" s="8"/>
      <c r="OMN22" s="8"/>
      <c r="OMO22" s="8"/>
      <c r="OMP22" s="8"/>
      <c r="OMQ22" s="8"/>
      <c r="OMR22" s="8"/>
      <c r="OMS22" s="8"/>
      <c r="OMT22" s="8"/>
      <c r="OMU22" s="8"/>
      <c r="OMV22" s="8"/>
      <c r="OMW22" s="8"/>
      <c r="OMX22" s="8"/>
      <c r="OMY22" s="8"/>
      <c r="OMZ22" s="8"/>
      <c r="ONA22" s="8"/>
      <c r="ONB22" s="8"/>
      <c r="ONC22" s="8"/>
      <c r="OND22" s="8"/>
      <c r="ONE22" s="8"/>
      <c r="ONF22" s="8"/>
      <c r="ONG22" s="8"/>
      <c r="ONH22" s="8"/>
      <c r="ONI22" s="8"/>
      <c r="ONJ22" s="8"/>
      <c r="ONK22" s="8"/>
      <c r="ONL22" s="8"/>
      <c r="ONM22" s="8"/>
      <c r="ONN22" s="8"/>
      <c r="ONO22" s="8"/>
      <c r="ONP22" s="8"/>
      <c r="ONQ22" s="8"/>
      <c r="ONR22" s="8"/>
      <c r="ONS22" s="8"/>
      <c r="ONT22" s="8"/>
      <c r="ONU22" s="8"/>
      <c r="ONV22" s="8"/>
      <c r="ONW22" s="8"/>
      <c r="ONX22" s="8"/>
      <c r="ONY22" s="8"/>
      <c r="ONZ22" s="8"/>
      <c r="OOA22" s="8"/>
      <c r="OOB22" s="8"/>
      <c r="OOC22" s="8"/>
      <c r="OOD22" s="8"/>
      <c r="OOE22" s="8"/>
      <c r="OOF22" s="8"/>
      <c r="OOG22" s="8"/>
      <c r="OOH22" s="8"/>
      <c r="OOI22" s="8"/>
      <c r="OOJ22" s="8"/>
      <c r="OOK22" s="8"/>
      <c r="OOL22" s="8"/>
      <c r="OOM22" s="8"/>
      <c r="OON22" s="8"/>
      <c r="OOO22" s="8"/>
      <c r="OOP22" s="8"/>
      <c r="OOQ22" s="8"/>
      <c r="OOR22" s="8"/>
      <c r="OOS22" s="8"/>
      <c r="OOT22" s="8"/>
      <c r="OOU22" s="8"/>
      <c r="OOV22" s="8"/>
      <c r="OOW22" s="8"/>
      <c r="OOX22" s="8"/>
      <c r="OOY22" s="8"/>
      <c r="OOZ22" s="8"/>
      <c r="OPA22" s="8"/>
      <c r="OPB22" s="8"/>
      <c r="OPC22" s="8"/>
      <c r="OPD22" s="8"/>
      <c r="OPE22" s="8"/>
      <c r="OPF22" s="8"/>
      <c r="OPG22" s="8"/>
      <c r="OPH22" s="8"/>
      <c r="OPI22" s="8"/>
      <c r="OPJ22" s="8"/>
      <c r="OPK22" s="8"/>
      <c r="OPL22" s="8"/>
      <c r="OPM22" s="8"/>
      <c r="OPN22" s="8"/>
      <c r="OPO22" s="8"/>
      <c r="OPP22" s="8"/>
      <c r="OPQ22" s="8"/>
      <c r="OPR22" s="8"/>
      <c r="OPS22" s="8"/>
      <c r="OPT22" s="8"/>
      <c r="OPU22" s="8"/>
      <c r="OPV22" s="8"/>
      <c r="OPW22" s="8"/>
      <c r="OPX22" s="8"/>
      <c r="OPY22" s="8"/>
      <c r="OPZ22" s="8"/>
      <c r="OQA22" s="8"/>
      <c r="OQB22" s="8"/>
      <c r="OQC22" s="8"/>
      <c r="OQD22" s="8"/>
      <c r="OQE22" s="8"/>
      <c r="OQF22" s="8"/>
      <c r="OQG22" s="8"/>
      <c r="OQH22" s="8"/>
      <c r="OQI22" s="8"/>
      <c r="OQJ22" s="8"/>
      <c r="OQK22" s="8"/>
      <c r="OQL22" s="8"/>
      <c r="OQM22" s="8"/>
      <c r="OQN22" s="8"/>
      <c r="OQO22" s="8"/>
      <c r="OQP22" s="8"/>
      <c r="OQQ22" s="8"/>
      <c r="OQR22" s="8"/>
      <c r="OQS22" s="8"/>
      <c r="OQT22" s="8"/>
      <c r="OQU22" s="8"/>
      <c r="OQV22" s="8"/>
      <c r="OQW22" s="8"/>
      <c r="OQX22" s="8"/>
      <c r="OQY22" s="8"/>
      <c r="OQZ22" s="8"/>
      <c r="ORA22" s="8"/>
      <c r="ORB22" s="8"/>
      <c r="ORC22" s="8"/>
      <c r="ORD22" s="8"/>
      <c r="ORE22" s="8"/>
      <c r="ORF22" s="8"/>
      <c r="ORG22" s="8"/>
      <c r="ORH22" s="8"/>
      <c r="ORI22" s="8"/>
      <c r="ORJ22" s="8"/>
      <c r="ORK22" s="8"/>
      <c r="ORL22" s="8"/>
      <c r="ORM22" s="8"/>
      <c r="ORN22" s="8"/>
      <c r="ORO22" s="8"/>
      <c r="ORP22" s="8"/>
      <c r="ORQ22" s="8"/>
      <c r="ORR22" s="8"/>
      <c r="ORS22" s="8"/>
      <c r="ORT22" s="8"/>
      <c r="ORU22" s="8"/>
      <c r="ORV22" s="8"/>
      <c r="ORW22" s="8"/>
      <c r="ORX22" s="8"/>
      <c r="ORY22" s="8"/>
      <c r="ORZ22" s="8"/>
      <c r="OSA22" s="8"/>
      <c r="OSB22" s="8"/>
      <c r="OSC22" s="8"/>
      <c r="OSD22" s="8"/>
      <c r="OSE22" s="8"/>
      <c r="OSF22" s="8"/>
      <c r="OSG22" s="8"/>
      <c r="OSH22" s="8"/>
      <c r="OSI22" s="8"/>
      <c r="OSJ22" s="8"/>
      <c r="OSK22" s="8"/>
      <c r="OSL22" s="8"/>
      <c r="OSM22" s="8"/>
      <c r="OSN22" s="8"/>
      <c r="OSO22" s="8"/>
      <c r="OSP22" s="8"/>
      <c r="OSQ22" s="8"/>
      <c r="OSR22" s="8"/>
      <c r="OSS22" s="8"/>
      <c r="OST22" s="8"/>
      <c r="OSU22" s="8"/>
      <c r="OSV22" s="8"/>
      <c r="OSW22" s="8"/>
      <c r="OSX22" s="8"/>
      <c r="OSY22" s="8"/>
      <c r="OSZ22" s="8"/>
      <c r="OTA22" s="8"/>
      <c r="OTB22" s="8"/>
      <c r="OTC22" s="8"/>
      <c r="OTD22" s="8"/>
      <c r="OTE22" s="8"/>
      <c r="OTF22" s="8"/>
      <c r="OTG22" s="8"/>
      <c r="OTH22" s="8"/>
      <c r="OTI22" s="8"/>
      <c r="OTJ22" s="8"/>
      <c r="OTK22" s="8"/>
      <c r="OTL22" s="8"/>
      <c r="OTM22" s="8"/>
      <c r="OTN22" s="8"/>
      <c r="OTO22" s="8"/>
      <c r="OTP22" s="8"/>
      <c r="OTQ22" s="8"/>
      <c r="OTR22" s="8"/>
      <c r="OTS22" s="8"/>
      <c r="OTT22" s="8"/>
      <c r="OTU22" s="8"/>
      <c r="OTV22" s="8"/>
      <c r="OTW22" s="8"/>
      <c r="OTX22" s="8"/>
      <c r="OTY22" s="8"/>
      <c r="OTZ22" s="8"/>
      <c r="OUA22" s="8"/>
      <c r="OUB22" s="8"/>
      <c r="OUC22" s="8"/>
      <c r="OUD22" s="8"/>
      <c r="OUE22" s="8"/>
      <c r="OUF22" s="8"/>
      <c r="OUG22" s="8"/>
      <c r="OUH22" s="8"/>
      <c r="OUI22" s="8"/>
      <c r="OUJ22" s="8"/>
      <c r="OUK22" s="8"/>
      <c r="OUL22" s="8"/>
      <c r="OUM22" s="8"/>
      <c r="OUN22" s="8"/>
      <c r="OUO22" s="8"/>
      <c r="OUP22" s="8"/>
      <c r="OUQ22" s="8"/>
      <c r="OUR22" s="8"/>
      <c r="OUS22" s="8"/>
      <c r="OUT22" s="8"/>
      <c r="OUU22" s="8"/>
      <c r="OUV22" s="8"/>
      <c r="OUW22" s="8"/>
      <c r="OUX22" s="8"/>
      <c r="OUY22" s="8"/>
      <c r="OUZ22" s="8"/>
      <c r="OVA22" s="8"/>
      <c r="OVB22" s="8"/>
      <c r="OVC22" s="8"/>
      <c r="OVD22" s="8"/>
      <c r="OVE22" s="8"/>
      <c r="OVF22" s="8"/>
      <c r="OVG22" s="8"/>
      <c r="OVH22" s="8"/>
      <c r="OVI22" s="8"/>
      <c r="OVJ22" s="8"/>
      <c r="OVK22" s="8"/>
      <c r="OVL22" s="8"/>
      <c r="OVM22" s="8"/>
      <c r="OVN22" s="8"/>
      <c r="OVO22" s="8"/>
      <c r="OVP22" s="8"/>
      <c r="OVQ22" s="8"/>
      <c r="OVR22" s="8"/>
      <c r="OVS22" s="8"/>
      <c r="OVT22" s="8"/>
      <c r="OVU22" s="8"/>
      <c r="OVV22" s="8"/>
      <c r="OVW22" s="8"/>
      <c r="OVX22" s="8"/>
      <c r="OVY22" s="8"/>
      <c r="OVZ22" s="8"/>
      <c r="OWA22" s="8"/>
      <c r="OWB22" s="8"/>
      <c r="OWC22" s="8"/>
      <c r="OWD22" s="8"/>
      <c r="OWE22" s="8"/>
      <c r="OWF22" s="8"/>
      <c r="OWG22" s="8"/>
      <c r="OWH22" s="8"/>
      <c r="OWI22" s="8"/>
      <c r="OWJ22" s="8"/>
      <c r="OWK22" s="8"/>
      <c r="OWL22" s="8"/>
      <c r="OWM22" s="8"/>
      <c r="OWN22" s="8"/>
      <c r="OWO22" s="8"/>
      <c r="OWP22" s="8"/>
      <c r="OWQ22" s="8"/>
      <c r="OWR22" s="8"/>
      <c r="OWS22" s="8"/>
      <c r="OWT22" s="8"/>
      <c r="OWU22" s="8"/>
      <c r="OWV22" s="8"/>
      <c r="OWW22" s="8"/>
      <c r="OWX22" s="8"/>
      <c r="OWY22" s="8"/>
      <c r="OWZ22" s="8"/>
      <c r="OXA22" s="8"/>
      <c r="OXB22" s="8"/>
      <c r="OXC22" s="8"/>
      <c r="OXD22" s="8"/>
      <c r="OXE22" s="8"/>
      <c r="OXF22" s="8"/>
      <c r="OXG22" s="8"/>
      <c r="OXH22" s="8"/>
      <c r="OXI22" s="8"/>
      <c r="OXJ22" s="8"/>
      <c r="OXK22" s="8"/>
      <c r="OXL22" s="8"/>
      <c r="OXM22" s="8"/>
      <c r="OXN22" s="8"/>
      <c r="OXO22" s="8"/>
      <c r="OXP22" s="8"/>
      <c r="OXQ22" s="8"/>
      <c r="OXR22" s="8"/>
      <c r="OXS22" s="8"/>
      <c r="OXT22" s="8"/>
      <c r="OXU22" s="8"/>
      <c r="OXV22" s="8"/>
      <c r="OXW22" s="8"/>
      <c r="OXX22" s="8"/>
      <c r="OXY22" s="8"/>
      <c r="OXZ22" s="8"/>
      <c r="OYA22" s="8"/>
      <c r="OYB22" s="8"/>
      <c r="OYC22" s="8"/>
      <c r="OYD22" s="8"/>
      <c r="OYE22" s="8"/>
      <c r="OYF22" s="8"/>
      <c r="OYG22" s="8"/>
      <c r="OYH22" s="8"/>
      <c r="OYI22" s="8"/>
      <c r="OYJ22" s="8"/>
      <c r="OYK22" s="8"/>
      <c r="OYL22" s="8"/>
      <c r="OYM22" s="8"/>
      <c r="OYN22" s="8"/>
      <c r="OYO22" s="8"/>
      <c r="OYP22" s="8"/>
      <c r="OYQ22" s="8"/>
      <c r="OYR22" s="8"/>
      <c r="OYS22" s="8"/>
      <c r="OYT22" s="8"/>
      <c r="OYU22" s="8"/>
      <c r="OYV22" s="8"/>
      <c r="OYW22" s="8"/>
      <c r="OYX22" s="8"/>
      <c r="OYY22" s="8"/>
      <c r="OYZ22" s="8"/>
      <c r="OZA22" s="8"/>
      <c r="OZB22" s="8"/>
      <c r="OZC22" s="8"/>
      <c r="OZD22" s="8"/>
      <c r="OZE22" s="8"/>
      <c r="OZF22" s="8"/>
      <c r="OZG22" s="8"/>
      <c r="OZH22" s="8"/>
      <c r="OZI22" s="8"/>
      <c r="OZJ22" s="8"/>
      <c r="OZK22" s="8"/>
      <c r="OZL22" s="8"/>
      <c r="OZM22" s="8"/>
      <c r="OZN22" s="8"/>
      <c r="OZO22" s="8"/>
      <c r="OZP22" s="8"/>
      <c r="OZQ22" s="8"/>
      <c r="OZR22" s="8"/>
      <c r="OZS22" s="8"/>
      <c r="OZT22" s="8"/>
      <c r="OZU22" s="8"/>
      <c r="OZV22" s="8"/>
      <c r="OZW22" s="8"/>
      <c r="OZX22" s="8"/>
      <c r="OZY22" s="8"/>
      <c r="OZZ22" s="8"/>
      <c r="PAA22" s="8"/>
      <c r="PAB22" s="8"/>
      <c r="PAC22" s="8"/>
      <c r="PAD22" s="8"/>
      <c r="PAE22" s="8"/>
      <c r="PAF22" s="8"/>
      <c r="PAG22" s="8"/>
      <c r="PAH22" s="8"/>
      <c r="PAI22" s="8"/>
      <c r="PAJ22" s="8"/>
      <c r="PAK22" s="8"/>
      <c r="PAL22" s="8"/>
      <c r="PAM22" s="8"/>
      <c r="PAN22" s="8"/>
      <c r="PAO22" s="8"/>
      <c r="PAP22" s="8"/>
      <c r="PAQ22" s="8"/>
      <c r="PAR22" s="8"/>
      <c r="PAS22" s="8"/>
      <c r="PAT22" s="8"/>
      <c r="PAU22" s="8"/>
      <c r="PAV22" s="8"/>
      <c r="PAW22" s="8"/>
      <c r="PAX22" s="8"/>
      <c r="PAY22" s="8"/>
      <c r="PAZ22" s="8"/>
      <c r="PBA22" s="8"/>
      <c r="PBB22" s="8"/>
      <c r="PBC22" s="8"/>
      <c r="PBD22" s="8"/>
      <c r="PBE22" s="8"/>
      <c r="PBF22" s="8"/>
      <c r="PBG22" s="8"/>
      <c r="PBH22" s="8"/>
      <c r="PBI22" s="8"/>
      <c r="PBJ22" s="8"/>
      <c r="PBK22" s="8"/>
      <c r="PBL22" s="8"/>
      <c r="PBM22" s="8"/>
      <c r="PBN22" s="8"/>
      <c r="PBO22" s="8"/>
      <c r="PBP22" s="8"/>
      <c r="PBQ22" s="8"/>
      <c r="PBR22" s="8"/>
      <c r="PBS22" s="8"/>
      <c r="PBT22" s="8"/>
      <c r="PBU22" s="8"/>
      <c r="PBV22" s="8"/>
      <c r="PBW22" s="8"/>
      <c r="PBX22" s="8"/>
      <c r="PBY22" s="8"/>
      <c r="PBZ22" s="8"/>
      <c r="PCA22" s="8"/>
      <c r="PCB22" s="8"/>
      <c r="PCC22" s="8"/>
      <c r="PCD22" s="8"/>
      <c r="PCE22" s="8"/>
      <c r="PCF22" s="8"/>
      <c r="PCG22" s="8"/>
      <c r="PCH22" s="8"/>
      <c r="PCI22" s="8"/>
      <c r="PCJ22" s="8"/>
      <c r="PCK22" s="8"/>
      <c r="PCL22" s="8"/>
      <c r="PCM22" s="8"/>
      <c r="PCN22" s="8"/>
      <c r="PCO22" s="8"/>
      <c r="PCP22" s="8"/>
      <c r="PCQ22" s="8"/>
      <c r="PCR22" s="8"/>
      <c r="PCS22" s="8"/>
      <c r="PCT22" s="8"/>
      <c r="PCU22" s="8"/>
      <c r="PCV22" s="8"/>
      <c r="PCW22" s="8"/>
      <c r="PCX22" s="8"/>
      <c r="PCY22" s="8"/>
      <c r="PCZ22" s="8"/>
      <c r="PDA22" s="8"/>
      <c r="PDB22" s="8"/>
      <c r="PDC22" s="8"/>
      <c r="PDD22" s="8"/>
      <c r="PDE22" s="8"/>
      <c r="PDF22" s="8"/>
      <c r="PDG22" s="8"/>
      <c r="PDH22" s="8"/>
      <c r="PDI22" s="8"/>
      <c r="PDJ22" s="8"/>
      <c r="PDK22" s="8"/>
      <c r="PDL22" s="8"/>
      <c r="PDM22" s="8"/>
      <c r="PDN22" s="8"/>
      <c r="PDO22" s="8"/>
      <c r="PDP22" s="8"/>
      <c r="PDQ22" s="8"/>
      <c r="PDR22" s="8"/>
      <c r="PDS22" s="8"/>
      <c r="PDT22" s="8"/>
      <c r="PDU22" s="8"/>
      <c r="PDV22" s="8"/>
      <c r="PDW22" s="8"/>
      <c r="PDX22" s="8"/>
      <c r="PDY22" s="8"/>
      <c r="PDZ22" s="8"/>
      <c r="PEA22" s="8"/>
      <c r="PEB22" s="8"/>
      <c r="PEC22" s="8"/>
      <c r="PED22" s="8"/>
      <c r="PEE22" s="8"/>
      <c r="PEF22" s="8"/>
      <c r="PEG22" s="8"/>
      <c r="PEH22" s="8"/>
      <c r="PEI22" s="8"/>
      <c r="PEJ22" s="8"/>
      <c r="PEK22" s="8"/>
      <c r="PEL22" s="8"/>
      <c r="PEM22" s="8"/>
      <c r="PEN22" s="8"/>
      <c r="PEO22" s="8"/>
      <c r="PEP22" s="8"/>
      <c r="PEQ22" s="8"/>
      <c r="PER22" s="8"/>
      <c r="PES22" s="8"/>
      <c r="PET22" s="8"/>
      <c r="PEU22" s="8"/>
      <c r="PEV22" s="8"/>
      <c r="PEW22" s="8"/>
      <c r="PEX22" s="8"/>
      <c r="PEY22" s="8"/>
      <c r="PEZ22" s="8"/>
      <c r="PFA22" s="8"/>
      <c r="PFB22" s="8"/>
      <c r="PFC22" s="8"/>
      <c r="PFD22" s="8"/>
      <c r="PFE22" s="8"/>
      <c r="PFF22" s="8"/>
      <c r="PFG22" s="8"/>
      <c r="PFH22" s="8"/>
      <c r="PFI22" s="8"/>
      <c r="PFJ22" s="8"/>
      <c r="PFK22" s="8"/>
      <c r="PFL22" s="8"/>
      <c r="PFM22" s="8"/>
      <c r="PFN22" s="8"/>
      <c r="PFO22" s="8"/>
      <c r="PFP22" s="8"/>
      <c r="PFQ22" s="8"/>
      <c r="PFR22" s="8"/>
      <c r="PFS22" s="8"/>
      <c r="PFT22" s="8"/>
      <c r="PFU22" s="8"/>
      <c r="PFV22" s="8"/>
      <c r="PFW22" s="8"/>
      <c r="PFX22" s="8"/>
      <c r="PFY22" s="8"/>
      <c r="PFZ22" s="8"/>
      <c r="PGA22" s="8"/>
      <c r="PGB22" s="8"/>
      <c r="PGC22" s="8"/>
      <c r="PGD22" s="8"/>
      <c r="PGE22" s="8"/>
      <c r="PGF22" s="8"/>
      <c r="PGG22" s="8"/>
      <c r="PGH22" s="8"/>
      <c r="PGI22" s="8"/>
      <c r="PGJ22" s="8"/>
      <c r="PGK22" s="8"/>
      <c r="PGL22" s="8"/>
      <c r="PGM22" s="8"/>
      <c r="PGN22" s="8"/>
      <c r="PGO22" s="8"/>
      <c r="PGP22" s="8"/>
      <c r="PGQ22" s="8"/>
      <c r="PGR22" s="8"/>
      <c r="PGS22" s="8"/>
      <c r="PGT22" s="8"/>
      <c r="PGU22" s="8"/>
      <c r="PGV22" s="8"/>
      <c r="PGW22" s="8"/>
      <c r="PGX22" s="8"/>
      <c r="PGY22" s="8"/>
      <c r="PGZ22" s="8"/>
      <c r="PHA22" s="8"/>
      <c r="PHB22" s="8"/>
      <c r="PHC22" s="8"/>
      <c r="PHD22" s="8"/>
      <c r="PHE22" s="8"/>
      <c r="PHF22" s="8"/>
      <c r="PHG22" s="8"/>
      <c r="PHH22" s="8"/>
      <c r="PHI22" s="8"/>
      <c r="PHJ22" s="8"/>
      <c r="PHK22" s="8"/>
      <c r="PHL22" s="8"/>
      <c r="PHM22" s="8"/>
      <c r="PHN22" s="8"/>
      <c r="PHO22" s="8"/>
      <c r="PHP22" s="8"/>
      <c r="PHQ22" s="8"/>
      <c r="PHR22" s="8"/>
      <c r="PHS22" s="8"/>
      <c r="PHT22" s="8"/>
      <c r="PHU22" s="8"/>
      <c r="PHV22" s="8"/>
      <c r="PHW22" s="8"/>
      <c r="PHX22" s="8"/>
      <c r="PHY22" s="8"/>
      <c r="PHZ22" s="8"/>
      <c r="PIA22" s="8"/>
      <c r="PIB22" s="8"/>
      <c r="PIC22" s="8"/>
      <c r="PID22" s="8"/>
      <c r="PIE22" s="8"/>
      <c r="PIF22" s="8"/>
      <c r="PIG22" s="8"/>
      <c r="PIH22" s="8"/>
      <c r="PII22" s="8"/>
      <c r="PIJ22" s="8"/>
      <c r="PIK22" s="8"/>
      <c r="PIL22" s="8"/>
      <c r="PIM22" s="8"/>
      <c r="PIN22" s="8"/>
      <c r="PIO22" s="8"/>
      <c r="PIP22" s="8"/>
      <c r="PIQ22" s="8"/>
      <c r="PIR22" s="8"/>
      <c r="PIS22" s="8"/>
      <c r="PIT22" s="8"/>
      <c r="PIU22" s="8"/>
      <c r="PIV22" s="8"/>
      <c r="PIW22" s="8"/>
      <c r="PIX22" s="8"/>
      <c r="PIY22" s="8"/>
      <c r="PIZ22" s="8"/>
      <c r="PJA22" s="8"/>
      <c r="PJB22" s="8"/>
      <c r="PJC22" s="8"/>
      <c r="PJD22" s="8"/>
      <c r="PJE22" s="8"/>
      <c r="PJF22" s="8"/>
      <c r="PJG22" s="8"/>
      <c r="PJH22" s="8"/>
      <c r="PJI22" s="8"/>
      <c r="PJJ22" s="8"/>
      <c r="PJK22" s="8"/>
      <c r="PJL22" s="8"/>
      <c r="PJM22" s="8"/>
      <c r="PJN22" s="8"/>
      <c r="PJO22" s="8"/>
      <c r="PJP22" s="8"/>
      <c r="PJQ22" s="8"/>
      <c r="PJR22" s="8"/>
      <c r="PJS22" s="8"/>
      <c r="PJT22" s="8"/>
      <c r="PJU22" s="8"/>
      <c r="PJV22" s="8"/>
      <c r="PJW22" s="8"/>
      <c r="PJX22" s="8"/>
      <c r="PJY22" s="8"/>
      <c r="PJZ22" s="8"/>
      <c r="PKA22" s="8"/>
      <c r="PKB22" s="8"/>
      <c r="PKC22" s="8"/>
      <c r="PKD22" s="8"/>
      <c r="PKE22" s="8"/>
      <c r="PKF22" s="8"/>
      <c r="PKG22" s="8"/>
      <c r="PKH22" s="8"/>
      <c r="PKI22" s="8"/>
      <c r="PKJ22" s="8"/>
      <c r="PKK22" s="8"/>
      <c r="PKL22" s="8"/>
      <c r="PKM22" s="8"/>
      <c r="PKN22" s="8"/>
      <c r="PKO22" s="8"/>
      <c r="PKP22" s="8"/>
      <c r="PKQ22" s="8"/>
      <c r="PKR22" s="8"/>
      <c r="PKS22" s="8"/>
      <c r="PKT22" s="8"/>
      <c r="PKU22" s="8"/>
      <c r="PKV22" s="8"/>
      <c r="PKW22" s="8"/>
      <c r="PKX22" s="8"/>
      <c r="PKY22" s="8"/>
      <c r="PKZ22" s="8"/>
      <c r="PLA22" s="8"/>
      <c r="PLB22" s="8"/>
      <c r="PLC22" s="8"/>
      <c r="PLD22" s="8"/>
      <c r="PLE22" s="8"/>
      <c r="PLF22" s="8"/>
      <c r="PLG22" s="8"/>
      <c r="PLH22" s="8"/>
      <c r="PLI22" s="8"/>
      <c r="PLJ22" s="8"/>
      <c r="PLK22" s="8"/>
      <c r="PLL22" s="8"/>
      <c r="PLM22" s="8"/>
      <c r="PLN22" s="8"/>
      <c r="PLO22" s="8"/>
      <c r="PLP22" s="8"/>
      <c r="PLQ22" s="8"/>
      <c r="PLR22" s="8"/>
      <c r="PLS22" s="8"/>
      <c r="PLT22" s="8"/>
      <c r="PLU22" s="8"/>
      <c r="PLV22" s="8"/>
      <c r="PLW22" s="8"/>
      <c r="PLX22" s="8"/>
      <c r="PLY22" s="8"/>
      <c r="PLZ22" s="8"/>
      <c r="PMA22" s="8"/>
      <c r="PMB22" s="8"/>
      <c r="PMC22" s="8"/>
      <c r="PMD22" s="8"/>
      <c r="PME22" s="8"/>
      <c r="PMF22" s="8"/>
      <c r="PMG22" s="8"/>
      <c r="PMH22" s="8"/>
      <c r="PMI22" s="8"/>
      <c r="PMJ22" s="8"/>
      <c r="PMK22" s="8"/>
      <c r="PML22" s="8"/>
      <c r="PMM22" s="8"/>
      <c r="PMN22" s="8"/>
      <c r="PMO22" s="8"/>
      <c r="PMP22" s="8"/>
      <c r="PMQ22" s="8"/>
      <c r="PMR22" s="8"/>
      <c r="PMS22" s="8"/>
      <c r="PMT22" s="8"/>
      <c r="PMU22" s="8"/>
      <c r="PMV22" s="8"/>
      <c r="PMW22" s="8"/>
      <c r="PMX22" s="8"/>
      <c r="PMY22" s="8"/>
      <c r="PMZ22" s="8"/>
      <c r="PNA22" s="8"/>
      <c r="PNB22" s="8"/>
      <c r="PNC22" s="8"/>
      <c r="PND22" s="8"/>
      <c r="PNE22" s="8"/>
      <c r="PNF22" s="8"/>
      <c r="PNG22" s="8"/>
      <c r="PNH22" s="8"/>
      <c r="PNI22" s="8"/>
      <c r="PNJ22" s="8"/>
      <c r="PNK22" s="8"/>
      <c r="PNL22" s="8"/>
      <c r="PNM22" s="8"/>
      <c r="PNN22" s="8"/>
      <c r="PNO22" s="8"/>
      <c r="PNP22" s="8"/>
      <c r="PNQ22" s="8"/>
      <c r="PNR22" s="8"/>
      <c r="PNS22" s="8"/>
      <c r="PNT22" s="8"/>
      <c r="PNU22" s="8"/>
      <c r="PNV22" s="8"/>
      <c r="PNW22" s="8"/>
      <c r="PNX22" s="8"/>
      <c r="PNY22" s="8"/>
      <c r="PNZ22" s="8"/>
      <c r="POA22" s="8"/>
      <c r="POB22" s="8"/>
      <c r="POC22" s="8"/>
      <c r="POD22" s="8"/>
      <c r="POE22" s="8"/>
      <c r="POF22" s="8"/>
      <c r="POG22" s="8"/>
      <c r="POH22" s="8"/>
      <c r="POI22" s="8"/>
      <c r="POJ22" s="8"/>
      <c r="POK22" s="8"/>
      <c r="POL22" s="8"/>
      <c r="POM22" s="8"/>
      <c r="PON22" s="8"/>
      <c r="POO22" s="8"/>
      <c r="POP22" s="8"/>
      <c r="POQ22" s="8"/>
      <c r="POR22" s="8"/>
      <c r="POS22" s="8"/>
      <c r="POT22" s="8"/>
      <c r="POU22" s="8"/>
      <c r="POV22" s="8"/>
      <c r="POW22" s="8"/>
      <c r="POX22" s="8"/>
      <c r="POY22" s="8"/>
      <c r="POZ22" s="8"/>
      <c r="PPA22" s="8"/>
      <c r="PPB22" s="8"/>
      <c r="PPC22" s="8"/>
      <c r="PPD22" s="8"/>
      <c r="PPE22" s="8"/>
      <c r="PPF22" s="8"/>
      <c r="PPG22" s="8"/>
      <c r="PPH22" s="8"/>
      <c r="PPI22" s="8"/>
      <c r="PPJ22" s="8"/>
      <c r="PPK22" s="8"/>
      <c r="PPL22" s="8"/>
      <c r="PPM22" s="8"/>
      <c r="PPN22" s="8"/>
      <c r="PPO22" s="8"/>
      <c r="PPP22" s="8"/>
      <c r="PPQ22" s="8"/>
      <c r="PPR22" s="8"/>
      <c r="PPS22" s="8"/>
      <c r="PPT22" s="8"/>
      <c r="PPU22" s="8"/>
      <c r="PPV22" s="8"/>
      <c r="PPW22" s="8"/>
      <c r="PPX22" s="8"/>
      <c r="PPY22" s="8"/>
      <c r="PPZ22" s="8"/>
      <c r="PQA22" s="8"/>
      <c r="PQB22" s="8"/>
      <c r="PQC22" s="8"/>
      <c r="PQD22" s="8"/>
      <c r="PQE22" s="8"/>
      <c r="PQF22" s="8"/>
      <c r="PQG22" s="8"/>
      <c r="PQH22" s="8"/>
      <c r="PQI22" s="8"/>
      <c r="PQJ22" s="8"/>
      <c r="PQK22" s="8"/>
      <c r="PQL22" s="8"/>
      <c r="PQM22" s="8"/>
      <c r="PQN22" s="8"/>
      <c r="PQO22" s="8"/>
      <c r="PQP22" s="8"/>
      <c r="PQQ22" s="8"/>
      <c r="PQR22" s="8"/>
      <c r="PQS22" s="8"/>
      <c r="PQT22" s="8"/>
      <c r="PQU22" s="8"/>
      <c r="PQV22" s="8"/>
      <c r="PQW22" s="8"/>
      <c r="PQX22" s="8"/>
      <c r="PQY22" s="8"/>
      <c r="PQZ22" s="8"/>
      <c r="PRA22" s="8"/>
      <c r="PRB22" s="8"/>
      <c r="PRC22" s="8"/>
      <c r="PRD22" s="8"/>
      <c r="PRE22" s="8"/>
      <c r="PRF22" s="8"/>
      <c r="PRG22" s="8"/>
      <c r="PRH22" s="8"/>
      <c r="PRI22" s="8"/>
      <c r="PRJ22" s="8"/>
      <c r="PRK22" s="8"/>
      <c r="PRL22" s="8"/>
      <c r="PRM22" s="8"/>
      <c r="PRN22" s="8"/>
      <c r="PRO22" s="8"/>
      <c r="PRP22" s="8"/>
      <c r="PRQ22" s="8"/>
      <c r="PRR22" s="8"/>
      <c r="PRS22" s="8"/>
      <c r="PRT22" s="8"/>
      <c r="PRU22" s="8"/>
      <c r="PRV22" s="8"/>
      <c r="PRW22" s="8"/>
      <c r="PRX22" s="8"/>
      <c r="PRY22" s="8"/>
      <c r="PRZ22" s="8"/>
      <c r="PSA22" s="8"/>
      <c r="PSB22" s="8"/>
      <c r="PSC22" s="8"/>
      <c r="PSD22" s="8"/>
      <c r="PSE22" s="8"/>
      <c r="PSF22" s="8"/>
      <c r="PSG22" s="8"/>
      <c r="PSH22" s="8"/>
      <c r="PSI22" s="8"/>
      <c r="PSJ22" s="8"/>
      <c r="PSK22" s="8"/>
      <c r="PSL22" s="8"/>
      <c r="PSM22" s="8"/>
      <c r="PSN22" s="8"/>
      <c r="PSO22" s="8"/>
      <c r="PSP22" s="8"/>
      <c r="PSQ22" s="8"/>
      <c r="PSR22" s="8"/>
      <c r="PSS22" s="8"/>
      <c r="PST22" s="8"/>
      <c r="PSU22" s="8"/>
      <c r="PSV22" s="8"/>
      <c r="PSW22" s="8"/>
      <c r="PSX22" s="8"/>
      <c r="PSY22" s="8"/>
      <c r="PSZ22" s="8"/>
      <c r="PTA22" s="8"/>
      <c r="PTB22" s="8"/>
      <c r="PTC22" s="8"/>
      <c r="PTD22" s="8"/>
      <c r="PTE22" s="8"/>
      <c r="PTF22" s="8"/>
      <c r="PTG22" s="8"/>
      <c r="PTH22" s="8"/>
      <c r="PTI22" s="8"/>
      <c r="PTJ22" s="8"/>
      <c r="PTK22" s="8"/>
      <c r="PTL22" s="8"/>
      <c r="PTM22" s="8"/>
      <c r="PTN22" s="8"/>
      <c r="PTO22" s="8"/>
      <c r="PTP22" s="8"/>
      <c r="PTQ22" s="8"/>
      <c r="PTR22" s="8"/>
      <c r="PTS22" s="8"/>
      <c r="PTT22" s="8"/>
      <c r="PTU22" s="8"/>
      <c r="PTV22" s="8"/>
      <c r="PTW22" s="8"/>
      <c r="PTX22" s="8"/>
      <c r="PTY22" s="8"/>
      <c r="PTZ22" s="8"/>
      <c r="PUA22" s="8"/>
      <c r="PUB22" s="8"/>
      <c r="PUC22" s="8"/>
      <c r="PUD22" s="8"/>
      <c r="PUE22" s="8"/>
      <c r="PUF22" s="8"/>
      <c r="PUG22" s="8"/>
      <c r="PUH22" s="8"/>
      <c r="PUI22" s="8"/>
      <c r="PUJ22" s="8"/>
      <c r="PUK22" s="8"/>
      <c r="PUL22" s="8"/>
      <c r="PUM22" s="8"/>
      <c r="PUN22" s="8"/>
      <c r="PUO22" s="8"/>
      <c r="PUP22" s="8"/>
      <c r="PUQ22" s="8"/>
      <c r="PUR22" s="8"/>
      <c r="PUS22" s="8"/>
      <c r="PUT22" s="8"/>
      <c r="PUU22" s="8"/>
      <c r="PUV22" s="8"/>
      <c r="PUW22" s="8"/>
      <c r="PUX22" s="8"/>
      <c r="PUY22" s="8"/>
      <c r="PUZ22" s="8"/>
      <c r="PVA22" s="8"/>
      <c r="PVB22" s="8"/>
      <c r="PVC22" s="8"/>
      <c r="PVD22" s="8"/>
      <c r="PVE22" s="8"/>
      <c r="PVF22" s="8"/>
      <c r="PVG22" s="8"/>
      <c r="PVH22" s="8"/>
      <c r="PVI22" s="8"/>
      <c r="PVJ22" s="8"/>
      <c r="PVK22" s="8"/>
      <c r="PVL22" s="8"/>
      <c r="PVM22" s="8"/>
      <c r="PVN22" s="8"/>
      <c r="PVO22" s="8"/>
      <c r="PVP22" s="8"/>
      <c r="PVQ22" s="8"/>
      <c r="PVR22" s="8"/>
      <c r="PVS22" s="8"/>
      <c r="PVT22" s="8"/>
      <c r="PVU22" s="8"/>
      <c r="PVV22" s="8"/>
      <c r="PVW22" s="8"/>
      <c r="PVX22" s="8"/>
      <c r="PVY22" s="8"/>
      <c r="PVZ22" s="8"/>
      <c r="PWA22" s="8"/>
      <c r="PWB22" s="8"/>
      <c r="PWC22" s="8"/>
      <c r="PWD22" s="8"/>
      <c r="PWE22" s="8"/>
      <c r="PWF22" s="8"/>
      <c r="PWG22" s="8"/>
      <c r="PWH22" s="8"/>
      <c r="PWI22" s="8"/>
      <c r="PWJ22" s="8"/>
      <c r="PWK22" s="8"/>
      <c r="PWL22" s="8"/>
      <c r="PWM22" s="8"/>
      <c r="PWN22" s="8"/>
      <c r="PWO22" s="8"/>
      <c r="PWP22" s="8"/>
      <c r="PWQ22" s="8"/>
      <c r="PWR22" s="8"/>
      <c r="PWS22" s="8"/>
      <c r="PWT22" s="8"/>
      <c r="PWU22" s="8"/>
      <c r="PWV22" s="8"/>
      <c r="PWW22" s="8"/>
      <c r="PWX22" s="8"/>
      <c r="PWY22" s="8"/>
      <c r="PWZ22" s="8"/>
      <c r="PXA22" s="8"/>
      <c r="PXB22" s="8"/>
      <c r="PXC22" s="8"/>
      <c r="PXD22" s="8"/>
      <c r="PXE22" s="8"/>
      <c r="PXF22" s="8"/>
      <c r="PXG22" s="8"/>
      <c r="PXH22" s="8"/>
      <c r="PXI22" s="8"/>
      <c r="PXJ22" s="8"/>
      <c r="PXK22" s="8"/>
      <c r="PXL22" s="8"/>
      <c r="PXM22" s="8"/>
      <c r="PXN22" s="8"/>
      <c r="PXO22" s="8"/>
      <c r="PXP22" s="8"/>
      <c r="PXQ22" s="8"/>
      <c r="PXR22" s="8"/>
      <c r="PXS22" s="8"/>
      <c r="PXT22" s="8"/>
      <c r="PXU22" s="8"/>
      <c r="PXV22" s="8"/>
      <c r="PXW22" s="8"/>
      <c r="PXX22" s="8"/>
      <c r="PXY22" s="8"/>
      <c r="PXZ22" s="8"/>
      <c r="PYA22" s="8"/>
      <c r="PYB22" s="8"/>
      <c r="PYC22" s="8"/>
      <c r="PYD22" s="8"/>
      <c r="PYE22" s="8"/>
      <c r="PYF22" s="8"/>
      <c r="PYG22" s="8"/>
      <c r="PYH22" s="8"/>
      <c r="PYI22" s="8"/>
      <c r="PYJ22" s="8"/>
      <c r="PYK22" s="8"/>
      <c r="PYL22" s="8"/>
      <c r="PYM22" s="8"/>
      <c r="PYN22" s="8"/>
      <c r="PYO22" s="8"/>
      <c r="PYP22" s="8"/>
      <c r="PYQ22" s="8"/>
      <c r="PYR22" s="8"/>
      <c r="PYS22" s="8"/>
      <c r="PYT22" s="8"/>
      <c r="PYU22" s="8"/>
      <c r="PYV22" s="8"/>
      <c r="PYW22" s="8"/>
      <c r="PYX22" s="8"/>
      <c r="PYY22" s="8"/>
      <c r="PYZ22" s="8"/>
      <c r="PZA22" s="8"/>
      <c r="PZB22" s="8"/>
      <c r="PZC22" s="8"/>
      <c r="PZD22" s="8"/>
      <c r="PZE22" s="8"/>
      <c r="PZF22" s="8"/>
      <c r="PZG22" s="8"/>
      <c r="PZH22" s="8"/>
      <c r="PZI22" s="8"/>
      <c r="PZJ22" s="8"/>
      <c r="PZK22" s="8"/>
      <c r="PZL22" s="8"/>
      <c r="PZM22" s="8"/>
      <c r="PZN22" s="8"/>
      <c r="PZO22" s="8"/>
      <c r="PZP22" s="8"/>
      <c r="PZQ22" s="8"/>
      <c r="PZR22" s="8"/>
      <c r="PZS22" s="8"/>
      <c r="PZT22" s="8"/>
      <c r="PZU22" s="8"/>
      <c r="PZV22" s="8"/>
      <c r="PZW22" s="8"/>
      <c r="PZX22" s="8"/>
      <c r="PZY22" s="8"/>
      <c r="PZZ22" s="8"/>
      <c r="QAA22" s="8"/>
      <c r="QAB22" s="8"/>
      <c r="QAC22" s="8"/>
      <c r="QAD22" s="8"/>
      <c r="QAE22" s="8"/>
      <c r="QAF22" s="8"/>
      <c r="QAG22" s="8"/>
      <c r="QAH22" s="8"/>
      <c r="QAI22" s="8"/>
      <c r="QAJ22" s="8"/>
      <c r="QAK22" s="8"/>
      <c r="QAL22" s="8"/>
      <c r="QAM22" s="8"/>
      <c r="QAN22" s="8"/>
      <c r="QAO22" s="8"/>
      <c r="QAP22" s="8"/>
      <c r="QAQ22" s="8"/>
      <c r="QAR22" s="8"/>
      <c r="QAS22" s="8"/>
      <c r="QAT22" s="8"/>
      <c r="QAU22" s="8"/>
      <c r="QAV22" s="8"/>
      <c r="QAW22" s="8"/>
      <c r="QAX22" s="8"/>
      <c r="QAY22" s="8"/>
      <c r="QAZ22" s="8"/>
      <c r="QBA22" s="8"/>
      <c r="QBB22" s="8"/>
      <c r="QBC22" s="8"/>
      <c r="QBD22" s="8"/>
      <c r="QBE22" s="8"/>
      <c r="QBF22" s="8"/>
      <c r="QBG22" s="8"/>
      <c r="QBH22" s="8"/>
      <c r="QBI22" s="8"/>
      <c r="QBJ22" s="8"/>
      <c r="QBK22" s="8"/>
      <c r="QBL22" s="8"/>
      <c r="QBM22" s="8"/>
      <c r="QBN22" s="8"/>
      <c r="QBO22" s="8"/>
      <c r="QBP22" s="8"/>
      <c r="QBQ22" s="8"/>
      <c r="QBR22" s="8"/>
      <c r="QBS22" s="8"/>
      <c r="QBT22" s="8"/>
      <c r="QBU22" s="8"/>
      <c r="QBV22" s="8"/>
      <c r="QBW22" s="8"/>
      <c r="QBX22" s="8"/>
      <c r="QBY22" s="8"/>
      <c r="QBZ22" s="8"/>
      <c r="QCA22" s="8"/>
      <c r="QCB22" s="8"/>
      <c r="QCC22" s="8"/>
      <c r="QCD22" s="8"/>
      <c r="QCE22" s="8"/>
      <c r="QCF22" s="8"/>
      <c r="QCG22" s="8"/>
      <c r="QCH22" s="8"/>
      <c r="QCI22" s="8"/>
      <c r="QCJ22" s="8"/>
      <c r="QCK22" s="8"/>
      <c r="QCL22" s="8"/>
      <c r="QCM22" s="8"/>
      <c r="QCN22" s="8"/>
      <c r="QCO22" s="8"/>
      <c r="QCP22" s="8"/>
      <c r="QCQ22" s="8"/>
      <c r="QCR22" s="8"/>
      <c r="QCS22" s="8"/>
      <c r="QCT22" s="8"/>
      <c r="QCU22" s="8"/>
      <c r="QCV22" s="8"/>
      <c r="QCW22" s="8"/>
      <c r="QCX22" s="8"/>
      <c r="QCY22" s="8"/>
      <c r="QCZ22" s="8"/>
      <c r="QDA22" s="8"/>
      <c r="QDB22" s="8"/>
      <c r="QDC22" s="8"/>
      <c r="QDD22" s="8"/>
      <c r="QDE22" s="8"/>
      <c r="QDF22" s="8"/>
      <c r="QDG22" s="8"/>
      <c r="QDH22" s="8"/>
      <c r="QDI22" s="8"/>
      <c r="QDJ22" s="8"/>
      <c r="QDK22" s="8"/>
      <c r="QDL22" s="8"/>
      <c r="QDM22" s="8"/>
      <c r="QDN22" s="8"/>
      <c r="QDO22" s="8"/>
      <c r="QDP22" s="8"/>
      <c r="QDQ22" s="8"/>
      <c r="QDR22" s="8"/>
      <c r="QDS22" s="8"/>
      <c r="QDT22" s="8"/>
      <c r="QDU22" s="8"/>
      <c r="QDV22" s="8"/>
      <c r="QDW22" s="8"/>
      <c r="QDX22" s="8"/>
      <c r="QDY22" s="8"/>
      <c r="QDZ22" s="8"/>
      <c r="QEA22" s="8"/>
      <c r="QEB22" s="8"/>
      <c r="QEC22" s="8"/>
      <c r="QED22" s="8"/>
      <c r="QEE22" s="8"/>
      <c r="QEF22" s="8"/>
      <c r="QEG22" s="8"/>
      <c r="QEH22" s="8"/>
      <c r="QEI22" s="8"/>
      <c r="QEJ22" s="8"/>
      <c r="QEK22" s="8"/>
      <c r="QEL22" s="8"/>
      <c r="QEM22" s="8"/>
      <c r="QEN22" s="8"/>
      <c r="QEO22" s="8"/>
      <c r="QEP22" s="8"/>
      <c r="QEQ22" s="8"/>
      <c r="QER22" s="8"/>
      <c r="QES22" s="8"/>
      <c r="QET22" s="8"/>
      <c r="QEU22" s="8"/>
      <c r="QEV22" s="8"/>
      <c r="QEW22" s="8"/>
      <c r="QEX22" s="8"/>
      <c r="QEY22" s="8"/>
      <c r="QEZ22" s="8"/>
      <c r="QFA22" s="8"/>
      <c r="QFB22" s="8"/>
      <c r="QFC22" s="8"/>
      <c r="QFD22" s="8"/>
      <c r="QFE22" s="8"/>
      <c r="QFF22" s="8"/>
      <c r="QFG22" s="8"/>
      <c r="QFH22" s="8"/>
      <c r="QFI22" s="8"/>
      <c r="QFJ22" s="8"/>
      <c r="QFK22" s="8"/>
      <c r="QFL22" s="8"/>
      <c r="QFM22" s="8"/>
      <c r="QFN22" s="8"/>
      <c r="QFO22" s="8"/>
      <c r="QFP22" s="8"/>
      <c r="QFQ22" s="8"/>
      <c r="QFR22" s="8"/>
      <c r="QFS22" s="8"/>
      <c r="QFT22" s="8"/>
      <c r="QFU22" s="8"/>
      <c r="QFV22" s="8"/>
      <c r="QFW22" s="8"/>
      <c r="QFX22" s="8"/>
      <c r="QFY22" s="8"/>
      <c r="QFZ22" s="8"/>
      <c r="QGA22" s="8"/>
      <c r="QGB22" s="8"/>
      <c r="QGC22" s="8"/>
      <c r="QGD22" s="8"/>
      <c r="QGE22" s="8"/>
      <c r="QGF22" s="8"/>
      <c r="QGG22" s="8"/>
      <c r="QGH22" s="8"/>
      <c r="QGI22" s="8"/>
      <c r="QGJ22" s="8"/>
      <c r="QGK22" s="8"/>
      <c r="QGL22" s="8"/>
      <c r="QGM22" s="8"/>
      <c r="QGN22" s="8"/>
      <c r="QGO22" s="8"/>
      <c r="QGP22" s="8"/>
      <c r="QGQ22" s="8"/>
      <c r="QGR22" s="8"/>
      <c r="QGS22" s="8"/>
      <c r="QGT22" s="8"/>
      <c r="QGU22" s="8"/>
      <c r="QGV22" s="8"/>
      <c r="QGW22" s="8"/>
      <c r="QGX22" s="8"/>
      <c r="QGY22" s="8"/>
      <c r="QGZ22" s="8"/>
      <c r="QHA22" s="8"/>
      <c r="QHB22" s="8"/>
      <c r="QHC22" s="8"/>
      <c r="QHD22" s="8"/>
      <c r="QHE22" s="8"/>
      <c r="QHF22" s="8"/>
      <c r="QHG22" s="8"/>
      <c r="QHH22" s="8"/>
      <c r="QHI22" s="8"/>
      <c r="QHJ22" s="8"/>
      <c r="QHK22" s="8"/>
      <c r="QHL22" s="8"/>
      <c r="QHM22" s="8"/>
      <c r="QHN22" s="8"/>
      <c r="QHO22" s="8"/>
      <c r="QHP22" s="8"/>
      <c r="QHQ22" s="8"/>
      <c r="QHR22" s="8"/>
      <c r="QHS22" s="8"/>
      <c r="QHT22" s="8"/>
      <c r="QHU22" s="8"/>
      <c r="QHV22" s="8"/>
      <c r="QHW22" s="8"/>
      <c r="QHX22" s="8"/>
      <c r="QHY22" s="8"/>
      <c r="QHZ22" s="8"/>
      <c r="QIA22" s="8"/>
      <c r="QIB22" s="8"/>
      <c r="QIC22" s="8"/>
      <c r="QID22" s="8"/>
      <c r="QIE22" s="8"/>
      <c r="QIF22" s="8"/>
      <c r="QIG22" s="8"/>
      <c r="QIH22" s="8"/>
      <c r="QII22" s="8"/>
      <c r="QIJ22" s="8"/>
      <c r="QIK22" s="8"/>
      <c r="QIL22" s="8"/>
      <c r="QIM22" s="8"/>
      <c r="QIN22" s="8"/>
      <c r="QIO22" s="8"/>
      <c r="QIP22" s="8"/>
      <c r="QIQ22" s="8"/>
      <c r="QIR22" s="8"/>
      <c r="QIS22" s="8"/>
      <c r="QIT22" s="8"/>
      <c r="QIU22" s="8"/>
      <c r="QIV22" s="8"/>
      <c r="QIW22" s="8"/>
      <c r="QIX22" s="8"/>
      <c r="QIY22" s="8"/>
      <c r="QIZ22" s="8"/>
      <c r="QJA22" s="8"/>
      <c r="QJB22" s="8"/>
      <c r="QJC22" s="8"/>
      <c r="QJD22" s="8"/>
      <c r="QJE22" s="8"/>
      <c r="QJF22" s="8"/>
      <c r="QJG22" s="8"/>
      <c r="QJH22" s="8"/>
      <c r="QJI22" s="8"/>
      <c r="QJJ22" s="8"/>
      <c r="QJK22" s="8"/>
      <c r="QJL22" s="8"/>
      <c r="QJM22" s="8"/>
      <c r="QJN22" s="8"/>
      <c r="QJO22" s="8"/>
      <c r="QJP22" s="8"/>
      <c r="QJQ22" s="8"/>
      <c r="QJR22" s="8"/>
      <c r="QJS22" s="8"/>
      <c r="QJT22" s="8"/>
      <c r="QJU22" s="8"/>
      <c r="QJV22" s="8"/>
      <c r="QJW22" s="8"/>
      <c r="QJX22" s="8"/>
      <c r="QJY22" s="8"/>
      <c r="QJZ22" s="8"/>
      <c r="QKA22" s="8"/>
      <c r="QKB22" s="8"/>
      <c r="QKC22" s="8"/>
      <c r="QKD22" s="8"/>
      <c r="QKE22" s="8"/>
      <c r="QKF22" s="8"/>
      <c r="QKG22" s="8"/>
      <c r="QKH22" s="8"/>
      <c r="QKI22" s="8"/>
      <c r="QKJ22" s="8"/>
      <c r="QKK22" s="8"/>
      <c r="QKL22" s="8"/>
      <c r="QKM22" s="8"/>
      <c r="QKN22" s="8"/>
      <c r="QKO22" s="8"/>
      <c r="QKP22" s="8"/>
      <c r="QKQ22" s="8"/>
      <c r="QKR22" s="8"/>
      <c r="QKS22" s="8"/>
      <c r="QKT22" s="8"/>
      <c r="QKU22" s="8"/>
      <c r="QKV22" s="8"/>
      <c r="QKW22" s="8"/>
      <c r="QKX22" s="8"/>
      <c r="QKY22" s="8"/>
      <c r="QKZ22" s="8"/>
      <c r="QLA22" s="8"/>
      <c r="QLB22" s="8"/>
      <c r="QLC22" s="8"/>
      <c r="QLD22" s="8"/>
      <c r="QLE22" s="8"/>
      <c r="QLF22" s="8"/>
      <c r="QLG22" s="8"/>
      <c r="QLH22" s="8"/>
      <c r="QLI22" s="8"/>
      <c r="QLJ22" s="8"/>
      <c r="QLK22" s="8"/>
      <c r="QLL22" s="8"/>
      <c r="QLM22" s="8"/>
      <c r="QLN22" s="8"/>
      <c r="QLO22" s="8"/>
      <c r="QLP22" s="8"/>
      <c r="QLQ22" s="8"/>
      <c r="QLR22" s="8"/>
      <c r="QLS22" s="8"/>
      <c r="QLT22" s="8"/>
      <c r="QLU22" s="8"/>
      <c r="QLV22" s="8"/>
      <c r="QLW22" s="8"/>
      <c r="QLX22" s="8"/>
      <c r="QLY22" s="8"/>
      <c r="QLZ22" s="8"/>
      <c r="QMA22" s="8"/>
      <c r="QMB22" s="8"/>
      <c r="QMC22" s="8"/>
      <c r="QMD22" s="8"/>
      <c r="QME22" s="8"/>
      <c r="QMF22" s="8"/>
      <c r="QMG22" s="8"/>
      <c r="QMH22" s="8"/>
      <c r="QMI22" s="8"/>
      <c r="QMJ22" s="8"/>
      <c r="QMK22" s="8"/>
      <c r="QML22" s="8"/>
      <c r="QMM22" s="8"/>
      <c r="QMN22" s="8"/>
      <c r="QMO22" s="8"/>
      <c r="QMP22" s="8"/>
      <c r="QMQ22" s="8"/>
      <c r="QMR22" s="8"/>
      <c r="QMS22" s="8"/>
      <c r="QMT22" s="8"/>
      <c r="QMU22" s="8"/>
      <c r="QMV22" s="8"/>
      <c r="QMW22" s="8"/>
      <c r="QMX22" s="8"/>
      <c r="QMY22" s="8"/>
      <c r="QMZ22" s="8"/>
      <c r="QNA22" s="8"/>
      <c r="QNB22" s="8"/>
      <c r="QNC22" s="8"/>
      <c r="QND22" s="8"/>
      <c r="QNE22" s="8"/>
      <c r="QNF22" s="8"/>
      <c r="QNG22" s="8"/>
      <c r="QNH22" s="8"/>
      <c r="QNI22" s="8"/>
      <c r="QNJ22" s="8"/>
      <c r="QNK22" s="8"/>
      <c r="QNL22" s="8"/>
      <c r="QNM22" s="8"/>
      <c r="QNN22" s="8"/>
      <c r="QNO22" s="8"/>
      <c r="QNP22" s="8"/>
      <c r="QNQ22" s="8"/>
      <c r="QNR22" s="8"/>
      <c r="QNS22" s="8"/>
      <c r="QNT22" s="8"/>
      <c r="QNU22" s="8"/>
      <c r="QNV22" s="8"/>
      <c r="QNW22" s="8"/>
      <c r="QNX22" s="8"/>
      <c r="QNY22" s="8"/>
      <c r="QNZ22" s="8"/>
      <c r="QOA22" s="8"/>
      <c r="QOB22" s="8"/>
      <c r="QOC22" s="8"/>
      <c r="QOD22" s="8"/>
      <c r="QOE22" s="8"/>
      <c r="QOF22" s="8"/>
      <c r="QOG22" s="8"/>
      <c r="QOH22" s="8"/>
      <c r="QOI22" s="8"/>
      <c r="QOJ22" s="8"/>
      <c r="QOK22" s="8"/>
      <c r="QOL22" s="8"/>
      <c r="QOM22" s="8"/>
      <c r="QON22" s="8"/>
      <c r="QOO22" s="8"/>
      <c r="QOP22" s="8"/>
      <c r="QOQ22" s="8"/>
      <c r="QOR22" s="8"/>
      <c r="QOS22" s="8"/>
      <c r="QOT22" s="8"/>
      <c r="QOU22" s="8"/>
      <c r="QOV22" s="8"/>
      <c r="QOW22" s="8"/>
      <c r="QOX22" s="8"/>
      <c r="QOY22" s="8"/>
      <c r="QOZ22" s="8"/>
      <c r="QPA22" s="8"/>
      <c r="QPB22" s="8"/>
      <c r="QPC22" s="8"/>
      <c r="QPD22" s="8"/>
      <c r="QPE22" s="8"/>
      <c r="QPF22" s="8"/>
      <c r="QPG22" s="8"/>
      <c r="QPH22" s="8"/>
      <c r="QPI22" s="8"/>
      <c r="QPJ22" s="8"/>
      <c r="QPK22" s="8"/>
      <c r="QPL22" s="8"/>
      <c r="QPM22" s="8"/>
      <c r="QPN22" s="8"/>
      <c r="QPO22" s="8"/>
      <c r="QPP22" s="8"/>
      <c r="QPQ22" s="8"/>
      <c r="QPR22" s="8"/>
      <c r="QPS22" s="8"/>
      <c r="QPT22" s="8"/>
      <c r="QPU22" s="8"/>
      <c r="QPV22" s="8"/>
      <c r="QPW22" s="8"/>
      <c r="QPX22" s="8"/>
      <c r="QPY22" s="8"/>
      <c r="QPZ22" s="8"/>
      <c r="QQA22" s="8"/>
      <c r="QQB22" s="8"/>
      <c r="QQC22" s="8"/>
      <c r="QQD22" s="8"/>
      <c r="QQE22" s="8"/>
      <c r="QQF22" s="8"/>
      <c r="QQG22" s="8"/>
      <c r="QQH22" s="8"/>
      <c r="QQI22" s="8"/>
      <c r="QQJ22" s="8"/>
      <c r="QQK22" s="8"/>
      <c r="QQL22" s="8"/>
      <c r="QQM22" s="8"/>
      <c r="QQN22" s="8"/>
      <c r="QQO22" s="8"/>
      <c r="QQP22" s="8"/>
      <c r="QQQ22" s="8"/>
      <c r="QQR22" s="8"/>
      <c r="QQS22" s="8"/>
      <c r="QQT22" s="8"/>
      <c r="QQU22" s="8"/>
      <c r="QQV22" s="8"/>
      <c r="QQW22" s="8"/>
      <c r="QQX22" s="8"/>
      <c r="QQY22" s="8"/>
      <c r="QQZ22" s="8"/>
      <c r="QRA22" s="8"/>
      <c r="QRB22" s="8"/>
      <c r="QRC22" s="8"/>
      <c r="QRD22" s="8"/>
      <c r="QRE22" s="8"/>
      <c r="QRF22" s="8"/>
      <c r="QRG22" s="8"/>
      <c r="QRH22" s="8"/>
      <c r="QRI22" s="8"/>
      <c r="QRJ22" s="8"/>
      <c r="QRK22" s="8"/>
      <c r="QRL22" s="8"/>
      <c r="QRM22" s="8"/>
      <c r="QRN22" s="8"/>
      <c r="QRO22" s="8"/>
      <c r="QRP22" s="8"/>
      <c r="QRQ22" s="8"/>
      <c r="QRR22" s="8"/>
      <c r="QRS22" s="8"/>
      <c r="QRT22" s="8"/>
      <c r="QRU22" s="8"/>
      <c r="QRV22" s="8"/>
      <c r="QRW22" s="8"/>
      <c r="QRX22" s="8"/>
      <c r="QRY22" s="8"/>
      <c r="QRZ22" s="8"/>
      <c r="QSA22" s="8"/>
      <c r="QSB22" s="8"/>
      <c r="QSC22" s="8"/>
      <c r="QSD22" s="8"/>
      <c r="QSE22" s="8"/>
      <c r="QSF22" s="8"/>
      <c r="QSG22" s="8"/>
      <c r="QSH22" s="8"/>
      <c r="QSI22" s="8"/>
      <c r="QSJ22" s="8"/>
      <c r="QSK22" s="8"/>
      <c r="QSL22" s="8"/>
      <c r="QSM22" s="8"/>
      <c r="QSN22" s="8"/>
      <c r="QSO22" s="8"/>
      <c r="QSP22" s="8"/>
      <c r="QSQ22" s="8"/>
      <c r="QSR22" s="8"/>
      <c r="QSS22" s="8"/>
      <c r="QST22" s="8"/>
      <c r="QSU22" s="8"/>
      <c r="QSV22" s="8"/>
      <c r="QSW22" s="8"/>
      <c r="QSX22" s="8"/>
      <c r="QSY22" s="8"/>
      <c r="QSZ22" s="8"/>
      <c r="QTA22" s="8"/>
      <c r="QTB22" s="8"/>
      <c r="QTC22" s="8"/>
      <c r="QTD22" s="8"/>
      <c r="QTE22" s="8"/>
      <c r="QTF22" s="8"/>
      <c r="QTG22" s="8"/>
      <c r="QTH22" s="8"/>
      <c r="QTI22" s="8"/>
      <c r="QTJ22" s="8"/>
      <c r="QTK22" s="8"/>
      <c r="QTL22" s="8"/>
      <c r="QTM22" s="8"/>
      <c r="QTN22" s="8"/>
      <c r="QTO22" s="8"/>
      <c r="QTP22" s="8"/>
      <c r="QTQ22" s="8"/>
      <c r="QTR22" s="8"/>
      <c r="QTS22" s="8"/>
      <c r="QTT22" s="8"/>
      <c r="QTU22" s="8"/>
      <c r="QTV22" s="8"/>
      <c r="QTW22" s="8"/>
      <c r="QTX22" s="8"/>
      <c r="QTY22" s="8"/>
      <c r="QTZ22" s="8"/>
      <c r="QUA22" s="8"/>
      <c r="QUB22" s="8"/>
      <c r="QUC22" s="8"/>
      <c r="QUD22" s="8"/>
      <c r="QUE22" s="8"/>
      <c r="QUF22" s="8"/>
      <c r="QUG22" s="8"/>
      <c r="QUH22" s="8"/>
      <c r="QUI22" s="8"/>
      <c r="QUJ22" s="8"/>
      <c r="QUK22" s="8"/>
      <c r="QUL22" s="8"/>
      <c r="QUM22" s="8"/>
      <c r="QUN22" s="8"/>
      <c r="QUO22" s="8"/>
      <c r="QUP22" s="8"/>
      <c r="QUQ22" s="8"/>
      <c r="QUR22" s="8"/>
      <c r="QUS22" s="8"/>
      <c r="QUT22" s="8"/>
      <c r="QUU22" s="8"/>
      <c r="QUV22" s="8"/>
      <c r="QUW22" s="8"/>
      <c r="QUX22" s="8"/>
      <c r="QUY22" s="8"/>
      <c r="QUZ22" s="8"/>
      <c r="QVA22" s="8"/>
      <c r="QVB22" s="8"/>
      <c r="QVC22" s="8"/>
      <c r="QVD22" s="8"/>
      <c r="QVE22" s="8"/>
      <c r="QVF22" s="8"/>
      <c r="QVG22" s="8"/>
      <c r="QVH22" s="8"/>
      <c r="QVI22" s="8"/>
      <c r="QVJ22" s="8"/>
      <c r="QVK22" s="8"/>
      <c r="QVL22" s="8"/>
      <c r="QVM22" s="8"/>
      <c r="QVN22" s="8"/>
      <c r="QVO22" s="8"/>
      <c r="QVP22" s="8"/>
      <c r="QVQ22" s="8"/>
      <c r="QVR22" s="8"/>
      <c r="QVS22" s="8"/>
      <c r="QVT22" s="8"/>
      <c r="QVU22" s="8"/>
      <c r="QVV22" s="8"/>
      <c r="QVW22" s="8"/>
      <c r="QVX22" s="8"/>
      <c r="QVY22" s="8"/>
      <c r="QVZ22" s="8"/>
      <c r="QWA22" s="8"/>
      <c r="QWB22" s="8"/>
      <c r="QWC22" s="8"/>
      <c r="QWD22" s="8"/>
      <c r="QWE22" s="8"/>
      <c r="QWF22" s="8"/>
      <c r="QWG22" s="8"/>
      <c r="QWH22" s="8"/>
      <c r="QWI22" s="8"/>
      <c r="QWJ22" s="8"/>
      <c r="QWK22" s="8"/>
      <c r="QWL22" s="8"/>
      <c r="QWM22" s="8"/>
      <c r="QWN22" s="8"/>
      <c r="QWO22" s="8"/>
      <c r="QWP22" s="8"/>
      <c r="QWQ22" s="8"/>
      <c r="QWR22" s="8"/>
      <c r="QWS22" s="8"/>
      <c r="QWT22" s="8"/>
      <c r="QWU22" s="8"/>
      <c r="QWV22" s="8"/>
      <c r="QWW22" s="8"/>
      <c r="QWX22" s="8"/>
      <c r="QWY22" s="8"/>
      <c r="QWZ22" s="8"/>
      <c r="QXA22" s="8"/>
      <c r="QXB22" s="8"/>
      <c r="QXC22" s="8"/>
      <c r="QXD22" s="8"/>
      <c r="QXE22" s="8"/>
      <c r="QXF22" s="8"/>
      <c r="QXG22" s="8"/>
      <c r="QXH22" s="8"/>
      <c r="QXI22" s="8"/>
      <c r="QXJ22" s="8"/>
      <c r="QXK22" s="8"/>
      <c r="QXL22" s="8"/>
      <c r="QXM22" s="8"/>
      <c r="QXN22" s="8"/>
      <c r="QXO22" s="8"/>
      <c r="QXP22" s="8"/>
      <c r="QXQ22" s="8"/>
      <c r="QXR22" s="8"/>
      <c r="QXS22" s="8"/>
      <c r="QXT22" s="8"/>
      <c r="QXU22" s="8"/>
      <c r="QXV22" s="8"/>
      <c r="QXW22" s="8"/>
      <c r="QXX22" s="8"/>
      <c r="QXY22" s="8"/>
      <c r="QXZ22" s="8"/>
      <c r="QYA22" s="8"/>
      <c r="QYB22" s="8"/>
      <c r="QYC22" s="8"/>
      <c r="QYD22" s="8"/>
      <c r="QYE22" s="8"/>
      <c r="QYF22" s="8"/>
      <c r="QYG22" s="8"/>
      <c r="QYH22" s="8"/>
      <c r="QYI22" s="8"/>
      <c r="QYJ22" s="8"/>
      <c r="QYK22" s="8"/>
      <c r="QYL22" s="8"/>
      <c r="QYM22" s="8"/>
      <c r="QYN22" s="8"/>
      <c r="QYO22" s="8"/>
      <c r="QYP22" s="8"/>
      <c r="QYQ22" s="8"/>
      <c r="QYR22" s="8"/>
      <c r="QYS22" s="8"/>
      <c r="QYT22" s="8"/>
      <c r="QYU22" s="8"/>
      <c r="QYV22" s="8"/>
      <c r="QYW22" s="8"/>
      <c r="QYX22" s="8"/>
      <c r="QYY22" s="8"/>
      <c r="QYZ22" s="8"/>
      <c r="QZA22" s="8"/>
      <c r="QZB22" s="8"/>
      <c r="QZC22" s="8"/>
      <c r="QZD22" s="8"/>
      <c r="QZE22" s="8"/>
      <c r="QZF22" s="8"/>
      <c r="QZG22" s="8"/>
      <c r="QZH22" s="8"/>
      <c r="QZI22" s="8"/>
      <c r="QZJ22" s="8"/>
      <c r="QZK22" s="8"/>
      <c r="QZL22" s="8"/>
      <c r="QZM22" s="8"/>
      <c r="QZN22" s="8"/>
      <c r="QZO22" s="8"/>
      <c r="QZP22" s="8"/>
      <c r="QZQ22" s="8"/>
      <c r="QZR22" s="8"/>
      <c r="QZS22" s="8"/>
      <c r="QZT22" s="8"/>
      <c r="QZU22" s="8"/>
      <c r="QZV22" s="8"/>
      <c r="QZW22" s="8"/>
      <c r="QZX22" s="8"/>
      <c r="QZY22" s="8"/>
      <c r="QZZ22" s="8"/>
      <c r="RAA22" s="8"/>
      <c r="RAB22" s="8"/>
      <c r="RAC22" s="8"/>
      <c r="RAD22" s="8"/>
      <c r="RAE22" s="8"/>
      <c r="RAF22" s="8"/>
      <c r="RAG22" s="8"/>
      <c r="RAH22" s="8"/>
      <c r="RAI22" s="8"/>
      <c r="RAJ22" s="8"/>
      <c r="RAK22" s="8"/>
      <c r="RAL22" s="8"/>
      <c r="RAM22" s="8"/>
      <c r="RAN22" s="8"/>
      <c r="RAO22" s="8"/>
      <c r="RAP22" s="8"/>
      <c r="RAQ22" s="8"/>
      <c r="RAR22" s="8"/>
      <c r="RAS22" s="8"/>
      <c r="RAT22" s="8"/>
      <c r="RAU22" s="8"/>
      <c r="RAV22" s="8"/>
      <c r="RAW22" s="8"/>
      <c r="RAX22" s="8"/>
      <c r="RAY22" s="8"/>
      <c r="RAZ22" s="8"/>
      <c r="RBA22" s="8"/>
      <c r="RBB22" s="8"/>
      <c r="RBC22" s="8"/>
      <c r="RBD22" s="8"/>
      <c r="RBE22" s="8"/>
      <c r="RBF22" s="8"/>
      <c r="RBG22" s="8"/>
      <c r="RBH22" s="8"/>
      <c r="RBI22" s="8"/>
      <c r="RBJ22" s="8"/>
      <c r="RBK22" s="8"/>
      <c r="RBL22" s="8"/>
      <c r="RBM22" s="8"/>
      <c r="RBN22" s="8"/>
      <c r="RBO22" s="8"/>
      <c r="RBP22" s="8"/>
      <c r="RBQ22" s="8"/>
      <c r="RBR22" s="8"/>
      <c r="RBS22" s="8"/>
      <c r="RBT22" s="8"/>
      <c r="RBU22" s="8"/>
      <c r="RBV22" s="8"/>
      <c r="RBW22" s="8"/>
      <c r="RBX22" s="8"/>
      <c r="RBY22" s="8"/>
      <c r="RBZ22" s="8"/>
      <c r="RCA22" s="8"/>
      <c r="RCB22" s="8"/>
      <c r="RCC22" s="8"/>
      <c r="RCD22" s="8"/>
      <c r="RCE22" s="8"/>
      <c r="RCF22" s="8"/>
      <c r="RCG22" s="8"/>
      <c r="RCH22" s="8"/>
      <c r="RCI22" s="8"/>
      <c r="RCJ22" s="8"/>
      <c r="RCK22" s="8"/>
      <c r="RCL22" s="8"/>
      <c r="RCM22" s="8"/>
      <c r="RCN22" s="8"/>
      <c r="RCO22" s="8"/>
      <c r="RCP22" s="8"/>
      <c r="RCQ22" s="8"/>
      <c r="RCR22" s="8"/>
      <c r="RCS22" s="8"/>
      <c r="RCT22" s="8"/>
      <c r="RCU22" s="8"/>
      <c r="RCV22" s="8"/>
      <c r="RCW22" s="8"/>
      <c r="RCX22" s="8"/>
      <c r="RCY22" s="8"/>
      <c r="RCZ22" s="8"/>
      <c r="RDA22" s="8"/>
      <c r="RDB22" s="8"/>
      <c r="RDC22" s="8"/>
      <c r="RDD22" s="8"/>
      <c r="RDE22" s="8"/>
      <c r="RDF22" s="8"/>
      <c r="RDG22" s="8"/>
      <c r="RDH22" s="8"/>
      <c r="RDI22" s="8"/>
      <c r="RDJ22" s="8"/>
      <c r="RDK22" s="8"/>
      <c r="RDL22" s="8"/>
      <c r="RDM22" s="8"/>
      <c r="RDN22" s="8"/>
      <c r="RDO22" s="8"/>
      <c r="RDP22" s="8"/>
      <c r="RDQ22" s="8"/>
      <c r="RDR22" s="8"/>
      <c r="RDS22" s="8"/>
      <c r="RDT22" s="8"/>
      <c r="RDU22" s="8"/>
      <c r="RDV22" s="8"/>
      <c r="RDW22" s="8"/>
      <c r="RDX22" s="8"/>
      <c r="RDY22" s="8"/>
      <c r="RDZ22" s="8"/>
      <c r="REA22" s="8"/>
      <c r="REB22" s="8"/>
      <c r="REC22" s="8"/>
      <c r="RED22" s="8"/>
      <c r="REE22" s="8"/>
      <c r="REF22" s="8"/>
      <c r="REG22" s="8"/>
      <c r="REH22" s="8"/>
      <c r="REI22" s="8"/>
      <c r="REJ22" s="8"/>
      <c r="REK22" s="8"/>
      <c r="REL22" s="8"/>
      <c r="REM22" s="8"/>
      <c r="REN22" s="8"/>
      <c r="REO22" s="8"/>
      <c r="REP22" s="8"/>
      <c r="REQ22" s="8"/>
      <c r="RER22" s="8"/>
      <c r="RES22" s="8"/>
      <c r="RET22" s="8"/>
      <c r="REU22" s="8"/>
      <c r="REV22" s="8"/>
      <c r="REW22" s="8"/>
      <c r="REX22" s="8"/>
      <c r="REY22" s="8"/>
      <c r="REZ22" s="8"/>
      <c r="RFA22" s="8"/>
      <c r="RFB22" s="8"/>
      <c r="RFC22" s="8"/>
      <c r="RFD22" s="8"/>
      <c r="RFE22" s="8"/>
      <c r="RFF22" s="8"/>
      <c r="RFG22" s="8"/>
      <c r="RFH22" s="8"/>
      <c r="RFI22" s="8"/>
      <c r="RFJ22" s="8"/>
      <c r="RFK22" s="8"/>
      <c r="RFL22" s="8"/>
      <c r="RFM22" s="8"/>
      <c r="RFN22" s="8"/>
      <c r="RFO22" s="8"/>
      <c r="RFP22" s="8"/>
      <c r="RFQ22" s="8"/>
      <c r="RFR22" s="8"/>
      <c r="RFS22" s="8"/>
      <c r="RFT22" s="8"/>
      <c r="RFU22" s="8"/>
      <c r="RFV22" s="8"/>
      <c r="RFW22" s="8"/>
      <c r="RFX22" s="8"/>
      <c r="RFY22" s="8"/>
      <c r="RFZ22" s="8"/>
      <c r="RGA22" s="8"/>
      <c r="RGB22" s="8"/>
      <c r="RGC22" s="8"/>
      <c r="RGD22" s="8"/>
      <c r="RGE22" s="8"/>
      <c r="RGF22" s="8"/>
      <c r="RGG22" s="8"/>
      <c r="RGH22" s="8"/>
      <c r="RGI22" s="8"/>
      <c r="RGJ22" s="8"/>
      <c r="RGK22" s="8"/>
      <c r="RGL22" s="8"/>
      <c r="RGM22" s="8"/>
      <c r="RGN22" s="8"/>
      <c r="RGO22" s="8"/>
      <c r="RGP22" s="8"/>
      <c r="RGQ22" s="8"/>
      <c r="RGR22" s="8"/>
      <c r="RGS22" s="8"/>
      <c r="RGT22" s="8"/>
      <c r="RGU22" s="8"/>
      <c r="RGV22" s="8"/>
      <c r="RGW22" s="8"/>
      <c r="RGX22" s="8"/>
      <c r="RGY22" s="8"/>
      <c r="RGZ22" s="8"/>
      <c r="RHA22" s="8"/>
      <c r="RHB22" s="8"/>
      <c r="RHC22" s="8"/>
      <c r="RHD22" s="8"/>
      <c r="RHE22" s="8"/>
      <c r="RHF22" s="8"/>
      <c r="RHG22" s="8"/>
      <c r="RHH22" s="8"/>
      <c r="RHI22" s="8"/>
      <c r="RHJ22" s="8"/>
      <c r="RHK22" s="8"/>
      <c r="RHL22" s="8"/>
      <c r="RHM22" s="8"/>
      <c r="RHN22" s="8"/>
      <c r="RHO22" s="8"/>
      <c r="RHP22" s="8"/>
      <c r="RHQ22" s="8"/>
      <c r="RHR22" s="8"/>
      <c r="RHS22" s="8"/>
      <c r="RHT22" s="8"/>
      <c r="RHU22" s="8"/>
      <c r="RHV22" s="8"/>
      <c r="RHW22" s="8"/>
      <c r="RHX22" s="8"/>
      <c r="RHY22" s="8"/>
      <c r="RHZ22" s="8"/>
      <c r="RIA22" s="8"/>
      <c r="RIB22" s="8"/>
      <c r="RIC22" s="8"/>
      <c r="RID22" s="8"/>
      <c r="RIE22" s="8"/>
      <c r="RIF22" s="8"/>
      <c r="RIG22" s="8"/>
      <c r="RIH22" s="8"/>
      <c r="RII22" s="8"/>
      <c r="RIJ22" s="8"/>
      <c r="RIK22" s="8"/>
      <c r="RIL22" s="8"/>
      <c r="RIM22" s="8"/>
      <c r="RIN22" s="8"/>
      <c r="RIO22" s="8"/>
      <c r="RIP22" s="8"/>
      <c r="RIQ22" s="8"/>
      <c r="RIR22" s="8"/>
      <c r="RIS22" s="8"/>
      <c r="RIT22" s="8"/>
      <c r="RIU22" s="8"/>
      <c r="RIV22" s="8"/>
      <c r="RIW22" s="8"/>
      <c r="RIX22" s="8"/>
      <c r="RIY22" s="8"/>
      <c r="RIZ22" s="8"/>
      <c r="RJA22" s="8"/>
      <c r="RJB22" s="8"/>
      <c r="RJC22" s="8"/>
      <c r="RJD22" s="8"/>
      <c r="RJE22" s="8"/>
      <c r="RJF22" s="8"/>
      <c r="RJG22" s="8"/>
      <c r="RJH22" s="8"/>
      <c r="RJI22" s="8"/>
      <c r="RJJ22" s="8"/>
      <c r="RJK22" s="8"/>
      <c r="RJL22" s="8"/>
      <c r="RJM22" s="8"/>
      <c r="RJN22" s="8"/>
      <c r="RJO22" s="8"/>
      <c r="RJP22" s="8"/>
      <c r="RJQ22" s="8"/>
      <c r="RJR22" s="8"/>
      <c r="RJS22" s="8"/>
      <c r="RJT22" s="8"/>
      <c r="RJU22" s="8"/>
      <c r="RJV22" s="8"/>
      <c r="RJW22" s="8"/>
      <c r="RJX22" s="8"/>
      <c r="RJY22" s="8"/>
      <c r="RJZ22" s="8"/>
      <c r="RKA22" s="8"/>
      <c r="RKB22" s="8"/>
      <c r="RKC22" s="8"/>
      <c r="RKD22" s="8"/>
      <c r="RKE22" s="8"/>
      <c r="RKF22" s="8"/>
      <c r="RKG22" s="8"/>
      <c r="RKH22" s="8"/>
      <c r="RKI22" s="8"/>
      <c r="RKJ22" s="8"/>
      <c r="RKK22" s="8"/>
      <c r="RKL22" s="8"/>
      <c r="RKM22" s="8"/>
      <c r="RKN22" s="8"/>
      <c r="RKO22" s="8"/>
      <c r="RKP22" s="8"/>
      <c r="RKQ22" s="8"/>
      <c r="RKR22" s="8"/>
      <c r="RKS22" s="8"/>
      <c r="RKT22" s="8"/>
      <c r="RKU22" s="8"/>
      <c r="RKV22" s="8"/>
      <c r="RKW22" s="8"/>
      <c r="RKX22" s="8"/>
      <c r="RKY22" s="8"/>
      <c r="RKZ22" s="8"/>
      <c r="RLA22" s="8"/>
      <c r="RLB22" s="8"/>
      <c r="RLC22" s="8"/>
      <c r="RLD22" s="8"/>
      <c r="RLE22" s="8"/>
      <c r="RLF22" s="8"/>
      <c r="RLG22" s="8"/>
      <c r="RLH22" s="8"/>
      <c r="RLI22" s="8"/>
      <c r="RLJ22" s="8"/>
      <c r="RLK22" s="8"/>
      <c r="RLL22" s="8"/>
      <c r="RLM22" s="8"/>
      <c r="RLN22" s="8"/>
      <c r="RLO22" s="8"/>
      <c r="RLP22" s="8"/>
      <c r="RLQ22" s="8"/>
      <c r="RLR22" s="8"/>
      <c r="RLS22" s="8"/>
      <c r="RLT22" s="8"/>
      <c r="RLU22" s="8"/>
      <c r="RLV22" s="8"/>
      <c r="RLW22" s="8"/>
      <c r="RLX22" s="8"/>
      <c r="RLY22" s="8"/>
      <c r="RLZ22" s="8"/>
      <c r="RMA22" s="8"/>
      <c r="RMB22" s="8"/>
      <c r="RMC22" s="8"/>
      <c r="RMD22" s="8"/>
      <c r="RME22" s="8"/>
      <c r="RMF22" s="8"/>
      <c r="RMG22" s="8"/>
      <c r="RMH22" s="8"/>
      <c r="RMI22" s="8"/>
      <c r="RMJ22" s="8"/>
      <c r="RMK22" s="8"/>
      <c r="RML22" s="8"/>
      <c r="RMM22" s="8"/>
      <c r="RMN22" s="8"/>
      <c r="RMO22" s="8"/>
      <c r="RMP22" s="8"/>
      <c r="RMQ22" s="8"/>
      <c r="RMR22" s="8"/>
      <c r="RMS22" s="8"/>
      <c r="RMT22" s="8"/>
      <c r="RMU22" s="8"/>
      <c r="RMV22" s="8"/>
      <c r="RMW22" s="8"/>
      <c r="RMX22" s="8"/>
      <c r="RMY22" s="8"/>
      <c r="RMZ22" s="8"/>
      <c r="RNA22" s="8"/>
      <c r="RNB22" s="8"/>
      <c r="RNC22" s="8"/>
      <c r="RND22" s="8"/>
      <c r="RNE22" s="8"/>
      <c r="RNF22" s="8"/>
      <c r="RNG22" s="8"/>
      <c r="RNH22" s="8"/>
      <c r="RNI22" s="8"/>
      <c r="RNJ22" s="8"/>
      <c r="RNK22" s="8"/>
      <c r="RNL22" s="8"/>
      <c r="RNM22" s="8"/>
      <c r="RNN22" s="8"/>
      <c r="RNO22" s="8"/>
      <c r="RNP22" s="8"/>
      <c r="RNQ22" s="8"/>
      <c r="RNR22" s="8"/>
      <c r="RNS22" s="8"/>
      <c r="RNT22" s="8"/>
      <c r="RNU22" s="8"/>
      <c r="RNV22" s="8"/>
      <c r="RNW22" s="8"/>
      <c r="RNX22" s="8"/>
      <c r="RNY22" s="8"/>
      <c r="RNZ22" s="8"/>
      <c r="ROA22" s="8"/>
      <c r="ROB22" s="8"/>
      <c r="ROC22" s="8"/>
      <c r="ROD22" s="8"/>
      <c r="ROE22" s="8"/>
      <c r="ROF22" s="8"/>
      <c r="ROG22" s="8"/>
      <c r="ROH22" s="8"/>
      <c r="ROI22" s="8"/>
      <c r="ROJ22" s="8"/>
      <c r="ROK22" s="8"/>
      <c r="ROL22" s="8"/>
      <c r="ROM22" s="8"/>
      <c r="RON22" s="8"/>
      <c r="ROO22" s="8"/>
      <c r="ROP22" s="8"/>
      <c r="ROQ22" s="8"/>
      <c r="ROR22" s="8"/>
      <c r="ROS22" s="8"/>
      <c r="ROT22" s="8"/>
      <c r="ROU22" s="8"/>
      <c r="ROV22" s="8"/>
      <c r="ROW22" s="8"/>
      <c r="ROX22" s="8"/>
      <c r="ROY22" s="8"/>
      <c r="ROZ22" s="8"/>
      <c r="RPA22" s="8"/>
      <c r="RPB22" s="8"/>
      <c r="RPC22" s="8"/>
      <c r="RPD22" s="8"/>
      <c r="RPE22" s="8"/>
      <c r="RPF22" s="8"/>
      <c r="RPG22" s="8"/>
      <c r="RPH22" s="8"/>
      <c r="RPI22" s="8"/>
      <c r="RPJ22" s="8"/>
      <c r="RPK22" s="8"/>
      <c r="RPL22" s="8"/>
      <c r="RPM22" s="8"/>
      <c r="RPN22" s="8"/>
      <c r="RPO22" s="8"/>
      <c r="RPP22" s="8"/>
      <c r="RPQ22" s="8"/>
      <c r="RPR22" s="8"/>
      <c r="RPS22" s="8"/>
      <c r="RPT22" s="8"/>
      <c r="RPU22" s="8"/>
      <c r="RPV22" s="8"/>
      <c r="RPW22" s="8"/>
      <c r="RPX22" s="8"/>
      <c r="RPY22" s="8"/>
      <c r="RPZ22" s="8"/>
      <c r="RQA22" s="8"/>
      <c r="RQB22" s="8"/>
      <c r="RQC22" s="8"/>
      <c r="RQD22" s="8"/>
      <c r="RQE22" s="8"/>
      <c r="RQF22" s="8"/>
      <c r="RQG22" s="8"/>
      <c r="RQH22" s="8"/>
      <c r="RQI22" s="8"/>
      <c r="RQJ22" s="8"/>
      <c r="RQK22" s="8"/>
      <c r="RQL22" s="8"/>
      <c r="RQM22" s="8"/>
      <c r="RQN22" s="8"/>
      <c r="RQO22" s="8"/>
      <c r="RQP22" s="8"/>
      <c r="RQQ22" s="8"/>
      <c r="RQR22" s="8"/>
      <c r="RQS22" s="8"/>
      <c r="RQT22" s="8"/>
      <c r="RQU22" s="8"/>
      <c r="RQV22" s="8"/>
      <c r="RQW22" s="8"/>
      <c r="RQX22" s="8"/>
      <c r="RQY22" s="8"/>
      <c r="RQZ22" s="8"/>
      <c r="RRA22" s="8"/>
      <c r="RRB22" s="8"/>
      <c r="RRC22" s="8"/>
      <c r="RRD22" s="8"/>
      <c r="RRE22" s="8"/>
      <c r="RRF22" s="8"/>
      <c r="RRG22" s="8"/>
      <c r="RRH22" s="8"/>
      <c r="RRI22" s="8"/>
      <c r="RRJ22" s="8"/>
      <c r="RRK22" s="8"/>
      <c r="RRL22" s="8"/>
      <c r="RRM22" s="8"/>
      <c r="RRN22" s="8"/>
      <c r="RRO22" s="8"/>
      <c r="RRP22" s="8"/>
      <c r="RRQ22" s="8"/>
      <c r="RRR22" s="8"/>
      <c r="RRS22" s="8"/>
      <c r="RRT22" s="8"/>
      <c r="RRU22" s="8"/>
      <c r="RRV22" s="8"/>
      <c r="RRW22" s="8"/>
      <c r="RRX22" s="8"/>
      <c r="RRY22" s="8"/>
      <c r="RRZ22" s="8"/>
      <c r="RSA22" s="8"/>
      <c r="RSB22" s="8"/>
      <c r="RSC22" s="8"/>
      <c r="RSD22" s="8"/>
      <c r="RSE22" s="8"/>
      <c r="RSF22" s="8"/>
      <c r="RSG22" s="8"/>
      <c r="RSH22" s="8"/>
      <c r="RSI22" s="8"/>
      <c r="RSJ22" s="8"/>
      <c r="RSK22" s="8"/>
      <c r="RSL22" s="8"/>
      <c r="RSM22" s="8"/>
      <c r="RSN22" s="8"/>
      <c r="RSO22" s="8"/>
      <c r="RSP22" s="8"/>
      <c r="RSQ22" s="8"/>
      <c r="RSR22" s="8"/>
      <c r="RSS22" s="8"/>
      <c r="RST22" s="8"/>
      <c r="RSU22" s="8"/>
      <c r="RSV22" s="8"/>
      <c r="RSW22" s="8"/>
      <c r="RSX22" s="8"/>
      <c r="RSY22" s="8"/>
      <c r="RSZ22" s="8"/>
      <c r="RTA22" s="8"/>
      <c r="RTB22" s="8"/>
      <c r="RTC22" s="8"/>
      <c r="RTD22" s="8"/>
      <c r="RTE22" s="8"/>
      <c r="RTF22" s="8"/>
      <c r="RTG22" s="8"/>
      <c r="RTH22" s="8"/>
      <c r="RTI22" s="8"/>
      <c r="RTJ22" s="8"/>
      <c r="RTK22" s="8"/>
      <c r="RTL22" s="8"/>
      <c r="RTM22" s="8"/>
      <c r="RTN22" s="8"/>
      <c r="RTO22" s="8"/>
      <c r="RTP22" s="8"/>
      <c r="RTQ22" s="8"/>
      <c r="RTR22" s="8"/>
      <c r="RTS22" s="8"/>
      <c r="RTT22" s="8"/>
      <c r="RTU22" s="8"/>
      <c r="RTV22" s="8"/>
      <c r="RTW22" s="8"/>
      <c r="RTX22" s="8"/>
      <c r="RTY22" s="8"/>
      <c r="RTZ22" s="8"/>
      <c r="RUA22" s="8"/>
      <c r="RUB22" s="8"/>
      <c r="RUC22" s="8"/>
      <c r="RUD22" s="8"/>
      <c r="RUE22" s="8"/>
      <c r="RUF22" s="8"/>
      <c r="RUG22" s="8"/>
      <c r="RUH22" s="8"/>
      <c r="RUI22" s="8"/>
      <c r="RUJ22" s="8"/>
      <c r="RUK22" s="8"/>
      <c r="RUL22" s="8"/>
      <c r="RUM22" s="8"/>
      <c r="RUN22" s="8"/>
      <c r="RUO22" s="8"/>
      <c r="RUP22" s="8"/>
      <c r="RUQ22" s="8"/>
      <c r="RUR22" s="8"/>
      <c r="RUS22" s="8"/>
      <c r="RUT22" s="8"/>
      <c r="RUU22" s="8"/>
      <c r="RUV22" s="8"/>
      <c r="RUW22" s="8"/>
      <c r="RUX22" s="8"/>
      <c r="RUY22" s="8"/>
      <c r="RUZ22" s="8"/>
      <c r="RVA22" s="8"/>
      <c r="RVB22" s="8"/>
      <c r="RVC22" s="8"/>
      <c r="RVD22" s="8"/>
      <c r="RVE22" s="8"/>
      <c r="RVF22" s="8"/>
      <c r="RVG22" s="8"/>
      <c r="RVH22" s="8"/>
      <c r="RVI22" s="8"/>
      <c r="RVJ22" s="8"/>
      <c r="RVK22" s="8"/>
      <c r="RVL22" s="8"/>
      <c r="RVM22" s="8"/>
      <c r="RVN22" s="8"/>
      <c r="RVO22" s="8"/>
      <c r="RVP22" s="8"/>
      <c r="RVQ22" s="8"/>
      <c r="RVR22" s="8"/>
      <c r="RVS22" s="8"/>
      <c r="RVT22" s="8"/>
      <c r="RVU22" s="8"/>
      <c r="RVV22" s="8"/>
      <c r="RVW22" s="8"/>
      <c r="RVX22" s="8"/>
      <c r="RVY22" s="8"/>
      <c r="RVZ22" s="8"/>
      <c r="RWA22" s="8"/>
      <c r="RWB22" s="8"/>
      <c r="RWC22" s="8"/>
      <c r="RWD22" s="8"/>
      <c r="RWE22" s="8"/>
      <c r="RWF22" s="8"/>
      <c r="RWG22" s="8"/>
      <c r="RWH22" s="8"/>
      <c r="RWI22" s="8"/>
      <c r="RWJ22" s="8"/>
      <c r="RWK22" s="8"/>
      <c r="RWL22" s="8"/>
      <c r="RWM22" s="8"/>
      <c r="RWN22" s="8"/>
      <c r="RWO22" s="8"/>
      <c r="RWP22" s="8"/>
      <c r="RWQ22" s="8"/>
      <c r="RWR22" s="8"/>
      <c r="RWS22" s="8"/>
      <c r="RWT22" s="8"/>
      <c r="RWU22" s="8"/>
      <c r="RWV22" s="8"/>
      <c r="RWW22" s="8"/>
      <c r="RWX22" s="8"/>
      <c r="RWY22" s="8"/>
      <c r="RWZ22" s="8"/>
      <c r="RXA22" s="8"/>
      <c r="RXB22" s="8"/>
      <c r="RXC22" s="8"/>
      <c r="RXD22" s="8"/>
      <c r="RXE22" s="8"/>
      <c r="RXF22" s="8"/>
      <c r="RXG22" s="8"/>
      <c r="RXH22" s="8"/>
      <c r="RXI22" s="8"/>
      <c r="RXJ22" s="8"/>
      <c r="RXK22" s="8"/>
      <c r="RXL22" s="8"/>
      <c r="RXM22" s="8"/>
      <c r="RXN22" s="8"/>
      <c r="RXO22" s="8"/>
      <c r="RXP22" s="8"/>
      <c r="RXQ22" s="8"/>
      <c r="RXR22" s="8"/>
      <c r="RXS22" s="8"/>
      <c r="RXT22" s="8"/>
      <c r="RXU22" s="8"/>
      <c r="RXV22" s="8"/>
      <c r="RXW22" s="8"/>
      <c r="RXX22" s="8"/>
      <c r="RXY22" s="8"/>
      <c r="RXZ22" s="8"/>
      <c r="RYA22" s="8"/>
      <c r="RYB22" s="8"/>
      <c r="RYC22" s="8"/>
      <c r="RYD22" s="8"/>
      <c r="RYE22" s="8"/>
      <c r="RYF22" s="8"/>
      <c r="RYG22" s="8"/>
      <c r="RYH22" s="8"/>
      <c r="RYI22" s="8"/>
      <c r="RYJ22" s="8"/>
      <c r="RYK22" s="8"/>
      <c r="RYL22" s="8"/>
      <c r="RYM22" s="8"/>
      <c r="RYN22" s="8"/>
      <c r="RYO22" s="8"/>
      <c r="RYP22" s="8"/>
      <c r="RYQ22" s="8"/>
      <c r="RYR22" s="8"/>
      <c r="RYS22" s="8"/>
      <c r="RYT22" s="8"/>
      <c r="RYU22" s="8"/>
      <c r="RYV22" s="8"/>
      <c r="RYW22" s="8"/>
      <c r="RYX22" s="8"/>
      <c r="RYY22" s="8"/>
      <c r="RYZ22" s="8"/>
      <c r="RZA22" s="8"/>
      <c r="RZB22" s="8"/>
      <c r="RZC22" s="8"/>
      <c r="RZD22" s="8"/>
      <c r="RZE22" s="8"/>
      <c r="RZF22" s="8"/>
      <c r="RZG22" s="8"/>
      <c r="RZH22" s="8"/>
      <c r="RZI22" s="8"/>
      <c r="RZJ22" s="8"/>
      <c r="RZK22" s="8"/>
      <c r="RZL22" s="8"/>
      <c r="RZM22" s="8"/>
      <c r="RZN22" s="8"/>
      <c r="RZO22" s="8"/>
      <c r="RZP22" s="8"/>
      <c r="RZQ22" s="8"/>
      <c r="RZR22" s="8"/>
      <c r="RZS22" s="8"/>
      <c r="RZT22" s="8"/>
      <c r="RZU22" s="8"/>
      <c r="RZV22" s="8"/>
      <c r="RZW22" s="8"/>
      <c r="RZX22" s="8"/>
      <c r="RZY22" s="8"/>
      <c r="RZZ22" s="8"/>
      <c r="SAA22" s="8"/>
      <c r="SAB22" s="8"/>
      <c r="SAC22" s="8"/>
      <c r="SAD22" s="8"/>
      <c r="SAE22" s="8"/>
      <c r="SAF22" s="8"/>
      <c r="SAG22" s="8"/>
      <c r="SAH22" s="8"/>
      <c r="SAI22" s="8"/>
      <c r="SAJ22" s="8"/>
      <c r="SAK22" s="8"/>
      <c r="SAL22" s="8"/>
      <c r="SAM22" s="8"/>
      <c r="SAN22" s="8"/>
      <c r="SAO22" s="8"/>
      <c r="SAP22" s="8"/>
      <c r="SAQ22" s="8"/>
      <c r="SAR22" s="8"/>
      <c r="SAS22" s="8"/>
      <c r="SAT22" s="8"/>
      <c r="SAU22" s="8"/>
      <c r="SAV22" s="8"/>
      <c r="SAW22" s="8"/>
      <c r="SAX22" s="8"/>
      <c r="SAY22" s="8"/>
      <c r="SAZ22" s="8"/>
      <c r="SBA22" s="8"/>
      <c r="SBB22" s="8"/>
      <c r="SBC22" s="8"/>
      <c r="SBD22" s="8"/>
      <c r="SBE22" s="8"/>
      <c r="SBF22" s="8"/>
      <c r="SBG22" s="8"/>
      <c r="SBH22" s="8"/>
      <c r="SBI22" s="8"/>
      <c r="SBJ22" s="8"/>
      <c r="SBK22" s="8"/>
      <c r="SBL22" s="8"/>
      <c r="SBM22" s="8"/>
      <c r="SBN22" s="8"/>
      <c r="SBO22" s="8"/>
      <c r="SBP22" s="8"/>
      <c r="SBQ22" s="8"/>
      <c r="SBR22" s="8"/>
      <c r="SBS22" s="8"/>
      <c r="SBT22" s="8"/>
      <c r="SBU22" s="8"/>
      <c r="SBV22" s="8"/>
      <c r="SBW22" s="8"/>
      <c r="SBX22" s="8"/>
      <c r="SBY22" s="8"/>
      <c r="SBZ22" s="8"/>
      <c r="SCA22" s="8"/>
      <c r="SCB22" s="8"/>
      <c r="SCC22" s="8"/>
      <c r="SCD22" s="8"/>
      <c r="SCE22" s="8"/>
      <c r="SCF22" s="8"/>
      <c r="SCG22" s="8"/>
      <c r="SCH22" s="8"/>
      <c r="SCI22" s="8"/>
      <c r="SCJ22" s="8"/>
      <c r="SCK22" s="8"/>
      <c r="SCL22" s="8"/>
      <c r="SCM22" s="8"/>
      <c r="SCN22" s="8"/>
      <c r="SCO22" s="8"/>
      <c r="SCP22" s="8"/>
      <c r="SCQ22" s="8"/>
      <c r="SCR22" s="8"/>
      <c r="SCS22" s="8"/>
      <c r="SCT22" s="8"/>
      <c r="SCU22" s="8"/>
      <c r="SCV22" s="8"/>
      <c r="SCW22" s="8"/>
      <c r="SCX22" s="8"/>
      <c r="SCY22" s="8"/>
      <c r="SCZ22" s="8"/>
      <c r="SDA22" s="8"/>
      <c r="SDB22" s="8"/>
      <c r="SDC22" s="8"/>
      <c r="SDD22" s="8"/>
      <c r="SDE22" s="8"/>
      <c r="SDF22" s="8"/>
      <c r="SDG22" s="8"/>
      <c r="SDH22" s="8"/>
      <c r="SDI22" s="8"/>
      <c r="SDJ22" s="8"/>
      <c r="SDK22" s="8"/>
      <c r="SDL22" s="8"/>
      <c r="SDM22" s="8"/>
      <c r="SDN22" s="8"/>
      <c r="SDO22" s="8"/>
      <c r="SDP22" s="8"/>
      <c r="SDQ22" s="8"/>
      <c r="SDR22" s="8"/>
      <c r="SDS22" s="8"/>
      <c r="SDT22" s="8"/>
      <c r="SDU22" s="8"/>
      <c r="SDV22" s="8"/>
      <c r="SDW22" s="8"/>
      <c r="SDX22" s="8"/>
      <c r="SDY22" s="8"/>
      <c r="SDZ22" s="8"/>
      <c r="SEA22" s="8"/>
      <c r="SEB22" s="8"/>
      <c r="SEC22" s="8"/>
      <c r="SED22" s="8"/>
      <c r="SEE22" s="8"/>
      <c r="SEF22" s="8"/>
      <c r="SEG22" s="8"/>
      <c r="SEH22" s="8"/>
      <c r="SEI22" s="8"/>
      <c r="SEJ22" s="8"/>
      <c r="SEK22" s="8"/>
      <c r="SEL22" s="8"/>
      <c r="SEM22" s="8"/>
      <c r="SEN22" s="8"/>
      <c r="SEO22" s="8"/>
      <c r="SEP22" s="8"/>
      <c r="SEQ22" s="8"/>
      <c r="SER22" s="8"/>
      <c r="SES22" s="8"/>
      <c r="SET22" s="8"/>
      <c r="SEU22" s="8"/>
      <c r="SEV22" s="8"/>
      <c r="SEW22" s="8"/>
      <c r="SEX22" s="8"/>
      <c r="SEY22" s="8"/>
      <c r="SEZ22" s="8"/>
      <c r="SFA22" s="8"/>
      <c r="SFB22" s="8"/>
      <c r="SFC22" s="8"/>
      <c r="SFD22" s="8"/>
      <c r="SFE22" s="8"/>
      <c r="SFF22" s="8"/>
      <c r="SFG22" s="8"/>
      <c r="SFH22" s="8"/>
      <c r="SFI22" s="8"/>
      <c r="SFJ22" s="8"/>
      <c r="SFK22" s="8"/>
      <c r="SFL22" s="8"/>
      <c r="SFM22" s="8"/>
      <c r="SFN22" s="8"/>
      <c r="SFO22" s="8"/>
      <c r="SFP22" s="8"/>
      <c r="SFQ22" s="8"/>
      <c r="SFR22" s="8"/>
      <c r="SFS22" s="8"/>
      <c r="SFT22" s="8"/>
      <c r="SFU22" s="8"/>
      <c r="SFV22" s="8"/>
      <c r="SFW22" s="8"/>
      <c r="SFX22" s="8"/>
      <c r="SFY22" s="8"/>
      <c r="SFZ22" s="8"/>
      <c r="SGA22" s="8"/>
      <c r="SGB22" s="8"/>
      <c r="SGC22" s="8"/>
      <c r="SGD22" s="8"/>
      <c r="SGE22" s="8"/>
      <c r="SGF22" s="8"/>
      <c r="SGG22" s="8"/>
      <c r="SGH22" s="8"/>
      <c r="SGI22" s="8"/>
      <c r="SGJ22" s="8"/>
      <c r="SGK22" s="8"/>
      <c r="SGL22" s="8"/>
      <c r="SGM22" s="8"/>
      <c r="SGN22" s="8"/>
      <c r="SGO22" s="8"/>
      <c r="SGP22" s="8"/>
      <c r="SGQ22" s="8"/>
      <c r="SGR22" s="8"/>
      <c r="SGS22" s="8"/>
      <c r="SGT22" s="8"/>
      <c r="SGU22" s="8"/>
      <c r="SGV22" s="8"/>
      <c r="SGW22" s="8"/>
      <c r="SGX22" s="8"/>
      <c r="SGY22" s="8"/>
      <c r="SGZ22" s="8"/>
      <c r="SHA22" s="8"/>
      <c r="SHB22" s="8"/>
      <c r="SHC22" s="8"/>
      <c r="SHD22" s="8"/>
      <c r="SHE22" s="8"/>
      <c r="SHF22" s="8"/>
      <c r="SHG22" s="8"/>
      <c r="SHH22" s="8"/>
      <c r="SHI22" s="8"/>
      <c r="SHJ22" s="8"/>
      <c r="SHK22" s="8"/>
      <c r="SHL22" s="8"/>
      <c r="SHM22" s="8"/>
      <c r="SHN22" s="8"/>
      <c r="SHO22" s="8"/>
      <c r="SHP22" s="8"/>
      <c r="SHQ22" s="8"/>
      <c r="SHR22" s="8"/>
      <c r="SHS22" s="8"/>
      <c r="SHT22" s="8"/>
      <c r="SHU22" s="8"/>
      <c r="SHV22" s="8"/>
      <c r="SHW22" s="8"/>
      <c r="SHX22" s="8"/>
      <c r="SHY22" s="8"/>
      <c r="SHZ22" s="8"/>
      <c r="SIA22" s="8"/>
      <c r="SIB22" s="8"/>
      <c r="SIC22" s="8"/>
      <c r="SID22" s="8"/>
      <c r="SIE22" s="8"/>
      <c r="SIF22" s="8"/>
      <c r="SIG22" s="8"/>
      <c r="SIH22" s="8"/>
      <c r="SII22" s="8"/>
      <c r="SIJ22" s="8"/>
      <c r="SIK22" s="8"/>
      <c r="SIL22" s="8"/>
      <c r="SIM22" s="8"/>
      <c r="SIN22" s="8"/>
      <c r="SIO22" s="8"/>
      <c r="SIP22" s="8"/>
      <c r="SIQ22" s="8"/>
      <c r="SIR22" s="8"/>
      <c r="SIS22" s="8"/>
      <c r="SIT22" s="8"/>
      <c r="SIU22" s="8"/>
      <c r="SIV22" s="8"/>
      <c r="SIW22" s="8"/>
      <c r="SIX22" s="8"/>
      <c r="SIY22" s="8"/>
      <c r="SIZ22" s="8"/>
      <c r="SJA22" s="8"/>
      <c r="SJB22" s="8"/>
      <c r="SJC22" s="8"/>
      <c r="SJD22" s="8"/>
      <c r="SJE22" s="8"/>
      <c r="SJF22" s="8"/>
      <c r="SJG22" s="8"/>
      <c r="SJH22" s="8"/>
      <c r="SJI22" s="8"/>
      <c r="SJJ22" s="8"/>
      <c r="SJK22" s="8"/>
      <c r="SJL22" s="8"/>
      <c r="SJM22" s="8"/>
      <c r="SJN22" s="8"/>
      <c r="SJO22" s="8"/>
      <c r="SJP22" s="8"/>
      <c r="SJQ22" s="8"/>
      <c r="SJR22" s="8"/>
      <c r="SJS22" s="8"/>
      <c r="SJT22" s="8"/>
      <c r="SJU22" s="8"/>
      <c r="SJV22" s="8"/>
      <c r="SJW22" s="8"/>
      <c r="SJX22" s="8"/>
      <c r="SJY22" s="8"/>
      <c r="SJZ22" s="8"/>
      <c r="SKA22" s="8"/>
      <c r="SKB22" s="8"/>
      <c r="SKC22" s="8"/>
      <c r="SKD22" s="8"/>
      <c r="SKE22" s="8"/>
      <c r="SKF22" s="8"/>
      <c r="SKG22" s="8"/>
      <c r="SKH22" s="8"/>
      <c r="SKI22" s="8"/>
      <c r="SKJ22" s="8"/>
      <c r="SKK22" s="8"/>
      <c r="SKL22" s="8"/>
      <c r="SKM22" s="8"/>
      <c r="SKN22" s="8"/>
      <c r="SKO22" s="8"/>
      <c r="SKP22" s="8"/>
      <c r="SKQ22" s="8"/>
      <c r="SKR22" s="8"/>
      <c r="SKS22" s="8"/>
      <c r="SKT22" s="8"/>
      <c r="SKU22" s="8"/>
      <c r="SKV22" s="8"/>
      <c r="SKW22" s="8"/>
      <c r="SKX22" s="8"/>
      <c r="SKY22" s="8"/>
      <c r="SKZ22" s="8"/>
      <c r="SLA22" s="8"/>
      <c r="SLB22" s="8"/>
      <c r="SLC22" s="8"/>
      <c r="SLD22" s="8"/>
      <c r="SLE22" s="8"/>
      <c r="SLF22" s="8"/>
      <c r="SLG22" s="8"/>
      <c r="SLH22" s="8"/>
      <c r="SLI22" s="8"/>
      <c r="SLJ22" s="8"/>
      <c r="SLK22" s="8"/>
      <c r="SLL22" s="8"/>
      <c r="SLM22" s="8"/>
      <c r="SLN22" s="8"/>
      <c r="SLO22" s="8"/>
      <c r="SLP22" s="8"/>
      <c r="SLQ22" s="8"/>
      <c r="SLR22" s="8"/>
      <c r="SLS22" s="8"/>
      <c r="SLT22" s="8"/>
      <c r="SLU22" s="8"/>
      <c r="SLV22" s="8"/>
      <c r="SLW22" s="8"/>
      <c r="SLX22" s="8"/>
      <c r="SLY22" s="8"/>
      <c r="SLZ22" s="8"/>
      <c r="SMA22" s="8"/>
      <c r="SMB22" s="8"/>
      <c r="SMC22" s="8"/>
      <c r="SMD22" s="8"/>
      <c r="SME22" s="8"/>
      <c r="SMF22" s="8"/>
      <c r="SMG22" s="8"/>
      <c r="SMH22" s="8"/>
      <c r="SMI22" s="8"/>
      <c r="SMJ22" s="8"/>
      <c r="SMK22" s="8"/>
      <c r="SML22" s="8"/>
      <c r="SMM22" s="8"/>
      <c r="SMN22" s="8"/>
      <c r="SMO22" s="8"/>
      <c r="SMP22" s="8"/>
      <c r="SMQ22" s="8"/>
      <c r="SMR22" s="8"/>
      <c r="SMS22" s="8"/>
      <c r="SMT22" s="8"/>
      <c r="SMU22" s="8"/>
      <c r="SMV22" s="8"/>
      <c r="SMW22" s="8"/>
      <c r="SMX22" s="8"/>
      <c r="SMY22" s="8"/>
      <c r="SMZ22" s="8"/>
      <c r="SNA22" s="8"/>
      <c r="SNB22" s="8"/>
      <c r="SNC22" s="8"/>
      <c r="SND22" s="8"/>
      <c r="SNE22" s="8"/>
      <c r="SNF22" s="8"/>
      <c r="SNG22" s="8"/>
      <c r="SNH22" s="8"/>
      <c r="SNI22" s="8"/>
      <c r="SNJ22" s="8"/>
      <c r="SNK22" s="8"/>
      <c r="SNL22" s="8"/>
      <c r="SNM22" s="8"/>
      <c r="SNN22" s="8"/>
      <c r="SNO22" s="8"/>
      <c r="SNP22" s="8"/>
      <c r="SNQ22" s="8"/>
      <c r="SNR22" s="8"/>
      <c r="SNS22" s="8"/>
      <c r="SNT22" s="8"/>
      <c r="SNU22" s="8"/>
      <c r="SNV22" s="8"/>
      <c r="SNW22" s="8"/>
      <c r="SNX22" s="8"/>
      <c r="SNY22" s="8"/>
      <c r="SNZ22" s="8"/>
      <c r="SOA22" s="8"/>
      <c r="SOB22" s="8"/>
      <c r="SOC22" s="8"/>
      <c r="SOD22" s="8"/>
      <c r="SOE22" s="8"/>
      <c r="SOF22" s="8"/>
      <c r="SOG22" s="8"/>
      <c r="SOH22" s="8"/>
      <c r="SOI22" s="8"/>
      <c r="SOJ22" s="8"/>
      <c r="SOK22" s="8"/>
      <c r="SOL22" s="8"/>
      <c r="SOM22" s="8"/>
      <c r="SON22" s="8"/>
      <c r="SOO22" s="8"/>
      <c r="SOP22" s="8"/>
      <c r="SOQ22" s="8"/>
      <c r="SOR22" s="8"/>
      <c r="SOS22" s="8"/>
      <c r="SOT22" s="8"/>
      <c r="SOU22" s="8"/>
      <c r="SOV22" s="8"/>
      <c r="SOW22" s="8"/>
      <c r="SOX22" s="8"/>
      <c r="SOY22" s="8"/>
      <c r="SOZ22" s="8"/>
      <c r="SPA22" s="8"/>
      <c r="SPB22" s="8"/>
      <c r="SPC22" s="8"/>
      <c r="SPD22" s="8"/>
      <c r="SPE22" s="8"/>
      <c r="SPF22" s="8"/>
      <c r="SPG22" s="8"/>
      <c r="SPH22" s="8"/>
      <c r="SPI22" s="8"/>
      <c r="SPJ22" s="8"/>
      <c r="SPK22" s="8"/>
      <c r="SPL22" s="8"/>
      <c r="SPM22" s="8"/>
      <c r="SPN22" s="8"/>
      <c r="SPO22" s="8"/>
      <c r="SPP22" s="8"/>
      <c r="SPQ22" s="8"/>
      <c r="SPR22" s="8"/>
      <c r="SPS22" s="8"/>
      <c r="SPT22" s="8"/>
      <c r="SPU22" s="8"/>
      <c r="SPV22" s="8"/>
      <c r="SPW22" s="8"/>
      <c r="SPX22" s="8"/>
      <c r="SPY22" s="8"/>
      <c r="SPZ22" s="8"/>
      <c r="SQA22" s="8"/>
      <c r="SQB22" s="8"/>
      <c r="SQC22" s="8"/>
      <c r="SQD22" s="8"/>
      <c r="SQE22" s="8"/>
      <c r="SQF22" s="8"/>
      <c r="SQG22" s="8"/>
      <c r="SQH22" s="8"/>
      <c r="SQI22" s="8"/>
      <c r="SQJ22" s="8"/>
      <c r="SQK22" s="8"/>
      <c r="SQL22" s="8"/>
      <c r="SQM22" s="8"/>
      <c r="SQN22" s="8"/>
      <c r="SQO22" s="8"/>
      <c r="SQP22" s="8"/>
      <c r="SQQ22" s="8"/>
      <c r="SQR22" s="8"/>
      <c r="SQS22" s="8"/>
      <c r="SQT22" s="8"/>
      <c r="SQU22" s="8"/>
      <c r="SQV22" s="8"/>
      <c r="SQW22" s="8"/>
      <c r="SQX22" s="8"/>
      <c r="SQY22" s="8"/>
      <c r="SQZ22" s="8"/>
      <c r="SRA22" s="8"/>
      <c r="SRB22" s="8"/>
      <c r="SRC22" s="8"/>
      <c r="SRD22" s="8"/>
      <c r="SRE22" s="8"/>
      <c r="SRF22" s="8"/>
      <c r="SRG22" s="8"/>
      <c r="SRH22" s="8"/>
      <c r="SRI22" s="8"/>
      <c r="SRJ22" s="8"/>
      <c r="SRK22" s="8"/>
      <c r="SRL22" s="8"/>
      <c r="SRM22" s="8"/>
      <c r="SRN22" s="8"/>
      <c r="SRO22" s="8"/>
      <c r="SRP22" s="8"/>
      <c r="SRQ22" s="8"/>
      <c r="SRR22" s="8"/>
      <c r="SRS22" s="8"/>
      <c r="SRT22" s="8"/>
      <c r="SRU22" s="8"/>
      <c r="SRV22" s="8"/>
      <c r="SRW22" s="8"/>
      <c r="SRX22" s="8"/>
      <c r="SRY22" s="8"/>
      <c r="SRZ22" s="8"/>
      <c r="SSA22" s="8"/>
      <c r="SSB22" s="8"/>
      <c r="SSC22" s="8"/>
      <c r="SSD22" s="8"/>
      <c r="SSE22" s="8"/>
      <c r="SSF22" s="8"/>
      <c r="SSG22" s="8"/>
      <c r="SSH22" s="8"/>
      <c r="SSI22" s="8"/>
      <c r="SSJ22" s="8"/>
      <c r="SSK22" s="8"/>
      <c r="SSL22" s="8"/>
      <c r="SSM22" s="8"/>
      <c r="SSN22" s="8"/>
      <c r="SSO22" s="8"/>
      <c r="SSP22" s="8"/>
      <c r="SSQ22" s="8"/>
      <c r="SSR22" s="8"/>
      <c r="SSS22" s="8"/>
      <c r="SST22" s="8"/>
      <c r="SSU22" s="8"/>
      <c r="SSV22" s="8"/>
      <c r="SSW22" s="8"/>
      <c r="SSX22" s="8"/>
      <c r="SSY22" s="8"/>
      <c r="SSZ22" s="8"/>
      <c r="STA22" s="8"/>
      <c r="STB22" s="8"/>
      <c r="STC22" s="8"/>
      <c r="STD22" s="8"/>
      <c r="STE22" s="8"/>
      <c r="STF22" s="8"/>
      <c r="STG22" s="8"/>
      <c r="STH22" s="8"/>
      <c r="STI22" s="8"/>
      <c r="STJ22" s="8"/>
      <c r="STK22" s="8"/>
      <c r="STL22" s="8"/>
      <c r="STM22" s="8"/>
      <c r="STN22" s="8"/>
      <c r="STO22" s="8"/>
      <c r="STP22" s="8"/>
      <c r="STQ22" s="8"/>
      <c r="STR22" s="8"/>
      <c r="STS22" s="8"/>
      <c r="STT22" s="8"/>
      <c r="STU22" s="8"/>
      <c r="STV22" s="8"/>
      <c r="STW22" s="8"/>
      <c r="STX22" s="8"/>
      <c r="STY22" s="8"/>
      <c r="STZ22" s="8"/>
      <c r="SUA22" s="8"/>
      <c r="SUB22" s="8"/>
      <c r="SUC22" s="8"/>
      <c r="SUD22" s="8"/>
      <c r="SUE22" s="8"/>
      <c r="SUF22" s="8"/>
      <c r="SUG22" s="8"/>
      <c r="SUH22" s="8"/>
      <c r="SUI22" s="8"/>
      <c r="SUJ22" s="8"/>
      <c r="SUK22" s="8"/>
      <c r="SUL22" s="8"/>
      <c r="SUM22" s="8"/>
      <c r="SUN22" s="8"/>
      <c r="SUO22" s="8"/>
      <c r="SUP22" s="8"/>
      <c r="SUQ22" s="8"/>
      <c r="SUR22" s="8"/>
      <c r="SUS22" s="8"/>
      <c r="SUT22" s="8"/>
      <c r="SUU22" s="8"/>
      <c r="SUV22" s="8"/>
      <c r="SUW22" s="8"/>
      <c r="SUX22" s="8"/>
      <c r="SUY22" s="8"/>
      <c r="SUZ22" s="8"/>
      <c r="SVA22" s="8"/>
      <c r="SVB22" s="8"/>
      <c r="SVC22" s="8"/>
      <c r="SVD22" s="8"/>
      <c r="SVE22" s="8"/>
      <c r="SVF22" s="8"/>
      <c r="SVG22" s="8"/>
      <c r="SVH22" s="8"/>
      <c r="SVI22" s="8"/>
      <c r="SVJ22" s="8"/>
      <c r="SVK22" s="8"/>
      <c r="SVL22" s="8"/>
      <c r="SVM22" s="8"/>
      <c r="SVN22" s="8"/>
      <c r="SVO22" s="8"/>
      <c r="SVP22" s="8"/>
      <c r="SVQ22" s="8"/>
      <c r="SVR22" s="8"/>
      <c r="SVS22" s="8"/>
      <c r="SVT22" s="8"/>
      <c r="SVU22" s="8"/>
      <c r="SVV22" s="8"/>
      <c r="SVW22" s="8"/>
      <c r="SVX22" s="8"/>
      <c r="SVY22" s="8"/>
      <c r="SVZ22" s="8"/>
      <c r="SWA22" s="8"/>
      <c r="SWB22" s="8"/>
      <c r="SWC22" s="8"/>
      <c r="SWD22" s="8"/>
      <c r="SWE22" s="8"/>
      <c r="SWF22" s="8"/>
      <c r="SWG22" s="8"/>
      <c r="SWH22" s="8"/>
      <c r="SWI22" s="8"/>
      <c r="SWJ22" s="8"/>
      <c r="SWK22" s="8"/>
      <c r="SWL22" s="8"/>
      <c r="SWM22" s="8"/>
      <c r="SWN22" s="8"/>
      <c r="SWO22" s="8"/>
      <c r="SWP22" s="8"/>
      <c r="SWQ22" s="8"/>
      <c r="SWR22" s="8"/>
      <c r="SWS22" s="8"/>
      <c r="SWT22" s="8"/>
      <c r="SWU22" s="8"/>
      <c r="SWV22" s="8"/>
      <c r="SWW22" s="8"/>
      <c r="SWX22" s="8"/>
      <c r="SWY22" s="8"/>
      <c r="SWZ22" s="8"/>
      <c r="SXA22" s="8"/>
      <c r="SXB22" s="8"/>
      <c r="SXC22" s="8"/>
      <c r="SXD22" s="8"/>
      <c r="SXE22" s="8"/>
      <c r="SXF22" s="8"/>
      <c r="SXG22" s="8"/>
      <c r="SXH22" s="8"/>
      <c r="SXI22" s="8"/>
      <c r="SXJ22" s="8"/>
      <c r="SXK22" s="8"/>
      <c r="SXL22" s="8"/>
      <c r="SXM22" s="8"/>
      <c r="SXN22" s="8"/>
      <c r="SXO22" s="8"/>
      <c r="SXP22" s="8"/>
      <c r="SXQ22" s="8"/>
      <c r="SXR22" s="8"/>
      <c r="SXS22" s="8"/>
      <c r="SXT22" s="8"/>
      <c r="SXU22" s="8"/>
      <c r="SXV22" s="8"/>
      <c r="SXW22" s="8"/>
      <c r="SXX22" s="8"/>
      <c r="SXY22" s="8"/>
      <c r="SXZ22" s="8"/>
      <c r="SYA22" s="8"/>
      <c r="SYB22" s="8"/>
      <c r="SYC22" s="8"/>
      <c r="SYD22" s="8"/>
      <c r="SYE22" s="8"/>
      <c r="SYF22" s="8"/>
      <c r="SYG22" s="8"/>
      <c r="SYH22" s="8"/>
      <c r="SYI22" s="8"/>
      <c r="SYJ22" s="8"/>
      <c r="SYK22" s="8"/>
      <c r="SYL22" s="8"/>
      <c r="SYM22" s="8"/>
      <c r="SYN22" s="8"/>
      <c r="SYO22" s="8"/>
      <c r="SYP22" s="8"/>
      <c r="SYQ22" s="8"/>
      <c r="SYR22" s="8"/>
      <c r="SYS22" s="8"/>
      <c r="SYT22" s="8"/>
      <c r="SYU22" s="8"/>
      <c r="SYV22" s="8"/>
      <c r="SYW22" s="8"/>
      <c r="SYX22" s="8"/>
      <c r="SYY22" s="8"/>
      <c r="SYZ22" s="8"/>
      <c r="SZA22" s="8"/>
      <c r="SZB22" s="8"/>
      <c r="SZC22" s="8"/>
      <c r="SZD22" s="8"/>
      <c r="SZE22" s="8"/>
      <c r="SZF22" s="8"/>
      <c r="SZG22" s="8"/>
      <c r="SZH22" s="8"/>
      <c r="SZI22" s="8"/>
      <c r="SZJ22" s="8"/>
      <c r="SZK22" s="8"/>
      <c r="SZL22" s="8"/>
      <c r="SZM22" s="8"/>
      <c r="SZN22" s="8"/>
      <c r="SZO22" s="8"/>
      <c r="SZP22" s="8"/>
      <c r="SZQ22" s="8"/>
      <c r="SZR22" s="8"/>
      <c r="SZS22" s="8"/>
      <c r="SZT22" s="8"/>
      <c r="SZU22" s="8"/>
      <c r="SZV22" s="8"/>
      <c r="SZW22" s="8"/>
      <c r="SZX22" s="8"/>
      <c r="SZY22" s="8"/>
      <c r="SZZ22" s="8"/>
      <c r="TAA22" s="8"/>
      <c r="TAB22" s="8"/>
      <c r="TAC22" s="8"/>
      <c r="TAD22" s="8"/>
      <c r="TAE22" s="8"/>
      <c r="TAF22" s="8"/>
      <c r="TAG22" s="8"/>
      <c r="TAH22" s="8"/>
      <c r="TAI22" s="8"/>
      <c r="TAJ22" s="8"/>
      <c r="TAK22" s="8"/>
      <c r="TAL22" s="8"/>
      <c r="TAM22" s="8"/>
      <c r="TAN22" s="8"/>
      <c r="TAO22" s="8"/>
      <c r="TAP22" s="8"/>
      <c r="TAQ22" s="8"/>
      <c r="TAR22" s="8"/>
      <c r="TAS22" s="8"/>
      <c r="TAT22" s="8"/>
      <c r="TAU22" s="8"/>
      <c r="TAV22" s="8"/>
      <c r="TAW22" s="8"/>
      <c r="TAX22" s="8"/>
      <c r="TAY22" s="8"/>
      <c r="TAZ22" s="8"/>
      <c r="TBA22" s="8"/>
      <c r="TBB22" s="8"/>
      <c r="TBC22" s="8"/>
      <c r="TBD22" s="8"/>
      <c r="TBE22" s="8"/>
      <c r="TBF22" s="8"/>
      <c r="TBG22" s="8"/>
      <c r="TBH22" s="8"/>
      <c r="TBI22" s="8"/>
      <c r="TBJ22" s="8"/>
      <c r="TBK22" s="8"/>
      <c r="TBL22" s="8"/>
      <c r="TBM22" s="8"/>
      <c r="TBN22" s="8"/>
      <c r="TBO22" s="8"/>
      <c r="TBP22" s="8"/>
      <c r="TBQ22" s="8"/>
      <c r="TBR22" s="8"/>
      <c r="TBS22" s="8"/>
      <c r="TBT22" s="8"/>
      <c r="TBU22" s="8"/>
      <c r="TBV22" s="8"/>
      <c r="TBW22" s="8"/>
      <c r="TBX22" s="8"/>
      <c r="TBY22" s="8"/>
      <c r="TBZ22" s="8"/>
      <c r="TCA22" s="8"/>
      <c r="TCB22" s="8"/>
      <c r="TCC22" s="8"/>
      <c r="TCD22" s="8"/>
      <c r="TCE22" s="8"/>
      <c r="TCF22" s="8"/>
      <c r="TCG22" s="8"/>
      <c r="TCH22" s="8"/>
      <c r="TCI22" s="8"/>
      <c r="TCJ22" s="8"/>
      <c r="TCK22" s="8"/>
      <c r="TCL22" s="8"/>
      <c r="TCM22" s="8"/>
      <c r="TCN22" s="8"/>
      <c r="TCO22" s="8"/>
      <c r="TCP22" s="8"/>
      <c r="TCQ22" s="8"/>
      <c r="TCR22" s="8"/>
      <c r="TCS22" s="8"/>
      <c r="TCT22" s="8"/>
      <c r="TCU22" s="8"/>
      <c r="TCV22" s="8"/>
      <c r="TCW22" s="8"/>
      <c r="TCX22" s="8"/>
      <c r="TCY22" s="8"/>
      <c r="TCZ22" s="8"/>
      <c r="TDA22" s="8"/>
      <c r="TDB22" s="8"/>
      <c r="TDC22" s="8"/>
      <c r="TDD22" s="8"/>
      <c r="TDE22" s="8"/>
      <c r="TDF22" s="8"/>
      <c r="TDG22" s="8"/>
      <c r="TDH22" s="8"/>
      <c r="TDI22" s="8"/>
      <c r="TDJ22" s="8"/>
      <c r="TDK22" s="8"/>
      <c r="TDL22" s="8"/>
      <c r="TDM22" s="8"/>
      <c r="TDN22" s="8"/>
      <c r="TDO22" s="8"/>
      <c r="TDP22" s="8"/>
      <c r="TDQ22" s="8"/>
      <c r="TDR22" s="8"/>
      <c r="TDS22" s="8"/>
      <c r="TDT22" s="8"/>
      <c r="TDU22" s="8"/>
      <c r="TDV22" s="8"/>
      <c r="TDW22" s="8"/>
      <c r="TDX22" s="8"/>
      <c r="TDY22" s="8"/>
      <c r="TDZ22" s="8"/>
      <c r="TEA22" s="8"/>
      <c r="TEB22" s="8"/>
      <c r="TEC22" s="8"/>
      <c r="TED22" s="8"/>
      <c r="TEE22" s="8"/>
      <c r="TEF22" s="8"/>
      <c r="TEG22" s="8"/>
      <c r="TEH22" s="8"/>
      <c r="TEI22" s="8"/>
      <c r="TEJ22" s="8"/>
      <c r="TEK22" s="8"/>
      <c r="TEL22" s="8"/>
      <c r="TEM22" s="8"/>
      <c r="TEN22" s="8"/>
      <c r="TEO22" s="8"/>
      <c r="TEP22" s="8"/>
      <c r="TEQ22" s="8"/>
      <c r="TER22" s="8"/>
      <c r="TES22" s="8"/>
      <c r="TET22" s="8"/>
      <c r="TEU22" s="8"/>
      <c r="TEV22" s="8"/>
      <c r="TEW22" s="8"/>
      <c r="TEX22" s="8"/>
      <c r="TEY22" s="8"/>
      <c r="TEZ22" s="8"/>
      <c r="TFA22" s="8"/>
      <c r="TFB22" s="8"/>
      <c r="TFC22" s="8"/>
      <c r="TFD22" s="8"/>
      <c r="TFE22" s="8"/>
      <c r="TFF22" s="8"/>
      <c r="TFG22" s="8"/>
      <c r="TFH22" s="8"/>
      <c r="TFI22" s="8"/>
      <c r="TFJ22" s="8"/>
      <c r="TFK22" s="8"/>
      <c r="TFL22" s="8"/>
      <c r="TFM22" s="8"/>
      <c r="TFN22" s="8"/>
      <c r="TFO22" s="8"/>
      <c r="TFP22" s="8"/>
      <c r="TFQ22" s="8"/>
      <c r="TFR22" s="8"/>
      <c r="TFS22" s="8"/>
      <c r="TFT22" s="8"/>
      <c r="TFU22" s="8"/>
      <c r="TFV22" s="8"/>
      <c r="TFW22" s="8"/>
      <c r="TFX22" s="8"/>
      <c r="TFY22" s="8"/>
      <c r="TFZ22" s="8"/>
      <c r="TGA22" s="8"/>
      <c r="TGB22" s="8"/>
      <c r="TGC22" s="8"/>
      <c r="TGD22" s="8"/>
      <c r="TGE22" s="8"/>
      <c r="TGF22" s="8"/>
      <c r="TGG22" s="8"/>
      <c r="TGH22" s="8"/>
      <c r="TGI22" s="8"/>
      <c r="TGJ22" s="8"/>
      <c r="TGK22" s="8"/>
      <c r="TGL22" s="8"/>
      <c r="TGM22" s="8"/>
      <c r="TGN22" s="8"/>
      <c r="TGO22" s="8"/>
      <c r="TGP22" s="8"/>
      <c r="TGQ22" s="8"/>
      <c r="TGR22" s="8"/>
      <c r="TGS22" s="8"/>
      <c r="TGT22" s="8"/>
      <c r="TGU22" s="8"/>
      <c r="TGV22" s="8"/>
      <c r="TGW22" s="8"/>
      <c r="TGX22" s="8"/>
      <c r="TGY22" s="8"/>
      <c r="TGZ22" s="8"/>
      <c r="THA22" s="8"/>
      <c r="THB22" s="8"/>
      <c r="THC22" s="8"/>
      <c r="THD22" s="8"/>
      <c r="THE22" s="8"/>
      <c r="THF22" s="8"/>
      <c r="THG22" s="8"/>
      <c r="THH22" s="8"/>
      <c r="THI22" s="8"/>
      <c r="THJ22" s="8"/>
      <c r="THK22" s="8"/>
      <c r="THL22" s="8"/>
      <c r="THM22" s="8"/>
      <c r="THN22" s="8"/>
      <c r="THO22" s="8"/>
      <c r="THP22" s="8"/>
      <c r="THQ22" s="8"/>
      <c r="THR22" s="8"/>
      <c r="THS22" s="8"/>
      <c r="THT22" s="8"/>
      <c r="THU22" s="8"/>
      <c r="THV22" s="8"/>
      <c r="THW22" s="8"/>
      <c r="THX22" s="8"/>
      <c r="THY22" s="8"/>
      <c r="THZ22" s="8"/>
      <c r="TIA22" s="8"/>
      <c r="TIB22" s="8"/>
      <c r="TIC22" s="8"/>
      <c r="TID22" s="8"/>
      <c r="TIE22" s="8"/>
      <c r="TIF22" s="8"/>
      <c r="TIG22" s="8"/>
      <c r="TIH22" s="8"/>
      <c r="TII22" s="8"/>
      <c r="TIJ22" s="8"/>
      <c r="TIK22" s="8"/>
      <c r="TIL22" s="8"/>
      <c r="TIM22" s="8"/>
      <c r="TIN22" s="8"/>
      <c r="TIO22" s="8"/>
      <c r="TIP22" s="8"/>
      <c r="TIQ22" s="8"/>
      <c r="TIR22" s="8"/>
      <c r="TIS22" s="8"/>
      <c r="TIT22" s="8"/>
      <c r="TIU22" s="8"/>
      <c r="TIV22" s="8"/>
      <c r="TIW22" s="8"/>
      <c r="TIX22" s="8"/>
      <c r="TIY22" s="8"/>
      <c r="TIZ22" s="8"/>
      <c r="TJA22" s="8"/>
      <c r="TJB22" s="8"/>
      <c r="TJC22" s="8"/>
      <c r="TJD22" s="8"/>
      <c r="TJE22" s="8"/>
      <c r="TJF22" s="8"/>
      <c r="TJG22" s="8"/>
      <c r="TJH22" s="8"/>
      <c r="TJI22" s="8"/>
      <c r="TJJ22" s="8"/>
      <c r="TJK22" s="8"/>
      <c r="TJL22" s="8"/>
      <c r="TJM22" s="8"/>
      <c r="TJN22" s="8"/>
      <c r="TJO22" s="8"/>
      <c r="TJP22" s="8"/>
      <c r="TJQ22" s="8"/>
      <c r="TJR22" s="8"/>
      <c r="TJS22" s="8"/>
      <c r="TJT22" s="8"/>
      <c r="TJU22" s="8"/>
      <c r="TJV22" s="8"/>
      <c r="TJW22" s="8"/>
      <c r="TJX22" s="8"/>
      <c r="TJY22" s="8"/>
      <c r="TJZ22" s="8"/>
      <c r="TKA22" s="8"/>
      <c r="TKB22" s="8"/>
      <c r="TKC22" s="8"/>
      <c r="TKD22" s="8"/>
      <c r="TKE22" s="8"/>
      <c r="TKF22" s="8"/>
      <c r="TKG22" s="8"/>
      <c r="TKH22" s="8"/>
      <c r="TKI22" s="8"/>
      <c r="TKJ22" s="8"/>
      <c r="TKK22" s="8"/>
      <c r="TKL22" s="8"/>
      <c r="TKM22" s="8"/>
      <c r="TKN22" s="8"/>
      <c r="TKO22" s="8"/>
      <c r="TKP22" s="8"/>
      <c r="TKQ22" s="8"/>
      <c r="TKR22" s="8"/>
      <c r="TKS22" s="8"/>
      <c r="TKT22" s="8"/>
      <c r="TKU22" s="8"/>
      <c r="TKV22" s="8"/>
      <c r="TKW22" s="8"/>
      <c r="TKX22" s="8"/>
      <c r="TKY22" s="8"/>
      <c r="TKZ22" s="8"/>
      <c r="TLA22" s="8"/>
      <c r="TLB22" s="8"/>
      <c r="TLC22" s="8"/>
      <c r="TLD22" s="8"/>
      <c r="TLE22" s="8"/>
      <c r="TLF22" s="8"/>
      <c r="TLG22" s="8"/>
      <c r="TLH22" s="8"/>
      <c r="TLI22" s="8"/>
      <c r="TLJ22" s="8"/>
      <c r="TLK22" s="8"/>
      <c r="TLL22" s="8"/>
      <c r="TLM22" s="8"/>
      <c r="TLN22" s="8"/>
      <c r="TLO22" s="8"/>
      <c r="TLP22" s="8"/>
      <c r="TLQ22" s="8"/>
      <c r="TLR22" s="8"/>
      <c r="TLS22" s="8"/>
      <c r="TLT22" s="8"/>
      <c r="TLU22" s="8"/>
      <c r="TLV22" s="8"/>
      <c r="TLW22" s="8"/>
      <c r="TLX22" s="8"/>
      <c r="TLY22" s="8"/>
      <c r="TLZ22" s="8"/>
      <c r="TMA22" s="8"/>
      <c r="TMB22" s="8"/>
      <c r="TMC22" s="8"/>
      <c r="TMD22" s="8"/>
      <c r="TME22" s="8"/>
      <c r="TMF22" s="8"/>
      <c r="TMG22" s="8"/>
      <c r="TMH22" s="8"/>
      <c r="TMI22" s="8"/>
      <c r="TMJ22" s="8"/>
      <c r="TMK22" s="8"/>
      <c r="TML22" s="8"/>
      <c r="TMM22" s="8"/>
      <c r="TMN22" s="8"/>
      <c r="TMO22" s="8"/>
      <c r="TMP22" s="8"/>
      <c r="TMQ22" s="8"/>
      <c r="TMR22" s="8"/>
      <c r="TMS22" s="8"/>
      <c r="TMT22" s="8"/>
      <c r="TMU22" s="8"/>
      <c r="TMV22" s="8"/>
      <c r="TMW22" s="8"/>
      <c r="TMX22" s="8"/>
      <c r="TMY22" s="8"/>
      <c r="TMZ22" s="8"/>
      <c r="TNA22" s="8"/>
      <c r="TNB22" s="8"/>
      <c r="TNC22" s="8"/>
      <c r="TND22" s="8"/>
      <c r="TNE22" s="8"/>
      <c r="TNF22" s="8"/>
      <c r="TNG22" s="8"/>
      <c r="TNH22" s="8"/>
      <c r="TNI22" s="8"/>
      <c r="TNJ22" s="8"/>
      <c r="TNK22" s="8"/>
      <c r="TNL22" s="8"/>
      <c r="TNM22" s="8"/>
      <c r="TNN22" s="8"/>
      <c r="TNO22" s="8"/>
      <c r="TNP22" s="8"/>
      <c r="TNQ22" s="8"/>
      <c r="TNR22" s="8"/>
      <c r="TNS22" s="8"/>
      <c r="TNT22" s="8"/>
      <c r="TNU22" s="8"/>
      <c r="TNV22" s="8"/>
      <c r="TNW22" s="8"/>
      <c r="TNX22" s="8"/>
      <c r="TNY22" s="8"/>
      <c r="TNZ22" s="8"/>
      <c r="TOA22" s="8"/>
      <c r="TOB22" s="8"/>
      <c r="TOC22" s="8"/>
      <c r="TOD22" s="8"/>
      <c r="TOE22" s="8"/>
      <c r="TOF22" s="8"/>
      <c r="TOG22" s="8"/>
      <c r="TOH22" s="8"/>
      <c r="TOI22" s="8"/>
      <c r="TOJ22" s="8"/>
      <c r="TOK22" s="8"/>
      <c r="TOL22" s="8"/>
      <c r="TOM22" s="8"/>
      <c r="TON22" s="8"/>
      <c r="TOO22" s="8"/>
      <c r="TOP22" s="8"/>
      <c r="TOQ22" s="8"/>
      <c r="TOR22" s="8"/>
      <c r="TOS22" s="8"/>
      <c r="TOT22" s="8"/>
      <c r="TOU22" s="8"/>
      <c r="TOV22" s="8"/>
      <c r="TOW22" s="8"/>
      <c r="TOX22" s="8"/>
      <c r="TOY22" s="8"/>
      <c r="TOZ22" s="8"/>
      <c r="TPA22" s="8"/>
      <c r="TPB22" s="8"/>
      <c r="TPC22" s="8"/>
      <c r="TPD22" s="8"/>
      <c r="TPE22" s="8"/>
      <c r="TPF22" s="8"/>
      <c r="TPG22" s="8"/>
      <c r="TPH22" s="8"/>
      <c r="TPI22" s="8"/>
      <c r="TPJ22" s="8"/>
      <c r="TPK22" s="8"/>
      <c r="TPL22" s="8"/>
      <c r="TPM22" s="8"/>
      <c r="TPN22" s="8"/>
      <c r="TPO22" s="8"/>
      <c r="TPP22" s="8"/>
      <c r="TPQ22" s="8"/>
      <c r="TPR22" s="8"/>
      <c r="TPS22" s="8"/>
      <c r="TPT22" s="8"/>
      <c r="TPU22" s="8"/>
      <c r="TPV22" s="8"/>
      <c r="TPW22" s="8"/>
      <c r="TPX22" s="8"/>
      <c r="TPY22" s="8"/>
      <c r="TPZ22" s="8"/>
      <c r="TQA22" s="8"/>
      <c r="TQB22" s="8"/>
      <c r="TQC22" s="8"/>
      <c r="TQD22" s="8"/>
      <c r="TQE22" s="8"/>
      <c r="TQF22" s="8"/>
      <c r="TQG22" s="8"/>
      <c r="TQH22" s="8"/>
      <c r="TQI22" s="8"/>
      <c r="TQJ22" s="8"/>
      <c r="TQK22" s="8"/>
      <c r="TQL22" s="8"/>
      <c r="TQM22" s="8"/>
      <c r="TQN22" s="8"/>
      <c r="TQO22" s="8"/>
      <c r="TQP22" s="8"/>
      <c r="TQQ22" s="8"/>
      <c r="TQR22" s="8"/>
      <c r="TQS22" s="8"/>
      <c r="TQT22" s="8"/>
      <c r="TQU22" s="8"/>
      <c r="TQV22" s="8"/>
      <c r="TQW22" s="8"/>
      <c r="TQX22" s="8"/>
      <c r="TQY22" s="8"/>
      <c r="TQZ22" s="8"/>
      <c r="TRA22" s="8"/>
      <c r="TRB22" s="8"/>
      <c r="TRC22" s="8"/>
      <c r="TRD22" s="8"/>
      <c r="TRE22" s="8"/>
      <c r="TRF22" s="8"/>
      <c r="TRG22" s="8"/>
      <c r="TRH22" s="8"/>
      <c r="TRI22" s="8"/>
      <c r="TRJ22" s="8"/>
      <c r="TRK22" s="8"/>
      <c r="TRL22" s="8"/>
      <c r="TRM22" s="8"/>
      <c r="TRN22" s="8"/>
      <c r="TRO22" s="8"/>
      <c r="TRP22" s="8"/>
      <c r="TRQ22" s="8"/>
      <c r="TRR22" s="8"/>
      <c r="TRS22" s="8"/>
      <c r="TRT22" s="8"/>
      <c r="TRU22" s="8"/>
      <c r="TRV22" s="8"/>
      <c r="TRW22" s="8"/>
      <c r="TRX22" s="8"/>
      <c r="TRY22" s="8"/>
      <c r="TRZ22" s="8"/>
      <c r="TSA22" s="8"/>
      <c r="TSB22" s="8"/>
      <c r="TSC22" s="8"/>
      <c r="TSD22" s="8"/>
      <c r="TSE22" s="8"/>
      <c r="TSF22" s="8"/>
      <c r="TSG22" s="8"/>
      <c r="TSH22" s="8"/>
      <c r="TSI22" s="8"/>
      <c r="TSJ22" s="8"/>
      <c r="TSK22" s="8"/>
      <c r="TSL22" s="8"/>
      <c r="TSM22" s="8"/>
      <c r="TSN22" s="8"/>
      <c r="TSO22" s="8"/>
      <c r="TSP22" s="8"/>
      <c r="TSQ22" s="8"/>
      <c r="TSR22" s="8"/>
      <c r="TSS22" s="8"/>
      <c r="TST22" s="8"/>
      <c r="TSU22" s="8"/>
      <c r="TSV22" s="8"/>
      <c r="TSW22" s="8"/>
      <c r="TSX22" s="8"/>
      <c r="TSY22" s="8"/>
      <c r="TSZ22" s="8"/>
      <c r="TTA22" s="8"/>
      <c r="TTB22" s="8"/>
      <c r="TTC22" s="8"/>
      <c r="TTD22" s="8"/>
      <c r="TTE22" s="8"/>
      <c r="TTF22" s="8"/>
      <c r="TTG22" s="8"/>
      <c r="TTH22" s="8"/>
      <c r="TTI22" s="8"/>
      <c r="TTJ22" s="8"/>
      <c r="TTK22" s="8"/>
      <c r="TTL22" s="8"/>
      <c r="TTM22" s="8"/>
      <c r="TTN22" s="8"/>
      <c r="TTO22" s="8"/>
      <c r="TTP22" s="8"/>
      <c r="TTQ22" s="8"/>
      <c r="TTR22" s="8"/>
      <c r="TTS22" s="8"/>
      <c r="TTT22" s="8"/>
      <c r="TTU22" s="8"/>
      <c r="TTV22" s="8"/>
      <c r="TTW22" s="8"/>
      <c r="TTX22" s="8"/>
      <c r="TTY22" s="8"/>
      <c r="TTZ22" s="8"/>
      <c r="TUA22" s="8"/>
      <c r="TUB22" s="8"/>
      <c r="TUC22" s="8"/>
      <c r="TUD22" s="8"/>
      <c r="TUE22" s="8"/>
      <c r="TUF22" s="8"/>
      <c r="TUG22" s="8"/>
      <c r="TUH22" s="8"/>
      <c r="TUI22" s="8"/>
      <c r="TUJ22" s="8"/>
      <c r="TUK22" s="8"/>
      <c r="TUL22" s="8"/>
      <c r="TUM22" s="8"/>
      <c r="TUN22" s="8"/>
      <c r="TUO22" s="8"/>
      <c r="TUP22" s="8"/>
      <c r="TUQ22" s="8"/>
      <c r="TUR22" s="8"/>
      <c r="TUS22" s="8"/>
      <c r="TUT22" s="8"/>
      <c r="TUU22" s="8"/>
      <c r="TUV22" s="8"/>
      <c r="TUW22" s="8"/>
      <c r="TUX22" s="8"/>
      <c r="TUY22" s="8"/>
      <c r="TUZ22" s="8"/>
      <c r="TVA22" s="8"/>
      <c r="TVB22" s="8"/>
      <c r="TVC22" s="8"/>
      <c r="TVD22" s="8"/>
      <c r="TVE22" s="8"/>
      <c r="TVF22" s="8"/>
      <c r="TVG22" s="8"/>
      <c r="TVH22" s="8"/>
      <c r="TVI22" s="8"/>
      <c r="TVJ22" s="8"/>
      <c r="TVK22" s="8"/>
      <c r="TVL22" s="8"/>
      <c r="TVM22" s="8"/>
      <c r="TVN22" s="8"/>
      <c r="TVO22" s="8"/>
      <c r="TVP22" s="8"/>
      <c r="TVQ22" s="8"/>
      <c r="TVR22" s="8"/>
      <c r="TVS22" s="8"/>
      <c r="TVT22" s="8"/>
      <c r="TVU22" s="8"/>
      <c r="TVV22" s="8"/>
      <c r="TVW22" s="8"/>
      <c r="TVX22" s="8"/>
      <c r="TVY22" s="8"/>
      <c r="TVZ22" s="8"/>
      <c r="TWA22" s="8"/>
      <c r="TWB22" s="8"/>
      <c r="TWC22" s="8"/>
      <c r="TWD22" s="8"/>
      <c r="TWE22" s="8"/>
      <c r="TWF22" s="8"/>
      <c r="TWG22" s="8"/>
      <c r="TWH22" s="8"/>
      <c r="TWI22" s="8"/>
      <c r="TWJ22" s="8"/>
      <c r="TWK22" s="8"/>
      <c r="TWL22" s="8"/>
      <c r="TWM22" s="8"/>
      <c r="TWN22" s="8"/>
      <c r="TWO22" s="8"/>
      <c r="TWP22" s="8"/>
      <c r="TWQ22" s="8"/>
      <c r="TWR22" s="8"/>
      <c r="TWS22" s="8"/>
      <c r="TWT22" s="8"/>
      <c r="TWU22" s="8"/>
      <c r="TWV22" s="8"/>
      <c r="TWW22" s="8"/>
      <c r="TWX22" s="8"/>
      <c r="TWY22" s="8"/>
      <c r="TWZ22" s="8"/>
      <c r="TXA22" s="8"/>
      <c r="TXB22" s="8"/>
      <c r="TXC22" s="8"/>
      <c r="TXD22" s="8"/>
      <c r="TXE22" s="8"/>
      <c r="TXF22" s="8"/>
      <c r="TXG22" s="8"/>
      <c r="TXH22" s="8"/>
      <c r="TXI22" s="8"/>
      <c r="TXJ22" s="8"/>
      <c r="TXK22" s="8"/>
      <c r="TXL22" s="8"/>
      <c r="TXM22" s="8"/>
      <c r="TXN22" s="8"/>
      <c r="TXO22" s="8"/>
      <c r="TXP22" s="8"/>
      <c r="TXQ22" s="8"/>
      <c r="TXR22" s="8"/>
      <c r="TXS22" s="8"/>
      <c r="TXT22" s="8"/>
      <c r="TXU22" s="8"/>
      <c r="TXV22" s="8"/>
      <c r="TXW22" s="8"/>
      <c r="TXX22" s="8"/>
      <c r="TXY22" s="8"/>
      <c r="TXZ22" s="8"/>
      <c r="TYA22" s="8"/>
      <c r="TYB22" s="8"/>
      <c r="TYC22" s="8"/>
      <c r="TYD22" s="8"/>
      <c r="TYE22" s="8"/>
      <c r="TYF22" s="8"/>
      <c r="TYG22" s="8"/>
      <c r="TYH22" s="8"/>
      <c r="TYI22" s="8"/>
      <c r="TYJ22" s="8"/>
      <c r="TYK22" s="8"/>
      <c r="TYL22" s="8"/>
      <c r="TYM22" s="8"/>
      <c r="TYN22" s="8"/>
      <c r="TYO22" s="8"/>
      <c r="TYP22" s="8"/>
      <c r="TYQ22" s="8"/>
      <c r="TYR22" s="8"/>
      <c r="TYS22" s="8"/>
      <c r="TYT22" s="8"/>
      <c r="TYU22" s="8"/>
      <c r="TYV22" s="8"/>
      <c r="TYW22" s="8"/>
      <c r="TYX22" s="8"/>
      <c r="TYY22" s="8"/>
      <c r="TYZ22" s="8"/>
      <c r="TZA22" s="8"/>
      <c r="TZB22" s="8"/>
      <c r="TZC22" s="8"/>
      <c r="TZD22" s="8"/>
      <c r="TZE22" s="8"/>
      <c r="TZF22" s="8"/>
      <c r="TZG22" s="8"/>
      <c r="TZH22" s="8"/>
      <c r="TZI22" s="8"/>
      <c r="TZJ22" s="8"/>
      <c r="TZK22" s="8"/>
      <c r="TZL22" s="8"/>
      <c r="TZM22" s="8"/>
      <c r="TZN22" s="8"/>
      <c r="TZO22" s="8"/>
      <c r="TZP22" s="8"/>
      <c r="TZQ22" s="8"/>
      <c r="TZR22" s="8"/>
      <c r="TZS22" s="8"/>
      <c r="TZT22" s="8"/>
      <c r="TZU22" s="8"/>
      <c r="TZV22" s="8"/>
      <c r="TZW22" s="8"/>
      <c r="TZX22" s="8"/>
      <c r="TZY22" s="8"/>
      <c r="TZZ22" s="8"/>
      <c r="UAA22" s="8"/>
      <c r="UAB22" s="8"/>
      <c r="UAC22" s="8"/>
      <c r="UAD22" s="8"/>
      <c r="UAE22" s="8"/>
      <c r="UAF22" s="8"/>
      <c r="UAG22" s="8"/>
      <c r="UAH22" s="8"/>
      <c r="UAI22" s="8"/>
      <c r="UAJ22" s="8"/>
      <c r="UAK22" s="8"/>
      <c r="UAL22" s="8"/>
      <c r="UAM22" s="8"/>
      <c r="UAN22" s="8"/>
      <c r="UAO22" s="8"/>
      <c r="UAP22" s="8"/>
      <c r="UAQ22" s="8"/>
      <c r="UAR22" s="8"/>
      <c r="UAS22" s="8"/>
      <c r="UAT22" s="8"/>
      <c r="UAU22" s="8"/>
      <c r="UAV22" s="8"/>
      <c r="UAW22" s="8"/>
      <c r="UAX22" s="8"/>
      <c r="UAY22" s="8"/>
      <c r="UAZ22" s="8"/>
      <c r="UBA22" s="8"/>
      <c r="UBB22" s="8"/>
      <c r="UBC22" s="8"/>
      <c r="UBD22" s="8"/>
      <c r="UBE22" s="8"/>
      <c r="UBF22" s="8"/>
      <c r="UBG22" s="8"/>
      <c r="UBH22" s="8"/>
      <c r="UBI22" s="8"/>
      <c r="UBJ22" s="8"/>
      <c r="UBK22" s="8"/>
      <c r="UBL22" s="8"/>
      <c r="UBM22" s="8"/>
      <c r="UBN22" s="8"/>
      <c r="UBO22" s="8"/>
      <c r="UBP22" s="8"/>
      <c r="UBQ22" s="8"/>
      <c r="UBR22" s="8"/>
      <c r="UBS22" s="8"/>
      <c r="UBT22" s="8"/>
      <c r="UBU22" s="8"/>
      <c r="UBV22" s="8"/>
      <c r="UBW22" s="8"/>
      <c r="UBX22" s="8"/>
      <c r="UBY22" s="8"/>
      <c r="UBZ22" s="8"/>
      <c r="UCA22" s="8"/>
      <c r="UCB22" s="8"/>
      <c r="UCC22" s="8"/>
      <c r="UCD22" s="8"/>
      <c r="UCE22" s="8"/>
      <c r="UCF22" s="8"/>
      <c r="UCG22" s="8"/>
      <c r="UCH22" s="8"/>
      <c r="UCI22" s="8"/>
      <c r="UCJ22" s="8"/>
      <c r="UCK22" s="8"/>
      <c r="UCL22" s="8"/>
      <c r="UCM22" s="8"/>
      <c r="UCN22" s="8"/>
      <c r="UCO22" s="8"/>
      <c r="UCP22" s="8"/>
      <c r="UCQ22" s="8"/>
      <c r="UCR22" s="8"/>
      <c r="UCS22" s="8"/>
      <c r="UCT22" s="8"/>
      <c r="UCU22" s="8"/>
      <c r="UCV22" s="8"/>
      <c r="UCW22" s="8"/>
      <c r="UCX22" s="8"/>
      <c r="UCY22" s="8"/>
      <c r="UCZ22" s="8"/>
      <c r="UDA22" s="8"/>
      <c r="UDB22" s="8"/>
      <c r="UDC22" s="8"/>
      <c r="UDD22" s="8"/>
      <c r="UDE22" s="8"/>
      <c r="UDF22" s="8"/>
      <c r="UDG22" s="8"/>
      <c r="UDH22" s="8"/>
      <c r="UDI22" s="8"/>
      <c r="UDJ22" s="8"/>
      <c r="UDK22" s="8"/>
      <c r="UDL22" s="8"/>
      <c r="UDM22" s="8"/>
      <c r="UDN22" s="8"/>
      <c r="UDO22" s="8"/>
      <c r="UDP22" s="8"/>
      <c r="UDQ22" s="8"/>
      <c r="UDR22" s="8"/>
      <c r="UDS22" s="8"/>
      <c r="UDT22" s="8"/>
      <c r="UDU22" s="8"/>
      <c r="UDV22" s="8"/>
      <c r="UDW22" s="8"/>
      <c r="UDX22" s="8"/>
      <c r="UDY22" s="8"/>
      <c r="UDZ22" s="8"/>
      <c r="UEA22" s="8"/>
      <c r="UEB22" s="8"/>
      <c r="UEC22" s="8"/>
      <c r="UED22" s="8"/>
      <c r="UEE22" s="8"/>
      <c r="UEF22" s="8"/>
      <c r="UEG22" s="8"/>
      <c r="UEH22" s="8"/>
      <c r="UEI22" s="8"/>
      <c r="UEJ22" s="8"/>
      <c r="UEK22" s="8"/>
      <c r="UEL22" s="8"/>
      <c r="UEM22" s="8"/>
      <c r="UEN22" s="8"/>
      <c r="UEO22" s="8"/>
      <c r="UEP22" s="8"/>
      <c r="UEQ22" s="8"/>
      <c r="UER22" s="8"/>
      <c r="UES22" s="8"/>
      <c r="UET22" s="8"/>
      <c r="UEU22" s="8"/>
      <c r="UEV22" s="8"/>
      <c r="UEW22" s="8"/>
      <c r="UEX22" s="8"/>
      <c r="UEY22" s="8"/>
      <c r="UEZ22" s="8"/>
      <c r="UFA22" s="8"/>
      <c r="UFB22" s="8"/>
      <c r="UFC22" s="8"/>
      <c r="UFD22" s="8"/>
      <c r="UFE22" s="8"/>
      <c r="UFF22" s="8"/>
      <c r="UFG22" s="8"/>
      <c r="UFH22" s="8"/>
      <c r="UFI22" s="8"/>
      <c r="UFJ22" s="8"/>
      <c r="UFK22" s="8"/>
      <c r="UFL22" s="8"/>
      <c r="UFM22" s="8"/>
      <c r="UFN22" s="8"/>
      <c r="UFO22" s="8"/>
      <c r="UFP22" s="8"/>
      <c r="UFQ22" s="8"/>
      <c r="UFR22" s="8"/>
      <c r="UFS22" s="8"/>
      <c r="UFT22" s="8"/>
      <c r="UFU22" s="8"/>
      <c r="UFV22" s="8"/>
      <c r="UFW22" s="8"/>
      <c r="UFX22" s="8"/>
      <c r="UFY22" s="8"/>
      <c r="UFZ22" s="8"/>
      <c r="UGA22" s="8"/>
      <c r="UGB22" s="8"/>
      <c r="UGC22" s="8"/>
      <c r="UGD22" s="8"/>
      <c r="UGE22" s="8"/>
      <c r="UGF22" s="8"/>
      <c r="UGG22" s="8"/>
      <c r="UGH22" s="8"/>
      <c r="UGI22" s="8"/>
      <c r="UGJ22" s="8"/>
      <c r="UGK22" s="8"/>
      <c r="UGL22" s="8"/>
      <c r="UGM22" s="8"/>
      <c r="UGN22" s="8"/>
      <c r="UGO22" s="8"/>
      <c r="UGP22" s="8"/>
      <c r="UGQ22" s="8"/>
      <c r="UGR22" s="8"/>
      <c r="UGS22" s="8"/>
      <c r="UGT22" s="8"/>
      <c r="UGU22" s="8"/>
      <c r="UGV22" s="8"/>
      <c r="UGW22" s="8"/>
      <c r="UGX22" s="8"/>
      <c r="UGY22" s="8"/>
      <c r="UGZ22" s="8"/>
      <c r="UHA22" s="8"/>
      <c r="UHB22" s="8"/>
      <c r="UHC22" s="8"/>
      <c r="UHD22" s="8"/>
      <c r="UHE22" s="8"/>
      <c r="UHF22" s="8"/>
      <c r="UHG22" s="8"/>
      <c r="UHH22" s="8"/>
      <c r="UHI22" s="8"/>
      <c r="UHJ22" s="8"/>
      <c r="UHK22" s="8"/>
      <c r="UHL22" s="8"/>
      <c r="UHM22" s="8"/>
      <c r="UHN22" s="8"/>
      <c r="UHO22" s="8"/>
      <c r="UHP22" s="8"/>
      <c r="UHQ22" s="8"/>
      <c r="UHR22" s="8"/>
      <c r="UHS22" s="8"/>
      <c r="UHT22" s="8"/>
      <c r="UHU22" s="8"/>
      <c r="UHV22" s="8"/>
      <c r="UHW22" s="8"/>
      <c r="UHX22" s="8"/>
      <c r="UHY22" s="8"/>
      <c r="UHZ22" s="8"/>
      <c r="UIA22" s="8"/>
      <c r="UIB22" s="8"/>
      <c r="UIC22" s="8"/>
      <c r="UID22" s="8"/>
      <c r="UIE22" s="8"/>
      <c r="UIF22" s="8"/>
      <c r="UIG22" s="8"/>
      <c r="UIH22" s="8"/>
      <c r="UII22" s="8"/>
      <c r="UIJ22" s="8"/>
      <c r="UIK22" s="8"/>
      <c r="UIL22" s="8"/>
      <c r="UIM22" s="8"/>
      <c r="UIN22" s="8"/>
      <c r="UIO22" s="8"/>
      <c r="UIP22" s="8"/>
      <c r="UIQ22" s="8"/>
      <c r="UIR22" s="8"/>
      <c r="UIS22" s="8"/>
      <c r="UIT22" s="8"/>
      <c r="UIU22" s="8"/>
      <c r="UIV22" s="8"/>
      <c r="UIW22" s="8"/>
      <c r="UIX22" s="8"/>
      <c r="UIY22" s="8"/>
      <c r="UIZ22" s="8"/>
      <c r="UJA22" s="8"/>
      <c r="UJB22" s="8"/>
      <c r="UJC22" s="8"/>
      <c r="UJD22" s="8"/>
      <c r="UJE22" s="8"/>
      <c r="UJF22" s="8"/>
      <c r="UJG22" s="8"/>
      <c r="UJH22" s="8"/>
      <c r="UJI22" s="8"/>
      <c r="UJJ22" s="8"/>
      <c r="UJK22" s="8"/>
      <c r="UJL22" s="8"/>
      <c r="UJM22" s="8"/>
      <c r="UJN22" s="8"/>
      <c r="UJO22" s="8"/>
      <c r="UJP22" s="8"/>
      <c r="UJQ22" s="8"/>
      <c r="UJR22" s="8"/>
      <c r="UJS22" s="8"/>
      <c r="UJT22" s="8"/>
      <c r="UJU22" s="8"/>
      <c r="UJV22" s="8"/>
      <c r="UJW22" s="8"/>
      <c r="UJX22" s="8"/>
      <c r="UJY22" s="8"/>
      <c r="UJZ22" s="8"/>
      <c r="UKA22" s="8"/>
      <c r="UKB22" s="8"/>
      <c r="UKC22" s="8"/>
      <c r="UKD22" s="8"/>
      <c r="UKE22" s="8"/>
      <c r="UKF22" s="8"/>
      <c r="UKG22" s="8"/>
      <c r="UKH22" s="8"/>
      <c r="UKI22" s="8"/>
      <c r="UKJ22" s="8"/>
      <c r="UKK22" s="8"/>
      <c r="UKL22" s="8"/>
      <c r="UKM22" s="8"/>
      <c r="UKN22" s="8"/>
      <c r="UKO22" s="8"/>
      <c r="UKP22" s="8"/>
      <c r="UKQ22" s="8"/>
      <c r="UKR22" s="8"/>
      <c r="UKS22" s="8"/>
      <c r="UKT22" s="8"/>
      <c r="UKU22" s="8"/>
      <c r="UKV22" s="8"/>
      <c r="UKW22" s="8"/>
      <c r="UKX22" s="8"/>
      <c r="UKY22" s="8"/>
      <c r="UKZ22" s="8"/>
      <c r="ULA22" s="8"/>
      <c r="ULB22" s="8"/>
      <c r="ULC22" s="8"/>
      <c r="ULD22" s="8"/>
      <c r="ULE22" s="8"/>
      <c r="ULF22" s="8"/>
      <c r="ULG22" s="8"/>
      <c r="ULH22" s="8"/>
      <c r="ULI22" s="8"/>
      <c r="ULJ22" s="8"/>
      <c r="ULK22" s="8"/>
      <c r="ULL22" s="8"/>
      <c r="ULM22" s="8"/>
      <c r="ULN22" s="8"/>
      <c r="ULO22" s="8"/>
      <c r="ULP22" s="8"/>
      <c r="ULQ22" s="8"/>
      <c r="ULR22" s="8"/>
      <c r="ULS22" s="8"/>
      <c r="ULT22" s="8"/>
      <c r="ULU22" s="8"/>
      <c r="ULV22" s="8"/>
      <c r="ULW22" s="8"/>
      <c r="ULX22" s="8"/>
      <c r="ULY22" s="8"/>
      <c r="ULZ22" s="8"/>
      <c r="UMA22" s="8"/>
      <c r="UMB22" s="8"/>
      <c r="UMC22" s="8"/>
      <c r="UMD22" s="8"/>
      <c r="UME22" s="8"/>
      <c r="UMF22" s="8"/>
      <c r="UMG22" s="8"/>
      <c r="UMH22" s="8"/>
      <c r="UMI22" s="8"/>
      <c r="UMJ22" s="8"/>
      <c r="UMK22" s="8"/>
      <c r="UML22" s="8"/>
      <c r="UMM22" s="8"/>
      <c r="UMN22" s="8"/>
      <c r="UMO22" s="8"/>
      <c r="UMP22" s="8"/>
      <c r="UMQ22" s="8"/>
      <c r="UMR22" s="8"/>
      <c r="UMS22" s="8"/>
      <c r="UMT22" s="8"/>
      <c r="UMU22" s="8"/>
      <c r="UMV22" s="8"/>
      <c r="UMW22" s="8"/>
      <c r="UMX22" s="8"/>
      <c r="UMY22" s="8"/>
      <c r="UMZ22" s="8"/>
      <c r="UNA22" s="8"/>
      <c r="UNB22" s="8"/>
      <c r="UNC22" s="8"/>
      <c r="UND22" s="8"/>
      <c r="UNE22" s="8"/>
      <c r="UNF22" s="8"/>
      <c r="UNG22" s="8"/>
      <c r="UNH22" s="8"/>
      <c r="UNI22" s="8"/>
      <c r="UNJ22" s="8"/>
      <c r="UNK22" s="8"/>
      <c r="UNL22" s="8"/>
      <c r="UNM22" s="8"/>
      <c r="UNN22" s="8"/>
      <c r="UNO22" s="8"/>
      <c r="UNP22" s="8"/>
      <c r="UNQ22" s="8"/>
      <c r="UNR22" s="8"/>
      <c r="UNS22" s="8"/>
      <c r="UNT22" s="8"/>
      <c r="UNU22" s="8"/>
      <c r="UNV22" s="8"/>
      <c r="UNW22" s="8"/>
      <c r="UNX22" s="8"/>
      <c r="UNY22" s="8"/>
      <c r="UNZ22" s="8"/>
      <c r="UOA22" s="8"/>
      <c r="UOB22" s="8"/>
      <c r="UOC22" s="8"/>
      <c r="UOD22" s="8"/>
      <c r="UOE22" s="8"/>
      <c r="UOF22" s="8"/>
      <c r="UOG22" s="8"/>
      <c r="UOH22" s="8"/>
      <c r="UOI22" s="8"/>
      <c r="UOJ22" s="8"/>
      <c r="UOK22" s="8"/>
      <c r="UOL22" s="8"/>
      <c r="UOM22" s="8"/>
      <c r="UON22" s="8"/>
      <c r="UOO22" s="8"/>
      <c r="UOP22" s="8"/>
      <c r="UOQ22" s="8"/>
      <c r="UOR22" s="8"/>
      <c r="UOS22" s="8"/>
      <c r="UOT22" s="8"/>
      <c r="UOU22" s="8"/>
      <c r="UOV22" s="8"/>
      <c r="UOW22" s="8"/>
      <c r="UOX22" s="8"/>
      <c r="UOY22" s="8"/>
      <c r="UOZ22" s="8"/>
      <c r="UPA22" s="8"/>
      <c r="UPB22" s="8"/>
      <c r="UPC22" s="8"/>
      <c r="UPD22" s="8"/>
      <c r="UPE22" s="8"/>
      <c r="UPF22" s="8"/>
      <c r="UPG22" s="8"/>
      <c r="UPH22" s="8"/>
      <c r="UPI22" s="8"/>
      <c r="UPJ22" s="8"/>
      <c r="UPK22" s="8"/>
      <c r="UPL22" s="8"/>
      <c r="UPM22" s="8"/>
      <c r="UPN22" s="8"/>
      <c r="UPO22" s="8"/>
      <c r="UPP22" s="8"/>
      <c r="UPQ22" s="8"/>
      <c r="UPR22" s="8"/>
      <c r="UPS22" s="8"/>
      <c r="UPT22" s="8"/>
      <c r="UPU22" s="8"/>
      <c r="UPV22" s="8"/>
      <c r="UPW22" s="8"/>
      <c r="UPX22" s="8"/>
      <c r="UPY22" s="8"/>
      <c r="UPZ22" s="8"/>
      <c r="UQA22" s="8"/>
      <c r="UQB22" s="8"/>
      <c r="UQC22" s="8"/>
      <c r="UQD22" s="8"/>
      <c r="UQE22" s="8"/>
      <c r="UQF22" s="8"/>
      <c r="UQG22" s="8"/>
      <c r="UQH22" s="8"/>
      <c r="UQI22" s="8"/>
      <c r="UQJ22" s="8"/>
      <c r="UQK22" s="8"/>
      <c r="UQL22" s="8"/>
      <c r="UQM22" s="8"/>
      <c r="UQN22" s="8"/>
      <c r="UQO22" s="8"/>
      <c r="UQP22" s="8"/>
      <c r="UQQ22" s="8"/>
      <c r="UQR22" s="8"/>
      <c r="UQS22" s="8"/>
      <c r="UQT22" s="8"/>
      <c r="UQU22" s="8"/>
      <c r="UQV22" s="8"/>
      <c r="UQW22" s="8"/>
      <c r="UQX22" s="8"/>
      <c r="UQY22" s="8"/>
      <c r="UQZ22" s="8"/>
      <c r="URA22" s="8"/>
      <c r="URB22" s="8"/>
      <c r="URC22" s="8"/>
      <c r="URD22" s="8"/>
      <c r="URE22" s="8"/>
      <c r="URF22" s="8"/>
      <c r="URG22" s="8"/>
      <c r="URH22" s="8"/>
      <c r="URI22" s="8"/>
      <c r="URJ22" s="8"/>
      <c r="URK22" s="8"/>
      <c r="URL22" s="8"/>
      <c r="URM22" s="8"/>
      <c r="URN22" s="8"/>
      <c r="URO22" s="8"/>
      <c r="URP22" s="8"/>
      <c r="URQ22" s="8"/>
      <c r="URR22" s="8"/>
      <c r="URS22" s="8"/>
      <c r="URT22" s="8"/>
      <c r="URU22" s="8"/>
      <c r="URV22" s="8"/>
      <c r="URW22" s="8"/>
      <c r="URX22" s="8"/>
      <c r="URY22" s="8"/>
      <c r="URZ22" s="8"/>
      <c r="USA22" s="8"/>
      <c r="USB22" s="8"/>
      <c r="USC22" s="8"/>
      <c r="USD22" s="8"/>
      <c r="USE22" s="8"/>
      <c r="USF22" s="8"/>
      <c r="USG22" s="8"/>
      <c r="USH22" s="8"/>
      <c r="USI22" s="8"/>
      <c r="USJ22" s="8"/>
      <c r="USK22" s="8"/>
      <c r="USL22" s="8"/>
      <c r="USM22" s="8"/>
      <c r="USN22" s="8"/>
      <c r="USO22" s="8"/>
      <c r="USP22" s="8"/>
      <c r="USQ22" s="8"/>
      <c r="USR22" s="8"/>
      <c r="USS22" s="8"/>
      <c r="UST22" s="8"/>
      <c r="USU22" s="8"/>
      <c r="USV22" s="8"/>
      <c r="USW22" s="8"/>
      <c r="USX22" s="8"/>
      <c r="USY22" s="8"/>
      <c r="USZ22" s="8"/>
      <c r="UTA22" s="8"/>
      <c r="UTB22" s="8"/>
      <c r="UTC22" s="8"/>
      <c r="UTD22" s="8"/>
      <c r="UTE22" s="8"/>
      <c r="UTF22" s="8"/>
      <c r="UTG22" s="8"/>
      <c r="UTH22" s="8"/>
      <c r="UTI22" s="8"/>
      <c r="UTJ22" s="8"/>
      <c r="UTK22" s="8"/>
      <c r="UTL22" s="8"/>
      <c r="UTM22" s="8"/>
      <c r="UTN22" s="8"/>
      <c r="UTO22" s="8"/>
      <c r="UTP22" s="8"/>
      <c r="UTQ22" s="8"/>
      <c r="UTR22" s="8"/>
      <c r="UTS22" s="8"/>
      <c r="UTT22" s="8"/>
      <c r="UTU22" s="8"/>
      <c r="UTV22" s="8"/>
      <c r="UTW22" s="8"/>
      <c r="UTX22" s="8"/>
      <c r="UTY22" s="8"/>
      <c r="UTZ22" s="8"/>
      <c r="UUA22" s="8"/>
      <c r="UUB22" s="8"/>
      <c r="UUC22" s="8"/>
      <c r="UUD22" s="8"/>
      <c r="UUE22" s="8"/>
      <c r="UUF22" s="8"/>
      <c r="UUG22" s="8"/>
      <c r="UUH22" s="8"/>
      <c r="UUI22" s="8"/>
      <c r="UUJ22" s="8"/>
      <c r="UUK22" s="8"/>
      <c r="UUL22" s="8"/>
      <c r="UUM22" s="8"/>
      <c r="UUN22" s="8"/>
      <c r="UUO22" s="8"/>
      <c r="UUP22" s="8"/>
      <c r="UUQ22" s="8"/>
      <c r="UUR22" s="8"/>
      <c r="UUS22" s="8"/>
      <c r="UUT22" s="8"/>
      <c r="UUU22" s="8"/>
      <c r="UUV22" s="8"/>
      <c r="UUW22" s="8"/>
      <c r="UUX22" s="8"/>
      <c r="UUY22" s="8"/>
      <c r="UUZ22" s="8"/>
      <c r="UVA22" s="8"/>
      <c r="UVB22" s="8"/>
      <c r="UVC22" s="8"/>
      <c r="UVD22" s="8"/>
      <c r="UVE22" s="8"/>
      <c r="UVF22" s="8"/>
      <c r="UVG22" s="8"/>
      <c r="UVH22" s="8"/>
      <c r="UVI22" s="8"/>
      <c r="UVJ22" s="8"/>
      <c r="UVK22" s="8"/>
      <c r="UVL22" s="8"/>
      <c r="UVM22" s="8"/>
      <c r="UVN22" s="8"/>
      <c r="UVO22" s="8"/>
      <c r="UVP22" s="8"/>
      <c r="UVQ22" s="8"/>
      <c r="UVR22" s="8"/>
      <c r="UVS22" s="8"/>
      <c r="UVT22" s="8"/>
      <c r="UVU22" s="8"/>
      <c r="UVV22" s="8"/>
      <c r="UVW22" s="8"/>
      <c r="UVX22" s="8"/>
      <c r="UVY22" s="8"/>
      <c r="UVZ22" s="8"/>
      <c r="UWA22" s="8"/>
      <c r="UWB22" s="8"/>
      <c r="UWC22" s="8"/>
      <c r="UWD22" s="8"/>
      <c r="UWE22" s="8"/>
      <c r="UWF22" s="8"/>
      <c r="UWG22" s="8"/>
      <c r="UWH22" s="8"/>
      <c r="UWI22" s="8"/>
      <c r="UWJ22" s="8"/>
      <c r="UWK22" s="8"/>
      <c r="UWL22" s="8"/>
      <c r="UWM22" s="8"/>
      <c r="UWN22" s="8"/>
      <c r="UWO22" s="8"/>
      <c r="UWP22" s="8"/>
      <c r="UWQ22" s="8"/>
      <c r="UWR22" s="8"/>
      <c r="UWS22" s="8"/>
      <c r="UWT22" s="8"/>
      <c r="UWU22" s="8"/>
      <c r="UWV22" s="8"/>
      <c r="UWW22" s="8"/>
      <c r="UWX22" s="8"/>
      <c r="UWY22" s="8"/>
      <c r="UWZ22" s="8"/>
      <c r="UXA22" s="8"/>
      <c r="UXB22" s="8"/>
      <c r="UXC22" s="8"/>
      <c r="UXD22" s="8"/>
      <c r="UXE22" s="8"/>
      <c r="UXF22" s="8"/>
      <c r="UXG22" s="8"/>
      <c r="UXH22" s="8"/>
      <c r="UXI22" s="8"/>
      <c r="UXJ22" s="8"/>
      <c r="UXK22" s="8"/>
      <c r="UXL22" s="8"/>
      <c r="UXM22" s="8"/>
      <c r="UXN22" s="8"/>
      <c r="UXO22" s="8"/>
      <c r="UXP22" s="8"/>
      <c r="UXQ22" s="8"/>
      <c r="UXR22" s="8"/>
      <c r="UXS22" s="8"/>
      <c r="UXT22" s="8"/>
      <c r="UXU22" s="8"/>
      <c r="UXV22" s="8"/>
      <c r="UXW22" s="8"/>
      <c r="UXX22" s="8"/>
      <c r="UXY22" s="8"/>
      <c r="UXZ22" s="8"/>
      <c r="UYA22" s="8"/>
      <c r="UYB22" s="8"/>
      <c r="UYC22" s="8"/>
      <c r="UYD22" s="8"/>
      <c r="UYE22" s="8"/>
      <c r="UYF22" s="8"/>
      <c r="UYG22" s="8"/>
      <c r="UYH22" s="8"/>
      <c r="UYI22" s="8"/>
      <c r="UYJ22" s="8"/>
      <c r="UYK22" s="8"/>
      <c r="UYL22" s="8"/>
      <c r="UYM22" s="8"/>
      <c r="UYN22" s="8"/>
      <c r="UYO22" s="8"/>
      <c r="UYP22" s="8"/>
      <c r="UYQ22" s="8"/>
      <c r="UYR22" s="8"/>
      <c r="UYS22" s="8"/>
      <c r="UYT22" s="8"/>
      <c r="UYU22" s="8"/>
      <c r="UYV22" s="8"/>
      <c r="UYW22" s="8"/>
      <c r="UYX22" s="8"/>
      <c r="UYY22" s="8"/>
      <c r="UYZ22" s="8"/>
      <c r="UZA22" s="8"/>
      <c r="UZB22" s="8"/>
      <c r="UZC22" s="8"/>
      <c r="UZD22" s="8"/>
      <c r="UZE22" s="8"/>
      <c r="UZF22" s="8"/>
      <c r="UZG22" s="8"/>
      <c r="UZH22" s="8"/>
      <c r="UZI22" s="8"/>
      <c r="UZJ22" s="8"/>
      <c r="UZK22" s="8"/>
      <c r="UZL22" s="8"/>
      <c r="UZM22" s="8"/>
      <c r="UZN22" s="8"/>
      <c r="UZO22" s="8"/>
      <c r="UZP22" s="8"/>
      <c r="UZQ22" s="8"/>
      <c r="UZR22" s="8"/>
      <c r="UZS22" s="8"/>
      <c r="UZT22" s="8"/>
      <c r="UZU22" s="8"/>
      <c r="UZV22" s="8"/>
      <c r="UZW22" s="8"/>
      <c r="UZX22" s="8"/>
      <c r="UZY22" s="8"/>
      <c r="UZZ22" s="8"/>
      <c r="VAA22" s="8"/>
      <c r="VAB22" s="8"/>
      <c r="VAC22" s="8"/>
      <c r="VAD22" s="8"/>
      <c r="VAE22" s="8"/>
      <c r="VAF22" s="8"/>
      <c r="VAG22" s="8"/>
      <c r="VAH22" s="8"/>
      <c r="VAI22" s="8"/>
      <c r="VAJ22" s="8"/>
      <c r="VAK22" s="8"/>
      <c r="VAL22" s="8"/>
      <c r="VAM22" s="8"/>
      <c r="VAN22" s="8"/>
      <c r="VAO22" s="8"/>
      <c r="VAP22" s="8"/>
      <c r="VAQ22" s="8"/>
      <c r="VAR22" s="8"/>
      <c r="VAS22" s="8"/>
      <c r="VAT22" s="8"/>
      <c r="VAU22" s="8"/>
      <c r="VAV22" s="8"/>
      <c r="VAW22" s="8"/>
      <c r="VAX22" s="8"/>
      <c r="VAY22" s="8"/>
      <c r="VAZ22" s="8"/>
      <c r="VBA22" s="8"/>
      <c r="VBB22" s="8"/>
      <c r="VBC22" s="8"/>
      <c r="VBD22" s="8"/>
      <c r="VBE22" s="8"/>
      <c r="VBF22" s="8"/>
      <c r="VBG22" s="8"/>
      <c r="VBH22" s="8"/>
      <c r="VBI22" s="8"/>
      <c r="VBJ22" s="8"/>
      <c r="VBK22" s="8"/>
      <c r="VBL22" s="8"/>
      <c r="VBM22" s="8"/>
      <c r="VBN22" s="8"/>
      <c r="VBO22" s="8"/>
      <c r="VBP22" s="8"/>
      <c r="VBQ22" s="8"/>
      <c r="VBR22" s="8"/>
      <c r="VBS22" s="8"/>
      <c r="VBT22" s="8"/>
      <c r="VBU22" s="8"/>
      <c r="VBV22" s="8"/>
      <c r="VBW22" s="8"/>
      <c r="VBX22" s="8"/>
      <c r="VBY22" s="8"/>
      <c r="VBZ22" s="8"/>
      <c r="VCA22" s="8"/>
      <c r="VCB22" s="8"/>
      <c r="VCC22" s="8"/>
      <c r="VCD22" s="8"/>
      <c r="VCE22" s="8"/>
      <c r="VCF22" s="8"/>
      <c r="VCG22" s="8"/>
      <c r="VCH22" s="8"/>
      <c r="VCI22" s="8"/>
      <c r="VCJ22" s="8"/>
      <c r="VCK22" s="8"/>
      <c r="VCL22" s="8"/>
      <c r="VCM22" s="8"/>
      <c r="VCN22" s="8"/>
      <c r="VCO22" s="8"/>
      <c r="VCP22" s="8"/>
      <c r="VCQ22" s="8"/>
      <c r="VCR22" s="8"/>
      <c r="VCS22" s="8"/>
      <c r="VCT22" s="8"/>
      <c r="VCU22" s="8"/>
      <c r="VCV22" s="8"/>
      <c r="VCW22" s="8"/>
      <c r="VCX22" s="8"/>
      <c r="VCY22" s="8"/>
      <c r="VCZ22" s="8"/>
      <c r="VDA22" s="8"/>
      <c r="VDB22" s="8"/>
      <c r="VDC22" s="8"/>
      <c r="VDD22" s="8"/>
      <c r="VDE22" s="8"/>
      <c r="VDF22" s="8"/>
      <c r="VDG22" s="8"/>
      <c r="VDH22" s="8"/>
      <c r="VDI22" s="8"/>
      <c r="VDJ22" s="8"/>
      <c r="VDK22" s="8"/>
      <c r="VDL22" s="8"/>
      <c r="VDM22" s="8"/>
      <c r="VDN22" s="8"/>
      <c r="VDO22" s="8"/>
      <c r="VDP22" s="8"/>
      <c r="VDQ22" s="8"/>
      <c r="VDR22" s="8"/>
      <c r="VDS22" s="8"/>
      <c r="VDT22" s="8"/>
      <c r="VDU22" s="8"/>
      <c r="VDV22" s="8"/>
      <c r="VDW22" s="8"/>
      <c r="VDX22" s="8"/>
      <c r="VDY22" s="8"/>
      <c r="VDZ22" s="8"/>
      <c r="VEA22" s="8"/>
      <c r="VEB22" s="8"/>
      <c r="VEC22" s="8"/>
      <c r="VED22" s="8"/>
      <c r="VEE22" s="8"/>
      <c r="VEF22" s="8"/>
      <c r="VEG22" s="8"/>
      <c r="VEH22" s="8"/>
      <c r="VEI22" s="8"/>
      <c r="VEJ22" s="8"/>
      <c r="VEK22" s="8"/>
      <c r="VEL22" s="8"/>
      <c r="VEM22" s="8"/>
      <c r="VEN22" s="8"/>
      <c r="VEO22" s="8"/>
      <c r="VEP22" s="8"/>
      <c r="VEQ22" s="8"/>
      <c r="VER22" s="8"/>
      <c r="VES22" s="8"/>
      <c r="VET22" s="8"/>
      <c r="VEU22" s="8"/>
      <c r="VEV22" s="8"/>
      <c r="VEW22" s="8"/>
      <c r="VEX22" s="8"/>
      <c r="VEY22" s="8"/>
      <c r="VEZ22" s="8"/>
      <c r="VFA22" s="8"/>
      <c r="VFB22" s="8"/>
      <c r="VFC22" s="8"/>
      <c r="VFD22" s="8"/>
      <c r="VFE22" s="8"/>
      <c r="VFF22" s="8"/>
      <c r="VFG22" s="8"/>
      <c r="VFH22" s="8"/>
      <c r="VFI22" s="8"/>
      <c r="VFJ22" s="8"/>
      <c r="VFK22" s="8"/>
      <c r="VFL22" s="8"/>
      <c r="VFM22" s="8"/>
      <c r="VFN22" s="8"/>
      <c r="VFO22" s="8"/>
      <c r="VFP22" s="8"/>
      <c r="VFQ22" s="8"/>
      <c r="VFR22" s="8"/>
      <c r="VFS22" s="8"/>
      <c r="VFT22" s="8"/>
      <c r="VFU22" s="8"/>
      <c r="VFV22" s="8"/>
      <c r="VFW22" s="8"/>
      <c r="VFX22" s="8"/>
      <c r="VFY22" s="8"/>
      <c r="VFZ22" s="8"/>
      <c r="VGA22" s="8"/>
      <c r="VGB22" s="8"/>
      <c r="VGC22" s="8"/>
      <c r="VGD22" s="8"/>
      <c r="VGE22" s="8"/>
      <c r="VGF22" s="8"/>
      <c r="VGG22" s="8"/>
      <c r="VGH22" s="8"/>
      <c r="VGI22" s="8"/>
      <c r="VGJ22" s="8"/>
      <c r="VGK22" s="8"/>
      <c r="VGL22" s="8"/>
      <c r="VGM22" s="8"/>
      <c r="VGN22" s="8"/>
      <c r="VGO22" s="8"/>
      <c r="VGP22" s="8"/>
      <c r="VGQ22" s="8"/>
      <c r="VGR22" s="8"/>
      <c r="VGS22" s="8"/>
      <c r="VGT22" s="8"/>
      <c r="VGU22" s="8"/>
      <c r="VGV22" s="8"/>
      <c r="VGW22" s="8"/>
      <c r="VGX22" s="8"/>
      <c r="VGY22" s="8"/>
      <c r="VGZ22" s="8"/>
      <c r="VHA22" s="8"/>
      <c r="VHB22" s="8"/>
      <c r="VHC22" s="8"/>
      <c r="VHD22" s="8"/>
      <c r="VHE22" s="8"/>
      <c r="VHF22" s="8"/>
      <c r="VHG22" s="8"/>
      <c r="VHH22" s="8"/>
      <c r="VHI22" s="8"/>
      <c r="VHJ22" s="8"/>
      <c r="VHK22" s="8"/>
      <c r="VHL22" s="8"/>
      <c r="VHM22" s="8"/>
      <c r="VHN22" s="8"/>
      <c r="VHO22" s="8"/>
      <c r="VHP22" s="8"/>
      <c r="VHQ22" s="8"/>
      <c r="VHR22" s="8"/>
      <c r="VHS22" s="8"/>
      <c r="VHT22" s="8"/>
      <c r="VHU22" s="8"/>
      <c r="VHV22" s="8"/>
      <c r="VHW22" s="8"/>
      <c r="VHX22" s="8"/>
      <c r="VHY22" s="8"/>
      <c r="VHZ22" s="8"/>
      <c r="VIA22" s="8"/>
      <c r="VIB22" s="8"/>
      <c r="VIC22" s="8"/>
      <c r="VID22" s="8"/>
      <c r="VIE22" s="8"/>
      <c r="VIF22" s="8"/>
      <c r="VIG22" s="8"/>
      <c r="VIH22" s="8"/>
      <c r="VII22" s="8"/>
      <c r="VIJ22" s="8"/>
      <c r="VIK22" s="8"/>
      <c r="VIL22" s="8"/>
      <c r="VIM22" s="8"/>
      <c r="VIN22" s="8"/>
      <c r="VIO22" s="8"/>
      <c r="VIP22" s="8"/>
      <c r="VIQ22" s="8"/>
      <c r="VIR22" s="8"/>
      <c r="VIS22" s="8"/>
      <c r="VIT22" s="8"/>
      <c r="VIU22" s="8"/>
      <c r="VIV22" s="8"/>
      <c r="VIW22" s="8"/>
      <c r="VIX22" s="8"/>
      <c r="VIY22" s="8"/>
      <c r="VIZ22" s="8"/>
      <c r="VJA22" s="8"/>
      <c r="VJB22" s="8"/>
      <c r="VJC22" s="8"/>
      <c r="VJD22" s="8"/>
      <c r="VJE22" s="8"/>
      <c r="VJF22" s="8"/>
      <c r="VJG22" s="8"/>
      <c r="VJH22" s="8"/>
      <c r="VJI22" s="8"/>
      <c r="VJJ22" s="8"/>
      <c r="VJK22" s="8"/>
      <c r="VJL22" s="8"/>
      <c r="VJM22" s="8"/>
      <c r="VJN22" s="8"/>
      <c r="VJO22" s="8"/>
      <c r="VJP22" s="8"/>
      <c r="VJQ22" s="8"/>
      <c r="VJR22" s="8"/>
      <c r="VJS22" s="8"/>
      <c r="VJT22" s="8"/>
      <c r="VJU22" s="8"/>
      <c r="VJV22" s="8"/>
      <c r="VJW22" s="8"/>
      <c r="VJX22" s="8"/>
      <c r="VJY22" s="8"/>
      <c r="VJZ22" s="8"/>
      <c r="VKA22" s="8"/>
      <c r="VKB22" s="8"/>
      <c r="VKC22" s="8"/>
      <c r="VKD22" s="8"/>
      <c r="VKE22" s="8"/>
      <c r="VKF22" s="8"/>
      <c r="VKG22" s="8"/>
      <c r="VKH22" s="8"/>
      <c r="VKI22" s="8"/>
      <c r="VKJ22" s="8"/>
      <c r="VKK22" s="8"/>
      <c r="VKL22" s="8"/>
      <c r="VKM22" s="8"/>
      <c r="VKN22" s="8"/>
      <c r="VKO22" s="8"/>
      <c r="VKP22" s="8"/>
      <c r="VKQ22" s="8"/>
      <c r="VKR22" s="8"/>
      <c r="VKS22" s="8"/>
      <c r="VKT22" s="8"/>
      <c r="VKU22" s="8"/>
      <c r="VKV22" s="8"/>
      <c r="VKW22" s="8"/>
      <c r="VKX22" s="8"/>
      <c r="VKY22" s="8"/>
      <c r="VKZ22" s="8"/>
      <c r="VLA22" s="8"/>
      <c r="VLB22" s="8"/>
      <c r="VLC22" s="8"/>
      <c r="VLD22" s="8"/>
      <c r="VLE22" s="8"/>
      <c r="VLF22" s="8"/>
      <c r="VLG22" s="8"/>
      <c r="VLH22" s="8"/>
      <c r="VLI22" s="8"/>
      <c r="VLJ22" s="8"/>
      <c r="VLK22" s="8"/>
      <c r="VLL22" s="8"/>
      <c r="VLM22" s="8"/>
      <c r="VLN22" s="8"/>
      <c r="VLO22" s="8"/>
      <c r="VLP22" s="8"/>
      <c r="VLQ22" s="8"/>
      <c r="VLR22" s="8"/>
      <c r="VLS22" s="8"/>
      <c r="VLT22" s="8"/>
      <c r="VLU22" s="8"/>
      <c r="VLV22" s="8"/>
      <c r="VLW22" s="8"/>
      <c r="VLX22" s="8"/>
      <c r="VLY22" s="8"/>
      <c r="VLZ22" s="8"/>
      <c r="VMA22" s="8"/>
      <c r="VMB22" s="8"/>
      <c r="VMC22" s="8"/>
      <c r="VMD22" s="8"/>
      <c r="VME22" s="8"/>
      <c r="VMF22" s="8"/>
      <c r="VMG22" s="8"/>
      <c r="VMH22" s="8"/>
      <c r="VMI22" s="8"/>
      <c r="VMJ22" s="8"/>
      <c r="VMK22" s="8"/>
      <c r="VML22" s="8"/>
      <c r="VMM22" s="8"/>
      <c r="VMN22" s="8"/>
      <c r="VMO22" s="8"/>
      <c r="VMP22" s="8"/>
      <c r="VMQ22" s="8"/>
      <c r="VMR22" s="8"/>
      <c r="VMS22" s="8"/>
      <c r="VMT22" s="8"/>
      <c r="VMU22" s="8"/>
      <c r="VMV22" s="8"/>
      <c r="VMW22" s="8"/>
      <c r="VMX22" s="8"/>
      <c r="VMY22" s="8"/>
      <c r="VMZ22" s="8"/>
      <c r="VNA22" s="8"/>
      <c r="VNB22" s="8"/>
      <c r="VNC22" s="8"/>
      <c r="VND22" s="8"/>
      <c r="VNE22" s="8"/>
      <c r="VNF22" s="8"/>
      <c r="VNG22" s="8"/>
      <c r="VNH22" s="8"/>
      <c r="VNI22" s="8"/>
      <c r="VNJ22" s="8"/>
      <c r="VNK22" s="8"/>
      <c r="VNL22" s="8"/>
      <c r="VNM22" s="8"/>
      <c r="VNN22" s="8"/>
      <c r="VNO22" s="8"/>
      <c r="VNP22" s="8"/>
      <c r="VNQ22" s="8"/>
      <c r="VNR22" s="8"/>
      <c r="VNS22" s="8"/>
      <c r="VNT22" s="8"/>
      <c r="VNU22" s="8"/>
      <c r="VNV22" s="8"/>
      <c r="VNW22" s="8"/>
      <c r="VNX22" s="8"/>
      <c r="VNY22" s="8"/>
      <c r="VNZ22" s="8"/>
      <c r="VOA22" s="8"/>
      <c r="VOB22" s="8"/>
      <c r="VOC22" s="8"/>
      <c r="VOD22" s="8"/>
      <c r="VOE22" s="8"/>
      <c r="VOF22" s="8"/>
      <c r="VOG22" s="8"/>
      <c r="VOH22" s="8"/>
      <c r="VOI22" s="8"/>
      <c r="VOJ22" s="8"/>
      <c r="VOK22" s="8"/>
      <c r="VOL22" s="8"/>
      <c r="VOM22" s="8"/>
      <c r="VON22" s="8"/>
      <c r="VOO22" s="8"/>
      <c r="VOP22" s="8"/>
      <c r="VOQ22" s="8"/>
      <c r="VOR22" s="8"/>
      <c r="VOS22" s="8"/>
      <c r="VOT22" s="8"/>
      <c r="VOU22" s="8"/>
      <c r="VOV22" s="8"/>
      <c r="VOW22" s="8"/>
      <c r="VOX22" s="8"/>
      <c r="VOY22" s="8"/>
      <c r="VOZ22" s="8"/>
      <c r="VPA22" s="8"/>
      <c r="VPB22" s="8"/>
      <c r="VPC22" s="8"/>
      <c r="VPD22" s="8"/>
      <c r="VPE22" s="8"/>
      <c r="VPF22" s="8"/>
      <c r="VPG22" s="8"/>
      <c r="VPH22" s="8"/>
      <c r="VPI22" s="8"/>
      <c r="VPJ22" s="8"/>
      <c r="VPK22" s="8"/>
      <c r="VPL22" s="8"/>
      <c r="VPM22" s="8"/>
      <c r="VPN22" s="8"/>
      <c r="VPO22" s="8"/>
      <c r="VPP22" s="8"/>
      <c r="VPQ22" s="8"/>
      <c r="VPR22" s="8"/>
      <c r="VPS22" s="8"/>
      <c r="VPT22" s="8"/>
      <c r="VPU22" s="8"/>
      <c r="VPV22" s="8"/>
      <c r="VPW22" s="8"/>
      <c r="VPX22" s="8"/>
      <c r="VPY22" s="8"/>
      <c r="VPZ22" s="8"/>
      <c r="VQA22" s="8"/>
      <c r="VQB22" s="8"/>
      <c r="VQC22" s="8"/>
      <c r="VQD22" s="8"/>
      <c r="VQE22" s="8"/>
      <c r="VQF22" s="8"/>
      <c r="VQG22" s="8"/>
      <c r="VQH22" s="8"/>
      <c r="VQI22" s="8"/>
      <c r="VQJ22" s="8"/>
      <c r="VQK22" s="8"/>
      <c r="VQL22" s="8"/>
      <c r="VQM22" s="8"/>
      <c r="VQN22" s="8"/>
      <c r="VQO22" s="8"/>
      <c r="VQP22" s="8"/>
      <c r="VQQ22" s="8"/>
      <c r="VQR22" s="8"/>
      <c r="VQS22" s="8"/>
      <c r="VQT22" s="8"/>
      <c r="VQU22" s="8"/>
      <c r="VQV22" s="8"/>
      <c r="VQW22" s="8"/>
      <c r="VQX22" s="8"/>
      <c r="VQY22" s="8"/>
      <c r="VQZ22" s="8"/>
      <c r="VRA22" s="8"/>
      <c r="VRB22" s="8"/>
      <c r="VRC22" s="8"/>
      <c r="VRD22" s="8"/>
      <c r="VRE22" s="8"/>
      <c r="VRF22" s="8"/>
      <c r="VRG22" s="8"/>
      <c r="VRH22" s="8"/>
      <c r="VRI22" s="8"/>
      <c r="VRJ22" s="8"/>
      <c r="VRK22" s="8"/>
      <c r="VRL22" s="8"/>
      <c r="VRM22" s="8"/>
      <c r="VRN22" s="8"/>
      <c r="VRO22" s="8"/>
      <c r="VRP22" s="8"/>
      <c r="VRQ22" s="8"/>
      <c r="VRR22" s="8"/>
      <c r="VRS22" s="8"/>
      <c r="VRT22" s="8"/>
      <c r="VRU22" s="8"/>
      <c r="VRV22" s="8"/>
      <c r="VRW22" s="8"/>
      <c r="VRX22" s="8"/>
      <c r="VRY22" s="8"/>
      <c r="VRZ22" s="8"/>
      <c r="VSA22" s="8"/>
      <c r="VSB22" s="8"/>
      <c r="VSC22" s="8"/>
      <c r="VSD22" s="8"/>
      <c r="VSE22" s="8"/>
      <c r="VSF22" s="8"/>
      <c r="VSG22" s="8"/>
      <c r="VSH22" s="8"/>
      <c r="VSI22" s="8"/>
      <c r="VSJ22" s="8"/>
      <c r="VSK22" s="8"/>
      <c r="VSL22" s="8"/>
      <c r="VSM22" s="8"/>
      <c r="VSN22" s="8"/>
      <c r="VSO22" s="8"/>
      <c r="VSP22" s="8"/>
      <c r="VSQ22" s="8"/>
      <c r="VSR22" s="8"/>
      <c r="VSS22" s="8"/>
      <c r="VST22" s="8"/>
      <c r="VSU22" s="8"/>
      <c r="VSV22" s="8"/>
      <c r="VSW22" s="8"/>
      <c r="VSX22" s="8"/>
      <c r="VSY22" s="8"/>
      <c r="VSZ22" s="8"/>
      <c r="VTA22" s="8"/>
      <c r="VTB22" s="8"/>
      <c r="VTC22" s="8"/>
      <c r="VTD22" s="8"/>
      <c r="VTE22" s="8"/>
      <c r="VTF22" s="8"/>
      <c r="VTG22" s="8"/>
      <c r="VTH22" s="8"/>
      <c r="VTI22" s="8"/>
      <c r="VTJ22" s="8"/>
      <c r="VTK22" s="8"/>
      <c r="VTL22" s="8"/>
      <c r="VTM22" s="8"/>
      <c r="VTN22" s="8"/>
      <c r="VTO22" s="8"/>
      <c r="VTP22" s="8"/>
      <c r="VTQ22" s="8"/>
      <c r="VTR22" s="8"/>
      <c r="VTS22" s="8"/>
      <c r="VTT22" s="8"/>
      <c r="VTU22" s="8"/>
      <c r="VTV22" s="8"/>
      <c r="VTW22" s="8"/>
      <c r="VTX22" s="8"/>
      <c r="VTY22" s="8"/>
      <c r="VTZ22" s="8"/>
      <c r="VUA22" s="8"/>
      <c r="VUB22" s="8"/>
      <c r="VUC22" s="8"/>
      <c r="VUD22" s="8"/>
      <c r="VUE22" s="8"/>
      <c r="VUF22" s="8"/>
      <c r="VUG22" s="8"/>
      <c r="VUH22" s="8"/>
      <c r="VUI22" s="8"/>
      <c r="VUJ22" s="8"/>
      <c r="VUK22" s="8"/>
      <c r="VUL22" s="8"/>
      <c r="VUM22" s="8"/>
      <c r="VUN22" s="8"/>
      <c r="VUO22" s="8"/>
      <c r="VUP22" s="8"/>
      <c r="VUQ22" s="8"/>
      <c r="VUR22" s="8"/>
      <c r="VUS22" s="8"/>
      <c r="VUT22" s="8"/>
      <c r="VUU22" s="8"/>
      <c r="VUV22" s="8"/>
      <c r="VUW22" s="8"/>
      <c r="VUX22" s="8"/>
      <c r="VUY22" s="8"/>
      <c r="VUZ22" s="8"/>
      <c r="VVA22" s="8"/>
      <c r="VVB22" s="8"/>
      <c r="VVC22" s="8"/>
      <c r="VVD22" s="8"/>
      <c r="VVE22" s="8"/>
      <c r="VVF22" s="8"/>
      <c r="VVG22" s="8"/>
      <c r="VVH22" s="8"/>
      <c r="VVI22" s="8"/>
      <c r="VVJ22" s="8"/>
      <c r="VVK22" s="8"/>
      <c r="VVL22" s="8"/>
      <c r="VVM22" s="8"/>
      <c r="VVN22" s="8"/>
      <c r="VVO22" s="8"/>
      <c r="VVP22" s="8"/>
      <c r="VVQ22" s="8"/>
      <c r="VVR22" s="8"/>
      <c r="VVS22" s="8"/>
      <c r="VVT22" s="8"/>
      <c r="VVU22" s="8"/>
      <c r="VVV22" s="8"/>
      <c r="VVW22" s="8"/>
      <c r="VVX22" s="8"/>
      <c r="VVY22" s="8"/>
      <c r="VVZ22" s="8"/>
      <c r="VWA22" s="8"/>
      <c r="VWB22" s="8"/>
      <c r="VWC22" s="8"/>
      <c r="VWD22" s="8"/>
      <c r="VWE22" s="8"/>
      <c r="VWF22" s="8"/>
      <c r="VWG22" s="8"/>
      <c r="VWH22" s="8"/>
      <c r="VWI22" s="8"/>
      <c r="VWJ22" s="8"/>
      <c r="VWK22" s="8"/>
      <c r="VWL22" s="8"/>
      <c r="VWM22" s="8"/>
      <c r="VWN22" s="8"/>
      <c r="VWO22" s="8"/>
      <c r="VWP22" s="8"/>
      <c r="VWQ22" s="8"/>
      <c r="VWR22" s="8"/>
      <c r="VWS22" s="8"/>
      <c r="VWT22" s="8"/>
      <c r="VWU22" s="8"/>
      <c r="VWV22" s="8"/>
      <c r="VWW22" s="8"/>
      <c r="VWX22" s="8"/>
      <c r="VWY22" s="8"/>
      <c r="VWZ22" s="8"/>
      <c r="VXA22" s="8"/>
      <c r="VXB22" s="8"/>
      <c r="VXC22" s="8"/>
      <c r="VXD22" s="8"/>
      <c r="VXE22" s="8"/>
      <c r="VXF22" s="8"/>
      <c r="VXG22" s="8"/>
      <c r="VXH22" s="8"/>
      <c r="VXI22" s="8"/>
      <c r="VXJ22" s="8"/>
      <c r="VXK22" s="8"/>
      <c r="VXL22" s="8"/>
      <c r="VXM22" s="8"/>
      <c r="VXN22" s="8"/>
      <c r="VXO22" s="8"/>
      <c r="VXP22" s="8"/>
      <c r="VXQ22" s="8"/>
      <c r="VXR22" s="8"/>
      <c r="VXS22" s="8"/>
      <c r="VXT22" s="8"/>
      <c r="VXU22" s="8"/>
      <c r="VXV22" s="8"/>
      <c r="VXW22" s="8"/>
      <c r="VXX22" s="8"/>
      <c r="VXY22" s="8"/>
      <c r="VXZ22" s="8"/>
      <c r="VYA22" s="8"/>
      <c r="VYB22" s="8"/>
      <c r="VYC22" s="8"/>
      <c r="VYD22" s="8"/>
      <c r="VYE22" s="8"/>
      <c r="VYF22" s="8"/>
      <c r="VYG22" s="8"/>
      <c r="VYH22" s="8"/>
      <c r="VYI22" s="8"/>
      <c r="VYJ22" s="8"/>
      <c r="VYK22" s="8"/>
      <c r="VYL22" s="8"/>
      <c r="VYM22" s="8"/>
      <c r="VYN22" s="8"/>
      <c r="VYO22" s="8"/>
      <c r="VYP22" s="8"/>
      <c r="VYQ22" s="8"/>
      <c r="VYR22" s="8"/>
      <c r="VYS22" s="8"/>
      <c r="VYT22" s="8"/>
      <c r="VYU22" s="8"/>
      <c r="VYV22" s="8"/>
      <c r="VYW22" s="8"/>
      <c r="VYX22" s="8"/>
      <c r="VYY22" s="8"/>
      <c r="VYZ22" s="8"/>
      <c r="VZA22" s="8"/>
      <c r="VZB22" s="8"/>
      <c r="VZC22" s="8"/>
      <c r="VZD22" s="8"/>
      <c r="VZE22" s="8"/>
      <c r="VZF22" s="8"/>
      <c r="VZG22" s="8"/>
      <c r="VZH22" s="8"/>
      <c r="VZI22" s="8"/>
      <c r="VZJ22" s="8"/>
      <c r="VZK22" s="8"/>
      <c r="VZL22" s="8"/>
      <c r="VZM22" s="8"/>
      <c r="VZN22" s="8"/>
      <c r="VZO22" s="8"/>
      <c r="VZP22" s="8"/>
      <c r="VZQ22" s="8"/>
      <c r="VZR22" s="8"/>
      <c r="VZS22" s="8"/>
      <c r="VZT22" s="8"/>
      <c r="VZU22" s="8"/>
      <c r="VZV22" s="8"/>
      <c r="VZW22" s="8"/>
      <c r="VZX22" s="8"/>
      <c r="VZY22" s="8"/>
      <c r="VZZ22" s="8"/>
      <c r="WAA22" s="8"/>
      <c r="WAB22" s="8"/>
      <c r="WAC22" s="8"/>
      <c r="WAD22" s="8"/>
      <c r="WAE22" s="8"/>
      <c r="WAF22" s="8"/>
      <c r="WAG22" s="8"/>
      <c r="WAH22" s="8"/>
      <c r="WAI22" s="8"/>
      <c r="WAJ22" s="8"/>
      <c r="WAK22" s="8"/>
      <c r="WAL22" s="8"/>
      <c r="WAM22" s="8"/>
      <c r="WAN22" s="8"/>
      <c r="WAO22" s="8"/>
      <c r="WAP22" s="8"/>
      <c r="WAQ22" s="8"/>
      <c r="WAR22" s="8"/>
      <c r="WAS22" s="8"/>
      <c r="WAT22" s="8"/>
      <c r="WAU22" s="8"/>
      <c r="WAV22" s="8"/>
      <c r="WAW22" s="8"/>
      <c r="WAX22" s="8"/>
      <c r="WAY22" s="8"/>
      <c r="WAZ22" s="8"/>
      <c r="WBA22" s="8"/>
      <c r="WBB22" s="8"/>
      <c r="WBC22" s="8"/>
      <c r="WBD22" s="8"/>
      <c r="WBE22" s="8"/>
      <c r="WBF22" s="8"/>
      <c r="WBG22" s="8"/>
      <c r="WBH22" s="8"/>
      <c r="WBI22" s="8"/>
      <c r="WBJ22" s="8"/>
      <c r="WBK22" s="8"/>
      <c r="WBL22" s="8"/>
      <c r="WBM22" s="8"/>
      <c r="WBN22" s="8"/>
      <c r="WBO22" s="8"/>
      <c r="WBP22" s="8"/>
      <c r="WBQ22" s="8"/>
      <c r="WBR22" s="8"/>
      <c r="WBS22" s="8"/>
      <c r="WBT22" s="8"/>
      <c r="WBU22" s="8"/>
      <c r="WBV22" s="8"/>
      <c r="WBW22" s="8"/>
      <c r="WBX22" s="8"/>
      <c r="WBY22" s="8"/>
      <c r="WBZ22" s="8"/>
      <c r="WCA22" s="8"/>
      <c r="WCB22" s="8"/>
      <c r="WCC22" s="8"/>
      <c r="WCD22" s="8"/>
      <c r="WCE22" s="8"/>
      <c r="WCF22" s="8"/>
      <c r="WCG22" s="8"/>
      <c r="WCH22" s="8"/>
      <c r="WCI22" s="8"/>
      <c r="WCJ22" s="8"/>
      <c r="WCK22" s="8"/>
      <c r="WCL22" s="8"/>
      <c r="WCM22" s="8"/>
      <c r="WCN22" s="8"/>
      <c r="WCO22" s="8"/>
      <c r="WCP22" s="8"/>
      <c r="WCQ22" s="8"/>
      <c r="WCR22" s="8"/>
      <c r="WCS22" s="8"/>
      <c r="WCT22" s="8"/>
      <c r="WCU22" s="8"/>
      <c r="WCV22" s="8"/>
      <c r="WCW22" s="8"/>
      <c r="WCX22" s="8"/>
      <c r="WCY22" s="8"/>
      <c r="WCZ22" s="8"/>
      <c r="WDA22" s="8"/>
      <c r="WDB22" s="8"/>
      <c r="WDC22" s="8"/>
      <c r="WDD22" s="8"/>
      <c r="WDE22" s="8"/>
      <c r="WDF22" s="8"/>
      <c r="WDG22" s="8"/>
      <c r="WDH22" s="8"/>
      <c r="WDI22" s="8"/>
      <c r="WDJ22" s="8"/>
      <c r="WDK22" s="8"/>
      <c r="WDL22" s="8"/>
      <c r="WDM22" s="8"/>
      <c r="WDN22" s="8"/>
      <c r="WDO22" s="8"/>
      <c r="WDP22" s="8"/>
      <c r="WDQ22" s="8"/>
      <c r="WDR22" s="8"/>
      <c r="WDS22" s="8"/>
      <c r="WDT22" s="8"/>
      <c r="WDU22" s="8"/>
      <c r="WDV22" s="8"/>
      <c r="WDW22" s="8"/>
      <c r="WDX22" s="8"/>
      <c r="WDY22" s="8"/>
      <c r="WDZ22" s="8"/>
      <c r="WEA22" s="8"/>
      <c r="WEB22" s="8"/>
      <c r="WEC22" s="8"/>
      <c r="WED22" s="8"/>
      <c r="WEE22" s="8"/>
      <c r="WEF22" s="8"/>
      <c r="WEG22" s="8"/>
      <c r="WEH22" s="8"/>
      <c r="WEI22" s="8"/>
      <c r="WEJ22" s="8"/>
      <c r="WEK22" s="8"/>
      <c r="WEL22" s="8"/>
      <c r="WEM22" s="8"/>
      <c r="WEN22" s="8"/>
      <c r="WEO22" s="8"/>
      <c r="WEP22" s="8"/>
      <c r="WEQ22" s="8"/>
      <c r="WER22" s="8"/>
      <c r="WES22" s="8"/>
      <c r="WET22" s="8"/>
      <c r="WEU22" s="8"/>
      <c r="WEV22" s="8"/>
      <c r="WEW22" s="8"/>
      <c r="WEX22" s="8"/>
      <c r="WEY22" s="8"/>
      <c r="WEZ22" s="8"/>
      <c r="WFA22" s="8"/>
      <c r="WFB22" s="8"/>
      <c r="WFC22" s="8"/>
      <c r="WFD22" s="8"/>
      <c r="WFE22" s="8"/>
      <c r="WFF22" s="8"/>
      <c r="WFG22" s="8"/>
      <c r="WFH22" s="8"/>
      <c r="WFI22" s="8"/>
      <c r="WFJ22" s="8"/>
      <c r="WFK22" s="8"/>
      <c r="WFL22" s="8"/>
      <c r="WFM22" s="8"/>
      <c r="WFN22" s="8"/>
      <c r="WFO22" s="8"/>
      <c r="WFP22" s="8"/>
      <c r="WFQ22" s="8"/>
      <c r="WFR22" s="8"/>
      <c r="WFS22" s="8"/>
      <c r="WFT22" s="8"/>
      <c r="WFU22" s="8"/>
      <c r="WFV22" s="8"/>
      <c r="WFW22" s="8"/>
      <c r="WFX22" s="8"/>
      <c r="WFY22" s="8"/>
      <c r="WFZ22" s="8"/>
      <c r="WGA22" s="8"/>
      <c r="WGB22" s="8"/>
      <c r="WGC22" s="8"/>
      <c r="WGD22" s="8"/>
      <c r="WGE22" s="8"/>
      <c r="WGF22" s="8"/>
      <c r="WGG22" s="8"/>
      <c r="WGH22" s="8"/>
      <c r="WGI22" s="8"/>
      <c r="WGJ22" s="8"/>
      <c r="WGK22" s="8"/>
      <c r="WGL22" s="8"/>
      <c r="WGM22" s="8"/>
      <c r="WGN22" s="8"/>
      <c r="WGO22" s="8"/>
      <c r="WGP22" s="8"/>
      <c r="WGQ22" s="8"/>
      <c r="WGR22" s="8"/>
      <c r="WGS22" s="8"/>
      <c r="WGT22" s="8"/>
      <c r="WGU22" s="8"/>
      <c r="WGV22" s="8"/>
      <c r="WGW22" s="8"/>
      <c r="WGX22" s="8"/>
      <c r="WGY22" s="8"/>
      <c r="WGZ22" s="8"/>
      <c r="WHA22" s="8"/>
      <c r="WHB22" s="8"/>
      <c r="WHC22" s="8"/>
      <c r="WHD22" s="8"/>
      <c r="WHE22" s="8"/>
      <c r="WHF22" s="8"/>
      <c r="WHG22" s="8"/>
      <c r="WHH22" s="8"/>
      <c r="WHI22" s="8"/>
      <c r="WHJ22" s="8"/>
      <c r="WHK22" s="8"/>
      <c r="WHL22" s="8"/>
      <c r="WHM22" s="8"/>
      <c r="WHN22" s="8"/>
      <c r="WHO22" s="8"/>
      <c r="WHP22" s="8"/>
      <c r="WHQ22" s="8"/>
      <c r="WHR22" s="8"/>
      <c r="WHS22" s="8"/>
      <c r="WHT22" s="8"/>
      <c r="WHU22" s="8"/>
      <c r="WHV22" s="8"/>
      <c r="WHW22" s="8"/>
      <c r="WHX22" s="8"/>
      <c r="WHY22" s="8"/>
      <c r="WHZ22" s="8"/>
      <c r="WIA22" s="8"/>
      <c r="WIB22" s="8"/>
      <c r="WIC22" s="8"/>
      <c r="WID22" s="8"/>
      <c r="WIE22" s="8"/>
      <c r="WIF22" s="8"/>
      <c r="WIG22" s="8"/>
      <c r="WIH22" s="8"/>
      <c r="WII22" s="8"/>
      <c r="WIJ22" s="8"/>
      <c r="WIK22" s="8"/>
      <c r="WIL22" s="8"/>
      <c r="WIM22" s="8"/>
      <c r="WIN22" s="8"/>
      <c r="WIO22" s="8"/>
      <c r="WIP22" s="8"/>
      <c r="WIQ22" s="8"/>
      <c r="WIR22" s="8"/>
      <c r="WIS22" s="8"/>
      <c r="WIT22" s="8"/>
      <c r="WIU22" s="8"/>
      <c r="WIV22" s="8"/>
      <c r="WIW22" s="8"/>
      <c r="WIX22" s="8"/>
      <c r="WIY22" s="8"/>
      <c r="WIZ22" s="8"/>
      <c r="WJA22" s="8"/>
      <c r="WJB22" s="8"/>
      <c r="WJC22" s="8"/>
      <c r="WJD22" s="8"/>
      <c r="WJE22" s="8"/>
      <c r="WJF22" s="8"/>
      <c r="WJG22" s="8"/>
      <c r="WJH22" s="8"/>
      <c r="WJI22" s="8"/>
      <c r="WJJ22" s="8"/>
      <c r="WJK22" s="8"/>
      <c r="WJL22" s="8"/>
      <c r="WJM22" s="8"/>
      <c r="WJN22" s="8"/>
      <c r="WJO22" s="8"/>
      <c r="WJP22" s="8"/>
      <c r="WJQ22" s="8"/>
      <c r="WJR22" s="8"/>
      <c r="WJS22" s="8"/>
      <c r="WJT22" s="8"/>
      <c r="WJU22" s="8"/>
      <c r="WJV22" s="8"/>
      <c r="WJW22" s="8"/>
      <c r="WJX22" s="8"/>
      <c r="WJY22" s="8"/>
      <c r="WJZ22" s="8"/>
      <c r="WKA22" s="8"/>
      <c r="WKB22" s="8"/>
      <c r="WKC22" s="8"/>
      <c r="WKD22" s="8"/>
      <c r="WKE22" s="8"/>
      <c r="WKF22" s="8"/>
      <c r="WKG22" s="8"/>
      <c r="WKH22" s="8"/>
      <c r="WKI22" s="8"/>
      <c r="WKJ22" s="8"/>
      <c r="WKK22" s="8"/>
      <c r="WKL22" s="8"/>
      <c r="WKM22" s="8"/>
      <c r="WKN22" s="8"/>
      <c r="WKO22" s="8"/>
      <c r="WKP22" s="8"/>
      <c r="WKQ22" s="8"/>
      <c r="WKR22" s="8"/>
      <c r="WKS22" s="8"/>
      <c r="WKT22" s="8"/>
      <c r="WKU22" s="8"/>
      <c r="WKV22" s="8"/>
      <c r="WKW22" s="8"/>
      <c r="WKX22" s="8"/>
      <c r="WKY22" s="8"/>
      <c r="WKZ22" s="8"/>
      <c r="WLA22" s="8"/>
      <c r="WLB22" s="8"/>
      <c r="WLC22" s="8"/>
      <c r="WLD22" s="8"/>
      <c r="WLE22" s="8"/>
      <c r="WLF22" s="8"/>
      <c r="WLG22" s="8"/>
      <c r="WLH22" s="8"/>
      <c r="WLI22" s="8"/>
      <c r="WLJ22" s="8"/>
      <c r="WLK22" s="8"/>
      <c r="WLL22" s="8"/>
      <c r="WLM22" s="8"/>
      <c r="WLN22" s="8"/>
      <c r="WLO22" s="8"/>
      <c r="WLP22" s="8"/>
      <c r="WLQ22" s="8"/>
      <c r="WLR22" s="8"/>
      <c r="WLS22" s="8"/>
      <c r="WLT22" s="8"/>
      <c r="WLU22" s="8"/>
      <c r="WLV22" s="8"/>
      <c r="WLW22" s="8"/>
      <c r="WLX22" s="8"/>
      <c r="WLY22" s="8"/>
      <c r="WLZ22" s="8"/>
      <c r="WMA22" s="8"/>
      <c r="WMB22" s="8"/>
      <c r="WMC22" s="8"/>
      <c r="WMD22" s="8"/>
      <c r="WME22" s="8"/>
      <c r="WMF22" s="8"/>
      <c r="WMG22" s="8"/>
      <c r="WMH22" s="8"/>
      <c r="WMI22" s="8"/>
      <c r="WMJ22" s="8"/>
      <c r="WMK22" s="8"/>
      <c r="WML22" s="8"/>
      <c r="WMM22" s="8"/>
      <c r="WMN22" s="8"/>
      <c r="WMO22" s="8"/>
      <c r="WMP22" s="8"/>
      <c r="WMQ22" s="8"/>
      <c r="WMR22" s="8"/>
      <c r="WMS22" s="8"/>
      <c r="WMT22" s="8"/>
      <c r="WMU22" s="8"/>
      <c r="WMV22" s="8"/>
      <c r="WMW22" s="8"/>
      <c r="WMX22" s="8"/>
      <c r="WMY22" s="8"/>
      <c r="WMZ22" s="8"/>
      <c r="WNA22" s="8"/>
      <c r="WNB22" s="8"/>
      <c r="WNC22" s="8"/>
      <c r="WND22" s="8"/>
      <c r="WNE22" s="8"/>
      <c r="WNF22" s="8"/>
      <c r="WNG22" s="8"/>
      <c r="WNH22" s="8"/>
      <c r="WNI22" s="8"/>
      <c r="WNJ22" s="8"/>
      <c r="WNK22" s="8"/>
      <c r="WNL22" s="8"/>
      <c r="WNM22" s="8"/>
      <c r="WNN22" s="8"/>
      <c r="WNO22" s="8"/>
      <c r="WNP22" s="8"/>
      <c r="WNQ22" s="8"/>
      <c r="WNR22" s="8"/>
      <c r="WNS22" s="8"/>
      <c r="WNT22" s="8"/>
      <c r="WNU22" s="8"/>
      <c r="WNV22" s="8"/>
      <c r="WNW22" s="8"/>
      <c r="WNX22" s="8"/>
      <c r="WNY22" s="8"/>
      <c r="WNZ22" s="8"/>
      <c r="WOA22" s="8"/>
      <c r="WOB22" s="8"/>
      <c r="WOC22" s="8"/>
      <c r="WOD22" s="8"/>
      <c r="WOE22" s="8"/>
      <c r="WOF22" s="8"/>
      <c r="WOG22" s="8"/>
      <c r="WOH22" s="8"/>
      <c r="WOI22" s="8"/>
      <c r="WOJ22" s="8"/>
      <c r="WOK22" s="8"/>
      <c r="WOL22" s="8"/>
      <c r="WOM22" s="8"/>
      <c r="WON22" s="8"/>
      <c r="WOO22" s="8"/>
      <c r="WOP22" s="8"/>
      <c r="WOQ22" s="8"/>
      <c r="WOR22" s="8"/>
      <c r="WOS22" s="8"/>
      <c r="WOT22" s="8"/>
      <c r="WOU22" s="8"/>
      <c r="WOV22" s="8"/>
      <c r="WOW22" s="8"/>
      <c r="WOX22" s="8"/>
      <c r="WOY22" s="8"/>
      <c r="WOZ22" s="8"/>
      <c r="WPA22" s="8"/>
      <c r="WPB22" s="8"/>
      <c r="WPC22" s="8"/>
      <c r="WPD22" s="8"/>
      <c r="WPE22" s="8"/>
      <c r="WPF22" s="8"/>
      <c r="WPG22" s="8"/>
      <c r="WPH22" s="8"/>
      <c r="WPI22" s="8"/>
      <c r="WPJ22" s="8"/>
      <c r="WPK22" s="8"/>
      <c r="WPL22" s="8"/>
      <c r="WPM22" s="8"/>
      <c r="WPN22" s="8"/>
      <c r="WPO22" s="8"/>
      <c r="WPP22" s="8"/>
      <c r="WPQ22" s="8"/>
      <c r="WPR22" s="8"/>
      <c r="WPS22" s="8"/>
      <c r="WPT22" s="8"/>
      <c r="WPU22" s="8"/>
      <c r="WPV22" s="8"/>
      <c r="WPW22" s="8"/>
      <c r="WPX22" s="8"/>
      <c r="WPY22" s="8"/>
      <c r="WPZ22" s="8"/>
      <c r="WQA22" s="8"/>
      <c r="WQB22" s="8"/>
      <c r="WQC22" s="8"/>
      <c r="WQD22" s="8"/>
      <c r="WQE22" s="8"/>
      <c r="WQF22" s="8"/>
      <c r="WQG22" s="8"/>
      <c r="WQH22" s="8"/>
      <c r="WQI22" s="8"/>
      <c r="WQJ22" s="8"/>
      <c r="WQK22" s="8"/>
      <c r="WQL22" s="8"/>
      <c r="WQM22" s="8"/>
      <c r="WQN22" s="8"/>
      <c r="WQO22" s="8"/>
      <c r="WQP22" s="8"/>
      <c r="WQQ22" s="8"/>
      <c r="WQR22" s="8"/>
      <c r="WQS22" s="8"/>
      <c r="WQT22" s="8"/>
      <c r="WQU22" s="8"/>
      <c r="WQV22" s="8"/>
      <c r="WQW22" s="8"/>
      <c r="WQX22" s="8"/>
      <c r="WQY22" s="8"/>
      <c r="WQZ22" s="8"/>
      <c r="WRA22" s="8"/>
      <c r="WRB22" s="8"/>
      <c r="WRC22" s="8"/>
      <c r="WRD22" s="8"/>
      <c r="WRE22" s="8"/>
      <c r="WRF22" s="8"/>
      <c r="WRG22" s="8"/>
      <c r="WRH22" s="8"/>
      <c r="WRI22" s="8"/>
      <c r="WRJ22" s="8"/>
      <c r="WRK22" s="8"/>
      <c r="WRL22" s="8"/>
      <c r="WRM22" s="8"/>
      <c r="WRN22" s="8"/>
      <c r="WRO22" s="8"/>
      <c r="WRP22" s="8"/>
      <c r="WRQ22" s="8"/>
      <c r="WRR22" s="8"/>
      <c r="WRS22" s="8"/>
      <c r="WRT22" s="8"/>
      <c r="WRU22" s="8"/>
      <c r="WRV22" s="8"/>
      <c r="WRW22" s="8"/>
      <c r="WRX22" s="8"/>
      <c r="WRY22" s="8"/>
      <c r="WRZ22" s="8"/>
      <c r="WSA22" s="8"/>
      <c r="WSB22" s="8"/>
      <c r="WSC22" s="8"/>
      <c r="WSD22" s="8"/>
      <c r="WSE22" s="8"/>
      <c r="WSF22" s="8"/>
      <c r="WSG22" s="8"/>
      <c r="WSH22" s="8"/>
      <c r="WSI22" s="8"/>
      <c r="WSJ22" s="8"/>
      <c r="WSK22" s="8"/>
      <c r="WSL22" s="8"/>
      <c r="WSM22" s="8"/>
      <c r="WSN22" s="8"/>
      <c r="WSO22" s="8"/>
      <c r="WSP22" s="8"/>
      <c r="WSQ22" s="8"/>
      <c r="WSR22" s="8"/>
      <c r="WSS22" s="8"/>
      <c r="WST22" s="8"/>
      <c r="WSU22" s="8"/>
      <c r="WSV22" s="8"/>
      <c r="WSW22" s="8"/>
      <c r="WSX22" s="8"/>
      <c r="WSY22" s="8"/>
      <c r="WSZ22" s="8"/>
      <c r="WTA22" s="8"/>
      <c r="WTB22" s="8"/>
      <c r="WTC22" s="8"/>
      <c r="WTD22" s="8"/>
      <c r="WTE22" s="8"/>
      <c r="WTF22" s="8"/>
      <c r="WTG22" s="8"/>
      <c r="WTH22" s="8"/>
      <c r="WTI22" s="8"/>
      <c r="WTJ22" s="8"/>
      <c r="WTK22" s="8"/>
      <c r="WTL22" s="8"/>
      <c r="WTM22" s="8"/>
      <c r="WTN22" s="8"/>
      <c r="WTO22" s="8"/>
      <c r="WTP22" s="8"/>
      <c r="WTQ22" s="8"/>
      <c r="WTR22" s="8"/>
      <c r="WTS22" s="8"/>
      <c r="WTT22" s="8"/>
      <c r="WTU22" s="8"/>
      <c r="WTV22" s="8"/>
      <c r="WTW22" s="8"/>
      <c r="WTX22" s="8"/>
      <c r="WTY22" s="8"/>
      <c r="WTZ22" s="8"/>
      <c r="WUA22" s="8"/>
      <c r="WUB22" s="8"/>
      <c r="WUC22" s="8"/>
      <c r="WUD22" s="8"/>
      <c r="WUE22" s="8"/>
      <c r="WUF22" s="8"/>
      <c r="WUG22" s="8"/>
      <c r="WUH22" s="8"/>
      <c r="WUI22" s="8"/>
      <c r="WUJ22" s="8"/>
      <c r="WUK22" s="8"/>
      <c r="WUL22" s="8"/>
      <c r="WUM22" s="8"/>
      <c r="WUN22" s="8"/>
      <c r="WUO22" s="8"/>
      <c r="WUP22" s="8"/>
      <c r="WUQ22" s="8"/>
      <c r="WUR22" s="8"/>
      <c r="WUS22" s="8"/>
      <c r="WUT22" s="8"/>
      <c r="WUU22" s="8"/>
      <c r="WUV22" s="8"/>
      <c r="WUW22" s="8"/>
      <c r="WUX22" s="8"/>
      <c r="WUY22" s="8"/>
      <c r="WUZ22" s="8"/>
      <c r="WVA22" s="8"/>
      <c r="WVB22" s="8"/>
      <c r="WVC22" s="8"/>
      <c r="WVD22" s="8"/>
      <c r="WVE22" s="8"/>
      <c r="WVF22" s="8"/>
      <c r="WVG22" s="8"/>
      <c r="WVH22" s="8"/>
      <c r="WVI22" s="8"/>
      <c r="WVJ22" s="8"/>
      <c r="WVK22" s="8"/>
      <c r="WVL22" s="8"/>
      <c r="WVM22" s="8"/>
      <c r="WVN22" s="8"/>
      <c r="WVO22" s="8"/>
      <c r="WVP22" s="8"/>
      <c r="WVQ22" s="8"/>
      <c r="WVR22" s="8"/>
      <c r="WVS22" s="8"/>
      <c r="WVT22" s="8"/>
      <c r="WVU22" s="8"/>
      <c r="WVV22" s="8"/>
      <c r="WVW22" s="8"/>
      <c r="WVX22" s="8"/>
      <c r="WVY22" s="8"/>
      <c r="WVZ22" s="8"/>
      <c r="WWA22" s="8"/>
      <c r="WWB22" s="8"/>
      <c r="WWC22" s="8"/>
      <c r="WWD22" s="8"/>
      <c r="WWE22" s="8"/>
      <c r="WWF22" s="8"/>
      <c r="WWG22" s="8"/>
      <c r="WWH22" s="8"/>
      <c r="WWI22" s="8"/>
      <c r="WWJ22" s="8"/>
      <c r="WWK22" s="8"/>
      <c r="WWL22" s="8"/>
      <c r="WWM22" s="8"/>
      <c r="WWN22" s="8"/>
      <c r="WWO22" s="8"/>
      <c r="WWP22" s="8"/>
      <c r="WWQ22" s="8"/>
      <c r="WWR22" s="8"/>
      <c r="WWS22" s="8"/>
      <c r="WWT22" s="8"/>
      <c r="WWU22" s="8"/>
      <c r="WWV22" s="8"/>
      <c r="WWW22" s="8"/>
      <c r="WWX22" s="8"/>
      <c r="WWY22" s="8"/>
      <c r="WWZ22" s="8"/>
      <c r="WXA22" s="8"/>
      <c r="WXB22" s="8"/>
      <c r="WXC22" s="8"/>
      <c r="WXD22" s="8"/>
      <c r="WXE22" s="8"/>
      <c r="WXF22" s="8"/>
      <c r="WXG22" s="8"/>
      <c r="WXH22" s="8"/>
      <c r="WXI22" s="8"/>
      <c r="WXJ22" s="8"/>
      <c r="WXK22" s="8"/>
      <c r="WXL22" s="8"/>
      <c r="WXM22" s="8"/>
      <c r="WXN22" s="8"/>
      <c r="WXO22" s="8"/>
      <c r="WXP22" s="8"/>
      <c r="WXQ22" s="8"/>
      <c r="WXR22" s="8"/>
      <c r="WXS22" s="8"/>
      <c r="WXT22" s="8"/>
      <c r="WXU22" s="8"/>
      <c r="WXV22" s="8"/>
      <c r="WXW22" s="8"/>
      <c r="WXX22" s="8"/>
      <c r="WXY22" s="8"/>
      <c r="WXZ22" s="8"/>
      <c r="WYA22" s="8"/>
      <c r="WYB22" s="8"/>
      <c r="WYC22" s="8"/>
      <c r="WYD22" s="8"/>
      <c r="WYE22" s="8"/>
      <c r="WYF22" s="8"/>
      <c r="WYG22" s="8"/>
      <c r="WYH22" s="8"/>
      <c r="WYI22" s="8"/>
      <c r="WYJ22" s="8"/>
      <c r="WYK22" s="8"/>
      <c r="WYL22" s="8"/>
      <c r="WYM22" s="8"/>
      <c r="WYN22" s="8"/>
      <c r="WYO22" s="8"/>
      <c r="WYP22" s="8"/>
      <c r="WYQ22" s="8"/>
      <c r="WYR22" s="8"/>
      <c r="WYS22" s="8"/>
      <c r="WYT22" s="8"/>
      <c r="WYU22" s="8"/>
      <c r="WYV22" s="8"/>
      <c r="WYW22" s="8"/>
      <c r="WYX22" s="8"/>
      <c r="WYY22" s="8"/>
      <c r="WYZ22" s="8"/>
      <c r="WZA22" s="8"/>
      <c r="WZB22" s="8"/>
      <c r="WZC22" s="8"/>
      <c r="WZD22" s="8"/>
      <c r="WZE22" s="8"/>
      <c r="WZF22" s="8"/>
      <c r="WZG22" s="8"/>
      <c r="WZH22" s="8"/>
      <c r="WZI22" s="8"/>
      <c r="WZJ22" s="8"/>
      <c r="WZK22" s="8"/>
      <c r="WZL22" s="8"/>
      <c r="WZM22" s="8"/>
      <c r="WZN22" s="8"/>
      <c r="WZO22" s="8"/>
      <c r="WZP22" s="8"/>
      <c r="WZQ22" s="8"/>
      <c r="WZR22" s="8"/>
      <c r="WZS22" s="8"/>
      <c r="WZT22" s="8"/>
      <c r="WZU22" s="8"/>
      <c r="WZV22" s="8"/>
      <c r="WZW22" s="8"/>
      <c r="WZX22" s="8"/>
      <c r="WZY22" s="8"/>
      <c r="WZZ22" s="8"/>
      <c r="XAA22" s="8"/>
      <c r="XAB22" s="8"/>
      <c r="XAC22" s="8"/>
      <c r="XAD22" s="8"/>
      <c r="XAE22" s="8"/>
      <c r="XAF22" s="8"/>
      <c r="XAG22" s="8"/>
      <c r="XAH22" s="8"/>
      <c r="XAI22" s="8"/>
      <c r="XAJ22" s="8"/>
      <c r="XAK22" s="8"/>
      <c r="XAL22" s="8"/>
      <c r="XAM22" s="8"/>
      <c r="XAN22" s="8"/>
      <c r="XAO22" s="8"/>
      <c r="XAP22" s="8"/>
      <c r="XAQ22" s="8"/>
      <c r="XAR22" s="8"/>
      <c r="XAS22" s="8"/>
      <c r="XAT22" s="8"/>
      <c r="XAU22" s="8"/>
      <c r="XAV22" s="8"/>
      <c r="XAW22" s="8"/>
      <c r="XAX22" s="8"/>
      <c r="XAY22" s="8"/>
      <c r="XAZ22" s="8"/>
      <c r="XBA22" s="8"/>
      <c r="XBB22" s="8"/>
      <c r="XBC22" s="8"/>
      <c r="XBD22" s="8"/>
      <c r="XBE22" s="8"/>
      <c r="XBF22" s="8"/>
      <c r="XBG22" s="8"/>
      <c r="XBH22" s="8"/>
      <c r="XBI22" s="8"/>
      <c r="XBJ22" s="8"/>
      <c r="XBK22" s="8"/>
      <c r="XBL22" s="8"/>
      <c r="XBM22" s="8"/>
      <c r="XBN22" s="8"/>
      <c r="XBO22" s="8"/>
      <c r="XBP22" s="8"/>
      <c r="XBQ22" s="8"/>
      <c r="XBR22" s="8"/>
      <c r="XBS22" s="8"/>
      <c r="XBT22" s="8"/>
      <c r="XBU22" s="8"/>
      <c r="XBV22" s="8"/>
      <c r="XBW22" s="8"/>
      <c r="XBX22" s="8"/>
      <c r="XBY22" s="8"/>
      <c r="XBZ22" s="8"/>
      <c r="XCA22" s="8"/>
      <c r="XCB22" s="8"/>
      <c r="XCC22" s="8"/>
      <c r="XCD22" s="8"/>
      <c r="XCE22" s="8"/>
      <c r="XCF22" s="8"/>
      <c r="XCG22" s="8"/>
      <c r="XCH22" s="8"/>
      <c r="XCI22" s="8"/>
      <c r="XCJ22" s="8"/>
      <c r="XCK22" s="8"/>
      <c r="XCL22" s="8"/>
      <c r="XCM22" s="8"/>
      <c r="XCN22" s="8"/>
      <c r="XCO22" s="8"/>
      <c r="XCP22" s="8"/>
      <c r="XCQ22" s="8"/>
      <c r="XCR22" s="8"/>
      <c r="XCS22" s="8"/>
      <c r="XCT22" s="8"/>
      <c r="XCU22" s="8"/>
      <c r="XCV22" s="8"/>
      <c r="XCW22" s="8"/>
      <c r="XCX22" s="8"/>
      <c r="XCY22" s="8"/>
      <c r="XCZ22" s="8"/>
      <c r="XDA22" s="8"/>
      <c r="XDB22" s="8"/>
      <c r="XDC22" s="8"/>
      <c r="XDD22" s="8"/>
      <c r="XDE22" s="8"/>
      <c r="XDF22" s="8"/>
      <c r="XDG22" s="8"/>
      <c r="XDH22" s="8"/>
      <c r="XDI22" s="8"/>
      <c r="XDJ22" s="8"/>
      <c r="XDK22" s="8"/>
      <c r="XDL22" s="8"/>
      <c r="XDM22" s="8"/>
      <c r="XDN22" s="8"/>
      <c r="XDO22" s="8"/>
      <c r="XDP22" s="8"/>
      <c r="XDQ22" s="8"/>
      <c r="XDR22" s="8"/>
      <c r="XDS22" s="8"/>
      <c r="XDT22" s="8"/>
      <c r="XDU22" s="8"/>
      <c r="XDV22" s="8"/>
      <c r="XDW22" s="8"/>
      <c r="XDX22" s="8"/>
      <c r="XDY22" s="8"/>
      <c r="XDZ22" s="8"/>
      <c r="XEA22" s="8"/>
      <c r="XEB22" s="8"/>
      <c r="XEC22" s="8"/>
      <c r="XED22" s="8"/>
      <c r="XEE22" s="8"/>
      <c r="XEF22" s="8"/>
      <c r="XEG22" s="8"/>
      <c r="XEH22" s="8"/>
      <c r="XEI22" s="8"/>
      <c r="XEJ22" s="8"/>
      <c r="XEK22" s="8"/>
      <c r="XEL22" s="8"/>
      <c r="XEM22" s="8"/>
      <c r="XEN22" s="8"/>
      <c r="XEO22" s="8"/>
      <c r="XEP22" s="8"/>
      <c r="XEQ22" s="8"/>
      <c r="XER22" s="8"/>
      <c r="XES22" s="8"/>
      <c r="XET22" s="8"/>
      <c r="XEU22" s="8"/>
      <c r="XEV22" s="8"/>
      <c r="XEW22" s="8"/>
      <c r="XEX22" s="8"/>
      <c r="XEY22" s="8"/>
      <c r="XEZ22" s="8"/>
      <c r="XFA22" s="8"/>
      <c r="XFB22" s="8"/>
      <c r="XFC22" s="8"/>
      <c r="XFD22" s="8"/>
    </row>
    <row r="23" spans="1:16384" ht="13.95" customHeight="1" x14ac:dyDescent="0.25">
      <c r="A23" s="14" t="s">
        <v>149</v>
      </c>
      <c r="B23" s="96" t="s">
        <v>58</v>
      </c>
      <c r="C23" s="93" t="s">
        <v>150</v>
      </c>
      <c r="D23" s="93" t="s">
        <v>151</v>
      </c>
      <c r="E23" s="93">
        <v>1957</v>
      </c>
      <c r="F23" s="93">
        <v>16900</v>
      </c>
      <c r="G23" s="93" t="s">
        <v>3</v>
      </c>
      <c r="H23" s="111">
        <v>1</v>
      </c>
      <c r="I23" s="111">
        <v>1</v>
      </c>
      <c r="J23" s="111">
        <v>1</v>
      </c>
      <c r="K23" s="111">
        <v>0</v>
      </c>
      <c r="L23" s="111">
        <v>0</v>
      </c>
      <c r="M23" s="111">
        <v>1</v>
      </c>
      <c r="N23" s="111">
        <v>0</v>
      </c>
      <c r="O23" s="111">
        <v>1</v>
      </c>
      <c r="P23" s="111">
        <v>1</v>
      </c>
      <c r="Q23" s="111">
        <v>0</v>
      </c>
      <c r="R23" s="111">
        <v>0</v>
      </c>
      <c r="S23" s="111">
        <v>0</v>
      </c>
      <c r="T23" s="111">
        <v>0</v>
      </c>
      <c r="U23" s="111">
        <v>0</v>
      </c>
      <c r="V23" s="111">
        <v>0</v>
      </c>
      <c r="W23" s="111">
        <v>1</v>
      </c>
      <c r="X23" s="111">
        <v>0</v>
      </c>
      <c r="Y23" s="111">
        <v>0</v>
      </c>
      <c r="Z23" s="111">
        <v>0</v>
      </c>
      <c r="AA23" s="111">
        <v>0</v>
      </c>
      <c r="AB23" s="111">
        <v>0</v>
      </c>
      <c r="AC23" s="111">
        <v>0</v>
      </c>
      <c r="AD23" s="111">
        <v>0</v>
      </c>
      <c r="AE23" s="111">
        <v>0</v>
      </c>
      <c r="AF23" s="111">
        <v>0</v>
      </c>
      <c r="AG23" s="111">
        <v>0</v>
      </c>
      <c r="AH23" s="111">
        <v>0</v>
      </c>
      <c r="AI23" s="111">
        <v>0</v>
      </c>
      <c r="AJ23" s="111">
        <v>0</v>
      </c>
      <c r="AK23" s="111">
        <v>0</v>
      </c>
      <c r="AL23" s="111">
        <v>0</v>
      </c>
      <c r="AM23" s="111">
        <v>0</v>
      </c>
      <c r="AN23" s="111">
        <v>0</v>
      </c>
      <c r="AO23" s="111">
        <v>1</v>
      </c>
      <c r="AP23" s="111">
        <v>0</v>
      </c>
      <c r="AQ23" s="111">
        <v>0</v>
      </c>
      <c r="AR23" s="111">
        <v>0</v>
      </c>
      <c r="AS23" s="111">
        <v>0</v>
      </c>
      <c r="AT23" s="111" t="s">
        <v>400</v>
      </c>
      <c r="AU23" s="111">
        <v>1</v>
      </c>
      <c r="AV23" s="111">
        <v>1</v>
      </c>
      <c r="AW23" s="111">
        <v>0</v>
      </c>
      <c r="AX23" s="112" t="s">
        <v>22345</v>
      </c>
      <c r="AY23" s="112" t="s">
        <v>22334</v>
      </c>
      <c r="AZ23" s="112" t="s">
        <v>152</v>
      </c>
      <c r="BA23" s="112" t="s">
        <v>22346</v>
      </c>
      <c r="BB23" s="107">
        <v>45884</v>
      </c>
      <c r="BC23" s="8"/>
      <c r="BD23" s="8"/>
      <c r="BE23" s="8"/>
      <c r="BF23" s="8"/>
      <c r="BG23" s="8"/>
      <c r="BH23" s="8"/>
      <c r="BI23" s="8"/>
      <c r="BJ23" s="8"/>
      <c r="BK23" s="8"/>
      <c r="BL23" s="8"/>
      <c r="BM23" s="8"/>
      <c r="BN23" s="8"/>
      <c r="BO23" s="8"/>
      <c r="BP23" s="8"/>
      <c r="BQ23" s="8"/>
      <c r="BR23" s="8"/>
      <c r="BS23" s="8"/>
      <c r="BT23" s="8"/>
      <c r="BU23" s="8"/>
      <c r="BV23" s="8"/>
      <c r="BW23" s="8"/>
      <c r="BX23" s="8"/>
      <c r="BY23" s="8"/>
      <c r="BZ23" s="8"/>
      <c r="CA23" s="8"/>
      <c r="CB23" s="8"/>
      <c r="CC23" s="8"/>
      <c r="CD23" s="8"/>
      <c r="CE23" s="8"/>
      <c r="CF23" s="8"/>
      <c r="CG23" s="8"/>
      <c r="CH23" s="8"/>
      <c r="CI23" s="8"/>
      <c r="CJ23" s="8"/>
      <c r="CK23" s="8"/>
      <c r="CL23" s="8"/>
      <c r="CM23" s="8"/>
      <c r="CN23" s="8"/>
      <c r="CO23" s="8"/>
      <c r="CP23" s="8"/>
      <c r="CQ23" s="8"/>
      <c r="CR23" s="8"/>
      <c r="CS23" s="8"/>
      <c r="CT23" s="8"/>
      <c r="CU23" s="8"/>
      <c r="CV23" s="8"/>
      <c r="CW23" s="8"/>
      <c r="CX23" s="8"/>
      <c r="CY23" s="8"/>
      <c r="CZ23" s="8"/>
      <c r="DA23" s="8"/>
      <c r="DB23" s="8"/>
      <c r="DC23" s="8"/>
      <c r="DD23" s="8"/>
      <c r="DE23" s="8"/>
      <c r="DF23" s="8"/>
      <c r="DG23" s="8"/>
      <c r="DH23" s="8"/>
      <c r="DI23" s="8"/>
      <c r="DJ23" s="8"/>
      <c r="DK23" s="8"/>
      <c r="DL23" s="8"/>
      <c r="DM23" s="8"/>
      <c r="DN23" s="8"/>
      <c r="DO23" s="8"/>
      <c r="DP23" s="8"/>
      <c r="DQ23" s="8"/>
      <c r="DR23" s="8"/>
      <c r="DS23" s="8"/>
      <c r="DT23" s="8"/>
      <c r="DU23" s="8"/>
      <c r="DV23" s="8"/>
      <c r="DW23" s="8"/>
      <c r="DX23" s="8"/>
      <c r="DY23" s="8"/>
      <c r="DZ23" s="8"/>
      <c r="EA23" s="8"/>
      <c r="EB23" s="8"/>
      <c r="EC23" s="8"/>
      <c r="ED23" s="8"/>
      <c r="EE23" s="8"/>
      <c r="EF23" s="8"/>
      <c r="EG23" s="8"/>
      <c r="EH23" s="8"/>
      <c r="EI23" s="8"/>
      <c r="EJ23" s="8"/>
      <c r="EK23" s="8"/>
      <c r="EL23" s="8"/>
      <c r="EM23" s="8"/>
      <c r="EN23" s="8"/>
      <c r="EO23" s="8"/>
      <c r="EP23" s="8"/>
      <c r="EQ23" s="8"/>
      <c r="ER23" s="8"/>
      <c r="ES23" s="8"/>
      <c r="ET23" s="8"/>
      <c r="EU23" s="8"/>
      <c r="EV23" s="8"/>
      <c r="EW23" s="8"/>
      <c r="EX23" s="8"/>
      <c r="EY23" s="8"/>
      <c r="EZ23" s="8"/>
      <c r="FA23" s="8"/>
      <c r="FB23" s="8"/>
      <c r="FC23" s="8"/>
      <c r="FD23" s="8"/>
      <c r="FE23" s="8"/>
      <c r="FF23" s="8"/>
      <c r="FG23" s="8"/>
      <c r="FH23" s="8"/>
      <c r="FI23" s="8"/>
      <c r="FJ23" s="8"/>
      <c r="FK23" s="8"/>
      <c r="FL23" s="8"/>
      <c r="FM23" s="8"/>
      <c r="FN23" s="8"/>
      <c r="FO23" s="8"/>
      <c r="FP23" s="8"/>
      <c r="FQ23" s="8"/>
      <c r="FR23" s="8"/>
      <c r="FS23" s="8"/>
      <c r="FT23" s="8"/>
      <c r="FU23" s="8"/>
      <c r="FV23" s="8"/>
      <c r="FW23" s="8"/>
      <c r="FX23" s="8"/>
      <c r="FY23" s="8"/>
      <c r="FZ23" s="8"/>
      <c r="GA23" s="8"/>
      <c r="GB23" s="8"/>
      <c r="GC23" s="8"/>
      <c r="GD23" s="8"/>
      <c r="GE23" s="8"/>
      <c r="GF23" s="8"/>
      <c r="GG23" s="8"/>
      <c r="GH23" s="8"/>
      <c r="GI23" s="8"/>
      <c r="GJ23" s="8"/>
      <c r="GK23" s="8"/>
      <c r="GL23" s="8"/>
      <c r="GM23" s="8"/>
      <c r="GN23" s="8"/>
      <c r="GO23" s="8"/>
      <c r="GP23" s="8"/>
      <c r="GQ23" s="8"/>
      <c r="GR23" s="8"/>
      <c r="GS23" s="8"/>
      <c r="GT23" s="8"/>
      <c r="GU23" s="8"/>
      <c r="GV23" s="8"/>
      <c r="GW23" s="8"/>
      <c r="GX23" s="8"/>
      <c r="GY23" s="8"/>
      <c r="GZ23" s="8"/>
      <c r="HA23" s="8"/>
      <c r="HB23" s="8"/>
      <c r="HC23" s="8"/>
      <c r="HD23" s="8"/>
      <c r="HE23" s="8"/>
      <c r="HF23" s="8"/>
      <c r="HG23" s="8"/>
      <c r="HH23" s="8"/>
      <c r="HI23" s="8"/>
      <c r="HJ23" s="8"/>
      <c r="HK23" s="8"/>
      <c r="HL23" s="8"/>
      <c r="HM23" s="8"/>
      <c r="HN23" s="8"/>
      <c r="HO23" s="8"/>
      <c r="HP23" s="8"/>
      <c r="HQ23" s="8"/>
      <c r="HR23" s="8"/>
      <c r="HS23" s="8"/>
      <c r="HT23" s="8"/>
      <c r="HU23" s="8"/>
      <c r="HV23" s="8"/>
      <c r="HW23" s="8"/>
      <c r="HX23" s="8"/>
      <c r="HY23" s="8"/>
      <c r="HZ23" s="8"/>
      <c r="IA23" s="8"/>
      <c r="IB23" s="8"/>
      <c r="IC23" s="8"/>
      <c r="ID23" s="8"/>
      <c r="IE23" s="8"/>
      <c r="IF23" s="8"/>
      <c r="IG23" s="8"/>
      <c r="IH23" s="8"/>
      <c r="II23" s="8"/>
      <c r="IJ23" s="8"/>
      <c r="IK23" s="8"/>
      <c r="IL23" s="8"/>
      <c r="IM23" s="8"/>
      <c r="IN23" s="8"/>
      <c r="IO23" s="8"/>
      <c r="IP23" s="8"/>
      <c r="IQ23" s="8"/>
      <c r="IR23" s="8"/>
      <c r="IS23" s="8"/>
      <c r="IT23" s="8"/>
      <c r="IU23" s="8"/>
      <c r="IV23" s="8"/>
      <c r="IW23" s="8"/>
      <c r="IX23" s="8"/>
      <c r="IY23" s="8"/>
      <c r="IZ23" s="8"/>
      <c r="JA23" s="8"/>
      <c r="JB23" s="8"/>
      <c r="JC23" s="8"/>
      <c r="JD23" s="8"/>
      <c r="JE23" s="8"/>
      <c r="JF23" s="8"/>
      <c r="JG23" s="8"/>
      <c r="JH23" s="8"/>
      <c r="JI23" s="8"/>
      <c r="JJ23" s="8"/>
      <c r="JK23" s="8"/>
      <c r="JL23" s="8"/>
      <c r="JM23" s="8"/>
      <c r="JN23" s="8"/>
      <c r="JO23" s="8"/>
      <c r="JP23" s="8"/>
      <c r="JQ23" s="8"/>
      <c r="JR23" s="8"/>
      <c r="JS23" s="8"/>
      <c r="JT23" s="8"/>
      <c r="JU23" s="8"/>
      <c r="JV23" s="8"/>
      <c r="JW23" s="8"/>
      <c r="JX23" s="8"/>
      <c r="JY23" s="8"/>
      <c r="JZ23" s="8"/>
      <c r="KA23" s="8"/>
      <c r="KB23" s="8"/>
      <c r="KC23" s="8"/>
      <c r="KD23" s="8"/>
      <c r="KE23" s="8"/>
      <c r="KF23" s="8"/>
      <c r="KG23" s="8"/>
      <c r="KH23" s="8"/>
      <c r="KI23" s="8"/>
      <c r="KJ23" s="8"/>
      <c r="KK23" s="8"/>
      <c r="KL23" s="8"/>
      <c r="KM23" s="8"/>
      <c r="KN23" s="8"/>
      <c r="KO23" s="8"/>
      <c r="KP23" s="8"/>
      <c r="KQ23" s="8"/>
      <c r="KR23" s="8"/>
      <c r="KS23" s="8"/>
      <c r="KT23" s="8"/>
      <c r="KU23" s="8"/>
      <c r="KV23" s="8"/>
      <c r="KW23" s="8"/>
      <c r="KX23" s="8"/>
      <c r="KY23" s="8"/>
      <c r="KZ23" s="8"/>
      <c r="LA23" s="8"/>
      <c r="LB23" s="8"/>
      <c r="LC23" s="8"/>
      <c r="LD23" s="8"/>
      <c r="LE23" s="8"/>
      <c r="LF23" s="8"/>
      <c r="LG23" s="8"/>
      <c r="LH23" s="8"/>
      <c r="LI23" s="8"/>
      <c r="LJ23" s="8"/>
      <c r="LK23" s="8"/>
      <c r="LL23" s="8"/>
      <c r="LM23" s="8"/>
      <c r="LN23" s="8"/>
      <c r="LO23" s="8"/>
      <c r="LP23" s="8"/>
      <c r="LQ23" s="8"/>
      <c r="LR23" s="8"/>
      <c r="LS23" s="8"/>
      <c r="LT23" s="8"/>
      <c r="LU23" s="8"/>
      <c r="LV23" s="8"/>
      <c r="LW23" s="8"/>
      <c r="LX23" s="8"/>
      <c r="LY23" s="8"/>
      <c r="LZ23" s="8"/>
      <c r="MA23" s="8"/>
      <c r="MB23" s="8"/>
      <c r="MC23" s="8"/>
      <c r="MD23" s="8"/>
      <c r="ME23" s="8"/>
      <c r="MF23" s="8"/>
      <c r="MG23" s="8"/>
      <c r="MH23" s="8"/>
      <c r="MI23" s="8"/>
      <c r="MJ23" s="8"/>
      <c r="MK23" s="8"/>
      <c r="ML23" s="8"/>
      <c r="MM23" s="8"/>
      <c r="MN23" s="8"/>
      <c r="MO23" s="8"/>
      <c r="MP23" s="8"/>
      <c r="MQ23" s="8"/>
      <c r="MR23" s="8"/>
      <c r="MS23" s="8"/>
      <c r="MT23" s="8"/>
      <c r="MU23" s="8"/>
      <c r="MV23" s="8"/>
      <c r="MW23" s="8"/>
      <c r="MX23" s="8"/>
      <c r="MY23" s="8"/>
      <c r="MZ23" s="8"/>
      <c r="NA23" s="8"/>
      <c r="NB23" s="8"/>
      <c r="NC23" s="8"/>
      <c r="ND23" s="8"/>
      <c r="NE23" s="8"/>
      <c r="NF23" s="8"/>
      <c r="NG23" s="8"/>
      <c r="NH23" s="8"/>
      <c r="NI23" s="8"/>
      <c r="NJ23" s="8"/>
      <c r="NK23" s="8"/>
      <c r="NL23" s="8"/>
      <c r="NM23" s="8"/>
      <c r="NN23" s="8"/>
      <c r="NO23" s="8"/>
      <c r="NP23" s="8"/>
      <c r="NQ23" s="8"/>
      <c r="NR23" s="8"/>
      <c r="NS23" s="8"/>
      <c r="NT23" s="8"/>
      <c r="NU23" s="8"/>
      <c r="NV23" s="8"/>
      <c r="NW23" s="8"/>
      <c r="NX23" s="8"/>
      <c r="NY23" s="8"/>
      <c r="NZ23" s="8"/>
      <c r="OA23" s="8"/>
      <c r="OB23" s="8"/>
      <c r="OC23" s="8"/>
      <c r="OD23" s="8"/>
      <c r="OE23" s="8"/>
      <c r="OF23" s="8"/>
      <c r="OG23" s="8"/>
      <c r="OH23" s="8"/>
      <c r="OI23" s="8"/>
      <c r="OJ23" s="8"/>
      <c r="OK23" s="8"/>
      <c r="OL23" s="8"/>
      <c r="OM23" s="8"/>
      <c r="ON23" s="8"/>
      <c r="OO23" s="8"/>
      <c r="OP23" s="8"/>
      <c r="OQ23" s="8"/>
      <c r="OR23" s="8"/>
      <c r="OS23" s="8"/>
      <c r="OT23" s="8"/>
      <c r="OU23" s="8"/>
      <c r="OV23" s="8"/>
      <c r="OW23" s="8"/>
      <c r="OX23" s="8"/>
      <c r="OY23" s="8"/>
      <c r="OZ23" s="8"/>
      <c r="PA23" s="8"/>
      <c r="PB23" s="8"/>
      <c r="PC23" s="8"/>
      <c r="PD23" s="8"/>
      <c r="PE23" s="8"/>
      <c r="PF23" s="8"/>
      <c r="PG23" s="8"/>
      <c r="PH23" s="8"/>
      <c r="PI23" s="8"/>
      <c r="PJ23" s="8"/>
      <c r="PK23" s="8"/>
      <c r="PL23" s="8"/>
      <c r="PM23" s="8"/>
      <c r="PN23" s="8"/>
      <c r="PO23" s="8"/>
      <c r="PP23" s="8"/>
      <c r="PQ23" s="8"/>
      <c r="PR23" s="8"/>
      <c r="PS23" s="8"/>
      <c r="PT23" s="8"/>
      <c r="PU23" s="8"/>
      <c r="PV23" s="8"/>
      <c r="PW23" s="8"/>
      <c r="PX23" s="8"/>
      <c r="PY23" s="8"/>
      <c r="PZ23" s="8"/>
      <c r="QA23" s="8"/>
      <c r="QB23" s="8"/>
      <c r="QC23" s="8"/>
      <c r="QD23" s="8"/>
      <c r="QE23" s="8"/>
      <c r="QF23" s="8"/>
      <c r="QG23" s="8"/>
      <c r="QH23" s="8"/>
      <c r="QI23" s="8"/>
      <c r="QJ23" s="8"/>
      <c r="QK23" s="8"/>
      <c r="QL23" s="8"/>
      <c r="QM23" s="8"/>
      <c r="QN23" s="8"/>
      <c r="QO23" s="8"/>
      <c r="QP23" s="8"/>
      <c r="QQ23" s="8"/>
      <c r="QR23" s="8"/>
      <c r="QS23" s="8"/>
      <c r="QT23" s="8"/>
      <c r="QU23" s="8"/>
      <c r="QV23" s="8"/>
      <c r="QW23" s="8"/>
      <c r="QX23" s="8"/>
      <c r="QY23" s="8"/>
      <c r="QZ23" s="8"/>
      <c r="RA23" s="8"/>
      <c r="RB23" s="8"/>
      <c r="RC23" s="8"/>
      <c r="RD23" s="8"/>
      <c r="RE23" s="8"/>
      <c r="RF23" s="8"/>
      <c r="RG23" s="8"/>
      <c r="RH23" s="8"/>
      <c r="RI23" s="8"/>
      <c r="RJ23" s="8"/>
      <c r="RK23" s="8"/>
      <c r="RL23" s="8"/>
      <c r="RM23" s="8"/>
      <c r="RN23" s="8"/>
      <c r="RO23" s="8"/>
      <c r="RP23" s="8"/>
      <c r="RQ23" s="8"/>
      <c r="RR23" s="8"/>
      <c r="RS23" s="8"/>
      <c r="RT23" s="8"/>
      <c r="RU23" s="8"/>
      <c r="RV23" s="8"/>
      <c r="RW23" s="8"/>
      <c r="RX23" s="8"/>
      <c r="RY23" s="8"/>
      <c r="RZ23" s="8"/>
      <c r="SA23" s="8"/>
      <c r="SB23" s="8"/>
      <c r="SC23" s="8"/>
      <c r="SD23" s="8"/>
      <c r="SE23" s="8"/>
      <c r="SF23" s="8"/>
      <c r="SG23" s="8"/>
      <c r="SH23" s="8"/>
      <c r="SI23" s="8"/>
      <c r="SJ23" s="8"/>
      <c r="SK23" s="8"/>
      <c r="SL23" s="8"/>
      <c r="SM23" s="8"/>
      <c r="SN23" s="8"/>
      <c r="SO23" s="8"/>
      <c r="SP23" s="8"/>
      <c r="SQ23" s="8"/>
      <c r="SR23" s="8"/>
      <c r="SS23" s="8"/>
      <c r="ST23" s="8"/>
      <c r="SU23" s="8"/>
      <c r="SV23" s="8"/>
      <c r="SW23" s="8"/>
      <c r="SX23" s="8"/>
      <c r="SY23" s="8"/>
      <c r="SZ23" s="8"/>
      <c r="TA23" s="8"/>
      <c r="TB23" s="8"/>
      <c r="TC23" s="8"/>
      <c r="TD23" s="8"/>
      <c r="TE23" s="8"/>
      <c r="TF23" s="8"/>
      <c r="TG23" s="8"/>
      <c r="TH23" s="8"/>
      <c r="TI23" s="8"/>
      <c r="TJ23" s="8"/>
      <c r="TK23" s="8"/>
      <c r="TL23" s="8"/>
      <c r="TM23" s="8"/>
      <c r="TN23" s="8"/>
      <c r="TO23" s="8"/>
      <c r="TP23" s="8"/>
      <c r="TQ23" s="8"/>
      <c r="TR23" s="8"/>
      <c r="TS23" s="8"/>
      <c r="TT23" s="8"/>
      <c r="TU23" s="8"/>
      <c r="TV23" s="8"/>
      <c r="TW23" s="8"/>
      <c r="TX23" s="8"/>
      <c r="TY23" s="8"/>
      <c r="TZ23" s="8"/>
      <c r="UA23" s="8"/>
      <c r="UB23" s="8"/>
      <c r="UC23" s="8"/>
      <c r="UD23" s="8"/>
      <c r="UE23" s="8"/>
      <c r="UF23" s="8"/>
      <c r="UG23" s="8"/>
      <c r="UH23" s="8"/>
      <c r="UI23" s="8"/>
      <c r="UJ23" s="8"/>
      <c r="UK23" s="8"/>
      <c r="UL23" s="8"/>
      <c r="UM23" s="8"/>
      <c r="UN23" s="8"/>
      <c r="UO23" s="8"/>
      <c r="UP23" s="8"/>
      <c r="UQ23" s="8"/>
      <c r="UR23" s="8"/>
      <c r="US23" s="8"/>
      <c r="UT23" s="8"/>
      <c r="UU23" s="8"/>
      <c r="UV23" s="8"/>
      <c r="UW23" s="8"/>
      <c r="UX23" s="8"/>
      <c r="UY23" s="8"/>
      <c r="UZ23" s="8"/>
      <c r="VA23" s="8"/>
      <c r="VB23" s="8"/>
      <c r="VC23" s="8"/>
      <c r="VD23" s="8"/>
      <c r="VE23" s="8"/>
      <c r="VF23" s="8"/>
      <c r="VG23" s="8"/>
      <c r="VH23" s="8"/>
      <c r="VI23" s="8"/>
      <c r="VJ23" s="8"/>
      <c r="VK23" s="8"/>
      <c r="VL23" s="8"/>
      <c r="VM23" s="8"/>
      <c r="VN23" s="8"/>
      <c r="VO23" s="8"/>
      <c r="VP23" s="8"/>
      <c r="VQ23" s="8"/>
      <c r="VR23" s="8"/>
      <c r="VS23" s="8"/>
      <c r="VT23" s="8"/>
      <c r="VU23" s="8"/>
      <c r="VV23" s="8"/>
      <c r="VW23" s="8"/>
      <c r="VX23" s="8"/>
      <c r="VY23" s="8"/>
      <c r="VZ23" s="8"/>
      <c r="WA23" s="8"/>
      <c r="WB23" s="8"/>
      <c r="WC23" s="8"/>
      <c r="WD23" s="8"/>
      <c r="WE23" s="8"/>
      <c r="WF23" s="8"/>
      <c r="WG23" s="8"/>
      <c r="WH23" s="8"/>
      <c r="WI23" s="8"/>
      <c r="WJ23" s="8"/>
      <c r="WK23" s="8"/>
      <c r="WL23" s="8"/>
      <c r="WM23" s="8"/>
      <c r="WN23" s="8"/>
      <c r="WO23" s="8"/>
      <c r="WP23" s="8"/>
      <c r="WQ23" s="8"/>
      <c r="WR23" s="8"/>
      <c r="WS23" s="8"/>
      <c r="WT23" s="8"/>
      <c r="WU23" s="8"/>
      <c r="WV23" s="8"/>
      <c r="WW23" s="8"/>
      <c r="WX23" s="8"/>
      <c r="WY23" s="8"/>
      <c r="WZ23" s="8"/>
      <c r="XA23" s="8"/>
      <c r="XB23" s="8"/>
      <c r="XC23" s="8"/>
      <c r="XD23" s="8"/>
      <c r="XE23" s="8"/>
      <c r="XF23" s="8"/>
      <c r="XG23" s="8"/>
      <c r="XH23" s="8"/>
      <c r="XI23" s="8"/>
      <c r="XJ23" s="8"/>
      <c r="XK23" s="8"/>
      <c r="XL23" s="8"/>
      <c r="XM23" s="8"/>
      <c r="XN23" s="8"/>
      <c r="XO23" s="8"/>
      <c r="XP23" s="8"/>
      <c r="XQ23" s="8"/>
      <c r="XR23" s="8"/>
      <c r="XS23" s="8"/>
      <c r="XT23" s="8"/>
      <c r="XU23" s="8"/>
      <c r="XV23" s="8"/>
      <c r="XW23" s="8"/>
      <c r="XX23" s="8"/>
      <c r="XY23" s="8"/>
      <c r="XZ23" s="8"/>
      <c r="YA23" s="8"/>
      <c r="YB23" s="8"/>
      <c r="YC23" s="8"/>
      <c r="YD23" s="8"/>
      <c r="YE23" s="8"/>
      <c r="YF23" s="8"/>
      <c r="YG23" s="8"/>
      <c r="YH23" s="8"/>
      <c r="YI23" s="8"/>
      <c r="YJ23" s="8"/>
      <c r="YK23" s="8"/>
      <c r="YL23" s="8"/>
      <c r="YM23" s="8"/>
      <c r="YN23" s="8"/>
      <c r="YO23" s="8"/>
      <c r="YP23" s="8"/>
      <c r="YQ23" s="8"/>
      <c r="YR23" s="8"/>
      <c r="YS23" s="8"/>
      <c r="YT23" s="8"/>
      <c r="YU23" s="8"/>
      <c r="YV23" s="8"/>
      <c r="YW23" s="8"/>
      <c r="YX23" s="8"/>
      <c r="YY23" s="8"/>
      <c r="YZ23" s="8"/>
      <c r="ZA23" s="8"/>
      <c r="ZB23" s="8"/>
      <c r="ZC23" s="8"/>
      <c r="ZD23" s="8"/>
      <c r="ZE23" s="8"/>
      <c r="ZF23" s="8"/>
      <c r="ZG23" s="8"/>
      <c r="ZH23" s="8"/>
      <c r="ZI23" s="8"/>
      <c r="ZJ23" s="8"/>
      <c r="ZK23" s="8"/>
      <c r="ZL23" s="8"/>
      <c r="ZM23" s="8"/>
      <c r="ZN23" s="8"/>
      <c r="ZO23" s="8"/>
      <c r="ZP23" s="8"/>
      <c r="ZQ23" s="8"/>
      <c r="ZR23" s="8"/>
      <c r="ZS23" s="8"/>
      <c r="ZT23" s="8"/>
      <c r="ZU23" s="8"/>
      <c r="ZV23" s="8"/>
      <c r="ZW23" s="8"/>
      <c r="ZX23" s="8"/>
      <c r="ZY23" s="8"/>
      <c r="ZZ23" s="8"/>
      <c r="AAA23" s="8"/>
      <c r="AAB23" s="8"/>
      <c r="AAC23" s="8"/>
      <c r="AAD23" s="8"/>
      <c r="AAE23" s="8"/>
      <c r="AAF23" s="8"/>
      <c r="AAG23" s="8"/>
      <c r="AAH23" s="8"/>
      <c r="AAI23" s="8"/>
      <c r="AAJ23" s="8"/>
      <c r="AAK23" s="8"/>
      <c r="AAL23" s="8"/>
      <c r="AAM23" s="8"/>
      <c r="AAN23" s="8"/>
      <c r="AAO23" s="8"/>
      <c r="AAP23" s="8"/>
      <c r="AAQ23" s="8"/>
      <c r="AAR23" s="8"/>
      <c r="AAS23" s="8"/>
      <c r="AAT23" s="8"/>
      <c r="AAU23" s="8"/>
      <c r="AAV23" s="8"/>
      <c r="AAW23" s="8"/>
      <c r="AAX23" s="8"/>
      <c r="AAY23" s="8"/>
      <c r="AAZ23" s="8"/>
      <c r="ABA23" s="8"/>
      <c r="ABB23" s="8"/>
      <c r="ABC23" s="8"/>
      <c r="ABD23" s="8"/>
      <c r="ABE23" s="8"/>
      <c r="ABF23" s="8"/>
      <c r="ABG23" s="8"/>
      <c r="ABH23" s="8"/>
      <c r="ABI23" s="8"/>
      <c r="ABJ23" s="8"/>
      <c r="ABK23" s="8"/>
      <c r="ABL23" s="8"/>
      <c r="ABM23" s="8"/>
      <c r="ABN23" s="8"/>
      <c r="ABO23" s="8"/>
      <c r="ABP23" s="8"/>
      <c r="ABQ23" s="8"/>
      <c r="ABR23" s="8"/>
      <c r="ABS23" s="8"/>
      <c r="ABT23" s="8"/>
      <c r="ABU23" s="8"/>
      <c r="ABV23" s="8"/>
      <c r="ABW23" s="8"/>
      <c r="ABX23" s="8"/>
      <c r="ABY23" s="8"/>
      <c r="ABZ23" s="8"/>
      <c r="ACA23" s="8"/>
      <c r="ACB23" s="8"/>
      <c r="ACC23" s="8"/>
      <c r="ACD23" s="8"/>
      <c r="ACE23" s="8"/>
      <c r="ACF23" s="8"/>
      <c r="ACG23" s="8"/>
      <c r="ACH23" s="8"/>
      <c r="ACI23" s="8"/>
      <c r="ACJ23" s="8"/>
      <c r="ACK23" s="8"/>
      <c r="ACL23" s="8"/>
      <c r="ACM23" s="8"/>
      <c r="ACN23" s="8"/>
      <c r="ACO23" s="8"/>
      <c r="ACP23" s="8"/>
      <c r="ACQ23" s="8"/>
      <c r="ACR23" s="8"/>
      <c r="ACS23" s="8"/>
      <c r="ACT23" s="8"/>
      <c r="ACU23" s="8"/>
      <c r="ACV23" s="8"/>
      <c r="ACW23" s="8"/>
      <c r="ACX23" s="8"/>
      <c r="ACY23" s="8"/>
      <c r="ACZ23" s="8"/>
      <c r="ADA23" s="8"/>
      <c r="ADB23" s="8"/>
      <c r="ADC23" s="8"/>
      <c r="ADD23" s="8"/>
      <c r="ADE23" s="8"/>
      <c r="ADF23" s="8"/>
      <c r="ADG23" s="8"/>
      <c r="ADH23" s="8"/>
      <c r="ADI23" s="8"/>
      <c r="ADJ23" s="8"/>
      <c r="ADK23" s="8"/>
      <c r="ADL23" s="8"/>
      <c r="ADM23" s="8"/>
      <c r="ADN23" s="8"/>
      <c r="ADO23" s="8"/>
      <c r="ADP23" s="8"/>
      <c r="ADQ23" s="8"/>
      <c r="ADR23" s="8"/>
      <c r="ADS23" s="8"/>
      <c r="ADT23" s="8"/>
      <c r="ADU23" s="8"/>
      <c r="ADV23" s="8"/>
      <c r="ADW23" s="8"/>
      <c r="ADX23" s="8"/>
      <c r="ADY23" s="8"/>
      <c r="ADZ23" s="8"/>
      <c r="AEA23" s="8"/>
      <c r="AEB23" s="8"/>
      <c r="AEC23" s="8"/>
      <c r="AED23" s="8"/>
      <c r="AEE23" s="8"/>
      <c r="AEF23" s="8"/>
      <c r="AEG23" s="8"/>
      <c r="AEH23" s="8"/>
      <c r="AEI23" s="8"/>
      <c r="AEJ23" s="8"/>
      <c r="AEK23" s="8"/>
      <c r="AEL23" s="8"/>
      <c r="AEM23" s="8"/>
      <c r="AEN23" s="8"/>
      <c r="AEO23" s="8"/>
      <c r="AEP23" s="8"/>
      <c r="AEQ23" s="8"/>
      <c r="AER23" s="8"/>
      <c r="AES23" s="8"/>
      <c r="AET23" s="8"/>
      <c r="AEU23" s="8"/>
      <c r="AEV23" s="8"/>
      <c r="AEW23" s="8"/>
      <c r="AEX23" s="8"/>
      <c r="AEY23" s="8"/>
      <c r="AEZ23" s="8"/>
      <c r="AFA23" s="8"/>
      <c r="AFB23" s="8"/>
      <c r="AFC23" s="8"/>
      <c r="AFD23" s="8"/>
      <c r="AFE23" s="8"/>
      <c r="AFF23" s="8"/>
      <c r="AFG23" s="8"/>
      <c r="AFH23" s="8"/>
      <c r="AFI23" s="8"/>
      <c r="AFJ23" s="8"/>
      <c r="AFK23" s="8"/>
      <c r="AFL23" s="8"/>
      <c r="AFM23" s="8"/>
      <c r="AFN23" s="8"/>
      <c r="AFO23" s="8"/>
      <c r="AFP23" s="8"/>
      <c r="AFQ23" s="8"/>
      <c r="AFR23" s="8"/>
      <c r="AFS23" s="8"/>
      <c r="AFT23" s="8"/>
      <c r="AFU23" s="8"/>
      <c r="AFV23" s="8"/>
      <c r="AFW23" s="8"/>
      <c r="AFX23" s="8"/>
      <c r="AFY23" s="8"/>
      <c r="AFZ23" s="8"/>
      <c r="AGA23" s="8"/>
      <c r="AGB23" s="8"/>
      <c r="AGC23" s="8"/>
      <c r="AGD23" s="8"/>
      <c r="AGE23" s="8"/>
      <c r="AGF23" s="8"/>
      <c r="AGG23" s="8"/>
      <c r="AGH23" s="8"/>
      <c r="AGI23" s="8"/>
      <c r="AGJ23" s="8"/>
      <c r="AGK23" s="8"/>
      <c r="AGL23" s="8"/>
      <c r="AGM23" s="8"/>
      <c r="AGN23" s="8"/>
      <c r="AGO23" s="8"/>
      <c r="AGP23" s="8"/>
      <c r="AGQ23" s="8"/>
      <c r="AGR23" s="8"/>
      <c r="AGS23" s="8"/>
      <c r="AGT23" s="8"/>
      <c r="AGU23" s="8"/>
      <c r="AGV23" s="8"/>
      <c r="AGW23" s="8"/>
      <c r="AGX23" s="8"/>
      <c r="AGY23" s="8"/>
      <c r="AGZ23" s="8"/>
      <c r="AHA23" s="8"/>
      <c r="AHB23" s="8"/>
      <c r="AHC23" s="8"/>
      <c r="AHD23" s="8"/>
      <c r="AHE23" s="8"/>
      <c r="AHF23" s="8"/>
      <c r="AHG23" s="8"/>
      <c r="AHH23" s="8"/>
      <c r="AHI23" s="8"/>
      <c r="AHJ23" s="8"/>
      <c r="AHK23" s="8"/>
      <c r="AHL23" s="8"/>
      <c r="AHM23" s="8"/>
      <c r="AHN23" s="8"/>
      <c r="AHO23" s="8"/>
      <c r="AHP23" s="8"/>
      <c r="AHQ23" s="8"/>
      <c r="AHR23" s="8"/>
      <c r="AHS23" s="8"/>
      <c r="AHT23" s="8"/>
      <c r="AHU23" s="8"/>
      <c r="AHV23" s="8"/>
      <c r="AHW23" s="8"/>
      <c r="AHX23" s="8"/>
      <c r="AHY23" s="8"/>
      <c r="AHZ23" s="8"/>
      <c r="AIA23" s="8"/>
      <c r="AIB23" s="8"/>
      <c r="AIC23" s="8"/>
      <c r="AID23" s="8"/>
      <c r="AIE23" s="8"/>
      <c r="AIF23" s="8"/>
      <c r="AIG23" s="8"/>
      <c r="AIH23" s="8"/>
      <c r="AII23" s="8"/>
      <c r="AIJ23" s="8"/>
      <c r="AIK23" s="8"/>
      <c r="AIL23" s="8"/>
      <c r="AIM23" s="8"/>
      <c r="AIN23" s="8"/>
      <c r="AIO23" s="8"/>
      <c r="AIP23" s="8"/>
      <c r="AIQ23" s="8"/>
      <c r="AIR23" s="8"/>
      <c r="AIS23" s="8"/>
      <c r="AIT23" s="8"/>
      <c r="AIU23" s="8"/>
      <c r="AIV23" s="8"/>
      <c r="AIW23" s="8"/>
      <c r="AIX23" s="8"/>
      <c r="AIY23" s="8"/>
      <c r="AIZ23" s="8"/>
      <c r="AJA23" s="8"/>
      <c r="AJB23" s="8"/>
      <c r="AJC23" s="8"/>
      <c r="AJD23" s="8"/>
      <c r="AJE23" s="8"/>
      <c r="AJF23" s="8"/>
      <c r="AJG23" s="8"/>
      <c r="AJH23" s="8"/>
      <c r="AJI23" s="8"/>
      <c r="AJJ23" s="8"/>
      <c r="AJK23" s="8"/>
      <c r="AJL23" s="8"/>
      <c r="AJM23" s="8"/>
      <c r="AJN23" s="8"/>
      <c r="AJO23" s="8"/>
      <c r="AJP23" s="8"/>
      <c r="AJQ23" s="8"/>
      <c r="AJR23" s="8"/>
      <c r="AJS23" s="8"/>
      <c r="AJT23" s="8"/>
      <c r="AJU23" s="8"/>
      <c r="AJV23" s="8"/>
      <c r="AJW23" s="8"/>
      <c r="AJX23" s="8"/>
      <c r="AJY23" s="8"/>
      <c r="AJZ23" s="8"/>
      <c r="AKA23" s="8"/>
      <c r="AKB23" s="8"/>
      <c r="AKC23" s="8"/>
      <c r="AKD23" s="8"/>
      <c r="AKE23" s="8"/>
      <c r="AKF23" s="8"/>
      <c r="AKG23" s="8"/>
      <c r="AKH23" s="8"/>
      <c r="AKI23" s="8"/>
      <c r="AKJ23" s="8"/>
      <c r="AKK23" s="8"/>
      <c r="AKL23" s="8"/>
      <c r="AKM23" s="8"/>
      <c r="AKN23" s="8"/>
      <c r="AKO23" s="8"/>
      <c r="AKP23" s="8"/>
      <c r="AKQ23" s="8"/>
      <c r="AKR23" s="8"/>
      <c r="AKS23" s="8"/>
      <c r="AKT23" s="8"/>
      <c r="AKU23" s="8"/>
      <c r="AKV23" s="8"/>
      <c r="AKW23" s="8"/>
      <c r="AKX23" s="8"/>
      <c r="AKY23" s="8"/>
      <c r="AKZ23" s="8"/>
      <c r="ALA23" s="8"/>
      <c r="ALB23" s="8"/>
      <c r="ALC23" s="8"/>
      <c r="ALD23" s="8"/>
      <c r="ALE23" s="8"/>
      <c r="ALF23" s="8"/>
      <c r="ALG23" s="8"/>
      <c r="ALH23" s="8"/>
      <c r="ALI23" s="8"/>
      <c r="ALJ23" s="8"/>
      <c r="ALK23" s="8"/>
      <c r="ALL23" s="8"/>
      <c r="ALM23" s="8"/>
      <c r="ALN23" s="8"/>
      <c r="ALO23" s="8"/>
      <c r="ALP23" s="8"/>
      <c r="ALQ23" s="8"/>
      <c r="ALR23" s="8"/>
      <c r="ALS23" s="8"/>
      <c r="ALT23" s="8"/>
      <c r="ALU23" s="8"/>
      <c r="ALV23" s="8"/>
      <c r="ALW23" s="8"/>
      <c r="ALX23" s="8"/>
      <c r="ALY23" s="8"/>
      <c r="ALZ23" s="8"/>
      <c r="AMA23" s="8"/>
      <c r="AMB23" s="8"/>
      <c r="AMC23" s="8"/>
      <c r="AMD23" s="8"/>
      <c r="AME23" s="8"/>
      <c r="AMF23" s="8"/>
      <c r="AMG23" s="8"/>
      <c r="AMH23" s="8"/>
      <c r="AMI23" s="8"/>
      <c r="AMJ23" s="8"/>
      <c r="AMK23" s="8"/>
      <c r="AML23" s="8"/>
      <c r="AMM23" s="8"/>
      <c r="AMN23" s="8"/>
      <c r="AMO23" s="8"/>
      <c r="AMP23" s="8"/>
      <c r="AMQ23" s="8"/>
      <c r="AMR23" s="8"/>
      <c r="AMS23" s="8"/>
      <c r="AMT23" s="8"/>
      <c r="AMU23" s="8"/>
      <c r="AMV23" s="8"/>
      <c r="AMW23" s="8"/>
      <c r="AMX23" s="8"/>
      <c r="AMY23" s="8"/>
      <c r="AMZ23" s="8"/>
      <c r="ANA23" s="8"/>
      <c r="ANB23" s="8"/>
      <c r="ANC23" s="8"/>
      <c r="AND23" s="8"/>
      <c r="ANE23" s="8"/>
      <c r="ANF23" s="8"/>
      <c r="ANG23" s="8"/>
      <c r="ANH23" s="8"/>
      <c r="ANI23" s="8"/>
      <c r="ANJ23" s="8"/>
      <c r="ANK23" s="8"/>
      <c r="ANL23" s="8"/>
      <c r="ANM23" s="8"/>
      <c r="ANN23" s="8"/>
      <c r="ANO23" s="8"/>
      <c r="ANP23" s="8"/>
      <c r="ANQ23" s="8"/>
      <c r="ANR23" s="8"/>
      <c r="ANS23" s="8"/>
      <c r="ANT23" s="8"/>
      <c r="ANU23" s="8"/>
      <c r="ANV23" s="8"/>
      <c r="ANW23" s="8"/>
      <c r="ANX23" s="8"/>
      <c r="ANY23" s="8"/>
      <c r="ANZ23" s="8"/>
      <c r="AOA23" s="8"/>
      <c r="AOB23" s="8"/>
      <c r="AOC23" s="8"/>
      <c r="AOD23" s="8"/>
      <c r="AOE23" s="8"/>
      <c r="AOF23" s="8"/>
      <c r="AOG23" s="8"/>
      <c r="AOH23" s="8"/>
      <c r="AOI23" s="8"/>
      <c r="AOJ23" s="8"/>
      <c r="AOK23" s="8"/>
      <c r="AOL23" s="8"/>
      <c r="AOM23" s="8"/>
      <c r="AON23" s="8"/>
      <c r="AOO23" s="8"/>
      <c r="AOP23" s="8"/>
      <c r="AOQ23" s="8"/>
      <c r="AOR23" s="8"/>
      <c r="AOS23" s="8"/>
      <c r="AOT23" s="8"/>
      <c r="AOU23" s="8"/>
      <c r="AOV23" s="8"/>
      <c r="AOW23" s="8"/>
      <c r="AOX23" s="8"/>
      <c r="AOY23" s="8"/>
      <c r="AOZ23" s="8"/>
      <c r="APA23" s="8"/>
      <c r="APB23" s="8"/>
      <c r="APC23" s="8"/>
      <c r="APD23" s="8"/>
      <c r="APE23" s="8"/>
      <c r="APF23" s="8"/>
      <c r="APG23" s="8"/>
      <c r="APH23" s="8"/>
      <c r="API23" s="8"/>
      <c r="APJ23" s="8"/>
      <c r="APK23" s="8"/>
      <c r="APL23" s="8"/>
      <c r="APM23" s="8"/>
      <c r="APN23" s="8"/>
      <c r="APO23" s="8"/>
      <c r="APP23" s="8"/>
      <c r="APQ23" s="8"/>
      <c r="APR23" s="8"/>
      <c r="APS23" s="8"/>
      <c r="APT23" s="8"/>
      <c r="APU23" s="8"/>
      <c r="APV23" s="8"/>
      <c r="APW23" s="8"/>
      <c r="APX23" s="8"/>
      <c r="APY23" s="8"/>
      <c r="APZ23" s="8"/>
      <c r="AQA23" s="8"/>
      <c r="AQB23" s="8"/>
      <c r="AQC23" s="8"/>
      <c r="AQD23" s="8"/>
      <c r="AQE23" s="8"/>
      <c r="AQF23" s="8"/>
      <c r="AQG23" s="8"/>
      <c r="AQH23" s="8"/>
      <c r="AQI23" s="8"/>
      <c r="AQJ23" s="8"/>
      <c r="AQK23" s="8"/>
      <c r="AQL23" s="8"/>
      <c r="AQM23" s="8"/>
      <c r="AQN23" s="8"/>
      <c r="AQO23" s="8"/>
      <c r="AQP23" s="8"/>
      <c r="AQQ23" s="8"/>
      <c r="AQR23" s="8"/>
      <c r="AQS23" s="8"/>
      <c r="AQT23" s="8"/>
      <c r="AQU23" s="8"/>
      <c r="AQV23" s="8"/>
      <c r="AQW23" s="8"/>
      <c r="AQX23" s="8"/>
      <c r="AQY23" s="8"/>
      <c r="AQZ23" s="8"/>
      <c r="ARA23" s="8"/>
      <c r="ARB23" s="8"/>
      <c r="ARC23" s="8"/>
      <c r="ARD23" s="8"/>
      <c r="ARE23" s="8"/>
      <c r="ARF23" s="8"/>
      <c r="ARG23" s="8"/>
      <c r="ARH23" s="8"/>
      <c r="ARI23" s="8"/>
      <c r="ARJ23" s="8"/>
      <c r="ARK23" s="8"/>
      <c r="ARL23" s="8"/>
      <c r="ARM23" s="8"/>
      <c r="ARN23" s="8"/>
      <c r="ARO23" s="8"/>
      <c r="ARP23" s="8"/>
      <c r="ARQ23" s="8"/>
      <c r="ARR23" s="8"/>
      <c r="ARS23" s="8"/>
      <c r="ART23" s="8"/>
      <c r="ARU23" s="8"/>
      <c r="ARV23" s="8"/>
      <c r="ARW23" s="8"/>
      <c r="ARX23" s="8"/>
      <c r="ARY23" s="8"/>
      <c r="ARZ23" s="8"/>
      <c r="ASA23" s="8"/>
      <c r="ASB23" s="8"/>
      <c r="ASC23" s="8"/>
      <c r="ASD23" s="8"/>
      <c r="ASE23" s="8"/>
      <c r="ASF23" s="8"/>
      <c r="ASG23" s="8"/>
      <c r="ASH23" s="8"/>
      <c r="ASI23" s="8"/>
      <c r="ASJ23" s="8"/>
      <c r="ASK23" s="8"/>
      <c r="ASL23" s="8"/>
      <c r="ASM23" s="8"/>
      <c r="ASN23" s="8"/>
      <c r="ASO23" s="8"/>
      <c r="ASP23" s="8"/>
      <c r="ASQ23" s="8"/>
      <c r="ASR23" s="8"/>
      <c r="ASS23" s="8"/>
      <c r="AST23" s="8"/>
      <c r="ASU23" s="8"/>
      <c r="ASV23" s="8"/>
      <c r="ASW23" s="8"/>
      <c r="ASX23" s="8"/>
      <c r="ASY23" s="8"/>
      <c r="ASZ23" s="8"/>
      <c r="ATA23" s="8"/>
      <c r="ATB23" s="8"/>
      <c r="ATC23" s="8"/>
      <c r="ATD23" s="8"/>
      <c r="ATE23" s="8"/>
      <c r="ATF23" s="8"/>
      <c r="ATG23" s="8"/>
      <c r="ATH23" s="8"/>
      <c r="ATI23" s="8"/>
      <c r="ATJ23" s="8"/>
      <c r="ATK23" s="8"/>
      <c r="ATL23" s="8"/>
      <c r="ATM23" s="8"/>
      <c r="ATN23" s="8"/>
      <c r="ATO23" s="8"/>
      <c r="ATP23" s="8"/>
      <c r="ATQ23" s="8"/>
      <c r="ATR23" s="8"/>
      <c r="ATS23" s="8"/>
      <c r="ATT23" s="8"/>
      <c r="ATU23" s="8"/>
      <c r="ATV23" s="8"/>
      <c r="ATW23" s="8"/>
      <c r="ATX23" s="8"/>
      <c r="ATY23" s="8"/>
      <c r="ATZ23" s="8"/>
      <c r="AUA23" s="8"/>
      <c r="AUB23" s="8"/>
      <c r="AUC23" s="8"/>
      <c r="AUD23" s="8"/>
      <c r="AUE23" s="8"/>
      <c r="AUF23" s="8"/>
      <c r="AUG23" s="8"/>
      <c r="AUH23" s="8"/>
      <c r="AUI23" s="8"/>
      <c r="AUJ23" s="8"/>
      <c r="AUK23" s="8"/>
      <c r="AUL23" s="8"/>
      <c r="AUM23" s="8"/>
      <c r="AUN23" s="8"/>
      <c r="AUO23" s="8"/>
      <c r="AUP23" s="8"/>
      <c r="AUQ23" s="8"/>
      <c r="AUR23" s="8"/>
      <c r="AUS23" s="8"/>
      <c r="AUT23" s="8"/>
      <c r="AUU23" s="8"/>
      <c r="AUV23" s="8"/>
      <c r="AUW23" s="8"/>
      <c r="AUX23" s="8"/>
      <c r="AUY23" s="8"/>
      <c r="AUZ23" s="8"/>
      <c r="AVA23" s="8"/>
      <c r="AVB23" s="8"/>
      <c r="AVC23" s="8"/>
      <c r="AVD23" s="8"/>
      <c r="AVE23" s="8"/>
      <c r="AVF23" s="8"/>
      <c r="AVG23" s="8"/>
      <c r="AVH23" s="8"/>
      <c r="AVI23" s="8"/>
      <c r="AVJ23" s="8"/>
      <c r="AVK23" s="8"/>
      <c r="AVL23" s="8"/>
      <c r="AVM23" s="8"/>
      <c r="AVN23" s="8"/>
      <c r="AVO23" s="8"/>
      <c r="AVP23" s="8"/>
      <c r="AVQ23" s="8"/>
      <c r="AVR23" s="8"/>
      <c r="AVS23" s="8"/>
      <c r="AVT23" s="8"/>
      <c r="AVU23" s="8"/>
      <c r="AVV23" s="8"/>
      <c r="AVW23" s="8"/>
      <c r="AVX23" s="8"/>
      <c r="AVY23" s="8"/>
      <c r="AVZ23" s="8"/>
      <c r="AWA23" s="8"/>
      <c r="AWB23" s="8"/>
      <c r="AWC23" s="8"/>
      <c r="AWD23" s="8"/>
      <c r="AWE23" s="8"/>
      <c r="AWF23" s="8"/>
      <c r="AWG23" s="8"/>
      <c r="AWH23" s="8"/>
      <c r="AWI23" s="8"/>
      <c r="AWJ23" s="8"/>
      <c r="AWK23" s="8"/>
      <c r="AWL23" s="8"/>
      <c r="AWM23" s="8"/>
      <c r="AWN23" s="8"/>
      <c r="AWO23" s="8"/>
      <c r="AWP23" s="8"/>
      <c r="AWQ23" s="8"/>
      <c r="AWR23" s="8"/>
      <c r="AWS23" s="8"/>
      <c r="AWT23" s="8"/>
      <c r="AWU23" s="8"/>
      <c r="AWV23" s="8"/>
      <c r="AWW23" s="8"/>
      <c r="AWX23" s="8"/>
      <c r="AWY23" s="8"/>
      <c r="AWZ23" s="8"/>
      <c r="AXA23" s="8"/>
      <c r="AXB23" s="8"/>
      <c r="AXC23" s="8"/>
      <c r="AXD23" s="8"/>
      <c r="AXE23" s="8"/>
      <c r="AXF23" s="8"/>
      <c r="AXG23" s="8"/>
      <c r="AXH23" s="8"/>
      <c r="AXI23" s="8"/>
      <c r="AXJ23" s="8"/>
      <c r="AXK23" s="8"/>
      <c r="AXL23" s="8"/>
      <c r="AXM23" s="8"/>
      <c r="AXN23" s="8"/>
      <c r="AXO23" s="8"/>
      <c r="AXP23" s="8"/>
      <c r="AXQ23" s="8"/>
      <c r="AXR23" s="8"/>
      <c r="AXS23" s="8"/>
      <c r="AXT23" s="8"/>
      <c r="AXU23" s="8"/>
      <c r="AXV23" s="8"/>
      <c r="AXW23" s="8"/>
      <c r="AXX23" s="8"/>
      <c r="AXY23" s="8"/>
      <c r="AXZ23" s="8"/>
      <c r="AYA23" s="8"/>
      <c r="AYB23" s="8"/>
      <c r="AYC23" s="8"/>
      <c r="AYD23" s="8"/>
      <c r="AYE23" s="8"/>
      <c r="AYF23" s="8"/>
      <c r="AYG23" s="8"/>
      <c r="AYH23" s="8"/>
      <c r="AYI23" s="8"/>
      <c r="AYJ23" s="8"/>
      <c r="AYK23" s="8"/>
      <c r="AYL23" s="8"/>
      <c r="AYM23" s="8"/>
      <c r="AYN23" s="8"/>
      <c r="AYO23" s="8"/>
      <c r="AYP23" s="8"/>
      <c r="AYQ23" s="8"/>
      <c r="AYR23" s="8"/>
      <c r="AYS23" s="8"/>
      <c r="AYT23" s="8"/>
      <c r="AYU23" s="8"/>
      <c r="AYV23" s="8"/>
      <c r="AYW23" s="8"/>
      <c r="AYX23" s="8"/>
      <c r="AYY23" s="8"/>
      <c r="AYZ23" s="8"/>
      <c r="AZA23" s="8"/>
      <c r="AZB23" s="8"/>
      <c r="AZC23" s="8"/>
      <c r="AZD23" s="8"/>
      <c r="AZE23" s="8"/>
      <c r="AZF23" s="8"/>
      <c r="AZG23" s="8"/>
      <c r="AZH23" s="8"/>
      <c r="AZI23" s="8"/>
      <c r="AZJ23" s="8"/>
      <c r="AZK23" s="8"/>
      <c r="AZL23" s="8"/>
      <c r="AZM23" s="8"/>
      <c r="AZN23" s="8"/>
      <c r="AZO23" s="8"/>
      <c r="AZP23" s="8"/>
      <c r="AZQ23" s="8"/>
      <c r="AZR23" s="8"/>
      <c r="AZS23" s="8"/>
      <c r="AZT23" s="8"/>
      <c r="AZU23" s="8"/>
      <c r="AZV23" s="8"/>
      <c r="AZW23" s="8"/>
      <c r="AZX23" s="8"/>
      <c r="AZY23" s="8"/>
      <c r="AZZ23" s="8"/>
      <c r="BAA23" s="8"/>
      <c r="BAB23" s="8"/>
      <c r="BAC23" s="8"/>
      <c r="BAD23" s="8"/>
      <c r="BAE23" s="8"/>
      <c r="BAF23" s="8"/>
      <c r="BAG23" s="8"/>
      <c r="BAH23" s="8"/>
      <c r="BAI23" s="8"/>
      <c r="BAJ23" s="8"/>
      <c r="BAK23" s="8"/>
      <c r="BAL23" s="8"/>
      <c r="BAM23" s="8"/>
      <c r="BAN23" s="8"/>
      <c r="BAO23" s="8"/>
      <c r="BAP23" s="8"/>
      <c r="BAQ23" s="8"/>
      <c r="BAR23" s="8"/>
      <c r="BAS23" s="8"/>
      <c r="BAT23" s="8"/>
      <c r="BAU23" s="8"/>
      <c r="BAV23" s="8"/>
      <c r="BAW23" s="8"/>
      <c r="BAX23" s="8"/>
      <c r="BAY23" s="8"/>
      <c r="BAZ23" s="8"/>
      <c r="BBA23" s="8"/>
      <c r="BBB23" s="8"/>
      <c r="BBC23" s="8"/>
      <c r="BBD23" s="8"/>
      <c r="BBE23" s="8"/>
      <c r="BBF23" s="8"/>
      <c r="BBG23" s="8"/>
      <c r="BBH23" s="8"/>
      <c r="BBI23" s="8"/>
      <c r="BBJ23" s="8"/>
      <c r="BBK23" s="8"/>
      <c r="BBL23" s="8"/>
      <c r="BBM23" s="8"/>
      <c r="BBN23" s="8"/>
      <c r="BBO23" s="8"/>
      <c r="BBP23" s="8"/>
      <c r="BBQ23" s="8"/>
      <c r="BBR23" s="8"/>
      <c r="BBS23" s="8"/>
      <c r="BBT23" s="8"/>
      <c r="BBU23" s="8"/>
      <c r="BBV23" s="8"/>
      <c r="BBW23" s="8"/>
      <c r="BBX23" s="8"/>
      <c r="BBY23" s="8"/>
      <c r="BBZ23" s="8"/>
      <c r="BCA23" s="8"/>
      <c r="BCB23" s="8"/>
      <c r="BCC23" s="8"/>
      <c r="BCD23" s="8"/>
      <c r="BCE23" s="8"/>
      <c r="BCF23" s="8"/>
      <c r="BCG23" s="8"/>
      <c r="BCH23" s="8"/>
      <c r="BCI23" s="8"/>
      <c r="BCJ23" s="8"/>
      <c r="BCK23" s="8"/>
      <c r="BCL23" s="8"/>
      <c r="BCM23" s="8"/>
      <c r="BCN23" s="8"/>
      <c r="BCO23" s="8"/>
      <c r="BCP23" s="8"/>
      <c r="BCQ23" s="8"/>
      <c r="BCR23" s="8"/>
      <c r="BCS23" s="8"/>
      <c r="BCT23" s="8"/>
      <c r="BCU23" s="8"/>
      <c r="BCV23" s="8"/>
      <c r="BCW23" s="8"/>
      <c r="BCX23" s="8"/>
      <c r="BCY23" s="8"/>
      <c r="BCZ23" s="8"/>
      <c r="BDA23" s="8"/>
      <c r="BDB23" s="8"/>
      <c r="BDC23" s="8"/>
      <c r="BDD23" s="8"/>
      <c r="BDE23" s="8"/>
      <c r="BDF23" s="8"/>
      <c r="BDG23" s="8"/>
      <c r="BDH23" s="8"/>
      <c r="BDI23" s="8"/>
      <c r="BDJ23" s="8"/>
      <c r="BDK23" s="8"/>
      <c r="BDL23" s="8"/>
      <c r="BDM23" s="8"/>
      <c r="BDN23" s="8"/>
      <c r="BDO23" s="8"/>
      <c r="BDP23" s="8"/>
      <c r="BDQ23" s="8"/>
      <c r="BDR23" s="8"/>
      <c r="BDS23" s="8"/>
      <c r="BDT23" s="8"/>
      <c r="BDU23" s="8"/>
      <c r="BDV23" s="8"/>
      <c r="BDW23" s="8"/>
      <c r="BDX23" s="8"/>
      <c r="BDY23" s="8"/>
      <c r="BDZ23" s="8"/>
      <c r="BEA23" s="8"/>
      <c r="BEB23" s="8"/>
      <c r="BEC23" s="8"/>
      <c r="BED23" s="8"/>
      <c r="BEE23" s="8"/>
      <c r="BEF23" s="8"/>
      <c r="BEG23" s="8"/>
      <c r="BEH23" s="8"/>
      <c r="BEI23" s="8"/>
      <c r="BEJ23" s="8"/>
      <c r="BEK23" s="8"/>
      <c r="BEL23" s="8"/>
      <c r="BEM23" s="8"/>
      <c r="BEN23" s="8"/>
      <c r="BEO23" s="8"/>
      <c r="BEP23" s="8"/>
      <c r="BEQ23" s="8"/>
      <c r="BER23" s="8"/>
      <c r="BES23" s="8"/>
      <c r="BET23" s="8"/>
      <c r="BEU23" s="8"/>
      <c r="BEV23" s="8"/>
      <c r="BEW23" s="8"/>
      <c r="BEX23" s="8"/>
      <c r="BEY23" s="8"/>
      <c r="BEZ23" s="8"/>
      <c r="BFA23" s="8"/>
      <c r="BFB23" s="8"/>
      <c r="BFC23" s="8"/>
      <c r="BFD23" s="8"/>
      <c r="BFE23" s="8"/>
      <c r="BFF23" s="8"/>
      <c r="BFG23" s="8"/>
      <c r="BFH23" s="8"/>
      <c r="BFI23" s="8"/>
      <c r="BFJ23" s="8"/>
      <c r="BFK23" s="8"/>
      <c r="BFL23" s="8"/>
      <c r="BFM23" s="8"/>
      <c r="BFN23" s="8"/>
      <c r="BFO23" s="8"/>
      <c r="BFP23" s="8"/>
      <c r="BFQ23" s="8"/>
      <c r="BFR23" s="8"/>
      <c r="BFS23" s="8"/>
      <c r="BFT23" s="8"/>
      <c r="BFU23" s="8"/>
      <c r="BFV23" s="8"/>
      <c r="BFW23" s="8"/>
      <c r="BFX23" s="8"/>
      <c r="BFY23" s="8"/>
      <c r="BFZ23" s="8"/>
      <c r="BGA23" s="8"/>
      <c r="BGB23" s="8"/>
      <c r="BGC23" s="8"/>
      <c r="BGD23" s="8"/>
      <c r="BGE23" s="8"/>
      <c r="BGF23" s="8"/>
      <c r="BGG23" s="8"/>
      <c r="BGH23" s="8"/>
      <c r="BGI23" s="8"/>
      <c r="BGJ23" s="8"/>
      <c r="BGK23" s="8"/>
      <c r="BGL23" s="8"/>
      <c r="BGM23" s="8"/>
      <c r="BGN23" s="8"/>
      <c r="BGO23" s="8"/>
      <c r="BGP23" s="8"/>
      <c r="BGQ23" s="8"/>
      <c r="BGR23" s="8"/>
      <c r="BGS23" s="8"/>
      <c r="BGT23" s="8"/>
      <c r="BGU23" s="8"/>
      <c r="BGV23" s="8"/>
      <c r="BGW23" s="8"/>
      <c r="BGX23" s="8"/>
      <c r="BGY23" s="8"/>
      <c r="BGZ23" s="8"/>
      <c r="BHA23" s="8"/>
      <c r="BHB23" s="8"/>
      <c r="BHC23" s="8"/>
      <c r="BHD23" s="8"/>
      <c r="BHE23" s="8"/>
      <c r="BHF23" s="8"/>
      <c r="BHG23" s="8"/>
      <c r="BHH23" s="8"/>
      <c r="BHI23" s="8"/>
      <c r="BHJ23" s="8"/>
      <c r="BHK23" s="8"/>
      <c r="BHL23" s="8"/>
      <c r="BHM23" s="8"/>
      <c r="BHN23" s="8"/>
      <c r="BHO23" s="8"/>
      <c r="BHP23" s="8"/>
      <c r="BHQ23" s="8"/>
      <c r="BHR23" s="8"/>
      <c r="BHS23" s="8"/>
      <c r="BHT23" s="8"/>
      <c r="BHU23" s="8"/>
      <c r="BHV23" s="8"/>
      <c r="BHW23" s="8"/>
      <c r="BHX23" s="8"/>
      <c r="BHY23" s="8"/>
      <c r="BHZ23" s="8"/>
      <c r="BIA23" s="8"/>
      <c r="BIB23" s="8"/>
      <c r="BIC23" s="8"/>
      <c r="BID23" s="8"/>
      <c r="BIE23" s="8"/>
      <c r="BIF23" s="8"/>
      <c r="BIG23" s="8"/>
      <c r="BIH23" s="8"/>
      <c r="BII23" s="8"/>
      <c r="BIJ23" s="8"/>
      <c r="BIK23" s="8"/>
      <c r="BIL23" s="8"/>
      <c r="BIM23" s="8"/>
      <c r="BIN23" s="8"/>
      <c r="BIO23" s="8"/>
      <c r="BIP23" s="8"/>
      <c r="BIQ23" s="8"/>
      <c r="BIR23" s="8"/>
      <c r="BIS23" s="8"/>
      <c r="BIT23" s="8"/>
      <c r="BIU23" s="8"/>
      <c r="BIV23" s="8"/>
      <c r="BIW23" s="8"/>
      <c r="BIX23" s="8"/>
      <c r="BIY23" s="8"/>
      <c r="BIZ23" s="8"/>
      <c r="BJA23" s="8"/>
      <c r="BJB23" s="8"/>
      <c r="BJC23" s="8"/>
      <c r="BJD23" s="8"/>
      <c r="BJE23" s="8"/>
      <c r="BJF23" s="8"/>
      <c r="BJG23" s="8"/>
      <c r="BJH23" s="8"/>
      <c r="BJI23" s="8"/>
      <c r="BJJ23" s="8"/>
      <c r="BJK23" s="8"/>
      <c r="BJL23" s="8"/>
      <c r="BJM23" s="8"/>
      <c r="BJN23" s="8"/>
      <c r="BJO23" s="8"/>
      <c r="BJP23" s="8"/>
      <c r="BJQ23" s="8"/>
      <c r="BJR23" s="8"/>
      <c r="BJS23" s="8"/>
      <c r="BJT23" s="8"/>
      <c r="BJU23" s="8"/>
      <c r="BJV23" s="8"/>
      <c r="BJW23" s="8"/>
      <c r="BJX23" s="8"/>
      <c r="BJY23" s="8"/>
      <c r="BJZ23" s="8"/>
      <c r="BKA23" s="8"/>
      <c r="BKB23" s="8"/>
      <c r="BKC23" s="8"/>
      <c r="BKD23" s="8"/>
      <c r="BKE23" s="8"/>
      <c r="BKF23" s="8"/>
      <c r="BKG23" s="8"/>
      <c r="BKH23" s="8"/>
      <c r="BKI23" s="8"/>
      <c r="BKJ23" s="8"/>
      <c r="BKK23" s="8"/>
      <c r="BKL23" s="8"/>
      <c r="BKM23" s="8"/>
      <c r="BKN23" s="8"/>
      <c r="BKO23" s="8"/>
      <c r="BKP23" s="8"/>
      <c r="BKQ23" s="8"/>
      <c r="BKR23" s="8"/>
      <c r="BKS23" s="8"/>
      <c r="BKT23" s="8"/>
      <c r="BKU23" s="8"/>
      <c r="BKV23" s="8"/>
      <c r="BKW23" s="8"/>
      <c r="BKX23" s="8"/>
      <c r="BKY23" s="8"/>
      <c r="BKZ23" s="8"/>
      <c r="BLA23" s="8"/>
      <c r="BLB23" s="8"/>
      <c r="BLC23" s="8"/>
      <c r="BLD23" s="8"/>
      <c r="BLE23" s="8"/>
      <c r="BLF23" s="8"/>
      <c r="BLG23" s="8"/>
      <c r="BLH23" s="8"/>
      <c r="BLI23" s="8"/>
      <c r="BLJ23" s="8"/>
      <c r="BLK23" s="8"/>
      <c r="BLL23" s="8"/>
      <c r="BLM23" s="8"/>
      <c r="BLN23" s="8"/>
      <c r="BLO23" s="8"/>
      <c r="BLP23" s="8"/>
      <c r="BLQ23" s="8"/>
      <c r="BLR23" s="8"/>
      <c r="BLS23" s="8"/>
      <c r="BLT23" s="8"/>
      <c r="BLU23" s="8"/>
      <c r="BLV23" s="8"/>
      <c r="BLW23" s="8"/>
      <c r="BLX23" s="8"/>
      <c r="BLY23" s="8"/>
      <c r="BLZ23" s="8"/>
      <c r="BMA23" s="8"/>
      <c r="BMB23" s="8"/>
      <c r="BMC23" s="8"/>
      <c r="BMD23" s="8"/>
      <c r="BME23" s="8"/>
      <c r="BMF23" s="8"/>
      <c r="BMG23" s="8"/>
      <c r="BMH23" s="8"/>
      <c r="BMI23" s="8"/>
      <c r="BMJ23" s="8"/>
      <c r="BMK23" s="8"/>
      <c r="BML23" s="8"/>
      <c r="BMM23" s="8"/>
      <c r="BMN23" s="8"/>
      <c r="BMO23" s="8"/>
      <c r="BMP23" s="8"/>
      <c r="BMQ23" s="8"/>
      <c r="BMR23" s="8"/>
      <c r="BMS23" s="8"/>
      <c r="BMT23" s="8"/>
      <c r="BMU23" s="8"/>
      <c r="BMV23" s="8"/>
      <c r="BMW23" s="8"/>
      <c r="BMX23" s="8"/>
      <c r="BMY23" s="8"/>
      <c r="BMZ23" s="8"/>
      <c r="BNA23" s="8"/>
      <c r="BNB23" s="8"/>
      <c r="BNC23" s="8"/>
      <c r="BND23" s="8"/>
      <c r="BNE23" s="8"/>
      <c r="BNF23" s="8"/>
      <c r="BNG23" s="8"/>
      <c r="BNH23" s="8"/>
      <c r="BNI23" s="8"/>
      <c r="BNJ23" s="8"/>
      <c r="BNK23" s="8"/>
      <c r="BNL23" s="8"/>
      <c r="BNM23" s="8"/>
      <c r="BNN23" s="8"/>
      <c r="BNO23" s="8"/>
      <c r="BNP23" s="8"/>
      <c r="BNQ23" s="8"/>
      <c r="BNR23" s="8"/>
      <c r="BNS23" s="8"/>
      <c r="BNT23" s="8"/>
      <c r="BNU23" s="8"/>
      <c r="BNV23" s="8"/>
      <c r="BNW23" s="8"/>
      <c r="BNX23" s="8"/>
      <c r="BNY23" s="8"/>
      <c r="BNZ23" s="8"/>
      <c r="BOA23" s="8"/>
      <c r="BOB23" s="8"/>
      <c r="BOC23" s="8"/>
      <c r="BOD23" s="8"/>
      <c r="BOE23" s="8"/>
      <c r="BOF23" s="8"/>
      <c r="BOG23" s="8"/>
      <c r="BOH23" s="8"/>
      <c r="BOI23" s="8"/>
      <c r="BOJ23" s="8"/>
      <c r="BOK23" s="8"/>
      <c r="BOL23" s="8"/>
      <c r="BOM23" s="8"/>
      <c r="BON23" s="8"/>
      <c r="BOO23" s="8"/>
      <c r="BOP23" s="8"/>
      <c r="BOQ23" s="8"/>
      <c r="BOR23" s="8"/>
      <c r="BOS23" s="8"/>
      <c r="BOT23" s="8"/>
      <c r="BOU23" s="8"/>
      <c r="BOV23" s="8"/>
      <c r="BOW23" s="8"/>
      <c r="BOX23" s="8"/>
      <c r="BOY23" s="8"/>
      <c r="BOZ23" s="8"/>
      <c r="BPA23" s="8"/>
      <c r="BPB23" s="8"/>
      <c r="BPC23" s="8"/>
      <c r="BPD23" s="8"/>
      <c r="BPE23" s="8"/>
      <c r="BPF23" s="8"/>
      <c r="BPG23" s="8"/>
      <c r="BPH23" s="8"/>
      <c r="BPI23" s="8"/>
      <c r="BPJ23" s="8"/>
      <c r="BPK23" s="8"/>
      <c r="BPL23" s="8"/>
      <c r="BPM23" s="8"/>
      <c r="BPN23" s="8"/>
      <c r="BPO23" s="8"/>
      <c r="BPP23" s="8"/>
      <c r="BPQ23" s="8"/>
      <c r="BPR23" s="8"/>
      <c r="BPS23" s="8"/>
      <c r="BPT23" s="8"/>
      <c r="BPU23" s="8"/>
      <c r="BPV23" s="8"/>
      <c r="BPW23" s="8"/>
      <c r="BPX23" s="8"/>
      <c r="BPY23" s="8"/>
      <c r="BPZ23" s="8"/>
      <c r="BQA23" s="8"/>
      <c r="BQB23" s="8"/>
      <c r="BQC23" s="8"/>
      <c r="BQD23" s="8"/>
      <c r="BQE23" s="8"/>
      <c r="BQF23" s="8"/>
      <c r="BQG23" s="8"/>
      <c r="BQH23" s="8"/>
      <c r="BQI23" s="8"/>
      <c r="BQJ23" s="8"/>
      <c r="BQK23" s="8"/>
      <c r="BQL23" s="8"/>
      <c r="BQM23" s="8"/>
      <c r="BQN23" s="8"/>
      <c r="BQO23" s="8"/>
      <c r="BQP23" s="8"/>
      <c r="BQQ23" s="8"/>
      <c r="BQR23" s="8"/>
      <c r="BQS23" s="8"/>
      <c r="BQT23" s="8"/>
      <c r="BQU23" s="8"/>
      <c r="BQV23" s="8"/>
      <c r="BQW23" s="8"/>
      <c r="BQX23" s="8"/>
      <c r="BQY23" s="8"/>
      <c r="BQZ23" s="8"/>
      <c r="BRA23" s="8"/>
      <c r="BRB23" s="8"/>
      <c r="BRC23" s="8"/>
      <c r="BRD23" s="8"/>
      <c r="BRE23" s="8"/>
      <c r="BRF23" s="8"/>
      <c r="BRG23" s="8"/>
      <c r="BRH23" s="8"/>
      <c r="BRI23" s="8"/>
      <c r="BRJ23" s="8"/>
      <c r="BRK23" s="8"/>
      <c r="BRL23" s="8"/>
      <c r="BRM23" s="8"/>
      <c r="BRN23" s="8"/>
      <c r="BRO23" s="8"/>
      <c r="BRP23" s="8"/>
      <c r="BRQ23" s="8"/>
      <c r="BRR23" s="8"/>
      <c r="BRS23" s="8"/>
      <c r="BRT23" s="8"/>
      <c r="BRU23" s="8"/>
      <c r="BRV23" s="8"/>
      <c r="BRW23" s="8"/>
      <c r="BRX23" s="8"/>
      <c r="BRY23" s="8"/>
      <c r="BRZ23" s="8"/>
      <c r="BSA23" s="8"/>
      <c r="BSB23" s="8"/>
      <c r="BSC23" s="8"/>
      <c r="BSD23" s="8"/>
      <c r="BSE23" s="8"/>
      <c r="BSF23" s="8"/>
      <c r="BSG23" s="8"/>
      <c r="BSH23" s="8"/>
      <c r="BSI23" s="8"/>
      <c r="BSJ23" s="8"/>
      <c r="BSK23" s="8"/>
      <c r="BSL23" s="8"/>
      <c r="BSM23" s="8"/>
      <c r="BSN23" s="8"/>
      <c r="BSO23" s="8"/>
      <c r="BSP23" s="8"/>
      <c r="BSQ23" s="8"/>
      <c r="BSR23" s="8"/>
      <c r="BSS23" s="8"/>
      <c r="BST23" s="8"/>
      <c r="BSU23" s="8"/>
      <c r="BSV23" s="8"/>
      <c r="BSW23" s="8"/>
      <c r="BSX23" s="8"/>
      <c r="BSY23" s="8"/>
      <c r="BSZ23" s="8"/>
      <c r="BTA23" s="8"/>
      <c r="BTB23" s="8"/>
      <c r="BTC23" s="8"/>
      <c r="BTD23" s="8"/>
      <c r="BTE23" s="8"/>
      <c r="BTF23" s="8"/>
      <c r="BTG23" s="8"/>
      <c r="BTH23" s="8"/>
      <c r="BTI23" s="8"/>
      <c r="BTJ23" s="8"/>
      <c r="BTK23" s="8"/>
      <c r="BTL23" s="8"/>
      <c r="BTM23" s="8"/>
      <c r="BTN23" s="8"/>
      <c r="BTO23" s="8"/>
      <c r="BTP23" s="8"/>
      <c r="BTQ23" s="8"/>
      <c r="BTR23" s="8"/>
      <c r="BTS23" s="8"/>
      <c r="BTT23" s="8"/>
      <c r="BTU23" s="8"/>
      <c r="BTV23" s="8"/>
      <c r="BTW23" s="8"/>
      <c r="BTX23" s="8"/>
      <c r="BTY23" s="8"/>
      <c r="BTZ23" s="8"/>
      <c r="BUA23" s="8"/>
      <c r="BUB23" s="8"/>
      <c r="BUC23" s="8"/>
      <c r="BUD23" s="8"/>
      <c r="BUE23" s="8"/>
      <c r="BUF23" s="8"/>
      <c r="BUG23" s="8"/>
      <c r="BUH23" s="8"/>
      <c r="BUI23" s="8"/>
      <c r="BUJ23" s="8"/>
      <c r="BUK23" s="8"/>
      <c r="BUL23" s="8"/>
      <c r="BUM23" s="8"/>
      <c r="BUN23" s="8"/>
      <c r="BUO23" s="8"/>
      <c r="BUP23" s="8"/>
      <c r="BUQ23" s="8"/>
      <c r="BUR23" s="8"/>
      <c r="BUS23" s="8"/>
      <c r="BUT23" s="8"/>
      <c r="BUU23" s="8"/>
      <c r="BUV23" s="8"/>
      <c r="BUW23" s="8"/>
      <c r="BUX23" s="8"/>
      <c r="BUY23" s="8"/>
      <c r="BUZ23" s="8"/>
      <c r="BVA23" s="8"/>
      <c r="BVB23" s="8"/>
      <c r="BVC23" s="8"/>
      <c r="BVD23" s="8"/>
      <c r="BVE23" s="8"/>
      <c r="BVF23" s="8"/>
      <c r="BVG23" s="8"/>
      <c r="BVH23" s="8"/>
      <c r="BVI23" s="8"/>
      <c r="BVJ23" s="8"/>
      <c r="BVK23" s="8"/>
      <c r="BVL23" s="8"/>
      <c r="BVM23" s="8"/>
      <c r="BVN23" s="8"/>
      <c r="BVO23" s="8"/>
      <c r="BVP23" s="8"/>
      <c r="BVQ23" s="8"/>
      <c r="BVR23" s="8"/>
      <c r="BVS23" s="8"/>
      <c r="BVT23" s="8"/>
      <c r="BVU23" s="8"/>
      <c r="BVV23" s="8"/>
      <c r="BVW23" s="8"/>
      <c r="BVX23" s="8"/>
      <c r="BVY23" s="8"/>
      <c r="BVZ23" s="8"/>
      <c r="BWA23" s="8"/>
      <c r="BWB23" s="8"/>
      <c r="BWC23" s="8"/>
      <c r="BWD23" s="8"/>
      <c r="BWE23" s="8"/>
      <c r="BWF23" s="8"/>
      <c r="BWG23" s="8"/>
      <c r="BWH23" s="8"/>
      <c r="BWI23" s="8"/>
      <c r="BWJ23" s="8"/>
      <c r="BWK23" s="8"/>
      <c r="BWL23" s="8"/>
      <c r="BWM23" s="8"/>
      <c r="BWN23" s="8"/>
      <c r="BWO23" s="8"/>
      <c r="BWP23" s="8"/>
      <c r="BWQ23" s="8"/>
      <c r="BWR23" s="8"/>
      <c r="BWS23" s="8"/>
      <c r="BWT23" s="8"/>
      <c r="BWU23" s="8"/>
      <c r="BWV23" s="8"/>
      <c r="BWW23" s="8"/>
      <c r="BWX23" s="8"/>
      <c r="BWY23" s="8"/>
      <c r="BWZ23" s="8"/>
      <c r="BXA23" s="8"/>
      <c r="BXB23" s="8"/>
      <c r="BXC23" s="8"/>
      <c r="BXD23" s="8"/>
      <c r="BXE23" s="8"/>
      <c r="BXF23" s="8"/>
      <c r="BXG23" s="8"/>
      <c r="BXH23" s="8"/>
      <c r="BXI23" s="8"/>
      <c r="BXJ23" s="8"/>
      <c r="BXK23" s="8"/>
      <c r="BXL23" s="8"/>
      <c r="BXM23" s="8"/>
      <c r="BXN23" s="8"/>
      <c r="BXO23" s="8"/>
      <c r="BXP23" s="8"/>
      <c r="BXQ23" s="8"/>
      <c r="BXR23" s="8"/>
      <c r="BXS23" s="8"/>
      <c r="BXT23" s="8"/>
      <c r="BXU23" s="8"/>
      <c r="BXV23" s="8"/>
      <c r="BXW23" s="8"/>
      <c r="BXX23" s="8"/>
      <c r="BXY23" s="8"/>
      <c r="BXZ23" s="8"/>
      <c r="BYA23" s="8"/>
      <c r="BYB23" s="8"/>
      <c r="BYC23" s="8"/>
      <c r="BYD23" s="8"/>
      <c r="BYE23" s="8"/>
      <c r="BYF23" s="8"/>
      <c r="BYG23" s="8"/>
      <c r="BYH23" s="8"/>
      <c r="BYI23" s="8"/>
      <c r="BYJ23" s="8"/>
      <c r="BYK23" s="8"/>
      <c r="BYL23" s="8"/>
      <c r="BYM23" s="8"/>
      <c r="BYN23" s="8"/>
      <c r="BYO23" s="8"/>
      <c r="BYP23" s="8"/>
      <c r="BYQ23" s="8"/>
      <c r="BYR23" s="8"/>
      <c r="BYS23" s="8"/>
      <c r="BYT23" s="8"/>
      <c r="BYU23" s="8"/>
      <c r="BYV23" s="8"/>
      <c r="BYW23" s="8"/>
      <c r="BYX23" s="8"/>
      <c r="BYY23" s="8"/>
      <c r="BYZ23" s="8"/>
      <c r="BZA23" s="8"/>
      <c r="BZB23" s="8"/>
      <c r="BZC23" s="8"/>
      <c r="BZD23" s="8"/>
      <c r="BZE23" s="8"/>
      <c r="BZF23" s="8"/>
      <c r="BZG23" s="8"/>
      <c r="BZH23" s="8"/>
      <c r="BZI23" s="8"/>
      <c r="BZJ23" s="8"/>
      <c r="BZK23" s="8"/>
      <c r="BZL23" s="8"/>
      <c r="BZM23" s="8"/>
      <c r="BZN23" s="8"/>
      <c r="BZO23" s="8"/>
      <c r="BZP23" s="8"/>
      <c r="BZQ23" s="8"/>
      <c r="BZR23" s="8"/>
      <c r="BZS23" s="8"/>
      <c r="BZT23" s="8"/>
      <c r="BZU23" s="8"/>
      <c r="BZV23" s="8"/>
      <c r="BZW23" s="8"/>
      <c r="BZX23" s="8"/>
      <c r="BZY23" s="8"/>
      <c r="BZZ23" s="8"/>
      <c r="CAA23" s="8"/>
      <c r="CAB23" s="8"/>
      <c r="CAC23" s="8"/>
      <c r="CAD23" s="8"/>
      <c r="CAE23" s="8"/>
      <c r="CAF23" s="8"/>
      <c r="CAG23" s="8"/>
      <c r="CAH23" s="8"/>
      <c r="CAI23" s="8"/>
      <c r="CAJ23" s="8"/>
      <c r="CAK23" s="8"/>
      <c r="CAL23" s="8"/>
      <c r="CAM23" s="8"/>
      <c r="CAN23" s="8"/>
      <c r="CAO23" s="8"/>
      <c r="CAP23" s="8"/>
      <c r="CAQ23" s="8"/>
      <c r="CAR23" s="8"/>
      <c r="CAS23" s="8"/>
      <c r="CAT23" s="8"/>
      <c r="CAU23" s="8"/>
      <c r="CAV23" s="8"/>
      <c r="CAW23" s="8"/>
      <c r="CAX23" s="8"/>
      <c r="CAY23" s="8"/>
      <c r="CAZ23" s="8"/>
      <c r="CBA23" s="8"/>
      <c r="CBB23" s="8"/>
      <c r="CBC23" s="8"/>
      <c r="CBD23" s="8"/>
      <c r="CBE23" s="8"/>
      <c r="CBF23" s="8"/>
      <c r="CBG23" s="8"/>
      <c r="CBH23" s="8"/>
      <c r="CBI23" s="8"/>
      <c r="CBJ23" s="8"/>
      <c r="CBK23" s="8"/>
      <c r="CBL23" s="8"/>
      <c r="CBM23" s="8"/>
      <c r="CBN23" s="8"/>
      <c r="CBO23" s="8"/>
      <c r="CBP23" s="8"/>
      <c r="CBQ23" s="8"/>
      <c r="CBR23" s="8"/>
      <c r="CBS23" s="8"/>
      <c r="CBT23" s="8"/>
      <c r="CBU23" s="8"/>
      <c r="CBV23" s="8"/>
      <c r="CBW23" s="8"/>
      <c r="CBX23" s="8"/>
      <c r="CBY23" s="8"/>
      <c r="CBZ23" s="8"/>
      <c r="CCA23" s="8"/>
      <c r="CCB23" s="8"/>
      <c r="CCC23" s="8"/>
      <c r="CCD23" s="8"/>
      <c r="CCE23" s="8"/>
      <c r="CCF23" s="8"/>
      <c r="CCG23" s="8"/>
      <c r="CCH23" s="8"/>
      <c r="CCI23" s="8"/>
      <c r="CCJ23" s="8"/>
      <c r="CCK23" s="8"/>
      <c r="CCL23" s="8"/>
      <c r="CCM23" s="8"/>
      <c r="CCN23" s="8"/>
      <c r="CCO23" s="8"/>
      <c r="CCP23" s="8"/>
      <c r="CCQ23" s="8"/>
      <c r="CCR23" s="8"/>
      <c r="CCS23" s="8"/>
      <c r="CCT23" s="8"/>
      <c r="CCU23" s="8"/>
      <c r="CCV23" s="8"/>
      <c r="CCW23" s="8"/>
      <c r="CCX23" s="8"/>
      <c r="CCY23" s="8"/>
      <c r="CCZ23" s="8"/>
      <c r="CDA23" s="8"/>
      <c r="CDB23" s="8"/>
      <c r="CDC23" s="8"/>
      <c r="CDD23" s="8"/>
      <c r="CDE23" s="8"/>
      <c r="CDF23" s="8"/>
      <c r="CDG23" s="8"/>
      <c r="CDH23" s="8"/>
      <c r="CDI23" s="8"/>
      <c r="CDJ23" s="8"/>
      <c r="CDK23" s="8"/>
      <c r="CDL23" s="8"/>
      <c r="CDM23" s="8"/>
      <c r="CDN23" s="8"/>
      <c r="CDO23" s="8"/>
      <c r="CDP23" s="8"/>
      <c r="CDQ23" s="8"/>
      <c r="CDR23" s="8"/>
      <c r="CDS23" s="8"/>
      <c r="CDT23" s="8"/>
      <c r="CDU23" s="8"/>
      <c r="CDV23" s="8"/>
      <c r="CDW23" s="8"/>
      <c r="CDX23" s="8"/>
      <c r="CDY23" s="8"/>
      <c r="CDZ23" s="8"/>
      <c r="CEA23" s="8"/>
      <c r="CEB23" s="8"/>
      <c r="CEC23" s="8"/>
      <c r="CED23" s="8"/>
      <c r="CEE23" s="8"/>
      <c r="CEF23" s="8"/>
      <c r="CEG23" s="8"/>
      <c r="CEH23" s="8"/>
      <c r="CEI23" s="8"/>
      <c r="CEJ23" s="8"/>
      <c r="CEK23" s="8"/>
      <c r="CEL23" s="8"/>
      <c r="CEM23" s="8"/>
      <c r="CEN23" s="8"/>
      <c r="CEO23" s="8"/>
      <c r="CEP23" s="8"/>
      <c r="CEQ23" s="8"/>
      <c r="CER23" s="8"/>
      <c r="CES23" s="8"/>
      <c r="CET23" s="8"/>
      <c r="CEU23" s="8"/>
      <c r="CEV23" s="8"/>
      <c r="CEW23" s="8"/>
      <c r="CEX23" s="8"/>
      <c r="CEY23" s="8"/>
      <c r="CEZ23" s="8"/>
      <c r="CFA23" s="8"/>
      <c r="CFB23" s="8"/>
      <c r="CFC23" s="8"/>
      <c r="CFD23" s="8"/>
      <c r="CFE23" s="8"/>
      <c r="CFF23" s="8"/>
      <c r="CFG23" s="8"/>
      <c r="CFH23" s="8"/>
      <c r="CFI23" s="8"/>
      <c r="CFJ23" s="8"/>
      <c r="CFK23" s="8"/>
      <c r="CFL23" s="8"/>
      <c r="CFM23" s="8"/>
      <c r="CFN23" s="8"/>
      <c r="CFO23" s="8"/>
      <c r="CFP23" s="8"/>
      <c r="CFQ23" s="8"/>
      <c r="CFR23" s="8"/>
      <c r="CFS23" s="8"/>
      <c r="CFT23" s="8"/>
      <c r="CFU23" s="8"/>
      <c r="CFV23" s="8"/>
      <c r="CFW23" s="8"/>
      <c r="CFX23" s="8"/>
      <c r="CFY23" s="8"/>
      <c r="CFZ23" s="8"/>
      <c r="CGA23" s="8"/>
      <c r="CGB23" s="8"/>
      <c r="CGC23" s="8"/>
      <c r="CGD23" s="8"/>
      <c r="CGE23" s="8"/>
      <c r="CGF23" s="8"/>
      <c r="CGG23" s="8"/>
      <c r="CGH23" s="8"/>
      <c r="CGI23" s="8"/>
      <c r="CGJ23" s="8"/>
      <c r="CGK23" s="8"/>
      <c r="CGL23" s="8"/>
      <c r="CGM23" s="8"/>
      <c r="CGN23" s="8"/>
      <c r="CGO23" s="8"/>
      <c r="CGP23" s="8"/>
      <c r="CGQ23" s="8"/>
      <c r="CGR23" s="8"/>
      <c r="CGS23" s="8"/>
      <c r="CGT23" s="8"/>
      <c r="CGU23" s="8"/>
      <c r="CGV23" s="8"/>
      <c r="CGW23" s="8"/>
      <c r="CGX23" s="8"/>
      <c r="CGY23" s="8"/>
      <c r="CGZ23" s="8"/>
      <c r="CHA23" s="8"/>
      <c r="CHB23" s="8"/>
      <c r="CHC23" s="8"/>
      <c r="CHD23" s="8"/>
      <c r="CHE23" s="8"/>
      <c r="CHF23" s="8"/>
      <c r="CHG23" s="8"/>
      <c r="CHH23" s="8"/>
      <c r="CHI23" s="8"/>
      <c r="CHJ23" s="8"/>
      <c r="CHK23" s="8"/>
      <c r="CHL23" s="8"/>
      <c r="CHM23" s="8"/>
      <c r="CHN23" s="8"/>
      <c r="CHO23" s="8"/>
      <c r="CHP23" s="8"/>
      <c r="CHQ23" s="8"/>
      <c r="CHR23" s="8"/>
      <c r="CHS23" s="8"/>
      <c r="CHT23" s="8"/>
      <c r="CHU23" s="8"/>
      <c r="CHV23" s="8"/>
      <c r="CHW23" s="8"/>
      <c r="CHX23" s="8"/>
      <c r="CHY23" s="8"/>
      <c r="CHZ23" s="8"/>
      <c r="CIA23" s="8"/>
      <c r="CIB23" s="8"/>
      <c r="CIC23" s="8"/>
      <c r="CID23" s="8"/>
      <c r="CIE23" s="8"/>
      <c r="CIF23" s="8"/>
      <c r="CIG23" s="8"/>
      <c r="CIH23" s="8"/>
      <c r="CII23" s="8"/>
      <c r="CIJ23" s="8"/>
      <c r="CIK23" s="8"/>
      <c r="CIL23" s="8"/>
      <c r="CIM23" s="8"/>
      <c r="CIN23" s="8"/>
      <c r="CIO23" s="8"/>
      <c r="CIP23" s="8"/>
      <c r="CIQ23" s="8"/>
      <c r="CIR23" s="8"/>
      <c r="CIS23" s="8"/>
      <c r="CIT23" s="8"/>
      <c r="CIU23" s="8"/>
      <c r="CIV23" s="8"/>
      <c r="CIW23" s="8"/>
      <c r="CIX23" s="8"/>
      <c r="CIY23" s="8"/>
      <c r="CIZ23" s="8"/>
      <c r="CJA23" s="8"/>
      <c r="CJB23" s="8"/>
      <c r="CJC23" s="8"/>
      <c r="CJD23" s="8"/>
      <c r="CJE23" s="8"/>
      <c r="CJF23" s="8"/>
      <c r="CJG23" s="8"/>
      <c r="CJH23" s="8"/>
      <c r="CJI23" s="8"/>
      <c r="CJJ23" s="8"/>
      <c r="CJK23" s="8"/>
      <c r="CJL23" s="8"/>
      <c r="CJM23" s="8"/>
      <c r="CJN23" s="8"/>
      <c r="CJO23" s="8"/>
      <c r="CJP23" s="8"/>
      <c r="CJQ23" s="8"/>
      <c r="CJR23" s="8"/>
      <c r="CJS23" s="8"/>
      <c r="CJT23" s="8"/>
      <c r="CJU23" s="8"/>
      <c r="CJV23" s="8"/>
      <c r="CJW23" s="8"/>
      <c r="CJX23" s="8"/>
      <c r="CJY23" s="8"/>
      <c r="CJZ23" s="8"/>
      <c r="CKA23" s="8"/>
      <c r="CKB23" s="8"/>
      <c r="CKC23" s="8"/>
      <c r="CKD23" s="8"/>
      <c r="CKE23" s="8"/>
      <c r="CKF23" s="8"/>
      <c r="CKG23" s="8"/>
      <c r="CKH23" s="8"/>
      <c r="CKI23" s="8"/>
      <c r="CKJ23" s="8"/>
      <c r="CKK23" s="8"/>
      <c r="CKL23" s="8"/>
      <c r="CKM23" s="8"/>
      <c r="CKN23" s="8"/>
      <c r="CKO23" s="8"/>
      <c r="CKP23" s="8"/>
      <c r="CKQ23" s="8"/>
      <c r="CKR23" s="8"/>
      <c r="CKS23" s="8"/>
      <c r="CKT23" s="8"/>
      <c r="CKU23" s="8"/>
      <c r="CKV23" s="8"/>
      <c r="CKW23" s="8"/>
      <c r="CKX23" s="8"/>
      <c r="CKY23" s="8"/>
      <c r="CKZ23" s="8"/>
      <c r="CLA23" s="8"/>
      <c r="CLB23" s="8"/>
      <c r="CLC23" s="8"/>
      <c r="CLD23" s="8"/>
      <c r="CLE23" s="8"/>
      <c r="CLF23" s="8"/>
      <c r="CLG23" s="8"/>
      <c r="CLH23" s="8"/>
      <c r="CLI23" s="8"/>
      <c r="CLJ23" s="8"/>
      <c r="CLK23" s="8"/>
      <c r="CLL23" s="8"/>
      <c r="CLM23" s="8"/>
      <c r="CLN23" s="8"/>
      <c r="CLO23" s="8"/>
      <c r="CLP23" s="8"/>
      <c r="CLQ23" s="8"/>
      <c r="CLR23" s="8"/>
      <c r="CLS23" s="8"/>
      <c r="CLT23" s="8"/>
      <c r="CLU23" s="8"/>
      <c r="CLV23" s="8"/>
      <c r="CLW23" s="8"/>
      <c r="CLX23" s="8"/>
      <c r="CLY23" s="8"/>
      <c r="CLZ23" s="8"/>
      <c r="CMA23" s="8"/>
      <c r="CMB23" s="8"/>
      <c r="CMC23" s="8"/>
      <c r="CMD23" s="8"/>
      <c r="CME23" s="8"/>
      <c r="CMF23" s="8"/>
      <c r="CMG23" s="8"/>
      <c r="CMH23" s="8"/>
      <c r="CMI23" s="8"/>
      <c r="CMJ23" s="8"/>
      <c r="CMK23" s="8"/>
      <c r="CML23" s="8"/>
      <c r="CMM23" s="8"/>
      <c r="CMN23" s="8"/>
      <c r="CMO23" s="8"/>
      <c r="CMP23" s="8"/>
      <c r="CMQ23" s="8"/>
      <c r="CMR23" s="8"/>
      <c r="CMS23" s="8"/>
      <c r="CMT23" s="8"/>
      <c r="CMU23" s="8"/>
      <c r="CMV23" s="8"/>
      <c r="CMW23" s="8"/>
      <c r="CMX23" s="8"/>
      <c r="CMY23" s="8"/>
      <c r="CMZ23" s="8"/>
      <c r="CNA23" s="8"/>
      <c r="CNB23" s="8"/>
      <c r="CNC23" s="8"/>
      <c r="CND23" s="8"/>
      <c r="CNE23" s="8"/>
      <c r="CNF23" s="8"/>
      <c r="CNG23" s="8"/>
      <c r="CNH23" s="8"/>
      <c r="CNI23" s="8"/>
      <c r="CNJ23" s="8"/>
      <c r="CNK23" s="8"/>
      <c r="CNL23" s="8"/>
      <c r="CNM23" s="8"/>
      <c r="CNN23" s="8"/>
      <c r="CNO23" s="8"/>
      <c r="CNP23" s="8"/>
      <c r="CNQ23" s="8"/>
      <c r="CNR23" s="8"/>
      <c r="CNS23" s="8"/>
      <c r="CNT23" s="8"/>
      <c r="CNU23" s="8"/>
      <c r="CNV23" s="8"/>
      <c r="CNW23" s="8"/>
      <c r="CNX23" s="8"/>
      <c r="CNY23" s="8"/>
      <c r="CNZ23" s="8"/>
      <c r="COA23" s="8"/>
      <c r="COB23" s="8"/>
      <c r="COC23" s="8"/>
      <c r="COD23" s="8"/>
      <c r="COE23" s="8"/>
      <c r="COF23" s="8"/>
      <c r="COG23" s="8"/>
      <c r="COH23" s="8"/>
      <c r="COI23" s="8"/>
      <c r="COJ23" s="8"/>
      <c r="COK23" s="8"/>
      <c r="COL23" s="8"/>
      <c r="COM23" s="8"/>
      <c r="CON23" s="8"/>
      <c r="COO23" s="8"/>
      <c r="COP23" s="8"/>
      <c r="COQ23" s="8"/>
      <c r="COR23" s="8"/>
      <c r="COS23" s="8"/>
      <c r="COT23" s="8"/>
      <c r="COU23" s="8"/>
      <c r="COV23" s="8"/>
      <c r="COW23" s="8"/>
      <c r="COX23" s="8"/>
      <c r="COY23" s="8"/>
      <c r="COZ23" s="8"/>
      <c r="CPA23" s="8"/>
      <c r="CPB23" s="8"/>
      <c r="CPC23" s="8"/>
      <c r="CPD23" s="8"/>
      <c r="CPE23" s="8"/>
      <c r="CPF23" s="8"/>
      <c r="CPG23" s="8"/>
      <c r="CPH23" s="8"/>
      <c r="CPI23" s="8"/>
      <c r="CPJ23" s="8"/>
      <c r="CPK23" s="8"/>
      <c r="CPL23" s="8"/>
      <c r="CPM23" s="8"/>
      <c r="CPN23" s="8"/>
      <c r="CPO23" s="8"/>
      <c r="CPP23" s="8"/>
      <c r="CPQ23" s="8"/>
      <c r="CPR23" s="8"/>
      <c r="CPS23" s="8"/>
      <c r="CPT23" s="8"/>
      <c r="CPU23" s="8"/>
      <c r="CPV23" s="8"/>
      <c r="CPW23" s="8"/>
      <c r="CPX23" s="8"/>
      <c r="CPY23" s="8"/>
      <c r="CPZ23" s="8"/>
      <c r="CQA23" s="8"/>
      <c r="CQB23" s="8"/>
      <c r="CQC23" s="8"/>
      <c r="CQD23" s="8"/>
      <c r="CQE23" s="8"/>
      <c r="CQF23" s="8"/>
      <c r="CQG23" s="8"/>
      <c r="CQH23" s="8"/>
      <c r="CQI23" s="8"/>
      <c r="CQJ23" s="8"/>
      <c r="CQK23" s="8"/>
      <c r="CQL23" s="8"/>
      <c r="CQM23" s="8"/>
      <c r="CQN23" s="8"/>
      <c r="CQO23" s="8"/>
      <c r="CQP23" s="8"/>
      <c r="CQQ23" s="8"/>
      <c r="CQR23" s="8"/>
      <c r="CQS23" s="8"/>
      <c r="CQT23" s="8"/>
      <c r="CQU23" s="8"/>
      <c r="CQV23" s="8"/>
      <c r="CQW23" s="8"/>
      <c r="CQX23" s="8"/>
      <c r="CQY23" s="8"/>
      <c r="CQZ23" s="8"/>
      <c r="CRA23" s="8"/>
      <c r="CRB23" s="8"/>
      <c r="CRC23" s="8"/>
      <c r="CRD23" s="8"/>
      <c r="CRE23" s="8"/>
      <c r="CRF23" s="8"/>
      <c r="CRG23" s="8"/>
      <c r="CRH23" s="8"/>
      <c r="CRI23" s="8"/>
      <c r="CRJ23" s="8"/>
      <c r="CRK23" s="8"/>
      <c r="CRL23" s="8"/>
      <c r="CRM23" s="8"/>
      <c r="CRN23" s="8"/>
      <c r="CRO23" s="8"/>
      <c r="CRP23" s="8"/>
      <c r="CRQ23" s="8"/>
      <c r="CRR23" s="8"/>
      <c r="CRS23" s="8"/>
      <c r="CRT23" s="8"/>
      <c r="CRU23" s="8"/>
      <c r="CRV23" s="8"/>
      <c r="CRW23" s="8"/>
      <c r="CRX23" s="8"/>
      <c r="CRY23" s="8"/>
      <c r="CRZ23" s="8"/>
      <c r="CSA23" s="8"/>
      <c r="CSB23" s="8"/>
      <c r="CSC23" s="8"/>
      <c r="CSD23" s="8"/>
      <c r="CSE23" s="8"/>
      <c r="CSF23" s="8"/>
      <c r="CSG23" s="8"/>
      <c r="CSH23" s="8"/>
      <c r="CSI23" s="8"/>
      <c r="CSJ23" s="8"/>
      <c r="CSK23" s="8"/>
      <c r="CSL23" s="8"/>
      <c r="CSM23" s="8"/>
      <c r="CSN23" s="8"/>
      <c r="CSO23" s="8"/>
      <c r="CSP23" s="8"/>
      <c r="CSQ23" s="8"/>
      <c r="CSR23" s="8"/>
      <c r="CSS23" s="8"/>
      <c r="CST23" s="8"/>
      <c r="CSU23" s="8"/>
      <c r="CSV23" s="8"/>
      <c r="CSW23" s="8"/>
      <c r="CSX23" s="8"/>
      <c r="CSY23" s="8"/>
      <c r="CSZ23" s="8"/>
      <c r="CTA23" s="8"/>
      <c r="CTB23" s="8"/>
      <c r="CTC23" s="8"/>
      <c r="CTD23" s="8"/>
      <c r="CTE23" s="8"/>
      <c r="CTF23" s="8"/>
      <c r="CTG23" s="8"/>
      <c r="CTH23" s="8"/>
      <c r="CTI23" s="8"/>
      <c r="CTJ23" s="8"/>
      <c r="CTK23" s="8"/>
      <c r="CTL23" s="8"/>
      <c r="CTM23" s="8"/>
      <c r="CTN23" s="8"/>
      <c r="CTO23" s="8"/>
      <c r="CTP23" s="8"/>
      <c r="CTQ23" s="8"/>
      <c r="CTR23" s="8"/>
      <c r="CTS23" s="8"/>
      <c r="CTT23" s="8"/>
      <c r="CTU23" s="8"/>
      <c r="CTV23" s="8"/>
      <c r="CTW23" s="8"/>
      <c r="CTX23" s="8"/>
      <c r="CTY23" s="8"/>
      <c r="CTZ23" s="8"/>
      <c r="CUA23" s="8"/>
      <c r="CUB23" s="8"/>
      <c r="CUC23" s="8"/>
      <c r="CUD23" s="8"/>
      <c r="CUE23" s="8"/>
      <c r="CUF23" s="8"/>
      <c r="CUG23" s="8"/>
      <c r="CUH23" s="8"/>
      <c r="CUI23" s="8"/>
      <c r="CUJ23" s="8"/>
      <c r="CUK23" s="8"/>
      <c r="CUL23" s="8"/>
      <c r="CUM23" s="8"/>
      <c r="CUN23" s="8"/>
      <c r="CUO23" s="8"/>
      <c r="CUP23" s="8"/>
      <c r="CUQ23" s="8"/>
      <c r="CUR23" s="8"/>
      <c r="CUS23" s="8"/>
      <c r="CUT23" s="8"/>
      <c r="CUU23" s="8"/>
      <c r="CUV23" s="8"/>
      <c r="CUW23" s="8"/>
      <c r="CUX23" s="8"/>
      <c r="CUY23" s="8"/>
      <c r="CUZ23" s="8"/>
      <c r="CVA23" s="8"/>
      <c r="CVB23" s="8"/>
      <c r="CVC23" s="8"/>
      <c r="CVD23" s="8"/>
      <c r="CVE23" s="8"/>
      <c r="CVF23" s="8"/>
      <c r="CVG23" s="8"/>
      <c r="CVH23" s="8"/>
      <c r="CVI23" s="8"/>
      <c r="CVJ23" s="8"/>
      <c r="CVK23" s="8"/>
      <c r="CVL23" s="8"/>
      <c r="CVM23" s="8"/>
      <c r="CVN23" s="8"/>
      <c r="CVO23" s="8"/>
      <c r="CVP23" s="8"/>
      <c r="CVQ23" s="8"/>
      <c r="CVR23" s="8"/>
      <c r="CVS23" s="8"/>
      <c r="CVT23" s="8"/>
      <c r="CVU23" s="8"/>
      <c r="CVV23" s="8"/>
      <c r="CVW23" s="8"/>
      <c r="CVX23" s="8"/>
      <c r="CVY23" s="8"/>
      <c r="CVZ23" s="8"/>
      <c r="CWA23" s="8"/>
      <c r="CWB23" s="8"/>
      <c r="CWC23" s="8"/>
      <c r="CWD23" s="8"/>
      <c r="CWE23" s="8"/>
      <c r="CWF23" s="8"/>
      <c r="CWG23" s="8"/>
      <c r="CWH23" s="8"/>
      <c r="CWI23" s="8"/>
      <c r="CWJ23" s="8"/>
      <c r="CWK23" s="8"/>
      <c r="CWL23" s="8"/>
      <c r="CWM23" s="8"/>
      <c r="CWN23" s="8"/>
      <c r="CWO23" s="8"/>
      <c r="CWP23" s="8"/>
      <c r="CWQ23" s="8"/>
      <c r="CWR23" s="8"/>
      <c r="CWS23" s="8"/>
      <c r="CWT23" s="8"/>
      <c r="CWU23" s="8"/>
      <c r="CWV23" s="8"/>
      <c r="CWW23" s="8"/>
      <c r="CWX23" s="8"/>
      <c r="CWY23" s="8"/>
      <c r="CWZ23" s="8"/>
      <c r="CXA23" s="8"/>
      <c r="CXB23" s="8"/>
      <c r="CXC23" s="8"/>
      <c r="CXD23" s="8"/>
      <c r="CXE23" s="8"/>
      <c r="CXF23" s="8"/>
      <c r="CXG23" s="8"/>
      <c r="CXH23" s="8"/>
      <c r="CXI23" s="8"/>
      <c r="CXJ23" s="8"/>
      <c r="CXK23" s="8"/>
      <c r="CXL23" s="8"/>
      <c r="CXM23" s="8"/>
      <c r="CXN23" s="8"/>
      <c r="CXO23" s="8"/>
      <c r="CXP23" s="8"/>
      <c r="CXQ23" s="8"/>
      <c r="CXR23" s="8"/>
      <c r="CXS23" s="8"/>
      <c r="CXT23" s="8"/>
      <c r="CXU23" s="8"/>
      <c r="CXV23" s="8"/>
      <c r="CXW23" s="8"/>
      <c r="CXX23" s="8"/>
      <c r="CXY23" s="8"/>
      <c r="CXZ23" s="8"/>
      <c r="CYA23" s="8"/>
      <c r="CYB23" s="8"/>
      <c r="CYC23" s="8"/>
      <c r="CYD23" s="8"/>
      <c r="CYE23" s="8"/>
      <c r="CYF23" s="8"/>
      <c r="CYG23" s="8"/>
      <c r="CYH23" s="8"/>
      <c r="CYI23" s="8"/>
      <c r="CYJ23" s="8"/>
      <c r="CYK23" s="8"/>
      <c r="CYL23" s="8"/>
      <c r="CYM23" s="8"/>
      <c r="CYN23" s="8"/>
      <c r="CYO23" s="8"/>
      <c r="CYP23" s="8"/>
      <c r="CYQ23" s="8"/>
      <c r="CYR23" s="8"/>
      <c r="CYS23" s="8"/>
      <c r="CYT23" s="8"/>
      <c r="CYU23" s="8"/>
      <c r="CYV23" s="8"/>
      <c r="CYW23" s="8"/>
      <c r="CYX23" s="8"/>
      <c r="CYY23" s="8"/>
      <c r="CYZ23" s="8"/>
      <c r="CZA23" s="8"/>
      <c r="CZB23" s="8"/>
      <c r="CZC23" s="8"/>
      <c r="CZD23" s="8"/>
      <c r="CZE23" s="8"/>
      <c r="CZF23" s="8"/>
      <c r="CZG23" s="8"/>
      <c r="CZH23" s="8"/>
      <c r="CZI23" s="8"/>
      <c r="CZJ23" s="8"/>
      <c r="CZK23" s="8"/>
      <c r="CZL23" s="8"/>
      <c r="CZM23" s="8"/>
      <c r="CZN23" s="8"/>
      <c r="CZO23" s="8"/>
      <c r="CZP23" s="8"/>
      <c r="CZQ23" s="8"/>
      <c r="CZR23" s="8"/>
      <c r="CZS23" s="8"/>
      <c r="CZT23" s="8"/>
      <c r="CZU23" s="8"/>
      <c r="CZV23" s="8"/>
      <c r="CZW23" s="8"/>
      <c r="CZX23" s="8"/>
      <c r="CZY23" s="8"/>
      <c r="CZZ23" s="8"/>
      <c r="DAA23" s="8"/>
      <c r="DAB23" s="8"/>
      <c r="DAC23" s="8"/>
      <c r="DAD23" s="8"/>
      <c r="DAE23" s="8"/>
      <c r="DAF23" s="8"/>
      <c r="DAG23" s="8"/>
      <c r="DAH23" s="8"/>
      <c r="DAI23" s="8"/>
      <c r="DAJ23" s="8"/>
      <c r="DAK23" s="8"/>
      <c r="DAL23" s="8"/>
      <c r="DAM23" s="8"/>
      <c r="DAN23" s="8"/>
      <c r="DAO23" s="8"/>
      <c r="DAP23" s="8"/>
      <c r="DAQ23" s="8"/>
      <c r="DAR23" s="8"/>
      <c r="DAS23" s="8"/>
      <c r="DAT23" s="8"/>
      <c r="DAU23" s="8"/>
      <c r="DAV23" s="8"/>
      <c r="DAW23" s="8"/>
      <c r="DAX23" s="8"/>
      <c r="DAY23" s="8"/>
      <c r="DAZ23" s="8"/>
      <c r="DBA23" s="8"/>
      <c r="DBB23" s="8"/>
      <c r="DBC23" s="8"/>
      <c r="DBD23" s="8"/>
      <c r="DBE23" s="8"/>
      <c r="DBF23" s="8"/>
      <c r="DBG23" s="8"/>
      <c r="DBH23" s="8"/>
      <c r="DBI23" s="8"/>
      <c r="DBJ23" s="8"/>
      <c r="DBK23" s="8"/>
      <c r="DBL23" s="8"/>
      <c r="DBM23" s="8"/>
      <c r="DBN23" s="8"/>
      <c r="DBO23" s="8"/>
      <c r="DBP23" s="8"/>
      <c r="DBQ23" s="8"/>
      <c r="DBR23" s="8"/>
      <c r="DBS23" s="8"/>
      <c r="DBT23" s="8"/>
      <c r="DBU23" s="8"/>
      <c r="DBV23" s="8"/>
      <c r="DBW23" s="8"/>
      <c r="DBX23" s="8"/>
      <c r="DBY23" s="8"/>
      <c r="DBZ23" s="8"/>
      <c r="DCA23" s="8"/>
      <c r="DCB23" s="8"/>
      <c r="DCC23" s="8"/>
      <c r="DCD23" s="8"/>
      <c r="DCE23" s="8"/>
      <c r="DCF23" s="8"/>
      <c r="DCG23" s="8"/>
      <c r="DCH23" s="8"/>
      <c r="DCI23" s="8"/>
      <c r="DCJ23" s="8"/>
      <c r="DCK23" s="8"/>
      <c r="DCL23" s="8"/>
      <c r="DCM23" s="8"/>
      <c r="DCN23" s="8"/>
      <c r="DCO23" s="8"/>
      <c r="DCP23" s="8"/>
      <c r="DCQ23" s="8"/>
      <c r="DCR23" s="8"/>
      <c r="DCS23" s="8"/>
      <c r="DCT23" s="8"/>
      <c r="DCU23" s="8"/>
      <c r="DCV23" s="8"/>
      <c r="DCW23" s="8"/>
      <c r="DCX23" s="8"/>
      <c r="DCY23" s="8"/>
      <c r="DCZ23" s="8"/>
      <c r="DDA23" s="8"/>
      <c r="DDB23" s="8"/>
      <c r="DDC23" s="8"/>
      <c r="DDD23" s="8"/>
      <c r="DDE23" s="8"/>
      <c r="DDF23" s="8"/>
      <c r="DDG23" s="8"/>
      <c r="DDH23" s="8"/>
      <c r="DDI23" s="8"/>
      <c r="DDJ23" s="8"/>
      <c r="DDK23" s="8"/>
      <c r="DDL23" s="8"/>
      <c r="DDM23" s="8"/>
      <c r="DDN23" s="8"/>
      <c r="DDO23" s="8"/>
      <c r="DDP23" s="8"/>
      <c r="DDQ23" s="8"/>
      <c r="DDR23" s="8"/>
      <c r="DDS23" s="8"/>
      <c r="DDT23" s="8"/>
      <c r="DDU23" s="8"/>
      <c r="DDV23" s="8"/>
      <c r="DDW23" s="8"/>
      <c r="DDX23" s="8"/>
      <c r="DDY23" s="8"/>
      <c r="DDZ23" s="8"/>
      <c r="DEA23" s="8"/>
      <c r="DEB23" s="8"/>
      <c r="DEC23" s="8"/>
      <c r="DED23" s="8"/>
      <c r="DEE23" s="8"/>
      <c r="DEF23" s="8"/>
      <c r="DEG23" s="8"/>
      <c r="DEH23" s="8"/>
      <c r="DEI23" s="8"/>
      <c r="DEJ23" s="8"/>
      <c r="DEK23" s="8"/>
      <c r="DEL23" s="8"/>
      <c r="DEM23" s="8"/>
      <c r="DEN23" s="8"/>
      <c r="DEO23" s="8"/>
      <c r="DEP23" s="8"/>
      <c r="DEQ23" s="8"/>
      <c r="DER23" s="8"/>
      <c r="DES23" s="8"/>
      <c r="DET23" s="8"/>
      <c r="DEU23" s="8"/>
      <c r="DEV23" s="8"/>
      <c r="DEW23" s="8"/>
      <c r="DEX23" s="8"/>
      <c r="DEY23" s="8"/>
      <c r="DEZ23" s="8"/>
      <c r="DFA23" s="8"/>
      <c r="DFB23" s="8"/>
      <c r="DFC23" s="8"/>
      <c r="DFD23" s="8"/>
      <c r="DFE23" s="8"/>
      <c r="DFF23" s="8"/>
      <c r="DFG23" s="8"/>
      <c r="DFH23" s="8"/>
      <c r="DFI23" s="8"/>
      <c r="DFJ23" s="8"/>
      <c r="DFK23" s="8"/>
      <c r="DFL23" s="8"/>
      <c r="DFM23" s="8"/>
      <c r="DFN23" s="8"/>
      <c r="DFO23" s="8"/>
      <c r="DFP23" s="8"/>
      <c r="DFQ23" s="8"/>
      <c r="DFR23" s="8"/>
      <c r="DFS23" s="8"/>
      <c r="DFT23" s="8"/>
      <c r="DFU23" s="8"/>
      <c r="DFV23" s="8"/>
      <c r="DFW23" s="8"/>
      <c r="DFX23" s="8"/>
      <c r="DFY23" s="8"/>
      <c r="DFZ23" s="8"/>
      <c r="DGA23" s="8"/>
      <c r="DGB23" s="8"/>
      <c r="DGC23" s="8"/>
      <c r="DGD23" s="8"/>
      <c r="DGE23" s="8"/>
      <c r="DGF23" s="8"/>
      <c r="DGG23" s="8"/>
      <c r="DGH23" s="8"/>
      <c r="DGI23" s="8"/>
      <c r="DGJ23" s="8"/>
      <c r="DGK23" s="8"/>
      <c r="DGL23" s="8"/>
      <c r="DGM23" s="8"/>
      <c r="DGN23" s="8"/>
      <c r="DGO23" s="8"/>
      <c r="DGP23" s="8"/>
      <c r="DGQ23" s="8"/>
      <c r="DGR23" s="8"/>
      <c r="DGS23" s="8"/>
      <c r="DGT23" s="8"/>
      <c r="DGU23" s="8"/>
      <c r="DGV23" s="8"/>
      <c r="DGW23" s="8"/>
      <c r="DGX23" s="8"/>
      <c r="DGY23" s="8"/>
      <c r="DGZ23" s="8"/>
      <c r="DHA23" s="8"/>
      <c r="DHB23" s="8"/>
      <c r="DHC23" s="8"/>
      <c r="DHD23" s="8"/>
      <c r="DHE23" s="8"/>
      <c r="DHF23" s="8"/>
      <c r="DHG23" s="8"/>
      <c r="DHH23" s="8"/>
      <c r="DHI23" s="8"/>
      <c r="DHJ23" s="8"/>
      <c r="DHK23" s="8"/>
      <c r="DHL23" s="8"/>
      <c r="DHM23" s="8"/>
      <c r="DHN23" s="8"/>
      <c r="DHO23" s="8"/>
      <c r="DHP23" s="8"/>
      <c r="DHQ23" s="8"/>
      <c r="DHR23" s="8"/>
      <c r="DHS23" s="8"/>
      <c r="DHT23" s="8"/>
      <c r="DHU23" s="8"/>
      <c r="DHV23" s="8"/>
      <c r="DHW23" s="8"/>
      <c r="DHX23" s="8"/>
      <c r="DHY23" s="8"/>
      <c r="DHZ23" s="8"/>
      <c r="DIA23" s="8"/>
      <c r="DIB23" s="8"/>
      <c r="DIC23" s="8"/>
      <c r="DID23" s="8"/>
      <c r="DIE23" s="8"/>
      <c r="DIF23" s="8"/>
      <c r="DIG23" s="8"/>
      <c r="DIH23" s="8"/>
      <c r="DII23" s="8"/>
      <c r="DIJ23" s="8"/>
      <c r="DIK23" s="8"/>
      <c r="DIL23" s="8"/>
      <c r="DIM23" s="8"/>
      <c r="DIN23" s="8"/>
      <c r="DIO23" s="8"/>
      <c r="DIP23" s="8"/>
      <c r="DIQ23" s="8"/>
      <c r="DIR23" s="8"/>
      <c r="DIS23" s="8"/>
      <c r="DIT23" s="8"/>
      <c r="DIU23" s="8"/>
      <c r="DIV23" s="8"/>
      <c r="DIW23" s="8"/>
      <c r="DIX23" s="8"/>
      <c r="DIY23" s="8"/>
      <c r="DIZ23" s="8"/>
      <c r="DJA23" s="8"/>
      <c r="DJB23" s="8"/>
      <c r="DJC23" s="8"/>
      <c r="DJD23" s="8"/>
      <c r="DJE23" s="8"/>
      <c r="DJF23" s="8"/>
      <c r="DJG23" s="8"/>
      <c r="DJH23" s="8"/>
      <c r="DJI23" s="8"/>
      <c r="DJJ23" s="8"/>
      <c r="DJK23" s="8"/>
      <c r="DJL23" s="8"/>
      <c r="DJM23" s="8"/>
      <c r="DJN23" s="8"/>
      <c r="DJO23" s="8"/>
      <c r="DJP23" s="8"/>
      <c r="DJQ23" s="8"/>
      <c r="DJR23" s="8"/>
      <c r="DJS23" s="8"/>
      <c r="DJT23" s="8"/>
      <c r="DJU23" s="8"/>
      <c r="DJV23" s="8"/>
      <c r="DJW23" s="8"/>
      <c r="DJX23" s="8"/>
      <c r="DJY23" s="8"/>
      <c r="DJZ23" s="8"/>
      <c r="DKA23" s="8"/>
      <c r="DKB23" s="8"/>
      <c r="DKC23" s="8"/>
      <c r="DKD23" s="8"/>
      <c r="DKE23" s="8"/>
      <c r="DKF23" s="8"/>
      <c r="DKG23" s="8"/>
      <c r="DKH23" s="8"/>
      <c r="DKI23" s="8"/>
      <c r="DKJ23" s="8"/>
      <c r="DKK23" s="8"/>
      <c r="DKL23" s="8"/>
      <c r="DKM23" s="8"/>
      <c r="DKN23" s="8"/>
      <c r="DKO23" s="8"/>
      <c r="DKP23" s="8"/>
      <c r="DKQ23" s="8"/>
      <c r="DKR23" s="8"/>
      <c r="DKS23" s="8"/>
      <c r="DKT23" s="8"/>
      <c r="DKU23" s="8"/>
      <c r="DKV23" s="8"/>
      <c r="DKW23" s="8"/>
      <c r="DKX23" s="8"/>
      <c r="DKY23" s="8"/>
      <c r="DKZ23" s="8"/>
      <c r="DLA23" s="8"/>
      <c r="DLB23" s="8"/>
      <c r="DLC23" s="8"/>
      <c r="DLD23" s="8"/>
      <c r="DLE23" s="8"/>
      <c r="DLF23" s="8"/>
      <c r="DLG23" s="8"/>
      <c r="DLH23" s="8"/>
      <c r="DLI23" s="8"/>
      <c r="DLJ23" s="8"/>
      <c r="DLK23" s="8"/>
      <c r="DLL23" s="8"/>
      <c r="DLM23" s="8"/>
      <c r="DLN23" s="8"/>
      <c r="DLO23" s="8"/>
      <c r="DLP23" s="8"/>
      <c r="DLQ23" s="8"/>
      <c r="DLR23" s="8"/>
      <c r="DLS23" s="8"/>
      <c r="DLT23" s="8"/>
      <c r="DLU23" s="8"/>
      <c r="DLV23" s="8"/>
      <c r="DLW23" s="8"/>
      <c r="DLX23" s="8"/>
      <c r="DLY23" s="8"/>
      <c r="DLZ23" s="8"/>
      <c r="DMA23" s="8"/>
      <c r="DMB23" s="8"/>
      <c r="DMC23" s="8"/>
      <c r="DMD23" s="8"/>
      <c r="DME23" s="8"/>
      <c r="DMF23" s="8"/>
      <c r="DMG23" s="8"/>
      <c r="DMH23" s="8"/>
      <c r="DMI23" s="8"/>
      <c r="DMJ23" s="8"/>
      <c r="DMK23" s="8"/>
      <c r="DML23" s="8"/>
      <c r="DMM23" s="8"/>
      <c r="DMN23" s="8"/>
      <c r="DMO23" s="8"/>
      <c r="DMP23" s="8"/>
      <c r="DMQ23" s="8"/>
      <c r="DMR23" s="8"/>
      <c r="DMS23" s="8"/>
      <c r="DMT23" s="8"/>
      <c r="DMU23" s="8"/>
      <c r="DMV23" s="8"/>
      <c r="DMW23" s="8"/>
      <c r="DMX23" s="8"/>
      <c r="DMY23" s="8"/>
      <c r="DMZ23" s="8"/>
      <c r="DNA23" s="8"/>
      <c r="DNB23" s="8"/>
      <c r="DNC23" s="8"/>
      <c r="DND23" s="8"/>
      <c r="DNE23" s="8"/>
      <c r="DNF23" s="8"/>
      <c r="DNG23" s="8"/>
      <c r="DNH23" s="8"/>
      <c r="DNI23" s="8"/>
      <c r="DNJ23" s="8"/>
      <c r="DNK23" s="8"/>
      <c r="DNL23" s="8"/>
      <c r="DNM23" s="8"/>
      <c r="DNN23" s="8"/>
      <c r="DNO23" s="8"/>
      <c r="DNP23" s="8"/>
      <c r="DNQ23" s="8"/>
      <c r="DNR23" s="8"/>
      <c r="DNS23" s="8"/>
      <c r="DNT23" s="8"/>
      <c r="DNU23" s="8"/>
      <c r="DNV23" s="8"/>
      <c r="DNW23" s="8"/>
      <c r="DNX23" s="8"/>
      <c r="DNY23" s="8"/>
      <c r="DNZ23" s="8"/>
      <c r="DOA23" s="8"/>
      <c r="DOB23" s="8"/>
      <c r="DOC23" s="8"/>
      <c r="DOD23" s="8"/>
      <c r="DOE23" s="8"/>
      <c r="DOF23" s="8"/>
      <c r="DOG23" s="8"/>
      <c r="DOH23" s="8"/>
      <c r="DOI23" s="8"/>
      <c r="DOJ23" s="8"/>
      <c r="DOK23" s="8"/>
      <c r="DOL23" s="8"/>
      <c r="DOM23" s="8"/>
      <c r="DON23" s="8"/>
      <c r="DOO23" s="8"/>
      <c r="DOP23" s="8"/>
      <c r="DOQ23" s="8"/>
      <c r="DOR23" s="8"/>
      <c r="DOS23" s="8"/>
      <c r="DOT23" s="8"/>
      <c r="DOU23" s="8"/>
      <c r="DOV23" s="8"/>
      <c r="DOW23" s="8"/>
      <c r="DOX23" s="8"/>
      <c r="DOY23" s="8"/>
      <c r="DOZ23" s="8"/>
      <c r="DPA23" s="8"/>
      <c r="DPB23" s="8"/>
      <c r="DPC23" s="8"/>
      <c r="DPD23" s="8"/>
      <c r="DPE23" s="8"/>
      <c r="DPF23" s="8"/>
      <c r="DPG23" s="8"/>
      <c r="DPH23" s="8"/>
      <c r="DPI23" s="8"/>
      <c r="DPJ23" s="8"/>
      <c r="DPK23" s="8"/>
      <c r="DPL23" s="8"/>
      <c r="DPM23" s="8"/>
      <c r="DPN23" s="8"/>
      <c r="DPO23" s="8"/>
      <c r="DPP23" s="8"/>
      <c r="DPQ23" s="8"/>
      <c r="DPR23" s="8"/>
      <c r="DPS23" s="8"/>
      <c r="DPT23" s="8"/>
      <c r="DPU23" s="8"/>
      <c r="DPV23" s="8"/>
      <c r="DPW23" s="8"/>
      <c r="DPX23" s="8"/>
      <c r="DPY23" s="8"/>
      <c r="DPZ23" s="8"/>
      <c r="DQA23" s="8"/>
      <c r="DQB23" s="8"/>
      <c r="DQC23" s="8"/>
      <c r="DQD23" s="8"/>
      <c r="DQE23" s="8"/>
      <c r="DQF23" s="8"/>
      <c r="DQG23" s="8"/>
      <c r="DQH23" s="8"/>
      <c r="DQI23" s="8"/>
      <c r="DQJ23" s="8"/>
      <c r="DQK23" s="8"/>
      <c r="DQL23" s="8"/>
      <c r="DQM23" s="8"/>
      <c r="DQN23" s="8"/>
      <c r="DQO23" s="8"/>
      <c r="DQP23" s="8"/>
      <c r="DQQ23" s="8"/>
      <c r="DQR23" s="8"/>
      <c r="DQS23" s="8"/>
      <c r="DQT23" s="8"/>
      <c r="DQU23" s="8"/>
      <c r="DQV23" s="8"/>
      <c r="DQW23" s="8"/>
      <c r="DQX23" s="8"/>
      <c r="DQY23" s="8"/>
      <c r="DQZ23" s="8"/>
      <c r="DRA23" s="8"/>
      <c r="DRB23" s="8"/>
      <c r="DRC23" s="8"/>
      <c r="DRD23" s="8"/>
      <c r="DRE23" s="8"/>
      <c r="DRF23" s="8"/>
      <c r="DRG23" s="8"/>
      <c r="DRH23" s="8"/>
      <c r="DRI23" s="8"/>
      <c r="DRJ23" s="8"/>
      <c r="DRK23" s="8"/>
      <c r="DRL23" s="8"/>
      <c r="DRM23" s="8"/>
      <c r="DRN23" s="8"/>
      <c r="DRO23" s="8"/>
      <c r="DRP23" s="8"/>
      <c r="DRQ23" s="8"/>
      <c r="DRR23" s="8"/>
      <c r="DRS23" s="8"/>
      <c r="DRT23" s="8"/>
      <c r="DRU23" s="8"/>
      <c r="DRV23" s="8"/>
      <c r="DRW23" s="8"/>
      <c r="DRX23" s="8"/>
      <c r="DRY23" s="8"/>
      <c r="DRZ23" s="8"/>
      <c r="DSA23" s="8"/>
      <c r="DSB23" s="8"/>
      <c r="DSC23" s="8"/>
      <c r="DSD23" s="8"/>
      <c r="DSE23" s="8"/>
      <c r="DSF23" s="8"/>
      <c r="DSG23" s="8"/>
      <c r="DSH23" s="8"/>
      <c r="DSI23" s="8"/>
      <c r="DSJ23" s="8"/>
      <c r="DSK23" s="8"/>
      <c r="DSL23" s="8"/>
      <c r="DSM23" s="8"/>
      <c r="DSN23" s="8"/>
      <c r="DSO23" s="8"/>
      <c r="DSP23" s="8"/>
      <c r="DSQ23" s="8"/>
      <c r="DSR23" s="8"/>
      <c r="DSS23" s="8"/>
      <c r="DST23" s="8"/>
      <c r="DSU23" s="8"/>
      <c r="DSV23" s="8"/>
      <c r="DSW23" s="8"/>
      <c r="DSX23" s="8"/>
      <c r="DSY23" s="8"/>
      <c r="DSZ23" s="8"/>
      <c r="DTA23" s="8"/>
      <c r="DTB23" s="8"/>
      <c r="DTC23" s="8"/>
      <c r="DTD23" s="8"/>
      <c r="DTE23" s="8"/>
      <c r="DTF23" s="8"/>
      <c r="DTG23" s="8"/>
      <c r="DTH23" s="8"/>
      <c r="DTI23" s="8"/>
      <c r="DTJ23" s="8"/>
      <c r="DTK23" s="8"/>
      <c r="DTL23" s="8"/>
      <c r="DTM23" s="8"/>
      <c r="DTN23" s="8"/>
      <c r="DTO23" s="8"/>
      <c r="DTP23" s="8"/>
      <c r="DTQ23" s="8"/>
      <c r="DTR23" s="8"/>
      <c r="DTS23" s="8"/>
      <c r="DTT23" s="8"/>
      <c r="DTU23" s="8"/>
      <c r="DTV23" s="8"/>
      <c r="DTW23" s="8"/>
      <c r="DTX23" s="8"/>
      <c r="DTY23" s="8"/>
      <c r="DTZ23" s="8"/>
      <c r="DUA23" s="8"/>
      <c r="DUB23" s="8"/>
      <c r="DUC23" s="8"/>
      <c r="DUD23" s="8"/>
      <c r="DUE23" s="8"/>
      <c r="DUF23" s="8"/>
      <c r="DUG23" s="8"/>
      <c r="DUH23" s="8"/>
      <c r="DUI23" s="8"/>
      <c r="DUJ23" s="8"/>
      <c r="DUK23" s="8"/>
      <c r="DUL23" s="8"/>
      <c r="DUM23" s="8"/>
      <c r="DUN23" s="8"/>
      <c r="DUO23" s="8"/>
      <c r="DUP23" s="8"/>
      <c r="DUQ23" s="8"/>
      <c r="DUR23" s="8"/>
      <c r="DUS23" s="8"/>
      <c r="DUT23" s="8"/>
      <c r="DUU23" s="8"/>
      <c r="DUV23" s="8"/>
      <c r="DUW23" s="8"/>
      <c r="DUX23" s="8"/>
      <c r="DUY23" s="8"/>
      <c r="DUZ23" s="8"/>
      <c r="DVA23" s="8"/>
      <c r="DVB23" s="8"/>
      <c r="DVC23" s="8"/>
      <c r="DVD23" s="8"/>
      <c r="DVE23" s="8"/>
      <c r="DVF23" s="8"/>
      <c r="DVG23" s="8"/>
      <c r="DVH23" s="8"/>
      <c r="DVI23" s="8"/>
      <c r="DVJ23" s="8"/>
      <c r="DVK23" s="8"/>
      <c r="DVL23" s="8"/>
      <c r="DVM23" s="8"/>
      <c r="DVN23" s="8"/>
      <c r="DVO23" s="8"/>
      <c r="DVP23" s="8"/>
      <c r="DVQ23" s="8"/>
      <c r="DVR23" s="8"/>
      <c r="DVS23" s="8"/>
      <c r="DVT23" s="8"/>
      <c r="DVU23" s="8"/>
      <c r="DVV23" s="8"/>
      <c r="DVW23" s="8"/>
      <c r="DVX23" s="8"/>
      <c r="DVY23" s="8"/>
      <c r="DVZ23" s="8"/>
      <c r="DWA23" s="8"/>
      <c r="DWB23" s="8"/>
      <c r="DWC23" s="8"/>
      <c r="DWD23" s="8"/>
      <c r="DWE23" s="8"/>
      <c r="DWF23" s="8"/>
      <c r="DWG23" s="8"/>
      <c r="DWH23" s="8"/>
      <c r="DWI23" s="8"/>
      <c r="DWJ23" s="8"/>
      <c r="DWK23" s="8"/>
      <c r="DWL23" s="8"/>
      <c r="DWM23" s="8"/>
      <c r="DWN23" s="8"/>
      <c r="DWO23" s="8"/>
      <c r="DWP23" s="8"/>
      <c r="DWQ23" s="8"/>
      <c r="DWR23" s="8"/>
      <c r="DWS23" s="8"/>
      <c r="DWT23" s="8"/>
      <c r="DWU23" s="8"/>
      <c r="DWV23" s="8"/>
      <c r="DWW23" s="8"/>
      <c r="DWX23" s="8"/>
      <c r="DWY23" s="8"/>
      <c r="DWZ23" s="8"/>
      <c r="DXA23" s="8"/>
      <c r="DXB23" s="8"/>
      <c r="DXC23" s="8"/>
      <c r="DXD23" s="8"/>
      <c r="DXE23" s="8"/>
      <c r="DXF23" s="8"/>
      <c r="DXG23" s="8"/>
      <c r="DXH23" s="8"/>
      <c r="DXI23" s="8"/>
      <c r="DXJ23" s="8"/>
      <c r="DXK23" s="8"/>
      <c r="DXL23" s="8"/>
      <c r="DXM23" s="8"/>
      <c r="DXN23" s="8"/>
      <c r="DXO23" s="8"/>
      <c r="DXP23" s="8"/>
      <c r="DXQ23" s="8"/>
      <c r="DXR23" s="8"/>
      <c r="DXS23" s="8"/>
      <c r="DXT23" s="8"/>
      <c r="DXU23" s="8"/>
      <c r="DXV23" s="8"/>
      <c r="DXW23" s="8"/>
      <c r="DXX23" s="8"/>
      <c r="DXY23" s="8"/>
      <c r="DXZ23" s="8"/>
      <c r="DYA23" s="8"/>
      <c r="DYB23" s="8"/>
      <c r="DYC23" s="8"/>
      <c r="DYD23" s="8"/>
      <c r="DYE23" s="8"/>
      <c r="DYF23" s="8"/>
      <c r="DYG23" s="8"/>
      <c r="DYH23" s="8"/>
      <c r="DYI23" s="8"/>
      <c r="DYJ23" s="8"/>
      <c r="DYK23" s="8"/>
      <c r="DYL23" s="8"/>
      <c r="DYM23" s="8"/>
      <c r="DYN23" s="8"/>
      <c r="DYO23" s="8"/>
      <c r="DYP23" s="8"/>
      <c r="DYQ23" s="8"/>
      <c r="DYR23" s="8"/>
      <c r="DYS23" s="8"/>
      <c r="DYT23" s="8"/>
      <c r="DYU23" s="8"/>
      <c r="DYV23" s="8"/>
      <c r="DYW23" s="8"/>
      <c r="DYX23" s="8"/>
      <c r="DYY23" s="8"/>
      <c r="DYZ23" s="8"/>
      <c r="DZA23" s="8"/>
      <c r="DZB23" s="8"/>
      <c r="DZC23" s="8"/>
      <c r="DZD23" s="8"/>
      <c r="DZE23" s="8"/>
      <c r="DZF23" s="8"/>
      <c r="DZG23" s="8"/>
      <c r="DZH23" s="8"/>
      <c r="DZI23" s="8"/>
      <c r="DZJ23" s="8"/>
      <c r="DZK23" s="8"/>
      <c r="DZL23" s="8"/>
      <c r="DZM23" s="8"/>
      <c r="DZN23" s="8"/>
      <c r="DZO23" s="8"/>
      <c r="DZP23" s="8"/>
      <c r="DZQ23" s="8"/>
      <c r="DZR23" s="8"/>
      <c r="DZS23" s="8"/>
      <c r="DZT23" s="8"/>
      <c r="DZU23" s="8"/>
      <c r="DZV23" s="8"/>
      <c r="DZW23" s="8"/>
      <c r="DZX23" s="8"/>
      <c r="DZY23" s="8"/>
      <c r="DZZ23" s="8"/>
      <c r="EAA23" s="8"/>
      <c r="EAB23" s="8"/>
      <c r="EAC23" s="8"/>
      <c r="EAD23" s="8"/>
      <c r="EAE23" s="8"/>
      <c r="EAF23" s="8"/>
      <c r="EAG23" s="8"/>
      <c r="EAH23" s="8"/>
      <c r="EAI23" s="8"/>
      <c r="EAJ23" s="8"/>
      <c r="EAK23" s="8"/>
      <c r="EAL23" s="8"/>
      <c r="EAM23" s="8"/>
      <c r="EAN23" s="8"/>
      <c r="EAO23" s="8"/>
      <c r="EAP23" s="8"/>
      <c r="EAQ23" s="8"/>
      <c r="EAR23" s="8"/>
      <c r="EAS23" s="8"/>
      <c r="EAT23" s="8"/>
      <c r="EAU23" s="8"/>
      <c r="EAV23" s="8"/>
      <c r="EAW23" s="8"/>
      <c r="EAX23" s="8"/>
      <c r="EAY23" s="8"/>
      <c r="EAZ23" s="8"/>
      <c r="EBA23" s="8"/>
      <c r="EBB23" s="8"/>
      <c r="EBC23" s="8"/>
      <c r="EBD23" s="8"/>
      <c r="EBE23" s="8"/>
      <c r="EBF23" s="8"/>
      <c r="EBG23" s="8"/>
      <c r="EBH23" s="8"/>
      <c r="EBI23" s="8"/>
      <c r="EBJ23" s="8"/>
      <c r="EBK23" s="8"/>
      <c r="EBL23" s="8"/>
      <c r="EBM23" s="8"/>
      <c r="EBN23" s="8"/>
      <c r="EBO23" s="8"/>
      <c r="EBP23" s="8"/>
      <c r="EBQ23" s="8"/>
      <c r="EBR23" s="8"/>
      <c r="EBS23" s="8"/>
      <c r="EBT23" s="8"/>
      <c r="EBU23" s="8"/>
      <c r="EBV23" s="8"/>
      <c r="EBW23" s="8"/>
      <c r="EBX23" s="8"/>
      <c r="EBY23" s="8"/>
      <c r="EBZ23" s="8"/>
      <c r="ECA23" s="8"/>
      <c r="ECB23" s="8"/>
      <c r="ECC23" s="8"/>
      <c r="ECD23" s="8"/>
      <c r="ECE23" s="8"/>
      <c r="ECF23" s="8"/>
      <c r="ECG23" s="8"/>
      <c r="ECH23" s="8"/>
      <c r="ECI23" s="8"/>
      <c r="ECJ23" s="8"/>
      <c r="ECK23" s="8"/>
      <c r="ECL23" s="8"/>
      <c r="ECM23" s="8"/>
      <c r="ECN23" s="8"/>
      <c r="ECO23" s="8"/>
      <c r="ECP23" s="8"/>
      <c r="ECQ23" s="8"/>
      <c r="ECR23" s="8"/>
      <c r="ECS23" s="8"/>
      <c r="ECT23" s="8"/>
      <c r="ECU23" s="8"/>
      <c r="ECV23" s="8"/>
      <c r="ECW23" s="8"/>
      <c r="ECX23" s="8"/>
      <c r="ECY23" s="8"/>
      <c r="ECZ23" s="8"/>
      <c r="EDA23" s="8"/>
      <c r="EDB23" s="8"/>
      <c r="EDC23" s="8"/>
      <c r="EDD23" s="8"/>
      <c r="EDE23" s="8"/>
      <c r="EDF23" s="8"/>
      <c r="EDG23" s="8"/>
      <c r="EDH23" s="8"/>
      <c r="EDI23" s="8"/>
      <c r="EDJ23" s="8"/>
      <c r="EDK23" s="8"/>
      <c r="EDL23" s="8"/>
      <c r="EDM23" s="8"/>
      <c r="EDN23" s="8"/>
      <c r="EDO23" s="8"/>
      <c r="EDP23" s="8"/>
      <c r="EDQ23" s="8"/>
      <c r="EDR23" s="8"/>
      <c r="EDS23" s="8"/>
      <c r="EDT23" s="8"/>
      <c r="EDU23" s="8"/>
      <c r="EDV23" s="8"/>
      <c r="EDW23" s="8"/>
      <c r="EDX23" s="8"/>
      <c r="EDY23" s="8"/>
      <c r="EDZ23" s="8"/>
      <c r="EEA23" s="8"/>
      <c r="EEB23" s="8"/>
      <c r="EEC23" s="8"/>
      <c r="EED23" s="8"/>
      <c r="EEE23" s="8"/>
      <c r="EEF23" s="8"/>
      <c r="EEG23" s="8"/>
      <c r="EEH23" s="8"/>
      <c r="EEI23" s="8"/>
      <c r="EEJ23" s="8"/>
      <c r="EEK23" s="8"/>
      <c r="EEL23" s="8"/>
      <c r="EEM23" s="8"/>
      <c r="EEN23" s="8"/>
      <c r="EEO23" s="8"/>
      <c r="EEP23" s="8"/>
      <c r="EEQ23" s="8"/>
      <c r="EER23" s="8"/>
      <c r="EES23" s="8"/>
      <c r="EET23" s="8"/>
      <c r="EEU23" s="8"/>
      <c r="EEV23" s="8"/>
      <c r="EEW23" s="8"/>
      <c r="EEX23" s="8"/>
      <c r="EEY23" s="8"/>
      <c r="EEZ23" s="8"/>
      <c r="EFA23" s="8"/>
      <c r="EFB23" s="8"/>
      <c r="EFC23" s="8"/>
      <c r="EFD23" s="8"/>
      <c r="EFE23" s="8"/>
      <c r="EFF23" s="8"/>
      <c r="EFG23" s="8"/>
      <c r="EFH23" s="8"/>
      <c r="EFI23" s="8"/>
      <c r="EFJ23" s="8"/>
      <c r="EFK23" s="8"/>
      <c r="EFL23" s="8"/>
      <c r="EFM23" s="8"/>
      <c r="EFN23" s="8"/>
      <c r="EFO23" s="8"/>
      <c r="EFP23" s="8"/>
      <c r="EFQ23" s="8"/>
      <c r="EFR23" s="8"/>
      <c r="EFS23" s="8"/>
      <c r="EFT23" s="8"/>
      <c r="EFU23" s="8"/>
      <c r="EFV23" s="8"/>
      <c r="EFW23" s="8"/>
      <c r="EFX23" s="8"/>
      <c r="EFY23" s="8"/>
      <c r="EFZ23" s="8"/>
      <c r="EGA23" s="8"/>
      <c r="EGB23" s="8"/>
      <c r="EGC23" s="8"/>
      <c r="EGD23" s="8"/>
      <c r="EGE23" s="8"/>
      <c r="EGF23" s="8"/>
      <c r="EGG23" s="8"/>
      <c r="EGH23" s="8"/>
      <c r="EGI23" s="8"/>
      <c r="EGJ23" s="8"/>
      <c r="EGK23" s="8"/>
      <c r="EGL23" s="8"/>
      <c r="EGM23" s="8"/>
      <c r="EGN23" s="8"/>
      <c r="EGO23" s="8"/>
      <c r="EGP23" s="8"/>
      <c r="EGQ23" s="8"/>
      <c r="EGR23" s="8"/>
      <c r="EGS23" s="8"/>
      <c r="EGT23" s="8"/>
      <c r="EGU23" s="8"/>
      <c r="EGV23" s="8"/>
      <c r="EGW23" s="8"/>
      <c r="EGX23" s="8"/>
      <c r="EGY23" s="8"/>
      <c r="EGZ23" s="8"/>
      <c r="EHA23" s="8"/>
      <c r="EHB23" s="8"/>
      <c r="EHC23" s="8"/>
      <c r="EHD23" s="8"/>
      <c r="EHE23" s="8"/>
      <c r="EHF23" s="8"/>
      <c r="EHG23" s="8"/>
      <c r="EHH23" s="8"/>
      <c r="EHI23" s="8"/>
      <c r="EHJ23" s="8"/>
      <c r="EHK23" s="8"/>
      <c r="EHL23" s="8"/>
      <c r="EHM23" s="8"/>
      <c r="EHN23" s="8"/>
      <c r="EHO23" s="8"/>
      <c r="EHP23" s="8"/>
      <c r="EHQ23" s="8"/>
      <c r="EHR23" s="8"/>
      <c r="EHS23" s="8"/>
      <c r="EHT23" s="8"/>
      <c r="EHU23" s="8"/>
      <c r="EHV23" s="8"/>
      <c r="EHW23" s="8"/>
      <c r="EHX23" s="8"/>
      <c r="EHY23" s="8"/>
      <c r="EHZ23" s="8"/>
      <c r="EIA23" s="8"/>
      <c r="EIB23" s="8"/>
      <c r="EIC23" s="8"/>
      <c r="EID23" s="8"/>
      <c r="EIE23" s="8"/>
      <c r="EIF23" s="8"/>
      <c r="EIG23" s="8"/>
      <c r="EIH23" s="8"/>
      <c r="EII23" s="8"/>
      <c r="EIJ23" s="8"/>
      <c r="EIK23" s="8"/>
      <c r="EIL23" s="8"/>
      <c r="EIM23" s="8"/>
      <c r="EIN23" s="8"/>
      <c r="EIO23" s="8"/>
      <c r="EIP23" s="8"/>
      <c r="EIQ23" s="8"/>
      <c r="EIR23" s="8"/>
      <c r="EIS23" s="8"/>
      <c r="EIT23" s="8"/>
      <c r="EIU23" s="8"/>
      <c r="EIV23" s="8"/>
      <c r="EIW23" s="8"/>
      <c r="EIX23" s="8"/>
      <c r="EIY23" s="8"/>
      <c r="EIZ23" s="8"/>
      <c r="EJA23" s="8"/>
      <c r="EJB23" s="8"/>
      <c r="EJC23" s="8"/>
      <c r="EJD23" s="8"/>
      <c r="EJE23" s="8"/>
      <c r="EJF23" s="8"/>
      <c r="EJG23" s="8"/>
      <c r="EJH23" s="8"/>
      <c r="EJI23" s="8"/>
      <c r="EJJ23" s="8"/>
      <c r="EJK23" s="8"/>
      <c r="EJL23" s="8"/>
      <c r="EJM23" s="8"/>
      <c r="EJN23" s="8"/>
      <c r="EJO23" s="8"/>
      <c r="EJP23" s="8"/>
      <c r="EJQ23" s="8"/>
      <c r="EJR23" s="8"/>
      <c r="EJS23" s="8"/>
      <c r="EJT23" s="8"/>
      <c r="EJU23" s="8"/>
      <c r="EJV23" s="8"/>
      <c r="EJW23" s="8"/>
      <c r="EJX23" s="8"/>
      <c r="EJY23" s="8"/>
      <c r="EJZ23" s="8"/>
      <c r="EKA23" s="8"/>
      <c r="EKB23" s="8"/>
      <c r="EKC23" s="8"/>
      <c r="EKD23" s="8"/>
      <c r="EKE23" s="8"/>
      <c r="EKF23" s="8"/>
      <c r="EKG23" s="8"/>
      <c r="EKH23" s="8"/>
      <c r="EKI23" s="8"/>
      <c r="EKJ23" s="8"/>
      <c r="EKK23" s="8"/>
      <c r="EKL23" s="8"/>
      <c r="EKM23" s="8"/>
      <c r="EKN23" s="8"/>
      <c r="EKO23" s="8"/>
      <c r="EKP23" s="8"/>
      <c r="EKQ23" s="8"/>
      <c r="EKR23" s="8"/>
      <c r="EKS23" s="8"/>
      <c r="EKT23" s="8"/>
      <c r="EKU23" s="8"/>
      <c r="EKV23" s="8"/>
      <c r="EKW23" s="8"/>
      <c r="EKX23" s="8"/>
      <c r="EKY23" s="8"/>
      <c r="EKZ23" s="8"/>
      <c r="ELA23" s="8"/>
      <c r="ELB23" s="8"/>
      <c r="ELC23" s="8"/>
      <c r="ELD23" s="8"/>
      <c r="ELE23" s="8"/>
      <c r="ELF23" s="8"/>
      <c r="ELG23" s="8"/>
      <c r="ELH23" s="8"/>
      <c r="ELI23" s="8"/>
      <c r="ELJ23" s="8"/>
      <c r="ELK23" s="8"/>
      <c r="ELL23" s="8"/>
      <c r="ELM23" s="8"/>
      <c r="ELN23" s="8"/>
      <c r="ELO23" s="8"/>
      <c r="ELP23" s="8"/>
      <c r="ELQ23" s="8"/>
      <c r="ELR23" s="8"/>
      <c r="ELS23" s="8"/>
      <c r="ELT23" s="8"/>
      <c r="ELU23" s="8"/>
      <c r="ELV23" s="8"/>
      <c r="ELW23" s="8"/>
      <c r="ELX23" s="8"/>
      <c r="ELY23" s="8"/>
      <c r="ELZ23" s="8"/>
      <c r="EMA23" s="8"/>
      <c r="EMB23" s="8"/>
      <c r="EMC23" s="8"/>
      <c r="EMD23" s="8"/>
      <c r="EME23" s="8"/>
      <c r="EMF23" s="8"/>
      <c r="EMG23" s="8"/>
      <c r="EMH23" s="8"/>
      <c r="EMI23" s="8"/>
      <c r="EMJ23" s="8"/>
      <c r="EMK23" s="8"/>
      <c r="EML23" s="8"/>
      <c r="EMM23" s="8"/>
      <c r="EMN23" s="8"/>
      <c r="EMO23" s="8"/>
      <c r="EMP23" s="8"/>
      <c r="EMQ23" s="8"/>
      <c r="EMR23" s="8"/>
      <c r="EMS23" s="8"/>
      <c r="EMT23" s="8"/>
      <c r="EMU23" s="8"/>
      <c r="EMV23" s="8"/>
      <c r="EMW23" s="8"/>
      <c r="EMX23" s="8"/>
      <c r="EMY23" s="8"/>
      <c r="EMZ23" s="8"/>
      <c r="ENA23" s="8"/>
      <c r="ENB23" s="8"/>
      <c r="ENC23" s="8"/>
      <c r="END23" s="8"/>
      <c r="ENE23" s="8"/>
      <c r="ENF23" s="8"/>
      <c r="ENG23" s="8"/>
      <c r="ENH23" s="8"/>
      <c r="ENI23" s="8"/>
      <c r="ENJ23" s="8"/>
      <c r="ENK23" s="8"/>
      <c r="ENL23" s="8"/>
      <c r="ENM23" s="8"/>
      <c r="ENN23" s="8"/>
      <c r="ENO23" s="8"/>
      <c r="ENP23" s="8"/>
      <c r="ENQ23" s="8"/>
      <c r="ENR23" s="8"/>
      <c r="ENS23" s="8"/>
      <c r="ENT23" s="8"/>
      <c r="ENU23" s="8"/>
      <c r="ENV23" s="8"/>
      <c r="ENW23" s="8"/>
      <c r="ENX23" s="8"/>
      <c r="ENY23" s="8"/>
      <c r="ENZ23" s="8"/>
      <c r="EOA23" s="8"/>
      <c r="EOB23" s="8"/>
      <c r="EOC23" s="8"/>
      <c r="EOD23" s="8"/>
      <c r="EOE23" s="8"/>
      <c r="EOF23" s="8"/>
      <c r="EOG23" s="8"/>
      <c r="EOH23" s="8"/>
      <c r="EOI23" s="8"/>
      <c r="EOJ23" s="8"/>
      <c r="EOK23" s="8"/>
      <c r="EOL23" s="8"/>
      <c r="EOM23" s="8"/>
      <c r="EON23" s="8"/>
      <c r="EOO23" s="8"/>
      <c r="EOP23" s="8"/>
      <c r="EOQ23" s="8"/>
      <c r="EOR23" s="8"/>
      <c r="EOS23" s="8"/>
      <c r="EOT23" s="8"/>
      <c r="EOU23" s="8"/>
      <c r="EOV23" s="8"/>
      <c r="EOW23" s="8"/>
      <c r="EOX23" s="8"/>
      <c r="EOY23" s="8"/>
      <c r="EOZ23" s="8"/>
      <c r="EPA23" s="8"/>
      <c r="EPB23" s="8"/>
      <c r="EPC23" s="8"/>
      <c r="EPD23" s="8"/>
      <c r="EPE23" s="8"/>
      <c r="EPF23" s="8"/>
      <c r="EPG23" s="8"/>
      <c r="EPH23" s="8"/>
      <c r="EPI23" s="8"/>
      <c r="EPJ23" s="8"/>
      <c r="EPK23" s="8"/>
      <c r="EPL23" s="8"/>
      <c r="EPM23" s="8"/>
      <c r="EPN23" s="8"/>
      <c r="EPO23" s="8"/>
      <c r="EPP23" s="8"/>
      <c r="EPQ23" s="8"/>
      <c r="EPR23" s="8"/>
      <c r="EPS23" s="8"/>
      <c r="EPT23" s="8"/>
      <c r="EPU23" s="8"/>
      <c r="EPV23" s="8"/>
      <c r="EPW23" s="8"/>
      <c r="EPX23" s="8"/>
      <c r="EPY23" s="8"/>
      <c r="EPZ23" s="8"/>
      <c r="EQA23" s="8"/>
      <c r="EQB23" s="8"/>
      <c r="EQC23" s="8"/>
      <c r="EQD23" s="8"/>
      <c r="EQE23" s="8"/>
      <c r="EQF23" s="8"/>
      <c r="EQG23" s="8"/>
      <c r="EQH23" s="8"/>
      <c r="EQI23" s="8"/>
      <c r="EQJ23" s="8"/>
      <c r="EQK23" s="8"/>
      <c r="EQL23" s="8"/>
      <c r="EQM23" s="8"/>
      <c r="EQN23" s="8"/>
      <c r="EQO23" s="8"/>
      <c r="EQP23" s="8"/>
      <c r="EQQ23" s="8"/>
      <c r="EQR23" s="8"/>
      <c r="EQS23" s="8"/>
      <c r="EQT23" s="8"/>
      <c r="EQU23" s="8"/>
      <c r="EQV23" s="8"/>
      <c r="EQW23" s="8"/>
      <c r="EQX23" s="8"/>
      <c r="EQY23" s="8"/>
      <c r="EQZ23" s="8"/>
      <c r="ERA23" s="8"/>
      <c r="ERB23" s="8"/>
      <c r="ERC23" s="8"/>
      <c r="ERD23" s="8"/>
      <c r="ERE23" s="8"/>
      <c r="ERF23" s="8"/>
      <c r="ERG23" s="8"/>
      <c r="ERH23" s="8"/>
      <c r="ERI23" s="8"/>
      <c r="ERJ23" s="8"/>
      <c r="ERK23" s="8"/>
      <c r="ERL23" s="8"/>
      <c r="ERM23" s="8"/>
      <c r="ERN23" s="8"/>
      <c r="ERO23" s="8"/>
      <c r="ERP23" s="8"/>
      <c r="ERQ23" s="8"/>
      <c r="ERR23" s="8"/>
      <c r="ERS23" s="8"/>
      <c r="ERT23" s="8"/>
      <c r="ERU23" s="8"/>
      <c r="ERV23" s="8"/>
      <c r="ERW23" s="8"/>
      <c r="ERX23" s="8"/>
      <c r="ERY23" s="8"/>
      <c r="ERZ23" s="8"/>
      <c r="ESA23" s="8"/>
      <c r="ESB23" s="8"/>
      <c r="ESC23" s="8"/>
      <c r="ESD23" s="8"/>
      <c r="ESE23" s="8"/>
      <c r="ESF23" s="8"/>
      <c r="ESG23" s="8"/>
      <c r="ESH23" s="8"/>
      <c r="ESI23" s="8"/>
      <c r="ESJ23" s="8"/>
      <c r="ESK23" s="8"/>
      <c r="ESL23" s="8"/>
      <c r="ESM23" s="8"/>
      <c r="ESN23" s="8"/>
      <c r="ESO23" s="8"/>
      <c r="ESP23" s="8"/>
      <c r="ESQ23" s="8"/>
      <c r="ESR23" s="8"/>
      <c r="ESS23" s="8"/>
      <c r="EST23" s="8"/>
      <c r="ESU23" s="8"/>
      <c r="ESV23" s="8"/>
      <c r="ESW23" s="8"/>
      <c r="ESX23" s="8"/>
      <c r="ESY23" s="8"/>
      <c r="ESZ23" s="8"/>
      <c r="ETA23" s="8"/>
      <c r="ETB23" s="8"/>
      <c r="ETC23" s="8"/>
      <c r="ETD23" s="8"/>
      <c r="ETE23" s="8"/>
      <c r="ETF23" s="8"/>
      <c r="ETG23" s="8"/>
      <c r="ETH23" s="8"/>
      <c r="ETI23" s="8"/>
      <c r="ETJ23" s="8"/>
      <c r="ETK23" s="8"/>
      <c r="ETL23" s="8"/>
      <c r="ETM23" s="8"/>
      <c r="ETN23" s="8"/>
      <c r="ETO23" s="8"/>
      <c r="ETP23" s="8"/>
      <c r="ETQ23" s="8"/>
      <c r="ETR23" s="8"/>
      <c r="ETS23" s="8"/>
      <c r="ETT23" s="8"/>
      <c r="ETU23" s="8"/>
      <c r="ETV23" s="8"/>
      <c r="ETW23" s="8"/>
      <c r="ETX23" s="8"/>
      <c r="ETY23" s="8"/>
      <c r="ETZ23" s="8"/>
      <c r="EUA23" s="8"/>
      <c r="EUB23" s="8"/>
      <c r="EUC23" s="8"/>
      <c r="EUD23" s="8"/>
      <c r="EUE23" s="8"/>
      <c r="EUF23" s="8"/>
      <c r="EUG23" s="8"/>
      <c r="EUH23" s="8"/>
      <c r="EUI23" s="8"/>
      <c r="EUJ23" s="8"/>
      <c r="EUK23" s="8"/>
      <c r="EUL23" s="8"/>
      <c r="EUM23" s="8"/>
      <c r="EUN23" s="8"/>
      <c r="EUO23" s="8"/>
      <c r="EUP23" s="8"/>
      <c r="EUQ23" s="8"/>
      <c r="EUR23" s="8"/>
      <c r="EUS23" s="8"/>
      <c r="EUT23" s="8"/>
      <c r="EUU23" s="8"/>
      <c r="EUV23" s="8"/>
      <c r="EUW23" s="8"/>
      <c r="EUX23" s="8"/>
      <c r="EUY23" s="8"/>
      <c r="EUZ23" s="8"/>
      <c r="EVA23" s="8"/>
      <c r="EVB23" s="8"/>
      <c r="EVC23" s="8"/>
      <c r="EVD23" s="8"/>
      <c r="EVE23" s="8"/>
      <c r="EVF23" s="8"/>
      <c r="EVG23" s="8"/>
      <c r="EVH23" s="8"/>
      <c r="EVI23" s="8"/>
      <c r="EVJ23" s="8"/>
      <c r="EVK23" s="8"/>
      <c r="EVL23" s="8"/>
      <c r="EVM23" s="8"/>
      <c r="EVN23" s="8"/>
      <c r="EVO23" s="8"/>
      <c r="EVP23" s="8"/>
      <c r="EVQ23" s="8"/>
      <c r="EVR23" s="8"/>
      <c r="EVS23" s="8"/>
      <c r="EVT23" s="8"/>
      <c r="EVU23" s="8"/>
      <c r="EVV23" s="8"/>
      <c r="EVW23" s="8"/>
      <c r="EVX23" s="8"/>
      <c r="EVY23" s="8"/>
      <c r="EVZ23" s="8"/>
      <c r="EWA23" s="8"/>
      <c r="EWB23" s="8"/>
      <c r="EWC23" s="8"/>
      <c r="EWD23" s="8"/>
      <c r="EWE23" s="8"/>
      <c r="EWF23" s="8"/>
      <c r="EWG23" s="8"/>
      <c r="EWH23" s="8"/>
      <c r="EWI23" s="8"/>
      <c r="EWJ23" s="8"/>
      <c r="EWK23" s="8"/>
      <c r="EWL23" s="8"/>
      <c r="EWM23" s="8"/>
      <c r="EWN23" s="8"/>
      <c r="EWO23" s="8"/>
      <c r="EWP23" s="8"/>
      <c r="EWQ23" s="8"/>
      <c r="EWR23" s="8"/>
      <c r="EWS23" s="8"/>
      <c r="EWT23" s="8"/>
      <c r="EWU23" s="8"/>
      <c r="EWV23" s="8"/>
      <c r="EWW23" s="8"/>
      <c r="EWX23" s="8"/>
      <c r="EWY23" s="8"/>
      <c r="EWZ23" s="8"/>
      <c r="EXA23" s="8"/>
      <c r="EXB23" s="8"/>
      <c r="EXC23" s="8"/>
      <c r="EXD23" s="8"/>
      <c r="EXE23" s="8"/>
      <c r="EXF23" s="8"/>
      <c r="EXG23" s="8"/>
      <c r="EXH23" s="8"/>
      <c r="EXI23" s="8"/>
      <c r="EXJ23" s="8"/>
      <c r="EXK23" s="8"/>
      <c r="EXL23" s="8"/>
      <c r="EXM23" s="8"/>
      <c r="EXN23" s="8"/>
      <c r="EXO23" s="8"/>
      <c r="EXP23" s="8"/>
      <c r="EXQ23" s="8"/>
      <c r="EXR23" s="8"/>
      <c r="EXS23" s="8"/>
      <c r="EXT23" s="8"/>
      <c r="EXU23" s="8"/>
      <c r="EXV23" s="8"/>
      <c r="EXW23" s="8"/>
      <c r="EXX23" s="8"/>
      <c r="EXY23" s="8"/>
      <c r="EXZ23" s="8"/>
      <c r="EYA23" s="8"/>
      <c r="EYB23" s="8"/>
      <c r="EYC23" s="8"/>
      <c r="EYD23" s="8"/>
      <c r="EYE23" s="8"/>
      <c r="EYF23" s="8"/>
      <c r="EYG23" s="8"/>
      <c r="EYH23" s="8"/>
      <c r="EYI23" s="8"/>
      <c r="EYJ23" s="8"/>
      <c r="EYK23" s="8"/>
      <c r="EYL23" s="8"/>
      <c r="EYM23" s="8"/>
      <c r="EYN23" s="8"/>
      <c r="EYO23" s="8"/>
      <c r="EYP23" s="8"/>
      <c r="EYQ23" s="8"/>
      <c r="EYR23" s="8"/>
      <c r="EYS23" s="8"/>
      <c r="EYT23" s="8"/>
      <c r="EYU23" s="8"/>
      <c r="EYV23" s="8"/>
      <c r="EYW23" s="8"/>
      <c r="EYX23" s="8"/>
      <c r="EYY23" s="8"/>
      <c r="EYZ23" s="8"/>
      <c r="EZA23" s="8"/>
      <c r="EZB23" s="8"/>
      <c r="EZC23" s="8"/>
      <c r="EZD23" s="8"/>
      <c r="EZE23" s="8"/>
      <c r="EZF23" s="8"/>
      <c r="EZG23" s="8"/>
      <c r="EZH23" s="8"/>
      <c r="EZI23" s="8"/>
      <c r="EZJ23" s="8"/>
      <c r="EZK23" s="8"/>
      <c r="EZL23" s="8"/>
      <c r="EZM23" s="8"/>
      <c r="EZN23" s="8"/>
      <c r="EZO23" s="8"/>
      <c r="EZP23" s="8"/>
      <c r="EZQ23" s="8"/>
      <c r="EZR23" s="8"/>
      <c r="EZS23" s="8"/>
      <c r="EZT23" s="8"/>
      <c r="EZU23" s="8"/>
      <c r="EZV23" s="8"/>
      <c r="EZW23" s="8"/>
      <c r="EZX23" s="8"/>
      <c r="EZY23" s="8"/>
      <c r="EZZ23" s="8"/>
      <c r="FAA23" s="8"/>
      <c r="FAB23" s="8"/>
      <c r="FAC23" s="8"/>
      <c r="FAD23" s="8"/>
      <c r="FAE23" s="8"/>
      <c r="FAF23" s="8"/>
      <c r="FAG23" s="8"/>
      <c r="FAH23" s="8"/>
      <c r="FAI23" s="8"/>
      <c r="FAJ23" s="8"/>
      <c r="FAK23" s="8"/>
      <c r="FAL23" s="8"/>
      <c r="FAM23" s="8"/>
      <c r="FAN23" s="8"/>
      <c r="FAO23" s="8"/>
      <c r="FAP23" s="8"/>
      <c r="FAQ23" s="8"/>
      <c r="FAR23" s="8"/>
      <c r="FAS23" s="8"/>
      <c r="FAT23" s="8"/>
      <c r="FAU23" s="8"/>
      <c r="FAV23" s="8"/>
      <c r="FAW23" s="8"/>
      <c r="FAX23" s="8"/>
      <c r="FAY23" s="8"/>
      <c r="FAZ23" s="8"/>
      <c r="FBA23" s="8"/>
      <c r="FBB23" s="8"/>
      <c r="FBC23" s="8"/>
      <c r="FBD23" s="8"/>
      <c r="FBE23" s="8"/>
      <c r="FBF23" s="8"/>
      <c r="FBG23" s="8"/>
      <c r="FBH23" s="8"/>
      <c r="FBI23" s="8"/>
      <c r="FBJ23" s="8"/>
      <c r="FBK23" s="8"/>
      <c r="FBL23" s="8"/>
      <c r="FBM23" s="8"/>
      <c r="FBN23" s="8"/>
      <c r="FBO23" s="8"/>
      <c r="FBP23" s="8"/>
      <c r="FBQ23" s="8"/>
      <c r="FBR23" s="8"/>
      <c r="FBS23" s="8"/>
      <c r="FBT23" s="8"/>
      <c r="FBU23" s="8"/>
      <c r="FBV23" s="8"/>
      <c r="FBW23" s="8"/>
      <c r="FBX23" s="8"/>
      <c r="FBY23" s="8"/>
      <c r="FBZ23" s="8"/>
      <c r="FCA23" s="8"/>
      <c r="FCB23" s="8"/>
      <c r="FCC23" s="8"/>
      <c r="FCD23" s="8"/>
      <c r="FCE23" s="8"/>
      <c r="FCF23" s="8"/>
      <c r="FCG23" s="8"/>
      <c r="FCH23" s="8"/>
      <c r="FCI23" s="8"/>
      <c r="FCJ23" s="8"/>
      <c r="FCK23" s="8"/>
      <c r="FCL23" s="8"/>
      <c r="FCM23" s="8"/>
      <c r="FCN23" s="8"/>
      <c r="FCO23" s="8"/>
      <c r="FCP23" s="8"/>
      <c r="FCQ23" s="8"/>
      <c r="FCR23" s="8"/>
      <c r="FCS23" s="8"/>
      <c r="FCT23" s="8"/>
      <c r="FCU23" s="8"/>
      <c r="FCV23" s="8"/>
      <c r="FCW23" s="8"/>
      <c r="FCX23" s="8"/>
      <c r="FCY23" s="8"/>
      <c r="FCZ23" s="8"/>
      <c r="FDA23" s="8"/>
      <c r="FDB23" s="8"/>
      <c r="FDC23" s="8"/>
      <c r="FDD23" s="8"/>
      <c r="FDE23" s="8"/>
      <c r="FDF23" s="8"/>
      <c r="FDG23" s="8"/>
      <c r="FDH23" s="8"/>
      <c r="FDI23" s="8"/>
      <c r="FDJ23" s="8"/>
      <c r="FDK23" s="8"/>
      <c r="FDL23" s="8"/>
      <c r="FDM23" s="8"/>
      <c r="FDN23" s="8"/>
      <c r="FDO23" s="8"/>
      <c r="FDP23" s="8"/>
      <c r="FDQ23" s="8"/>
      <c r="FDR23" s="8"/>
      <c r="FDS23" s="8"/>
      <c r="FDT23" s="8"/>
      <c r="FDU23" s="8"/>
      <c r="FDV23" s="8"/>
      <c r="FDW23" s="8"/>
      <c r="FDX23" s="8"/>
      <c r="FDY23" s="8"/>
      <c r="FDZ23" s="8"/>
      <c r="FEA23" s="8"/>
      <c r="FEB23" s="8"/>
      <c r="FEC23" s="8"/>
      <c r="FED23" s="8"/>
      <c r="FEE23" s="8"/>
      <c r="FEF23" s="8"/>
      <c r="FEG23" s="8"/>
      <c r="FEH23" s="8"/>
      <c r="FEI23" s="8"/>
      <c r="FEJ23" s="8"/>
      <c r="FEK23" s="8"/>
      <c r="FEL23" s="8"/>
      <c r="FEM23" s="8"/>
      <c r="FEN23" s="8"/>
      <c r="FEO23" s="8"/>
      <c r="FEP23" s="8"/>
      <c r="FEQ23" s="8"/>
      <c r="FER23" s="8"/>
      <c r="FES23" s="8"/>
      <c r="FET23" s="8"/>
      <c r="FEU23" s="8"/>
      <c r="FEV23" s="8"/>
      <c r="FEW23" s="8"/>
      <c r="FEX23" s="8"/>
      <c r="FEY23" s="8"/>
      <c r="FEZ23" s="8"/>
      <c r="FFA23" s="8"/>
      <c r="FFB23" s="8"/>
      <c r="FFC23" s="8"/>
      <c r="FFD23" s="8"/>
      <c r="FFE23" s="8"/>
      <c r="FFF23" s="8"/>
      <c r="FFG23" s="8"/>
      <c r="FFH23" s="8"/>
      <c r="FFI23" s="8"/>
      <c r="FFJ23" s="8"/>
      <c r="FFK23" s="8"/>
      <c r="FFL23" s="8"/>
      <c r="FFM23" s="8"/>
      <c r="FFN23" s="8"/>
      <c r="FFO23" s="8"/>
      <c r="FFP23" s="8"/>
      <c r="FFQ23" s="8"/>
      <c r="FFR23" s="8"/>
      <c r="FFS23" s="8"/>
      <c r="FFT23" s="8"/>
      <c r="FFU23" s="8"/>
      <c r="FFV23" s="8"/>
      <c r="FFW23" s="8"/>
      <c r="FFX23" s="8"/>
      <c r="FFY23" s="8"/>
      <c r="FFZ23" s="8"/>
      <c r="FGA23" s="8"/>
      <c r="FGB23" s="8"/>
      <c r="FGC23" s="8"/>
      <c r="FGD23" s="8"/>
      <c r="FGE23" s="8"/>
      <c r="FGF23" s="8"/>
      <c r="FGG23" s="8"/>
      <c r="FGH23" s="8"/>
      <c r="FGI23" s="8"/>
      <c r="FGJ23" s="8"/>
      <c r="FGK23" s="8"/>
      <c r="FGL23" s="8"/>
      <c r="FGM23" s="8"/>
      <c r="FGN23" s="8"/>
      <c r="FGO23" s="8"/>
      <c r="FGP23" s="8"/>
      <c r="FGQ23" s="8"/>
      <c r="FGR23" s="8"/>
      <c r="FGS23" s="8"/>
      <c r="FGT23" s="8"/>
      <c r="FGU23" s="8"/>
      <c r="FGV23" s="8"/>
      <c r="FGW23" s="8"/>
      <c r="FGX23" s="8"/>
      <c r="FGY23" s="8"/>
      <c r="FGZ23" s="8"/>
      <c r="FHA23" s="8"/>
      <c r="FHB23" s="8"/>
      <c r="FHC23" s="8"/>
      <c r="FHD23" s="8"/>
      <c r="FHE23" s="8"/>
      <c r="FHF23" s="8"/>
      <c r="FHG23" s="8"/>
      <c r="FHH23" s="8"/>
      <c r="FHI23" s="8"/>
      <c r="FHJ23" s="8"/>
      <c r="FHK23" s="8"/>
      <c r="FHL23" s="8"/>
      <c r="FHM23" s="8"/>
      <c r="FHN23" s="8"/>
      <c r="FHO23" s="8"/>
      <c r="FHP23" s="8"/>
      <c r="FHQ23" s="8"/>
      <c r="FHR23" s="8"/>
      <c r="FHS23" s="8"/>
      <c r="FHT23" s="8"/>
      <c r="FHU23" s="8"/>
      <c r="FHV23" s="8"/>
      <c r="FHW23" s="8"/>
      <c r="FHX23" s="8"/>
      <c r="FHY23" s="8"/>
      <c r="FHZ23" s="8"/>
      <c r="FIA23" s="8"/>
      <c r="FIB23" s="8"/>
      <c r="FIC23" s="8"/>
      <c r="FID23" s="8"/>
      <c r="FIE23" s="8"/>
      <c r="FIF23" s="8"/>
      <c r="FIG23" s="8"/>
      <c r="FIH23" s="8"/>
      <c r="FII23" s="8"/>
      <c r="FIJ23" s="8"/>
      <c r="FIK23" s="8"/>
      <c r="FIL23" s="8"/>
      <c r="FIM23" s="8"/>
      <c r="FIN23" s="8"/>
      <c r="FIO23" s="8"/>
      <c r="FIP23" s="8"/>
      <c r="FIQ23" s="8"/>
      <c r="FIR23" s="8"/>
      <c r="FIS23" s="8"/>
      <c r="FIT23" s="8"/>
      <c r="FIU23" s="8"/>
      <c r="FIV23" s="8"/>
      <c r="FIW23" s="8"/>
      <c r="FIX23" s="8"/>
      <c r="FIY23" s="8"/>
      <c r="FIZ23" s="8"/>
      <c r="FJA23" s="8"/>
      <c r="FJB23" s="8"/>
      <c r="FJC23" s="8"/>
      <c r="FJD23" s="8"/>
      <c r="FJE23" s="8"/>
      <c r="FJF23" s="8"/>
      <c r="FJG23" s="8"/>
      <c r="FJH23" s="8"/>
      <c r="FJI23" s="8"/>
      <c r="FJJ23" s="8"/>
      <c r="FJK23" s="8"/>
      <c r="FJL23" s="8"/>
      <c r="FJM23" s="8"/>
      <c r="FJN23" s="8"/>
      <c r="FJO23" s="8"/>
      <c r="FJP23" s="8"/>
      <c r="FJQ23" s="8"/>
      <c r="FJR23" s="8"/>
      <c r="FJS23" s="8"/>
      <c r="FJT23" s="8"/>
      <c r="FJU23" s="8"/>
      <c r="FJV23" s="8"/>
      <c r="FJW23" s="8"/>
      <c r="FJX23" s="8"/>
      <c r="FJY23" s="8"/>
      <c r="FJZ23" s="8"/>
      <c r="FKA23" s="8"/>
      <c r="FKB23" s="8"/>
      <c r="FKC23" s="8"/>
      <c r="FKD23" s="8"/>
      <c r="FKE23" s="8"/>
      <c r="FKF23" s="8"/>
      <c r="FKG23" s="8"/>
      <c r="FKH23" s="8"/>
      <c r="FKI23" s="8"/>
      <c r="FKJ23" s="8"/>
      <c r="FKK23" s="8"/>
      <c r="FKL23" s="8"/>
      <c r="FKM23" s="8"/>
      <c r="FKN23" s="8"/>
      <c r="FKO23" s="8"/>
      <c r="FKP23" s="8"/>
      <c r="FKQ23" s="8"/>
      <c r="FKR23" s="8"/>
      <c r="FKS23" s="8"/>
      <c r="FKT23" s="8"/>
      <c r="FKU23" s="8"/>
      <c r="FKV23" s="8"/>
      <c r="FKW23" s="8"/>
      <c r="FKX23" s="8"/>
      <c r="FKY23" s="8"/>
      <c r="FKZ23" s="8"/>
      <c r="FLA23" s="8"/>
      <c r="FLB23" s="8"/>
      <c r="FLC23" s="8"/>
      <c r="FLD23" s="8"/>
      <c r="FLE23" s="8"/>
      <c r="FLF23" s="8"/>
      <c r="FLG23" s="8"/>
      <c r="FLH23" s="8"/>
      <c r="FLI23" s="8"/>
      <c r="FLJ23" s="8"/>
      <c r="FLK23" s="8"/>
      <c r="FLL23" s="8"/>
      <c r="FLM23" s="8"/>
      <c r="FLN23" s="8"/>
      <c r="FLO23" s="8"/>
      <c r="FLP23" s="8"/>
      <c r="FLQ23" s="8"/>
      <c r="FLR23" s="8"/>
      <c r="FLS23" s="8"/>
      <c r="FLT23" s="8"/>
      <c r="FLU23" s="8"/>
      <c r="FLV23" s="8"/>
      <c r="FLW23" s="8"/>
      <c r="FLX23" s="8"/>
      <c r="FLY23" s="8"/>
      <c r="FLZ23" s="8"/>
      <c r="FMA23" s="8"/>
      <c r="FMB23" s="8"/>
      <c r="FMC23" s="8"/>
      <c r="FMD23" s="8"/>
      <c r="FME23" s="8"/>
      <c r="FMF23" s="8"/>
      <c r="FMG23" s="8"/>
      <c r="FMH23" s="8"/>
      <c r="FMI23" s="8"/>
      <c r="FMJ23" s="8"/>
      <c r="FMK23" s="8"/>
      <c r="FML23" s="8"/>
      <c r="FMM23" s="8"/>
      <c r="FMN23" s="8"/>
      <c r="FMO23" s="8"/>
      <c r="FMP23" s="8"/>
      <c r="FMQ23" s="8"/>
      <c r="FMR23" s="8"/>
      <c r="FMS23" s="8"/>
      <c r="FMT23" s="8"/>
      <c r="FMU23" s="8"/>
      <c r="FMV23" s="8"/>
      <c r="FMW23" s="8"/>
      <c r="FMX23" s="8"/>
      <c r="FMY23" s="8"/>
      <c r="FMZ23" s="8"/>
      <c r="FNA23" s="8"/>
      <c r="FNB23" s="8"/>
      <c r="FNC23" s="8"/>
      <c r="FND23" s="8"/>
      <c r="FNE23" s="8"/>
      <c r="FNF23" s="8"/>
      <c r="FNG23" s="8"/>
      <c r="FNH23" s="8"/>
      <c r="FNI23" s="8"/>
      <c r="FNJ23" s="8"/>
      <c r="FNK23" s="8"/>
      <c r="FNL23" s="8"/>
      <c r="FNM23" s="8"/>
      <c r="FNN23" s="8"/>
      <c r="FNO23" s="8"/>
      <c r="FNP23" s="8"/>
      <c r="FNQ23" s="8"/>
      <c r="FNR23" s="8"/>
      <c r="FNS23" s="8"/>
      <c r="FNT23" s="8"/>
      <c r="FNU23" s="8"/>
      <c r="FNV23" s="8"/>
      <c r="FNW23" s="8"/>
      <c r="FNX23" s="8"/>
      <c r="FNY23" s="8"/>
      <c r="FNZ23" s="8"/>
      <c r="FOA23" s="8"/>
      <c r="FOB23" s="8"/>
      <c r="FOC23" s="8"/>
      <c r="FOD23" s="8"/>
      <c r="FOE23" s="8"/>
      <c r="FOF23" s="8"/>
      <c r="FOG23" s="8"/>
      <c r="FOH23" s="8"/>
      <c r="FOI23" s="8"/>
      <c r="FOJ23" s="8"/>
      <c r="FOK23" s="8"/>
      <c r="FOL23" s="8"/>
      <c r="FOM23" s="8"/>
      <c r="FON23" s="8"/>
      <c r="FOO23" s="8"/>
      <c r="FOP23" s="8"/>
      <c r="FOQ23" s="8"/>
      <c r="FOR23" s="8"/>
      <c r="FOS23" s="8"/>
      <c r="FOT23" s="8"/>
      <c r="FOU23" s="8"/>
      <c r="FOV23" s="8"/>
      <c r="FOW23" s="8"/>
      <c r="FOX23" s="8"/>
      <c r="FOY23" s="8"/>
      <c r="FOZ23" s="8"/>
      <c r="FPA23" s="8"/>
      <c r="FPB23" s="8"/>
      <c r="FPC23" s="8"/>
      <c r="FPD23" s="8"/>
      <c r="FPE23" s="8"/>
      <c r="FPF23" s="8"/>
      <c r="FPG23" s="8"/>
      <c r="FPH23" s="8"/>
      <c r="FPI23" s="8"/>
      <c r="FPJ23" s="8"/>
      <c r="FPK23" s="8"/>
      <c r="FPL23" s="8"/>
      <c r="FPM23" s="8"/>
      <c r="FPN23" s="8"/>
      <c r="FPO23" s="8"/>
      <c r="FPP23" s="8"/>
      <c r="FPQ23" s="8"/>
      <c r="FPR23" s="8"/>
      <c r="FPS23" s="8"/>
      <c r="FPT23" s="8"/>
      <c r="FPU23" s="8"/>
      <c r="FPV23" s="8"/>
      <c r="FPW23" s="8"/>
      <c r="FPX23" s="8"/>
      <c r="FPY23" s="8"/>
      <c r="FPZ23" s="8"/>
      <c r="FQA23" s="8"/>
      <c r="FQB23" s="8"/>
      <c r="FQC23" s="8"/>
      <c r="FQD23" s="8"/>
      <c r="FQE23" s="8"/>
      <c r="FQF23" s="8"/>
      <c r="FQG23" s="8"/>
      <c r="FQH23" s="8"/>
      <c r="FQI23" s="8"/>
      <c r="FQJ23" s="8"/>
      <c r="FQK23" s="8"/>
      <c r="FQL23" s="8"/>
      <c r="FQM23" s="8"/>
      <c r="FQN23" s="8"/>
      <c r="FQO23" s="8"/>
      <c r="FQP23" s="8"/>
      <c r="FQQ23" s="8"/>
      <c r="FQR23" s="8"/>
      <c r="FQS23" s="8"/>
      <c r="FQT23" s="8"/>
      <c r="FQU23" s="8"/>
      <c r="FQV23" s="8"/>
      <c r="FQW23" s="8"/>
      <c r="FQX23" s="8"/>
      <c r="FQY23" s="8"/>
      <c r="FQZ23" s="8"/>
      <c r="FRA23" s="8"/>
      <c r="FRB23" s="8"/>
      <c r="FRC23" s="8"/>
      <c r="FRD23" s="8"/>
      <c r="FRE23" s="8"/>
      <c r="FRF23" s="8"/>
      <c r="FRG23" s="8"/>
      <c r="FRH23" s="8"/>
      <c r="FRI23" s="8"/>
      <c r="FRJ23" s="8"/>
      <c r="FRK23" s="8"/>
      <c r="FRL23" s="8"/>
      <c r="FRM23" s="8"/>
      <c r="FRN23" s="8"/>
      <c r="FRO23" s="8"/>
      <c r="FRP23" s="8"/>
      <c r="FRQ23" s="8"/>
      <c r="FRR23" s="8"/>
      <c r="FRS23" s="8"/>
      <c r="FRT23" s="8"/>
      <c r="FRU23" s="8"/>
      <c r="FRV23" s="8"/>
      <c r="FRW23" s="8"/>
      <c r="FRX23" s="8"/>
      <c r="FRY23" s="8"/>
      <c r="FRZ23" s="8"/>
      <c r="FSA23" s="8"/>
      <c r="FSB23" s="8"/>
      <c r="FSC23" s="8"/>
      <c r="FSD23" s="8"/>
      <c r="FSE23" s="8"/>
      <c r="FSF23" s="8"/>
      <c r="FSG23" s="8"/>
      <c r="FSH23" s="8"/>
      <c r="FSI23" s="8"/>
      <c r="FSJ23" s="8"/>
      <c r="FSK23" s="8"/>
      <c r="FSL23" s="8"/>
      <c r="FSM23" s="8"/>
      <c r="FSN23" s="8"/>
      <c r="FSO23" s="8"/>
      <c r="FSP23" s="8"/>
      <c r="FSQ23" s="8"/>
      <c r="FSR23" s="8"/>
      <c r="FSS23" s="8"/>
      <c r="FST23" s="8"/>
      <c r="FSU23" s="8"/>
      <c r="FSV23" s="8"/>
      <c r="FSW23" s="8"/>
      <c r="FSX23" s="8"/>
      <c r="FSY23" s="8"/>
      <c r="FSZ23" s="8"/>
      <c r="FTA23" s="8"/>
      <c r="FTB23" s="8"/>
      <c r="FTC23" s="8"/>
      <c r="FTD23" s="8"/>
      <c r="FTE23" s="8"/>
      <c r="FTF23" s="8"/>
      <c r="FTG23" s="8"/>
      <c r="FTH23" s="8"/>
      <c r="FTI23" s="8"/>
      <c r="FTJ23" s="8"/>
      <c r="FTK23" s="8"/>
      <c r="FTL23" s="8"/>
      <c r="FTM23" s="8"/>
      <c r="FTN23" s="8"/>
      <c r="FTO23" s="8"/>
      <c r="FTP23" s="8"/>
      <c r="FTQ23" s="8"/>
      <c r="FTR23" s="8"/>
      <c r="FTS23" s="8"/>
      <c r="FTT23" s="8"/>
      <c r="FTU23" s="8"/>
      <c r="FTV23" s="8"/>
      <c r="FTW23" s="8"/>
      <c r="FTX23" s="8"/>
      <c r="FTY23" s="8"/>
      <c r="FTZ23" s="8"/>
      <c r="FUA23" s="8"/>
      <c r="FUB23" s="8"/>
      <c r="FUC23" s="8"/>
      <c r="FUD23" s="8"/>
      <c r="FUE23" s="8"/>
      <c r="FUF23" s="8"/>
      <c r="FUG23" s="8"/>
      <c r="FUH23" s="8"/>
      <c r="FUI23" s="8"/>
      <c r="FUJ23" s="8"/>
      <c r="FUK23" s="8"/>
      <c r="FUL23" s="8"/>
      <c r="FUM23" s="8"/>
      <c r="FUN23" s="8"/>
      <c r="FUO23" s="8"/>
      <c r="FUP23" s="8"/>
      <c r="FUQ23" s="8"/>
      <c r="FUR23" s="8"/>
      <c r="FUS23" s="8"/>
      <c r="FUT23" s="8"/>
      <c r="FUU23" s="8"/>
      <c r="FUV23" s="8"/>
      <c r="FUW23" s="8"/>
      <c r="FUX23" s="8"/>
      <c r="FUY23" s="8"/>
      <c r="FUZ23" s="8"/>
      <c r="FVA23" s="8"/>
      <c r="FVB23" s="8"/>
      <c r="FVC23" s="8"/>
      <c r="FVD23" s="8"/>
      <c r="FVE23" s="8"/>
      <c r="FVF23" s="8"/>
      <c r="FVG23" s="8"/>
      <c r="FVH23" s="8"/>
      <c r="FVI23" s="8"/>
      <c r="FVJ23" s="8"/>
      <c r="FVK23" s="8"/>
      <c r="FVL23" s="8"/>
      <c r="FVM23" s="8"/>
      <c r="FVN23" s="8"/>
      <c r="FVO23" s="8"/>
      <c r="FVP23" s="8"/>
      <c r="FVQ23" s="8"/>
      <c r="FVR23" s="8"/>
      <c r="FVS23" s="8"/>
      <c r="FVT23" s="8"/>
      <c r="FVU23" s="8"/>
      <c r="FVV23" s="8"/>
      <c r="FVW23" s="8"/>
      <c r="FVX23" s="8"/>
      <c r="FVY23" s="8"/>
      <c r="FVZ23" s="8"/>
      <c r="FWA23" s="8"/>
      <c r="FWB23" s="8"/>
      <c r="FWC23" s="8"/>
      <c r="FWD23" s="8"/>
      <c r="FWE23" s="8"/>
      <c r="FWF23" s="8"/>
      <c r="FWG23" s="8"/>
      <c r="FWH23" s="8"/>
      <c r="FWI23" s="8"/>
      <c r="FWJ23" s="8"/>
      <c r="FWK23" s="8"/>
      <c r="FWL23" s="8"/>
      <c r="FWM23" s="8"/>
      <c r="FWN23" s="8"/>
      <c r="FWO23" s="8"/>
      <c r="FWP23" s="8"/>
      <c r="FWQ23" s="8"/>
      <c r="FWR23" s="8"/>
      <c r="FWS23" s="8"/>
      <c r="FWT23" s="8"/>
      <c r="FWU23" s="8"/>
      <c r="FWV23" s="8"/>
      <c r="FWW23" s="8"/>
      <c r="FWX23" s="8"/>
      <c r="FWY23" s="8"/>
      <c r="FWZ23" s="8"/>
      <c r="FXA23" s="8"/>
      <c r="FXB23" s="8"/>
      <c r="FXC23" s="8"/>
      <c r="FXD23" s="8"/>
      <c r="FXE23" s="8"/>
      <c r="FXF23" s="8"/>
      <c r="FXG23" s="8"/>
      <c r="FXH23" s="8"/>
      <c r="FXI23" s="8"/>
      <c r="FXJ23" s="8"/>
      <c r="FXK23" s="8"/>
      <c r="FXL23" s="8"/>
      <c r="FXM23" s="8"/>
      <c r="FXN23" s="8"/>
      <c r="FXO23" s="8"/>
      <c r="FXP23" s="8"/>
      <c r="FXQ23" s="8"/>
      <c r="FXR23" s="8"/>
      <c r="FXS23" s="8"/>
      <c r="FXT23" s="8"/>
      <c r="FXU23" s="8"/>
      <c r="FXV23" s="8"/>
      <c r="FXW23" s="8"/>
      <c r="FXX23" s="8"/>
      <c r="FXY23" s="8"/>
      <c r="FXZ23" s="8"/>
      <c r="FYA23" s="8"/>
      <c r="FYB23" s="8"/>
      <c r="FYC23" s="8"/>
      <c r="FYD23" s="8"/>
      <c r="FYE23" s="8"/>
      <c r="FYF23" s="8"/>
      <c r="FYG23" s="8"/>
      <c r="FYH23" s="8"/>
      <c r="FYI23" s="8"/>
      <c r="FYJ23" s="8"/>
      <c r="FYK23" s="8"/>
      <c r="FYL23" s="8"/>
      <c r="FYM23" s="8"/>
      <c r="FYN23" s="8"/>
      <c r="FYO23" s="8"/>
      <c r="FYP23" s="8"/>
      <c r="FYQ23" s="8"/>
      <c r="FYR23" s="8"/>
      <c r="FYS23" s="8"/>
      <c r="FYT23" s="8"/>
      <c r="FYU23" s="8"/>
      <c r="FYV23" s="8"/>
      <c r="FYW23" s="8"/>
      <c r="FYX23" s="8"/>
      <c r="FYY23" s="8"/>
      <c r="FYZ23" s="8"/>
      <c r="FZA23" s="8"/>
      <c r="FZB23" s="8"/>
      <c r="FZC23" s="8"/>
      <c r="FZD23" s="8"/>
      <c r="FZE23" s="8"/>
      <c r="FZF23" s="8"/>
      <c r="FZG23" s="8"/>
      <c r="FZH23" s="8"/>
      <c r="FZI23" s="8"/>
      <c r="FZJ23" s="8"/>
      <c r="FZK23" s="8"/>
      <c r="FZL23" s="8"/>
      <c r="FZM23" s="8"/>
      <c r="FZN23" s="8"/>
      <c r="FZO23" s="8"/>
      <c r="FZP23" s="8"/>
      <c r="FZQ23" s="8"/>
      <c r="FZR23" s="8"/>
      <c r="FZS23" s="8"/>
      <c r="FZT23" s="8"/>
      <c r="FZU23" s="8"/>
      <c r="FZV23" s="8"/>
      <c r="FZW23" s="8"/>
      <c r="FZX23" s="8"/>
      <c r="FZY23" s="8"/>
      <c r="FZZ23" s="8"/>
      <c r="GAA23" s="8"/>
      <c r="GAB23" s="8"/>
      <c r="GAC23" s="8"/>
      <c r="GAD23" s="8"/>
      <c r="GAE23" s="8"/>
      <c r="GAF23" s="8"/>
      <c r="GAG23" s="8"/>
      <c r="GAH23" s="8"/>
      <c r="GAI23" s="8"/>
      <c r="GAJ23" s="8"/>
      <c r="GAK23" s="8"/>
      <c r="GAL23" s="8"/>
      <c r="GAM23" s="8"/>
      <c r="GAN23" s="8"/>
      <c r="GAO23" s="8"/>
      <c r="GAP23" s="8"/>
      <c r="GAQ23" s="8"/>
      <c r="GAR23" s="8"/>
      <c r="GAS23" s="8"/>
      <c r="GAT23" s="8"/>
      <c r="GAU23" s="8"/>
      <c r="GAV23" s="8"/>
      <c r="GAW23" s="8"/>
      <c r="GAX23" s="8"/>
      <c r="GAY23" s="8"/>
      <c r="GAZ23" s="8"/>
      <c r="GBA23" s="8"/>
      <c r="GBB23" s="8"/>
      <c r="GBC23" s="8"/>
      <c r="GBD23" s="8"/>
      <c r="GBE23" s="8"/>
      <c r="GBF23" s="8"/>
      <c r="GBG23" s="8"/>
      <c r="GBH23" s="8"/>
      <c r="GBI23" s="8"/>
      <c r="GBJ23" s="8"/>
      <c r="GBK23" s="8"/>
      <c r="GBL23" s="8"/>
      <c r="GBM23" s="8"/>
      <c r="GBN23" s="8"/>
      <c r="GBO23" s="8"/>
      <c r="GBP23" s="8"/>
      <c r="GBQ23" s="8"/>
      <c r="GBR23" s="8"/>
      <c r="GBS23" s="8"/>
      <c r="GBT23" s="8"/>
      <c r="GBU23" s="8"/>
      <c r="GBV23" s="8"/>
      <c r="GBW23" s="8"/>
      <c r="GBX23" s="8"/>
      <c r="GBY23" s="8"/>
      <c r="GBZ23" s="8"/>
      <c r="GCA23" s="8"/>
      <c r="GCB23" s="8"/>
      <c r="GCC23" s="8"/>
      <c r="GCD23" s="8"/>
      <c r="GCE23" s="8"/>
      <c r="GCF23" s="8"/>
      <c r="GCG23" s="8"/>
      <c r="GCH23" s="8"/>
      <c r="GCI23" s="8"/>
      <c r="GCJ23" s="8"/>
      <c r="GCK23" s="8"/>
      <c r="GCL23" s="8"/>
      <c r="GCM23" s="8"/>
      <c r="GCN23" s="8"/>
      <c r="GCO23" s="8"/>
      <c r="GCP23" s="8"/>
      <c r="GCQ23" s="8"/>
      <c r="GCR23" s="8"/>
      <c r="GCS23" s="8"/>
      <c r="GCT23" s="8"/>
      <c r="GCU23" s="8"/>
      <c r="GCV23" s="8"/>
      <c r="GCW23" s="8"/>
      <c r="GCX23" s="8"/>
      <c r="GCY23" s="8"/>
      <c r="GCZ23" s="8"/>
      <c r="GDA23" s="8"/>
      <c r="GDB23" s="8"/>
      <c r="GDC23" s="8"/>
      <c r="GDD23" s="8"/>
      <c r="GDE23" s="8"/>
      <c r="GDF23" s="8"/>
      <c r="GDG23" s="8"/>
      <c r="GDH23" s="8"/>
      <c r="GDI23" s="8"/>
      <c r="GDJ23" s="8"/>
      <c r="GDK23" s="8"/>
      <c r="GDL23" s="8"/>
      <c r="GDM23" s="8"/>
      <c r="GDN23" s="8"/>
      <c r="GDO23" s="8"/>
      <c r="GDP23" s="8"/>
      <c r="GDQ23" s="8"/>
      <c r="GDR23" s="8"/>
      <c r="GDS23" s="8"/>
      <c r="GDT23" s="8"/>
      <c r="GDU23" s="8"/>
      <c r="GDV23" s="8"/>
      <c r="GDW23" s="8"/>
      <c r="GDX23" s="8"/>
      <c r="GDY23" s="8"/>
      <c r="GDZ23" s="8"/>
      <c r="GEA23" s="8"/>
      <c r="GEB23" s="8"/>
      <c r="GEC23" s="8"/>
      <c r="GED23" s="8"/>
      <c r="GEE23" s="8"/>
      <c r="GEF23" s="8"/>
      <c r="GEG23" s="8"/>
      <c r="GEH23" s="8"/>
      <c r="GEI23" s="8"/>
      <c r="GEJ23" s="8"/>
      <c r="GEK23" s="8"/>
      <c r="GEL23" s="8"/>
      <c r="GEM23" s="8"/>
      <c r="GEN23" s="8"/>
      <c r="GEO23" s="8"/>
      <c r="GEP23" s="8"/>
      <c r="GEQ23" s="8"/>
      <c r="GER23" s="8"/>
      <c r="GES23" s="8"/>
      <c r="GET23" s="8"/>
      <c r="GEU23" s="8"/>
      <c r="GEV23" s="8"/>
      <c r="GEW23" s="8"/>
      <c r="GEX23" s="8"/>
      <c r="GEY23" s="8"/>
      <c r="GEZ23" s="8"/>
      <c r="GFA23" s="8"/>
      <c r="GFB23" s="8"/>
      <c r="GFC23" s="8"/>
      <c r="GFD23" s="8"/>
      <c r="GFE23" s="8"/>
      <c r="GFF23" s="8"/>
      <c r="GFG23" s="8"/>
      <c r="GFH23" s="8"/>
      <c r="GFI23" s="8"/>
      <c r="GFJ23" s="8"/>
      <c r="GFK23" s="8"/>
      <c r="GFL23" s="8"/>
      <c r="GFM23" s="8"/>
      <c r="GFN23" s="8"/>
      <c r="GFO23" s="8"/>
      <c r="GFP23" s="8"/>
      <c r="GFQ23" s="8"/>
      <c r="GFR23" s="8"/>
      <c r="GFS23" s="8"/>
      <c r="GFT23" s="8"/>
      <c r="GFU23" s="8"/>
      <c r="GFV23" s="8"/>
      <c r="GFW23" s="8"/>
      <c r="GFX23" s="8"/>
      <c r="GFY23" s="8"/>
      <c r="GFZ23" s="8"/>
      <c r="GGA23" s="8"/>
      <c r="GGB23" s="8"/>
      <c r="GGC23" s="8"/>
      <c r="GGD23" s="8"/>
      <c r="GGE23" s="8"/>
      <c r="GGF23" s="8"/>
      <c r="GGG23" s="8"/>
      <c r="GGH23" s="8"/>
      <c r="GGI23" s="8"/>
      <c r="GGJ23" s="8"/>
      <c r="GGK23" s="8"/>
      <c r="GGL23" s="8"/>
      <c r="GGM23" s="8"/>
      <c r="GGN23" s="8"/>
      <c r="GGO23" s="8"/>
      <c r="GGP23" s="8"/>
      <c r="GGQ23" s="8"/>
      <c r="GGR23" s="8"/>
      <c r="GGS23" s="8"/>
      <c r="GGT23" s="8"/>
      <c r="GGU23" s="8"/>
      <c r="GGV23" s="8"/>
      <c r="GGW23" s="8"/>
      <c r="GGX23" s="8"/>
      <c r="GGY23" s="8"/>
      <c r="GGZ23" s="8"/>
      <c r="GHA23" s="8"/>
      <c r="GHB23" s="8"/>
      <c r="GHC23" s="8"/>
      <c r="GHD23" s="8"/>
      <c r="GHE23" s="8"/>
      <c r="GHF23" s="8"/>
      <c r="GHG23" s="8"/>
      <c r="GHH23" s="8"/>
      <c r="GHI23" s="8"/>
      <c r="GHJ23" s="8"/>
      <c r="GHK23" s="8"/>
      <c r="GHL23" s="8"/>
      <c r="GHM23" s="8"/>
      <c r="GHN23" s="8"/>
      <c r="GHO23" s="8"/>
      <c r="GHP23" s="8"/>
      <c r="GHQ23" s="8"/>
      <c r="GHR23" s="8"/>
      <c r="GHS23" s="8"/>
      <c r="GHT23" s="8"/>
      <c r="GHU23" s="8"/>
      <c r="GHV23" s="8"/>
      <c r="GHW23" s="8"/>
      <c r="GHX23" s="8"/>
      <c r="GHY23" s="8"/>
      <c r="GHZ23" s="8"/>
      <c r="GIA23" s="8"/>
      <c r="GIB23" s="8"/>
      <c r="GIC23" s="8"/>
      <c r="GID23" s="8"/>
      <c r="GIE23" s="8"/>
      <c r="GIF23" s="8"/>
      <c r="GIG23" s="8"/>
      <c r="GIH23" s="8"/>
      <c r="GII23" s="8"/>
      <c r="GIJ23" s="8"/>
      <c r="GIK23" s="8"/>
      <c r="GIL23" s="8"/>
      <c r="GIM23" s="8"/>
      <c r="GIN23" s="8"/>
      <c r="GIO23" s="8"/>
      <c r="GIP23" s="8"/>
      <c r="GIQ23" s="8"/>
      <c r="GIR23" s="8"/>
      <c r="GIS23" s="8"/>
      <c r="GIT23" s="8"/>
      <c r="GIU23" s="8"/>
      <c r="GIV23" s="8"/>
      <c r="GIW23" s="8"/>
      <c r="GIX23" s="8"/>
      <c r="GIY23" s="8"/>
      <c r="GIZ23" s="8"/>
      <c r="GJA23" s="8"/>
      <c r="GJB23" s="8"/>
      <c r="GJC23" s="8"/>
      <c r="GJD23" s="8"/>
      <c r="GJE23" s="8"/>
      <c r="GJF23" s="8"/>
      <c r="GJG23" s="8"/>
      <c r="GJH23" s="8"/>
      <c r="GJI23" s="8"/>
      <c r="GJJ23" s="8"/>
      <c r="GJK23" s="8"/>
      <c r="GJL23" s="8"/>
      <c r="GJM23" s="8"/>
      <c r="GJN23" s="8"/>
      <c r="GJO23" s="8"/>
      <c r="GJP23" s="8"/>
      <c r="GJQ23" s="8"/>
      <c r="GJR23" s="8"/>
      <c r="GJS23" s="8"/>
      <c r="GJT23" s="8"/>
      <c r="GJU23" s="8"/>
      <c r="GJV23" s="8"/>
      <c r="GJW23" s="8"/>
      <c r="GJX23" s="8"/>
      <c r="GJY23" s="8"/>
      <c r="GJZ23" s="8"/>
      <c r="GKA23" s="8"/>
      <c r="GKB23" s="8"/>
      <c r="GKC23" s="8"/>
      <c r="GKD23" s="8"/>
      <c r="GKE23" s="8"/>
      <c r="GKF23" s="8"/>
      <c r="GKG23" s="8"/>
      <c r="GKH23" s="8"/>
      <c r="GKI23" s="8"/>
      <c r="GKJ23" s="8"/>
      <c r="GKK23" s="8"/>
      <c r="GKL23" s="8"/>
      <c r="GKM23" s="8"/>
      <c r="GKN23" s="8"/>
      <c r="GKO23" s="8"/>
      <c r="GKP23" s="8"/>
      <c r="GKQ23" s="8"/>
      <c r="GKR23" s="8"/>
      <c r="GKS23" s="8"/>
      <c r="GKT23" s="8"/>
      <c r="GKU23" s="8"/>
      <c r="GKV23" s="8"/>
      <c r="GKW23" s="8"/>
      <c r="GKX23" s="8"/>
      <c r="GKY23" s="8"/>
      <c r="GKZ23" s="8"/>
      <c r="GLA23" s="8"/>
      <c r="GLB23" s="8"/>
      <c r="GLC23" s="8"/>
      <c r="GLD23" s="8"/>
      <c r="GLE23" s="8"/>
      <c r="GLF23" s="8"/>
      <c r="GLG23" s="8"/>
      <c r="GLH23" s="8"/>
      <c r="GLI23" s="8"/>
      <c r="GLJ23" s="8"/>
      <c r="GLK23" s="8"/>
      <c r="GLL23" s="8"/>
      <c r="GLM23" s="8"/>
      <c r="GLN23" s="8"/>
      <c r="GLO23" s="8"/>
      <c r="GLP23" s="8"/>
      <c r="GLQ23" s="8"/>
      <c r="GLR23" s="8"/>
      <c r="GLS23" s="8"/>
      <c r="GLT23" s="8"/>
      <c r="GLU23" s="8"/>
      <c r="GLV23" s="8"/>
      <c r="GLW23" s="8"/>
      <c r="GLX23" s="8"/>
      <c r="GLY23" s="8"/>
      <c r="GLZ23" s="8"/>
      <c r="GMA23" s="8"/>
      <c r="GMB23" s="8"/>
      <c r="GMC23" s="8"/>
      <c r="GMD23" s="8"/>
      <c r="GME23" s="8"/>
      <c r="GMF23" s="8"/>
      <c r="GMG23" s="8"/>
      <c r="GMH23" s="8"/>
      <c r="GMI23" s="8"/>
      <c r="GMJ23" s="8"/>
      <c r="GMK23" s="8"/>
      <c r="GML23" s="8"/>
      <c r="GMM23" s="8"/>
      <c r="GMN23" s="8"/>
      <c r="GMO23" s="8"/>
      <c r="GMP23" s="8"/>
      <c r="GMQ23" s="8"/>
      <c r="GMR23" s="8"/>
      <c r="GMS23" s="8"/>
      <c r="GMT23" s="8"/>
      <c r="GMU23" s="8"/>
      <c r="GMV23" s="8"/>
      <c r="GMW23" s="8"/>
      <c r="GMX23" s="8"/>
      <c r="GMY23" s="8"/>
      <c r="GMZ23" s="8"/>
      <c r="GNA23" s="8"/>
      <c r="GNB23" s="8"/>
      <c r="GNC23" s="8"/>
      <c r="GND23" s="8"/>
      <c r="GNE23" s="8"/>
      <c r="GNF23" s="8"/>
      <c r="GNG23" s="8"/>
      <c r="GNH23" s="8"/>
      <c r="GNI23" s="8"/>
      <c r="GNJ23" s="8"/>
      <c r="GNK23" s="8"/>
      <c r="GNL23" s="8"/>
      <c r="GNM23" s="8"/>
      <c r="GNN23" s="8"/>
      <c r="GNO23" s="8"/>
      <c r="GNP23" s="8"/>
      <c r="GNQ23" s="8"/>
      <c r="GNR23" s="8"/>
      <c r="GNS23" s="8"/>
      <c r="GNT23" s="8"/>
      <c r="GNU23" s="8"/>
      <c r="GNV23" s="8"/>
      <c r="GNW23" s="8"/>
      <c r="GNX23" s="8"/>
      <c r="GNY23" s="8"/>
      <c r="GNZ23" s="8"/>
      <c r="GOA23" s="8"/>
      <c r="GOB23" s="8"/>
      <c r="GOC23" s="8"/>
      <c r="GOD23" s="8"/>
      <c r="GOE23" s="8"/>
      <c r="GOF23" s="8"/>
      <c r="GOG23" s="8"/>
      <c r="GOH23" s="8"/>
      <c r="GOI23" s="8"/>
      <c r="GOJ23" s="8"/>
      <c r="GOK23" s="8"/>
      <c r="GOL23" s="8"/>
      <c r="GOM23" s="8"/>
      <c r="GON23" s="8"/>
      <c r="GOO23" s="8"/>
      <c r="GOP23" s="8"/>
      <c r="GOQ23" s="8"/>
      <c r="GOR23" s="8"/>
      <c r="GOS23" s="8"/>
      <c r="GOT23" s="8"/>
      <c r="GOU23" s="8"/>
      <c r="GOV23" s="8"/>
      <c r="GOW23" s="8"/>
      <c r="GOX23" s="8"/>
      <c r="GOY23" s="8"/>
      <c r="GOZ23" s="8"/>
      <c r="GPA23" s="8"/>
      <c r="GPB23" s="8"/>
      <c r="GPC23" s="8"/>
      <c r="GPD23" s="8"/>
      <c r="GPE23" s="8"/>
      <c r="GPF23" s="8"/>
      <c r="GPG23" s="8"/>
      <c r="GPH23" s="8"/>
      <c r="GPI23" s="8"/>
      <c r="GPJ23" s="8"/>
      <c r="GPK23" s="8"/>
      <c r="GPL23" s="8"/>
      <c r="GPM23" s="8"/>
      <c r="GPN23" s="8"/>
      <c r="GPO23" s="8"/>
      <c r="GPP23" s="8"/>
      <c r="GPQ23" s="8"/>
      <c r="GPR23" s="8"/>
      <c r="GPS23" s="8"/>
      <c r="GPT23" s="8"/>
      <c r="GPU23" s="8"/>
      <c r="GPV23" s="8"/>
      <c r="GPW23" s="8"/>
      <c r="GPX23" s="8"/>
      <c r="GPY23" s="8"/>
      <c r="GPZ23" s="8"/>
      <c r="GQA23" s="8"/>
      <c r="GQB23" s="8"/>
      <c r="GQC23" s="8"/>
      <c r="GQD23" s="8"/>
      <c r="GQE23" s="8"/>
      <c r="GQF23" s="8"/>
      <c r="GQG23" s="8"/>
      <c r="GQH23" s="8"/>
      <c r="GQI23" s="8"/>
      <c r="GQJ23" s="8"/>
      <c r="GQK23" s="8"/>
      <c r="GQL23" s="8"/>
      <c r="GQM23" s="8"/>
      <c r="GQN23" s="8"/>
      <c r="GQO23" s="8"/>
      <c r="GQP23" s="8"/>
      <c r="GQQ23" s="8"/>
      <c r="GQR23" s="8"/>
      <c r="GQS23" s="8"/>
      <c r="GQT23" s="8"/>
      <c r="GQU23" s="8"/>
      <c r="GQV23" s="8"/>
      <c r="GQW23" s="8"/>
      <c r="GQX23" s="8"/>
      <c r="GQY23" s="8"/>
      <c r="GQZ23" s="8"/>
      <c r="GRA23" s="8"/>
      <c r="GRB23" s="8"/>
      <c r="GRC23" s="8"/>
      <c r="GRD23" s="8"/>
      <c r="GRE23" s="8"/>
      <c r="GRF23" s="8"/>
      <c r="GRG23" s="8"/>
      <c r="GRH23" s="8"/>
      <c r="GRI23" s="8"/>
      <c r="GRJ23" s="8"/>
      <c r="GRK23" s="8"/>
      <c r="GRL23" s="8"/>
      <c r="GRM23" s="8"/>
      <c r="GRN23" s="8"/>
      <c r="GRO23" s="8"/>
      <c r="GRP23" s="8"/>
      <c r="GRQ23" s="8"/>
      <c r="GRR23" s="8"/>
      <c r="GRS23" s="8"/>
      <c r="GRT23" s="8"/>
      <c r="GRU23" s="8"/>
      <c r="GRV23" s="8"/>
      <c r="GRW23" s="8"/>
      <c r="GRX23" s="8"/>
      <c r="GRY23" s="8"/>
      <c r="GRZ23" s="8"/>
      <c r="GSA23" s="8"/>
      <c r="GSB23" s="8"/>
      <c r="GSC23" s="8"/>
      <c r="GSD23" s="8"/>
      <c r="GSE23" s="8"/>
      <c r="GSF23" s="8"/>
      <c r="GSG23" s="8"/>
      <c r="GSH23" s="8"/>
      <c r="GSI23" s="8"/>
      <c r="GSJ23" s="8"/>
      <c r="GSK23" s="8"/>
      <c r="GSL23" s="8"/>
      <c r="GSM23" s="8"/>
      <c r="GSN23" s="8"/>
      <c r="GSO23" s="8"/>
      <c r="GSP23" s="8"/>
      <c r="GSQ23" s="8"/>
      <c r="GSR23" s="8"/>
      <c r="GSS23" s="8"/>
      <c r="GST23" s="8"/>
      <c r="GSU23" s="8"/>
      <c r="GSV23" s="8"/>
      <c r="GSW23" s="8"/>
      <c r="GSX23" s="8"/>
      <c r="GSY23" s="8"/>
      <c r="GSZ23" s="8"/>
      <c r="GTA23" s="8"/>
      <c r="GTB23" s="8"/>
      <c r="GTC23" s="8"/>
      <c r="GTD23" s="8"/>
      <c r="GTE23" s="8"/>
      <c r="GTF23" s="8"/>
      <c r="GTG23" s="8"/>
      <c r="GTH23" s="8"/>
      <c r="GTI23" s="8"/>
      <c r="GTJ23" s="8"/>
      <c r="GTK23" s="8"/>
      <c r="GTL23" s="8"/>
      <c r="GTM23" s="8"/>
      <c r="GTN23" s="8"/>
      <c r="GTO23" s="8"/>
      <c r="GTP23" s="8"/>
      <c r="GTQ23" s="8"/>
      <c r="GTR23" s="8"/>
      <c r="GTS23" s="8"/>
      <c r="GTT23" s="8"/>
      <c r="GTU23" s="8"/>
      <c r="GTV23" s="8"/>
      <c r="GTW23" s="8"/>
      <c r="GTX23" s="8"/>
      <c r="GTY23" s="8"/>
      <c r="GTZ23" s="8"/>
      <c r="GUA23" s="8"/>
      <c r="GUB23" s="8"/>
      <c r="GUC23" s="8"/>
      <c r="GUD23" s="8"/>
      <c r="GUE23" s="8"/>
      <c r="GUF23" s="8"/>
      <c r="GUG23" s="8"/>
      <c r="GUH23" s="8"/>
      <c r="GUI23" s="8"/>
      <c r="GUJ23" s="8"/>
      <c r="GUK23" s="8"/>
      <c r="GUL23" s="8"/>
      <c r="GUM23" s="8"/>
      <c r="GUN23" s="8"/>
      <c r="GUO23" s="8"/>
      <c r="GUP23" s="8"/>
      <c r="GUQ23" s="8"/>
      <c r="GUR23" s="8"/>
      <c r="GUS23" s="8"/>
      <c r="GUT23" s="8"/>
      <c r="GUU23" s="8"/>
      <c r="GUV23" s="8"/>
      <c r="GUW23" s="8"/>
      <c r="GUX23" s="8"/>
      <c r="GUY23" s="8"/>
      <c r="GUZ23" s="8"/>
      <c r="GVA23" s="8"/>
      <c r="GVB23" s="8"/>
      <c r="GVC23" s="8"/>
      <c r="GVD23" s="8"/>
      <c r="GVE23" s="8"/>
      <c r="GVF23" s="8"/>
      <c r="GVG23" s="8"/>
      <c r="GVH23" s="8"/>
      <c r="GVI23" s="8"/>
      <c r="GVJ23" s="8"/>
      <c r="GVK23" s="8"/>
      <c r="GVL23" s="8"/>
      <c r="GVM23" s="8"/>
      <c r="GVN23" s="8"/>
      <c r="GVO23" s="8"/>
      <c r="GVP23" s="8"/>
      <c r="GVQ23" s="8"/>
      <c r="GVR23" s="8"/>
      <c r="GVS23" s="8"/>
      <c r="GVT23" s="8"/>
      <c r="GVU23" s="8"/>
      <c r="GVV23" s="8"/>
      <c r="GVW23" s="8"/>
      <c r="GVX23" s="8"/>
      <c r="GVY23" s="8"/>
      <c r="GVZ23" s="8"/>
      <c r="GWA23" s="8"/>
      <c r="GWB23" s="8"/>
      <c r="GWC23" s="8"/>
      <c r="GWD23" s="8"/>
      <c r="GWE23" s="8"/>
      <c r="GWF23" s="8"/>
      <c r="GWG23" s="8"/>
      <c r="GWH23" s="8"/>
      <c r="GWI23" s="8"/>
      <c r="GWJ23" s="8"/>
      <c r="GWK23" s="8"/>
      <c r="GWL23" s="8"/>
      <c r="GWM23" s="8"/>
      <c r="GWN23" s="8"/>
      <c r="GWO23" s="8"/>
      <c r="GWP23" s="8"/>
      <c r="GWQ23" s="8"/>
      <c r="GWR23" s="8"/>
      <c r="GWS23" s="8"/>
      <c r="GWT23" s="8"/>
      <c r="GWU23" s="8"/>
      <c r="GWV23" s="8"/>
      <c r="GWW23" s="8"/>
      <c r="GWX23" s="8"/>
      <c r="GWY23" s="8"/>
      <c r="GWZ23" s="8"/>
      <c r="GXA23" s="8"/>
      <c r="GXB23" s="8"/>
      <c r="GXC23" s="8"/>
      <c r="GXD23" s="8"/>
      <c r="GXE23" s="8"/>
      <c r="GXF23" s="8"/>
      <c r="GXG23" s="8"/>
      <c r="GXH23" s="8"/>
      <c r="GXI23" s="8"/>
      <c r="GXJ23" s="8"/>
      <c r="GXK23" s="8"/>
      <c r="GXL23" s="8"/>
      <c r="GXM23" s="8"/>
      <c r="GXN23" s="8"/>
      <c r="GXO23" s="8"/>
      <c r="GXP23" s="8"/>
      <c r="GXQ23" s="8"/>
      <c r="GXR23" s="8"/>
      <c r="GXS23" s="8"/>
      <c r="GXT23" s="8"/>
      <c r="GXU23" s="8"/>
      <c r="GXV23" s="8"/>
      <c r="GXW23" s="8"/>
      <c r="GXX23" s="8"/>
      <c r="GXY23" s="8"/>
      <c r="GXZ23" s="8"/>
      <c r="GYA23" s="8"/>
      <c r="GYB23" s="8"/>
      <c r="GYC23" s="8"/>
      <c r="GYD23" s="8"/>
      <c r="GYE23" s="8"/>
      <c r="GYF23" s="8"/>
      <c r="GYG23" s="8"/>
      <c r="GYH23" s="8"/>
      <c r="GYI23" s="8"/>
      <c r="GYJ23" s="8"/>
      <c r="GYK23" s="8"/>
      <c r="GYL23" s="8"/>
      <c r="GYM23" s="8"/>
      <c r="GYN23" s="8"/>
      <c r="GYO23" s="8"/>
      <c r="GYP23" s="8"/>
      <c r="GYQ23" s="8"/>
      <c r="GYR23" s="8"/>
      <c r="GYS23" s="8"/>
      <c r="GYT23" s="8"/>
      <c r="GYU23" s="8"/>
      <c r="GYV23" s="8"/>
      <c r="GYW23" s="8"/>
      <c r="GYX23" s="8"/>
      <c r="GYY23" s="8"/>
      <c r="GYZ23" s="8"/>
      <c r="GZA23" s="8"/>
      <c r="GZB23" s="8"/>
      <c r="GZC23" s="8"/>
      <c r="GZD23" s="8"/>
      <c r="GZE23" s="8"/>
      <c r="GZF23" s="8"/>
      <c r="GZG23" s="8"/>
      <c r="GZH23" s="8"/>
      <c r="GZI23" s="8"/>
      <c r="GZJ23" s="8"/>
      <c r="GZK23" s="8"/>
      <c r="GZL23" s="8"/>
      <c r="GZM23" s="8"/>
      <c r="GZN23" s="8"/>
      <c r="GZO23" s="8"/>
      <c r="GZP23" s="8"/>
      <c r="GZQ23" s="8"/>
      <c r="GZR23" s="8"/>
      <c r="GZS23" s="8"/>
      <c r="GZT23" s="8"/>
      <c r="GZU23" s="8"/>
      <c r="GZV23" s="8"/>
      <c r="GZW23" s="8"/>
      <c r="GZX23" s="8"/>
      <c r="GZY23" s="8"/>
      <c r="GZZ23" s="8"/>
      <c r="HAA23" s="8"/>
      <c r="HAB23" s="8"/>
      <c r="HAC23" s="8"/>
      <c r="HAD23" s="8"/>
      <c r="HAE23" s="8"/>
      <c r="HAF23" s="8"/>
      <c r="HAG23" s="8"/>
      <c r="HAH23" s="8"/>
      <c r="HAI23" s="8"/>
      <c r="HAJ23" s="8"/>
      <c r="HAK23" s="8"/>
      <c r="HAL23" s="8"/>
      <c r="HAM23" s="8"/>
      <c r="HAN23" s="8"/>
      <c r="HAO23" s="8"/>
      <c r="HAP23" s="8"/>
      <c r="HAQ23" s="8"/>
      <c r="HAR23" s="8"/>
      <c r="HAS23" s="8"/>
      <c r="HAT23" s="8"/>
      <c r="HAU23" s="8"/>
      <c r="HAV23" s="8"/>
      <c r="HAW23" s="8"/>
      <c r="HAX23" s="8"/>
      <c r="HAY23" s="8"/>
      <c r="HAZ23" s="8"/>
      <c r="HBA23" s="8"/>
      <c r="HBB23" s="8"/>
      <c r="HBC23" s="8"/>
      <c r="HBD23" s="8"/>
      <c r="HBE23" s="8"/>
      <c r="HBF23" s="8"/>
      <c r="HBG23" s="8"/>
      <c r="HBH23" s="8"/>
      <c r="HBI23" s="8"/>
      <c r="HBJ23" s="8"/>
      <c r="HBK23" s="8"/>
      <c r="HBL23" s="8"/>
      <c r="HBM23" s="8"/>
      <c r="HBN23" s="8"/>
      <c r="HBO23" s="8"/>
      <c r="HBP23" s="8"/>
      <c r="HBQ23" s="8"/>
      <c r="HBR23" s="8"/>
      <c r="HBS23" s="8"/>
      <c r="HBT23" s="8"/>
      <c r="HBU23" s="8"/>
      <c r="HBV23" s="8"/>
      <c r="HBW23" s="8"/>
      <c r="HBX23" s="8"/>
      <c r="HBY23" s="8"/>
      <c r="HBZ23" s="8"/>
      <c r="HCA23" s="8"/>
      <c r="HCB23" s="8"/>
      <c r="HCC23" s="8"/>
      <c r="HCD23" s="8"/>
      <c r="HCE23" s="8"/>
      <c r="HCF23" s="8"/>
      <c r="HCG23" s="8"/>
      <c r="HCH23" s="8"/>
      <c r="HCI23" s="8"/>
      <c r="HCJ23" s="8"/>
      <c r="HCK23" s="8"/>
      <c r="HCL23" s="8"/>
      <c r="HCM23" s="8"/>
      <c r="HCN23" s="8"/>
      <c r="HCO23" s="8"/>
      <c r="HCP23" s="8"/>
      <c r="HCQ23" s="8"/>
      <c r="HCR23" s="8"/>
      <c r="HCS23" s="8"/>
      <c r="HCT23" s="8"/>
      <c r="HCU23" s="8"/>
      <c r="HCV23" s="8"/>
      <c r="HCW23" s="8"/>
      <c r="HCX23" s="8"/>
      <c r="HCY23" s="8"/>
      <c r="HCZ23" s="8"/>
      <c r="HDA23" s="8"/>
      <c r="HDB23" s="8"/>
      <c r="HDC23" s="8"/>
      <c r="HDD23" s="8"/>
      <c r="HDE23" s="8"/>
      <c r="HDF23" s="8"/>
      <c r="HDG23" s="8"/>
      <c r="HDH23" s="8"/>
      <c r="HDI23" s="8"/>
      <c r="HDJ23" s="8"/>
      <c r="HDK23" s="8"/>
      <c r="HDL23" s="8"/>
      <c r="HDM23" s="8"/>
      <c r="HDN23" s="8"/>
      <c r="HDO23" s="8"/>
      <c r="HDP23" s="8"/>
      <c r="HDQ23" s="8"/>
      <c r="HDR23" s="8"/>
      <c r="HDS23" s="8"/>
      <c r="HDT23" s="8"/>
      <c r="HDU23" s="8"/>
      <c r="HDV23" s="8"/>
      <c r="HDW23" s="8"/>
      <c r="HDX23" s="8"/>
      <c r="HDY23" s="8"/>
      <c r="HDZ23" s="8"/>
      <c r="HEA23" s="8"/>
      <c r="HEB23" s="8"/>
      <c r="HEC23" s="8"/>
      <c r="HED23" s="8"/>
      <c r="HEE23" s="8"/>
      <c r="HEF23" s="8"/>
      <c r="HEG23" s="8"/>
      <c r="HEH23" s="8"/>
      <c r="HEI23" s="8"/>
      <c r="HEJ23" s="8"/>
      <c r="HEK23" s="8"/>
      <c r="HEL23" s="8"/>
      <c r="HEM23" s="8"/>
      <c r="HEN23" s="8"/>
      <c r="HEO23" s="8"/>
      <c r="HEP23" s="8"/>
      <c r="HEQ23" s="8"/>
      <c r="HER23" s="8"/>
      <c r="HES23" s="8"/>
      <c r="HET23" s="8"/>
      <c r="HEU23" s="8"/>
      <c r="HEV23" s="8"/>
      <c r="HEW23" s="8"/>
      <c r="HEX23" s="8"/>
      <c r="HEY23" s="8"/>
      <c r="HEZ23" s="8"/>
      <c r="HFA23" s="8"/>
      <c r="HFB23" s="8"/>
      <c r="HFC23" s="8"/>
      <c r="HFD23" s="8"/>
      <c r="HFE23" s="8"/>
      <c r="HFF23" s="8"/>
      <c r="HFG23" s="8"/>
      <c r="HFH23" s="8"/>
      <c r="HFI23" s="8"/>
      <c r="HFJ23" s="8"/>
      <c r="HFK23" s="8"/>
      <c r="HFL23" s="8"/>
      <c r="HFM23" s="8"/>
      <c r="HFN23" s="8"/>
      <c r="HFO23" s="8"/>
      <c r="HFP23" s="8"/>
      <c r="HFQ23" s="8"/>
      <c r="HFR23" s="8"/>
      <c r="HFS23" s="8"/>
      <c r="HFT23" s="8"/>
      <c r="HFU23" s="8"/>
      <c r="HFV23" s="8"/>
      <c r="HFW23" s="8"/>
      <c r="HFX23" s="8"/>
      <c r="HFY23" s="8"/>
      <c r="HFZ23" s="8"/>
      <c r="HGA23" s="8"/>
      <c r="HGB23" s="8"/>
      <c r="HGC23" s="8"/>
      <c r="HGD23" s="8"/>
      <c r="HGE23" s="8"/>
      <c r="HGF23" s="8"/>
      <c r="HGG23" s="8"/>
      <c r="HGH23" s="8"/>
      <c r="HGI23" s="8"/>
      <c r="HGJ23" s="8"/>
      <c r="HGK23" s="8"/>
      <c r="HGL23" s="8"/>
      <c r="HGM23" s="8"/>
      <c r="HGN23" s="8"/>
      <c r="HGO23" s="8"/>
      <c r="HGP23" s="8"/>
      <c r="HGQ23" s="8"/>
      <c r="HGR23" s="8"/>
      <c r="HGS23" s="8"/>
      <c r="HGT23" s="8"/>
      <c r="HGU23" s="8"/>
      <c r="HGV23" s="8"/>
      <c r="HGW23" s="8"/>
      <c r="HGX23" s="8"/>
      <c r="HGY23" s="8"/>
      <c r="HGZ23" s="8"/>
      <c r="HHA23" s="8"/>
      <c r="HHB23" s="8"/>
      <c r="HHC23" s="8"/>
      <c r="HHD23" s="8"/>
      <c r="HHE23" s="8"/>
      <c r="HHF23" s="8"/>
      <c r="HHG23" s="8"/>
      <c r="HHH23" s="8"/>
      <c r="HHI23" s="8"/>
      <c r="HHJ23" s="8"/>
      <c r="HHK23" s="8"/>
      <c r="HHL23" s="8"/>
      <c r="HHM23" s="8"/>
      <c r="HHN23" s="8"/>
      <c r="HHO23" s="8"/>
      <c r="HHP23" s="8"/>
      <c r="HHQ23" s="8"/>
      <c r="HHR23" s="8"/>
      <c r="HHS23" s="8"/>
      <c r="HHT23" s="8"/>
      <c r="HHU23" s="8"/>
      <c r="HHV23" s="8"/>
      <c r="HHW23" s="8"/>
      <c r="HHX23" s="8"/>
      <c r="HHY23" s="8"/>
      <c r="HHZ23" s="8"/>
      <c r="HIA23" s="8"/>
      <c r="HIB23" s="8"/>
      <c r="HIC23" s="8"/>
      <c r="HID23" s="8"/>
      <c r="HIE23" s="8"/>
      <c r="HIF23" s="8"/>
      <c r="HIG23" s="8"/>
      <c r="HIH23" s="8"/>
      <c r="HII23" s="8"/>
      <c r="HIJ23" s="8"/>
      <c r="HIK23" s="8"/>
      <c r="HIL23" s="8"/>
      <c r="HIM23" s="8"/>
      <c r="HIN23" s="8"/>
      <c r="HIO23" s="8"/>
      <c r="HIP23" s="8"/>
      <c r="HIQ23" s="8"/>
      <c r="HIR23" s="8"/>
      <c r="HIS23" s="8"/>
      <c r="HIT23" s="8"/>
      <c r="HIU23" s="8"/>
      <c r="HIV23" s="8"/>
      <c r="HIW23" s="8"/>
      <c r="HIX23" s="8"/>
      <c r="HIY23" s="8"/>
      <c r="HIZ23" s="8"/>
      <c r="HJA23" s="8"/>
      <c r="HJB23" s="8"/>
      <c r="HJC23" s="8"/>
      <c r="HJD23" s="8"/>
      <c r="HJE23" s="8"/>
      <c r="HJF23" s="8"/>
      <c r="HJG23" s="8"/>
      <c r="HJH23" s="8"/>
      <c r="HJI23" s="8"/>
      <c r="HJJ23" s="8"/>
      <c r="HJK23" s="8"/>
      <c r="HJL23" s="8"/>
      <c r="HJM23" s="8"/>
      <c r="HJN23" s="8"/>
      <c r="HJO23" s="8"/>
      <c r="HJP23" s="8"/>
      <c r="HJQ23" s="8"/>
      <c r="HJR23" s="8"/>
      <c r="HJS23" s="8"/>
      <c r="HJT23" s="8"/>
      <c r="HJU23" s="8"/>
      <c r="HJV23" s="8"/>
      <c r="HJW23" s="8"/>
      <c r="HJX23" s="8"/>
      <c r="HJY23" s="8"/>
      <c r="HJZ23" s="8"/>
      <c r="HKA23" s="8"/>
      <c r="HKB23" s="8"/>
      <c r="HKC23" s="8"/>
      <c r="HKD23" s="8"/>
      <c r="HKE23" s="8"/>
      <c r="HKF23" s="8"/>
      <c r="HKG23" s="8"/>
      <c r="HKH23" s="8"/>
      <c r="HKI23" s="8"/>
      <c r="HKJ23" s="8"/>
      <c r="HKK23" s="8"/>
      <c r="HKL23" s="8"/>
      <c r="HKM23" s="8"/>
      <c r="HKN23" s="8"/>
      <c r="HKO23" s="8"/>
      <c r="HKP23" s="8"/>
      <c r="HKQ23" s="8"/>
      <c r="HKR23" s="8"/>
      <c r="HKS23" s="8"/>
      <c r="HKT23" s="8"/>
      <c r="HKU23" s="8"/>
      <c r="HKV23" s="8"/>
      <c r="HKW23" s="8"/>
      <c r="HKX23" s="8"/>
      <c r="HKY23" s="8"/>
      <c r="HKZ23" s="8"/>
      <c r="HLA23" s="8"/>
      <c r="HLB23" s="8"/>
      <c r="HLC23" s="8"/>
      <c r="HLD23" s="8"/>
      <c r="HLE23" s="8"/>
      <c r="HLF23" s="8"/>
      <c r="HLG23" s="8"/>
      <c r="HLH23" s="8"/>
      <c r="HLI23" s="8"/>
      <c r="HLJ23" s="8"/>
      <c r="HLK23" s="8"/>
      <c r="HLL23" s="8"/>
      <c r="HLM23" s="8"/>
      <c r="HLN23" s="8"/>
      <c r="HLO23" s="8"/>
      <c r="HLP23" s="8"/>
      <c r="HLQ23" s="8"/>
      <c r="HLR23" s="8"/>
      <c r="HLS23" s="8"/>
      <c r="HLT23" s="8"/>
      <c r="HLU23" s="8"/>
      <c r="HLV23" s="8"/>
      <c r="HLW23" s="8"/>
      <c r="HLX23" s="8"/>
      <c r="HLY23" s="8"/>
      <c r="HLZ23" s="8"/>
      <c r="HMA23" s="8"/>
      <c r="HMB23" s="8"/>
      <c r="HMC23" s="8"/>
      <c r="HMD23" s="8"/>
      <c r="HME23" s="8"/>
      <c r="HMF23" s="8"/>
      <c r="HMG23" s="8"/>
      <c r="HMH23" s="8"/>
      <c r="HMI23" s="8"/>
      <c r="HMJ23" s="8"/>
      <c r="HMK23" s="8"/>
      <c r="HML23" s="8"/>
      <c r="HMM23" s="8"/>
      <c r="HMN23" s="8"/>
      <c r="HMO23" s="8"/>
      <c r="HMP23" s="8"/>
      <c r="HMQ23" s="8"/>
      <c r="HMR23" s="8"/>
      <c r="HMS23" s="8"/>
      <c r="HMT23" s="8"/>
      <c r="HMU23" s="8"/>
      <c r="HMV23" s="8"/>
      <c r="HMW23" s="8"/>
      <c r="HMX23" s="8"/>
      <c r="HMY23" s="8"/>
      <c r="HMZ23" s="8"/>
      <c r="HNA23" s="8"/>
      <c r="HNB23" s="8"/>
      <c r="HNC23" s="8"/>
      <c r="HND23" s="8"/>
      <c r="HNE23" s="8"/>
      <c r="HNF23" s="8"/>
      <c r="HNG23" s="8"/>
      <c r="HNH23" s="8"/>
      <c r="HNI23" s="8"/>
      <c r="HNJ23" s="8"/>
      <c r="HNK23" s="8"/>
      <c r="HNL23" s="8"/>
      <c r="HNM23" s="8"/>
      <c r="HNN23" s="8"/>
      <c r="HNO23" s="8"/>
      <c r="HNP23" s="8"/>
      <c r="HNQ23" s="8"/>
      <c r="HNR23" s="8"/>
      <c r="HNS23" s="8"/>
      <c r="HNT23" s="8"/>
      <c r="HNU23" s="8"/>
      <c r="HNV23" s="8"/>
      <c r="HNW23" s="8"/>
      <c r="HNX23" s="8"/>
      <c r="HNY23" s="8"/>
      <c r="HNZ23" s="8"/>
      <c r="HOA23" s="8"/>
      <c r="HOB23" s="8"/>
      <c r="HOC23" s="8"/>
      <c r="HOD23" s="8"/>
      <c r="HOE23" s="8"/>
      <c r="HOF23" s="8"/>
      <c r="HOG23" s="8"/>
      <c r="HOH23" s="8"/>
      <c r="HOI23" s="8"/>
      <c r="HOJ23" s="8"/>
      <c r="HOK23" s="8"/>
      <c r="HOL23" s="8"/>
      <c r="HOM23" s="8"/>
      <c r="HON23" s="8"/>
      <c r="HOO23" s="8"/>
      <c r="HOP23" s="8"/>
      <c r="HOQ23" s="8"/>
      <c r="HOR23" s="8"/>
      <c r="HOS23" s="8"/>
      <c r="HOT23" s="8"/>
      <c r="HOU23" s="8"/>
      <c r="HOV23" s="8"/>
      <c r="HOW23" s="8"/>
      <c r="HOX23" s="8"/>
      <c r="HOY23" s="8"/>
      <c r="HOZ23" s="8"/>
      <c r="HPA23" s="8"/>
      <c r="HPB23" s="8"/>
      <c r="HPC23" s="8"/>
      <c r="HPD23" s="8"/>
      <c r="HPE23" s="8"/>
      <c r="HPF23" s="8"/>
      <c r="HPG23" s="8"/>
      <c r="HPH23" s="8"/>
      <c r="HPI23" s="8"/>
      <c r="HPJ23" s="8"/>
      <c r="HPK23" s="8"/>
      <c r="HPL23" s="8"/>
      <c r="HPM23" s="8"/>
      <c r="HPN23" s="8"/>
      <c r="HPO23" s="8"/>
      <c r="HPP23" s="8"/>
      <c r="HPQ23" s="8"/>
      <c r="HPR23" s="8"/>
      <c r="HPS23" s="8"/>
      <c r="HPT23" s="8"/>
      <c r="HPU23" s="8"/>
      <c r="HPV23" s="8"/>
      <c r="HPW23" s="8"/>
      <c r="HPX23" s="8"/>
      <c r="HPY23" s="8"/>
      <c r="HPZ23" s="8"/>
      <c r="HQA23" s="8"/>
      <c r="HQB23" s="8"/>
      <c r="HQC23" s="8"/>
      <c r="HQD23" s="8"/>
      <c r="HQE23" s="8"/>
      <c r="HQF23" s="8"/>
      <c r="HQG23" s="8"/>
      <c r="HQH23" s="8"/>
      <c r="HQI23" s="8"/>
      <c r="HQJ23" s="8"/>
      <c r="HQK23" s="8"/>
      <c r="HQL23" s="8"/>
      <c r="HQM23" s="8"/>
      <c r="HQN23" s="8"/>
      <c r="HQO23" s="8"/>
      <c r="HQP23" s="8"/>
      <c r="HQQ23" s="8"/>
      <c r="HQR23" s="8"/>
      <c r="HQS23" s="8"/>
      <c r="HQT23" s="8"/>
      <c r="HQU23" s="8"/>
      <c r="HQV23" s="8"/>
      <c r="HQW23" s="8"/>
      <c r="HQX23" s="8"/>
      <c r="HQY23" s="8"/>
      <c r="HQZ23" s="8"/>
      <c r="HRA23" s="8"/>
      <c r="HRB23" s="8"/>
      <c r="HRC23" s="8"/>
      <c r="HRD23" s="8"/>
      <c r="HRE23" s="8"/>
      <c r="HRF23" s="8"/>
      <c r="HRG23" s="8"/>
      <c r="HRH23" s="8"/>
      <c r="HRI23" s="8"/>
      <c r="HRJ23" s="8"/>
      <c r="HRK23" s="8"/>
      <c r="HRL23" s="8"/>
      <c r="HRM23" s="8"/>
      <c r="HRN23" s="8"/>
      <c r="HRO23" s="8"/>
      <c r="HRP23" s="8"/>
      <c r="HRQ23" s="8"/>
      <c r="HRR23" s="8"/>
      <c r="HRS23" s="8"/>
      <c r="HRT23" s="8"/>
      <c r="HRU23" s="8"/>
      <c r="HRV23" s="8"/>
      <c r="HRW23" s="8"/>
      <c r="HRX23" s="8"/>
      <c r="HRY23" s="8"/>
      <c r="HRZ23" s="8"/>
      <c r="HSA23" s="8"/>
      <c r="HSB23" s="8"/>
      <c r="HSC23" s="8"/>
      <c r="HSD23" s="8"/>
      <c r="HSE23" s="8"/>
      <c r="HSF23" s="8"/>
      <c r="HSG23" s="8"/>
      <c r="HSH23" s="8"/>
      <c r="HSI23" s="8"/>
      <c r="HSJ23" s="8"/>
      <c r="HSK23" s="8"/>
      <c r="HSL23" s="8"/>
      <c r="HSM23" s="8"/>
      <c r="HSN23" s="8"/>
      <c r="HSO23" s="8"/>
      <c r="HSP23" s="8"/>
      <c r="HSQ23" s="8"/>
      <c r="HSR23" s="8"/>
      <c r="HSS23" s="8"/>
      <c r="HST23" s="8"/>
      <c r="HSU23" s="8"/>
      <c r="HSV23" s="8"/>
      <c r="HSW23" s="8"/>
      <c r="HSX23" s="8"/>
      <c r="HSY23" s="8"/>
      <c r="HSZ23" s="8"/>
      <c r="HTA23" s="8"/>
      <c r="HTB23" s="8"/>
      <c r="HTC23" s="8"/>
      <c r="HTD23" s="8"/>
      <c r="HTE23" s="8"/>
      <c r="HTF23" s="8"/>
      <c r="HTG23" s="8"/>
      <c r="HTH23" s="8"/>
      <c r="HTI23" s="8"/>
      <c r="HTJ23" s="8"/>
      <c r="HTK23" s="8"/>
      <c r="HTL23" s="8"/>
      <c r="HTM23" s="8"/>
      <c r="HTN23" s="8"/>
      <c r="HTO23" s="8"/>
      <c r="HTP23" s="8"/>
      <c r="HTQ23" s="8"/>
      <c r="HTR23" s="8"/>
      <c r="HTS23" s="8"/>
      <c r="HTT23" s="8"/>
      <c r="HTU23" s="8"/>
      <c r="HTV23" s="8"/>
      <c r="HTW23" s="8"/>
      <c r="HTX23" s="8"/>
      <c r="HTY23" s="8"/>
      <c r="HTZ23" s="8"/>
      <c r="HUA23" s="8"/>
      <c r="HUB23" s="8"/>
      <c r="HUC23" s="8"/>
      <c r="HUD23" s="8"/>
      <c r="HUE23" s="8"/>
      <c r="HUF23" s="8"/>
      <c r="HUG23" s="8"/>
      <c r="HUH23" s="8"/>
      <c r="HUI23" s="8"/>
      <c r="HUJ23" s="8"/>
      <c r="HUK23" s="8"/>
      <c r="HUL23" s="8"/>
      <c r="HUM23" s="8"/>
      <c r="HUN23" s="8"/>
      <c r="HUO23" s="8"/>
      <c r="HUP23" s="8"/>
      <c r="HUQ23" s="8"/>
      <c r="HUR23" s="8"/>
      <c r="HUS23" s="8"/>
      <c r="HUT23" s="8"/>
      <c r="HUU23" s="8"/>
      <c r="HUV23" s="8"/>
      <c r="HUW23" s="8"/>
      <c r="HUX23" s="8"/>
      <c r="HUY23" s="8"/>
      <c r="HUZ23" s="8"/>
      <c r="HVA23" s="8"/>
      <c r="HVB23" s="8"/>
      <c r="HVC23" s="8"/>
      <c r="HVD23" s="8"/>
      <c r="HVE23" s="8"/>
      <c r="HVF23" s="8"/>
      <c r="HVG23" s="8"/>
      <c r="HVH23" s="8"/>
      <c r="HVI23" s="8"/>
      <c r="HVJ23" s="8"/>
      <c r="HVK23" s="8"/>
      <c r="HVL23" s="8"/>
      <c r="HVM23" s="8"/>
      <c r="HVN23" s="8"/>
      <c r="HVO23" s="8"/>
      <c r="HVP23" s="8"/>
      <c r="HVQ23" s="8"/>
      <c r="HVR23" s="8"/>
      <c r="HVS23" s="8"/>
      <c r="HVT23" s="8"/>
      <c r="HVU23" s="8"/>
      <c r="HVV23" s="8"/>
      <c r="HVW23" s="8"/>
      <c r="HVX23" s="8"/>
      <c r="HVY23" s="8"/>
      <c r="HVZ23" s="8"/>
      <c r="HWA23" s="8"/>
      <c r="HWB23" s="8"/>
      <c r="HWC23" s="8"/>
      <c r="HWD23" s="8"/>
      <c r="HWE23" s="8"/>
      <c r="HWF23" s="8"/>
      <c r="HWG23" s="8"/>
      <c r="HWH23" s="8"/>
      <c r="HWI23" s="8"/>
      <c r="HWJ23" s="8"/>
      <c r="HWK23" s="8"/>
      <c r="HWL23" s="8"/>
      <c r="HWM23" s="8"/>
      <c r="HWN23" s="8"/>
      <c r="HWO23" s="8"/>
      <c r="HWP23" s="8"/>
      <c r="HWQ23" s="8"/>
      <c r="HWR23" s="8"/>
      <c r="HWS23" s="8"/>
      <c r="HWT23" s="8"/>
      <c r="HWU23" s="8"/>
      <c r="HWV23" s="8"/>
      <c r="HWW23" s="8"/>
      <c r="HWX23" s="8"/>
      <c r="HWY23" s="8"/>
      <c r="HWZ23" s="8"/>
      <c r="HXA23" s="8"/>
      <c r="HXB23" s="8"/>
      <c r="HXC23" s="8"/>
      <c r="HXD23" s="8"/>
      <c r="HXE23" s="8"/>
      <c r="HXF23" s="8"/>
      <c r="HXG23" s="8"/>
      <c r="HXH23" s="8"/>
      <c r="HXI23" s="8"/>
      <c r="HXJ23" s="8"/>
      <c r="HXK23" s="8"/>
      <c r="HXL23" s="8"/>
      <c r="HXM23" s="8"/>
      <c r="HXN23" s="8"/>
      <c r="HXO23" s="8"/>
      <c r="HXP23" s="8"/>
      <c r="HXQ23" s="8"/>
      <c r="HXR23" s="8"/>
      <c r="HXS23" s="8"/>
      <c r="HXT23" s="8"/>
      <c r="HXU23" s="8"/>
      <c r="HXV23" s="8"/>
      <c r="HXW23" s="8"/>
      <c r="HXX23" s="8"/>
      <c r="HXY23" s="8"/>
      <c r="HXZ23" s="8"/>
      <c r="HYA23" s="8"/>
      <c r="HYB23" s="8"/>
      <c r="HYC23" s="8"/>
      <c r="HYD23" s="8"/>
      <c r="HYE23" s="8"/>
      <c r="HYF23" s="8"/>
      <c r="HYG23" s="8"/>
      <c r="HYH23" s="8"/>
      <c r="HYI23" s="8"/>
      <c r="HYJ23" s="8"/>
      <c r="HYK23" s="8"/>
      <c r="HYL23" s="8"/>
      <c r="HYM23" s="8"/>
      <c r="HYN23" s="8"/>
      <c r="HYO23" s="8"/>
      <c r="HYP23" s="8"/>
      <c r="HYQ23" s="8"/>
      <c r="HYR23" s="8"/>
      <c r="HYS23" s="8"/>
      <c r="HYT23" s="8"/>
      <c r="HYU23" s="8"/>
      <c r="HYV23" s="8"/>
      <c r="HYW23" s="8"/>
      <c r="HYX23" s="8"/>
      <c r="HYY23" s="8"/>
      <c r="HYZ23" s="8"/>
      <c r="HZA23" s="8"/>
      <c r="HZB23" s="8"/>
      <c r="HZC23" s="8"/>
      <c r="HZD23" s="8"/>
      <c r="HZE23" s="8"/>
      <c r="HZF23" s="8"/>
      <c r="HZG23" s="8"/>
      <c r="HZH23" s="8"/>
      <c r="HZI23" s="8"/>
      <c r="HZJ23" s="8"/>
      <c r="HZK23" s="8"/>
      <c r="HZL23" s="8"/>
      <c r="HZM23" s="8"/>
      <c r="HZN23" s="8"/>
      <c r="HZO23" s="8"/>
      <c r="HZP23" s="8"/>
      <c r="HZQ23" s="8"/>
      <c r="HZR23" s="8"/>
      <c r="HZS23" s="8"/>
      <c r="HZT23" s="8"/>
      <c r="HZU23" s="8"/>
      <c r="HZV23" s="8"/>
      <c r="HZW23" s="8"/>
      <c r="HZX23" s="8"/>
      <c r="HZY23" s="8"/>
      <c r="HZZ23" s="8"/>
      <c r="IAA23" s="8"/>
      <c r="IAB23" s="8"/>
      <c r="IAC23" s="8"/>
      <c r="IAD23" s="8"/>
      <c r="IAE23" s="8"/>
      <c r="IAF23" s="8"/>
      <c r="IAG23" s="8"/>
      <c r="IAH23" s="8"/>
      <c r="IAI23" s="8"/>
      <c r="IAJ23" s="8"/>
      <c r="IAK23" s="8"/>
      <c r="IAL23" s="8"/>
      <c r="IAM23" s="8"/>
      <c r="IAN23" s="8"/>
      <c r="IAO23" s="8"/>
      <c r="IAP23" s="8"/>
      <c r="IAQ23" s="8"/>
      <c r="IAR23" s="8"/>
      <c r="IAS23" s="8"/>
      <c r="IAT23" s="8"/>
      <c r="IAU23" s="8"/>
      <c r="IAV23" s="8"/>
      <c r="IAW23" s="8"/>
      <c r="IAX23" s="8"/>
      <c r="IAY23" s="8"/>
      <c r="IAZ23" s="8"/>
      <c r="IBA23" s="8"/>
      <c r="IBB23" s="8"/>
      <c r="IBC23" s="8"/>
      <c r="IBD23" s="8"/>
      <c r="IBE23" s="8"/>
      <c r="IBF23" s="8"/>
      <c r="IBG23" s="8"/>
      <c r="IBH23" s="8"/>
      <c r="IBI23" s="8"/>
      <c r="IBJ23" s="8"/>
      <c r="IBK23" s="8"/>
      <c r="IBL23" s="8"/>
      <c r="IBM23" s="8"/>
      <c r="IBN23" s="8"/>
      <c r="IBO23" s="8"/>
      <c r="IBP23" s="8"/>
      <c r="IBQ23" s="8"/>
      <c r="IBR23" s="8"/>
      <c r="IBS23" s="8"/>
      <c r="IBT23" s="8"/>
      <c r="IBU23" s="8"/>
      <c r="IBV23" s="8"/>
      <c r="IBW23" s="8"/>
      <c r="IBX23" s="8"/>
      <c r="IBY23" s="8"/>
      <c r="IBZ23" s="8"/>
      <c r="ICA23" s="8"/>
      <c r="ICB23" s="8"/>
      <c r="ICC23" s="8"/>
      <c r="ICD23" s="8"/>
      <c r="ICE23" s="8"/>
      <c r="ICF23" s="8"/>
      <c r="ICG23" s="8"/>
      <c r="ICH23" s="8"/>
      <c r="ICI23" s="8"/>
      <c r="ICJ23" s="8"/>
      <c r="ICK23" s="8"/>
      <c r="ICL23" s="8"/>
      <c r="ICM23" s="8"/>
      <c r="ICN23" s="8"/>
      <c r="ICO23" s="8"/>
      <c r="ICP23" s="8"/>
      <c r="ICQ23" s="8"/>
      <c r="ICR23" s="8"/>
      <c r="ICS23" s="8"/>
      <c r="ICT23" s="8"/>
      <c r="ICU23" s="8"/>
      <c r="ICV23" s="8"/>
      <c r="ICW23" s="8"/>
      <c r="ICX23" s="8"/>
      <c r="ICY23" s="8"/>
      <c r="ICZ23" s="8"/>
      <c r="IDA23" s="8"/>
      <c r="IDB23" s="8"/>
      <c r="IDC23" s="8"/>
      <c r="IDD23" s="8"/>
      <c r="IDE23" s="8"/>
      <c r="IDF23" s="8"/>
      <c r="IDG23" s="8"/>
      <c r="IDH23" s="8"/>
      <c r="IDI23" s="8"/>
      <c r="IDJ23" s="8"/>
      <c r="IDK23" s="8"/>
      <c r="IDL23" s="8"/>
      <c r="IDM23" s="8"/>
      <c r="IDN23" s="8"/>
      <c r="IDO23" s="8"/>
      <c r="IDP23" s="8"/>
      <c r="IDQ23" s="8"/>
      <c r="IDR23" s="8"/>
      <c r="IDS23" s="8"/>
      <c r="IDT23" s="8"/>
      <c r="IDU23" s="8"/>
      <c r="IDV23" s="8"/>
      <c r="IDW23" s="8"/>
      <c r="IDX23" s="8"/>
      <c r="IDY23" s="8"/>
      <c r="IDZ23" s="8"/>
      <c r="IEA23" s="8"/>
      <c r="IEB23" s="8"/>
      <c r="IEC23" s="8"/>
      <c r="IED23" s="8"/>
      <c r="IEE23" s="8"/>
      <c r="IEF23" s="8"/>
      <c r="IEG23" s="8"/>
      <c r="IEH23" s="8"/>
      <c r="IEI23" s="8"/>
      <c r="IEJ23" s="8"/>
      <c r="IEK23" s="8"/>
      <c r="IEL23" s="8"/>
      <c r="IEM23" s="8"/>
      <c r="IEN23" s="8"/>
      <c r="IEO23" s="8"/>
      <c r="IEP23" s="8"/>
      <c r="IEQ23" s="8"/>
      <c r="IER23" s="8"/>
      <c r="IES23" s="8"/>
      <c r="IET23" s="8"/>
      <c r="IEU23" s="8"/>
      <c r="IEV23" s="8"/>
      <c r="IEW23" s="8"/>
      <c r="IEX23" s="8"/>
      <c r="IEY23" s="8"/>
      <c r="IEZ23" s="8"/>
      <c r="IFA23" s="8"/>
      <c r="IFB23" s="8"/>
      <c r="IFC23" s="8"/>
      <c r="IFD23" s="8"/>
      <c r="IFE23" s="8"/>
      <c r="IFF23" s="8"/>
      <c r="IFG23" s="8"/>
      <c r="IFH23" s="8"/>
      <c r="IFI23" s="8"/>
      <c r="IFJ23" s="8"/>
      <c r="IFK23" s="8"/>
      <c r="IFL23" s="8"/>
      <c r="IFM23" s="8"/>
      <c r="IFN23" s="8"/>
      <c r="IFO23" s="8"/>
      <c r="IFP23" s="8"/>
      <c r="IFQ23" s="8"/>
      <c r="IFR23" s="8"/>
      <c r="IFS23" s="8"/>
      <c r="IFT23" s="8"/>
      <c r="IFU23" s="8"/>
      <c r="IFV23" s="8"/>
      <c r="IFW23" s="8"/>
      <c r="IFX23" s="8"/>
      <c r="IFY23" s="8"/>
      <c r="IFZ23" s="8"/>
      <c r="IGA23" s="8"/>
      <c r="IGB23" s="8"/>
      <c r="IGC23" s="8"/>
      <c r="IGD23" s="8"/>
      <c r="IGE23" s="8"/>
      <c r="IGF23" s="8"/>
      <c r="IGG23" s="8"/>
      <c r="IGH23" s="8"/>
      <c r="IGI23" s="8"/>
      <c r="IGJ23" s="8"/>
      <c r="IGK23" s="8"/>
      <c r="IGL23" s="8"/>
      <c r="IGM23" s="8"/>
      <c r="IGN23" s="8"/>
      <c r="IGO23" s="8"/>
      <c r="IGP23" s="8"/>
      <c r="IGQ23" s="8"/>
      <c r="IGR23" s="8"/>
      <c r="IGS23" s="8"/>
      <c r="IGT23" s="8"/>
      <c r="IGU23" s="8"/>
      <c r="IGV23" s="8"/>
      <c r="IGW23" s="8"/>
      <c r="IGX23" s="8"/>
      <c r="IGY23" s="8"/>
      <c r="IGZ23" s="8"/>
      <c r="IHA23" s="8"/>
      <c r="IHB23" s="8"/>
      <c r="IHC23" s="8"/>
      <c r="IHD23" s="8"/>
      <c r="IHE23" s="8"/>
      <c r="IHF23" s="8"/>
      <c r="IHG23" s="8"/>
      <c r="IHH23" s="8"/>
      <c r="IHI23" s="8"/>
      <c r="IHJ23" s="8"/>
      <c r="IHK23" s="8"/>
      <c r="IHL23" s="8"/>
      <c r="IHM23" s="8"/>
      <c r="IHN23" s="8"/>
      <c r="IHO23" s="8"/>
      <c r="IHP23" s="8"/>
      <c r="IHQ23" s="8"/>
      <c r="IHR23" s="8"/>
      <c r="IHS23" s="8"/>
      <c r="IHT23" s="8"/>
      <c r="IHU23" s="8"/>
      <c r="IHV23" s="8"/>
      <c r="IHW23" s="8"/>
      <c r="IHX23" s="8"/>
      <c r="IHY23" s="8"/>
      <c r="IHZ23" s="8"/>
      <c r="IIA23" s="8"/>
      <c r="IIB23" s="8"/>
      <c r="IIC23" s="8"/>
      <c r="IID23" s="8"/>
      <c r="IIE23" s="8"/>
      <c r="IIF23" s="8"/>
      <c r="IIG23" s="8"/>
      <c r="IIH23" s="8"/>
      <c r="III23" s="8"/>
      <c r="IIJ23" s="8"/>
      <c r="IIK23" s="8"/>
      <c r="IIL23" s="8"/>
      <c r="IIM23" s="8"/>
      <c r="IIN23" s="8"/>
      <c r="IIO23" s="8"/>
      <c r="IIP23" s="8"/>
      <c r="IIQ23" s="8"/>
      <c r="IIR23" s="8"/>
      <c r="IIS23" s="8"/>
      <c r="IIT23" s="8"/>
      <c r="IIU23" s="8"/>
      <c r="IIV23" s="8"/>
      <c r="IIW23" s="8"/>
      <c r="IIX23" s="8"/>
      <c r="IIY23" s="8"/>
      <c r="IIZ23" s="8"/>
      <c r="IJA23" s="8"/>
      <c r="IJB23" s="8"/>
      <c r="IJC23" s="8"/>
      <c r="IJD23" s="8"/>
      <c r="IJE23" s="8"/>
      <c r="IJF23" s="8"/>
      <c r="IJG23" s="8"/>
      <c r="IJH23" s="8"/>
      <c r="IJI23" s="8"/>
      <c r="IJJ23" s="8"/>
      <c r="IJK23" s="8"/>
      <c r="IJL23" s="8"/>
      <c r="IJM23" s="8"/>
      <c r="IJN23" s="8"/>
      <c r="IJO23" s="8"/>
      <c r="IJP23" s="8"/>
      <c r="IJQ23" s="8"/>
      <c r="IJR23" s="8"/>
      <c r="IJS23" s="8"/>
      <c r="IJT23" s="8"/>
      <c r="IJU23" s="8"/>
      <c r="IJV23" s="8"/>
      <c r="IJW23" s="8"/>
      <c r="IJX23" s="8"/>
      <c r="IJY23" s="8"/>
      <c r="IJZ23" s="8"/>
      <c r="IKA23" s="8"/>
      <c r="IKB23" s="8"/>
      <c r="IKC23" s="8"/>
      <c r="IKD23" s="8"/>
      <c r="IKE23" s="8"/>
      <c r="IKF23" s="8"/>
      <c r="IKG23" s="8"/>
      <c r="IKH23" s="8"/>
      <c r="IKI23" s="8"/>
      <c r="IKJ23" s="8"/>
      <c r="IKK23" s="8"/>
      <c r="IKL23" s="8"/>
      <c r="IKM23" s="8"/>
      <c r="IKN23" s="8"/>
      <c r="IKO23" s="8"/>
      <c r="IKP23" s="8"/>
      <c r="IKQ23" s="8"/>
      <c r="IKR23" s="8"/>
      <c r="IKS23" s="8"/>
      <c r="IKT23" s="8"/>
      <c r="IKU23" s="8"/>
      <c r="IKV23" s="8"/>
      <c r="IKW23" s="8"/>
      <c r="IKX23" s="8"/>
      <c r="IKY23" s="8"/>
      <c r="IKZ23" s="8"/>
      <c r="ILA23" s="8"/>
      <c r="ILB23" s="8"/>
      <c r="ILC23" s="8"/>
      <c r="ILD23" s="8"/>
      <c r="ILE23" s="8"/>
      <c r="ILF23" s="8"/>
      <c r="ILG23" s="8"/>
      <c r="ILH23" s="8"/>
      <c r="ILI23" s="8"/>
      <c r="ILJ23" s="8"/>
      <c r="ILK23" s="8"/>
      <c r="ILL23" s="8"/>
      <c r="ILM23" s="8"/>
      <c r="ILN23" s="8"/>
      <c r="ILO23" s="8"/>
      <c r="ILP23" s="8"/>
      <c r="ILQ23" s="8"/>
      <c r="ILR23" s="8"/>
      <c r="ILS23" s="8"/>
      <c r="ILT23" s="8"/>
      <c r="ILU23" s="8"/>
      <c r="ILV23" s="8"/>
      <c r="ILW23" s="8"/>
      <c r="ILX23" s="8"/>
      <c r="ILY23" s="8"/>
      <c r="ILZ23" s="8"/>
      <c r="IMA23" s="8"/>
      <c r="IMB23" s="8"/>
      <c r="IMC23" s="8"/>
      <c r="IMD23" s="8"/>
      <c r="IME23" s="8"/>
      <c r="IMF23" s="8"/>
      <c r="IMG23" s="8"/>
      <c r="IMH23" s="8"/>
      <c r="IMI23" s="8"/>
      <c r="IMJ23" s="8"/>
      <c r="IMK23" s="8"/>
      <c r="IML23" s="8"/>
      <c r="IMM23" s="8"/>
      <c r="IMN23" s="8"/>
      <c r="IMO23" s="8"/>
      <c r="IMP23" s="8"/>
      <c r="IMQ23" s="8"/>
      <c r="IMR23" s="8"/>
      <c r="IMS23" s="8"/>
      <c r="IMT23" s="8"/>
      <c r="IMU23" s="8"/>
      <c r="IMV23" s="8"/>
      <c r="IMW23" s="8"/>
      <c r="IMX23" s="8"/>
      <c r="IMY23" s="8"/>
      <c r="IMZ23" s="8"/>
      <c r="INA23" s="8"/>
      <c r="INB23" s="8"/>
      <c r="INC23" s="8"/>
      <c r="IND23" s="8"/>
      <c r="INE23" s="8"/>
      <c r="INF23" s="8"/>
      <c r="ING23" s="8"/>
      <c r="INH23" s="8"/>
      <c r="INI23" s="8"/>
      <c r="INJ23" s="8"/>
      <c r="INK23" s="8"/>
      <c r="INL23" s="8"/>
      <c r="INM23" s="8"/>
      <c r="INN23" s="8"/>
      <c r="INO23" s="8"/>
      <c r="INP23" s="8"/>
      <c r="INQ23" s="8"/>
      <c r="INR23" s="8"/>
      <c r="INS23" s="8"/>
      <c r="INT23" s="8"/>
      <c r="INU23" s="8"/>
      <c r="INV23" s="8"/>
      <c r="INW23" s="8"/>
      <c r="INX23" s="8"/>
      <c r="INY23" s="8"/>
      <c r="INZ23" s="8"/>
      <c r="IOA23" s="8"/>
      <c r="IOB23" s="8"/>
      <c r="IOC23" s="8"/>
      <c r="IOD23" s="8"/>
      <c r="IOE23" s="8"/>
      <c r="IOF23" s="8"/>
      <c r="IOG23" s="8"/>
      <c r="IOH23" s="8"/>
      <c r="IOI23" s="8"/>
      <c r="IOJ23" s="8"/>
      <c r="IOK23" s="8"/>
      <c r="IOL23" s="8"/>
      <c r="IOM23" s="8"/>
      <c r="ION23" s="8"/>
      <c r="IOO23" s="8"/>
      <c r="IOP23" s="8"/>
      <c r="IOQ23" s="8"/>
      <c r="IOR23" s="8"/>
      <c r="IOS23" s="8"/>
      <c r="IOT23" s="8"/>
      <c r="IOU23" s="8"/>
      <c r="IOV23" s="8"/>
      <c r="IOW23" s="8"/>
      <c r="IOX23" s="8"/>
      <c r="IOY23" s="8"/>
      <c r="IOZ23" s="8"/>
      <c r="IPA23" s="8"/>
      <c r="IPB23" s="8"/>
      <c r="IPC23" s="8"/>
      <c r="IPD23" s="8"/>
      <c r="IPE23" s="8"/>
      <c r="IPF23" s="8"/>
      <c r="IPG23" s="8"/>
      <c r="IPH23" s="8"/>
      <c r="IPI23" s="8"/>
      <c r="IPJ23" s="8"/>
      <c r="IPK23" s="8"/>
      <c r="IPL23" s="8"/>
      <c r="IPM23" s="8"/>
      <c r="IPN23" s="8"/>
      <c r="IPO23" s="8"/>
      <c r="IPP23" s="8"/>
      <c r="IPQ23" s="8"/>
      <c r="IPR23" s="8"/>
      <c r="IPS23" s="8"/>
      <c r="IPT23" s="8"/>
      <c r="IPU23" s="8"/>
      <c r="IPV23" s="8"/>
      <c r="IPW23" s="8"/>
      <c r="IPX23" s="8"/>
      <c r="IPY23" s="8"/>
      <c r="IPZ23" s="8"/>
      <c r="IQA23" s="8"/>
      <c r="IQB23" s="8"/>
      <c r="IQC23" s="8"/>
      <c r="IQD23" s="8"/>
      <c r="IQE23" s="8"/>
      <c r="IQF23" s="8"/>
      <c r="IQG23" s="8"/>
      <c r="IQH23" s="8"/>
      <c r="IQI23" s="8"/>
      <c r="IQJ23" s="8"/>
      <c r="IQK23" s="8"/>
      <c r="IQL23" s="8"/>
      <c r="IQM23" s="8"/>
      <c r="IQN23" s="8"/>
      <c r="IQO23" s="8"/>
      <c r="IQP23" s="8"/>
      <c r="IQQ23" s="8"/>
      <c r="IQR23" s="8"/>
      <c r="IQS23" s="8"/>
      <c r="IQT23" s="8"/>
      <c r="IQU23" s="8"/>
      <c r="IQV23" s="8"/>
      <c r="IQW23" s="8"/>
      <c r="IQX23" s="8"/>
      <c r="IQY23" s="8"/>
      <c r="IQZ23" s="8"/>
      <c r="IRA23" s="8"/>
      <c r="IRB23" s="8"/>
      <c r="IRC23" s="8"/>
      <c r="IRD23" s="8"/>
      <c r="IRE23" s="8"/>
      <c r="IRF23" s="8"/>
      <c r="IRG23" s="8"/>
      <c r="IRH23" s="8"/>
      <c r="IRI23" s="8"/>
      <c r="IRJ23" s="8"/>
      <c r="IRK23" s="8"/>
      <c r="IRL23" s="8"/>
      <c r="IRM23" s="8"/>
      <c r="IRN23" s="8"/>
      <c r="IRO23" s="8"/>
      <c r="IRP23" s="8"/>
      <c r="IRQ23" s="8"/>
      <c r="IRR23" s="8"/>
      <c r="IRS23" s="8"/>
      <c r="IRT23" s="8"/>
      <c r="IRU23" s="8"/>
      <c r="IRV23" s="8"/>
      <c r="IRW23" s="8"/>
      <c r="IRX23" s="8"/>
      <c r="IRY23" s="8"/>
      <c r="IRZ23" s="8"/>
      <c r="ISA23" s="8"/>
      <c r="ISB23" s="8"/>
      <c r="ISC23" s="8"/>
      <c r="ISD23" s="8"/>
      <c r="ISE23" s="8"/>
      <c r="ISF23" s="8"/>
      <c r="ISG23" s="8"/>
      <c r="ISH23" s="8"/>
      <c r="ISI23" s="8"/>
      <c r="ISJ23" s="8"/>
      <c r="ISK23" s="8"/>
      <c r="ISL23" s="8"/>
      <c r="ISM23" s="8"/>
      <c r="ISN23" s="8"/>
      <c r="ISO23" s="8"/>
      <c r="ISP23" s="8"/>
      <c r="ISQ23" s="8"/>
      <c r="ISR23" s="8"/>
      <c r="ISS23" s="8"/>
      <c r="IST23" s="8"/>
      <c r="ISU23" s="8"/>
      <c r="ISV23" s="8"/>
      <c r="ISW23" s="8"/>
      <c r="ISX23" s="8"/>
      <c r="ISY23" s="8"/>
      <c r="ISZ23" s="8"/>
      <c r="ITA23" s="8"/>
      <c r="ITB23" s="8"/>
      <c r="ITC23" s="8"/>
      <c r="ITD23" s="8"/>
      <c r="ITE23" s="8"/>
      <c r="ITF23" s="8"/>
      <c r="ITG23" s="8"/>
      <c r="ITH23" s="8"/>
      <c r="ITI23" s="8"/>
      <c r="ITJ23" s="8"/>
      <c r="ITK23" s="8"/>
      <c r="ITL23" s="8"/>
      <c r="ITM23" s="8"/>
      <c r="ITN23" s="8"/>
      <c r="ITO23" s="8"/>
      <c r="ITP23" s="8"/>
      <c r="ITQ23" s="8"/>
      <c r="ITR23" s="8"/>
      <c r="ITS23" s="8"/>
      <c r="ITT23" s="8"/>
      <c r="ITU23" s="8"/>
      <c r="ITV23" s="8"/>
      <c r="ITW23" s="8"/>
      <c r="ITX23" s="8"/>
      <c r="ITY23" s="8"/>
      <c r="ITZ23" s="8"/>
      <c r="IUA23" s="8"/>
      <c r="IUB23" s="8"/>
      <c r="IUC23" s="8"/>
      <c r="IUD23" s="8"/>
      <c r="IUE23" s="8"/>
      <c r="IUF23" s="8"/>
      <c r="IUG23" s="8"/>
      <c r="IUH23" s="8"/>
      <c r="IUI23" s="8"/>
      <c r="IUJ23" s="8"/>
      <c r="IUK23" s="8"/>
      <c r="IUL23" s="8"/>
      <c r="IUM23" s="8"/>
      <c r="IUN23" s="8"/>
      <c r="IUO23" s="8"/>
      <c r="IUP23" s="8"/>
      <c r="IUQ23" s="8"/>
      <c r="IUR23" s="8"/>
      <c r="IUS23" s="8"/>
      <c r="IUT23" s="8"/>
      <c r="IUU23" s="8"/>
      <c r="IUV23" s="8"/>
      <c r="IUW23" s="8"/>
      <c r="IUX23" s="8"/>
      <c r="IUY23" s="8"/>
      <c r="IUZ23" s="8"/>
      <c r="IVA23" s="8"/>
      <c r="IVB23" s="8"/>
      <c r="IVC23" s="8"/>
      <c r="IVD23" s="8"/>
      <c r="IVE23" s="8"/>
      <c r="IVF23" s="8"/>
      <c r="IVG23" s="8"/>
      <c r="IVH23" s="8"/>
      <c r="IVI23" s="8"/>
      <c r="IVJ23" s="8"/>
      <c r="IVK23" s="8"/>
      <c r="IVL23" s="8"/>
      <c r="IVM23" s="8"/>
      <c r="IVN23" s="8"/>
      <c r="IVO23" s="8"/>
      <c r="IVP23" s="8"/>
      <c r="IVQ23" s="8"/>
      <c r="IVR23" s="8"/>
      <c r="IVS23" s="8"/>
      <c r="IVT23" s="8"/>
      <c r="IVU23" s="8"/>
      <c r="IVV23" s="8"/>
      <c r="IVW23" s="8"/>
      <c r="IVX23" s="8"/>
      <c r="IVY23" s="8"/>
      <c r="IVZ23" s="8"/>
      <c r="IWA23" s="8"/>
      <c r="IWB23" s="8"/>
      <c r="IWC23" s="8"/>
      <c r="IWD23" s="8"/>
      <c r="IWE23" s="8"/>
      <c r="IWF23" s="8"/>
      <c r="IWG23" s="8"/>
      <c r="IWH23" s="8"/>
      <c r="IWI23" s="8"/>
      <c r="IWJ23" s="8"/>
      <c r="IWK23" s="8"/>
      <c r="IWL23" s="8"/>
      <c r="IWM23" s="8"/>
      <c r="IWN23" s="8"/>
      <c r="IWO23" s="8"/>
      <c r="IWP23" s="8"/>
      <c r="IWQ23" s="8"/>
      <c r="IWR23" s="8"/>
      <c r="IWS23" s="8"/>
      <c r="IWT23" s="8"/>
      <c r="IWU23" s="8"/>
      <c r="IWV23" s="8"/>
      <c r="IWW23" s="8"/>
      <c r="IWX23" s="8"/>
      <c r="IWY23" s="8"/>
      <c r="IWZ23" s="8"/>
      <c r="IXA23" s="8"/>
      <c r="IXB23" s="8"/>
      <c r="IXC23" s="8"/>
      <c r="IXD23" s="8"/>
      <c r="IXE23" s="8"/>
      <c r="IXF23" s="8"/>
      <c r="IXG23" s="8"/>
      <c r="IXH23" s="8"/>
      <c r="IXI23" s="8"/>
      <c r="IXJ23" s="8"/>
      <c r="IXK23" s="8"/>
      <c r="IXL23" s="8"/>
      <c r="IXM23" s="8"/>
      <c r="IXN23" s="8"/>
      <c r="IXO23" s="8"/>
      <c r="IXP23" s="8"/>
      <c r="IXQ23" s="8"/>
      <c r="IXR23" s="8"/>
      <c r="IXS23" s="8"/>
      <c r="IXT23" s="8"/>
      <c r="IXU23" s="8"/>
      <c r="IXV23" s="8"/>
      <c r="IXW23" s="8"/>
      <c r="IXX23" s="8"/>
      <c r="IXY23" s="8"/>
      <c r="IXZ23" s="8"/>
      <c r="IYA23" s="8"/>
      <c r="IYB23" s="8"/>
      <c r="IYC23" s="8"/>
      <c r="IYD23" s="8"/>
      <c r="IYE23" s="8"/>
      <c r="IYF23" s="8"/>
      <c r="IYG23" s="8"/>
      <c r="IYH23" s="8"/>
      <c r="IYI23" s="8"/>
      <c r="IYJ23" s="8"/>
      <c r="IYK23" s="8"/>
      <c r="IYL23" s="8"/>
      <c r="IYM23" s="8"/>
      <c r="IYN23" s="8"/>
      <c r="IYO23" s="8"/>
      <c r="IYP23" s="8"/>
      <c r="IYQ23" s="8"/>
      <c r="IYR23" s="8"/>
      <c r="IYS23" s="8"/>
      <c r="IYT23" s="8"/>
      <c r="IYU23" s="8"/>
      <c r="IYV23" s="8"/>
      <c r="IYW23" s="8"/>
      <c r="IYX23" s="8"/>
      <c r="IYY23" s="8"/>
      <c r="IYZ23" s="8"/>
      <c r="IZA23" s="8"/>
      <c r="IZB23" s="8"/>
      <c r="IZC23" s="8"/>
      <c r="IZD23" s="8"/>
      <c r="IZE23" s="8"/>
      <c r="IZF23" s="8"/>
      <c r="IZG23" s="8"/>
      <c r="IZH23" s="8"/>
      <c r="IZI23" s="8"/>
      <c r="IZJ23" s="8"/>
      <c r="IZK23" s="8"/>
      <c r="IZL23" s="8"/>
      <c r="IZM23" s="8"/>
      <c r="IZN23" s="8"/>
      <c r="IZO23" s="8"/>
      <c r="IZP23" s="8"/>
      <c r="IZQ23" s="8"/>
      <c r="IZR23" s="8"/>
      <c r="IZS23" s="8"/>
      <c r="IZT23" s="8"/>
      <c r="IZU23" s="8"/>
      <c r="IZV23" s="8"/>
      <c r="IZW23" s="8"/>
      <c r="IZX23" s="8"/>
      <c r="IZY23" s="8"/>
      <c r="IZZ23" s="8"/>
      <c r="JAA23" s="8"/>
      <c r="JAB23" s="8"/>
      <c r="JAC23" s="8"/>
      <c r="JAD23" s="8"/>
      <c r="JAE23" s="8"/>
      <c r="JAF23" s="8"/>
      <c r="JAG23" s="8"/>
      <c r="JAH23" s="8"/>
      <c r="JAI23" s="8"/>
      <c r="JAJ23" s="8"/>
      <c r="JAK23" s="8"/>
      <c r="JAL23" s="8"/>
      <c r="JAM23" s="8"/>
      <c r="JAN23" s="8"/>
      <c r="JAO23" s="8"/>
      <c r="JAP23" s="8"/>
      <c r="JAQ23" s="8"/>
      <c r="JAR23" s="8"/>
      <c r="JAS23" s="8"/>
      <c r="JAT23" s="8"/>
      <c r="JAU23" s="8"/>
      <c r="JAV23" s="8"/>
      <c r="JAW23" s="8"/>
      <c r="JAX23" s="8"/>
      <c r="JAY23" s="8"/>
      <c r="JAZ23" s="8"/>
      <c r="JBA23" s="8"/>
      <c r="JBB23" s="8"/>
      <c r="JBC23" s="8"/>
      <c r="JBD23" s="8"/>
      <c r="JBE23" s="8"/>
      <c r="JBF23" s="8"/>
      <c r="JBG23" s="8"/>
      <c r="JBH23" s="8"/>
      <c r="JBI23" s="8"/>
      <c r="JBJ23" s="8"/>
      <c r="JBK23" s="8"/>
      <c r="JBL23" s="8"/>
      <c r="JBM23" s="8"/>
      <c r="JBN23" s="8"/>
      <c r="JBO23" s="8"/>
      <c r="JBP23" s="8"/>
      <c r="JBQ23" s="8"/>
      <c r="JBR23" s="8"/>
      <c r="JBS23" s="8"/>
      <c r="JBT23" s="8"/>
      <c r="JBU23" s="8"/>
      <c r="JBV23" s="8"/>
      <c r="JBW23" s="8"/>
      <c r="JBX23" s="8"/>
      <c r="JBY23" s="8"/>
      <c r="JBZ23" s="8"/>
      <c r="JCA23" s="8"/>
      <c r="JCB23" s="8"/>
      <c r="JCC23" s="8"/>
      <c r="JCD23" s="8"/>
      <c r="JCE23" s="8"/>
      <c r="JCF23" s="8"/>
      <c r="JCG23" s="8"/>
      <c r="JCH23" s="8"/>
      <c r="JCI23" s="8"/>
      <c r="JCJ23" s="8"/>
      <c r="JCK23" s="8"/>
      <c r="JCL23" s="8"/>
      <c r="JCM23" s="8"/>
      <c r="JCN23" s="8"/>
      <c r="JCO23" s="8"/>
      <c r="JCP23" s="8"/>
      <c r="JCQ23" s="8"/>
      <c r="JCR23" s="8"/>
      <c r="JCS23" s="8"/>
      <c r="JCT23" s="8"/>
      <c r="JCU23" s="8"/>
      <c r="JCV23" s="8"/>
      <c r="JCW23" s="8"/>
      <c r="JCX23" s="8"/>
      <c r="JCY23" s="8"/>
      <c r="JCZ23" s="8"/>
      <c r="JDA23" s="8"/>
      <c r="JDB23" s="8"/>
      <c r="JDC23" s="8"/>
      <c r="JDD23" s="8"/>
      <c r="JDE23" s="8"/>
      <c r="JDF23" s="8"/>
      <c r="JDG23" s="8"/>
      <c r="JDH23" s="8"/>
      <c r="JDI23" s="8"/>
      <c r="JDJ23" s="8"/>
      <c r="JDK23" s="8"/>
      <c r="JDL23" s="8"/>
      <c r="JDM23" s="8"/>
      <c r="JDN23" s="8"/>
      <c r="JDO23" s="8"/>
      <c r="JDP23" s="8"/>
      <c r="JDQ23" s="8"/>
      <c r="JDR23" s="8"/>
      <c r="JDS23" s="8"/>
      <c r="JDT23" s="8"/>
      <c r="JDU23" s="8"/>
      <c r="JDV23" s="8"/>
      <c r="JDW23" s="8"/>
      <c r="JDX23" s="8"/>
      <c r="JDY23" s="8"/>
      <c r="JDZ23" s="8"/>
      <c r="JEA23" s="8"/>
      <c r="JEB23" s="8"/>
      <c r="JEC23" s="8"/>
      <c r="JED23" s="8"/>
      <c r="JEE23" s="8"/>
      <c r="JEF23" s="8"/>
      <c r="JEG23" s="8"/>
      <c r="JEH23" s="8"/>
      <c r="JEI23" s="8"/>
      <c r="JEJ23" s="8"/>
      <c r="JEK23" s="8"/>
      <c r="JEL23" s="8"/>
      <c r="JEM23" s="8"/>
      <c r="JEN23" s="8"/>
      <c r="JEO23" s="8"/>
      <c r="JEP23" s="8"/>
      <c r="JEQ23" s="8"/>
      <c r="JER23" s="8"/>
      <c r="JES23" s="8"/>
      <c r="JET23" s="8"/>
      <c r="JEU23" s="8"/>
      <c r="JEV23" s="8"/>
      <c r="JEW23" s="8"/>
      <c r="JEX23" s="8"/>
      <c r="JEY23" s="8"/>
      <c r="JEZ23" s="8"/>
      <c r="JFA23" s="8"/>
      <c r="JFB23" s="8"/>
      <c r="JFC23" s="8"/>
      <c r="JFD23" s="8"/>
      <c r="JFE23" s="8"/>
      <c r="JFF23" s="8"/>
      <c r="JFG23" s="8"/>
      <c r="JFH23" s="8"/>
      <c r="JFI23" s="8"/>
      <c r="JFJ23" s="8"/>
      <c r="JFK23" s="8"/>
      <c r="JFL23" s="8"/>
      <c r="JFM23" s="8"/>
      <c r="JFN23" s="8"/>
      <c r="JFO23" s="8"/>
      <c r="JFP23" s="8"/>
      <c r="JFQ23" s="8"/>
      <c r="JFR23" s="8"/>
      <c r="JFS23" s="8"/>
      <c r="JFT23" s="8"/>
      <c r="JFU23" s="8"/>
      <c r="JFV23" s="8"/>
      <c r="JFW23" s="8"/>
      <c r="JFX23" s="8"/>
      <c r="JFY23" s="8"/>
      <c r="JFZ23" s="8"/>
      <c r="JGA23" s="8"/>
      <c r="JGB23" s="8"/>
      <c r="JGC23" s="8"/>
      <c r="JGD23" s="8"/>
      <c r="JGE23" s="8"/>
      <c r="JGF23" s="8"/>
      <c r="JGG23" s="8"/>
      <c r="JGH23" s="8"/>
      <c r="JGI23" s="8"/>
      <c r="JGJ23" s="8"/>
      <c r="JGK23" s="8"/>
      <c r="JGL23" s="8"/>
      <c r="JGM23" s="8"/>
      <c r="JGN23" s="8"/>
      <c r="JGO23" s="8"/>
      <c r="JGP23" s="8"/>
      <c r="JGQ23" s="8"/>
      <c r="JGR23" s="8"/>
      <c r="JGS23" s="8"/>
      <c r="JGT23" s="8"/>
      <c r="JGU23" s="8"/>
      <c r="JGV23" s="8"/>
      <c r="JGW23" s="8"/>
      <c r="JGX23" s="8"/>
      <c r="JGY23" s="8"/>
      <c r="JGZ23" s="8"/>
      <c r="JHA23" s="8"/>
      <c r="JHB23" s="8"/>
      <c r="JHC23" s="8"/>
      <c r="JHD23" s="8"/>
      <c r="JHE23" s="8"/>
      <c r="JHF23" s="8"/>
      <c r="JHG23" s="8"/>
      <c r="JHH23" s="8"/>
      <c r="JHI23" s="8"/>
      <c r="JHJ23" s="8"/>
      <c r="JHK23" s="8"/>
      <c r="JHL23" s="8"/>
      <c r="JHM23" s="8"/>
      <c r="JHN23" s="8"/>
      <c r="JHO23" s="8"/>
      <c r="JHP23" s="8"/>
      <c r="JHQ23" s="8"/>
      <c r="JHR23" s="8"/>
      <c r="JHS23" s="8"/>
      <c r="JHT23" s="8"/>
      <c r="JHU23" s="8"/>
      <c r="JHV23" s="8"/>
      <c r="JHW23" s="8"/>
      <c r="JHX23" s="8"/>
      <c r="JHY23" s="8"/>
      <c r="JHZ23" s="8"/>
      <c r="JIA23" s="8"/>
      <c r="JIB23" s="8"/>
      <c r="JIC23" s="8"/>
      <c r="JID23" s="8"/>
      <c r="JIE23" s="8"/>
      <c r="JIF23" s="8"/>
      <c r="JIG23" s="8"/>
      <c r="JIH23" s="8"/>
      <c r="JII23" s="8"/>
      <c r="JIJ23" s="8"/>
      <c r="JIK23" s="8"/>
      <c r="JIL23" s="8"/>
      <c r="JIM23" s="8"/>
      <c r="JIN23" s="8"/>
      <c r="JIO23" s="8"/>
      <c r="JIP23" s="8"/>
      <c r="JIQ23" s="8"/>
      <c r="JIR23" s="8"/>
      <c r="JIS23" s="8"/>
      <c r="JIT23" s="8"/>
      <c r="JIU23" s="8"/>
      <c r="JIV23" s="8"/>
      <c r="JIW23" s="8"/>
      <c r="JIX23" s="8"/>
      <c r="JIY23" s="8"/>
      <c r="JIZ23" s="8"/>
      <c r="JJA23" s="8"/>
      <c r="JJB23" s="8"/>
      <c r="JJC23" s="8"/>
      <c r="JJD23" s="8"/>
      <c r="JJE23" s="8"/>
      <c r="JJF23" s="8"/>
      <c r="JJG23" s="8"/>
      <c r="JJH23" s="8"/>
      <c r="JJI23" s="8"/>
      <c r="JJJ23" s="8"/>
      <c r="JJK23" s="8"/>
      <c r="JJL23" s="8"/>
      <c r="JJM23" s="8"/>
      <c r="JJN23" s="8"/>
      <c r="JJO23" s="8"/>
      <c r="JJP23" s="8"/>
      <c r="JJQ23" s="8"/>
      <c r="JJR23" s="8"/>
      <c r="JJS23" s="8"/>
      <c r="JJT23" s="8"/>
      <c r="JJU23" s="8"/>
      <c r="JJV23" s="8"/>
      <c r="JJW23" s="8"/>
      <c r="JJX23" s="8"/>
      <c r="JJY23" s="8"/>
      <c r="JJZ23" s="8"/>
      <c r="JKA23" s="8"/>
      <c r="JKB23" s="8"/>
      <c r="JKC23" s="8"/>
      <c r="JKD23" s="8"/>
      <c r="JKE23" s="8"/>
      <c r="JKF23" s="8"/>
      <c r="JKG23" s="8"/>
      <c r="JKH23" s="8"/>
      <c r="JKI23" s="8"/>
      <c r="JKJ23" s="8"/>
      <c r="JKK23" s="8"/>
      <c r="JKL23" s="8"/>
      <c r="JKM23" s="8"/>
      <c r="JKN23" s="8"/>
      <c r="JKO23" s="8"/>
      <c r="JKP23" s="8"/>
      <c r="JKQ23" s="8"/>
      <c r="JKR23" s="8"/>
      <c r="JKS23" s="8"/>
      <c r="JKT23" s="8"/>
      <c r="JKU23" s="8"/>
      <c r="JKV23" s="8"/>
      <c r="JKW23" s="8"/>
      <c r="JKX23" s="8"/>
      <c r="JKY23" s="8"/>
      <c r="JKZ23" s="8"/>
      <c r="JLA23" s="8"/>
      <c r="JLB23" s="8"/>
      <c r="JLC23" s="8"/>
      <c r="JLD23" s="8"/>
      <c r="JLE23" s="8"/>
      <c r="JLF23" s="8"/>
      <c r="JLG23" s="8"/>
      <c r="JLH23" s="8"/>
      <c r="JLI23" s="8"/>
      <c r="JLJ23" s="8"/>
      <c r="JLK23" s="8"/>
      <c r="JLL23" s="8"/>
      <c r="JLM23" s="8"/>
      <c r="JLN23" s="8"/>
      <c r="JLO23" s="8"/>
      <c r="JLP23" s="8"/>
      <c r="JLQ23" s="8"/>
      <c r="JLR23" s="8"/>
      <c r="JLS23" s="8"/>
      <c r="JLT23" s="8"/>
      <c r="JLU23" s="8"/>
      <c r="JLV23" s="8"/>
      <c r="JLW23" s="8"/>
      <c r="JLX23" s="8"/>
      <c r="JLY23" s="8"/>
      <c r="JLZ23" s="8"/>
      <c r="JMA23" s="8"/>
      <c r="JMB23" s="8"/>
      <c r="JMC23" s="8"/>
      <c r="JMD23" s="8"/>
      <c r="JME23" s="8"/>
      <c r="JMF23" s="8"/>
      <c r="JMG23" s="8"/>
      <c r="JMH23" s="8"/>
      <c r="JMI23" s="8"/>
      <c r="JMJ23" s="8"/>
      <c r="JMK23" s="8"/>
      <c r="JML23" s="8"/>
      <c r="JMM23" s="8"/>
      <c r="JMN23" s="8"/>
      <c r="JMO23" s="8"/>
      <c r="JMP23" s="8"/>
      <c r="JMQ23" s="8"/>
      <c r="JMR23" s="8"/>
      <c r="JMS23" s="8"/>
      <c r="JMT23" s="8"/>
      <c r="JMU23" s="8"/>
      <c r="JMV23" s="8"/>
      <c r="JMW23" s="8"/>
      <c r="JMX23" s="8"/>
      <c r="JMY23" s="8"/>
      <c r="JMZ23" s="8"/>
      <c r="JNA23" s="8"/>
      <c r="JNB23" s="8"/>
      <c r="JNC23" s="8"/>
      <c r="JND23" s="8"/>
      <c r="JNE23" s="8"/>
      <c r="JNF23" s="8"/>
      <c r="JNG23" s="8"/>
      <c r="JNH23" s="8"/>
      <c r="JNI23" s="8"/>
      <c r="JNJ23" s="8"/>
      <c r="JNK23" s="8"/>
      <c r="JNL23" s="8"/>
      <c r="JNM23" s="8"/>
      <c r="JNN23" s="8"/>
      <c r="JNO23" s="8"/>
      <c r="JNP23" s="8"/>
      <c r="JNQ23" s="8"/>
      <c r="JNR23" s="8"/>
      <c r="JNS23" s="8"/>
      <c r="JNT23" s="8"/>
      <c r="JNU23" s="8"/>
      <c r="JNV23" s="8"/>
      <c r="JNW23" s="8"/>
      <c r="JNX23" s="8"/>
      <c r="JNY23" s="8"/>
      <c r="JNZ23" s="8"/>
      <c r="JOA23" s="8"/>
      <c r="JOB23" s="8"/>
      <c r="JOC23" s="8"/>
      <c r="JOD23" s="8"/>
      <c r="JOE23" s="8"/>
      <c r="JOF23" s="8"/>
      <c r="JOG23" s="8"/>
      <c r="JOH23" s="8"/>
      <c r="JOI23" s="8"/>
      <c r="JOJ23" s="8"/>
      <c r="JOK23" s="8"/>
      <c r="JOL23" s="8"/>
      <c r="JOM23" s="8"/>
      <c r="JON23" s="8"/>
      <c r="JOO23" s="8"/>
      <c r="JOP23" s="8"/>
      <c r="JOQ23" s="8"/>
      <c r="JOR23" s="8"/>
      <c r="JOS23" s="8"/>
      <c r="JOT23" s="8"/>
      <c r="JOU23" s="8"/>
      <c r="JOV23" s="8"/>
      <c r="JOW23" s="8"/>
      <c r="JOX23" s="8"/>
      <c r="JOY23" s="8"/>
      <c r="JOZ23" s="8"/>
      <c r="JPA23" s="8"/>
      <c r="JPB23" s="8"/>
      <c r="JPC23" s="8"/>
      <c r="JPD23" s="8"/>
      <c r="JPE23" s="8"/>
      <c r="JPF23" s="8"/>
      <c r="JPG23" s="8"/>
      <c r="JPH23" s="8"/>
      <c r="JPI23" s="8"/>
      <c r="JPJ23" s="8"/>
      <c r="JPK23" s="8"/>
      <c r="JPL23" s="8"/>
      <c r="JPM23" s="8"/>
      <c r="JPN23" s="8"/>
      <c r="JPO23" s="8"/>
      <c r="JPP23" s="8"/>
      <c r="JPQ23" s="8"/>
      <c r="JPR23" s="8"/>
      <c r="JPS23" s="8"/>
      <c r="JPT23" s="8"/>
      <c r="JPU23" s="8"/>
      <c r="JPV23" s="8"/>
      <c r="JPW23" s="8"/>
      <c r="JPX23" s="8"/>
      <c r="JPY23" s="8"/>
      <c r="JPZ23" s="8"/>
      <c r="JQA23" s="8"/>
      <c r="JQB23" s="8"/>
      <c r="JQC23" s="8"/>
      <c r="JQD23" s="8"/>
      <c r="JQE23" s="8"/>
      <c r="JQF23" s="8"/>
      <c r="JQG23" s="8"/>
      <c r="JQH23" s="8"/>
      <c r="JQI23" s="8"/>
      <c r="JQJ23" s="8"/>
      <c r="JQK23" s="8"/>
      <c r="JQL23" s="8"/>
      <c r="JQM23" s="8"/>
      <c r="JQN23" s="8"/>
      <c r="JQO23" s="8"/>
      <c r="JQP23" s="8"/>
      <c r="JQQ23" s="8"/>
      <c r="JQR23" s="8"/>
      <c r="JQS23" s="8"/>
      <c r="JQT23" s="8"/>
      <c r="JQU23" s="8"/>
      <c r="JQV23" s="8"/>
      <c r="JQW23" s="8"/>
      <c r="JQX23" s="8"/>
      <c r="JQY23" s="8"/>
      <c r="JQZ23" s="8"/>
      <c r="JRA23" s="8"/>
      <c r="JRB23" s="8"/>
      <c r="JRC23" s="8"/>
      <c r="JRD23" s="8"/>
      <c r="JRE23" s="8"/>
      <c r="JRF23" s="8"/>
      <c r="JRG23" s="8"/>
      <c r="JRH23" s="8"/>
      <c r="JRI23" s="8"/>
      <c r="JRJ23" s="8"/>
      <c r="JRK23" s="8"/>
      <c r="JRL23" s="8"/>
      <c r="JRM23" s="8"/>
      <c r="JRN23" s="8"/>
      <c r="JRO23" s="8"/>
      <c r="JRP23" s="8"/>
      <c r="JRQ23" s="8"/>
      <c r="JRR23" s="8"/>
      <c r="JRS23" s="8"/>
      <c r="JRT23" s="8"/>
      <c r="JRU23" s="8"/>
      <c r="JRV23" s="8"/>
      <c r="JRW23" s="8"/>
      <c r="JRX23" s="8"/>
      <c r="JRY23" s="8"/>
      <c r="JRZ23" s="8"/>
      <c r="JSA23" s="8"/>
      <c r="JSB23" s="8"/>
      <c r="JSC23" s="8"/>
      <c r="JSD23" s="8"/>
      <c r="JSE23" s="8"/>
      <c r="JSF23" s="8"/>
      <c r="JSG23" s="8"/>
      <c r="JSH23" s="8"/>
      <c r="JSI23" s="8"/>
      <c r="JSJ23" s="8"/>
      <c r="JSK23" s="8"/>
      <c r="JSL23" s="8"/>
      <c r="JSM23" s="8"/>
      <c r="JSN23" s="8"/>
      <c r="JSO23" s="8"/>
      <c r="JSP23" s="8"/>
      <c r="JSQ23" s="8"/>
      <c r="JSR23" s="8"/>
      <c r="JSS23" s="8"/>
      <c r="JST23" s="8"/>
      <c r="JSU23" s="8"/>
      <c r="JSV23" s="8"/>
      <c r="JSW23" s="8"/>
      <c r="JSX23" s="8"/>
      <c r="JSY23" s="8"/>
      <c r="JSZ23" s="8"/>
      <c r="JTA23" s="8"/>
      <c r="JTB23" s="8"/>
      <c r="JTC23" s="8"/>
      <c r="JTD23" s="8"/>
      <c r="JTE23" s="8"/>
      <c r="JTF23" s="8"/>
      <c r="JTG23" s="8"/>
      <c r="JTH23" s="8"/>
      <c r="JTI23" s="8"/>
      <c r="JTJ23" s="8"/>
      <c r="JTK23" s="8"/>
      <c r="JTL23" s="8"/>
      <c r="JTM23" s="8"/>
      <c r="JTN23" s="8"/>
      <c r="JTO23" s="8"/>
      <c r="JTP23" s="8"/>
      <c r="JTQ23" s="8"/>
      <c r="JTR23" s="8"/>
      <c r="JTS23" s="8"/>
      <c r="JTT23" s="8"/>
      <c r="JTU23" s="8"/>
      <c r="JTV23" s="8"/>
      <c r="JTW23" s="8"/>
      <c r="JTX23" s="8"/>
      <c r="JTY23" s="8"/>
      <c r="JTZ23" s="8"/>
      <c r="JUA23" s="8"/>
      <c r="JUB23" s="8"/>
      <c r="JUC23" s="8"/>
      <c r="JUD23" s="8"/>
      <c r="JUE23" s="8"/>
      <c r="JUF23" s="8"/>
      <c r="JUG23" s="8"/>
      <c r="JUH23" s="8"/>
      <c r="JUI23" s="8"/>
      <c r="JUJ23" s="8"/>
      <c r="JUK23" s="8"/>
      <c r="JUL23" s="8"/>
      <c r="JUM23" s="8"/>
      <c r="JUN23" s="8"/>
      <c r="JUO23" s="8"/>
      <c r="JUP23" s="8"/>
      <c r="JUQ23" s="8"/>
      <c r="JUR23" s="8"/>
      <c r="JUS23" s="8"/>
      <c r="JUT23" s="8"/>
      <c r="JUU23" s="8"/>
      <c r="JUV23" s="8"/>
      <c r="JUW23" s="8"/>
      <c r="JUX23" s="8"/>
      <c r="JUY23" s="8"/>
      <c r="JUZ23" s="8"/>
      <c r="JVA23" s="8"/>
      <c r="JVB23" s="8"/>
      <c r="JVC23" s="8"/>
      <c r="JVD23" s="8"/>
      <c r="JVE23" s="8"/>
      <c r="JVF23" s="8"/>
      <c r="JVG23" s="8"/>
      <c r="JVH23" s="8"/>
      <c r="JVI23" s="8"/>
      <c r="JVJ23" s="8"/>
      <c r="JVK23" s="8"/>
      <c r="JVL23" s="8"/>
      <c r="JVM23" s="8"/>
      <c r="JVN23" s="8"/>
      <c r="JVO23" s="8"/>
      <c r="JVP23" s="8"/>
      <c r="JVQ23" s="8"/>
      <c r="JVR23" s="8"/>
      <c r="JVS23" s="8"/>
      <c r="JVT23" s="8"/>
      <c r="JVU23" s="8"/>
      <c r="JVV23" s="8"/>
      <c r="JVW23" s="8"/>
      <c r="JVX23" s="8"/>
      <c r="JVY23" s="8"/>
      <c r="JVZ23" s="8"/>
      <c r="JWA23" s="8"/>
      <c r="JWB23" s="8"/>
      <c r="JWC23" s="8"/>
      <c r="JWD23" s="8"/>
      <c r="JWE23" s="8"/>
      <c r="JWF23" s="8"/>
      <c r="JWG23" s="8"/>
      <c r="JWH23" s="8"/>
      <c r="JWI23" s="8"/>
      <c r="JWJ23" s="8"/>
      <c r="JWK23" s="8"/>
      <c r="JWL23" s="8"/>
      <c r="JWM23" s="8"/>
      <c r="JWN23" s="8"/>
      <c r="JWO23" s="8"/>
      <c r="JWP23" s="8"/>
      <c r="JWQ23" s="8"/>
      <c r="JWR23" s="8"/>
      <c r="JWS23" s="8"/>
      <c r="JWT23" s="8"/>
      <c r="JWU23" s="8"/>
      <c r="JWV23" s="8"/>
      <c r="JWW23" s="8"/>
      <c r="JWX23" s="8"/>
      <c r="JWY23" s="8"/>
      <c r="JWZ23" s="8"/>
      <c r="JXA23" s="8"/>
      <c r="JXB23" s="8"/>
      <c r="JXC23" s="8"/>
      <c r="JXD23" s="8"/>
      <c r="JXE23" s="8"/>
      <c r="JXF23" s="8"/>
      <c r="JXG23" s="8"/>
      <c r="JXH23" s="8"/>
      <c r="JXI23" s="8"/>
      <c r="JXJ23" s="8"/>
      <c r="JXK23" s="8"/>
      <c r="JXL23" s="8"/>
      <c r="JXM23" s="8"/>
      <c r="JXN23" s="8"/>
      <c r="JXO23" s="8"/>
      <c r="JXP23" s="8"/>
      <c r="JXQ23" s="8"/>
      <c r="JXR23" s="8"/>
      <c r="JXS23" s="8"/>
      <c r="JXT23" s="8"/>
      <c r="JXU23" s="8"/>
      <c r="JXV23" s="8"/>
      <c r="JXW23" s="8"/>
      <c r="JXX23" s="8"/>
      <c r="JXY23" s="8"/>
      <c r="JXZ23" s="8"/>
      <c r="JYA23" s="8"/>
      <c r="JYB23" s="8"/>
      <c r="JYC23" s="8"/>
      <c r="JYD23" s="8"/>
      <c r="JYE23" s="8"/>
      <c r="JYF23" s="8"/>
      <c r="JYG23" s="8"/>
      <c r="JYH23" s="8"/>
      <c r="JYI23" s="8"/>
      <c r="JYJ23" s="8"/>
      <c r="JYK23" s="8"/>
      <c r="JYL23" s="8"/>
      <c r="JYM23" s="8"/>
      <c r="JYN23" s="8"/>
      <c r="JYO23" s="8"/>
      <c r="JYP23" s="8"/>
      <c r="JYQ23" s="8"/>
      <c r="JYR23" s="8"/>
      <c r="JYS23" s="8"/>
      <c r="JYT23" s="8"/>
      <c r="JYU23" s="8"/>
      <c r="JYV23" s="8"/>
      <c r="JYW23" s="8"/>
      <c r="JYX23" s="8"/>
      <c r="JYY23" s="8"/>
      <c r="JYZ23" s="8"/>
      <c r="JZA23" s="8"/>
      <c r="JZB23" s="8"/>
      <c r="JZC23" s="8"/>
      <c r="JZD23" s="8"/>
      <c r="JZE23" s="8"/>
      <c r="JZF23" s="8"/>
      <c r="JZG23" s="8"/>
      <c r="JZH23" s="8"/>
      <c r="JZI23" s="8"/>
      <c r="JZJ23" s="8"/>
      <c r="JZK23" s="8"/>
      <c r="JZL23" s="8"/>
      <c r="JZM23" s="8"/>
      <c r="JZN23" s="8"/>
      <c r="JZO23" s="8"/>
      <c r="JZP23" s="8"/>
      <c r="JZQ23" s="8"/>
      <c r="JZR23" s="8"/>
      <c r="JZS23" s="8"/>
      <c r="JZT23" s="8"/>
      <c r="JZU23" s="8"/>
      <c r="JZV23" s="8"/>
      <c r="JZW23" s="8"/>
      <c r="JZX23" s="8"/>
      <c r="JZY23" s="8"/>
      <c r="JZZ23" s="8"/>
      <c r="KAA23" s="8"/>
      <c r="KAB23" s="8"/>
      <c r="KAC23" s="8"/>
      <c r="KAD23" s="8"/>
      <c r="KAE23" s="8"/>
      <c r="KAF23" s="8"/>
      <c r="KAG23" s="8"/>
      <c r="KAH23" s="8"/>
      <c r="KAI23" s="8"/>
      <c r="KAJ23" s="8"/>
      <c r="KAK23" s="8"/>
      <c r="KAL23" s="8"/>
      <c r="KAM23" s="8"/>
      <c r="KAN23" s="8"/>
      <c r="KAO23" s="8"/>
      <c r="KAP23" s="8"/>
      <c r="KAQ23" s="8"/>
      <c r="KAR23" s="8"/>
      <c r="KAS23" s="8"/>
      <c r="KAT23" s="8"/>
      <c r="KAU23" s="8"/>
      <c r="KAV23" s="8"/>
      <c r="KAW23" s="8"/>
      <c r="KAX23" s="8"/>
      <c r="KAY23" s="8"/>
      <c r="KAZ23" s="8"/>
      <c r="KBA23" s="8"/>
      <c r="KBB23" s="8"/>
      <c r="KBC23" s="8"/>
      <c r="KBD23" s="8"/>
      <c r="KBE23" s="8"/>
      <c r="KBF23" s="8"/>
      <c r="KBG23" s="8"/>
      <c r="KBH23" s="8"/>
      <c r="KBI23" s="8"/>
      <c r="KBJ23" s="8"/>
      <c r="KBK23" s="8"/>
      <c r="KBL23" s="8"/>
      <c r="KBM23" s="8"/>
      <c r="KBN23" s="8"/>
      <c r="KBO23" s="8"/>
      <c r="KBP23" s="8"/>
      <c r="KBQ23" s="8"/>
      <c r="KBR23" s="8"/>
      <c r="KBS23" s="8"/>
      <c r="KBT23" s="8"/>
      <c r="KBU23" s="8"/>
      <c r="KBV23" s="8"/>
      <c r="KBW23" s="8"/>
      <c r="KBX23" s="8"/>
      <c r="KBY23" s="8"/>
      <c r="KBZ23" s="8"/>
      <c r="KCA23" s="8"/>
      <c r="KCB23" s="8"/>
      <c r="KCC23" s="8"/>
      <c r="KCD23" s="8"/>
      <c r="KCE23" s="8"/>
      <c r="KCF23" s="8"/>
      <c r="KCG23" s="8"/>
      <c r="KCH23" s="8"/>
      <c r="KCI23" s="8"/>
      <c r="KCJ23" s="8"/>
      <c r="KCK23" s="8"/>
      <c r="KCL23" s="8"/>
      <c r="KCM23" s="8"/>
      <c r="KCN23" s="8"/>
      <c r="KCO23" s="8"/>
      <c r="KCP23" s="8"/>
      <c r="KCQ23" s="8"/>
      <c r="KCR23" s="8"/>
      <c r="KCS23" s="8"/>
      <c r="KCT23" s="8"/>
      <c r="KCU23" s="8"/>
      <c r="KCV23" s="8"/>
      <c r="KCW23" s="8"/>
      <c r="KCX23" s="8"/>
      <c r="KCY23" s="8"/>
      <c r="KCZ23" s="8"/>
      <c r="KDA23" s="8"/>
      <c r="KDB23" s="8"/>
      <c r="KDC23" s="8"/>
      <c r="KDD23" s="8"/>
      <c r="KDE23" s="8"/>
      <c r="KDF23" s="8"/>
      <c r="KDG23" s="8"/>
      <c r="KDH23" s="8"/>
      <c r="KDI23" s="8"/>
      <c r="KDJ23" s="8"/>
      <c r="KDK23" s="8"/>
      <c r="KDL23" s="8"/>
      <c r="KDM23" s="8"/>
      <c r="KDN23" s="8"/>
      <c r="KDO23" s="8"/>
      <c r="KDP23" s="8"/>
      <c r="KDQ23" s="8"/>
      <c r="KDR23" s="8"/>
      <c r="KDS23" s="8"/>
      <c r="KDT23" s="8"/>
      <c r="KDU23" s="8"/>
      <c r="KDV23" s="8"/>
      <c r="KDW23" s="8"/>
      <c r="KDX23" s="8"/>
      <c r="KDY23" s="8"/>
      <c r="KDZ23" s="8"/>
      <c r="KEA23" s="8"/>
      <c r="KEB23" s="8"/>
      <c r="KEC23" s="8"/>
      <c r="KED23" s="8"/>
      <c r="KEE23" s="8"/>
      <c r="KEF23" s="8"/>
      <c r="KEG23" s="8"/>
      <c r="KEH23" s="8"/>
      <c r="KEI23" s="8"/>
      <c r="KEJ23" s="8"/>
      <c r="KEK23" s="8"/>
      <c r="KEL23" s="8"/>
      <c r="KEM23" s="8"/>
      <c r="KEN23" s="8"/>
      <c r="KEO23" s="8"/>
      <c r="KEP23" s="8"/>
      <c r="KEQ23" s="8"/>
      <c r="KER23" s="8"/>
      <c r="KES23" s="8"/>
      <c r="KET23" s="8"/>
      <c r="KEU23" s="8"/>
      <c r="KEV23" s="8"/>
      <c r="KEW23" s="8"/>
      <c r="KEX23" s="8"/>
      <c r="KEY23" s="8"/>
      <c r="KEZ23" s="8"/>
      <c r="KFA23" s="8"/>
      <c r="KFB23" s="8"/>
      <c r="KFC23" s="8"/>
      <c r="KFD23" s="8"/>
      <c r="KFE23" s="8"/>
      <c r="KFF23" s="8"/>
      <c r="KFG23" s="8"/>
      <c r="KFH23" s="8"/>
      <c r="KFI23" s="8"/>
      <c r="KFJ23" s="8"/>
      <c r="KFK23" s="8"/>
      <c r="KFL23" s="8"/>
      <c r="KFM23" s="8"/>
      <c r="KFN23" s="8"/>
      <c r="KFO23" s="8"/>
      <c r="KFP23" s="8"/>
      <c r="KFQ23" s="8"/>
      <c r="KFR23" s="8"/>
      <c r="KFS23" s="8"/>
      <c r="KFT23" s="8"/>
      <c r="KFU23" s="8"/>
      <c r="KFV23" s="8"/>
      <c r="KFW23" s="8"/>
      <c r="KFX23" s="8"/>
      <c r="KFY23" s="8"/>
      <c r="KFZ23" s="8"/>
      <c r="KGA23" s="8"/>
      <c r="KGB23" s="8"/>
      <c r="KGC23" s="8"/>
      <c r="KGD23" s="8"/>
      <c r="KGE23" s="8"/>
      <c r="KGF23" s="8"/>
      <c r="KGG23" s="8"/>
      <c r="KGH23" s="8"/>
      <c r="KGI23" s="8"/>
      <c r="KGJ23" s="8"/>
      <c r="KGK23" s="8"/>
      <c r="KGL23" s="8"/>
      <c r="KGM23" s="8"/>
      <c r="KGN23" s="8"/>
      <c r="KGO23" s="8"/>
      <c r="KGP23" s="8"/>
      <c r="KGQ23" s="8"/>
      <c r="KGR23" s="8"/>
      <c r="KGS23" s="8"/>
      <c r="KGT23" s="8"/>
      <c r="KGU23" s="8"/>
      <c r="KGV23" s="8"/>
      <c r="KGW23" s="8"/>
      <c r="KGX23" s="8"/>
      <c r="KGY23" s="8"/>
      <c r="KGZ23" s="8"/>
      <c r="KHA23" s="8"/>
      <c r="KHB23" s="8"/>
      <c r="KHC23" s="8"/>
      <c r="KHD23" s="8"/>
      <c r="KHE23" s="8"/>
      <c r="KHF23" s="8"/>
      <c r="KHG23" s="8"/>
      <c r="KHH23" s="8"/>
      <c r="KHI23" s="8"/>
      <c r="KHJ23" s="8"/>
      <c r="KHK23" s="8"/>
      <c r="KHL23" s="8"/>
      <c r="KHM23" s="8"/>
      <c r="KHN23" s="8"/>
      <c r="KHO23" s="8"/>
      <c r="KHP23" s="8"/>
      <c r="KHQ23" s="8"/>
      <c r="KHR23" s="8"/>
      <c r="KHS23" s="8"/>
      <c r="KHT23" s="8"/>
      <c r="KHU23" s="8"/>
      <c r="KHV23" s="8"/>
      <c r="KHW23" s="8"/>
      <c r="KHX23" s="8"/>
      <c r="KHY23" s="8"/>
      <c r="KHZ23" s="8"/>
      <c r="KIA23" s="8"/>
      <c r="KIB23" s="8"/>
      <c r="KIC23" s="8"/>
      <c r="KID23" s="8"/>
      <c r="KIE23" s="8"/>
      <c r="KIF23" s="8"/>
      <c r="KIG23" s="8"/>
      <c r="KIH23" s="8"/>
      <c r="KII23" s="8"/>
      <c r="KIJ23" s="8"/>
      <c r="KIK23" s="8"/>
      <c r="KIL23" s="8"/>
      <c r="KIM23" s="8"/>
      <c r="KIN23" s="8"/>
      <c r="KIO23" s="8"/>
      <c r="KIP23" s="8"/>
      <c r="KIQ23" s="8"/>
      <c r="KIR23" s="8"/>
      <c r="KIS23" s="8"/>
      <c r="KIT23" s="8"/>
      <c r="KIU23" s="8"/>
      <c r="KIV23" s="8"/>
      <c r="KIW23" s="8"/>
      <c r="KIX23" s="8"/>
      <c r="KIY23" s="8"/>
      <c r="KIZ23" s="8"/>
      <c r="KJA23" s="8"/>
      <c r="KJB23" s="8"/>
      <c r="KJC23" s="8"/>
      <c r="KJD23" s="8"/>
      <c r="KJE23" s="8"/>
      <c r="KJF23" s="8"/>
      <c r="KJG23" s="8"/>
      <c r="KJH23" s="8"/>
      <c r="KJI23" s="8"/>
      <c r="KJJ23" s="8"/>
      <c r="KJK23" s="8"/>
      <c r="KJL23" s="8"/>
      <c r="KJM23" s="8"/>
      <c r="KJN23" s="8"/>
      <c r="KJO23" s="8"/>
      <c r="KJP23" s="8"/>
      <c r="KJQ23" s="8"/>
      <c r="KJR23" s="8"/>
      <c r="KJS23" s="8"/>
      <c r="KJT23" s="8"/>
      <c r="KJU23" s="8"/>
      <c r="KJV23" s="8"/>
      <c r="KJW23" s="8"/>
      <c r="KJX23" s="8"/>
      <c r="KJY23" s="8"/>
      <c r="KJZ23" s="8"/>
      <c r="KKA23" s="8"/>
      <c r="KKB23" s="8"/>
      <c r="KKC23" s="8"/>
      <c r="KKD23" s="8"/>
      <c r="KKE23" s="8"/>
      <c r="KKF23" s="8"/>
      <c r="KKG23" s="8"/>
      <c r="KKH23" s="8"/>
      <c r="KKI23" s="8"/>
      <c r="KKJ23" s="8"/>
      <c r="KKK23" s="8"/>
      <c r="KKL23" s="8"/>
      <c r="KKM23" s="8"/>
      <c r="KKN23" s="8"/>
      <c r="KKO23" s="8"/>
      <c r="KKP23" s="8"/>
      <c r="KKQ23" s="8"/>
      <c r="KKR23" s="8"/>
      <c r="KKS23" s="8"/>
      <c r="KKT23" s="8"/>
      <c r="KKU23" s="8"/>
      <c r="KKV23" s="8"/>
      <c r="KKW23" s="8"/>
      <c r="KKX23" s="8"/>
      <c r="KKY23" s="8"/>
      <c r="KKZ23" s="8"/>
      <c r="KLA23" s="8"/>
      <c r="KLB23" s="8"/>
      <c r="KLC23" s="8"/>
      <c r="KLD23" s="8"/>
      <c r="KLE23" s="8"/>
      <c r="KLF23" s="8"/>
      <c r="KLG23" s="8"/>
      <c r="KLH23" s="8"/>
      <c r="KLI23" s="8"/>
      <c r="KLJ23" s="8"/>
      <c r="KLK23" s="8"/>
      <c r="KLL23" s="8"/>
      <c r="KLM23" s="8"/>
      <c r="KLN23" s="8"/>
      <c r="KLO23" s="8"/>
      <c r="KLP23" s="8"/>
      <c r="KLQ23" s="8"/>
      <c r="KLR23" s="8"/>
      <c r="KLS23" s="8"/>
      <c r="KLT23" s="8"/>
      <c r="KLU23" s="8"/>
      <c r="KLV23" s="8"/>
      <c r="KLW23" s="8"/>
      <c r="KLX23" s="8"/>
      <c r="KLY23" s="8"/>
      <c r="KLZ23" s="8"/>
      <c r="KMA23" s="8"/>
      <c r="KMB23" s="8"/>
      <c r="KMC23" s="8"/>
      <c r="KMD23" s="8"/>
      <c r="KME23" s="8"/>
      <c r="KMF23" s="8"/>
      <c r="KMG23" s="8"/>
      <c r="KMH23" s="8"/>
      <c r="KMI23" s="8"/>
      <c r="KMJ23" s="8"/>
      <c r="KMK23" s="8"/>
      <c r="KML23" s="8"/>
      <c r="KMM23" s="8"/>
      <c r="KMN23" s="8"/>
      <c r="KMO23" s="8"/>
      <c r="KMP23" s="8"/>
      <c r="KMQ23" s="8"/>
      <c r="KMR23" s="8"/>
      <c r="KMS23" s="8"/>
      <c r="KMT23" s="8"/>
      <c r="KMU23" s="8"/>
      <c r="KMV23" s="8"/>
      <c r="KMW23" s="8"/>
      <c r="KMX23" s="8"/>
      <c r="KMY23" s="8"/>
      <c r="KMZ23" s="8"/>
      <c r="KNA23" s="8"/>
      <c r="KNB23" s="8"/>
      <c r="KNC23" s="8"/>
      <c r="KND23" s="8"/>
      <c r="KNE23" s="8"/>
      <c r="KNF23" s="8"/>
      <c r="KNG23" s="8"/>
      <c r="KNH23" s="8"/>
      <c r="KNI23" s="8"/>
      <c r="KNJ23" s="8"/>
      <c r="KNK23" s="8"/>
      <c r="KNL23" s="8"/>
      <c r="KNM23" s="8"/>
      <c r="KNN23" s="8"/>
      <c r="KNO23" s="8"/>
      <c r="KNP23" s="8"/>
      <c r="KNQ23" s="8"/>
      <c r="KNR23" s="8"/>
      <c r="KNS23" s="8"/>
      <c r="KNT23" s="8"/>
      <c r="KNU23" s="8"/>
      <c r="KNV23" s="8"/>
      <c r="KNW23" s="8"/>
      <c r="KNX23" s="8"/>
      <c r="KNY23" s="8"/>
      <c r="KNZ23" s="8"/>
      <c r="KOA23" s="8"/>
      <c r="KOB23" s="8"/>
      <c r="KOC23" s="8"/>
      <c r="KOD23" s="8"/>
      <c r="KOE23" s="8"/>
      <c r="KOF23" s="8"/>
      <c r="KOG23" s="8"/>
      <c r="KOH23" s="8"/>
      <c r="KOI23" s="8"/>
      <c r="KOJ23" s="8"/>
      <c r="KOK23" s="8"/>
      <c r="KOL23" s="8"/>
      <c r="KOM23" s="8"/>
      <c r="KON23" s="8"/>
      <c r="KOO23" s="8"/>
      <c r="KOP23" s="8"/>
      <c r="KOQ23" s="8"/>
      <c r="KOR23" s="8"/>
      <c r="KOS23" s="8"/>
      <c r="KOT23" s="8"/>
      <c r="KOU23" s="8"/>
      <c r="KOV23" s="8"/>
      <c r="KOW23" s="8"/>
      <c r="KOX23" s="8"/>
      <c r="KOY23" s="8"/>
      <c r="KOZ23" s="8"/>
      <c r="KPA23" s="8"/>
      <c r="KPB23" s="8"/>
      <c r="KPC23" s="8"/>
      <c r="KPD23" s="8"/>
      <c r="KPE23" s="8"/>
      <c r="KPF23" s="8"/>
      <c r="KPG23" s="8"/>
      <c r="KPH23" s="8"/>
      <c r="KPI23" s="8"/>
      <c r="KPJ23" s="8"/>
      <c r="KPK23" s="8"/>
      <c r="KPL23" s="8"/>
      <c r="KPM23" s="8"/>
      <c r="KPN23" s="8"/>
      <c r="KPO23" s="8"/>
      <c r="KPP23" s="8"/>
      <c r="KPQ23" s="8"/>
      <c r="KPR23" s="8"/>
      <c r="KPS23" s="8"/>
      <c r="KPT23" s="8"/>
      <c r="KPU23" s="8"/>
      <c r="KPV23" s="8"/>
      <c r="KPW23" s="8"/>
      <c r="KPX23" s="8"/>
      <c r="KPY23" s="8"/>
      <c r="KPZ23" s="8"/>
      <c r="KQA23" s="8"/>
      <c r="KQB23" s="8"/>
      <c r="KQC23" s="8"/>
      <c r="KQD23" s="8"/>
      <c r="KQE23" s="8"/>
      <c r="KQF23" s="8"/>
      <c r="KQG23" s="8"/>
      <c r="KQH23" s="8"/>
      <c r="KQI23" s="8"/>
      <c r="KQJ23" s="8"/>
      <c r="KQK23" s="8"/>
      <c r="KQL23" s="8"/>
      <c r="KQM23" s="8"/>
      <c r="KQN23" s="8"/>
      <c r="KQO23" s="8"/>
      <c r="KQP23" s="8"/>
      <c r="KQQ23" s="8"/>
      <c r="KQR23" s="8"/>
      <c r="KQS23" s="8"/>
      <c r="KQT23" s="8"/>
      <c r="KQU23" s="8"/>
      <c r="KQV23" s="8"/>
      <c r="KQW23" s="8"/>
      <c r="KQX23" s="8"/>
      <c r="KQY23" s="8"/>
      <c r="KQZ23" s="8"/>
      <c r="KRA23" s="8"/>
      <c r="KRB23" s="8"/>
      <c r="KRC23" s="8"/>
      <c r="KRD23" s="8"/>
      <c r="KRE23" s="8"/>
      <c r="KRF23" s="8"/>
      <c r="KRG23" s="8"/>
      <c r="KRH23" s="8"/>
      <c r="KRI23" s="8"/>
      <c r="KRJ23" s="8"/>
      <c r="KRK23" s="8"/>
      <c r="KRL23" s="8"/>
      <c r="KRM23" s="8"/>
      <c r="KRN23" s="8"/>
      <c r="KRO23" s="8"/>
      <c r="KRP23" s="8"/>
      <c r="KRQ23" s="8"/>
      <c r="KRR23" s="8"/>
      <c r="KRS23" s="8"/>
      <c r="KRT23" s="8"/>
      <c r="KRU23" s="8"/>
      <c r="KRV23" s="8"/>
      <c r="KRW23" s="8"/>
      <c r="KRX23" s="8"/>
      <c r="KRY23" s="8"/>
      <c r="KRZ23" s="8"/>
      <c r="KSA23" s="8"/>
      <c r="KSB23" s="8"/>
      <c r="KSC23" s="8"/>
      <c r="KSD23" s="8"/>
      <c r="KSE23" s="8"/>
      <c r="KSF23" s="8"/>
      <c r="KSG23" s="8"/>
      <c r="KSH23" s="8"/>
      <c r="KSI23" s="8"/>
      <c r="KSJ23" s="8"/>
      <c r="KSK23" s="8"/>
      <c r="KSL23" s="8"/>
      <c r="KSM23" s="8"/>
      <c r="KSN23" s="8"/>
      <c r="KSO23" s="8"/>
      <c r="KSP23" s="8"/>
      <c r="KSQ23" s="8"/>
      <c r="KSR23" s="8"/>
      <c r="KSS23" s="8"/>
      <c r="KST23" s="8"/>
      <c r="KSU23" s="8"/>
      <c r="KSV23" s="8"/>
      <c r="KSW23" s="8"/>
      <c r="KSX23" s="8"/>
      <c r="KSY23" s="8"/>
      <c r="KSZ23" s="8"/>
      <c r="KTA23" s="8"/>
      <c r="KTB23" s="8"/>
      <c r="KTC23" s="8"/>
      <c r="KTD23" s="8"/>
      <c r="KTE23" s="8"/>
      <c r="KTF23" s="8"/>
      <c r="KTG23" s="8"/>
      <c r="KTH23" s="8"/>
      <c r="KTI23" s="8"/>
      <c r="KTJ23" s="8"/>
      <c r="KTK23" s="8"/>
      <c r="KTL23" s="8"/>
      <c r="KTM23" s="8"/>
      <c r="KTN23" s="8"/>
      <c r="KTO23" s="8"/>
      <c r="KTP23" s="8"/>
      <c r="KTQ23" s="8"/>
      <c r="KTR23" s="8"/>
      <c r="KTS23" s="8"/>
      <c r="KTT23" s="8"/>
      <c r="KTU23" s="8"/>
      <c r="KTV23" s="8"/>
      <c r="KTW23" s="8"/>
      <c r="KTX23" s="8"/>
      <c r="KTY23" s="8"/>
      <c r="KTZ23" s="8"/>
      <c r="KUA23" s="8"/>
      <c r="KUB23" s="8"/>
      <c r="KUC23" s="8"/>
      <c r="KUD23" s="8"/>
      <c r="KUE23" s="8"/>
      <c r="KUF23" s="8"/>
      <c r="KUG23" s="8"/>
      <c r="KUH23" s="8"/>
      <c r="KUI23" s="8"/>
      <c r="KUJ23" s="8"/>
      <c r="KUK23" s="8"/>
      <c r="KUL23" s="8"/>
      <c r="KUM23" s="8"/>
      <c r="KUN23" s="8"/>
      <c r="KUO23" s="8"/>
      <c r="KUP23" s="8"/>
      <c r="KUQ23" s="8"/>
      <c r="KUR23" s="8"/>
      <c r="KUS23" s="8"/>
      <c r="KUT23" s="8"/>
      <c r="KUU23" s="8"/>
      <c r="KUV23" s="8"/>
      <c r="KUW23" s="8"/>
      <c r="KUX23" s="8"/>
      <c r="KUY23" s="8"/>
      <c r="KUZ23" s="8"/>
      <c r="KVA23" s="8"/>
      <c r="KVB23" s="8"/>
      <c r="KVC23" s="8"/>
      <c r="KVD23" s="8"/>
      <c r="KVE23" s="8"/>
      <c r="KVF23" s="8"/>
      <c r="KVG23" s="8"/>
      <c r="KVH23" s="8"/>
      <c r="KVI23" s="8"/>
      <c r="KVJ23" s="8"/>
      <c r="KVK23" s="8"/>
      <c r="KVL23" s="8"/>
      <c r="KVM23" s="8"/>
      <c r="KVN23" s="8"/>
      <c r="KVO23" s="8"/>
      <c r="KVP23" s="8"/>
      <c r="KVQ23" s="8"/>
      <c r="KVR23" s="8"/>
      <c r="KVS23" s="8"/>
      <c r="KVT23" s="8"/>
      <c r="KVU23" s="8"/>
      <c r="KVV23" s="8"/>
      <c r="KVW23" s="8"/>
      <c r="KVX23" s="8"/>
      <c r="KVY23" s="8"/>
      <c r="KVZ23" s="8"/>
      <c r="KWA23" s="8"/>
      <c r="KWB23" s="8"/>
      <c r="KWC23" s="8"/>
      <c r="KWD23" s="8"/>
      <c r="KWE23" s="8"/>
      <c r="KWF23" s="8"/>
      <c r="KWG23" s="8"/>
      <c r="KWH23" s="8"/>
      <c r="KWI23" s="8"/>
      <c r="KWJ23" s="8"/>
      <c r="KWK23" s="8"/>
      <c r="KWL23" s="8"/>
      <c r="KWM23" s="8"/>
      <c r="KWN23" s="8"/>
      <c r="KWO23" s="8"/>
      <c r="KWP23" s="8"/>
      <c r="KWQ23" s="8"/>
      <c r="KWR23" s="8"/>
      <c r="KWS23" s="8"/>
      <c r="KWT23" s="8"/>
      <c r="KWU23" s="8"/>
      <c r="KWV23" s="8"/>
      <c r="KWW23" s="8"/>
      <c r="KWX23" s="8"/>
      <c r="KWY23" s="8"/>
      <c r="KWZ23" s="8"/>
      <c r="KXA23" s="8"/>
      <c r="KXB23" s="8"/>
      <c r="KXC23" s="8"/>
      <c r="KXD23" s="8"/>
      <c r="KXE23" s="8"/>
      <c r="KXF23" s="8"/>
      <c r="KXG23" s="8"/>
      <c r="KXH23" s="8"/>
      <c r="KXI23" s="8"/>
      <c r="KXJ23" s="8"/>
      <c r="KXK23" s="8"/>
      <c r="KXL23" s="8"/>
      <c r="KXM23" s="8"/>
      <c r="KXN23" s="8"/>
      <c r="KXO23" s="8"/>
      <c r="KXP23" s="8"/>
      <c r="KXQ23" s="8"/>
      <c r="KXR23" s="8"/>
      <c r="KXS23" s="8"/>
      <c r="KXT23" s="8"/>
      <c r="KXU23" s="8"/>
      <c r="KXV23" s="8"/>
      <c r="KXW23" s="8"/>
      <c r="KXX23" s="8"/>
      <c r="KXY23" s="8"/>
      <c r="KXZ23" s="8"/>
      <c r="KYA23" s="8"/>
      <c r="KYB23" s="8"/>
      <c r="KYC23" s="8"/>
      <c r="KYD23" s="8"/>
      <c r="KYE23" s="8"/>
      <c r="KYF23" s="8"/>
      <c r="KYG23" s="8"/>
      <c r="KYH23" s="8"/>
      <c r="KYI23" s="8"/>
      <c r="KYJ23" s="8"/>
      <c r="KYK23" s="8"/>
      <c r="KYL23" s="8"/>
      <c r="KYM23" s="8"/>
      <c r="KYN23" s="8"/>
      <c r="KYO23" s="8"/>
      <c r="KYP23" s="8"/>
      <c r="KYQ23" s="8"/>
      <c r="KYR23" s="8"/>
      <c r="KYS23" s="8"/>
      <c r="KYT23" s="8"/>
      <c r="KYU23" s="8"/>
      <c r="KYV23" s="8"/>
      <c r="KYW23" s="8"/>
      <c r="KYX23" s="8"/>
      <c r="KYY23" s="8"/>
      <c r="KYZ23" s="8"/>
      <c r="KZA23" s="8"/>
      <c r="KZB23" s="8"/>
      <c r="KZC23" s="8"/>
      <c r="KZD23" s="8"/>
      <c r="KZE23" s="8"/>
      <c r="KZF23" s="8"/>
      <c r="KZG23" s="8"/>
      <c r="KZH23" s="8"/>
      <c r="KZI23" s="8"/>
      <c r="KZJ23" s="8"/>
      <c r="KZK23" s="8"/>
      <c r="KZL23" s="8"/>
      <c r="KZM23" s="8"/>
      <c r="KZN23" s="8"/>
      <c r="KZO23" s="8"/>
      <c r="KZP23" s="8"/>
      <c r="KZQ23" s="8"/>
      <c r="KZR23" s="8"/>
      <c r="KZS23" s="8"/>
      <c r="KZT23" s="8"/>
      <c r="KZU23" s="8"/>
      <c r="KZV23" s="8"/>
      <c r="KZW23" s="8"/>
      <c r="KZX23" s="8"/>
      <c r="KZY23" s="8"/>
      <c r="KZZ23" s="8"/>
      <c r="LAA23" s="8"/>
      <c r="LAB23" s="8"/>
      <c r="LAC23" s="8"/>
      <c r="LAD23" s="8"/>
      <c r="LAE23" s="8"/>
      <c r="LAF23" s="8"/>
      <c r="LAG23" s="8"/>
      <c r="LAH23" s="8"/>
      <c r="LAI23" s="8"/>
      <c r="LAJ23" s="8"/>
      <c r="LAK23" s="8"/>
      <c r="LAL23" s="8"/>
      <c r="LAM23" s="8"/>
      <c r="LAN23" s="8"/>
      <c r="LAO23" s="8"/>
      <c r="LAP23" s="8"/>
      <c r="LAQ23" s="8"/>
      <c r="LAR23" s="8"/>
      <c r="LAS23" s="8"/>
      <c r="LAT23" s="8"/>
      <c r="LAU23" s="8"/>
      <c r="LAV23" s="8"/>
      <c r="LAW23" s="8"/>
      <c r="LAX23" s="8"/>
      <c r="LAY23" s="8"/>
      <c r="LAZ23" s="8"/>
      <c r="LBA23" s="8"/>
      <c r="LBB23" s="8"/>
      <c r="LBC23" s="8"/>
      <c r="LBD23" s="8"/>
      <c r="LBE23" s="8"/>
      <c r="LBF23" s="8"/>
      <c r="LBG23" s="8"/>
      <c r="LBH23" s="8"/>
      <c r="LBI23" s="8"/>
      <c r="LBJ23" s="8"/>
      <c r="LBK23" s="8"/>
      <c r="LBL23" s="8"/>
      <c r="LBM23" s="8"/>
      <c r="LBN23" s="8"/>
      <c r="LBO23" s="8"/>
      <c r="LBP23" s="8"/>
      <c r="LBQ23" s="8"/>
      <c r="LBR23" s="8"/>
      <c r="LBS23" s="8"/>
      <c r="LBT23" s="8"/>
      <c r="LBU23" s="8"/>
      <c r="LBV23" s="8"/>
      <c r="LBW23" s="8"/>
      <c r="LBX23" s="8"/>
      <c r="LBY23" s="8"/>
      <c r="LBZ23" s="8"/>
      <c r="LCA23" s="8"/>
      <c r="LCB23" s="8"/>
      <c r="LCC23" s="8"/>
      <c r="LCD23" s="8"/>
      <c r="LCE23" s="8"/>
      <c r="LCF23" s="8"/>
      <c r="LCG23" s="8"/>
      <c r="LCH23" s="8"/>
      <c r="LCI23" s="8"/>
      <c r="LCJ23" s="8"/>
      <c r="LCK23" s="8"/>
      <c r="LCL23" s="8"/>
      <c r="LCM23" s="8"/>
      <c r="LCN23" s="8"/>
      <c r="LCO23" s="8"/>
      <c r="LCP23" s="8"/>
      <c r="LCQ23" s="8"/>
      <c r="LCR23" s="8"/>
      <c r="LCS23" s="8"/>
      <c r="LCT23" s="8"/>
      <c r="LCU23" s="8"/>
      <c r="LCV23" s="8"/>
      <c r="LCW23" s="8"/>
      <c r="LCX23" s="8"/>
      <c r="LCY23" s="8"/>
      <c r="LCZ23" s="8"/>
      <c r="LDA23" s="8"/>
      <c r="LDB23" s="8"/>
      <c r="LDC23" s="8"/>
      <c r="LDD23" s="8"/>
      <c r="LDE23" s="8"/>
      <c r="LDF23" s="8"/>
      <c r="LDG23" s="8"/>
      <c r="LDH23" s="8"/>
      <c r="LDI23" s="8"/>
      <c r="LDJ23" s="8"/>
      <c r="LDK23" s="8"/>
      <c r="LDL23" s="8"/>
      <c r="LDM23" s="8"/>
      <c r="LDN23" s="8"/>
      <c r="LDO23" s="8"/>
      <c r="LDP23" s="8"/>
      <c r="LDQ23" s="8"/>
      <c r="LDR23" s="8"/>
      <c r="LDS23" s="8"/>
      <c r="LDT23" s="8"/>
      <c r="LDU23" s="8"/>
      <c r="LDV23" s="8"/>
      <c r="LDW23" s="8"/>
      <c r="LDX23" s="8"/>
      <c r="LDY23" s="8"/>
      <c r="LDZ23" s="8"/>
      <c r="LEA23" s="8"/>
      <c r="LEB23" s="8"/>
      <c r="LEC23" s="8"/>
      <c r="LED23" s="8"/>
      <c r="LEE23" s="8"/>
      <c r="LEF23" s="8"/>
      <c r="LEG23" s="8"/>
      <c r="LEH23" s="8"/>
      <c r="LEI23" s="8"/>
      <c r="LEJ23" s="8"/>
      <c r="LEK23" s="8"/>
      <c r="LEL23" s="8"/>
      <c r="LEM23" s="8"/>
      <c r="LEN23" s="8"/>
      <c r="LEO23" s="8"/>
      <c r="LEP23" s="8"/>
      <c r="LEQ23" s="8"/>
      <c r="LER23" s="8"/>
      <c r="LES23" s="8"/>
      <c r="LET23" s="8"/>
      <c r="LEU23" s="8"/>
      <c r="LEV23" s="8"/>
      <c r="LEW23" s="8"/>
      <c r="LEX23" s="8"/>
      <c r="LEY23" s="8"/>
      <c r="LEZ23" s="8"/>
      <c r="LFA23" s="8"/>
      <c r="LFB23" s="8"/>
      <c r="LFC23" s="8"/>
      <c r="LFD23" s="8"/>
      <c r="LFE23" s="8"/>
      <c r="LFF23" s="8"/>
      <c r="LFG23" s="8"/>
      <c r="LFH23" s="8"/>
      <c r="LFI23" s="8"/>
      <c r="LFJ23" s="8"/>
      <c r="LFK23" s="8"/>
      <c r="LFL23" s="8"/>
      <c r="LFM23" s="8"/>
      <c r="LFN23" s="8"/>
      <c r="LFO23" s="8"/>
      <c r="LFP23" s="8"/>
      <c r="LFQ23" s="8"/>
      <c r="LFR23" s="8"/>
      <c r="LFS23" s="8"/>
      <c r="LFT23" s="8"/>
      <c r="LFU23" s="8"/>
      <c r="LFV23" s="8"/>
      <c r="LFW23" s="8"/>
      <c r="LFX23" s="8"/>
      <c r="LFY23" s="8"/>
      <c r="LFZ23" s="8"/>
      <c r="LGA23" s="8"/>
      <c r="LGB23" s="8"/>
      <c r="LGC23" s="8"/>
      <c r="LGD23" s="8"/>
      <c r="LGE23" s="8"/>
      <c r="LGF23" s="8"/>
      <c r="LGG23" s="8"/>
      <c r="LGH23" s="8"/>
      <c r="LGI23" s="8"/>
      <c r="LGJ23" s="8"/>
      <c r="LGK23" s="8"/>
      <c r="LGL23" s="8"/>
      <c r="LGM23" s="8"/>
      <c r="LGN23" s="8"/>
      <c r="LGO23" s="8"/>
      <c r="LGP23" s="8"/>
      <c r="LGQ23" s="8"/>
      <c r="LGR23" s="8"/>
      <c r="LGS23" s="8"/>
      <c r="LGT23" s="8"/>
      <c r="LGU23" s="8"/>
      <c r="LGV23" s="8"/>
      <c r="LGW23" s="8"/>
      <c r="LGX23" s="8"/>
      <c r="LGY23" s="8"/>
      <c r="LGZ23" s="8"/>
      <c r="LHA23" s="8"/>
      <c r="LHB23" s="8"/>
      <c r="LHC23" s="8"/>
      <c r="LHD23" s="8"/>
      <c r="LHE23" s="8"/>
      <c r="LHF23" s="8"/>
      <c r="LHG23" s="8"/>
      <c r="LHH23" s="8"/>
      <c r="LHI23" s="8"/>
      <c r="LHJ23" s="8"/>
      <c r="LHK23" s="8"/>
      <c r="LHL23" s="8"/>
      <c r="LHM23" s="8"/>
      <c r="LHN23" s="8"/>
      <c r="LHO23" s="8"/>
      <c r="LHP23" s="8"/>
      <c r="LHQ23" s="8"/>
      <c r="LHR23" s="8"/>
      <c r="LHS23" s="8"/>
      <c r="LHT23" s="8"/>
      <c r="LHU23" s="8"/>
      <c r="LHV23" s="8"/>
      <c r="LHW23" s="8"/>
      <c r="LHX23" s="8"/>
      <c r="LHY23" s="8"/>
      <c r="LHZ23" s="8"/>
      <c r="LIA23" s="8"/>
      <c r="LIB23" s="8"/>
      <c r="LIC23" s="8"/>
      <c r="LID23" s="8"/>
      <c r="LIE23" s="8"/>
      <c r="LIF23" s="8"/>
      <c r="LIG23" s="8"/>
      <c r="LIH23" s="8"/>
      <c r="LII23" s="8"/>
      <c r="LIJ23" s="8"/>
      <c r="LIK23" s="8"/>
      <c r="LIL23" s="8"/>
      <c r="LIM23" s="8"/>
      <c r="LIN23" s="8"/>
      <c r="LIO23" s="8"/>
      <c r="LIP23" s="8"/>
      <c r="LIQ23" s="8"/>
      <c r="LIR23" s="8"/>
      <c r="LIS23" s="8"/>
      <c r="LIT23" s="8"/>
      <c r="LIU23" s="8"/>
      <c r="LIV23" s="8"/>
      <c r="LIW23" s="8"/>
      <c r="LIX23" s="8"/>
      <c r="LIY23" s="8"/>
      <c r="LIZ23" s="8"/>
      <c r="LJA23" s="8"/>
      <c r="LJB23" s="8"/>
      <c r="LJC23" s="8"/>
      <c r="LJD23" s="8"/>
      <c r="LJE23" s="8"/>
      <c r="LJF23" s="8"/>
      <c r="LJG23" s="8"/>
      <c r="LJH23" s="8"/>
      <c r="LJI23" s="8"/>
      <c r="LJJ23" s="8"/>
      <c r="LJK23" s="8"/>
      <c r="LJL23" s="8"/>
      <c r="LJM23" s="8"/>
      <c r="LJN23" s="8"/>
      <c r="LJO23" s="8"/>
      <c r="LJP23" s="8"/>
      <c r="LJQ23" s="8"/>
      <c r="LJR23" s="8"/>
      <c r="LJS23" s="8"/>
      <c r="LJT23" s="8"/>
      <c r="LJU23" s="8"/>
      <c r="LJV23" s="8"/>
      <c r="LJW23" s="8"/>
      <c r="LJX23" s="8"/>
      <c r="LJY23" s="8"/>
      <c r="LJZ23" s="8"/>
      <c r="LKA23" s="8"/>
      <c r="LKB23" s="8"/>
      <c r="LKC23" s="8"/>
      <c r="LKD23" s="8"/>
      <c r="LKE23" s="8"/>
      <c r="LKF23" s="8"/>
      <c r="LKG23" s="8"/>
      <c r="LKH23" s="8"/>
      <c r="LKI23" s="8"/>
      <c r="LKJ23" s="8"/>
      <c r="LKK23" s="8"/>
      <c r="LKL23" s="8"/>
      <c r="LKM23" s="8"/>
      <c r="LKN23" s="8"/>
      <c r="LKO23" s="8"/>
      <c r="LKP23" s="8"/>
      <c r="LKQ23" s="8"/>
      <c r="LKR23" s="8"/>
      <c r="LKS23" s="8"/>
      <c r="LKT23" s="8"/>
      <c r="LKU23" s="8"/>
      <c r="LKV23" s="8"/>
      <c r="LKW23" s="8"/>
      <c r="LKX23" s="8"/>
      <c r="LKY23" s="8"/>
      <c r="LKZ23" s="8"/>
      <c r="LLA23" s="8"/>
      <c r="LLB23" s="8"/>
      <c r="LLC23" s="8"/>
      <c r="LLD23" s="8"/>
      <c r="LLE23" s="8"/>
      <c r="LLF23" s="8"/>
      <c r="LLG23" s="8"/>
      <c r="LLH23" s="8"/>
      <c r="LLI23" s="8"/>
      <c r="LLJ23" s="8"/>
      <c r="LLK23" s="8"/>
      <c r="LLL23" s="8"/>
      <c r="LLM23" s="8"/>
      <c r="LLN23" s="8"/>
      <c r="LLO23" s="8"/>
      <c r="LLP23" s="8"/>
      <c r="LLQ23" s="8"/>
      <c r="LLR23" s="8"/>
      <c r="LLS23" s="8"/>
      <c r="LLT23" s="8"/>
      <c r="LLU23" s="8"/>
      <c r="LLV23" s="8"/>
      <c r="LLW23" s="8"/>
      <c r="LLX23" s="8"/>
      <c r="LLY23" s="8"/>
      <c r="LLZ23" s="8"/>
      <c r="LMA23" s="8"/>
      <c r="LMB23" s="8"/>
      <c r="LMC23" s="8"/>
      <c r="LMD23" s="8"/>
      <c r="LME23" s="8"/>
      <c r="LMF23" s="8"/>
      <c r="LMG23" s="8"/>
      <c r="LMH23" s="8"/>
      <c r="LMI23" s="8"/>
      <c r="LMJ23" s="8"/>
      <c r="LMK23" s="8"/>
      <c r="LML23" s="8"/>
      <c r="LMM23" s="8"/>
      <c r="LMN23" s="8"/>
      <c r="LMO23" s="8"/>
      <c r="LMP23" s="8"/>
      <c r="LMQ23" s="8"/>
      <c r="LMR23" s="8"/>
      <c r="LMS23" s="8"/>
      <c r="LMT23" s="8"/>
      <c r="LMU23" s="8"/>
      <c r="LMV23" s="8"/>
      <c r="LMW23" s="8"/>
      <c r="LMX23" s="8"/>
      <c r="LMY23" s="8"/>
      <c r="LMZ23" s="8"/>
      <c r="LNA23" s="8"/>
      <c r="LNB23" s="8"/>
      <c r="LNC23" s="8"/>
      <c r="LND23" s="8"/>
      <c r="LNE23" s="8"/>
      <c r="LNF23" s="8"/>
      <c r="LNG23" s="8"/>
      <c r="LNH23" s="8"/>
      <c r="LNI23" s="8"/>
      <c r="LNJ23" s="8"/>
      <c r="LNK23" s="8"/>
      <c r="LNL23" s="8"/>
      <c r="LNM23" s="8"/>
      <c r="LNN23" s="8"/>
      <c r="LNO23" s="8"/>
      <c r="LNP23" s="8"/>
      <c r="LNQ23" s="8"/>
      <c r="LNR23" s="8"/>
      <c r="LNS23" s="8"/>
      <c r="LNT23" s="8"/>
      <c r="LNU23" s="8"/>
      <c r="LNV23" s="8"/>
      <c r="LNW23" s="8"/>
      <c r="LNX23" s="8"/>
      <c r="LNY23" s="8"/>
      <c r="LNZ23" s="8"/>
      <c r="LOA23" s="8"/>
      <c r="LOB23" s="8"/>
      <c r="LOC23" s="8"/>
      <c r="LOD23" s="8"/>
      <c r="LOE23" s="8"/>
      <c r="LOF23" s="8"/>
      <c r="LOG23" s="8"/>
      <c r="LOH23" s="8"/>
      <c r="LOI23" s="8"/>
      <c r="LOJ23" s="8"/>
      <c r="LOK23" s="8"/>
      <c r="LOL23" s="8"/>
      <c r="LOM23" s="8"/>
      <c r="LON23" s="8"/>
      <c r="LOO23" s="8"/>
      <c r="LOP23" s="8"/>
      <c r="LOQ23" s="8"/>
      <c r="LOR23" s="8"/>
      <c r="LOS23" s="8"/>
      <c r="LOT23" s="8"/>
      <c r="LOU23" s="8"/>
      <c r="LOV23" s="8"/>
      <c r="LOW23" s="8"/>
      <c r="LOX23" s="8"/>
      <c r="LOY23" s="8"/>
      <c r="LOZ23" s="8"/>
      <c r="LPA23" s="8"/>
      <c r="LPB23" s="8"/>
      <c r="LPC23" s="8"/>
      <c r="LPD23" s="8"/>
      <c r="LPE23" s="8"/>
      <c r="LPF23" s="8"/>
      <c r="LPG23" s="8"/>
      <c r="LPH23" s="8"/>
      <c r="LPI23" s="8"/>
      <c r="LPJ23" s="8"/>
      <c r="LPK23" s="8"/>
      <c r="LPL23" s="8"/>
      <c r="LPM23" s="8"/>
      <c r="LPN23" s="8"/>
      <c r="LPO23" s="8"/>
      <c r="LPP23" s="8"/>
      <c r="LPQ23" s="8"/>
      <c r="LPR23" s="8"/>
      <c r="LPS23" s="8"/>
      <c r="LPT23" s="8"/>
      <c r="LPU23" s="8"/>
      <c r="LPV23" s="8"/>
      <c r="LPW23" s="8"/>
      <c r="LPX23" s="8"/>
      <c r="LPY23" s="8"/>
      <c r="LPZ23" s="8"/>
      <c r="LQA23" s="8"/>
      <c r="LQB23" s="8"/>
      <c r="LQC23" s="8"/>
      <c r="LQD23" s="8"/>
      <c r="LQE23" s="8"/>
      <c r="LQF23" s="8"/>
      <c r="LQG23" s="8"/>
      <c r="LQH23" s="8"/>
      <c r="LQI23" s="8"/>
      <c r="LQJ23" s="8"/>
      <c r="LQK23" s="8"/>
      <c r="LQL23" s="8"/>
      <c r="LQM23" s="8"/>
      <c r="LQN23" s="8"/>
      <c r="LQO23" s="8"/>
      <c r="LQP23" s="8"/>
      <c r="LQQ23" s="8"/>
      <c r="LQR23" s="8"/>
      <c r="LQS23" s="8"/>
      <c r="LQT23" s="8"/>
      <c r="LQU23" s="8"/>
      <c r="LQV23" s="8"/>
      <c r="LQW23" s="8"/>
      <c r="LQX23" s="8"/>
      <c r="LQY23" s="8"/>
      <c r="LQZ23" s="8"/>
      <c r="LRA23" s="8"/>
      <c r="LRB23" s="8"/>
      <c r="LRC23" s="8"/>
      <c r="LRD23" s="8"/>
      <c r="LRE23" s="8"/>
      <c r="LRF23" s="8"/>
      <c r="LRG23" s="8"/>
      <c r="LRH23" s="8"/>
      <c r="LRI23" s="8"/>
      <c r="LRJ23" s="8"/>
      <c r="LRK23" s="8"/>
      <c r="LRL23" s="8"/>
      <c r="LRM23" s="8"/>
      <c r="LRN23" s="8"/>
      <c r="LRO23" s="8"/>
      <c r="LRP23" s="8"/>
      <c r="LRQ23" s="8"/>
      <c r="LRR23" s="8"/>
      <c r="LRS23" s="8"/>
      <c r="LRT23" s="8"/>
      <c r="LRU23" s="8"/>
      <c r="LRV23" s="8"/>
      <c r="LRW23" s="8"/>
      <c r="LRX23" s="8"/>
      <c r="LRY23" s="8"/>
      <c r="LRZ23" s="8"/>
      <c r="LSA23" s="8"/>
      <c r="LSB23" s="8"/>
      <c r="LSC23" s="8"/>
      <c r="LSD23" s="8"/>
      <c r="LSE23" s="8"/>
      <c r="LSF23" s="8"/>
      <c r="LSG23" s="8"/>
      <c r="LSH23" s="8"/>
      <c r="LSI23" s="8"/>
      <c r="LSJ23" s="8"/>
      <c r="LSK23" s="8"/>
      <c r="LSL23" s="8"/>
      <c r="LSM23" s="8"/>
      <c r="LSN23" s="8"/>
      <c r="LSO23" s="8"/>
      <c r="LSP23" s="8"/>
      <c r="LSQ23" s="8"/>
      <c r="LSR23" s="8"/>
      <c r="LSS23" s="8"/>
      <c r="LST23" s="8"/>
      <c r="LSU23" s="8"/>
      <c r="LSV23" s="8"/>
      <c r="LSW23" s="8"/>
      <c r="LSX23" s="8"/>
      <c r="LSY23" s="8"/>
      <c r="LSZ23" s="8"/>
      <c r="LTA23" s="8"/>
      <c r="LTB23" s="8"/>
      <c r="LTC23" s="8"/>
      <c r="LTD23" s="8"/>
      <c r="LTE23" s="8"/>
      <c r="LTF23" s="8"/>
      <c r="LTG23" s="8"/>
      <c r="LTH23" s="8"/>
      <c r="LTI23" s="8"/>
      <c r="LTJ23" s="8"/>
      <c r="LTK23" s="8"/>
      <c r="LTL23" s="8"/>
      <c r="LTM23" s="8"/>
      <c r="LTN23" s="8"/>
      <c r="LTO23" s="8"/>
      <c r="LTP23" s="8"/>
      <c r="LTQ23" s="8"/>
      <c r="LTR23" s="8"/>
      <c r="LTS23" s="8"/>
      <c r="LTT23" s="8"/>
      <c r="LTU23" s="8"/>
      <c r="LTV23" s="8"/>
      <c r="LTW23" s="8"/>
      <c r="LTX23" s="8"/>
      <c r="LTY23" s="8"/>
      <c r="LTZ23" s="8"/>
      <c r="LUA23" s="8"/>
      <c r="LUB23" s="8"/>
      <c r="LUC23" s="8"/>
      <c r="LUD23" s="8"/>
      <c r="LUE23" s="8"/>
      <c r="LUF23" s="8"/>
      <c r="LUG23" s="8"/>
      <c r="LUH23" s="8"/>
      <c r="LUI23" s="8"/>
      <c r="LUJ23" s="8"/>
      <c r="LUK23" s="8"/>
      <c r="LUL23" s="8"/>
      <c r="LUM23" s="8"/>
      <c r="LUN23" s="8"/>
      <c r="LUO23" s="8"/>
      <c r="LUP23" s="8"/>
      <c r="LUQ23" s="8"/>
      <c r="LUR23" s="8"/>
      <c r="LUS23" s="8"/>
      <c r="LUT23" s="8"/>
      <c r="LUU23" s="8"/>
      <c r="LUV23" s="8"/>
      <c r="LUW23" s="8"/>
      <c r="LUX23" s="8"/>
      <c r="LUY23" s="8"/>
      <c r="LUZ23" s="8"/>
      <c r="LVA23" s="8"/>
      <c r="LVB23" s="8"/>
      <c r="LVC23" s="8"/>
      <c r="LVD23" s="8"/>
      <c r="LVE23" s="8"/>
      <c r="LVF23" s="8"/>
      <c r="LVG23" s="8"/>
      <c r="LVH23" s="8"/>
      <c r="LVI23" s="8"/>
      <c r="LVJ23" s="8"/>
      <c r="LVK23" s="8"/>
      <c r="LVL23" s="8"/>
      <c r="LVM23" s="8"/>
      <c r="LVN23" s="8"/>
      <c r="LVO23" s="8"/>
      <c r="LVP23" s="8"/>
      <c r="LVQ23" s="8"/>
      <c r="LVR23" s="8"/>
      <c r="LVS23" s="8"/>
      <c r="LVT23" s="8"/>
      <c r="LVU23" s="8"/>
      <c r="LVV23" s="8"/>
      <c r="LVW23" s="8"/>
      <c r="LVX23" s="8"/>
      <c r="LVY23" s="8"/>
      <c r="LVZ23" s="8"/>
      <c r="LWA23" s="8"/>
      <c r="LWB23" s="8"/>
      <c r="LWC23" s="8"/>
      <c r="LWD23" s="8"/>
      <c r="LWE23" s="8"/>
      <c r="LWF23" s="8"/>
      <c r="LWG23" s="8"/>
      <c r="LWH23" s="8"/>
      <c r="LWI23" s="8"/>
      <c r="LWJ23" s="8"/>
      <c r="LWK23" s="8"/>
      <c r="LWL23" s="8"/>
      <c r="LWM23" s="8"/>
      <c r="LWN23" s="8"/>
      <c r="LWO23" s="8"/>
      <c r="LWP23" s="8"/>
      <c r="LWQ23" s="8"/>
      <c r="LWR23" s="8"/>
      <c r="LWS23" s="8"/>
      <c r="LWT23" s="8"/>
      <c r="LWU23" s="8"/>
      <c r="LWV23" s="8"/>
      <c r="LWW23" s="8"/>
      <c r="LWX23" s="8"/>
      <c r="LWY23" s="8"/>
      <c r="LWZ23" s="8"/>
      <c r="LXA23" s="8"/>
      <c r="LXB23" s="8"/>
      <c r="LXC23" s="8"/>
      <c r="LXD23" s="8"/>
      <c r="LXE23" s="8"/>
      <c r="LXF23" s="8"/>
      <c r="LXG23" s="8"/>
      <c r="LXH23" s="8"/>
      <c r="LXI23" s="8"/>
      <c r="LXJ23" s="8"/>
      <c r="LXK23" s="8"/>
      <c r="LXL23" s="8"/>
      <c r="LXM23" s="8"/>
      <c r="LXN23" s="8"/>
      <c r="LXO23" s="8"/>
      <c r="LXP23" s="8"/>
      <c r="LXQ23" s="8"/>
      <c r="LXR23" s="8"/>
      <c r="LXS23" s="8"/>
      <c r="LXT23" s="8"/>
      <c r="LXU23" s="8"/>
      <c r="LXV23" s="8"/>
      <c r="LXW23" s="8"/>
      <c r="LXX23" s="8"/>
      <c r="LXY23" s="8"/>
      <c r="LXZ23" s="8"/>
      <c r="LYA23" s="8"/>
      <c r="LYB23" s="8"/>
      <c r="LYC23" s="8"/>
      <c r="LYD23" s="8"/>
      <c r="LYE23" s="8"/>
      <c r="LYF23" s="8"/>
      <c r="LYG23" s="8"/>
      <c r="LYH23" s="8"/>
      <c r="LYI23" s="8"/>
      <c r="LYJ23" s="8"/>
      <c r="LYK23" s="8"/>
      <c r="LYL23" s="8"/>
      <c r="LYM23" s="8"/>
      <c r="LYN23" s="8"/>
      <c r="LYO23" s="8"/>
      <c r="LYP23" s="8"/>
      <c r="LYQ23" s="8"/>
      <c r="LYR23" s="8"/>
      <c r="LYS23" s="8"/>
      <c r="LYT23" s="8"/>
      <c r="LYU23" s="8"/>
      <c r="LYV23" s="8"/>
      <c r="LYW23" s="8"/>
      <c r="LYX23" s="8"/>
      <c r="LYY23" s="8"/>
      <c r="LYZ23" s="8"/>
      <c r="LZA23" s="8"/>
      <c r="LZB23" s="8"/>
      <c r="LZC23" s="8"/>
      <c r="LZD23" s="8"/>
      <c r="LZE23" s="8"/>
      <c r="LZF23" s="8"/>
      <c r="LZG23" s="8"/>
      <c r="LZH23" s="8"/>
      <c r="LZI23" s="8"/>
      <c r="LZJ23" s="8"/>
      <c r="LZK23" s="8"/>
      <c r="LZL23" s="8"/>
      <c r="LZM23" s="8"/>
      <c r="LZN23" s="8"/>
      <c r="LZO23" s="8"/>
      <c r="LZP23" s="8"/>
      <c r="LZQ23" s="8"/>
      <c r="LZR23" s="8"/>
      <c r="LZS23" s="8"/>
      <c r="LZT23" s="8"/>
      <c r="LZU23" s="8"/>
      <c r="LZV23" s="8"/>
      <c r="LZW23" s="8"/>
      <c r="LZX23" s="8"/>
      <c r="LZY23" s="8"/>
      <c r="LZZ23" s="8"/>
      <c r="MAA23" s="8"/>
      <c r="MAB23" s="8"/>
      <c r="MAC23" s="8"/>
      <c r="MAD23" s="8"/>
      <c r="MAE23" s="8"/>
      <c r="MAF23" s="8"/>
      <c r="MAG23" s="8"/>
      <c r="MAH23" s="8"/>
      <c r="MAI23" s="8"/>
      <c r="MAJ23" s="8"/>
      <c r="MAK23" s="8"/>
      <c r="MAL23" s="8"/>
      <c r="MAM23" s="8"/>
      <c r="MAN23" s="8"/>
      <c r="MAO23" s="8"/>
      <c r="MAP23" s="8"/>
      <c r="MAQ23" s="8"/>
      <c r="MAR23" s="8"/>
      <c r="MAS23" s="8"/>
      <c r="MAT23" s="8"/>
      <c r="MAU23" s="8"/>
      <c r="MAV23" s="8"/>
      <c r="MAW23" s="8"/>
      <c r="MAX23" s="8"/>
      <c r="MAY23" s="8"/>
      <c r="MAZ23" s="8"/>
      <c r="MBA23" s="8"/>
      <c r="MBB23" s="8"/>
      <c r="MBC23" s="8"/>
      <c r="MBD23" s="8"/>
      <c r="MBE23" s="8"/>
      <c r="MBF23" s="8"/>
      <c r="MBG23" s="8"/>
      <c r="MBH23" s="8"/>
      <c r="MBI23" s="8"/>
      <c r="MBJ23" s="8"/>
      <c r="MBK23" s="8"/>
      <c r="MBL23" s="8"/>
      <c r="MBM23" s="8"/>
      <c r="MBN23" s="8"/>
      <c r="MBO23" s="8"/>
      <c r="MBP23" s="8"/>
      <c r="MBQ23" s="8"/>
      <c r="MBR23" s="8"/>
      <c r="MBS23" s="8"/>
      <c r="MBT23" s="8"/>
      <c r="MBU23" s="8"/>
      <c r="MBV23" s="8"/>
      <c r="MBW23" s="8"/>
      <c r="MBX23" s="8"/>
      <c r="MBY23" s="8"/>
      <c r="MBZ23" s="8"/>
      <c r="MCA23" s="8"/>
      <c r="MCB23" s="8"/>
      <c r="MCC23" s="8"/>
      <c r="MCD23" s="8"/>
      <c r="MCE23" s="8"/>
      <c r="MCF23" s="8"/>
      <c r="MCG23" s="8"/>
      <c r="MCH23" s="8"/>
      <c r="MCI23" s="8"/>
      <c r="MCJ23" s="8"/>
      <c r="MCK23" s="8"/>
      <c r="MCL23" s="8"/>
      <c r="MCM23" s="8"/>
      <c r="MCN23" s="8"/>
      <c r="MCO23" s="8"/>
      <c r="MCP23" s="8"/>
      <c r="MCQ23" s="8"/>
      <c r="MCR23" s="8"/>
      <c r="MCS23" s="8"/>
      <c r="MCT23" s="8"/>
      <c r="MCU23" s="8"/>
      <c r="MCV23" s="8"/>
      <c r="MCW23" s="8"/>
      <c r="MCX23" s="8"/>
      <c r="MCY23" s="8"/>
      <c r="MCZ23" s="8"/>
      <c r="MDA23" s="8"/>
      <c r="MDB23" s="8"/>
      <c r="MDC23" s="8"/>
      <c r="MDD23" s="8"/>
      <c r="MDE23" s="8"/>
      <c r="MDF23" s="8"/>
      <c r="MDG23" s="8"/>
      <c r="MDH23" s="8"/>
      <c r="MDI23" s="8"/>
      <c r="MDJ23" s="8"/>
      <c r="MDK23" s="8"/>
      <c r="MDL23" s="8"/>
      <c r="MDM23" s="8"/>
      <c r="MDN23" s="8"/>
      <c r="MDO23" s="8"/>
      <c r="MDP23" s="8"/>
      <c r="MDQ23" s="8"/>
      <c r="MDR23" s="8"/>
      <c r="MDS23" s="8"/>
      <c r="MDT23" s="8"/>
      <c r="MDU23" s="8"/>
      <c r="MDV23" s="8"/>
      <c r="MDW23" s="8"/>
      <c r="MDX23" s="8"/>
      <c r="MDY23" s="8"/>
      <c r="MDZ23" s="8"/>
      <c r="MEA23" s="8"/>
      <c r="MEB23" s="8"/>
      <c r="MEC23" s="8"/>
      <c r="MED23" s="8"/>
      <c r="MEE23" s="8"/>
      <c r="MEF23" s="8"/>
      <c r="MEG23" s="8"/>
      <c r="MEH23" s="8"/>
      <c r="MEI23" s="8"/>
      <c r="MEJ23" s="8"/>
      <c r="MEK23" s="8"/>
      <c r="MEL23" s="8"/>
      <c r="MEM23" s="8"/>
      <c r="MEN23" s="8"/>
      <c r="MEO23" s="8"/>
      <c r="MEP23" s="8"/>
      <c r="MEQ23" s="8"/>
      <c r="MER23" s="8"/>
      <c r="MES23" s="8"/>
      <c r="MET23" s="8"/>
      <c r="MEU23" s="8"/>
      <c r="MEV23" s="8"/>
      <c r="MEW23" s="8"/>
      <c r="MEX23" s="8"/>
      <c r="MEY23" s="8"/>
      <c r="MEZ23" s="8"/>
      <c r="MFA23" s="8"/>
      <c r="MFB23" s="8"/>
      <c r="MFC23" s="8"/>
      <c r="MFD23" s="8"/>
      <c r="MFE23" s="8"/>
      <c r="MFF23" s="8"/>
      <c r="MFG23" s="8"/>
      <c r="MFH23" s="8"/>
      <c r="MFI23" s="8"/>
      <c r="MFJ23" s="8"/>
      <c r="MFK23" s="8"/>
      <c r="MFL23" s="8"/>
      <c r="MFM23" s="8"/>
      <c r="MFN23" s="8"/>
      <c r="MFO23" s="8"/>
      <c r="MFP23" s="8"/>
      <c r="MFQ23" s="8"/>
      <c r="MFR23" s="8"/>
      <c r="MFS23" s="8"/>
      <c r="MFT23" s="8"/>
      <c r="MFU23" s="8"/>
      <c r="MFV23" s="8"/>
      <c r="MFW23" s="8"/>
      <c r="MFX23" s="8"/>
      <c r="MFY23" s="8"/>
      <c r="MFZ23" s="8"/>
      <c r="MGA23" s="8"/>
      <c r="MGB23" s="8"/>
      <c r="MGC23" s="8"/>
      <c r="MGD23" s="8"/>
      <c r="MGE23" s="8"/>
      <c r="MGF23" s="8"/>
      <c r="MGG23" s="8"/>
      <c r="MGH23" s="8"/>
      <c r="MGI23" s="8"/>
      <c r="MGJ23" s="8"/>
      <c r="MGK23" s="8"/>
      <c r="MGL23" s="8"/>
      <c r="MGM23" s="8"/>
      <c r="MGN23" s="8"/>
      <c r="MGO23" s="8"/>
      <c r="MGP23" s="8"/>
      <c r="MGQ23" s="8"/>
      <c r="MGR23" s="8"/>
      <c r="MGS23" s="8"/>
      <c r="MGT23" s="8"/>
      <c r="MGU23" s="8"/>
      <c r="MGV23" s="8"/>
      <c r="MGW23" s="8"/>
      <c r="MGX23" s="8"/>
      <c r="MGY23" s="8"/>
      <c r="MGZ23" s="8"/>
      <c r="MHA23" s="8"/>
      <c r="MHB23" s="8"/>
      <c r="MHC23" s="8"/>
      <c r="MHD23" s="8"/>
      <c r="MHE23" s="8"/>
      <c r="MHF23" s="8"/>
      <c r="MHG23" s="8"/>
      <c r="MHH23" s="8"/>
      <c r="MHI23" s="8"/>
      <c r="MHJ23" s="8"/>
      <c r="MHK23" s="8"/>
      <c r="MHL23" s="8"/>
      <c r="MHM23" s="8"/>
      <c r="MHN23" s="8"/>
      <c r="MHO23" s="8"/>
      <c r="MHP23" s="8"/>
      <c r="MHQ23" s="8"/>
      <c r="MHR23" s="8"/>
      <c r="MHS23" s="8"/>
      <c r="MHT23" s="8"/>
      <c r="MHU23" s="8"/>
      <c r="MHV23" s="8"/>
      <c r="MHW23" s="8"/>
      <c r="MHX23" s="8"/>
      <c r="MHY23" s="8"/>
      <c r="MHZ23" s="8"/>
      <c r="MIA23" s="8"/>
      <c r="MIB23" s="8"/>
      <c r="MIC23" s="8"/>
      <c r="MID23" s="8"/>
      <c r="MIE23" s="8"/>
      <c r="MIF23" s="8"/>
      <c r="MIG23" s="8"/>
      <c r="MIH23" s="8"/>
      <c r="MII23" s="8"/>
      <c r="MIJ23" s="8"/>
      <c r="MIK23" s="8"/>
      <c r="MIL23" s="8"/>
      <c r="MIM23" s="8"/>
      <c r="MIN23" s="8"/>
      <c r="MIO23" s="8"/>
      <c r="MIP23" s="8"/>
      <c r="MIQ23" s="8"/>
      <c r="MIR23" s="8"/>
      <c r="MIS23" s="8"/>
      <c r="MIT23" s="8"/>
      <c r="MIU23" s="8"/>
      <c r="MIV23" s="8"/>
      <c r="MIW23" s="8"/>
      <c r="MIX23" s="8"/>
      <c r="MIY23" s="8"/>
      <c r="MIZ23" s="8"/>
      <c r="MJA23" s="8"/>
      <c r="MJB23" s="8"/>
      <c r="MJC23" s="8"/>
      <c r="MJD23" s="8"/>
      <c r="MJE23" s="8"/>
      <c r="MJF23" s="8"/>
      <c r="MJG23" s="8"/>
      <c r="MJH23" s="8"/>
      <c r="MJI23" s="8"/>
      <c r="MJJ23" s="8"/>
      <c r="MJK23" s="8"/>
      <c r="MJL23" s="8"/>
      <c r="MJM23" s="8"/>
      <c r="MJN23" s="8"/>
      <c r="MJO23" s="8"/>
      <c r="MJP23" s="8"/>
      <c r="MJQ23" s="8"/>
      <c r="MJR23" s="8"/>
      <c r="MJS23" s="8"/>
      <c r="MJT23" s="8"/>
      <c r="MJU23" s="8"/>
      <c r="MJV23" s="8"/>
      <c r="MJW23" s="8"/>
      <c r="MJX23" s="8"/>
      <c r="MJY23" s="8"/>
      <c r="MJZ23" s="8"/>
      <c r="MKA23" s="8"/>
      <c r="MKB23" s="8"/>
      <c r="MKC23" s="8"/>
      <c r="MKD23" s="8"/>
      <c r="MKE23" s="8"/>
      <c r="MKF23" s="8"/>
      <c r="MKG23" s="8"/>
      <c r="MKH23" s="8"/>
      <c r="MKI23" s="8"/>
      <c r="MKJ23" s="8"/>
      <c r="MKK23" s="8"/>
      <c r="MKL23" s="8"/>
      <c r="MKM23" s="8"/>
      <c r="MKN23" s="8"/>
      <c r="MKO23" s="8"/>
      <c r="MKP23" s="8"/>
      <c r="MKQ23" s="8"/>
      <c r="MKR23" s="8"/>
      <c r="MKS23" s="8"/>
      <c r="MKT23" s="8"/>
      <c r="MKU23" s="8"/>
      <c r="MKV23" s="8"/>
      <c r="MKW23" s="8"/>
      <c r="MKX23" s="8"/>
      <c r="MKY23" s="8"/>
      <c r="MKZ23" s="8"/>
      <c r="MLA23" s="8"/>
      <c r="MLB23" s="8"/>
      <c r="MLC23" s="8"/>
      <c r="MLD23" s="8"/>
      <c r="MLE23" s="8"/>
      <c r="MLF23" s="8"/>
      <c r="MLG23" s="8"/>
      <c r="MLH23" s="8"/>
      <c r="MLI23" s="8"/>
      <c r="MLJ23" s="8"/>
      <c r="MLK23" s="8"/>
      <c r="MLL23" s="8"/>
      <c r="MLM23" s="8"/>
      <c r="MLN23" s="8"/>
      <c r="MLO23" s="8"/>
      <c r="MLP23" s="8"/>
      <c r="MLQ23" s="8"/>
      <c r="MLR23" s="8"/>
      <c r="MLS23" s="8"/>
      <c r="MLT23" s="8"/>
      <c r="MLU23" s="8"/>
      <c r="MLV23" s="8"/>
      <c r="MLW23" s="8"/>
      <c r="MLX23" s="8"/>
      <c r="MLY23" s="8"/>
      <c r="MLZ23" s="8"/>
      <c r="MMA23" s="8"/>
      <c r="MMB23" s="8"/>
      <c r="MMC23" s="8"/>
      <c r="MMD23" s="8"/>
      <c r="MME23" s="8"/>
      <c r="MMF23" s="8"/>
      <c r="MMG23" s="8"/>
      <c r="MMH23" s="8"/>
      <c r="MMI23" s="8"/>
      <c r="MMJ23" s="8"/>
      <c r="MMK23" s="8"/>
      <c r="MML23" s="8"/>
      <c r="MMM23" s="8"/>
      <c r="MMN23" s="8"/>
      <c r="MMO23" s="8"/>
      <c r="MMP23" s="8"/>
      <c r="MMQ23" s="8"/>
      <c r="MMR23" s="8"/>
      <c r="MMS23" s="8"/>
      <c r="MMT23" s="8"/>
      <c r="MMU23" s="8"/>
      <c r="MMV23" s="8"/>
      <c r="MMW23" s="8"/>
      <c r="MMX23" s="8"/>
      <c r="MMY23" s="8"/>
      <c r="MMZ23" s="8"/>
      <c r="MNA23" s="8"/>
      <c r="MNB23" s="8"/>
      <c r="MNC23" s="8"/>
      <c r="MND23" s="8"/>
      <c r="MNE23" s="8"/>
      <c r="MNF23" s="8"/>
      <c r="MNG23" s="8"/>
      <c r="MNH23" s="8"/>
      <c r="MNI23" s="8"/>
      <c r="MNJ23" s="8"/>
      <c r="MNK23" s="8"/>
      <c r="MNL23" s="8"/>
      <c r="MNM23" s="8"/>
      <c r="MNN23" s="8"/>
      <c r="MNO23" s="8"/>
      <c r="MNP23" s="8"/>
      <c r="MNQ23" s="8"/>
      <c r="MNR23" s="8"/>
      <c r="MNS23" s="8"/>
      <c r="MNT23" s="8"/>
      <c r="MNU23" s="8"/>
      <c r="MNV23" s="8"/>
      <c r="MNW23" s="8"/>
      <c r="MNX23" s="8"/>
      <c r="MNY23" s="8"/>
      <c r="MNZ23" s="8"/>
      <c r="MOA23" s="8"/>
      <c r="MOB23" s="8"/>
      <c r="MOC23" s="8"/>
      <c r="MOD23" s="8"/>
      <c r="MOE23" s="8"/>
      <c r="MOF23" s="8"/>
      <c r="MOG23" s="8"/>
      <c r="MOH23" s="8"/>
      <c r="MOI23" s="8"/>
      <c r="MOJ23" s="8"/>
      <c r="MOK23" s="8"/>
      <c r="MOL23" s="8"/>
      <c r="MOM23" s="8"/>
      <c r="MON23" s="8"/>
      <c r="MOO23" s="8"/>
      <c r="MOP23" s="8"/>
      <c r="MOQ23" s="8"/>
      <c r="MOR23" s="8"/>
      <c r="MOS23" s="8"/>
      <c r="MOT23" s="8"/>
      <c r="MOU23" s="8"/>
      <c r="MOV23" s="8"/>
      <c r="MOW23" s="8"/>
      <c r="MOX23" s="8"/>
      <c r="MOY23" s="8"/>
      <c r="MOZ23" s="8"/>
      <c r="MPA23" s="8"/>
      <c r="MPB23" s="8"/>
      <c r="MPC23" s="8"/>
      <c r="MPD23" s="8"/>
      <c r="MPE23" s="8"/>
      <c r="MPF23" s="8"/>
      <c r="MPG23" s="8"/>
      <c r="MPH23" s="8"/>
      <c r="MPI23" s="8"/>
      <c r="MPJ23" s="8"/>
      <c r="MPK23" s="8"/>
      <c r="MPL23" s="8"/>
      <c r="MPM23" s="8"/>
      <c r="MPN23" s="8"/>
      <c r="MPO23" s="8"/>
      <c r="MPP23" s="8"/>
      <c r="MPQ23" s="8"/>
      <c r="MPR23" s="8"/>
      <c r="MPS23" s="8"/>
      <c r="MPT23" s="8"/>
      <c r="MPU23" s="8"/>
      <c r="MPV23" s="8"/>
      <c r="MPW23" s="8"/>
      <c r="MPX23" s="8"/>
      <c r="MPY23" s="8"/>
      <c r="MPZ23" s="8"/>
      <c r="MQA23" s="8"/>
      <c r="MQB23" s="8"/>
      <c r="MQC23" s="8"/>
      <c r="MQD23" s="8"/>
      <c r="MQE23" s="8"/>
      <c r="MQF23" s="8"/>
      <c r="MQG23" s="8"/>
      <c r="MQH23" s="8"/>
      <c r="MQI23" s="8"/>
      <c r="MQJ23" s="8"/>
      <c r="MQK23" s="8"/>
      <c r="MQL23" s="8"/>
      <c r="MQM23" s="8"/>
      <c r="MQN23" s="8"/>
      <c r="MQO23" s="8"/>
      <c r="MQP23" s="8"/>
      <c r="MQQ23" s="8"/>
      <c r="MQR23" s="8"/>
      <c r="MQS23" s="8"/>
      <c r="MQT23" s="8"/>
      <c r="MQU23" s="8"/>
      <c r="MQV23" s="8"/>
      <c r="MQW23" s="8"/>
      <c r="MQX23" s="8"/>
      <c r="MQY23" s="8"/>
      <c r="MQZ23" s="8"/>
      <c r="MRA23" s="8"/>
      <c r="MRB23" s="8"/>
      <c r="MRC23" s="8"/>
      <c r="MRD23" s="8"/>
      <c r="MRE23" s="8"/>
      <c r="MRF23" s="8"/>
      <c r="MRG23" s="8"/>
      <c r="MRH23" s="8"/>
      <c r="MRI23" s="8"/>
      <c r="MRJ23" s="8"/>
      <c r="MRK23" s="8"/>
      <c r="MRL23" s="8"/>
      <c r="MRM23" s="8"/>
      <c r="MRN23" s="8"/>
      <c r="MRO23" s="8"/>
      <c r="MRP23" s="8"/>
      <c r="MRQ23" s="8"/>
      <c r="MRR23" s="8"/>
      <c r="MRS23" s="8"/>
      <c r="MRT23" s="8"/>
      <c r="MRU23" s="8"/>
      <c r="MRV23" s="8"/>
      <c r="MRW23" s="8"/>
      <c r="MRX23" s="8"/>
      <c r="MRY23" s="8"/>
      <c r="MRZ23" s="8"/>
      <c r="MSA23" s="8"/>
      <c r="MSB23" s="8"/>
      <c r="MSC23" s="8"/>
      <c r="MSD23" s="8"/>
      <c r="MSE23" s="8"/>
      <c r="MSF23" s="8"/>
      <c r="MSG23" s="8"/>
      <c r="MSH23" s="8"/>
      <c r="MSI23" s="8"/>
      <c r="MSJ23" s="8"/>
      <c r="MSK23" s="8"/>
      <c r="MSL23" s="8"/>
      <c r="MSM23" s="8"/>
      <c r="MSN23" s="8"/>
      <c r="MSO23" s="8"/>
      <c r="MSP23" s="8"/>
      <c r="MSQ23" s="8"/>
      <c r="MSR23" s="8"/>
      <c r="MSS23" s="8"/>
      <c r="MST23" s="8"/>
      <c r="MSU23" s="8"/>
      <c r="MSV23" s="8"/>
      <c r="MSW23" s="8"/>
      <c r="MSX23" s="8"/>
      <c r="MSY23" s="8"/>
      <c r="MSZ23" s="8"/>
      <c r="MTA23" s="8"/>
      <c r="MTB23" s="8"/>
      <c r="MTC23" s="8"/>
      <c r="MTD23" s="8"/>
      <c r="MTE23" s="8"/>
      <c r="MTF23" s="8"/>
      <c r="MTG23" s="8"/>
      <c r="MTH23" s="8"/>
      <c r="MTI23" s="8"/>
      <c r="MTJ23" s="8"/>
      <c r="MTK23" s="8"/>
      <c r="MTL23" s="8"/>
      <c r="MTM23" s="8"/>
      <c r="MTN23" s="8"/>
      <c r="MTO23" s="8"/>
      <c r="MTP23" s="8"/>
      <c r="MTQ23" s="8"/>
      <c r="MTR23" s="8"/>
      <c r="MTS23" s="8"/>
      <c r="MTT23" s="8"/>
      <c r="MTU23" s="8"/>
      <c r="MTV23" s="8"/>
      <c r="MTW23" s="8"/>
      <c r="MTX23" s="8"/>
      <c r="MTY23" s="8"/>
      <c r="MTZ23" s="8"/>
      <c r="MUA23" s="8"/>
      <c r="MUB23" s="8"/>
      <c r="MUC23" s="8"/>
      <c r="MUD23" s="8"/>
      <c r="MUE23" s="8"/>
      <c r="MUF23" s="8"/>
      <c r="MUG23" s="8"/>
      <c r="MUH23" s="8"/>
      <c r="MUI23" s="8"/>
      <c r="MUJ23" s="8"/>
      <c r="MUK23" s="8"/>
      <c r="MUL23" s="8"/>
      <c r="MUM23" s="8"/>
      <c r="MUN23" s="8"/>
      <c r="MUO23" s="8"/>
      <c r="MUP23" s="8"/>
      <c r="MUQ23" s="8"/>
      <c r="MUR23" s="8"/>
      <c r="MUS23" s="8"/>
      <c r="MUT23" s="8"/>
      <c r="MUU23" s="8"/>
      <c r="MUV23" s="8"/>
      <c r="MUW23" s="8"/>
      <c r="MUX23" s="8"/>
      <c r="MUY23" s="8"/>
      <c r="MUZ23" s="8"/>
      <c r="MVA23" s="8"/>
      <c r="MVB23" s="8"/>
      <c r="MVC23" s="8"/>
      <c r="MVD23" s="8"/>
      <c r="MVE23" s="8"/>
      <c r="MVF23" s="8"/>
      <c r="MVG23" s="8"/>
      <c r="MVH23" s="8"/>
      <c r="MVI23" s="8"/>
      <c r="MVJ23" s="8"/>
      <c r="MVK23" s="8"/>
      <c r="MVL23" s="8"/>
      <c r="MVM23" s="8"/>
      <c r="MVN23" s="8"/>
      <c r="MVO23" s="8"/>
      <c r="MVP23" s="8"/>
      <c r="MVQ23" s="8"/>
      <c r="MVR23" s="8"/>
      <c r="MVS23" s="8"/>
      <c r="MVT23" s="8"/>
      <c r="MVU23" s="8"/>
      <c r="MVV23" s="8"/>
      <c r="MVW23" s="8"/>
      <c r="MVX23" s="8"/>
      <c r="MVY23" s="8"/>
      <c r="MVZ23" s="8"/>
      <c r="MWA23" s="8"/>
      <c r="MWB23" s="8"/>
      <c r="MWC23" s="8"/>
      <c r="MWD23" s="8"/>
      <c r="MWE23" s="8"/>
      <c r="MWF23" s="8"/>
      <c r="MWG23" s="8"/>
      <c r="MWH23" s="8"/>
      <c r="MWI23" s="8"/>
      <c r="MWJ23" s="8"/>
      <c r="MWK23" s="8"/>
      <c r="MWL23" s="8"/>
      <c r="MWM23" s="8"/>
      <c r="MWN23" s="8"/>
      <c r="MWO23" s="8"/>
      <c r="MWP23" s="8"/>
      <c r="MWQ23" s="8"/>
      <c r="MWR23" s="8"/>
      <c r="MWS23" s="8"/>
      <c r="MWT23" s="8"/>
      <c r="MWU23" s="8"/>
      <c r="MWV23" s="8"/>
      <c r="MWW23" s="8"/>
      <c r="MWX23" s="8"/>
      <c r="MWY23" s="8"/>
      <c r="MWZ23" s="8"/>
      <c r="MXA23" s="8"/>
      <c r="MXB23" s="8"/>
      <c r="MXC23" s="8"/>
      <c r="MXD23" s="8"/>
      <c r="MXE23" s="8"/>
      <c r="MXF23" s="8"/>
      <c r="MXG23" s="8"/>
      <c r="MXH23" s="8"/>
      <c r="MXI23" s="8"/>
      <c r="MXJ23" s="8"/>
      <c r="MXK23" s="8"/>
      <c r="MXL23" s="8"/>
      <c r="MXM23" s="8"/>
      <c r="MXN23" s="8"/>
      <c r="MXO23" s="8"/>
      <c r="MXP23" s="8"/>
      <c r="MXQ23" s="8"/>
      <c r="MXR23" s="8"/>
      <c r="MXS23" s="8"/>
      <c r="MXT23" s="8"/>
      <c r="MXU23" s="8"/>
      <c r="MXV23" s="8"/>
      <c r="MXW23" s="8"/>
      <c r="MXX23" s="8"/>
      <c r="MXY23" s="8"/>
      <c r="MXZ23" s="8"/>
      <c r="MYA23" s="8"/>
      <c r="MYB23" s="8"/>
      <c r="MYC23" s="8"/>
      <c r="MYD23" s="8"/>
      <c r="MYE23" s="8"/>
      <c r="MYF23" s="8"/>
      <c r="MYG23" s="8"/>
      <c r="MYH23" s="8"/>
      <c r="MYI23" s="8"/>
      <c r="MYJ23" s="8"/>
      <c r="MYK23" s="8"/>
      <c r="MYL23" s="8"/>
      <c r="MYM23" s="8"/>
      <c r="MYN23" s="8"/>
      <c r="MYO23" s="8"/>
      <c r="MYP23" s="8"/>
      <c r="MYQ23" s="8"/>
      <c r="MYR23" s="8"/>
      <c r="MYS23" s="8"/>
      <c r="MYT23" s="8"/>
      <c r="MYU23" s="8"/>
      <c r="MYV23" s="8"/>
      <c r="MYW23" s="8"/>
      <c r="MYX23" s="8"/>
      <c r="MYY23" s="8"/>
      <c r="MYZ23" s="8"/>
      <c r="MZA23" s="8"/>
      <c r="MZB23" s="8"/>
      <c r="MZC23" s="8"/>
      <c r="MZD23" s="8"/>
      <c r="MZE23" s="8"/>
      <c r="MZF23" s="8"/>
      <c r="MZG23" s="8"/>
      <c r="MZH23" s="8"/>
      <c r="MZI23" s="8"/>
      <c r="MZJ23" s="8"/>
      <c r="MZK23" s="8"/>
      <c r="MZL23" s="8"/>
      <c r="MZM23" s="8"/>
      <c r="MZN23" s="8"/>
      <c r="MZO23" s="8"/>
      <c r="MZP23" s="8"/>
      <c r="MZQ23" s="8"/>
      <c r="MZR23" s="8"/>
      <c r="MZS23" s="8"/>
      <c r="MZT23" s="8"/>
      <c r="MZU23" s="8"/>
      <c r="MZV23" s="8"/>
      <c r="MZW23" s="8"/>
      <c r="MZX23" s="8"/>
      <c r="MZY23" s="8"/>
      <c r="MZZ23" s="8"/>
      <c r="NAA23" s="8"/>
      <c r="NAB23" s="8"/>
      <c r="NAC23" s="8"/>
      <c r="NAD23" s="8"/>
      <c r="NAE23" s="8"/>
      <c r="NAF23" s="8"/>
      <c r="NAG23" s="8"/>
      <c r="NAH23" s="8"/>
      <c r="NAI23" s="8"/>
      <c r="NAJ23" s="8"/>
      <c r="NAK23" s="8"/>
      <c r="NAL23" s="8"/>
      <c r="NAM23" s="8"/>
      <c r="NAN23" s="8"/>
      <c r="NAO23" s="8"/>
      <c r="NAP23" s="8"/>
      <c r="NAQ23" s="8"/>
      <c r="NAR23" s="8"/>
      <c r="NAS23" s="8"/>
      <c r="NAT23" s="8"/>
      <c r="NAU23" s="8"/>
      <c r="NAV23" s="8"/>
      <c r="NAW23" s="8"/>
      <c r="NAX23" s="8"/>
      <c r="NAY23" s="8"/>
      <c r="NAZ23" s="8"/>
      <c r="NBA23" s="8"/>
      <c r="NBB23" s="8"/>
      <c r="NBC23" s="8"/>
      <c r="NBD23" s="8"/>
      <c r="NBE23" s="8"/>
      <c r="NBF23" s="8"/>
      <c r="NBG23" s="8"/>
      <c r="NBH23" s="8"/>
      <c r="NBI23" s="8"/>
      <c r="NBJ23" s="8"/>
      <c r="NBK23" s="8"/>
      <c r="NBL23" s="8"/>
      <c r="NBM23" s="8"/>
      <c r="NBN23" s="8"/>
      <c r="NBO23" s="8"/>
      <c r="NBP23" s="8"/>
      <c r="NBQ23" s="8"/>
      <c r="NBR23" s="8"/>
      <c r="NBS23" s="8"/>
      <c r="NBT23" s="8"/>
      <c r="NBU23" s="8"/>
      <c r="NBV23" s="8"/>
      <c r="NBW23" s="8"/>
      <c r="NBX23" s="8"/>
      <c r="NBY23" s="8"/>
      <c r="NBZ23" s="8"/>
      <c r="NCA23" s="8"/>
      <c r="NCB23" s="8"/>
      <c r="NCC23" s="8"/>
      <c r="NCD23" s="8"/>
      <c r="NCE23" s="8"/>
      <c r="NCF23" s="8"/>
      <c r="NCG23" s="8"/>
      <c r="NCH23" s="8"/>
      <c r="NCI23" s="8"/>
      <c r="NCJ23" s="8"/>
      <c r="NCK23" s="8"/>
      <c r="NCL23" s="8"/>
      <c r="NCM23" s="8"/>
      <c r="NCN23" s="8"/>
      <c r="NCO23" s="8"/>
      <c r="NCP23" s="8"/>
      <c r="NCQ23" s="8"/>
      <c r="NCR23" s="8"/>
      <c r="NCS23" s="8"/>
      <c r="NCT23" s="8"/>
      <c r="NCU23" s="8"/>
      <c r="NCV23" s="8"/>
      <c r="NCW23" s="8"/>
      <c r="NCX23" s="8"/>
      <c r="NCY23" s="8"/>
      <c r="NCZ23" s="8"/>
      <c r="NDA23" s="8"/>
      <c r="NDB23" s="8"/>
      <c r="NDC23" s="8"/>
      <c r="NDD23" s="8"/>
      <c r="NDE23" s="8"/>
      <c r="NDF23" s="8"/>
      <c r="NDG23" s="8"/>
      <c r="NDH23" s="8"/>
      <c r="NDI23" s="8"/>
      <c r="NDJ23" s="8"/>
      <c r="NDK23" s="8"/>
      <c r="NDL23" s="8"/>
      <c r="NDM23" s="8"/>
      <c r="NDN23" s="8"/>
      <c r="NDO23" s="8"/>
      <c r="NDP23" s="8"/>
      <c r="NDQ23" s="8"/>
      <c r="NDR23" s="8"/>
      <c r="NDS23" s="8"/>
      <c r="NDT23" s="8"/>
      <c r="NDU23" s="8"/>
      <c r="NDV23" s="8"/>
      <c r="NDW23" s="8"/>
      <c r="NDX23" s="8"/>
      <c r="NDY23" s="8"/>
      <c r="NDZ23" s="8"/>
      <c r="NEA23" s="8"/>
      <c r="NEB23" s="8"/>
      <c r="NEC23" s="8"/>
      <c r="NED23" s="8"/>
      <c r="NEE23" s="8"/>
      <c r="NEF23" s="8"/>
      <c r="NEG23" s="8"/>
      <c r="NEH23" s="8"/>
      <c r="NEI23" s="8"/>
      <c r="NEJ23" s="8"/>
      <c r="NEK23" s="8"/>
      <c r="NEL23" s="8"/>
      <c r="NEM23" s="8"/>
      <c r="NEN23" s="8"/>
      <c r="NEO23" s="8"/>
      <c r="NEP23" s="8"/>
      <c r="NEQ23" s="8"/>
      <c r="NER23" s="8"/>
      <c r="NES23" s="8"/>
      <c r="NET23" s="8"/>
      <c r="NEU23" s="8"/>
      <c r="NEV23" s="8"/>
      <c r="NEW23" s="8"/>
      <c r="NEX23" s="8"/>
      <c r="NEY23" s="8"/>
      <c r="NEZ23" s="8"/>
      <c r="NFA23" s="8"/>
      <c r="NFB23" s="8"/>
      <c r="NFC23" s="8"/>
      <c r="NFD23" s="8"/>
      <c r="NFE23" s="8"/>
      <c r="NFF23" s="8"/>
      <c r="NFG23" s="8"/>
      <c r="NFH23" s="8"/>
      <c r="NFI23" s="8"/>
      <c r="NFJ23" s="8"/>
      <c r="NFK23" s="8"/>
      <c r="NFL23" s="8"/>
      <c r="NFM23" s="8"/>
      <c r="NFN23" s="8"/>
      <c r="NFO23" s="8"/>
      <c r="NFP23" s="8"/>
      <c r="NFQ23" s="8"/>
      <c r="NFR23" s="8"/>
      <c r="NFS23" s="8"/>
      <c r="NFT23" s="8"/>
      <c r="NFU23" s="8"/>
      <c r="NFV23" s="8"/>
      <c r="NFW23" s="8"/>
      <c r="NFX23" s="8"/>
      <c r="NFY23" s="8"/>
      <c r="NFZ23" s="8"/>
      <c r="NGA23" s="8"/>
      <c r="NGB23" s="8"/>
      <c r="NGC23" s="8"/>
      <c r="NGD23" s="8"/>
      <c r="NGE23" s="8"/>
      <c r="NGF23" s="8"/>
      <c r="NGG23" s="8"/>
      <c r="NGH23" s="8"/>
      <c r="NGI23" s="8"/>
      <c r="NGJ23" s="8"/>
      <c r="NGK23" s="8"/>
      <c r="NGL23" s="8"/>
      <c r="NGM23" s="8"/>
      <c r="NGN23" s="8"/>
      <c r="NGO23" s="8"/>
      <c r="NGP23" s="8"/>
      <c r="NGQ23" s="8"/>
      <c r="NGR23" s="8"/>
      <c r="NGS23" s="8"/>
      <c r="NGT23" s="8"/>
      <c r="NGU23" s="8"/>
      <c r="NGV23" s="8"/>
      <c r="NGW23" s="8"/>
      <c r="NGX23" s="8"/>
      <c r="NGY23" s="8"/>
      <c r="NGZ23" s="8"/>
      <c r="NHA23" s="8"/>
      <c r="NHB23" s="8"/>
      <c r="NHC23" s="8"/>
      <c r="NHD23" s="8"/>
      <c r="NHE23" s="8"/>
      <c r="NHF23" s="8"/>
      <c r="NHG23" s="8"/>
      <c r="NHH23" s="8"/>
      <c r="NHI23" s="8"/>
      <c r="NHJ23" s="8"/>
      <c r="NHK23" s="8"/>
      <c r="NHL23" s="8"/>
      <c r="NHM23" s="8"/>
      <c r="NHN23" s="8"/>
      <c r="NHO23" s="8"/>
      <c r="NHP23" s="8"/>
      <c r="NHQ23" s="8"/>
      <c r="NHR23" s="8"/>
      <c r="NHS23" s="8"/>
      <c r="NHT23" s="8"/>
      <c r="NHU23" s="8"/>
      <c r="NHV23" s="8"/>
      <c r="NHW23" s="8"/>
      <c r="NHX23" s="8"/>
      <c r="NHY23" s="8"/>
      <c r="NHZ23" s="8"/>
      <c r="NIA23" s="8"/>
      <c r="NIB23" s="8"/>
      <c r="NIC23" s="8"/>
      <c r="NID23" s="8"/>
      <c r="NIE23" s="8"/>
      <c r="NIF23" s="8"/>
      <c r="NIG23" s="8"/>
      <c r="NIH23" s="8"/>
      <c r="NII23" s="8"/>
      <c r="NIJ23" s="8"/>
      <c r="NIK23" s="8"/>
      <c r="NIL23" s="8"/>
      <c r="NIM23" s="8"/>
      <c r="NIN23" s="8"/>
      <c r="NIO23" s="8"/>
      <c r="NIP23" s="8"/>
      <c r="NIQ23" s="8"/>
      <c r="NIR23" s="8"/>
      <c r="NIS23" s="8"/>
      <c r="NIT23" s="8"/>
      <c r="NIU23" s="8"/>
      <c r="NIV23" s="8"/>
      <c r="NIW23" s="8"/>
      <c r="NIX23" s="8"/>
      <c r="NIY23" s="8"/>
      <c r="NIZ23" s="8"/>
      <c r="NJA23" s="8"/>
      <c r="NJB23" s="8"/>
      <c r="NJC23" s="8"/>
      <c r="NJD23" s="8"/>
      <c r="NJE23" s="8"/>
      <c r="NJF23" s="8"/>
      <c r="NJG23" s="8"/>
      <c r="NJH23" s="8"/>
      <c r="NJI23" s="8"/>
      <c r="NJJ23" s="8"/>
      <c r="NJK23" s="8"/>
      <c r="NJL23" s="8"/>
      <c r="NJM23" s="8"/>
      <c r="NJN23" s="8"/>
      <c r="NJO23" s="8"/>
      <c r="NJP23" s="8"/>
      <c r="NJQ23" s="8"/>
      <c r="NJR23" s="8"/>
      <c r="NJS23" s="8"/>
      <c r="NJT23" s="8"/>
      <c r="NJU23" s="8"/>
      <c r="NJV23" s="8"/>
      <c r="NJW23" s="8"/>
      <c r="NJX23" s="8"/>
      <c r="NJY23" s="8"/>
      <c r="NJZ23" s="8"/>
      <c r="NKA23" s="8"/>
      <c r="NKB23" s="8"/>
      <c r="NKC23" s="8"/>
      <c r="NKD23" s="8"/>
      <c r="NKE23" s="8"/>
      <c r="NKF23" s="8"/>
      <c r="NKG23" s="8"/>
      <c r="NKH23" s="8"/>
      <c r="NKI23" s="8"/>
      <c r="NKJ23" s="8"/>
      <c r="NKK23" s="8"/>
      <c r="NKL23" s="8"/>
      <c r="NKM23" s="8"/>
      <c r="NKN23" s="8"/>
      <c r="NKO23" s="8"/>
      <c r="NKP23" s="8"/>
      <c r="NKQ23" s="8"/>
      <c r="NKR23" s="8"/>
      <c r="NKS23" s="8"/>
      <c r="NKT23" s="8"/>
      <c r="NKU23" s="8"/>
      <c r="NKV23" s="8"/>
      <c r="NKW23" s="8"/>
      <c r="NKX23" s="8"/>
      <c r="NKY23" s="8"/>
      <c r="NKZ23" s="8"/>
      <c r="NLA23" s="8"/>
      <c r="NLB23" s="8"/>
      <c r="NLC23" s="8"/>
      <c r="NLD23" s="8"/>
      <c r="NLE23" s="8"/>
      <c r="NLF23" s="8"/>
      <c r="NLG23" s="8"/>
      <c r="NLH23" s="8"/>
      <c r="NLI23" s="8"/>
      <c r="NLJ23" s="8"/>
      <c r="NLK23" s="8"/>
      <c r="NLL23" s="8"/>
      <c r="NLM23" s="8"/>
      <c r="NLN23" s="8"/>
      <c r="NLO23" s="8"/>
      <c r="NLP23" s="8"/>
      <c r="NLQ23" s="8"/>
      <c r="NLR23" s="8"/>
      <c r="NLS23" s="8"/>
      <c r="NLT23" s="8"/>
      <c r="NLU23" s="8"/>
      <c r="NLV23" s="8"/>
      <c r="NLW23" s="8"/>
      <c r="NLX23" s="8"/>
      <c r="NLY23" s="8"/>
      <c r="NLZ23" s="8"/>
      <c r="NMA23" s="8"/>
      <c r="NMB23" s="8"/>
      <c r="NMC23" s="8"/>
      <c r="NMD23" s="8"/>
      <c r="NME23" s="8"/>
      <c r="NMF23" s="8"/>
      <c r="NMG23" s="8"/>
      <c r="NMH23" s="8"/>
      <c r="NMI23" s="8"/>
      <c r="NMJ23" s="8"/>
      <c r="NMK23" s="8"/>
      <c r="NML23" s="8"/>
      <c r="NMM23" s="8"/>
      <c r="NMN23" s="8"/>
      <c r="NMO23" s="8"/>
      <c r="NMP23" s="8"/>
      <c r="NMQ23" s="8"/>
      <c r="NMR23" s="8"/>
      <c r="NMS23" s="8"/>
      <c r="NMT23" s="8"/>
      <c r="NMU23" s="8"/>
      <c r="NMV23" s="8"/>
      <c r="NMW23" s="8"/>
      <c r="NMX23" s="8"/>
      <c r="NMY23" s="8"/>
      <c r="NMZ23" s="8"/>
      <c r="NNA23" s="8"/>
      <c r="NNB23" s="8"/>
      <c r="NNC23" s="8"/>
      <c r="NND23" s="8"/>
      <c r="NNE23" s="8"/>
      <c r="NNF23" s="8"/>
      <c r="NNG23" s="8"/>
      <c r="NNH23" s="8"/>
      <c r="NNI23" s="8"/>
      <c r="NNJ23" s="8"/>
      <c r="NNK23" s="8"/>
      <c r="NNL23" s="8"/>
      <c r="NNM23" s="8"/>
      <c r="NNN23" s="8"/>
      <c r="NNO23" s="8"/>
      <c r="NNP23" s="8"/>
      <c r="NNQ23" s="8"/>
      <c r="NNR23" s="8"/>
      <c r="NNS23" s="8"/>
      <c r="NNT23" s="8"/>
      <c r="NNU23" s="8"/>
      <c r="NNV23" s="8"/>
      <c r="NNW23" s="8"/>
      <c r="NNX23" s="8"/>
      <c r="NNY23" s="8"/>
      <c r="NNZ23" s="8"/>
      <c r="NOA23" s="8"/>
      <c r="NOB23" s="8"/>
      <c r="NOC23" s="8"/>
      <c r="NOD23" s="8"/>
      <c r="NOE23" s="8"/>
      <c r="NOF23" s="8"/>
      <c r="NOG23" s="8"/>
      <c r="NOH23" s="8"/>
      <c r="NOI23" s="8"/>
      <c r="NOJ23" s="8"/>
      <c r="NOK23" s="8"/>
      <c r="NOL23" s="8"/>
      <c r="NOM23" s="8"/>
      <c r="NON23" s="8"/>
      <c r="NOO23" s="8"/>
      <c r="NOP23" s="8"/>
      <c r="NOQ23" s="8"/>
      <c r="NOR23" s="8"/>
      <c r="NOS23" s="8"/>
      <c r="NOT23" s="8"/>
      <c r="NOU23" s="8"/>
      <c r="NOV23" s="8"/>
      <c r="NOW23" s="8"/>
      <c r="NOX23" s="8"/>
      <c r="NOY23" s="8"/>
      <c r="NOZ23" s="8"/>
      <c r="NPA23" s="8"/>
      <c r="NPB23" s="8"/>
      <c r="NPC23" s="8"/>
      <c r="NPD23" s="8"/>
      <c r="NPE23" s="8"/>
      <c r="NPF23" s="8"/>
      <c r="NPG23" s="8"/>
      <c r="NPH23" s="8"/>
      <c r="NPI23" s="8"/>
      <c r="NPJ23" s="8"/>
      <c r="NPK23" s="8"/>
      <c r="NPL23" s="8"/>
      <c r="NPM23" s="8"/>
      <c r="NPN23" s="8"/>
      <c r="NPO23" s="8"/>
      <c r="NPP23" s="8"/>
      <c r="NPQ23" s="8"/>
      <c r="NPR23" s="8"/>
      <c r="NPS23" s="8"/>
      <c r="NPT23" s="8"/>
      <c r="NPU23" s="8"/>
      <c r="NPV23" s="8"/>
      <c r="NPW23" s="8"/>
      <c r="NPX23" s="8"/>
      <c r="NPY23" s="8"/>
      <c r="NPZ23" s="8"/>
      <c r="NQA23" s="8"/>
      <c r="NQB23" s="8"/>
      <c r="NQC23" s="8"/>
      <c r="NQD23" s="8"/>
      <c r="NQE23" s="8"/>
      <c r="NQF23" s="8"/>
      <c r="NQG23" s="8"/>
      <c r="NQH23" s="8"/>
      <c r="NQI23" s="8"/>
      <c r="NQJ23" s="8"/>
      <c r="NQK23" s="8"/>
      <c r="NQL23" s="8"/>
      <c r="NQM23" s="8"/>
      <c r="NQN23" s="8"/>
      <c r="NQO23" s="8"/>
      <c r="NQP23" s="8"/>
      <c r="NQQ23" s="8"/>
      <c r="NQR23" s="8"/>
      <c r="NQS23" s="8"/>
      <c r="NQT23" s="8"/>
      <c r="NQU23" s="8"/>
      <c r="NQV23" s="8"/>
      <c r="NQW23" s="8"/>
      <c r="NQX23" s="8"/>
      <c r="NQY23" s="8"/>
      <c r="NQZ23" s="8"/>
      <c r="NRA23" s="8"/>
      <c r="NRB23" s="8"/>
      <c r="NRC23" s="8"/>
      <c r="NRD23" s="8"/>
      <c r="NRE23" s="8"/>
      <c r="NRF23" s="8"/>
      <c r="NRG23" s="8"/>
      <c r="NRH23" s="8"/>
      <c r="NRI23" s="8"/>
      <c r="NRJ23" s="8"/>
      <c r="NRK23" s="8"/>
      <c r="NRL23" s="8"/>
      <c r="NRM23" s="8"/>
      <c r="NRN23" s="8"/>
      <c r="NRO23" s="8"/>
      <c r="NRP23" s="8"/>
      <c r="NRQ23" s="8"/>
      <c r="NRR23" s="8"/>
      <c r="NRS23" s="8"/>
      <c r="NRT23" s="8"/>
      <c r="NRU23" s="8"/>
      <c r="NRV23" s="8"/>
      <c r="NRW23" s="8"/>
      <c r="NRX23" s="8"/>
      <c r="NRY23" s="8"/>
      <c r="NRZ23" s="8"/>
      <c r="NSA23" s="8"/>
      <c r="NSB23" s="8"/>
      <c r="NSC23" s="8"/>
      <c r="NSD23" s="8"/>
      <c r="NSE23" s="8"/>
      <c r="NSF23" s="8"/>
      <c r="NSG23" s="8"/>
      <c r="NSH23" s="8"/>
      <c r="NSI23" s="8"/>
      <c r="NSJ23" s="8"/>
      <c r="NSK23" s="8"/>
      <c r="NSL23" s="8"/>
      <c r="NSM23" s="8"/>
      <c r="NSN23" s="8"/>
      <c r="NSO23" s="8"/>
      <c r="NSP23" s="8"/>
      <c r="NSQ23" s="8"/>
      <c r="NSR23" s="8"/>
      <c r="NSS23" s="8"/>
      <c r="NST23" s="8"/>
      <c r="NSU23" s="8"/>
      <c r="NSV23" s="8"/>
      <c r="NSW23" s="8"/>
      <c r="NSX23" s="8"/>
      <c r="NSY23" s="8"/>
      <c r="NSZ23" s="8"/>
      <c r="NTA23" s="8"/>
      <c r="NTB23" s="8"/>
      <c r="NTC23" s="8"/>
      <c r="NTD23" s="8"/>
      <c r="NTE23" s="8"/>
      <c r="NTF23" s="8"/>
      <c r="NTG23" s="8"/>
      <c r="NTH23" s="8"/>
      <c r="NTI23" s="8"/>
      <c r="NTJ23" s="8"/>
      <c r="NTK23" s="8"/>
      <c r="NTL23" s="8"/>
      <c r="NTM23" s="8"/>
      <c r="NTN23" s="8"/>
      <c r="NTO23" s="8"/>
      <c r="NTP23" s="8"/>
      <c r="NTQ23" s="8"/>
      <c r="NTR23" s="8"/>
      <c r="NTS23" s="8"/>
      <c r="NTT23" s="8"/>
      <c r="NTU23" s="8"/>
      <c r="NTV23" s="8"/>
      <c r="NTW23" s="8"/>
      <c r="NTX23" s="8"/>
      <c r="NTY23" s="8"/>
      <c r="NTZ23" s="8"/>
      <c r="NUA23" s="8"/>
      <c r="NUB23" s="8"/>
      <c r="NUC23" s="8"/>
      <c r="NUD23" s="8"/>
      <c r="NUE23" s="8"/>
      <c r="NUF23" s="8"/>
      <c r="NUG23" s="8"/>
      <c r="NUH23" s="8"/>
      <c r="NUI23" s="8"/>
      <c r="NUJ23" s="8"/>
      <c r="NUK23" s="8"/>
      <c r="NUL23" s="8"/>
      <c r="NUM23" s="8"/>
      <c r="NUN23" s="8"/>
      <c r="NUO23" s="8"/>
      <c r="NUP23" s="8"/>
      <c r="NUQ23" s="8"/>
      <c r="NUR23" s="8"/>
      <c r="NUS23" s="8"/>
      <c r="NUT23" s="8"/>
      <c r="NUU23" s="8"/>
      <c r="NUV23" s="8"/>
      <c r="NUW23" s="8"/>
      <c r="NUX23" s="8"/>
      <c r="NUY23" s="8"/>
      <c r="NUZ23" s="8"/>
      <c r="NVA23" s="8"/>
      <c r="NVB23" s="8"/>
      <c r="NVC23" s="8"/>
      <c r="NVD23" s="8"/>
      <c r="NVE23" s="8"/>
      <c r="NVF23" s="8"/>
      <c r="NVG23" s="8"/>
      <c r="NVH23" s="8"/>
      <c r="NVI23" s="8"/>
      <c r="NVJ23" s="8"/>
      <c r="NVK23" s="8"/>
      <c r="NVL23" s="8"/>
      <c r="NVM23" s="8"/>
      <c r="NVN23" s="8"/>
      <c r="NVO23" s="8"/>
      <c r="NVP23" s="8"/>
      <c r="NVQ23" s="8"/>
      <c r="NVR23" s="8"/>
      <c r="NVS23" s="8"/>
      <c r="NVT23" s="8"/>
      <c r="NVU23" s="8"/>
      <c r="NVV23" s="8"/>
      <c r="NVW23" s="8"/>
      <c r="NVX23" s="8"/>
      <c r="NVY23" s="8"/>
      <c r="NVZ23" s="8"/>
      <c r="NWA23" s="8"/>
      <c r="NWB23" s="8"/>
      <c r="NWC23" s="8"/>
      <c r="NWD23" s="8"/>
      <c r="NWE23" s="8"/>
      <c r="NWF23" s="8"/>
      <c r="NWG23" s="8"/>
      <c r="NWH23" s="8"/>
      <c r="NWI23" s="8"/>
      <c r="NWJ23" s="8"/>
      <c r="NWK23" s="8"/>
      <c r="NWL23" s="8"/>
      <c r="NWM23" s="8"/>
      <c r="NWN23" s="8"/>
      <c r="NWO23" s="8"/>
      <c r="NWP23" s="8"/>
      <c r="NWQ23" s="8"/>
      <c r="NWR23" s="8"/>
      <c r="NWS23" s="8"/>
      <c r="NWT23" s="8"/>
      <c r="NWU23" s="8"/>
      <c r="NWV23" s="8"/>
      <c r="NWW23" s="8"/>
      <c r="NWX23" s="8"/>
      <c r="NWY23" s="8"/>
      <c r="NWZ23" s="8"/>
      <c r="NXA23" s="8"/>
      <c r="NXB23" s="8"/>
      <c r="NXC23" s="8"/>
      <c r="NXD23" s="8"/>
      <c r="NXE23" s="8"/>
      <c r="NXF23" s="8"/>
      <c r="NXG23" s="8"/>
      <c r="NXH23" s="8"/>
      <c r="NXI23" s="8"/>
      <c r="NXJ23" s="8"/>
      <c r="NXK23" s="8"/>
      <c r="NXL23" s="8"/>
      <c r="NXM23" s="8"/>
      <c r="NXN23" s="8"/>
      <c r="NXO23" s="8"/>
      <c r="NXP23" s="8"/>
      <c r="NXQ23" s="8"/>
      <c r="NXR23" s="8"/>
      <c r="NXS23" s="8"/>
      <c r="NXT23" s="8"/>
      <c r="NXU23" s="8"/>
      <c r="NXV23" s="8"/>
      <c r="NXW23" s="8"/>
      <c r="NXX23" s="8"/>
      <c r="NXY23" s="8"/>
      <c r="NXZ23" s="8"/>
      <c r="NYA23" s="8"/>
      <c r="NYB23" s="8"/>
      <c r="NYC23" s="8"/>
      <c r="NYD23" s="8"/>
      <c r="NYE23" s="8"/>
      <c r="NYF23" s="8"/>
      <c r="NYG23" s="8"/>
      <c r="NYH23" s="8"/>
      <c r="NYI23" s="8"/>
      <c r="NYJ23" s="8"/>
      <c r="NYK23" s="8"/>
      <c r="NYL23" s="8"/>
      <c r="NYM23" s="8"/>
      <c r="NYN23" s="8"/>
      <c r="NYO23" s="8"/>
      <c r="NYP23" s="8"/>
      <c r="NYQ23" s="8"/>
      <c r="NYR23" s="8"/>
      <c r="NYS23" s="8"/>
      <c r="NYT23" s="8"/>
      <c r="NYU23" s="8"/>
      <c r="NYV23" s="8"/>
      <c r="NYW23" s="8"/>
      <c r="NYX23" s="8"/>
      <c r="NYY23" s="8"/>
      <c r="NYZ23" s="8"/>
      <c r="NZA23" s="8"/>
      <c r="NZB23" s="8"/>
      <c r="NZC23" s="8"/>
      <c r="NZD23" s="8"/>
      <c r="NZE23" s="8"/>
      <c r="NZF23" s="8"/>
      <c r="NZG23" s="8"/>
      <c r="NZH23" s="8"/>
      <c r="NZI23" s="8"/>
      <c r="NZJ23" s="8"/>
      <c r="NZK23" s="8"/>
      <c r="NZL23" s="8"/>
      <c r="NZM23" s="8"/>
      <c r="NZN23" s="8"/>
      <c r="NZO23" s="8"/>
      <c r="NZP23" s="8"/>
      <c r="NZQ23" s="8"/>
      <c r="NZR23" s="8"/>
      <c r="NZS23" s="8"/>
      <c r="NZT23" s="8"/>
      <c r="NZU23" s="8"/>
      <c r="NZV23" s="8"/>
      <c r="NZW23" s="8"/>
      <c r="NZX23" s="8"/>
      <c r="NZY23" s="8"/>
      <c r="NZZ23" s="8"/>
      <c r="OAA23" s="8"/>
      <c r="OAB23" s="8"/>
      <c r="OAC23" s="8"/>
      <c r="OAD23" s="8"/>
      <c r="OAE23" s="8"/>
      <c r="OAF23" s="8"/>
      <c r="OAG23" s="8"/>
      <c r="OAH23" s="8"/>
      <c r="OAI23" s="8"/>
      <c r="OAJ23" s="8"/>
      <c r="OAK23" s="8"/>
      <c r="OAL23" s="8"/>
      <c r="OAM23" s="8"/>
      <c r="OAN23" s="8"/>
      <c r="OAO23" s="8"/>
      <c r="OAP23" s="8"/>
      <c r="OAQ23" s="8"/>
      <c r="OAR23" s="8"/>
      <c r="OAS23" s="8"/>
      <c r="OAT23" s="8"/>
      <c r="OAU23" s="8"/>
      <c r="OAV23" s="8"/>
      <c r="OAW23" s="8"/>
      <c r="OAX23" s="8"/>
      <c r="OAY23" s="8"/>
      <c r="OAZ23" s="8"/>
      <c r="OBA23" s="8"/>
      <c r="OBB23" s="8"/>
      <c r="OBC23" s="8"/>
      <c r="OBD23" s="8"/>
      <c r="OBE23" s="8"/>
      <c r="OBF23" s="8"/>
      <c r="OBG23" s="8"/>
      <c r="OBH23" s="8"/>
      <c r="OBI23" s="8"/>
      <c r="OBJ23" s="8"/>
      <c r="OBK23" s="8"/>
      <c r="OBL23" s="8"/>
      <c r="OBM23" s="8"/>
      <c r="OBN23" s="8"/>
      <c r="OBO23" s="8"/>
      <c r="OBP23" s="8"/>
      <c r="OBQ23" s="8"/>
      <c r="OBR23" s="8"/>
      <c r="OBS23" s="8"/>
      <c r="OBT23" s="8"/>
      <c r="OBU23" s="8"/>
      <c r="OBV23" s="8"/>
      <c r="OBW23" s="8"/>
      <c r="OBX23" s="8"/>
      <c r="OBY23" s="8"/>
      <c r="OBZ23" s="8"/>
      <c r="OCA23" s="8"/>
      <c r="OCB23" s="8"/>
      <c r="OCC23" s="8"/>
      <c r="OCD23" s="8"/>
      <c r="OCE23" s="8"/>
      <c r="OCF23" s="8"/>
      <c r="OCG23" s="8"/>
      <c r="OCH23" s="8"/>
      <c r="OCI23" s="8"/>
      <c r="OCJ23" s="8"/>
      <c r="OCK23" s="8"/>
      <c r="OCL23" s="8"/>
      <c r="OCM23" s="8"/>
      <c r="OCN23" s="8"/>
      <c r="OCO23" s="8"/>
      <c r="OCP23" s="8"/>
      <c r="OCQ23" s="8"/>
      <c r="OCR23" s="8"/>
      <c r="OCS23" s="8"/>
      <c r="OCT23" s="8"/>
      <c r="OCU23" s="8"/>
      <c r="OCV23" s="8"/>
      <c r="OCW23" s="8"/>
      <c r="OCX23" s="8"/>
      <c r="OCY23" s="8"/>
      <c r="OCZ23" s="8"/>
      <c r="ODA23" s="8"/>
      <c r="ODB23" s="8"/>
      <c r="ODC23" s="8"/>
      <c r="ODD23" s="8"/>
      <c r="ODE23" s="8"/>
      <c r="ODF23" s="8"/>
      <c r="ODG23" s="8"/>
      <c r="ODH23" s="8"/>
      <c r="ODI23" s="8"/>
      <c r="ODJ23" s="8"/>
      <c r="ODK23" s="8"/>
      <c r="ODL23" s="8"/>
      <c r="ODM23" s="8"/>
      <c r="ODN23" s="8"/>
      <c r="ODO23" s="8"/>
      <c r="ODP23" s="8"/>
      <c r="ODQ23" s="8"/>
      <c r="ODR23" s="8"/>
      <c r="ODS23" s="8"/>
      <c r="ODT23" s="8"/>
      <c r="ODU23" s="8"/>
      <c r="ODV23" s="8"/>
      <c r="ODW23" s="8"/>
      <c r="ODX23" s="8"/>
      <c r="ODY23" s="8"/>
      <c r="ODZ23" s="8"/>
      <c r="OEA23" s="8"/>
      <c r="OEB23" s="8"/>
      <c r="OEC23" s="8"/>
      <c r="OED23" s="8"/>
      <c r="OEE23" s="8"/>
      <c r="OEF23" s="8"/>
      <c r="OEG23" s="8"/>
      <c r="OEH23" s="8"/>
      <c r="OEI23" s="8"/>
      <c r="OEJ23" s="8"/>
      <c r="OEK23" s="8"/>
      <c r="OEL23" s="8"/>
      <c r="OEM23" s="8"/>
      <c r="OEN23" s="8"/>
      <c r="OEO23" s="8"/>
      <c r="OEP23" s="8"/>
      <c r="OEQ23" s="8"/>
      <c r="OER23" s="8"/>
      <c r="OES23" s="8"/>
      <c r="OET23" s="8"/>
      <c r="OEU23" s="8"/>
      <c r="OEV23" s="8"/>
      <c r="OEW23" s="8"/>
      <c r="OEX23" s="8"/>
      <c r="OEY23" s="8"/>
      <c r="OEZ23" s="8"/>
      <c r="OFA23" s="8"/>
      <c r="OFB23" s="8"/>
      <c r="OFC23" s="8"/>
      <c r="OFD23" s="8"/>
      <c r="OFE23" s="8"/>
      <c r="OFF23" s="8"/>
      <c r="OFG23" s="8"/>
      <c r="OFH23" s="8"/>
      <c r="OFI23" s="8"/>
      <c r="OFJ23" s="8"/>
      <c r="OFK23" s="8"/>
      <c r="OFL23" s="8"/>
      <c r="OFM23" s="8"/>
      <c r="OFN23" s="8"/>
      <c r="OFO23" s="8"/>
      <c r="OFP23" s="8"/>
      <c r="OFQ23" s="8"/>
      <c r="OFR23" s="8"/>
      <c r="OFS23" s="8"/>
      <c r="OFT23" s="8"/>
      <c r="OFU23" s="8"/>
      <c r="OFV23" s="8"/>
      <c r="OFW23" s="8"/>
      <c r="OFX23" s="8"/>
      <c r="OFY23" s="8"/>
      <c r="OFZ23" s="8"/>
      <c r="OGA23" s="8"/>
      <c r="OGB23" s="8"/>
      <c r="OGC23" s="8"/>
      <c r="OGD23" s="8"/>
      <c r="OGE23" s="8"/>
      <c r="OGF23" s="8"/>
      <c r="OGG23" s="8"/>
      <c r="OGH23" s="8"/>
      <c r="OGI23" s="8"/>
      <c r="OGJ23" s="8"/>
      <c r="OGK23" s="8"/>
      <c r="OGL23" s="8"/>
      <c r="OGM23" s="8"/>
      <c r="OGN23" s="8"/>
      <c r="OGO23" s="8"/>
      <c r="OGP23" s="8"/>
      <c r="OGQ23" s="8"/>
      <c r="OGR23" s="8"/>
      <c r="OGS23" s="8"/>
      <c r="OGT23" s="8"/>
      <c r="OGU23" s="8"/>
      <c r="OGV23" s="8"/>
      <c r="OGW23" s="8"/>
      <c r="OGX23" s="8"/>
      <c r="OGY23" s="8"/>
      <c r="OGZ23" s="8"/>
      <c r="OHA23" s="8"/>
      <c r="OHB23" s="8"/>
      <c r="OHC23" s="8"/>
      <c r="OHD23" s="8"/>
      <c r="OHE23" s="8"/>
      <c r="OHF23" s="8"/>
      <c r="OHG23" s="8"/>
      <c r="OHH23" s="8"/>
      <c r="OHI23" s="8"/>
      <c r="OHJ23" s="8"/>
      <c r="OHK23" s="8"/>
      <c r="OHL23" s="8"/>
      <c r="OHM23" s="8"/>
      <c r="OHN23" s="8"/>
      <c r="OHO23" s="8"/>
      <c r="OHP23" s="8"/>
      <c r="OHQ23" s="8"/>
      <c r="OHR23" s="8"/>
      <c r="OHS23" s="8"/>
      <c r="OHT23" s="8"/>
      <c r="OHU23" s="8"/>
      <c r="OHV23" s="8"/>
      <c r="OHW23" s="8"/>
      <c r="OHX23" s="8"/>
      <c r="OHY23" s="8"/>
      <c r="OHZ23" s="8"/>
      <c r="OIA23" s="8"/>
      <c r="OIB23" s="8"/>
      <c r="OIC23" s="8"/>
      <c r="OID23" s="8"/>
      <c r="OIE23" s="8"/>
      <c r="OIF23" s="8"/>
      <c r="OIG23" s="8"/>
      <c r="OIH23" s="8"/>
      <c r="OII23" s="8"/>
      <c r="OIJ23" s="8"/>
      <c r="OIK23" s="8"/>
      <c r="OIL23" s="8"/>
      <c r="OIM23" s="8"/>
      <c r="OIN23" s="8"/>
      <c r="OIO23" s="8"/>
      <c r="OIP23" s="8"/>
      <c r="OIQ23" s="8"/>
      <c r="OIR23" s="8"/>
      <c r="OIS23" s="8"/>
      <c r="OIT23" s="8"/>
      <c r="OIU23" s="8"/>
      <c r="OIV23" s="8"/>
      <c r="OIW23" s="8"/>
      <c r="OIX23" s="8"/>
      <c r="OIY23" s="8"/>
      <c r="OIZ23" s="8"/>
      <c r="OJA23" s="8"/>
      <c r="OJB23" s="8"/>
      <c r="OJC23" s="8"/>
      <c r="OJD23" s="8"/>
      <c r="OJE23" s="8"/>
      <c r="OJF23" s="8"/>
      <c r="OJG23" s="8"/>
      <c r="OJH23" s="8"/>
      <c r="OJI23" s="8"/>
      <c r="OJJ23" s="8"/>
      <c r="OJK23" s="8"/>
      <c r="OJL23" s="8"/>
      <c r="OJM23" s="8"/>
      <c r="OJN23" s="8"/>
      <c r="OJO23" s="8"/>
      <c r="OJP23" s="8"/>
      <c r="OJQ23" s="8"/>
      <c r="OJR23" s="8"/>
      <c r="OJS23" s="8"/>
      <c r="OJT23" s="8"/>
      <c r="OJU23" s="8"/>
      <c r="OJV23" s="8"/>
      <c r="OJW23" s="8"/>
      <c r="OJX23" s="8"/>
      <c r="OJY23" s="8"/>
      <c r="OJZ23" s="8"/>
      <c r="OKA23" s="8"/>
      <c r="OKB23" s="8"/>
      <c r="OKC23" s="8"/>
      <c r="OKD23" s="8"/>
      <c r="OKE23" s="8"/>
      <c r="OKF23" s="8"/>
      <c r="OKG23" s="8"/>
      <c r="OKH23" s="8"/>
      <c r="OKI23" s="8"/>
      <c r="OKJ23" s="8"/>
      <c r="OKK23" s="8"/>
      <c r="OKL23" s="8"/>
      <c r="OKM23" s="8"/>
      <c r="OKN23" s="8"/>
      <c r="OKO23" s="8"/>
      <c r="OKP23" s="8"/>
      <c r="OKQ23" s="8"/>
      <c r="OKR23" s="8"/>
      <c r="OKS23" s="8"/>
      <c r="OKT23" s="8"/>
      <c r="OKU23" s="8"/>
      <c r="OKV23" s="8"/>
      <c r="OKW23" s="8"/>
      <c r="OKX23" s="8"/>
      <c r="OKY23" s="8"/>
      <c r="OKZ23" s="8"/>
      <c r="OLA23" s="8"/>
      <c r="OLB23" s="8"/>
      <c r="OLC23" s="8"/>
      <c r="OLD23" s="8"/>
      <c r="OLE23" s="8"/>
      <c r="OLF23" s="8"/>
      <c r="OLG23" s="8"/>
      <c r="OLH23" s="8"/>
      <c r="OLI23" s="8"/>
      <c r="OLJ23" s="8"/>
      <c r="OLK23" s="8"/>
      <c r="OLL23" s="8"/>
      <c r="OLM23" s="8"/>
      <c r="OLN23" s="8"/>
      <c r="OLO23" s="8"/>
      <c r="OLP23" s="8"/>
      <c r="OLQ23" s="8"/>
      <c r="OLR23" s="8"/>
      <c r="OLS23" s="8"/>
      <c r="OLT23" s="8"/>
      <c r="OLU23" s="8"/>
      <c r="OLV23" s="8"/>
      <c r="OLW23" s="8"/>
      <c r="OLX23" s="8"/>
      <c r="OLY23" s="8"/>
      <c r="OLZ23" s="8"/>
      <c r="OMA23" s="8"/>
      <c r="OMB23" s="8"/>
      <c r="OMC23" s="8"/>
      <c r="OMD23" s="8"/>
      <c r="OME23" s="8"/>
      <c r="OMF23" s="8"/>
      <c r="OMG23" s="8"/>
      <c r="OMH23" s="8"/>
      <c r="OMI23" s="8"/>
      <c r="OMJ23" s="8"/>
      <c r="OMK23" s="8"/>
      <c r="OML23" s="8"/>
      <c r="OMM23" s="8"/>
      <c r="OMN23" s="8"/>
      <c r="OMO23" s="8"/>
      <c r="OMP23" s="8"/>
      <c r="OMQ23" s="8"/>
      <c r="OMR23" s="8"/>
      <c r="OMS23" s="8"/>
      <c r="OMT23" s="8"/>
      <c r="OMU23" s="8"/>
      <c r="OMV23" s="8"/>
      <c r="OMW23" s="8"/>
      <c r="OMX23" s="8"/>
      <c r="OMY23" s="8"/>
      <c r="OMZ23" s="8"/>
      <c r="ONA23" s="8"/>
      <c r="ONB23" s="8"/>
      <c r="ONC23" s="8"/>
      <c r="OND23" s="8"/>
      <c r="ONE23" s="8"/>
      <c r="ONF23" s="8"/>
      <c r="ONG23" s="8"/>
      <c r="ONH23" s="8"/>
      <c r="ONI23" s="8"/>
      <c r="ONJ23" s="8"/>
      <c r="ONK23" s="8"/>
      <c r="ONL23" s="8"/>
      <c r="ONM23" s="8"/>
      <c r="ONN23" s="8"/>
      <c r="ONO23" s="8"/>
      <c r="ONP23" s="8"/>
      <c r="ONQ23" s="8"/>
      <c r="ONR23" s="8"/>
      <c r="ONS23" s="8"/>
      <c r="ONT23" s="8"/>
      <c r="ONU23" s="8"/>
      <c r="ONV23" s="8"/>
      <c r="ONW23" s="8"/>
      <c r="ONX23" s="8"/>
      <c r="ONY23" s="8"/>
      <c r="ONZ23" s="8"/>
      <c r="OOA23" s="8"/>
      <c r="OOB23" s="8"/>
      <c r="OOC23" s="8"/>
      <c r="OOD23" s="8"/>
      <c r="OOE23" s="8"/>
      <c r="OOF23" s="8"/>
      <c r="OOG23" s="8"/>
      <c r="OOH23" s="8"/>
      <c r="OOI23" s="8"/>
      <c r="OOJ23" s="8"/>
      <c r="OOK23" s="8"/>
      <c r="OOL23" s="8"/>
      <c r="OOM23" s="8"/>
      <c r="OON23" s="8"/>
      <c r="OOO23" s="8"/>
      <c r="OOP23" s="8"/>
      <c r="OOQ23" s="8"/>
      <c r="OOR23" s="8"/>
      <c r="OOS23" s="8"/>
      <c r="OOT23" s="8"/>
      <c r="OOU23" s="8"/>
      <c r="OOV23" s="8"/>
      <c r="OOW23" s="8"/>
      <c r="OOX23" s="8"/>
      <c r="OOY23" s="8"/>
      <c r="OOZ23" s="8"/>
      <c r="OPA23" s="8"/>
      <c r="OPB23" s="8"/>
      <c r="OPC23" s="8"/>
      <c r="OPD23" s="8"/>
      <c r="OPE23" s="8"/>
      <c r="OPF23" s="8"/>
      <c r="OPG23" s="8"/>
      <c r="OPH23" s="8"/>
      <c r="OPI23" s="8"/>
      <c r="OPJ23" s="8"/>
      <c r="OPK23" s="8"/>
      <c r="OPL23" s="8"/>
      <c r="OPM23" s="8"/>
      <c r="OPN23" s="8"/>
      <c r="OPO23" s="8"/>
      <c r="OPP23" s="8"/>
      <c r="OPQ23" s="8"/>
      <c r="OPR23" s="8"/>
      <c r="OPS23" s="8"/>
      <c r="OPT23" s="8"/>
      <c r="OPU23" s="8"/>
      <c r="OPV23" s="8"/>
      <c r="OPW23" s="8"/>
      <c r="OPX23" s="8"/>
      <c r="OPY23" s="8"/>
      <c r="OPZ23" s="8"/>
      <c r="OQA23" s="8"/>
      <c r="OQB23" s="8"/>
      <c r="OQC23" s="8"/>
      <c r="OQD23" s="8"/>
      <c r="OQE23" s="8"/>
      <c r="OQF23" s="8"/>
      <c r="OQG23" s="8"/>
      <c r="OQH23" s="8"/>
      <c r="OQI23" s="8"/>
      <c r="OQJ23" s="8"/>
      <c r="OQK23" s="8"/>
      <c r="OQL23" s="8"/>
      <c r="OQM23" s="8"/>
      <c r="OQN23" s="8"/>
      <c r="OQO23" s="8"/>
      <c r="OQP23" s="8"/>
      <c r="OQQ23" s="8"/>
      <c r="OQR23" s="8"/>
      <c r="OQS23" s="8"/>
      <c r="OQT23" s="8"/>
      <c r="OQU23" s="8"/>
      <c r="OQV23" s="8"/>
      <c r="OQW23" s="8"/>
      <c r="OQX23" s="8"/>
      <c r="OQY23" s="8"/>
      <c r="OQZ23" s="8"/>
      <c r="ORA23" s="8"/>
      <c r="ORB23" s="8"/>
      <c r="ORC23" s="8"/>
      <c r="ORD23" s="8"/>
      <c r="ORE23" s="8"/>
      <c r="ORF23" s="8"/>
      <c r="ORG23" s="8"/>
      <c r="ORH23" s="8"/>
      <c r="ORI23" s="8"/>
      <c r="ORJ23" s="8"/>
      <c r="ORK23" s="8"/>
      <c r="ORL23" s="8"/>
      <c r="ORM23" s="8"/>
      <c r="ORN23" s="8"/>
      <c r="ORO23" s="8"/>
      <c r="ORP23" s="8"/>
      <c r="ORQ23" s="8"/>
      <c r="ORR23" s="8"/>
      <c r="ORS23" s="8"/>
      <c r="ORT23" s="8"/>
      <c r="ORU23" s="8"/>
      <c r="ORV23" s="8"/>
      <c r="ORW23" s="8"/>
      <c r="ORX23" s="8"/>
      <c r="ORY23" s="8"/>
      <c r="ORZ23" s="8"/>
      <c r="OSA23" s="8"/>
      <c r="OSB23" s="8"/>
      <c r="OSC23" s="8"/>
      <c r="OSD23" s="8"/>
      <c r="OSE23" s="8"/>
      <c r="OSF23" s="8"/>
      <c r="OSG23" s="8"/>
      <c r="OSH23" s="8"/>
      <c r="OSI23" s="8"/>
      <c r="OSJ23" s="8"/>
      <c r="OSK23" s="8"/>
      <c r="OSL23" s="8"/>
      <c r="OSM23" s="8"/>
      <c r="OSN23" s="8"/>
      <c r="OSO23" s="8"/>
      <c r="OSP23" s="8"/>
      <c r="OSQ23" s="8"/>
      <c r="OSR23" s="8"/>
      <c r="OSS23" s="8"/>
      <c r="OST23" s="8"/>
      <c r="OSU23" s="8"/>
      <c r="OSV23" s="8"/>
      <c r="OSW23" s="8"/>
      <c r="OSX23" s="8"/>
      <c r="OSY23" s="8"/>
      <c r="OSZ23" s="8"/>
      <c r="OTA23" s="8"/>
      <c r="OTB23" s="8"/>
      <c r="OTC23" s="8"/>
      <c r="OTD23" s="8"/>
      <c r="OTE23" s="8"/>
      <c r="OTF23" s="8"/>
      <c r="OTG23" s="8"/>
      <c r="OTH23" s="8"/>
      <c r="OTI23" s="8"/>
      <c r="OTJ23" s="8"/>
      <c r="OTK23" s="8"/>
      <c r="OTL23" s="8"/>
      <c r="OTM23" s="8"/>
      <c r="OTN23" s="8"/>
      <c r="OTO23" s="8"/>
      <c r="OTP23" s="8"/>
      <c r="OTQ23" s="8"/>
      <c r="OTR23" s="8"/>
      <c r="OTS23" s="8"/>
      <c r="OTT23" s="8"/>
      <c r="OTU23" s="8"/>
      <c r="OTV23" s="8"/>
      <c r="OTW23" s="8"/>
      <c r="OTX23" s="8"/>
      <c r="OTY23" s="8"/>
      <c r="OTZ23" s="8"/>
      <c r="OUA23" s="8"/>
      <c r="OUB23" s="8"/>
      <c r="OUC23" s="8"/>
      <c r="OUD23" s="8"/>
      <c r="OUE23" s="8"/>
      <c r="OUF23" s="8"/>
      <c r="OUG23" s="8"/>
      <c r="OUH23" s="8"/>
      <c r="OUI23" s="8"/>
      <c r="OUJ23" s="8"/>
      <c r="OUK23" s="8"/>
      <c r="OUL23" s="8"/>
      <c r="OUM23" s="8"/>
      <c r="OUN23" s="8"/>
      <c r="OUO23" s="8"/>
      <c r="OUP23" s="8"/>
      <c r="OUQ23" s="8"/>
      <c r="OUR23" s="8"/>
      <c r="OUS23" s="8"/>
      <c r="OUT23" s="8"/>
      <c r="OUU23" s="8"/>
      <c r="OUV23" s="8"/>
      <c r="OUW23" s="8"/>
      <c r="OUX23" s="8"/>
      <c r="OUY23" s="8"/>
      <c r="OUZ23" s="8"/>
      <c r="OVA23" s="8"/>
      <c r="OVB23" s="8"/>
      <c r="OVC23" s="8"/>
      <c r="OVD23" s="8"/>
      <c r="OVE23" s="8"/>
      <c r="OVF23" s="8"/>
      <c r="OVG23" s="8"/>
      <c r="OVH23" s="8"/>
      <c r="OVI23" s="8"/>
      <c r="OVJ23" s="8"/>
      <c r="OVK23" s="8"/>
      <c r="OVL23" s="8"/>
      <c r="OVM23" s="8"/>
      <c r="OVN23" s="8"/>
      <c r="OVO23" s="8"/>
      <c r="OVP23" s="8"/>
      <c r="OVQ23" s="8"/>
      <c r="OVR23" s="8"/>
      <c r="OVS23" s="8"/>
      <c r="OVT23" s="8"/>
      <c r="OVU23" s="8"/>
      <c r="OVV23" s="8"/>
      <c r="OVW23" s="8"/>
      <c r="OVX23" s="8"/>
      <c r="OVY23" s="8"/>
      <c r="OVZ23" s="8"/>
      <c r="OWA23" s="8"/>
      <c r="OWB23" s="8"/>
      <c r="OWC23" s="8"/>
      <c r="OWD23" s="8"/>
      <c r="OWE23" s="8"/>
      <c r="OWF23" s="8"/>
      <c r="OWG23" s="8"/>
      <c r="OWH23" s="8"/>
      <c r="OWI23" s="8"/>
      <c r="OWJ23" s="8"/>
      <c r="OWK23" s="8"/>
      <c r="OWL23" s="8"/>
      <c r="OWM23" s="8"/>
      <c r="OWN23" s="8"/>
      <c r="OWO23" s="8"/>
      <c r="OWP23" s="8"/>
      <c r="OWQ23" s="8"/>
      <c r="OWR23" s="8"/>
      <c r="OWS23" s="8"/>
      <c r="OWT23" s="8"/>
      <c r="OWU23" s="8"/>
      <c r="OWV23" s="8"/>
      <c r="OWW23" s="8"/>
      <c r="OWX23" s="8"/>
      <c r="OWY23" s="8"/>
      <c r="OWZ23" s="8"/>
      <c r="OXA23" s="8"/>
      <c r="OXB23" s="8"/>
      <c r="OXC23" s="8"/>
      <c r="OXD23" s="8"/>
      <c r="OXE23" s="8"/>
      <c r="OXF23" s="8"/>
      <c r="OXG23" s="8"/>
      <c r="OXH23" s="8"/>
      <c r="OXI23" s="8"/>
      <c r="OXJ23" s="8"/>
      <c r="OXK23" s="8"/>
      <c r="OXL23" s="8"/>
      <c r="OXM23" s="8"/>
      <c r="OXN23" s="8"/>
      <c r="OXO23" s="8"/>
      <c r="OXP23" s="8"/>
      <c r="OXQ23" s="8"/>
      <c r="OXR23" s="8"/>
      <c r="OXS23" s="8"/>
      <c r="OXT23" s="8"/>
      <c r="OXU23" s="8"/>
      <c r="OXV23" s="8"/>
      <c r="OXW23" s="8"/>
      <c r="OXX23" s="8"/>
      <c r="OXY23" s="8"/>
      <c r="OXZ23" s="8"/>
      <c r="OYA23" s="8"/>
      <c r="OYB23" s="8"/>
      <c r="OYC23" s="8"/>
      <c r="OYD23" s="8"/>
      <c r="OYE23" s="8"/>
      <c r="OYF23" s="8"/>
      <c r="OYG23" s="8"/>
      <c r="OYH23" s="8"/>
      <c r="OYI23" s="8"/>
      <c r="OYJ23" s="8"/>
      <c r="OYK23" s="8"/>
      <c r="OYL23" s="8"/>
      <c r="OYM23" s="8"/>
      <c r="OYN23" s="8"/>
      <c r="OYO23" s="8"/>
      <c r="OYP23" s="8"/>
      <c r="OYQ23" s="8"/>
      <c r="OYR23" s="8"/>
      <c r="OYS23" s="8"/>
      <c r="OYT23" s="8"/>
      <c r="OYU23" s="8"/>
      <c r="OYV23" s="8"/>
      <c r="OYW23" s="8"/>
      <c r="OYX23" s="8"/>
      <c r="OYY23" s="8"/>
      <c r="OYZ23" s="8"/>
      <c r="OZA23" s="8"/>
      <c r="OZB23" s="8"/>
      <c r="OZC23" s="8"/>
      <c r="OZD23" s="8"/>
      <c r="OZE23" s="8"/>
      <c r="OZF23" s="8"/>
      <c r="OZG23" s="8"/>
      <c r="OZH23" s="8"/>
      <c r="OZI23" s="8"/>
      <c r="OZJ23" s="8"/>
      <c r="OZK23" s="8"/>
      <c r="OZL23" s="8"/>
      <c r="OZM23" s="8"/>
      <c r="OZN23" s="8"/>
      <c r="OZO23" s="8"/>
      <c r="OZP23" s="8"/>
      <c r="OZQ23" s="8"/>
      <c r="OZR23" s="8"/>
      <c r="OZS23" s="8"/>
      <c r="OZT23" s="8"/>
      <c r="OZU23" s="8"/>
      <c r="OZV23" s="8"/>
      <c r="OZW23" s="8"/>
      <c r="OZX23" s="8"/>
      <c r="OZY23" s="8"/>
      <c r="OZZ23" s="8"/>
      <c r="PAA23" s="8"/>
      <c r="PAB23" s="8"/>
      <c r="PAC23" s="8"/>
      <c r="PAD23" s="8"/>
      <c r="PAE23" s="8"/>
      <c r="PAF23" s="8"/>
      <c r="PAG23" s="8"/>
      <c r="PAH23" s="8"/>
      <c r="PAI23" s="8"/>
      <c r="PAJ23" s="8"/>
      <c r="PAK23" s="8"/>
      <c r="PAL23" s="8"/>
      <c r="PAM23" s="8"/>
      <c r="PAN23" s="8"/>
      <c r="PAO23" s="8"/>
      <c r="PAP23" s="8"/>
      <c r="PAQ23" s="8"/>
      <c r="PAR23" s="8"/>
      <c r="PAS23" s="8"/>
      <c r="PAT23" s="8"/>
      <c r="PAU23" s="8"/>
      <c r="PAV23" s="8"/>
      <c r="PAW23" s="8"/>
      <c r="PAX23" s="8"/>
      <c r="PAY23" s="8"/>
      <c r="PAZ23" s="8"/>
      <c r="PBA23" s="8"/>
      <c r="PBB23" s="8"/>
      <c r="PBC23" s="8"/>
      <c r="PBD23" s="8"/>
      <c r="PBE23" s="8"/>
      <c r="PBF23" s="8"/>
      <c r="PBG23" s="8"/>
      <c r="PBH23" s="8"/>
      <c r="PBI23" s="8"/>
      <c r="PBJ23" s="8"/>
      <c r="PBK23" s="8"/>
      <c r="PBL23" s="8"/>
      <c r="PBM23" s="8"/>
      <c r="PBN23" s="8"/>
      <c r="PBO23" s="8"/>
      <c r="PBP23" s="8"/>
      <c r="PBQ23" s="8"/>
      <c r="PBR23" s="8"/>
      <c r="PBS23" s="8"/>
      <c r="PBT23" s="8"/>
      <c r="PBU23" s="8"/>
      <c r="PBV23" s="8"/>
      <c r="PBW23" s="8"/>
      <c r="PBX23" s="8"/>
      <c r="PBY23" s="8"/>
      <c r="PBZ23" s="8"/>
      <c r="PCA23" s="8"/>
      <c r="PCB23" s="8"/>
      <c r="PCC23" s="8"/>
      <c r="PCD23" s="8"/>
      <c r="PCE23" s="8"/>
      <c r="PCF23" s="8"/>
      <c r="PCG23" s="8"/>
      <c r="PCH23" s="8"/>
      <c r="PCI23" s="8"/>
      <c r="PCJ23" s="8"/>
      <c r="PCK23" s="8"/>
      <c r="PCL23" s="8"/>
      <c r="PCM23" s="8"/>
      <c r="PCN23" s="8"/>
      <c r="PCO23" s="8"/>
      <c r="PCP23" s="8"/>
      <c r="PCQ23" s="8"/>
      <c r="PCR23" s="8"/>
      <c r="PCS23" s="8"/>
      <c r="PCT23" s="8"/>
      <c r="PCU23" s="8"/>
      <c r="PCV23" s="8"/>
      <c r="PCW23" s="8"/>
      <c r="PCX23" s="8"/>
      <c r="PCY23" s="8"/>
      <c r="PCZ23" s="8"/>
      <c r="PDA23" s="8"/>
      <c r="PDB23" s="8"/>
      <c r="PDC23" s="8"/>
      <c r="PDD23" s="8"/>
      <c r="PDE23" s="8"/>
      <c r="PDF23" s="8"/>
      <c r="PDG23" s="8"/>
      <c r="PDH23" s="8"/>
      <c r="PDI23" s="8"/>
      <c r="PDJ23" s="8"/>
      <c r="PDK23" s="8"/>
      <c r="PDL23" s="8"/>
      <c r="PDM23" s="8"/>
      <c r="PDN23" s="8"/>
      <c r="PDO23" s="8"/>
      <c r="PDP23" s="8"/>
      <c r="PDQ23" s="8"/>
      <c r="PDR23" s="8"/>
      <c r="PDS23" s="8"/>
      <c r="PDT23" s="8"/>
      <c r="PDU23" s="8"/>
      <c r="PDV23" s="8"/>
      <c r="PDW23" s="8"/>
      <c r="PDX23" s="8"/>
      <c r="PDY23" s="8"/>
      <c r="PDZ23" s="8"/>
      <c r="PEA23" s="8"/>
      <c r="PEB23" s="8"/>
      <c r="PEC23" s="8"/>
      <c r="PED23" s="8"/>
      <c r="PEE23" s="8"/>
      <c r="PEF23" s="8"/>
      <c r="PEG23" s="8"/>
      <c r="PEH23" s="8"/>
      <c r="PEI23" s="8"/>
      <c r="PEJ23" s="8"/>
      <c r="PEK23" s="8"/>
      <c r="PEL23" s="8"/>
      <c r="PEM23" s="8"/>
      <c r="PEN23" s="8"/>
      <c r="PEO23" s="8"/>
      <c r="PEP23" s="8"/>
      <c r="PEQ23" s="8"/>
      <c r="PER23" s="8"/>
      <c r="PES23" s="8"/>
      <c r="PET23" s="8"/>
      <c r="PEU23" s="8"/>
      <c r="PEV23" s="8"/>
      <c r="PEW23" s="8"/>
      <c r="PEX23" s="8"/>
      <c r="PEY23" s="8"/>
      <c r="PEZ23" s="8"/>
      <c r="PFA23" s="8"/>
      <c r="PFB23" s="8"/>
      <c r="PFC23" s="8"/>
      <c r="PFD23" s="8"/>
      <c r="PFE23" s="8"/>
      <c r="PFF23" s="8"/>
      <c r="PFG23" s="8"/>
      <c r="PFH23" s="8"/>
      <c r="PFI23" s="8"/>
      <c r="PFJ23" s="8"/>
      <c r="PFK23" s="8"/>
      <c r="PFL23" s="8"/>
      <c r="PFM23" s="8"/>
      <c r="PFN23" s="8"/>
      <c r="PFO23" s="8"/>
      <c r="PFP23" s="8"/>
      <c r="PFQ23" s="8"/>
      <c r="PFR23" s="8"/>
      <c r="PFS23" s="8"/>
      <c r="PFT23" s="8"/>
      <c r="PFU23" s="8"/>
      <c r="PFV23" s="8"/>
      <c r="PFW23" s="8"/>
      <c r="PFX23" s="8"/>
      <c r="PFY23" s="8"/>
      <c r="PFZ23" s="8"/>
      <c r="PGA23" s="8"/>
      <c r="PGB23" s="8"/>
      <c r="PGC23" s="8"/>
      <c r="PGD23" s="8"/>
      <c r="PGE23" s="8"/>
      <c r="PGF23" s="8"/>
      <c r="PGG23" s="8"/>
      <c r="PGH23" s="8"/>
      <c r="PGI23" s="8"/>
      <c r="PGJ23" s="8"/>
      <c r="PGK23" s="8"/>
      <c r="PGL23" s="8"/>
      <c r="PGM23" s="8"/>
      <c r="PGN23" s="8"/>
      <c r="PGO23" s="8"/>
      <c r="PGP23" s="8"/>
      <c r="PGQ23" s="8"/>
      <c r="PGR23" s="8"/>
      <c r="PGS23" s="8"/>
      <c r="PGT23" s="8"/>
      <c r="PGU23" s="8"/>
      <c r="PGV23" s="8"/>
      <c r="PGW23" s="8"/>
      <c r="PGX23" s="8"/>
      <c r="PGY23" s="8"/>
      <c r="PGZ23" s="8"/>
      <c r="PHA23" s="8"/>
      <c r="PHB23" s="8"/>
      <c r="PHC23" s="8"/>
      <c r="PHD23" s="8"/>
      <c r="PHE23" s="8"/>
      <c r="PHF23" s="8"/>
      <c r="PHG23" s="8"/>
      <c r="PHH23" s="8"/>
      <c r="PHI23" s="8"/>
      <c r="PHJ23" s="8"/>
      <c r="PHK23" s="8"/>
      <c r="PHL23" s="8"/>
      <c r="PHM23" s="8"/>
      <c r="PHN23" s="8"/>
      <c r="PHO23" s="8"/>
      <c r="PHP23" s="8"/>
      <c r="PHQ23" s="8"/>
      <c r="PHR23" s="8"/>
      <c r="PHS23" s="8"/>
      <c r="PHT23" s="8"/>
      <c r="PHU23" s="8"/>
      <c r="PHV23" s="8"/>
      <c r="PHW23" s="8"/>
      <c r="PHX23" s="8"/>
      <c r="PHY23" s="8"/>
      <c r="PHZ23" s="8"/>
      <c r="PIA23" s="8"/>
      <c r="PIB23" s="8"/>
      <c r="PIC23" s="8"/>
      <c r="PID23" s="8"/>
      <c r="PIE23" s="8"/>
      <c r="PIF23" s="8"/>
      <c r="PIG23" s="8"/>
      <c r="PIH23" s="8"/>
      <c r="PII23" s="8"/>
      <c r="PIJ23" s="8"/>
      <c r="PIK23" s="8"/>
      <c r="PIL23" s="8"/>
      <c r="PIM23" s="8"/>
      <c r="PIN23" s="8"/>
      <c r="PIO23" s="8"/>
      <c r="PIP23" s="8"/>
      <c r="PIQ23" s="8"/>
      <c r="PIR23" s="8"/>
      <c r="PIS23" s="8"/>
      <c r="PIT23" s="8"/>
      <c r="PIU23" s="8"/>
      <c r="PIV23" s="8"/>
      <c r="PIW23" s="8"/>
      <c r="PIX23" s="8"/>
      <c r="PIY23" s="8"/>
      <c r="PIZ23" s="8"/>
      <c r="PJA23" s="8"/>
      <c r="PJB23" s="8"/>
      <c r="PJC23" s="8"/>
      <c r="PJD23" s="8"/>
      <c r="PJE23" s="8"/>
      <c r="PJF23" s="8"/>
      <c r="PJG23" s="8"/>
      <c r="PJH23" s="8"/>
      <c r="PJI23" s="8"/>
      <c r="PJJ23" s="8"/>
      <c r="PJK23" s="8"/>
      <c r="PJL23" s="8"/>
      <c r="PJM23" s="8"/>
      <c r="PJN23" s="8"/>
      <c r="PJO23" s="8"/>
      <c r="PJP23" s="8"/>
      <c r="PJQ23" s="8"/>
      <c r="PJR23" s="8"/>
      <c r="PJS23" s="8"/>
      <c r="PJT23" s="8"/>
      <c r="PJU23" s="8"/>
      <c r="PJV23" s="8"/>
      <c r="PJW23" s="8"/>
      <c r="PJX23" s="8"/>
      <c r="PJY23" s="8"/>
      <c r="PJZ23" s="8"/>
      <c r="PKA23" s="8"/>
      <c r="PKB23" s="8"/>
      <c r="PKC23" s="8"/>
      <c r="PKD23" s="8"/>
      <c r="PKE23" s="8"/>
      <c r="PKF23" s="8"/>
      <c r="PKG23" s="8"/>
      <c r="PKH23" s="8"/>
      <c r="PKI23" s="8"/>
      <c r="PKJ23" s="8"/>
      <c r="PKK23" s="8"/>
      <c r="PKL23" s="8"/>
      <c r="PKM23" s="8"/>
      <c r="PKN23" s="8"/>
      <c r="PKO23" s="8"/>
      <c r="PKP23" s="8"/>
      <c r="PKQ23" s="8"/>
      <c r="PKR23" s="8"/>
      <c r="PKS23" s="8"/>
      <c r="PKT23" s="8"/>
      <c r="PKU23" s="8"/>
      <c r="PKV23" s="8"/>
      <c r="PKW23" s="8"/>
      <c r="PKX23" s="8"/>
      <c r="PKY23" s="8"/>
      <c r="PKZ23" s="8"/>
      <c r="PLA23" s="8"/>
      <c r="PLB23" s="8"/>
      <c r="PLC23" s="8"/>
      <c r="PLD23" s="8"/>
      <c r="PLE23" s="8"/>
      <c r="PLF23" s="8"/>
      <c r="PLG23" s="8"/>
      <c r="PLH23" s="8"/>
      <c r="PLI23" s="8"/>
      <c r="PLJ23" s="8"/>
      <c r="PLK23" s="8"/>
      <c r="PLL23" s="8"/>
      <c r="PLM23" s="8"/>
      <c r="PLN23" s="8"/>
      <c r="PLO23" s="8"/>
      <c r="PLP23" s="8"/>
      <c r="PLQ23" s="8"/>
      <c r="PLR23" s="8"/>
      <c r="PLS23" s="8"/>
      <c r="PLT23" s="8"/>
      <c r="PLU23" s="8"/>
      <c r="PLV23" s="8"/>
      <c r="PLW23" s="8"/>
      <c r="PLX23" s="8"/>
      <c r="PLY23" s="8"/>
      <c r="PLZ23" s="8"/>
      <c r="PMA23" s="8"/>
      <c r="PMB23" s="8"/>
      <c r="PMC23" s="8"/>
      <c r="PMD23" s="8"/>
      <c r="PME23" s="8"/>
      <c r="PMF23" s="8"/>
      <c r="PMG23" s="8"/>
      <c r="PMH23" s="8"/>
      <c r="PMI23" s="8"/>
      <c r="PMJ23" s="8"/>
      <c r="PMK23" s="8"/>
      <c r="PML23" s="8"/>
      <c r="PMM23" s="8"/>
      <c r="PMN23" s="8"/>
      <c r="PMO23" s="8"/>
      <c r="PMP23" s="8"/>
      <c r="PMQ23" s="8"/>
      <c r="PMR23" s="8"/>
      <c r="PMS23" s="8"/>
      <c r="PMT23" s="8"/>
      <c r="PMU23" s="8"/>
      <c r="PMV23" s="8"/>
      <c r="PMW23" s="8"/>
      <c r="PMX23" s="8"/>
      <c r="PMY23" s="8"/>
      <c r="PMZ23" s="8"/>
      <c r="PNA23" s="8"/>
      <c r="PNB23" s="8"/>
      <c r="PNC23" s="8"/>
      <c r="PND23" s="8"/>
      <c r="PNE23" s="8"/>
      <c r="PNF23" s="8"/>
      <c r="PNG23" s="8"/>
      <c r="PNH23" s="8"/>
      <c r="PNI23" s="8"/>
      <c r="PNJ23" s="8"/>
      <c r="PNK23" s="8"/>
      <c r="PNL23" s="8"/>
      <c r="PNM23" s="8"/>
      <c r="PNN23" s="8"/>
      <c r="PNO23" s="8"/>
      <c r="PNP23" s="8"/>
      <c r="PNQ23" s="8"/>
      <c r="PNR23" s="8"/>
      <c r="PNS23" s="8"/>
      <c r="PNT23" s="8"/>
      <c r="PNU23" s="8"/>
      <c r="PNV23" s="8"/>
      <c r="PNW23" s="8"/>
      <c r="PNX23" s="8"/>
      <c r="PNY23" s="8"/>
      <c r="PNZ23" s="8"/>
      <c r="POA23" s="8"/>
      <c r="POB23" s="8"/>
      <c r="POC23" s="8"/>
      <c r="POD23" s="8"/>
      <c r="POE23" s="8"/>
      <c r="POF23" s="8"/>
      <c r="POG23" s="8"/>
      <c r="POH23" s="8"/>
      <c r="POI23" s="8"/>
      <c r="POJ23" s="8"/>
      <c r="POK23" s="8"/>
      <c r="POL23" s="8"/>
      <c r="POM23" s="8"/>
      <c r="PON23" s="8"/>
      <c r="POO23" s="8"/>
      <c r="POP23" s="8"/>
      <c r="POQ23" s="8"/>
      <c r="POR23" s="8"/>
      <c r="POS23" s="8"/>
      <c r="POT23" s="8"/>
      <c r="POU23" s="8"/>
      <c r="POV23" s="8"/>
      <c r="POW23" s="8"/>
      <c r="POX23" s="8"/>
      <c r="POY23" s="8"/>
      <c r="POZ23" s="8"/>
      <c r="PPA23" s="8"/>
      <c r="PPB23" s="8"/>
      <c r="PPC23" s="8"/>
      <c r="PPD23" s="8"/>
      <c r="PPE23" s="8"/>
      <c r="PPF23" s="8"/>
      <c r="PPG23" s="8"/>
      <c r="PPH23" s="8"/>
      <c r="PPI23" s="8"/>
      <c r="PPJ23" s="8"/>
      <c r="PPK23" s="8"/>
      <c r="PPL23" s="8"/>
      <c r="PPM23" s="8"/>
      <c r="PPN23" s="8"/>
      <c r="PPO23" s="8"/>
      <c r="PPP23" s="8"/>
      <c r="PPQ23" s="8"/>
      <c r="PPR23" s="8"/>
      <c r="PPS23" s="8"/>
      <c r="PPT23" s="8"/>
      <c r="PPU23" s="8"/>
      <c r="PPV23" s="8"/>
      <c r="PPW23" s="8"/>
      <c r="PPX23" s="8"/>
      <c r="PPY23" s="8"/>
      <c r="PPZ23" s="8"/>
      <c r="PQA23" s="8"/>
      <c r="PQB23" s="8"/>
      <c r="PQC23" s="8"/>
      <c r="PQD23" s="8"/>
      <c r="PQE23" s="8"/>
      <c r="PQF23" s="8"/>
      <c r="PQG23" s="8"/>
      <c r="PQH23" s="8"/>
      <c r="PQI23" s="8"/>
      <c r="PQJ23" s="8"/>
      <c r="PQK23" s="8"/>
      <c r="PQL23" s="8"/>
      <c r="PQM23" s="8"/>
      <c r="PQN23" s="8"/>
      <c r="PQO23" s="8"/>
      <c r="PQP23" s="8"/>
      <c r="PQQ23" s="8"/>
      <c r="PQR23" s="8"/>
      <c r="PQS23" s="8"/>
      <c r="PQT23" s="8"/>
      <c r="PQU23" s="8"/>
      <c r="PQV23" s="8"/>
      <c r="PQW23" s="8"/>
      <c r="PQX23" s="8"/>
      <c r="PQY23" s="8"/>
      <c r="PQZ23" s="8"/>
      <c r="PRA23" s="8"/>
      <c r="PRB23" s="8"/>
      <c r="PRC23" s="8"/>
      <c r="PRD23" s="8"/>
      <c r="PRE23" s="8"/>
      <c r="PRF23" s="8"/>
      <c r="PRG23" s="8"/>
      <c r="PRH23" s="8"/>
      <c r="PRI23" s="8"/>
      <c r="PRJ23" s="8"/>
      <c r="PRK23" s="8"/>
      <c r="PRL23" s="8"/>
      <c r="PRM23" s="8"/>
      <c r="PRN23" s="8"/>
      <c r="PRO23" s="8"/>
      <c r="PRP23" s="8"/>
      <c r="PRQ23" s="8"/>
      <c r="PRR23" s="8"/>
      <c r="PRS23" s="8"/>
      <c r="PRT23" s="8"/>
      <c r="PRU23" s="8"/>
      <c r="PRV23" s="8"/>
      <c r="PRW23" s="8"/>
      <c r="PRX23" s="8"/>
      <c r="PRY23" s="8"/>
      <c r="PRZ23" s="8"/>
      <c r="PSA23" s="8"/>
      <c r="PSB23" s="8"/>
      <c r="PSC23" s="8"/>
      <c r="PSD23" s="8"/>
      <c r="PSE23" s="8"/>
      <c r="PSF23" s="8"/>
      <c r="PSG23" s="8"/>
      <c r="PSH23" s="8"/>
      <c r="PSI23" s="8"/>
      <c r="PSJ23" s="8"/>
      <c r="PSK23" s="8"/>
      <c r="PSL23" s="8"/>
      <c r="PSM23" s="8"/>
      <c r="PSN23" s="8"/>
      <c r="PSO23" s="8"/>
      <c r="PSP23" s="8"/>
      <c r="PSQ23" s="8"/>
      <c r="PSR23" s="8"/>
      <c r="PSS23" s="8"/>
      <c r="PST23" s="8"/>
      <c r="PSU23" s="8"/>
      <c r="PSV23" s="8"/>
      <c r="PSW23" s="8"/>
      <c r="PSX23" s="8"/>
      <c r="PSY23" s="8"/>
      <c r="PSZ23" s="8"/>
      <c r="PTA23" s="8"/>
      <c r="PTB23" s="8"/>
      <c r="PTC23" s="8"/>
      <c r="PTD23" s="8"/>
      <c r="PTE23" s="8"/>
      <c r="PTF23" s="8"/>
      <c r="PTG23" s="8"/>
      <c r="PTH23" s="8"/>
      <c r="PTI23" s="8"/>
      <c r="PTJ23" s="8"/>
      <c r="PTK23" s="8"/>
      <c r="PTL23" s="8"/>
      <c r="PTM23" s="8"/>
      <c r="PTN23" s="8"/>
      <c r="PTO23" s="8"/>
      <c r="PTP23" s="8"/>
      <c r="PTQ23" s="8"/>
      <c r="PTR23" s="8"/>
      <c r="PTS23" s="8"/>
      <c r="PTT23" s="8"/>
      <c r="PTU23" s="8"/>
      <c r="PTV23" s="8"/>
      <c r="PTW23" s="8"/>
      <c r="PTX23" s="8"/>
      <c r="PTY23" s="8"/>
      <c r="PTZ23" s="8"/>
      <c r="PUA23" s="8"/>
      <c r="PUB23" s="8"/>
      <c r="PUC23" s="8"/>
      <c r="PUD23" s="8"/>
      <c r="PUE23" s="8"/>
      <c r="PUF23" s="8"/>
      <c r="PUG23" s="8"/>
      <c r="PUH23" s="8"/>
      <c r="PUI23" s="8"/>
      <c r="PUJ23" s="8"/>
      <c r="PUK23" s="8"/>
      <c r="PUL23" s="8"/>
      <c r="PUM23" s="8"/>
      <c r="PUN23" s="8"/>
      <c r="PUO23" s="8"/>
      <c r="PUP23" s="8"/>
      <c r="PUQ23" s="8"/>
      <c r="PUR23" s="8"/>
      <c r="PUS23" s="8"/>
      <c r="PUT23" s="8"/>
      <c r="PUU23" s="8"/>
      <c r="PUV23" s="8"/>
      <c r="PUW23" s="8"/>
      <c r="PUX23" s="8"/>
      <c r="PUY23" s="8"/>
      <c r="PUZ23" s="8"/>
      <c r="PVA23" s="8"/>
      <c r="PVB23" s="8"/>
      <c r="PVC23" s="8"/>
      <c r="PVD23" s="8"/>
      <c r="PVE23" s="8"/>
      <c r="PVF23" s="8"/>
      <c r="PVG23" s="8"/>
      <c r="PVH23" s="8"/>
      <c r="PVI23" s="8"/>
      <c r="PVJ23" s="8"/>
      <c r="PVK23" s="8"/>
      <c r="PVL23" s="8"/>
      <c r="PVM23" s="8"/>
      <c r="PVN23" s="8"/>
      <c r="PVO23" s="8"/>
      <c r="PVP23" s="8"/>
      <c r="PVQ23" s="8"/>
      <c r="PVR23" s="8"/>
      <c r="PVS23" s="8"/>
      <c r="PVT23" s="8"/>
      <c r="PVU23" s="8"/>
      <c r="PVV23" s="8"/>
      <c r="PVW23" s="8"/>
      <c r="PVX23" s="8"/>
      <c r="PVY23" s="8"/>
      <c r="PVZ23" s="8"/>
      <c r="PWA23" s="8"/>
      <c r="PWB23" s="8"/>
      <c r="PWC23" s="8"/>
      <c r="PWD23" s="8"/>
      <c r="PWE23" s="8"/>
      <c r="PWF23" s="8"/>
      <c r="PWG23" s="8"/>
      <c r="PWH23" s="8"/>
      <c r="PWI23" s="8"/>
      <c r="PWJ23" s="8"/>
      <c r="PWK23" s="8"/>
      <c r="PWL23" s="8"/>
      <c r="PWM23" s="8"/>
      <c r="PWN23" s="8"/>
      <c r="PWO23" s="8"/>
      <c r="PWP23" s="8"/>
      <c r="PWQ23" s="8"/>
      <c r="PWR23" s="8"/>
      <c r="PWS23" s="8"/>
      <c r="PWT23" s="8"/>
      <c r="PWU23" s="8"/>
      <c r="PWV23" s="8"/>
      <c r="PWW23" s="8"/>
      <c r="PWX23" s="8"/>
      <c r="PWY23" s="8"/>
      <c r="PWZ23" s="8"/>
      <c r="PXA23" s="8"/>
      <c r="PXB23" s="8"/>
      <c r="PXC23" s="8"/>
      <c r="PXD23" s="8"/>
      <c r="PXE23" s="8"/>
      <c r="PXF23" s="8"/>
      <c r="PXG23" s="8"/>
      <c r="PXH23" s="8"/>
      <c r="PXI23" s="8"/>
      <c r="PXJ23" s="8"/>
      <c r="PXK23" s="8"/>
      <c r="PXL23" s="8"/>
      <c r="PXM23" s="8"/>
      <c r="PXN23" s="8"/>
      <c r="PXO23" s="8"/>
      <c r="PXP23" s="8"/>
      <c r="PXQ23" s="8"/>
      <c r="PXR23" s="8"/>
      <c r="PXS23" s="8"/>
      <c r="PXT23" s="8"/>
      <c r="PXU23" s="8"/>
      <c r="PXV23" s="8"/>
      <c r="PXW23" s="8"/>
      <c r="PXX23" s="8"/>
      <c r="PXY23" s="8"/>
      <c r="PXZ23" s="8"/>
      <c r="PYA23" s="8"/>
      <c r="PYB23" s="8"/>
      <c r="PYC23" s="8"/>
      <c r="PYD23" s="8"/>
      <c r="PYE23" s="8"/>
      <c r="PYF23" s="8"/>
      <c r="PYG23" s="8"/>
      <c r="PYH23" s="8"/>
      <c r="PYI23" s="8"/>
      <c r="PYJ23" s="8"/>
      <c r="PYK23" s="8"/>
      <c r="PYL23" s="8"/>
      <c r="PYM23" s="8"/>
      <c r="PYN23" s="8"/>
      <c r="PYO23" s="8"/>
      <c r="PYP23" s="8"/>
      <c r="PYQ23" s="8"/>
      <c r="PYR23" s="8"/>
      <c r="PYS23" s="8"/>
      <c r="PYT23" s="8"/>
      <c r="PYU23" s="8"/>
      <c r="PYV23" s="8"/>
      <c r="PYW23" s="8"/>
      <c r="PYX23" s="8"/>
      <c r="PYY23" s="8"/>
      <c r="PYZ23" s="8"/>
      <c r="PZA23" s="8"/>
      <c r="PZB23" s="8"/>
      <c r="PZC23" s="8"/>
      <c r="PZD23" s="8"/>
      <c r="PZE23" s="8"/>
      <c r="PZF23" s="8"/>
      <c r="PZG23" s="8"/>
      <c r="PZH23" s="8"/>
      <c r="PZI23" s="8"/>
      <c r="PZJ23" s="8"/>
      <c r="PZK23" s="8"/>
      <c r="PZL23" s="8"/>
      <c r="PZM23" s="8"/>
      <c r="PZN23" s="8"/>
      <c r="PZO23" s="8"/>
      <c r="PZP23" s="8"/>
      <c r="PZQ23" s="8"/>
      <c r="PZR23" s="8"/>
      <c r="PZS23" s="8"/>
      <c r="PZT23" s="8"/>
      <c r="PZU23" s="8"/>
      <c r="PZV23" s="8"/>
      <c r="PZW23" s="8"/>
      <c r="PZX23" s="8"/>
      <c r="PZY23" s="8"/>
      <c r="PZZ23" s="8"/>
      <c r="QAA23" s="8"/>
      <c r="QAB23" s="8"/>
      <c r="QAC23" s="8"/>
      <c r="QAD23" s="8"/>
      <c r="QAE23" s="8"/>
      <c r="QAF23" s="8"/>
      <c r="QAG23" s="8"/>
      <c r="QAH23" s="8"/>
      <c r="QAI23" s="8"/>
      <c r="QAJ23" s="8"/>
      <c r="QAK23" s="8"/>
      <c r="QAL23" s="8"/>
      <c r="QAM23" s="8"/>
      <c r="QAN23" s="8"/>
      <c r="QAO23" s="8"/>
      <c r="QAP23" s="8"/>
      <c r="QAQ23" s="8"/>
      <c r="QAR23" s="8"/>
      <c r="QAS23" s="8"/>
      <c r="QAT23" s="8"/>
      <c r="QAU23" s="8"/>
      <c r="QAV23" s="8"/>
      <c r="QAW23" s="8"/>
      <c r="QAX23" s="8"/>
      <c r="QAY23" s="8"/>
      <c r="QAZ23" s="8"/>
      <c r="QBA23" s="8"/>
      <c r="QBB23" s="8"/>
      <c r="QBC23" s="8"/>
      <c r="QBD23" s="8"/>
      <c r="QBE23" s="8"/>
      <c r="QBF23" s="8"/>
      <c r="QBG23" s="8"/>
      <c r="QBH23" s="8"/>
      <c r="QBI23" s="8"/>
      <c r="QBJ23" s="8"/>
      <c r="QBK23" s="8"/>
      <c r="QBL23" s="8"/>
      <c r="QBM23" s="8"/>
      <c r="QBN23" s="8"/>
      <c r="QBO23" s="8"/>
      <c r="QBP23" s="8"/>
      <c r="QBQ23" s="8"/>
      <c r="QBR23" s="8"/>
      <c r="QBS23" s="8"/>
      <c r="QBT23" s="8"/>
      <c r="QBU23" s="8"/>
      <c r="QBV23" s="8"/>
      <c r="QBW23" s="8"/>
      <c r="QBX23" s="8"/>
      <c r="QBY23" s="8"/>
      <c r="QBZ23" s="8"/>
      <c r="QCA23" s="8"/>
      <c r="QCB23" s="8"/>
      <c r="QCC23" s="8"/>
      <c r="QCD23" s="8"/>
      <c r="QCE23" s="8"/>
      <c r="QCF23" s="8"/>
      <c r="QCG23" s="8"/>
      <c r="QCH23" s="8"/>
      <c r="QCI23" s="8"/>
      <c r="QCJ23" s="8"/>
      <c r="QCK23" s="8"/>
      <c r="QCL23" s="8"/>
      <c r="QCM23" s="8"/>
      <c r="QCN23" s="8"/>
      <c r="QCO23" s="8"/>
      <c r="QCP23" s="8"/>
      <c r="QCQ23" s="8"/>
      <c r="QCR23" s="8"/>
      <c r="QCS23" s="8"/>
      <c r="QCT23" s="8"/>
      <c r="QCU23" s="8"/>
      <c r="QCV23" s="8"/>
      <c r="QCW23" s="8"/>
      <c r="QCX23" s="8"/>
      <c r="QCY23" s="8"/>
      <c r="QCZ23" s="8"/>
      <c r="QDA23" s="8"/>
      <c r="QDB23" s="8"/>
      <c r="QDC23" s="8"/>
      <c r="QDD23" s="8"/>
      <c r="QDE23" s="8"/>
      <c r="QDF23" s="8"/>
      <c r="QDG23" s="8"/>
      <c r="QDH23" s="8"/>
      <c r="QDI23" s="8"/>
      <c r="QDJ23" s="8"/>
      <c r="QDK23" s="8"/>
      <c r="QDL23" s="8"/>
      <c r="QDM23" s="8"/>
      <c r="QDN23" s="8"/>
      <c r="QDO23" s="8"/>
      <c r="QDP23" s="8"/>
      <c r="QDQ23" s="8"/>
      <c r="QDR23" s="8"/>
      <c r="QDS23" s="8"/>
      <c r="QDT23" s="8"/>
      <c r="QDU23" s="8"/>
      <c r="QDV23" s="8"/>
      <c r="QDW23" s="8"/>
      <c r="QDX23" s="8"/>
      <c r="QDY23" s="8"/>
      <c r="QDZ23" s="8"/>
      <c r="QEA23" s="8"/>
      <c r="QEB23" s="8"/>
      <c r="QEC23" s="8"/>
      <c r="QED23" s="8"/>
      <c r="QEE23" s="8"/>
      <c r="QEF23" s="8"/>
      <c r="QEG23" s="8"/>
      <c r="QEH23" s="8"/>
      <c r="QEI23" s="8"/>
      <c r="QEJ23" s="8"/>
      <c r="QEK23" s="8"/>
      <c r="QEL23" s="8"/>
      <c r="QEM23" s="8"/>
      <c r="QEN23" s="8"/>
      <c r="QEO23" s="8"/>
      <c r="QEP23" s="8"/>
      <c r="QEQ23" s="8"/>
      <c r="QER23" s="8"/>
      <c r="QES23" s="8"/>
      <c r="QET23" s="8"/>
      <c r="QEU23" s="8"/>
      <c r="QEV23" s="8"/>
      <c r="QEW23" s="8"/>
      <c r="QEX23" s="8"/>
      <c r="QEY23" s="8"/>
      <c r="QEZ23" s="8"/>
      <c r="QFA23" s="8"/>
      <c r="QFB23" s="8"/>
      <c r="QFC23" s="8"/>
      <c r="QFD23" s="8"/>
      <c r="QFE23" s="8"/>
      <c r="QFF23" s="8"/>
      <c r="QFG23" s="8"/>
      <c r="QFH23" s="8"/>
      <c r="QFI23" s="8"/>
      <c r="QFJ23" s="8"/>
      <c r="QFK23" s="8"/>
      <c r="QFL23" s="8"/>
      <c r="QFM23" s="8"/>
      <c r="QFN23" s="8"/>
      <c r="QFO23" s="8"/>
      <c r="QFP23" s="8"/>
      <c r="QFQ23" s="8"/>
      <c r="QFR23" s="8"/>
      <c r="QFS23" s="8"/>
      <c r="QFT23" s="8"/>
      <c r="QFU23" s="8"/>
      <c r="QFV23" s="8"/>
      <c r="QFW23" s="8"/>
      <c r="QFX23" s="8"/>
      <c r="QFY23" s="8"/>
      <c r="QFZ23" s="8"/>
      <c r="QGA23" s="8"/>
      <c r="QGB23" s="8"/>
      <c r="QGC23" s="8"/>
      <c r="QGD23" s="8"/>
      <c r="QGE23" s="8"/>
      <c r="QGF23" s="8"/>
      <c r="QGG23" s="8"/>
      <c r="QGH23" s="8"/>
      <c r="QGI23" s="8"/>
      <c r="QGJ23" s="8"/>
      <c r="QGK23" s="8"/>
      <c r="QGL23" s="8"/>
      <c r="QGM23" s="8"/>
      <c r="QGN23" s="8"/>
      <c r="QGO23" s="8"/>
      <c r="QGP23" s="8"/>
      <c r="QGQ23" s="8"/>
      <c r="QGR23" s="8"/>
      <c r="QGS23" s="8"/>
      <c r="QGT23" s="8"/>
      <c r="QGU23" s="8"/>
      <c r="QGV23" s="8"/>
      <c r="QGW23" s="8"/>
      <c r="QGX23" s="8"/>
      <c r="QGY23" s="8"/>
      <c r="QGZ23" s="8"/>
      <c r="QHA23" s="8"/>
      <c r="QHB23" s="8"/>
      <c r="QHC23" s="8"/>
      <c r="QHD23" s="8"/>
      <c r="QHE23" s="8"/>
      <c r="QHF23" s="8"/>
      <c r="QHG23" s="8"/>
      <c r="QHH23" s="8"/>
      <c r="QHI23" s="8"/>
      <c r="QHJ23" s="8"/>
      <c r="QHK23" s="8"/>
      <c r="QHL23" s="8"/>
      <c r="QHM23" s="8"/>
      <c r="QHN23" s="8"/>
      <c r="QHO23" s="8"/>
      <c r="QHP23" s="8"/>
      <c r="QHQ23" s="8"/>
      <c r="QHR23" s="8"/>
      <c r="QHS23" s="8"/>
      <c r="QHT23" s="8"/>
      <c r="QHU23" s="8"/>
      <c r="QHV23" s="8"/>
      <c r="QHW23" s="8"/>
      <c r="QHX23" s="8"/>
      <c r="QHY23" s="8"/>
      <c r="QHZ23" s="8"/>
      <c r="QIA23" s="8"/>
      <c r="QIB23" s="8"/>
      <c r="QIC23" s="8"/>
      <c r="QID23" s="8"/>
      <c r="QIE23" s="8"/>
      <c r="QIF23" s="8"/>
      <c r="QIG23" s="8"/>
      <c r="QIH23" s="8"/>
      <c r="QII23" s="8"/>
      <c r="QIJ23" s="8"/>
      <c r="QIK23" s="8"/>
      <c r="QIL23" s="8"/>
      <c r="QIM23" s="8"/>
      <c r="QIN23" s="8"/>
      <c r="QIO23" s="8"/>
      <c r="QIP23" s="8"/>
      <c r="QIQ23" s="8"/>
      <c r="QIR23" s="8"/>
      <c r="QIS23" s="8"/>
      <c r="QIT23" s="8"/>
      <c r="QIU23" s="8"/>
      <c r="QIV23" s="8"/>
      <c r="QIW23" s="8"/>
      <c r="QIX23" s="8"/>
      <c r="QIY23" s="8"/>
      <c r="QIZ23" s="8"/>
      <c r="QJA23" s="8"/>
      <c r="QJB23" s="8"/>
      <c r="QJC23" s="8"/>
      <c r="QJD23" s="8"/>
      <c r="QJE23" s="8"/>
      <c r="QJF23" s="8"/>
      <c r="QJG23" s="8"/>
      <c r="QJH23" s="8"/>
      <c r="QJI23" s="8"/>
      <c r="QJJ23" s="8"/>
      <c r="QJK23" s="8"/>
      <c r="QJL23" s="8"/>
      <c r="QJM23" s="8"/>
      <c r="QJN23" s="8"/>
      <c r="QJO23" s="8"/>
      <c r="QJP23" s="8"/>
      <c r="QJQ23" s="8"/>
      <c r="QJR23" s="8"/>
      <c r="QJS23" s="8"/>
      <c r="QJT23" s="8"/>
      <c r="QJU23" s="8"/>
      <c r="QJV23" s="8"/>
      <c r="QJW23" s="8"/>
      <c r="QJX23" s="8"/>
      <c r="QJY23" s="8"/>
      <c r="QJZ23" s="8"/>
      <c r="QKA23" s="8"/>
      <c r="QKB23" s="8"/>
      <c r="QKC23" s="8"/>
      <c r="QKD23" s="8"/>
      <c r="QKE23" s="8"/>
      <c r="QKF23" s="8"/>
      <c r="QKG23" s="8"/>
      <c r="QKH23" s="8"/>
      <c r="QKI23" s="8"/>
      <c r="QKJ23" s="8"/>
      <c r="QKK23" s="8"/>
      <c r="QKL23" s="8"/>
      <c r="QKM23" s="8"/>
      <c r="QKN23" s="8"/>
      <c r="QKO23" s="8"/>
      <c r="QKP23" s="8"/>
      <c r="QKQ23" s="8"/>
      <c r="QKR23" s="8"/>
      <c r="QKS23" s="8"/>
      <c r="QKT23" s="8"/>
      <c r="QKU23" s="8"/>
      <c r="QKV23" s="8"/>
      <c r="QKW23" s="8"/>
      <c r="QKX23" s="8"/>
      <c r="QKY23" s="8"/>
      <c r="QKZ23" s="8"/>
      <c r="QLA23" s="8"/>
      <c r="QLB23" s="8"/>
      <c r="QLC23" s="8"/>
      <c r="QLD23" s="8"/>
      <c r="QLE23" s="8"/>
      <c r="QLF23" s="8"/>
      <c r="QLG23" s="8"/>
      <c r="QLH23" s="8"/>
      <c r="QLI23" s="8"/>
      <c r="QLJ23" s="8"/>
      <c r="QLK23" s="8"/>
      <c r="QLL23" s="8"/>
      <c r="QLM23" s="8"/>
      <c r="QLN23" s="8"/>
      <c r="QLO23" s="8"/>
      <c r="QLP23" s="8"/>
      <c r="QLQ23" s="8"/>
      <c r="QLR23" s="8"/>
      <c r="QLS23" s="8"/>
      <c r="QLT23" s="8"/>
      <c r="QLU23" s="8"/>
      <c r="QLV23" s="8"/>
      <c r="QLW23" s="8"/>
      <c r="QLX23" s="8"/>
      <c r="QLY23" s="8"/>
      <c r="QLZ23" s="8"/>
      <c r="QMA23" s="8"/>
      <c r="QMB23" s="8"/>
      <c r="QMC23" s="8"/>
      <c r="QMD23" s="8"/>
      <c r="QME23" s="8"/>
      <c r="QMF23" s="8"/>
      <c r="QMG23" s="8"/>
      <c r="QMH23" s="8"/>
      <c r="QMI23" s="8"/>
      <c r="QMJ23" s="8"/>
      <c r="QMK23" s="8"/>
      <c r="QML23" s="8"/>
      <c r="QMM23" s="8"/>
      <c r="QMN23" s="8"/>
      <c r="QMO23" s="8"/>
      <c r="QMP23" s="8"/>
      <c r="QMQ23" s="8"/>
      <c r="QMR23" s="8"/>
      <c r="QMS23" s="8"/>
      <c r="QMT23" s="8"/>
      <c r="QMU23" s="8"/>
      <c r="QMV23" s="8"/>
      <c r="QMW23" s="8"/>
      <c r="QMX23" s="8"/>
      <c r="QMY23" s="8"/>
      <c r="QMZ23" s="8"/>
      <c r="QNA23" s="8"/>
      <c r="QNB23" s="8"/>
      <c r="QNC23" s="8"/>
      <c r="QND23" s="8"/>
      <c r="QNE23" s="8"/>
      <c r="QNF23" s="8"/>
      <c r="QNG23" s="8"/>
      <c r="QNH23" s="8"/>
      <c r="QNI23" s="8"/>
      <c r="QNJ23" s="8"/>
      <c r="QNK23" s="8"/>
      <c r="QNL23" s="8"/>
      <c r="QNM23" s="8"/>
      <c r="QNN23" s="8"/>
      <c r="QNO23" s="8"/>
      <c r="QNP23" s="8"/>
      <c r="QNQ23" s="8"/>
      <c r="QNR23" s="8"/>
      <c r="QNS23" s="8"/>
      <c r="QNT23" s="8"/>
      <c r="QNU23" s="8"/>
      <c r="QNV23" s="8"/>
      <c r="QNW23" s="8"/>
      <c r="QNX23" s="8"/>
      <c r="QNY23" s="8"/>
      <c r="QNZ23" s="8"/>
      <c r="QOA23" s="8"/>
      <c r="QOB23" s="8"/>
      <c r="QOC23" s="8"/>
      <c r="QOD23" s="8"/>
      <c r="QOE23" s="8"/>
      <c r="QOF23" s="8"/>
      <c r="QOG23" s="8"/>
      <c r="QOH23" s="8"/>
      <c r="QOI23" s="8"/>
      <c r="QOJ23" s="8"/>
      <c r="QOK23" s="8"/>
      <c r="QOL23" s="8"/>
      <c r="QOM23" s="8"/>
      <c r="QON23" s="8"/>
      <c r="QOO23" s="8"/>
      <c r="QOP23" s="8"/>
      <c r="QOQ23" s="8"/>
      <c r="QOR23" s="8"/>
      <c r="QOS23" s="8"/>
      <c r="QOT23" s="8"/>
      <c r="QOU23" s="8"/>
      <c r="QOV23" s="8"/>
      <c r="QOW23" s="8"/>
      <c r="QOX23" s="8"/>
      <c r="QOY23" s="8"/>
      <c r="QOZ23" s="8"/>
      <c r="QPA23" s="8"/>
      <c r="QPB23" s="8"/>
      <c r="QPC23" s="8"/>
      <c r="QPD23" s="8"/>
      <c r="QPE23" s="8"/>
      <c r="QPF23" s="8"/>
      <c r="QPG23" s="8"/>
      <c r="QPH23" s="8"/>
      <c r="QPI23" s="8"/>
      <c r="QPJ23" s="8"/>
      <c r="QPK23" s="8"/>
      <c r="QPL23" s="8"/>
      <c r="QPM23" s="8"/>
      <c r="QPN23" s="8"/>
      <c r="QPO23" s="8"/>
      <c r="QPP23" s="8"/>
      <c r="QPQ23" s="8"/>
      <c r="QPR23" s="8"/>
      <c r="QPS23" s="8"/>
      <c r="QPT23" s="8"/>
      <c r="QPU23" s="8"/>
      <c r="QPV23" s="8"/>
      <c r="QPW23" s="8"/>
      <c r="QPX23" s="8"/>
      <c r="QPY23" s="8"/>
      <c r="QPZ23" s="8"/>
      <c r="QQA23" s="8"/>
      <c r="QQB23" s="8"/>
      <c r="QQC23" s="8"/>
      <c r="QQD23" s="8"/>
      <c r="QQE23" s="8"/>
      <c r="QQF23" s="8"/>
      <c r="QQG23" s="8"/>
      <c r="QQH23" s="8"/>
      <c r="QQI23" s="8"/>
      <c r="QQJ23" s="8"/>
      <c r="QQK23" s="8"/>
      <c r="QQL23" s="8"/>
      <c r="QQM23" s="8"/>
      <c r="QQN23" s="8"/>
      <c r="QQO23" s="8"/>
      <c r="QQP23" s="8"/>
      <c r="QQQ23" s="8"/>
      <c r="QQR23" s="8"/>
      <c r="QQS23" s="8"/>
      <c r="QQT23" s="8"/>
      <c r="QQU23" s="8"/>
      <c r="QQV23" s="8"/>
      <c r="QQW23" s="8"/>
      <c r="QQX23" s="8"/>
      <c r="QQY23" s="8"/>
      <c r="QQZ23" s="8"/>
      <c r="QRA23" s="8"/>
      <c r="QRB23" s="8"/>
      <c r="QRC23" s="8"/>
      <c r="QRD23" s="8"/>
      <c r="QRE23" s="8"/>
      <c r="QRF23" s="8"/>
      <c r="QRG23" s="8"/>
      <c r="QRH23" s="8"/>
      <c r="QRI23" s="8"/>
      <c r="QRJ23" s="8"/>
      <c r="QRK23" s="8"/>
      <c r="QRL23" s="8"/>
      <c r="QRM23" s="8"/>
      <c r="QRN23" s="8"/>
      <c r="QRO23" s="8"/>
      <c r="QRP23" s="8"/>
      <c r="QRQ23" s="8"/>
      <c r="QRR23" s="8"/>
      <c r="QRS23" s="8"/>
      <c r="QRT23" s="8"/>
      <c r="QRU23" s="8"/>
      <c r="QRV23" s="8"/>
      <c r="QRW23" s="8"/>
      <c r="QRX23" s="8"/>
      <c r="QRY23" s="8"/>
      <c r="QRZ23" s="8"/>
      <c r="QSA23" s="8"/>
      <c r="QSB23" s="8"/>
      <c r="QSC23" s="8"/>
      <c r="QSD23" s="8"/>
      <c r="QSE23" s="8"/>
      <c r="QSF23" s="8"/>
      <c r="QSG23" s="8"/>
      <c r="QSH23" s="8"/>
      <c r="QSI23" s="8"/>
      <c r="QSJ23" s="8"/>
      <c r="QSK23" s="8"/>
      <c r="QSL23" s="8"/>
      <c r="QSM23" s="8"/>
      <c r="QSN23" s="8"/>
      <c r="QSO23" s="8"/>
      <c r="QSP23" s="8"/>
      <c r="QSQ23" s="8"/>
      <c r="QSR23" s="8"/>
      <c r="QSS23" s="8"/>
      <c r="QST23" s="8"/>
      <c r="QSU23" s="8"/>
      <c r="QSV23" s="8"/>
      <c r="QSW23" s="8"/>
      <c r="QSX23" s="8"/>
      <c r="QSY23" s="8"/>
      <c r="QSZ23" s="8"/>
      <c r="QTA23" s="8"/>
      <c r="QTB23" s="8"/>
      <c r="QTC23" s="8"/>
      <c r="QTD23" s="8"/>
      <c r="QTE23" s="8"/>
      <c r="QTF23" s="8"/>
      <c r="QTG23" s="8"/>
      <c r="QTH23" s="8"/>
      <c r="QTI23" s="8"/>
      <c r="QTJ23" s="8"/>
      <c r="QTK23" s="8"/>
      <c r="QTL23" s="8"/>
      <c r="QTM23" s="8"/>
      <c r="QTN23" s="8"/>
      <c r="QTO23" s="8"/>
      <c r="QTP23" s="8"/>
      <c r="QTQ23" s="8"/>
      <c r="QTR23" s="8"/>
      <c r="QTS23" s="8"/>
      <c r="QTT23" s="8"/>
      <c r="QTU23" s="8"/>
      <c r="QTV23" s="8"/>
      <c r="QTW23" s="8"/>
      <c r="QTX23" s="8"/>
      <c r="QTY23" s="8"/>
      <c r="QTZ23" s="8"/>
      <c r="QUA23" s="8"/>
      <c r="QUB23" s="8"/>
      <c r="QUC23" s="8"/>
      <c r="QUD23" s="8"/>
      <c r="QUE23" s="8"/>
      <c r="QUF23" s="8"/>
      <c r="QUG23" s="8"/>
      <c r="QUH23" s="8"/>
      <c r="QUI23" s="8"/>
      <c r="QUJ23" s="8"/>
      <c r="QUK23" s="8"/>
      <c r="QUL23" s="8"/>
      <c r="QUM23" s="8"/>
      <c r="QUN23" s="8"/>
      <c r="QUO23" s="8"/>
      <c r="QUP23" s="8"/>
      <c r="QUQ23" s="8"/>
      <c r="QUR23" s="8"/>
      <c r="QUS23" s="8"/>
      <c r="QUT23" s="8"/>
      <c r="QUU23" s="8"/>
      <c r="QUV23" s="8"/>
      <c r="QUW23" s="8"/>
      <c r="QUX23" s="8"/>
      <c r="QUY23" s="8"/>
      <c r="QUZ23" s="8"/>
      <c r="QVA23" s="8"/>
      <c r="QVB23" s="8"/>
      <c r="QVC23" s="8"/>
      <c r="QVD23" s="8"/>
      <c r="QVE23" s="8"/>
      <c r="QVF23" s="8"/>
      <c r="QVG23" s="8"/>
      <c r="QVH23" s="8"/>
      <c r="QVI23" s="8"/>
      <c r="QVJ23" s="8"/>
      <c r="QVK23" s="8"/>
      <c r="QVL23" s="8"/>
      <c r="QVM23" s="8"/>
      <c r="QVN23" s="8"/>
      <c r="QVO23" s="8"/>
      <c r="QVP23" s="8"/>
      <c r="QVQ23" s="8"/>
      <c r="QVR23" s="8"/>
      <c r="QVS23" s="8"/>
      <c r="QVT23" s="8"/>
      <c r="QVU23" s="8"/>
      <c r="QVV23" s="8"/>
      <c r="QVW23" s="8"/>
      <c r="QVX23" s="8"/>
      <c r="QVY23" s="8"/>
      <c r="QVZ23" s="8"/>
      <c r="QWA23" s="8"/>
      <c r="QWB23" s="8"/>
      <c r="QWC23" s="8"/>
      <c r="QWD23" s="8"/>
      <c r="QWE23" s="8"/>
      <c r="QWF23" s="8"/>
      <c r="QWG23" s="8"/>
      <c r="QWH23" s="8"/>
      <c r="QWI23" s="8"/>
      <c r="QWJ23" s="8"/>
      <c r="QWK23" s="8"/>
      <c r="QWL23" s="8"/>
      <c r="QWM23" s="8"/>
      <c r="QWN23" s="8"/>
      <c r="QWO23" s="8"/>
      <c r="QWP23" s="8"/>
      <c r="QWQ23" s="8"/>
      <c r="QWR23" s="8"/>
      <c r="QWS23" s="8"/>
      <c r="QWT23" s="8"/>
      <c r="QWU23" s="8"/>
      <c r="QWV23" s="8"/>
      <c r="QWW23" s="8"/>
      <c r="QWX23" s="8"/>
      <c r="QWY23" s="8"/>
      <c r="QWZ23" s="8"/>
      <c r="QXA23" s="8"/>
      <c r="QXB23" s="8"/>
      <c r="QXC23" s="8"/>
      <c r="QXD23" s="8"/>
      <c r="QXE23" s="8"/>
      <c r="QXF23" s="8"/>
      <c r="QXG23" s="8"/>
      <c r="QXH23" s="8"/>
      <c r="QXI23" s="8"/>
      <c r="QXJ23" s="8"/>
      <c r="QXK23" s="8"/>
      <c r="QXL23" s="8"/>
      <c r="QXM23" s="8"/>
      <c r="QXN23" s="8"/>
      <c r="QXO23" s="8"/>
      <c r="QXP23" s="8"/>
      <c r="QXQ23" s="8"/>
      <c r="QXR23" s="8"/>
      <c r="QXS23" s="8"/>
      <c r="QXT23" s="8"/>
      <c r="QXU23" s="8"/>
      <c r="QXV23" s="8"/>
      <c r="QXW23" s="8"/>
      <c r="QXX23" s="8"/>
      <c r="QXY23" s="8"/>
      <c r="QXZ23" s="8"/>
      <c r="QYA23" s="8"/>
      <c r="QYB23" s="8"/>
      <c r="QYC23" s="8"/>
      <c r="QYD23" s="8"/>
      <c r="QYE23" s="8"/>
      <c r="QYF23" s="8"/>
      <c r="QYG23" s="8"/>
      <c r="QYH23" s="8"/>
      <c r="QYI23" s="8"/>
      <c r="QYJ23" s="8"/>
      <c r="QYK23" s="8"/>
      <c r="QYL23" s="8"/>
      <c r="QYM23" s="8"/>
      <c r="QYN23" s="8"/>
      <c r="QYO23" s="8"/>
      <c r="QYP23" s="8"/>
      <c r="QYQ23" s="8"/>
      <c r="QYR23" s="8"/>
      <c r="QYS23" s="8"/>
      <c r="QYT23" s="8"/>
      <c r="QYU23" s="8"/>
      <c r="QYV23" s="8"/>
      <c r="QYW23" s="8"/>
      <c r="QYX23" s="8"/>
      <c r="QYY23" s="8"/>
      <c r="QYZ23" s="8"/>
      <c r="QZA23" s="8"/>
      <c r="QZB23" s="8"/>
      <c r="QZC23" s="8"/>
      <c r="QZD23" s="8"/>
      <c r="QZE23" s="8"/>
      <c r="QZF23" s="8"/>
      <c r="QZG23" s="8"/>
      <c r="QZH23" s="8"/>
      <c r="QZI23" s="8"/>
      <c r="QZJ23" s="8"/>
      <c r="QZK23" s="8"/>
      <c r="QZL23" s="8"/>
      <c r="QZM23" s="8"/>
      <c r="QZN23" s="8"/>
      <c r="QZO23" s="8"/>
      <c r="QZP23" s="8"/>
      <c r="QZQ23" s="8"/>
      <c r="QZR23" s="8"/>
      <c r="QZS23" s="8"/>
      <c r="QZT23" s="8"/>
      <c r="QZU23" s="8"/>
      <c r="QZV23" s="8"/>
      <c r="QZW23" s="8"/>
      <c r="QZX23" s="8"/>
      <c r="QZY23" s="8"/>
      <c r="QZZ23" s="8"/>
      <c r="RAA23" s="8"/>
      <c r="RAB23" s="8"/>
      <c r="RAC23" s="8"/>
      <c r="RAD23" s="8"/>
      <c r="RAE23" s="8"/>
      <c r="RAF23" s="8"/>
      <c r="RAG23" s="8"/>
      <c r="RAH23" s="8"/>
      <c r="RAI23" s="8"/>
      <c r="RAJ23" s="8"/>
      <c r="RAK23" s="8"/>
      <c r="RAL23" s="8"/>
      <c r="RAM23" s="8"/>
      <c r="RAN23" s="8"/>
      <c r="RAO23" s="8"/>
      <c r="RAP23" s="8"/>
      <c r="RAQ23" s="8"/>
      <c r="RAR23" s="8"/>
      <c r="RAS23" s="8"/>
      <c r="RAT23" s="8"/>
      <c r="RAU23" s="8"/>
      <c r="RAV23" s="8"/>
      <c r="RAW23" s="8"/>
      <c r="RAX23" s="8"/>
      <c r="RAY23" s="8"/>
      <c r="RAZ23" s="8"/>
      <c r="RBA23" s="8"/>
      <c r="RBB23" s="8"/>
      <c r="RBC23" s="8"/>
      <c r="RBD23" s="8"/>
      <c r="RBE23" s="8"/>
      <c r="RBF23" s="8"/>
      <c r="RBG23" s="8"/>
      <c r="RBH23" s="8"/>
      <c r="RBI23" s="8"/>
      <c r="RBJ23" s="8"/>
      <c r="RBK23" s="8"/>
      <c r="RBL23" s="8"/>
      <c r="RBM23" s="8"/>
      <c r="RBN23" s="8"/>
      <c r="RBO23" s="8"/>
      <c r="RBP23" s="8"/>
      <c r="RBQ23" s="8"/>
      <c r="RBR23" s="8"/>
      <c r="RBS23" s="8"/>
      <c r="RBT23" s="8"/>
      <c r="RBU23" s="8"/>
      <c r="RBV23" s="8"/>
      <c r="RBW23" s="8"/>
      <c r="RBX23" s="8"/>
      <c r="RBY23" s="8"/>
      <c r="RBZ23" s="8"/>
      <c r="RCA23" s="8"/>
      <c r="RCB23" s="8"/>
      <c r="RCC23" s="8"/>
      <c r="RCD23" s="8"/>
      <c r="RCE23" s="8"/>
      <c r="RCF23" s="8"/>
      <c r="RCG23" s="8"/>
      <c r="RCH23" s="8"/>
      <c r="RCI23" s="8"/>
      <c r="RCJ23" s="8"/>
      <c r="RCK23" s="8"/>
      <c r="RCL23" s="8"/>
      <c r="RCM23" s="8"/>
      <c r="RCN23" s="8"/>
      <c r="RCO23" s="8"/>
      <c r="RCP23" s="8"/>
      <c r="RCQ23" s="8"/>
      <c r="RCR23" s="8"/>
      <c r="RCS23" s="8"/>
      <c r="RCT23" s="8"/>
      <c r="RCU23" s="8"/>
      <c r="RCV23" s="8"/>
      <c r="RCW23" s="8"/>
      <c r="RCX23" s="8"/>
      <c r="RCY23" s="8"/>
      <c r="RCZ23" s="8"/>
      <c r="RDA23" s="8"/>
      <c r="RDB23" s="8"/>
      <c r="RDC23" s="8"/>
      <c r="RDD23" s="8"/>
      <c r="RDE23" s="8"/>
      <c r="RDF23" s="8"/>
      <c r="RDG23" s="8"/>
      <c r="RDH23" s="8"/>
      <c r="RDI23" s="8"/>
      <c r="RDJ23" s="8"/>
      <c r="RDK23" s="8"/>
      <c r="RDL23" s="8"/>
      <c r="RDM23" s="8"/>
      <c r="RDN23" s="8"/>
      <c r="RDO23" s="8"/>
      <c r="RDP23" s="8"/>
      <c r="RDQ23" s="8"/>
      <c r="RDR23" s="8"/>
      <c r="RDS23" s="8"/>
      <c r="RDT23" s="8"/>
      <c r="RDU23" s="8"/>
      <c r="RDV23" s="8"/>
      <c r="RDW23" s="8"/>
      <c r="RDX23" s="8"/>
      <c r="RDY23" s="8"/>
      <c r="RDZ23" s="8"/>
      <c r="REA23" s="8"/>
      <c r="REB23" s="8"/>
      <c r="REC23" s="8"/>
      <c r="RED23" s="8"/>
      <c r="REE23" s="8"/>
      <c r="REF23" s="8"/>
      <c r="REG23" s="8"/>
      <c r="REH23" s="8"/>
      <c r="REI23" s="8"/>
      <c r="REJ23" s="8"/>
      <c r="REK23" s="8"/>
      <c r="REL23" s="8"/>
      <c r="REM23" s="8"/>
      <c r="REN23" s="8"/>
      <c r="REO23" s="8"/>
      <c r="REP23" s="8"/>
      <c r="REQ23" s="8"/>
      <c r="RER23" s="8"/>
      <c r="RES23" s="8"/>
      <c r="RET23" s="8"/>
      <c r="REU23" s="8"/>
      <c r="REV23" s="8"/>
      <c r="REW23" s="8"/>
      <c r="REX23" s="8"/>
      <c r="REY23" s="8"/>
      <c r="REZ23" s="8"/>
      <c r="RFA23" s="8"/>
      <c r="RFB23" s="8"/>
      <c r="RFC23" s="8"/>
      <c r="RFD23" s="8"/>
      <c r="RFE23" s="8"/>
      <c r="RFF23" s="8"/>
      <c r="RFG23" s="8"/>
      <c r="RFH23" s="8"/>
      <c r="RFI23" s="8"/>
      <c r="RFJ23" s="8"/>
      <c r="RFK23" s="8"/>
      <c r="RFL23" s="8"/>
      <c r="RFM23" s="8"/>
      <c r="RFN23" s="8"/>
      <c r="RFO23" s="8"/>
      <c r="RFP23" s="8"/>
      <c r="RFQ23" s="8"/>
      <c r="RFR23" s="8"/>
      <c r="RFS23" s="8"/>
      <c r="RFT23" s="8"/>
      <c r="RFU23" s="8"/>
      <c r="RFV23" s="8"/>
      <c r="RFW23" s="8"/>
      <c r="RFX23" s="8"/>
      <c r="RFY23" s="8"/>
      <c r="RFZ23" s="8"/>
      <c r="RGA23" s="8"/>
      <c r="RGB23" s="8"/>
      <c r="RGC23" s="8"/>
      <c r="RGD23" s="8"/>
      <c r="RGE23" s="8"/>
      <c r="RGF23" s="8"/>
      <c r="RGG23" s="8"/>
      <c r="RGH23" s="8"/>
      <c r="RGI23" s="8"/>
      <c r="RGJ23" s="8"/>
      <c r="RGK23" s="8"/>
      <c r="RGL23" s="8"/>
      <c r="RGM23" s="8"/>
      <c r="RGN23" s="8"/>
      <c r="RGO23" s="8"/>
      <c r="RGP23" s="8"/>
      <c r="RGQ23" s="8"/>
      <c r="RGR23" s="8"/>
      <c r="RGS23" s="8"/>
      <c r="RGT23" s="8"/>
      <c r="RGU23" s="8"/>
      <c r="RGV23" s="8"/>
      <c r="RGW23" s="8"/>
      <c r="RGX23" s="8"/>
      <c r="RGY23" s="8"/>
      <c r="RGZ23" s="8"/>
      <c r="RHA23" s="8"/>
      <c r="RHB23" s="8"/>
      <c r="RHC23" s="8"/>
      <c r="RHD23" s="8"/>
      <c r="RHE23" s="8"/>
      <c r="RHF23" s="8"/>
      <c r="RHG23" s="8"/>
      <c r="RHH23" s="8"/>
      <c r="RHI23" s="8"/>
      <c r="RHJ23" s="8"/>
      <c r="RHK23" s="8"/>
      <c r="RHL23" s="8"/>
      <c r="RHM23" s="8"/>
      <c r="RHN23" s="8"/>
      <c r="RHO23" s="8"/>
      <c r="RHP23" s="8"/>
      <c r="RHQ23" s="8"/>
      <c r="RHR23" s="8"/>
      <c r="RHS23" s="8"/>
      <c r="RHT23" s="8"/>
      <c r="RHU23" s="8"/>
      <c r="RHV23" s="8"/>
      <c r="RHW23" s="8"/>
      <c r="RHX23" s="8"/>
      <c r="RHY23" s="8"/>
      <c r="RHZ23" s="8"/>
      <c r="RIA23" s="8"/>
      <c r="RIB23" s="8"/>
      <c r="RIC23" s="8"/>
      <c r="RID23" s="8"/>
      <c r="RIE23" s="8"/>
      <c r="RIF23" s="8"/>
      <c r="RIG23" s="8"/>
      <c r="RIH23" s="8"/>
      <c r="RII23" s="8"/>
      <c r="RIJ23" s="8"/>
      <c r="RIK23" s="8"/>
      <c r="RIL23" s="8"/>
      <c r="RIM23" s="8"/>
      <c r="RIN23" s="8"/>
      <c r="RIO23" s="8"/>
      <c r="RIP23" s="8"/>
      <c r="RIQ23" s="8"/>
      <c r="RIR23" s="8"/>
      <c r="RIS23" s="8"/>
      <c r="RIT23" s="8"/>
      <c r="RIU23" s="8"/>
      <c r="RIV23" s="8"/>
      <c r="RIW23" s="8"/>
      <c r="RIX23" s="8"/>
      <c r="RIY23" s="8"/>
      <c r="RIZ23" s="8"/>
      <c r="RJA23" s="8"/>
      <c r="RJB23" s="8"/>
      <c r="RJC23" s="8"/>
      <c r="RJD23" s="8"/>
      <c r="RJE23" s="8"/>
      <c r="RJF23" s="8"/>
      <c r="RJG23" s="8"/>
      <c r="RJH23" s="8"/>
      <c r="RJI23" s="8"/>
      <c r="RJJ23" s="8"/>
      <c r="RJK23" s="8"/>
      <c r="RJL23" s="8"/>
      <c r="RJM23" s="8"/>
      <c r="RJN23" s="8"/>
      <c r="RJO23" s="8"/>
      <c r="RJP23" s="8"/>
      <c r="RJQ23" s="8"/>
      <c r="RJR23" s="8"/>
      <c r="RJS23" s="8"/>
      <c r="RJT23" s="8"/>
      <c r="RJU23" s="8"/>
      <c r="RJV23" s="8"/>
      <c r="RJW23" s="8"/>
      <c r="RJX23" s="8"/>
      <c r="RJY23" s="8"/>
      <c r="RJZ23" s="8"/>
      <c r="RKA23" s="8"/>
      <c r="RKB23" s="8"/>
      <c r="RKC23" s="8"/>
      <c r="RKD23" s="8"/>
      <c r="RKE23" s="8"/>
      <c r="RKF23" s="8"/>
      <c r="RKG23" s="8"/>
      <c r="RKH23" s="8"/>
      <c r="RKI23" s="8"/>
      <c r="RKJ23" s="8"/>
      <c r="RKK23" s="8"/>
      <c r="RKL23" s="8"/>
      <c r="RKM23" s="8"/>
      <c r="RKN23" s="8"/>
      <c r="RKO23" s="8"/>
      <c r="RKP23" s="8"/>
      <c r="RKQ23" s="8"/>
      <c r="RKR23" s="8"/>
      <c r="RKS23" s="8"/>
      <c r="RKT23" s="8"/>
      <c r="RKU23" s="8"/>
      <c r="RKV23" s="8"/>
      <c r="RKW23" s="8"/>
      <c r="RKX23" s="8"/>
      <c r="RKY23" s="8"/>
      <c r="RKZ23" s="8"/>
      <c r="RLA23" s="8"/>
      <c r="RLB23" s="8"/>
      <c r="RLC23" s="8"/>
      <c r="RLD23" s="8"/>
      <c r="RLE23" s="8"/>
      <c r="RLF23" s="8"/>
      <c r="RLG23" s="8"/>
      <c r="RLH23" s="8"/>
      <c r="RLI23" s="8"/>
      <c r="RLJ23" s="8"/>
      <c r="RLK23" s="8"/>
      <c r="RLL23" s="8"/>
      <c r="RLM23" s="8"/>
      <c r="RLN23" s="8"/>
      <c r="RLO23" s="8"/>
      <c r="RLP23" s="8"/>
      <c r="RLQ23" s="8"/>
      <c r="RLR23" s="8"/>
      <c r="RLS23" s="8"/>
      <c r="RLT23" s="8"/>
      <c r="RLU23" s="8"/>
      <c r="RLV23" s="8"/>
      <c r="RLW23" s="8"/>
      <c r="RLX23" s="8"/>
      <c r="RLY23" s="8"/>
      <c r="RLZ23" s="8"/>
      <c r="RMA23" s="8"/>
      <c r="RMB23" s="8"/>
      <c r="RMC23" s="8"/>
      <c r="RMD23" s="8"/>
      <c r="RME23" s="8"/>
      <c r="RMF23" s="8"/>
      <c r="RMG23" s="8"/>
      <c r="RMH23" s="8"/>
      <c r="RMI23" s="8"/>
      <c r="RMJ23" s="8"/>
      <c r="RMK23" s="8"/>
      <c r="RML23" s="8"/>
      <c r="RMM23" s="8"/>
      <c r="RMN23" s="8"/>
      <c r="RMO23" s="8"/>
      <c r="RMP23" s="8"/>
      <c r="RMQ23" s="8"/>
      <c r="RMR23" s="8"/>
      <c r="RMS23" s="8"/>
      <c r="RMT23" s="8"/>
      <c r="RMU23" s="8"/>
      <c r="RMV23" s="8"/>
      <c r="RMW23" s="8"/>
      <c r="RMX23" s="8"/>
      <c r="RMY23" s="8"/>
      <c r="RMZ23" s="8"/>
      <c r="RNA23" s="8"/>
      <c r="RNB23" s="8"/>
      <c r="RNC23" s="8"/>
      <c r="RND23" s="8"/>
      <c r="RNE23" s="8"/>
      <c r="RNF23" s="8"/>
      <c r="RNG23" s="8"/>
      <c r="RNH23" s="8"/>
      <c r="RNI23" s="8"/>
      <c r="RNJ23" s="8"/>
      <c r="RNK23" s="8"/>
      <c r="RNL23" s="8"/>
      <c r="RNM23" s="8"/>
      <c r="RNN23" s="8"/>
      <c r="RNO23" s="8"/>
      <c r="RNP23" s="8"/>
      <c r="RNQ23" s="8"/>
      <c r="RNR23" s="8"/>
      <c r="RNS23" s="8"/>
      <c r="RNT23" s="8"/>
      <c r="RNU23" s="8"/>
      <c r="RNV23" s="8"/>
      <c r="RNW23" s="8"/>
      <c r="RNX23" s="8"/>
      <c r="RNY23" s="8"/>
      <c r="RNZ23" s="8"/>
      <c r="ROA23" s="8"/>
      <c r="ROB23" s="8"/>
      <c r="ROC23" s="8"/>
      <c r="ROD23" s="8"/>
      <c r="ROE23" s="8"/>
      <c r="ROF23" s="8"/>
      <c r="ROG23" s="8"/>
      <c r="ROH23" s="8"/>
      <c r="ROI23" s="8"/>
      <c r="ROJ23" s="8"/>
      <c r="ROK23" s="8"/>
      <c r="ROL23" s="8"/>
      <c r="ROM23" s="8"/>
      <c r="RON23" s="8"/>
      <c r="ROO23" s="8"/>
      <c r="ROP23" s="8"/>
      <c r="ROQ23" s="8"/>
      <c r="ROR23" s="8"/>
      <c r="ROS23" s="8"/>
      <c r="ROT23" s="8"/>
      <c r="ROU23" s="8"/>
      <c r="ROV23" s="8"/>
      <c r="ROW23" s="8"/>
      <c r="ROX23" s="8"/>
      <c r="ROY23" s="8"/>
      <c r="ROZ23" s="8"/>
      <c r="RPA23" s="8"/>
      <c r="RPB23" s="8"/>
      <c r="RPC23" s="8"/>
      <c r="RPD23" s="8"/>
      <c r="RPE23" s="8"/>
      <c r="RPF23" s="8"/>
      <c r="RPG23" s="8"/>
      <c r="RPH23" s="8"/>
      <c r="RPI23" s="8"/>
      <c r="RPJ23" s="8"/>
      <c r="RPK23" s="8"/>
      <c r="RPL23" s="8"/>
      <c r="RPM23" s="8"/>
      <c r="RPN23" s="8"/>
      <c r="RPO23" s="8"/>
      <c r="RPP23" s="8"/>
      <c r="RPQ23" s="8"/>
      <c r="RPR23" s="8"/>
      <c r="RPS23" s="8"/>
      <c r="RPT23" s="8"/>
      <c r="RPU23" s="8"/>
      <c r="RPV23" s="8"/>
      <c r="RPW23" s="8"/>
      <c r="RPX23" s="8"/>
      <c r="RPY23" s="8"/>
      <c r="RPZ23" s="8"/>
      <c r="RQA23" s="8"/>
      <c r="RQB23" s="8"/>
      <c r="RQC23" s="8"/>
      <c r="RQD23" s="8"/>
      <c r="RQE23" s="8"/>
      <c r="RQF23" s="8"/>
      <c r="RQG23" s="8"/>
      <c r="RQH23" s="8"/>
      <c r="RQI23" s="8"/>
      <c r="RQJ23" s="8"/>
      <c r="RQK23" s="8"/>
      <c r="RQL23" s="8"/>
      <c r="RQM23" s="8"/>
      <c r="RQN23" s="8"/>
      <c r="RQO23" s="8"/>
      <c r="RQP23" s="8"/>
      <c r="RQQ23" s="8"/>
      <c r="RQR23" s="8"/>
      <c r="RQS23" s="8"/>
      <c r="RQT23" s="8"/>
      <c r="RQU23" s="8"/>
      <c r="RQV23" s="8"/>
      <c r="RQW23" s="8"/>
      <c r="RQX23" s="8"/>
      <c r="RQY23" s="8"/>
      <c r="RQZ23" s="8"/>
      <c r="RRA23" s="8"/>
      <c r="RRB23" s="8"/>
      <c r="RRC23" s="8"/>
      <c r="RRD23" s="8"/>
      <c r="RRE23" s="8"/>
      <c r="RRF23" s="8"/>
      <c r="RRG23" s="8"/>
      <c r="RRH23" s="8"/>
      <c r="RRI23" s="8"/>
      <c r="RRJ23" s="8"/>
      <c r="RRK23" s="8"/>
      <c r="RRL23" s="8"/>
      <c r="RRM23" s="8"/>
      <c r="RRN23" s="8"/>
      <c r="RRO23" s="8"/>
      <c r="RRP23" s="8"/>
      <c r="RRQ23" s="8"/>
      <c r="RRR23" s="8"/>
      <c r="RRS23" s="8"/>
      <c r="RRT23" s="8"/>
      <c r="RRU23" s="8"/>
      <c r="RRV23" s="8"/>
      <c r="RRW23" s="8"/>
      <c r="RRX23" s="8"/>
      <c r="RRY23" s="8"/>
      <c r="RRZ23" s="8"/>
      <c r="RSA23" s="8"/>
      <c r="RSB23" s="8"/>
      <c r="RSC23" s="8"/>
      <c r="RSD23" s="8"/>
      <c r="RSE23" s="8"/>
      <c r="RSF23" s="8"/>
      <c r="RSG23" s="8"/>
      <c r="RSH23" s="8"/>
      <c r="RSI23" s="8"/>
      <c r="RSJ23" s="8"/>
      <c r="RSK23" s="8"/>
      <c r="RSL23" s="8"/>
      <c r="RSM23" s="8"/>
      <c r="RSN23" s="8"/>
      <c r="RSO23" s="8"/>
      <c r="RSP23" s="8"/>
      <c r="RSQ23" s="8"/>
      <c r="RSR23" s="8"/>
      <c r="RSS23" s="8"/>
      <c r="RST23" s="8"/>
      <c r="RSU23" s="8"/>
      <c r="RSV23" s="8"/>
      <c r="RSW23" s="8"/>
      <c r="RSX23" s="8"/>
      <c r="RSY23" s="8"/>
      <c r="RSZ23" s="8"/>
      <c r="RTA23" s="8"/>
      <c r="RTB23" s="8"/>
      <c r="RTC23" s="8"/>
      <c r="RTD23" s="8"/>
      <c r="RTE23" s="8"/>
      <c r="RTF23" s="8"/>
      <c r="RTG23" s="8"/>
      <c r="RTH23" s="8"/>
      <c r="RTI23" s="8"/>
      <c r="RTJ23" s="8"/>
      <c r="RTK23" s="8"/>
      <c r="RTL23" s="8"/>
      <c r="RTM23" s="8"/>
      <c r="RTN23" s="8"/>
      <c r="RTO23" s="8"/>
      <c r="RTP23" s="8"/>
      <c r="RTQ23" s="8"/>
      <c r="RTR23" s="8"/>
      <c r="RTS23" s="8"/>
      <c r="RTT23" s="8"/>
      <c r="RTU23" s="8"/>
      <c r="RTV23" s="8"/>
      <c r="RTW23" s="8"/>
      <c r="RTX23" s="8"/>
      <c r="RTY23" s="8"/>
      <c r="RTZ23" s="8"/>
      <c r="RUA23" s="8"/>
      <c r="RUB23" s="8"/>
      <c r="RUC23" s="8"/>
      <c r="RUD23" s="8"/>
      <c r="RUE23" s="8"/>
      <c r="RUF23" s="8"/>
      <c r="RUG23" s="8"/>
      <c r="RUH23" s="8"/>
      <c r="RUI23" s="8"/>
      <c r="RUJ23" s="8"/>
      <c r="RUK23" s="8"/>
      <c r="RUL23" s="8"/>
      <c r="RUM23" s="8"/>
      <c r="RUN23" s="8"/>
      <c r="RUO23" s="8"/>
      <c r="RUP23" s="8"/>
      <c r="RUQ23" s="8"/>
      <c r="RUR23" s="8"/>
      <c r="RUS23" s="8"/>
      <c r="RUT23" s="8"/>
      <c r="RUU23" s="8"/>
      <c r="RUV23" s="8"/>
      <c r="RUW23" s="8"/>
      <c r="RUX23" s="8"/>
      <c r="RUY23" s="8"/>
      <c r="RUZ23" s="8"/>
      <c r="RVA23" s="8"/>
      <c r="RVB23" s="8"/>
      <c r="RVC23" s="8"/>
      <c r="RVD23" s="8"/>
      <c r="RVE23" s="8"/>
      <c r="RVF23" s="8"/>
      <c r="RVG23" s="8"/>
      <c r="RVH23" s="8"/>
      <c r="RVI23" s="8"/>
      <c r="RVJ23" s="8"/>
      <c r="RVK23" s="8"/>
      <c r="RVL23" s="8"/>
      <c r="RVM23" s="8"/>
      <c r="RVN23" s="8"/>
      <c r="RVO23" s="8"/>
      <c r="RVP23" s="8"/>
      <c r="RVQ23" s="8"/>
      <c r="RVR23" s="8"/>
      <c r="RVS23" s="8"/>
      <c r="RVT23" s="8"/>
      <c r="RVU23" s="8"/>
      <c r="RVV23" s="8"/>
      <c r="RVW23" s="8"/>
      <c r="RVX23" s="8"/>
      <c r="RVY23" s="8"/>
      <c r="RVZ23" s="8"/>
      <c r="RWA23" s="8"/>
      <c r="RWB23" s="8"/>
      <c r="RWC23" s="8"/>
      <c r="RWD23" s="8"/>
      <c r="RWE23" s="8"/>
      <c r="RWF23" s="8"/>
      <c r="RWG23" s="8"/>
      <c r="RWH23" s="8"/>
      <c r="RWI23" s="8"/>
      <c r="RWJ23" s="8"/>
      <c r="RWK23" s="8"/>
      <c r="RWL23" s="8"/>
      <c r="RWM23" s="8"/>
      <c r="RWN23" s="8"/>
      <c r="RWO23" s="8"/>
      <c r="RWP23" s="8"/>
      <c r="RWQ23" s="8"/>
      <c r="RWR23" s="8"/>
      <c r="RWS23" s="8"/>
      <c r="RWT23" s="8"/>
      <c r="RWU23" s="8"/>
      <c r="RWV23" s="8"/>
      <c r="RWW23" s="8"/>
      <c r="RWX23" s="8"/>
      <c r="RWY23" s="8"/>
      <c r="RWZ23" s="8"/>
      <c r="RXA23" s="8"/>
      <c r="RXB23" s="8"/>
      <c r="RXC23" s="8"/>
      <c r="RXD23" s="8"/>
      <c r="RXE23" s="8"/>
      <c r="RXF23" s="8"/>
      <c r="RXG23" s="8"/>
      <c r="RXH23" s="8"/>
      <c r="RXI23" s="8"/>
      <c r="RXJ23" s="8"/>
      <c r="RXK23" s="8"/>
      <c r="RXL23" s="8"/>
      <c r="RXM23" s="8"/>
      <c r="RXN23" s="8"/>
      <c r="RXO23" s="8"/>
      <c r="RXP23" s="8"/>
      <c r="RXQ23" s="8"/>
      <c r="RXR23" s="8"/>
      <c r="RXS23" s="8"/>
      <c r="RXT23" s="8"/>
      <c r="RXU23" s="8"/>
      <c r="RXV23" s="8"/>
      <c r="RXW23" s="8"/>
      <c r="RXX23" s="8"/>
      <c r="RXY23" s="8"/>
      <c r="RXZ23" s="8"/>
      <c r="RYA23" s="8"/>
      <c r="RYB23" s="8"/>
      <c r="RYC23" s="8"/>
      <c r="RYD23" s="8"/>
      <c r="RYE23" s="8"/>
      <c r="RYF23" s="8"/>
      <c r="RYG23" s="8"/>
      <c r="RYH23" s="8"/>
      <c r="RYI23" s="8"/>
      <c r="RYJ23" s="8"/>
      <c r="RYK23" s="8"/>
      <c r="RYL23" s="8"/>
      <c r="RYM23" s="8"/>
      <c r="RYN23" s="8"/>
      <c r="RYO23" s="8"/>
      <c r="RYP23" s="8"/>
      <c r="RYQ23" s="8"/>
      <c r="RYR23" s="8"/>
      <c r="RYS23" s="8"/>
      <c r="RYT23" s="8"/>
      <c r="RYU23" s="8"/>
      <c r="RYV23" s="8"/>
      <c r="RYW23" s="8"/>
      <c r="RYX23" s="8"/>
      <c r="RYY23" s="8"/>
      <c r="RYZ23" s="8"/>
      <c r="RZA23" s="8"/>
      <c r="RZB23" s="8"/>
      <c r="RZC23" s="8"/>
      <c r="RZD23" s="8"/>
      <c r="RZE23" s="8"/>
      <c r="RZF23" s="8"/>
      <c r="RZG23" s="8"/>
      <c r="RZH23" s="8"/>
      <c r="RZI23" s="8"/>
      <c r="RZJ23" s="8"/>
      <c r="RZK23" s="8"/>
      <c r="RZL23" s="8"/>
      <c r="RZM23" s="8"/>
      <c r="RZN23" s="8"/>
      <c r="RZO23" s="8"/>
      <c r="RZP23" s="8"/>
      <c r="RZQ23" s="8"/>
      <c r="RZR23" s="8"/>
      <c r="RZS23" s="8"/>
      <c r="RZT23" s="8"/>
      <c r="RZU23" s="8"/>
      <c r="RZV23" s="8"/>
      <c r="RZW23" s="8"/>
      <c r="RZX23" s="8"/>
      <c r="RZY23" s="8"/>
      <c r="RZZ23" s="8"/>
      <c r="SAA23" s="8"/>
      <c r="SAB23" s="8"/>
      <c r="SAC23" s="8"/>
      <c r="SAD23" s="8"/>
      <c r="SAE23" s="8"/>
      <c r="SAF23" s="8"/>
      <c r="SAG23" s="8"/>
      <c r="SAH23" s="8"/>
      <c r="SAI23" s="8"/>
      <c r="SAJ23" s="8"/>
      <c r="SAK23" s="8"/>
      <c r="SAL23" s="8"/>
      <c r="SAM23" s="8"/>
      <c r="SAN23" s="8"/>
      <c r="SAO23" s="8"/>
      <c r="SAP23" s="8"/>
      <c r="SAQ23" s="8"/>
      <c r="SAR23" s="8"/>
      <c r="SAS23" s="8"/>
      <c r="SAT23" s="8"/>
      <c r="SAU23" s="8"/>
      <c r="SAV23" s="8"/>
      <c r="SAW23" s="8"/>
      <c r="SAX23" s="8"/>
      <c r="SAY23" s="8"/>
      <c r="SAZ23" s="8"/>
      <c r="SBA23" s="8"/>
      <c r="SBB23" s="8"/>
      <c r="SBC23" s="8"/>
      <c r="SBD23" s="8"/>
      <c r="SBE23" s="8"/>
      <c r="SBF23" s="8"/>
      <c r="SBG23" s="8"/>
      <c r="SBH23" s="8"/>
      <c r="SBI23" s="8"/>
      <c r="SBJ23" s="8"/>
      <c r="SBK23" s="8"/>
      <c r="SBL23" s="8"/>
      <c r="SBM23" s="8"/>
      <c r="SBN23" s="8"/>
      <c r="SBO23" s="8"/>
      <c r="SBP23" s="8"/>
      <c r="SBQ23" s="8"/>
      <c r="SBR23" s="8"/>
      <c r="SBS23" s="8"/>
      <c r="SBT23" s="8"/>
      <c r="SBU23" s="8"/>
      <c r="SBV23" s="8"/>
      <c r="SBW23" s="8"/>
      <c r="SBX23" s="8"/>
      <c r="SBY23" s="8"/>
      <c r="SBZ23" s="8"/>
      <c r="SCA23" s="8"/>
      <c r="SCB23" s="8"/>
      <c r="SCC23" s="8"/>
      <c r="SCD23" s="8"/>
      <c r="SCE23" s="8"/>
      <c r="SCF23" s="8"/>
      <c r="SCG23" s="8"/>
      <c r="SCH23" s="8"/>
      <c r="SCI23" s="8"/>
      <c r="SCJ23" s="8"/>
      <c r="SCK23" s="8"/>
      <c r="SCL23" s="8"/>
      <c r="SCM23" s="8"/>
      <c r="SCN23" s="8"/>
      <c r="SCO23" s="8"/>
      <c r="SCP23" s="8"/>
      <c r="SCQ23" s="8"/>
      <c r="SCR23" s="8"/>
      <c r="SCS23" s="8"/>
      <c r="SCT23" s="8"/>
      <c r="SCU23" s="8"/>
      <c r="SCV23" s="8"/>
      <c r="SCW23" s="8"/>
      <c r="SCX23" s="8"/>
      <c r="SCY23" s="8"/>
      <c r="SCZ23" s="8"/>
      <c r="SDA23" s="8"/>
      <c r="SDB23" s="8"/>
      <c r="SDC23" s="8"/>
      <c r="SDD23" s="8"/>
      <c r="SDE23" s="8"/>
      <c r="SDF23" s="8"/>
      <c r="SDG23" s="8"/>
      <c r="SDH23" s="8"/>
      <c r="SDI23" s="8"/>
      <c r="SDJ23" s="8"/>
      <c r="SDK23" s="8"/>
      <c r="SDL23" s="8"/>
      <c r="SDM23" s="8"/>
      <c r="SDN23" s="8"/>
      <c r="SDO23" s="8"/>
      <c r="SDP23" s="8"/>
      <c r="SDQ23" s="8"/>
      <c r="SDR23" s="8"/>
      <c r="SDS23" s="8"/>
      <c r="SDT23" s="8"/>
      <c r="SDU23" s="8"/>
      <c r="SDV23" s="8"/>
      <c r="SDW23" s="8"/>
      <c r="SDX23" s="8"/>
      <c r="SDY23" s="8"/>
      <c r="SDZ23" s="8"/>
      <c r="SEA23" s="8"/>
      <c r="SEB23" s="8"/>
      <c r="SEC23" s="8"/>
      <c r="SED23" s="8"/>
      <c r="SEE23" s="8"/>
      <c r="SEF23" s="8"/>
      <c r="SEG23" s="8"/>
      <c r="SEH23" s="8"/>
      <c r="SEI23" s="8"/>
      <c r="SEJ23" s="8"/>
      <c r="SEK23" s="8"/>
      <c r="SEL23" s="8"/>
      <c r="SEM23" s="8"/>
      <c r="SEN23" s="8"/>
      <c r="SEO23" s="8"/>
      <c r="SEP23" s="8"/>
      <c r="SEQ23" s="8"/>
      <c r="SER23" s="8"/>
      <c r="SES23" s="8"/>
      <c r="SET23" s="8"/>
      <c r="SEU23" s="8"/>
      <c r="SEV23" s="8"/>
      <c r="SEW23" s="8"/>
      <c r="SEX23" s="8"/>
      <c r="SEY23" s="8"/>
      <c r="SEZ23" s="8"/>
      <c r="SFA23" s="8"/>
      <c r="SFB23" s="8"/>
      <c r="SFC23" s="8"/>
      <c r="SFD23" s="8"/>
      <c r="SFE23" s="8"/>
      <c r="SFF23" s="8"/>
      <c r="SFG23" s="8"/>
      <c r="SFH23" s="8"/>
      <c r="SFI23" s="8"/>
      <c r="SFJ23" s="8"/>
      <c r="SFK23" s="8"/>
      <c r="SFL23" s="8"/>
      <c r="SFM23" s="8"/>
      <c r="SFN23" s="8"/>
      <c r="SFO23" s="8"/>
      <c r="SFP23" s="8"/>
      <c r="SFQ23" s="8"/>
      <c r="SFR23" s="8"/>
      <c r="SFS23" s="8"/>
      <c r="SFT23" s="8"/>
      <c r="SFU23" s="8"/>
      <c r="SFV23" s="8"/>
      <c r="SFW23" s="8"/>
      <c r="SFX23" s="8"/>
      <c r="SFY23" s="8"/>
      <c r="SFZ23" s="8"/>
      <c r="SGA23" s="8"/>
      <c r="SGB23" s="8"/>
      <c r="SGC23" s="8"/>
      <c r="SGD23" s="8"/>
      <c r="SGE23" s="8"/>
      <c r="SGF23" s="8"/>
      <c r="SGG23" s="8"/>
      <c r="SGH23" s="8"/>
      <c r="SGI23" s="8"/>
      <c r="SGJ23" s="8"/>
      <c r="SGK23" s="8"/>
      <c r="SGL23" s="8"/>
      <c r="SGM23" s="8"/>
      <c r="SGN23" s="8"/>
      <c r="SGO23" s="8"/>
      <c r="SGP23" s="8"/>
      <c r="SGQ23" s="8"/>
      <c r="SGR23" s="8"/>
      <c r="SGS23" s="8"/>
      <c r="SGT23" s="8"/>
      <c r="SGU23" s="8"/>
      <c r="SGV23" s="8"/>
      <c r="SGW23" s="8"/>
      <c r="SGX23" s="8"/>
      <c r="SGY23" s="8"/>
      <c r="SGZ23" s="8"/>
      <c r="SHA23" s="8"/>
      <c r="SHB23" s="8"/>
      <c r="SHC23" s="8"/>
      <c r="SHD23" s="8"/>
      <c r="SHE23" s="8"/>
      <c r="SHF23" s="8"/>
      <c r="SHG23" s="8"/>
      <c r="SHH23" s="8"/>
      <c r="SHI23" s="8"/>
      <c r="SHJ23" s="8"/>
      <c r="SHK23" s="8"/>
      <c r="SHL23" s="8"/>
      <c r="SHM23" s="8"/>
      <c r="SHN23" s="8"/>
      <c r="SHO23" s="8"/>
      <c r="SHP23" s="8"/>
      <c r="SHQ23" s="8"/>
      <c r="SHR23" s="8"/>
      <c r="SHS23" s="8"/>
      <c r="SHT23" s="8"/>
      <c r="SHU23" s="8"/>
      <c r="SHV23" s="8"/>
      <c r="SHW23" s="8"/>
      <c r="SHX23" s="8"/>
      <c r="SHY23" s="8"/>
      <c r="SHZ23" s="8"/>
      <c r="SIA23" s="8"/>
      <c r="SIB23" s="8"/>
      <c r="SIC23" s="8"/>
      <c r="SID23" s="8"/>
      <c r="SIE23" s="8"/>
      <c r="SIF23" s="8"/>
      <c r="SIG23" s="8"/>
      <c r="SIH23" s="8"/>
      <c r="SII23" s="8"/>
      <c r="SIJ23" s="8"/>
      <c r="SIK23" s="8"/>
      <c r="SIL23" s="8"/>
      <c r="SIM23" s="8"/>
      <c r="SIN23" s="8"/>
      <c r="SIO23" s="8"/>
      <c r="SIP23" s="8"/>
      <c r="SIQ23" s="8"/>
      <c r="SIR23" s="8"/>
      <c r="SIS23" s="8"/>
      <c r="SIT23" s="8"/>
      <c r="SIU23" s="8"/>
      <c r="SIV23" s="8"/>
      <c r="SIW23" s="8"/>
      <c r="SIX23" s="8"/>
      <c r="SIY23" s="8"/>
      <c r="SIZ23" s="8"/>
      <c r="SJA23" s="8"/>
      <c r="SJB23" s="8"/>
      <c r="SJC23" s="8"/>
      <c r="SJD23" s="8"/>
      <c r="SJE23" s="8"/>
      <c r="SJF23" s="8"/>
      <c r="SJG23" s="8"/>
      <c r="SJH23" s="8"/>
      <c r="SJI23" s="8"/>
      <c r="SJJ23" s="8"/>
      <c r="SJK23" s="8"/>
      <c r="SJL23" s="8"/>
      <c r="SJM23" s="8"/>
      <c r="SJN23" s="8"/>
      <c r="SJO23" s="8"/>
      <c r="SJP23" s="8"/>
      <c r="SJQ23" s="8"/>
      <c r="SJR23" s="8"/>
      <c r="SJS23" s="8"/>
      <c r="SJT23" s="8"/>
      <c r="SJU23" s="8"/>
      <c r="SJV23" s="8"/>
      <c r="SJW23" s="8"/>
      <c r="SJX23" s="8"/>
      <c r="SJY23" s="8"/>
      <c r="SJZ23" s="8"/>
      <c r="SKA23" s="8"/>
      <c r="SKB23" s="8"/>
      <c r="SKC23" s="8"/>
      <c r="SKD23" s="8"/>
      <c r="SKE23" s="8"/>
      <c r="SKF23" s="8"/>
      <c r="SKG23" s="8"/>
      <c r="SKH23" s="8"/>
      <c r="SKI23" s="8"/>
      <c r="SKJ23" s="8"/>
      <c r="SKK23" s="8"/>
      <c r="SKL23" s="8"/>
      <c r="SKM23" s="8"/>
      <c r="SKN23" s="8"/>
      <c r="SKO23" s="8"/>
      <c r="SKP23" s="8"/>
      <c r="SKQ23" s="8"/>
      <c r="SKR23" s="8"/>
      <c r="SKS23" s="8"/>
      <c r="SKT23" s="8"/>
      <c r="SKU23" s="8"/>
      <c r="SKV23" s="8"/>
      <c r="SKW23" s="8"/>
      <c r="SKX23" s="8"/>
      <c r="SKY23" s="8"/>
      <c r="SKZ23" s="8"/>
      <c r="SLA23" s="8"/>
      <c r="SLB23" s="8"/>
      <c r="SLC23" s="8"/>
      <c r="SLD23" s="8"/>
      <c r="SLE23" s="8"/>
      <c r="SLF23" s="8"/>
      <c r="SLG23" s="8"/>
      <c r="SLH23" s="8"/>
      <c r="SLI23" s="8"/>
      <c r="SLJ23" s="8"/>
      <c r="SLK23" s="8"/>
      <c r="SLL23" s="8"/>
      <c r="SLM23" s="8"/>
      <c r="SLN23" s="8"/>
      <c r="SLO23" s="8"/>
      <c r="SLP23" s="8"/>
      <c r="SLQ23" s="8"/>
      <c r="SLR23" s="8"/>
      <c r="SLS23" s="8"/>
      <c r="SLT23" s="8"/>
      <c r="SLU23" s="8"/>
      <c r="SLV23" s="8"/>
      <c r="SLW23" s="8"/>
      <c r="SLX23" s="8"/>
      <c r="SLY23" s="8"/>
      <c r="SLZ23" s="8"/>
      <c r="SMA23" s="8"/>
      <c r="SMB23" s="8"/>
      <c r="SMC23" s="8"/>
      <c r="SMD23" s="8"/>
      <c r="SME23" s="8"/>
      <c r="SMF23" s="8"/>
      <c r="SMG23" s="8"/>
      <c r="SMH23" s="8"/>
      <c r="SMI23" s="8"/>
      <c r="SMJ23" s="8"/>
      <c r="SMK23" s="8"/>
      <c r="SML23" s="8"/>
      <c r="SMM23" s="8"/>
      <c r="SMN23" s="8"/>
      <c r="SMO23" s="8"/>
      <c r="SMP23" s="8"/>
      <c r="SMQ23" s="8"/>
      <c r="SMR23" s="8"/>
      <c r="SMS23" s="8"/>
      <c r="SMT23" s="8"/>
      <c r="SMU23" s="8"/>
      <c r="SMV23" s="8"/>
      <c r="SMW23" s="8"/>
      <c r="SMX23" s="8"/>
      <c r="SMY23" s="8"/>
      <c r="SMZ23" s="8"/>
      <c r="SNA23" s="8"/>
      <c r="SNB23" s="8"/>
      <c r="SNC23" s="8"/>
      <c r="SND23" s="8"/>
      <c r="SNE23" s="8"/>
      <c r="SNF23" s="8"/>
      <c r="SNG23" s="8"/>
      <c r="SNH23" s="8"/>
      <c r="SNI23" s="8"/>
      <c r="SNJ23" s="8"/>
      <c r="SNK23" s="8"/>
      <c r="SNL23" s="8"/>
      <c r="SNM23" s="8"/>
      <c r="SNN23" s="8"/>
      <c r="SNO23" s="8"/>
      <c r="SNP23" s="8"/>
      <c r="SNQ23" s="8"/>
      <c r="SNR23" s="8"/>
      <c r="SNS23" s="8"/>
      <c r="SNT23" s="8"/>
      <c r="SNU23" s="8"/>
      <c r="SNV23" s="8"/>
      <c r="SNW23" s="8"/>
      <c r="SNX23" s="8"/>
      <c r="SNY23" s="8"/>
      <c r="SNZ23" s="8"/>
      <c r="SOA23" s="8"/>
      <c r="SOB23" s="8"/>
      <c r="SOC23" s="8"/>
      <c r="SOD23" s="8"/>
      <c r="SOE23" s="8"/>
      <c r="SOF23" s="8"/>
      <c r="SOG23" s="8"/>
      <c r="SOH23" s="8"/>
      <c r="SOI23" s="8"/>
      <c r="SOJ23" s="8"/>
      <c r="SOK23" s="8"/>
      <c r="SOL23" s="8"/>
      <c r="SOM23" s="8"/>
      <c r="SON23" s="8"/>
      <c r="SOO23" s="8"/>
      <c r="SOP23" s="8"/>
      <c r="SOQ23" s="8"/>
      <c r="SOR23" s="8"/>
      <c r="SOS23" s="8"/>
      <c r="SOT23" s="8"/>
      <c r="SOU23" s="8"/>
      <c r="SOV23" s="8"/>
      <c r="SOW23" s="8"/>
      <c r="SOX23" s="8"/>
      <c r="SOY23" s="8"/>
      <c r="SOZ23" s="8"/>
      <c r="SPA23" s="8"/>
      <c r="SPB23" s="8"/>
      <c r="SPC23" s="8"/>
      <c r="SPD23" s="8"/>
      <c r="SPE23" s="8"/>
      <c r="SPF23" s="8"/>
      <c r="SPG23" s="8"/>
      <c r="SPH23" s="8"/>
      <c r="SPI23" s="8"/>
      <c r="SPJ23" s="8"/>
      <c r="SPK23" s="8"/>
      <c r="SPL23" s="8"/>
      <c r="SPM23" s="8"/>
      <c r="SPN23" s="8"/>
      <c r="SPO23" s="8"/>
      <c r="SPP23" s="8"/>
      <c r="SPQ23" s="8"/>
      <c r="SPR23" s="8"/>
      <c r="SPS23" s="8"/>
      <c r="SPT23" s="8"/>
      <c r="SPU23" s="8"/>
      <c r="SPV23" s="8"/>
      <c r="SPW23" s="8"/>
      <c r="SPX23" s="8"/>
      <c r="SPY23" s="8"/>
      <c r="SPZ23" s="8"/>
      <c r="SQA23" s="8"/>
      <c r="SQB23" s="8"/>
      <c r="SQC23" s="8"/>
      <c r="SQD23" s="8"/>
      <c r="SQE23" s="8"/>
      <c r="SQF23" s="8"/>
      <c r="SQG23" s="8"/>
      <c r="SQH23" s="8"/>
      <c r="SQI23" s="8"/>
      <c r="SQJ23" s="8"/>
      <c r="SQK23" s="8"/>
      <c r="SQL23" s="8"/>
      <c r="SQM23" s="8"/>
      <c r="SQN23" s="8"/>
      <c r="SQO23" s="8"/>
      <c r="SQP23" s="8"/>
      <c r="SQQ23" s="8"/>
      <c r="SQR23" s="8"/>
      <c r="SQS23" s="8"/>
      <c r="SQT23" s="8"/>
      <c r="SQU23" s="8"/>
      <c r="SQV23" s="8"/>
      <c r="SQW23" s="8"/>
      <c r="SQX23" s="8"/>
      <c r="SQY23" s="8"/>
      <c r="SQZ23" s="8"/>
      <c r="SRA23" s="8"/>
      <c r="SRB23" s="8"/>
      <c r="SRC23" s="8"/>
      <c r="SRD23" s="8"/>
      <c r="SRE23" s="8"/>
      <c r="SRF23" s="8"/>
      <c r="SRG23" s="8"/>
      <c r="SRH23" s="8"/>
      <c r="SRI23" s="8"/>
      <c r="SRJ23" s="8"/>
      <c r="SRK23" s="8"/>
      <c r="SRL23" s="8"/>
      <c r="SRM23" s="8"/>
      <c r="SRN23" s="8"/>
      <c r="SRO23" s="8"/>
      <c r="SRP23" s="8"/>
      <c r="SRQ23" s="8"/>
      <c r="SRR23" s="8"/>
      <c r="SRS23" s="8"/>
      <c r="SRT23" s="8"/>
      <c r="SRU23" s="8"/>
      <c r="SRV23" s="8"/>
      <c r="SRW23" s="8"/>
      <c r="SRX23" s="8"/>
      <c r="SRY23" s="8"/>
      <c r="SRZ23" s="8"/>
      <c r="SSA23" s="8"/>
      <c r="SSB23" s="8"/>
      <c r="SSC23" s="8"/>
      <c r="SSD23" s="8"/>
      <c r="SSE23" s="8"/>
      <c r="SSF23" s="8"/>
      <c r="SSG23" s="8"/>
      <c r="SSH23" s="8"/>
      <c r="SSI23" s="8"/>
      <c r="SSJ23" s="8"/>
      <c r="SSK23" s="8"/>
      <c r="SSL23" s="8"/>
      <c r="SSM23" s="8"/>
      <c r="SSN23" s="8"/>
      <c r="SSO23" s="8"/>
      <c r="SSP23" s="8"/>
      <c r="SSQ23" s="8"/>
      <c r="SSR23" s="8"/>
      <c r="SSS23" s="8"/>
      <c r="SST23" s="8"/>
      <c r="SSU23" s="8"/>
      <c r="SSV23" s="8"/>
      <c r="SSW23" s="8"/>
      <c r="SSX23" s="8"/>
      <c r="SSY23" s="8"/>
      <c r="SSZ23" s="8"/>
      <c r="STA23" s="8"/>
      <c r="STB23" s="8"/>
      <c r="STC23" s="8"/>
      <c r="STD23" s="8"/>
      <c r="STE23" s="8"/>
      <c r="STF23" s="8"/>
      <c r="STG23" s="8"/>
      <c r="STH23" s="8"/>
      <c r="STI23" s="8"/>
      <c r="STJ23" s="8"/>
      <c r="STK23" s="8"/>
      <c r="STL23" s="8"/>
      <c r="STM23" s="8"/>
      <c r="STN23" s="8"/>
      <c r="STO23" s="8"/>
      <c r="STP23" s="8"/>
      <c r="STQ23" s="8"/>
      <c r="STR23" s="8"/>
      <c r="STS23" s="8"/>
      <c r="STT23" s="8"/>
      <c r="STU23" s="8"/>
      <c r="STV23" s="8"/>
      <c r="STW23" s="8"/>
      <c r="STX23" s="8"/>
      <c r="STY23" s="8"/>
      <c r="STZ23" s="8"/>
      <c r="SUA23" s="8"/>
      <c r="SUB23" s="8"/>
      <c r="SUC23" s="8"/>
      <c r="SUD23" s="8"/>
      <c r="SUE23" s="8"/>
      <c r="SUF23" s="8"/>
      <c r="SUG23" s="8"/>
      <c r="SUH23" s="8"/>
      <c r="SUI23" s="8"/>
      <c r="SUJ23" s="8"/>
      <c r="SUK23" s="8"/>
      <c r="SUL23" s="8"/>
      <c r="SUM23" s="8"/>
      <c r="SUN23" s="8"/>
      <c r="SUO23" s="8"/>
      <c r="SUP23" s="8"/>
      <c r="SUQ23" s="8"/>
      <c r="SUR23" s="8"/>
      <c r="SUS23" s="8"/>
      <c r="SUT23" s="8"/>
      <c r="SUU23" s="8"/>
      <c r="SUV23" s="8"/>
      <c r="SUW23" s="8"/>
      <c r="SUX23" s="8"/>
      <c r="SUY23" s="8"/>
      <c r="SUZ23" s="8"/>
      <c r="SVA23" s="8"/>
      <c r="SVB23" s="8"/>
      <c r="SVC23" s="8"/>
      <c r="SVD23" s="8"/>
      <c r="SVE23" s="8"/>
      <c r="SVF23" s="8"/>
      <c r="SVG23" s="8"/>
      <c r="SVH23" s="8"/>
      <c r="SVI23" s="8"/>
      <c r="SVJ23" s="8"/>
      <c r="SVK23" s="8"/>
      <c r="SVL23" s="8"/>
      <c r="SVM23" s="8"/>
      <c r="SVN23" s="8"/>
      <c r="SVO23" s="8"/>
      <c r="SVP23" s="8"/>
      <c r="SVQ23" s="8"/>
      <c r="SVR23" s="8"/>
      <c r="SVS23" s="8"/>
      <c r="SVT23" s="8"/>
      <c r="SVU23" s="8"/>
      <c r="SVV23" s="8"/>
      <c r="SVW23" s="8"/>
      <c r="SVX23" s="8"/>
      <c r="SVY23" s="8"/>
      <c r="SVZ23" s="8"/>
      <c r="SWA23" s="8"/>
      <c r="SWB23" s="8"/>
      <c r="SWC23" s="8"/>
      <c r="SWD23" s="8"/>
      <c r="SWE23" s="8"/>
      <c r="SWF23" s="8"/>
      <c r="SWG23" s="8"/>
      <c r="SWH23" s="8"/>
      <c r="SWI23" s="8"/>
      <c r="SWJ23" s="8"/>
      <c r="SWK23" s="8"/>
      <c r="SWL23" s="8"/>
      <c r="SWM23" s="8"/>
      <c r="SWN23" s="8"/>
      <c r="SWO23" s="8"/>
      <c r="SWP23" s="8"/>
      <c r="SWQ23" s="8"/>
      <c r="SWR23" s="8"/>
      <c r="SWS23" s="8"/>
      <c r="SWT23" s="8"/>
      <c r="SWU23" s="8"/>
      <c r="SWV23" s="8"/>
      <c r="SWW23" s="8"/>
      <c r="SWX23" s="8"/>
      <c r="SWY23" s="8"/>
      <c r="SWZ23" s="8"/>
      <c r="SXA23" s="8"/>
      <c r="SXB23" s="8"/>
      <c r="SXC23" s="8"/>
      <c r="SXD23" s="8"/>
      <c r="SXE23" s="8"/>
      <c r="SXF23" s="8"/>
      <c r="SXG23" s="8"/>
      <c r="SXH23" s="8"/>
      <c r="SXI23" s="8"/>
      <c r="SXJ23" s="8"/>
      <c r="SXK23" s="8"/>
      <c r="SXL23" s="8"/>
      <c r="SXM23" s="8"/>
      <c r="SXN23" s="8"/>
      <c r="SXO23" s="8"/>
      <c r="SXP23" s="8"/>
      <c r="SXQ23" s="8"/>
      <c r="SXR23" s="8"/>
      <c r="SXS23" s="8"/>
      <c r="SXT23" s="8"/>
      <c r="SXU23" s="8"/>
      <c r="SXV23" s="8"/>
      <c r="SXW23" s="8"/>
      <c r="SXX23" s="8"/>
      <c r="SXY23" s="8"/>
      <c r="SXZ23" s="8"/>
      <c r="SYA23" s="8"/>
      <c r="SYB23" s="8"/>
      <c r="SYC23" s="8"/>
      <c r="SYD23" s="8"/>
      <c r="SYE23" s="8"/>
      <c r="SYF23" s="8"/>
      <c r="SYG23" s="8"/>
      <c r="SYH23" s="8"/>
      <c r="SYI23" s="8"/>
      <c r="SYJ23" s="8"/>
      <c r="SYK23" s="8"/>
      <c r="SYL23" s="8"/>
      <c r="SYM23" s="8"/>
      <c r="SYN23" s="8"/>
      <c r="SYO23" s="8"/>
      <c r="SYP23" s="8"/>
      <c r="SYQ23" s="8"/>
      <c r="SYR23" s="8"/>
      <c r="SYS23" s="8"/>
      <c r="SYT23" s="8"/>
      <c r="SYU23" s="8"/>
      <c r="SYV23" s="8"/>
      <c r="SYW23" s="8"/>
      <c r="SYX23" s="8"/>
      <c r="SYY23" s="8"/>
      <c r="SYZ23" s="8"/>
      <c r="SZA23" s="8"/>
      <c r="SZB23" s="8"/>
      <c r="SZC23" s="8"/>
      <c r="SZD23" s="8"/>
      <c r="SZE23" s="8"/>
      <c r="SZF23" s="8"/>
      <c r="SZG23" s="8"/>
      <c r="SZH23" s="8"/>
      <c r="SZI23" s="8"/>
      <c r="SZJ23" s="8"/>
      <c r="SZK23" s="8"/>
      <c r="SZL23" s="8"/>
      <c r="SZM23" s="8"/>
      <c r="SZN23" s="8"/>
      <c r="SZO23" s="8"/>
      <c r="SZP23" s="8"/>
      <c r="SZQ23" s="8"/>
      <c r="SZR23" s="8"/>
      <c r="SZS23" s="8"/>
      <c r="SZT23" s="8"/>
      <c r="SZU23" s="8"/>
      <c r="SZV23" s="8"/>
      <c r="SZW23" s="8"/>
      <c r="SZX23" s="8"/>
      <c r="SZY23" s="8"/>
      <c r="SZZ23" s="8"/>
      <c r="TAA23" s="8"/>
      <c r="TAB23" s="8"/>
      <c r="TAC23" s="8"/>
      <c r="TAD23" s="8"/>
      <c r="TAE23" s="8"/>
      <c r="TAF23" s="8"/>
      <c r="TAG23" s="8"/>
      <c r="TAH23" s="8"/>
      <c r="TAI23" s="8"/>
      <c r="TAJ23" s="8"/>
      <c r="TAK23" s="8"/>
      <c r="TAL23" s="8"/>
      <c r="TAM23" s="8"/>
      <c r="TAN23" s="8"/>
      <c r="TAO23" s="8"/>
      <c r="TAP23" s="8"/>
      <c r="TAQ23" s="8"/>
      <c r="TAR23" s="8"/>
      <c r="TAS23" s="8"/>
      <c r="TAT23" s="8"/>
      <c r="TAU23" s="8"/>
      <c r="TAV23" s="8"/>
      <c r="TAW23" s="8"/>
      <c r="TAX23" s="8"/>
      <c r="TAY23" s="8"/>
      <c r="TAZ23" s="8"/>
      <c r="TBA23" s="8"/>
      <c r="TBB23" s="8"/>
      <c r="TBC23" s="8"/>
      <c r="TBD23" s="8"/>
      <c r="TBE23" s="8"/>
      <c r="TBF23" s="8"/>
      <c r="TBG23" s="8"/>
      <c r="TBH23" s="8"/>
      <c r="TBI23" s="8"/>
      <c r="TBJ23" s="8"/>
      <c r="TBK23" s="8"/>
      <c r="TBL23" s="8"/>
      <c r="TBM23" s="8"/>
      <c r="TBN23" s="8"/>
      <c r="TBO23" s="8"/>
      <c r="TBP23" s="8"/>
      <c r="TBQ23" s="8"/>
      <c r="TBR23" s="8"/>
      <c r="TBS23" s="8"/>
      <c r="TBT23" s="8"/>
      <c r="TBU23" s="8"/>
      <c r="TBV23" s="8"/>
      <c r="TBW23" s="8"/>
      <c r="TBX23" s="8"/>
      <c r="TBY23" s="8"/>
      <c r="TBZ23" s="8"/>
      <c r="TCA23" s="8"/>
      <c r="TCB23" s="8"/>
      <c r="TCC23" s="8"/>
      <c r="TCD23" s="8"/>
      <c r="TCE23" s="8"/>
      <c r="TCF23" s="8"/>
      <c r="TCG23" s="8"/>
      <c r="TCH23" s="8"/>
      <c r="TCI23" s="8"/>
      <c r="TCJ23" s="8"/>
      <c r="TCK23" s="8"/>
      <c r="TCL23" s="8"/>
      <c r="TCM23" s="8"/>
      <c r="TCN23" s="8"/>
      <c r="TCO23" s="8"/>
      <c r="TCP23" s="8"/>
      <c r="TCQ23" s="8"/>
      <c r="TCR23" s="8"/>
      <c r="TCS23" s="8"/>
      <c r="TCT23" s="8"/>
      <c r="TCU23" s="8"/>
      <c r="TCV23" s="8"/>
      <c r="TCW23" s="8"/>
      <c r="TCX23" s="8"/>
      <c r="TCY23" s="8"/>
      <c r="TCZ23" s="8"/>
      <c r="TDA23" s="8"/>
      <c r="TDB23" s="8"/>
      <c r="TDC23" s="8"/>
      <c r="TDD23" s="8"/>
      <c r="TDE23" s="8"/>
      <c r="TDF23" s="8"/>
      <c r="TDG23" s="8"/>
      <c r="TDH23" s="8"/>
      <c r="TDI23" s="8"/>
      <c r="TDJ23" s="8"/>
      <c r="TDK23" s="8"/>
      <c r="TDL23" s="8"/>
      <c r="TDM23" s="8"/>
      <c r="TDN23" s="8"/>
      <c r="TDO23" s="8"/>
      <c r="TDP23" s="8"/>
      <c r="TDQ23" s="8"/>
      <c r="TDR23" s="8"/>
      <c r="TDS23" s="8"/>
      <c r="TDT23" s="8"/>
      <c r="TDU23" s="8"/>
      <c r="TDV23" s="8"/>
      <c r="TDW23" s="8"/>
      <c r="TDX23" s="8"/>
      <c r="TDY23" s="8"/>
      <c r="TDZ23" s="8"/>
      <c r="TEA23" s="8"/>
      <c r="TEB23" s="8"/>
      <c r="TEC23" s="8"/>
      <c r="TED23" s="8"/>
      <c r="TEE23" s="8"/>
      <c r="TEF23" s="8"/>
      <c r="TEG23" s="8"/>
      <c r="TEH23" s="8"/>
      <c r="TEI23" s="8"/>
      <c r="TEJ23" s="8"/>
      <c r="TEK23" s="8"/>
      <c r="TEL23" s="8"/>
      <c r="TEM23" s="8"/>
      <c r="TEN23" s="8"/>
      <c r="TEO23" s="8"/>
      <c r="TEP23" s="8"/>
      <c r="TEQ23" s="8"/>
      <c r="TER23" s="8"/>
      <c r="TES23" s="8"/>
      <c r="TET23" s="8"/>
      <c r="TEU23" s="8"/>
      <c r="TEV23" s="8"/>
      <c r="TEW23" s="8"/>
      <c r="TEX23" s="8"/>
      <c r="TEY23" s="8"/>
      <c r="TEZ23" s="8"/>
      <c r="TFA23" s="8"/>
      <c r="TFB23" s="8"/>
      <c r="TFC23" s="8"/>
      <c r="TFD23" s="8"/>
      <c r="TFE23" s="8"/>
      <c r="TFF23" s="8"/>
      <c r="TFG23" s="8"/>
      <c r="TFH23" s="8"/>
      <c r="TFI23" s="8"/>
      <c r="TFJ23" s="8"/>
      <c r="TFK23" s="8"/>
      <c r="TFL23" s="8"/>
      <c r="TFM23" s="8"/>
      <c r="TFN23" s="8"/>
      <c r="TFO23" s="8"/>
      <c r="TFP23" s="8"/>
      <c r="TFQ23" s="8"/>
      <c r="TFR23" s="8"/>
      <c r="TFS23" s="8"/>
      <c r="TFT23" s="8"/>
      <c r="TFU23" s="8"/>
      <c r="TFV23" s="8"/>
      <c r="TFW23" s="8"/>
      <c r="TFX23" s="8"/>
      <c r="TFY23" s="8"/>
      <c r="TFZ23" s="8"/>
      <c r="TGA23" s="8"/>
      <c r="TGB23" s="8"/>
      <c r="TGC23" s="8"/>
      <c r="TGD23" s="8"/>
      <c r="TGE23" s="8"/>
      <c r="TGF23" s="8"/>
      <c r="TGG23" s="8"/>
      <c r="TGH23" s="8"/>
      <c r="TGI23" s="8"/>
      <c r="TGJ23" s="8"/>
      <c r="TGK23" s="8"/>
      <c r="TGL23" s="8"/>
      <c r="TGM23" s="8"/>
      <c r="TGN23" s="8"/>
      <c r="TGO23" s="8"/>
      <c r="TGP23" s="8"/>
      <c r="TGQ23" s="8"/>
      <c r="TGR23" s="8"/>
      <c r="TGS23" s="8"/>
      <c r="TGT23" s="8"/>
      <c r="TGU23" s="8"/>
      <c r="TGV23" s="8"/>
      <c r="TGW23" s="8"/>
      <c r="TGX23" s="8"/>
      <c r="TGY23" s="8"/>
      <c r="TGZ23" s="8"/>
      <c r="THA23" s="8"/>
      <c r="THB23" s="8"/>
      <c r="THC23" s="8"/>
      <c r="THD23" s="8"/>
      <c r="THE23" s="8"/>
      <c r="THF23" s="8"/>
      <c r="THG23" s="8"/>
      <c r="THH23" s="8"/>
      <c r="THI23" s="8"/>
      <c r="THJ23" s="8"/>
      <c r="THK23" s="8"/>
      <c r="THL23" s="8"/>
      <c r="THM23" s="8"/>
      <c r="THN23" s="8"/>
      <c r="THO23" s="8"/>
      <c r="THP23" s="8"/>
      <c r="THQ23" s="8"/>
      <c r="THR23" s="8"/>
      <c r="THS23" s="8"/>
      <c r="THT23" s="8"/>
      <c r="THU23" s="8"/>
      <c r="THV23" s="8"/>
      <c r="THW23" s="8"/>
      <c r="THX23" s="8"/>
      <c r="THY23" s="8"/>
      <c r="THZ23" s="8"/>
      <c r="TIA23" s="8"/>
      <c r="TIB23" s="8"/>
      <c r="TIC23" s="8"/>
      <c r="TID23" s="8"/>
      <c r="TIE23" s="8"/>
      <c r="TIF23" s="8"/>
      <c r="TIG23" s="8"/>
      <c r="TIH23" s="8"/>
      <c r="TII23" s="8"/>
      <c r="TIJ23" s="8"/>
      <c r="TIK23" s="8"/>
      <c r="TIL23" s="8"/>
      <c r="TIM23" s="8"/>
      <c r="TIN23" s="8"/>
      <c r="TIO23" s="8"/>
      <c r="TIP23" s="8"/>
      <c r="TIQ23" s="8"/>
      <c r="TIR23" s="8"/>
      <c r="TIS23" s="8"/>
      <c r="TIT23" s="8"/>
      <c r="TIU23" s="8"/>
      <c r="TIV23" s="8"/>
      <c r="TIW23" s="8"/>
      <c r="TIX23" s="8"/>
      <c r="TIY23" s="8"/>
      <c r="TIZ23" s="8"/>
      <c r="TJA23" s="8"/>
      <c r="TJB23" s="8"/>
      <c r="TJC23" s="8"/>
      <c r="TJD23" s="8"/>
      <c r="TJE23" s="8"/>
      <c r="TJF23" s="8"/>
      <c r="TJG23" s="8"/>
      <c r="TJH23" s="8"/>
      <c r="TJI23" s="8"/>
      <c r="TJJ23" s="8"/>
      <c r="TJK23" s="8"/>
      <c r="TJL23" s="8"/>
      <c r="TJM23" s="8"/>
      <c r="TJN23" s="8"/>
      <c r="TJO23" s="8"/>
      <c r="TJP23" s="8"/>
      <c r="TJQ23" s="8"/>
      <c r="TJR23" s="8"/>
      <c r="TJS23" s="8"/>
      <c r="TJT23" s="8"/>
      <c r="TJU23" s="8"/>
      <c r="TJV23" s="8"/>
      <c r="TJW23" s="8"/>
      <c r="TJX23" s="8"/>
      <c r="TJY23" s="8"/>
      <c r="TJZ23" s="8"/>
      <c r="TKA23" s="8"/>
      <c r="TKB23" s="8"/>
      <c r="TKC23" s="8"/>
      <c r="TKD23" s="8"/>
      <c r="TKE23" s="8"/>
      <c r="TKF23" s="8"/>
      <c r="TKG23" s="8"/>
      <c r="TKH23" s="8"/>
      <c r="TKI23" s="8"/>
      <c r="TKJ23" s="8"/>
      <c r="TKK23" s="8"/>
      <c r="TKL23" s="8"/>
      <c r="TKM23" s="8"/>
      <c r="TKN23" s="8"/>
      <c r="TKO23" s="8"/>
      <c r="TKP23" s="8"/>
      <c r="TKQ23" s="8"/>
      <c r="TKR23" s="8"/>
      <c r="TKS23" s="8"/>
      <c r="TKT23" s="8"/>
      <c r="TKU23" s="8"/>
      <c r="TKV23" s="8"/>
      <c r="TKW23" s="8"/>
      <c r="TKX23" s="8"/>
      <c r="TKY23" s="8"/>
      <c r="TKZ23" s="8"/>
      <c r="TLA23" s="8"/>
      <c r="TLB23" s="8"/>
      <c r="TLC23" s="8"/>
      <c r="TLD23" s="8"/>
      <c r="TLE23" s="8"/>
      <c r="TLF23" s="8"/>
      <c r="TLG23" s="8"/>
      <c r="TLH23" s="8"/>
      <c r="TLI23" s="8"/>
      <c r="TLJ23" s="8"/>
      <c r="TLK23" s="8"/>
      <c r="TLL23" s="8"/>
      <c r="TLM23" s="8"/>
      <c r="TLN23" s="8"/>
      <c r="TLO23" s="8"/>
      <c r="TLP23" s="8"/>
      <c r="TLQ23" s="8"/>
      <c r="TLR23" s="8"/>
      <c r="TLS23" s="8"/>
      <c r="TLT23" s="8"/>
      <c r="TLU23" s="8"/>
      <c r="TLV23" s="8"/>
      <c r="TLW23" s="8"/>
      <c r="TLX23" s="8"/>
      <c r="TLY23" s="8"/>
      <c r="TLZ23" s="8"/>
      <c r="TMA23" s="8"/>
      <c r="TMB23" s="8"/>
      <c r="TMC23" s="8"/>
      <c r="TMD23" s="8"/>
      <c r="TME23" s="8"/>
      <c r="TMF23" s="8"/>
      <c r="TMG23" s="8"/>
      <c r="TMH23" s="8"/>
      <c r="TMI23" s="8"/>
      <c r="TMJ23" s="8"/>
      <c r="TMK23" s="8"/>
      <c r="TML23" s="8"/>
      <c r="TMM23" s="8"/>
      <c r="TMN23" s="8"/>
      <c r="TMO23" s="8"/>
      <c r="TMP23" s="8"/>
      <c r="TMQ23" s="8"/>
      <c r="TMR23" s="8"/>
      <c r="TMS23" s="8"/>
      <c r="TMT23" s="8"/>
      <c r="TMU23" s="8"/>
      <c r="TMV23" s="8"/>
      <c r="TMW23" s="8"/>
      <c r="TMX23" s="8"/>
      <c r="TMY23" s="8"/>
      <c r="TMZ23" s="8"/>
      <c r="TNA23" s="8"/>
      <c r="TNB23" s="8"/>
      <c r="TNC23" s="8"/>
      <c r="TND23" s="8"/>
      <c r="TNE23" s="8"/>
      <c r="TNF23" s="8"/>
      <c r="TNG23" s="8"/>
      <c r="TNH23" s="8"/>
      <c r="TNI23" s="8"/>
      <c r="TNJ23" s="8"/>
      <c r="TNK23" s="8"/>
      <c r="TNL23" s="8"/>
      <c r="TNM23" s="8"/>
      <c r="TNN23" s="8"/>
      <c r="TNO23" s="8"/>
      <c r="TNP23" s="8"/>
      <c r="TNQ23" s="8"/>
      <c r="TNR23" s="8"/>
      <c r="TNS23" s="8"/>
      <c r="TNT23" s="8"/>
      <c r="TNU23" s="8"/>
      <c r="TNV23" s="8"/>
      <c r="TNW23" s="8"/>
      <c r="TNX23" s="8"/>
      <c r="TNY23" s="8"/>
      <c r="TNZ23" s="8"/>
      <c r="TOA23" s="8"/>
      <c r="TOB23" s="8"/>
      <c r="TOC23" s="8"/>
      <c r="TOD23" s="8"/>
      <c r="TOE23" s="8"/>
      <c r="TOF23" s="8"/>
      <c r="TOG23" s="8"/>
      <c r="TOH23" s="8"/>
      <c r="TOI23" s="8"/>
      <c r="TOJ23" s="8"/>
      <c r="TOK23" s="8"/>
      <c r="TOL23" s="8"/>
      <c r="TOM23" s="8"/>
      <c r="TON23" s="8"/>
      <c r="TOO23" s="8"/>
      <c r="TOP23" s="8"/>
      <c r="TOQ23" s="8"/>
      <c r="TOR23" s="8"/>
      <c r="TOS23" s="8"/>
      <c r="TOT23" s="8"/>
      <c r="TOU23" s="8"/>
      <c r="TOV23" s="8"/>
      <c r="TOW23" s="8"/>
      <c r="TOX23" s="8"/>
      <c r="TOY23" s="8"/>
      <c r="TOZ23" s="8"/>
      <c r="TPA23" s="8"/>
      <c r="TPB23" s="8"/>
      <c r="TPC23" s="8"/>
      <c r="TPD23" s="8"/>
      <c r="TPE23" s="8"/>
      <c r="TPF23" s="8"/>
      <c r="TPG23" s="8"/>
      <c r="TPH23" s="8"/>
      <c r="TPI23" s="8"/>
      <c r="TPJ23" s="8"/>
      <c r="TPK23" s="8"/>
      <c r="TPL23" s="8"/>
      <c r="TPM23" s="8"/>
      <c r="TPN23" s="8"/>
      <c r="TPO23" s="8"/>
      <c r="TPP23" s="8"/>
      <c r="TPQ23" s="8"/>
      <c r="TPR23" s="8"/>
      <c r="TPS23" s="8"/>
      <c r="TPT23" s="8"/>
      <c r="TPU23" s="8"/>
      <c r="TPV23" s="8"/>
      <c r="TPW23" s="8"/>
      <c r="TPX23" s="8"/>
      <c r="TPY23" s="8"/>
      <c r="TPZ23" s="8"/>
      <c r="TQA23" s="8"/>
      <c r="TQB23" s="8"/>
      <c r="TQC23" s="8"/>
      <c r="TQD23" s="8"/>
      <c r="TQE23" s="8"/>
      <c r="TQF23" s="8"/>
      <c r="TQG23" s="8"/>
      <c r="TQH23" s="8"/>
      <c r="TQI23" s="8"/>
      <c r="TQJ23" s="8"/>
      <c r="TQK23" s="8"/>
      <c r="TQL23" s="8"/>
      <c r="TQM23" s="8"/>
      <c r="TQN23" s="8"/>
      <c r="TQO23" s="8"/>
      <c r="TQP23" s="8"/>
      <c r="TQQ23" s="8"/>
      <c r="TQR23" s="8"/>
      <c r="TQS23" s="8"/>
      <c r="TQT23" s="8"/>
      <c r="TQU23" s="8"/>
      <c r="TQV23" s="8"/>
      <c r="TQW23" s="8"/>
      <c r="TQX23" s="8"/>
      <c r="TQY23" s="8"/>
      <c r="TQZ23" s="8"/>
      <c r="TRA23" s="8"/>
      <c r="TRB23" s="8"/>
      <c r="TRC23" s="8"/>
      <c r="TRD23" s="8"/>
      <c r="TRE23" s="8"/>
      <c r="TRF23" s="8"/>
      <c r="TRG23" s="8"/>
      <c r="TRH23" s="8"/>
      <c r="TRI23" s="8"/>
      <c r="TRJ23" s="8"/>
      <c r="TRK23" s="8"/>
      <c r="TRL23" s="8"/>
      <c r="TRM23" s="8"/>
      <c r="TRN23" s="8"/>
      <c r="TRO23" s="8"/>
      <c r="TRP23" s="8"/>
      <c r="TRQ23" s="8"/>
      <c r="TRR23" s="8"/>
      <c r="TRS23" s="8"/>
      <c r="TRT23" s="8"/>
      <c r="TRU23" s="8"/>
      <c r="TRV23" s="8"/>
      <c r="TRW23" s="8"/>
      <c r="TRX23" s="8"/>
      <c r="TRY23" s="8"/>
      <c r="TRZ23" s="8"/>
      <c r="TSA23" s="8"/>
      <c r="TSB23" s="8"/>
      <c r="TSC23" s="8"/>
      <c r="TSD23" s="8"/>
      <c r="TSE23" s="8"/>
      <c r="TSF23" s="8"/>
      <c r="TSG23" s="8"/>
      <c r="TSH23" s="8"/>
      <c r="TSI23" s="8"/>
      <c r="TSJ23" s="8"/>
      <c r="TSK23" s="8"/>
      <c r="TSL23" s="8"/>
      <c r="TSM23" s="8"/>
      <c r="TSN23" s="8"/>
      <c r="TSO23" s="8"/>
      <c r="TSP23" s="8"/>
      <c r="TSQ23" s="8"/>
      <c r="TSR23" s="8"/>
      <c r="TSS23" s="8"/>
      <c r="TST23" s="8"/>
      <c r="TSU23" s="8"/>
      <c r="TSV23" s="8"/>
      <c r="TSW23" s="8"/>
      <c r="TSX23" s="8"/>
      <c r="TSY23" s="8"/>
      <c r="TSZ23" s="8"/>
      <c r="TTA23" s="8"/>
      <c r="TTB23" s="8"/>
      <c r="TTC23" s="8"/>
      <c r="TTD23" s="8"/>
      <c r="TTE23" s="8"/>
      <c r="TTF23" s="8"/>
      <c r="TTG23" s="8"/>
      <c r="TTH23" s="8"/>
      <c r="TTI23" s="8"/>
      <c r="TTJ23" s="8"/>
      <c r="TTK23" s="8"/>
      <c r="TTL23" s="8"/>
      <c r="TTM23" s="8"/>
      <c r="TTN23" s="8"/>
      <c r="TTO23" s="8"/>
      <c r="TTP23" s="8"/>
      <c r="TTQ23" s="8"/>
      <c r="TTR23" s="8"/>
      <c r="TTS23" s="8"/>
      <c r="TTT23" s="8"/>
      <c r="TTU23" s="8"/>
      <c r="TTV23" s="8"/>
      <c r="TTW23" s="8"/>
      <c r="TTX23" s="8"/>
      <c r="TTY23" s="8"/>
      <c r="TTZ23" s="8"/>
      <c r="TUA23" s="8"/>
      <c r="TUB23" s="8"/>
      <c r="TUC23" s="8"/>
      <c r="TUD23" s="8"/>
      <c r="TUE23" s="8"/>
      <c r="TUF23" s="8"/>
      <c r="TUG23" s="8"/>
      <c r="TUH23" s="8"/>
      <c r="TUI23" s="8"/>
      <c r="TUJ23" s="8"/>
      <c r="TUK23" s="8"/>
      <c r="TUL23" s="8"/>
      <c r="TUM23" s="8"/>
      <c r="TUN23" s="8"/>
      <c r="TUO23" s="8"/>
      <c r="TUP23" s="8"/>
      <c r="TUQ23" s="8"/>
      <c r="TUR23" s="8"/>
      <c r="TUS23" s="8"/>
      <c r="TUT23" s="8"/>
      <c r="TUU23" s="8"/>
      <c r="TUV23" s="8"/>
      <c r="TUW23" s="8"/>
      <c r="TUX23" s="8"/>
      <c r="TUY23" s="8"/>
      <c r="TUZ23" s="8"/>
      <c r="TVA23" s="8"/>
      <c r="TVB23" s="8"/>
      <c r="TVC23" s="8"/>
      <c r="TVD23" s="8"/>
      <c r="TVE23" s="8"/>
      <c r="TVF23" s="8"/>
      <c r="TVG23" s="8"/>
      <c r="TVH23" s="8"/>
      <c r="TVI23" s="8"/>
      <c r="TVJ23" s="8"/>
      <c r="TVK23" s="8"/>
      <c r="TVL23" s="8"/>
      <c r="TVM23" s="8"/>
      <c r="TVN23" s="8"/>
      <c r="TVO23" s="8"/>
      <c r="TVP23" s="8"/>
      <c r="TVQ23" s="8"/>
      <c r="TVR23" s="8"/>
      <c r="TVS23" s="8"/>
      <c r="TVT23" s="8"/>
      <c r="TVU23" s="8"/>
      <c r="TVV23" s="8"/>
      <c r="TVW23" s="8"/>
      <c r="TVX23" s="8"/>
      <c r="TVY23" s="8"/>
      <c r="TVZ23" s="8"/>
      <c r="TWA23" s="8"/>
      <c r="TWB23" s="8"/>
      <c r="TWC23" s="8"/>
      <c r="TWD23" s="8"/>
      <c r="TWE23" s="8"/>
      <c r="TWF23" s="8"/>
      <c r="TWG23" s="8"/>
      <c r="TWH23" s="8"/>
      <c r="TWI23" s="8"/>
      <c r="TWJ23" s="8"/>
      <c r="TWK23" s="8"/>
      <c r="TWL23" s="8"/>
      <c r="TWM23" s="8"/>
      <c r="TWN23" s="8"/>
      <c r="TWO23" s="8"/>
      <c r="TWP23" s="8"/>
      <c r="TWQ23" s="8"/>
      <c r="TWR23" s="8"/>
      <c r="TWS23" s="8"/>
      <c r="TWT23" s="8"/>
      <c r="TWU23" s="8"/>
      <c r="TWV23" s="8"/>
      <c r="TWW23" s="8"/>
      <c r="TWX23" s="8"/>
      <c r="TWY23" s="8"/>
      <c r="TWZ23" s="8"/>
      <c r="TXA23" s="8"/>
      <c r="TXB23" s="8"/>
      <c r="TXC23" s="8"/>
      <c r="TXD23" s="8"/>
      <c r="TXE23" s="8"/>
      <c r="TXF23" s="8"/>
      <c r="TXG23" s="8"/>
      <c r="TXH23" s="8"/>
      <c r="TXI23" s="8"/>
      <c r="TXJ23" s="8"/>
      <c r="TXK23" s="8"/>
      <c r="TXL23" s="8"/>
      <c r="TXM23" s="8"/>
      <c r="TXN23" s="8"/>
      <c r="TXO23" s="8"/>
      <c r="TXP23" s="8"/>
      <c r="TXQ23" s="8"/>
      <c r="TXR23" s="8"/>
      <c r="TXS23" s="8"/>
      <c r="TXT23" s="8"/>
      <c r="TXU23" s="8"/>
      <c r="TXV23" s="8"/>
      <c r="TXW23" s="8"/>
      <c r="TXX23" s="8"/>
      <c r="TXY23" s="8"/>
      <c r="TXZ23" s="8"/>
      <c r="TYA23" s="8"/>
      <c r="TYB23" s="8"/>
      <c r="TYC23" s="8"/>
      <c r="TYD23" s="8"/>
      <c r="TYE23" s="8"/>
      <c r="TYF23" s="8"/>
      <c r="TYG23" s="8"/>
      <c r="TYH23" s="8"/>
      <c r="TYI23" s="8"/>
      <c r="TYJ23" s="8"/>
      <c r="TYK23" s="8"/>
      <c r="TYL23" s="8"/>
      <c r="TYM23" s="8"/>
      <c r="TYN23" s="8"/>
      <c r="TYO23" s="8"/>
      <c r="TYP23" s="8"/>
      <c r="TYQ23" s="8"/>
      <c r="TYR23" s="8"/>
      <c r="TYS23" s="8"/>
      <c r="TYT23" s="8"/>
      <c r="TYU23" s="8"/>
      <c r="TYV23" s="8"/>
      <c r="TYW23" s="8"/>
      <c r="TYX23" s="8"/>
      <c r="TYY23" s="8"/>
      <c r="TYZ23" s="8"/>
      <c r="TZA23" s="8"/>
      <c r="TZB23" s="8"/>
      <c r="TZC23" s="8"/>
      <c r="TZD23" s="8"/>
      <c r="TZE23" s="8"/>
      <c r="TZF23" s="8"/>
      <c r="TZG23" s="8"/>
      <c r="TZH23" s="8"/>
      <c r="TZI23" s="8"/>
      <c r="TZJ23" s="8"/>
      <c r="TZK23" s="8"/>
      <c r="TZL23" s="8"/>
      <c r="TZM23" s="8"/>
      <c r="TZN23" s="8"/>
      <c r="TZO23" s="8"/>
      <c r="TZP23" s="8"/>
      <c r="TZQ23" s="8"/>
      <c r="TZR23" s="8"/>
      <c r="TZS23" s="8"/>
      <c r="TZT23" s="8"/>
      <c r="TZU23" s="8"/>
      <c r="TZV23" s="8"/>
      <c r="TZW23" s="8"/>
      <c r="TZX23" s="8"/>
      <c r="TZY23" s="8"/>
      <c r="TZZ23" s="8"/>
      <c r="UAA23" s="8"/>
      <c r="UAB23" s="8"/>
      <c r="UAC23" s="8"/>
      <c r="UAD23" s="8"/>
      <c r="UAE23" s="8"/>
      <c r="UAF23" s="8"/>
      <c r="UAG23" s="8"/>
      <c r="UAH23" s="8"/>
      <c r="UAI23" s="8"/>
      <c r="UAJ23" s="8"/>
      <c r="UAK23" s="8"/>
      <c r="UAL23" s="8"/>
      <c r="UAM23" s="8"/>
      <c r="UAN23" s="8"/>
      <c r="UAO23" s="8"/>
      <c r="UAP23" s="8"/>
      <c r="UAQ23" s="8"/>
      <c r="UAR23" s="8"/>
      <c r="UAS23" s="8"/>
      <c r="UAT23" s="8"/>
      <c r="UAU23" s="8"/>
      <c r="UAV23" s="8"/>
      <c r="UAW23" s="8"/>
      <c r="UAX23" s="8"/>
      <c r="UAY23" s="8"/>
      <c r="UAZ23" s="8"/>
      <c r="UBA23" s="8"/>
      <c r="UBB23" s="8"/>
      <c r="UBC23" s="8"/>
      <c r="UBD23" s="8"/>
      <c r="UBE23" s="8"/>
      <c r="UBF23" s="8"/>
      <c r="UBG23" s="8"/>
      <c r="UBH23" s="8"/>
      <c r="UBI23" s="8"/>
      <c r="UBJ23" s="8"/>
      <c r="UBK23" s="8"/>
      <c r="UBL23" s="8"/>
      <c r="UBM23" s="8"/>
      <c r="UBN23" s="8"/>
      <c r="UBO23" s="8"/>
      <c r="UBP23" s="8"/>
      <c r="UBQ23" s="8"/>
      <c r="UBR23" s="8"/>
      <c r="UBS23" s="8"/>
      <c r="UBT23" s="8"/>
      <c r="UBU23" s="8"/>
      <c r="UBV23" s="8"/>
      <c r="UBW23" s="8"/>
      <c r="UBX23" s="8"/>
      <c r="UBY23" s="8"/>
      <c r="UBZ23" s="8"/>
      <c r="UCA23" s="8"/>
      <c r="UCB23" s="8"/>
      <c r="UCC23" s="8"/>
      <c r="UCD23" s="8"/>
      <c r="UCE23" s="8"/>
      <c r="UCF23" s="8"/>
      <c r="UCG23" s="8"/>
      <c r="UCH23" s="8"/>
      <c r="UCI23" s="8"/>
      <c r="UCJ23" s="8"/>
      <c r="UCK23" s="8"/>
      <c r="UCL23" s="8"/>
      <c r="UCM23" s="8"/>
      <c r="UCN23" s="8"/>
      <c r="UCO23" s="8"/>
      <c r="UCP23" s="8"/>
      <c r="UCQ23" s="8"/>
      <c r="UCR23" s="8"/>
      <c r="UCS23" s="8"/>
      <c r="UCT23" s="8"/>
      <c r="UCU23" s="8"/>
      <c r="UCV23" s="8"/>
      <c r="UCW23" s="8"/>
      <c r="UCX23" s="8"/>
      <c r="UCY23" s="8"/>
      <c r="UCZ23" s="8"/>
      <c r="UDA23" s="8"/>
      <c r="UDB23" s="8"/>
      <c r="UDC23" s="8"/>
      <c r="UDD23" s="8"/>
      <c r="UDE23" s="8"/>
      <c r="UDF23" s="8"/>
      <c r="UDG23" s="8"/>
      <c r="UDH23" s="8"/>
      <c r="UDI23" s="8"/>
      <c r="UDJ23" s="8"/>
      <c r="UDK23" s="8"/>
      <c r="UDL23" s="8"/>
      <c r="UDM23" s="8"/>
      <c r="UDN23" s="8"/>
      <c r="UDO23" s="8"/>
      <c r="UDP23" s="8"/>
      <c r="UDQ23" s="8"/>
      <c r="UDR23" s="8"/>
      <c r="UDS23" s="8"/>
      <c r="UDT23" s="8"/>
      <c r="UDU23" s="8"/>
      <c r="UDV23" s="8"/>
      <c r="UDW23" s="8"/>
      <c r="UDX23" s="8"/>
      <c r="UDY23" s="8"/>
      <c r="UDZ23" s="8"/>
      <c r="UEA23" s="8"/>
      <c r="UEB23" s="8"/>
      <c r="UEC23" s="8"/>
      <c r="UED23" s="8"/>
      <c r="UEE23" s="8"/>
      <c r="UEF23" s="8"/>
      <c r="UEG23" s="8"/>
      <c r="UEH23" s="8"/>
      <c r="UEI23" s="8"/>
      <c r="UEJ23" s="8"/>
      <c r="UEK23" s="8"/>
      <c r="UEL23" s="8"/>
      <c r="UEM23" s="8"/>
      <c r="UEN23" s="8"/>
      <c r="UEO23" s="8"/>
      <c r="UEP23" s="8"/>
      <c r="UEQ23" s="8"/>
      <c r="UER23" s="8"/>
      <c r="UES23" s="8"/>
      <c r="UET23" s="8"/>
      <c r="UEU23" s="8"/>
      <c r="UEV23" s="8"/>
      <c r="UEW23" s="8"/>
      <c r="UEX23" s="8"/>
      <c r="UEY23" s="8"/>
      <c r="UEZ23" s="8"/>
      <c r="UFA23" s="8"/>
      <c r="UFB23" s="8"/>
      <c r="UFC23" s="8"/>
      <c r="UFD23" s="8"/>
      <c r="UFE23" s="8"/>
      <c r="UFF23" s="8"/>
      <c r="UFG23" s="8"/>
      <c r="UFH23" s="8"/>
      <c r="UFI23" s="8"/>
      <c r="UFJ23" s="8"/>
      <c r="UFK23" s="8"/>
      <c r="UFL23" s="8"/>
      <c r="UFM23" s="8"/>
      <c r="UFN23" s="8"/>
      <c r="UFO23" s="8"/>
      <c r="UFP23" s="8"/>
      <c r="UFQ23" s="8"/>
      <c r="UFR23" s="8"/>
      <c r="UFS23" s="8"/>
      <c r="UFT23" s="8"/>
      <c r="UFU23" s="8"/>
      <c r="UFV23" s="8"/>
      <c r="UFW23" s="8"/>
      <c r="UFX23" s="8"/>
      <c r="UFY23" s="8"/>
      <c r="UFZ23" s="8"/>
      <c r="UGA23" s="8"/>
      <c r="UGB23" s="8"/>
      <c r="UGC23" s="8"/>
      <c r="UGD23" s="8"/>
      <c r="UGE23" s="8"/>
      <c r="UGF23" s="8"/>
      <c r="UGG23" s="8"/>
      <c r="UGH23" s="8"/>
      <c r="UGI23" s="8"/>
      <c r="UGJ23" s="8"/>
      <c r="UGK23" s="8"/>
      <c r="UGL23" s="8"/>
      <c r="UGM23" s="8"/>
      <c r="UGN23" s="8"/>
      <c r="UGO23" s="8"/>
      <c r="UGP23" s="8"/>
      <c r="UGQ23" s="8"/>
      <c r="UGR23" s="8"/>
      <c r="UGS23" s="8"/>
      <c r="UGT23" s="8"/>
      <c r="UGU23" s="8"/>
      <c r="UGV23" s="8"/>
      <c r="UGW23" s="8"/>
      <c r="UGX23" s="8"/>
      <c r="UGY23" s="8"/>
      <c r="UGZ23" s="8"/>
      <c r="UHA23" s="8"/>
      <c r="UHB23" s="8"/>
      <c r="UHC23" s="8"/>
      <c r="UHD23" s="8"/>
      <c r="UHE23" s="8"/>
      <c r="UHF23" s="8"/>
      <c r="UHG23" s="8"/>
      <c r="UHH23" s="8"/>
      <c r="UHI23" s="8"/>
      <c r="UHJ23" s="8"/>
      <c r="UHK23" s="8"/>
      <c r="UHL23" s="8"/>
      <c r="UHM23" s="8"/>
      <c r="UHN23" s="8"/>
      <c r="UHO23" s="8"/>
      <c r="UHP23" s="8"/>
      <c r="UHQ23" s="8"/>
      <c r="UHR23" s="8"/>
      <c r="UHS23" s="8"/>
      <c r="UHT23" s="8"/>
      <c r="UHU23" s="8"/>
      <c r="UHV23" s="8"/>
      <c r="UHW23" s="8"/>
      <c r="UHX23" s="8"/>
      <c r="UHY23" s="8"/>
      <c r="UHZ23" s="8"/>
      <c r="UIA23" s="8"/>
      <c r="UIB23" s="8"/>
      <c r="UIC23" s="8"/>
      <c r="UID23" s="8"/>
      <c r="UIE23" s="8"/>
      <c r="UIF23" s="8"/>
      <c r="UIG23" s="8"/>
      <c r="UIH23" s="8"/>
      <c r="UII23" s="8"/>
      <c r="UIJ23" s="8"/>
      <c r="UIK23" s="8"/>
      <c r="UIL23" s="8"/>
      <c r="UIM23" s="8"/>
      <c r="UIN23" s="8"/>
      <c r="UIO23" s="8"/>
      <c r="UIP23" s="8"/>
      <c r="UIQ23" s="8"/>
      <c r="UIR23" s="8"/>
      <c r="UIS23" s="8"/>
      <c r="UIT23" s="8"/>
      <c r="UIU23" s="8"/>
      <c r="UIV23" s="8"/>
      <c r="UIW23" s="8"/>
      <c r="UIX23" s="8"/>
      <c r="UIY23" s="8"/>
      <c r="UIZ23" s="8"/>
      <c r="UJA23" s="8"/>
      <c r="UJB23" s="8"/>
      <c r="UJC23" s="8"/>
      <c r="UJD23" s="8"/>
      <c r="UJE23" s="8"/>
      <c r="UJF23" s="8"/>
      <c r="UJG23" s="8"/>
      <c r="UJH23" s="8"/>
      <c r="UJI23" s="8"/>
      <c r="UJJ23" s="8"/>
      <c r="UJK23" s="8"/>
      <c r="UJL23" s="8"/>
      <c r="UJM23" s="8"/>
      <c r="UJN23" s="8"/>
      <c r="UJO23" s="8"/>
      <c r="UJP23" s="8"/>
      <c r="UJQ23" s="8"/>
      <c r="UJR23" s="8"/>
      <c r="UJS23" s="8"/>
      <c r="UJT23" s="8"/>
      <c r="UJU23" s="8"/>
      <c r="UJV23" s="8"/>
      <c r="UJW23" s="8"/>
      <c r="UJX23" s="8"/>
      <c r="UJY23" s="8"/>
      <c r="UJZ23" s="8"/>
      <c r="UKA23" s="8"/>
      <c r="UKB23" s="8"/>
      <c r="UKC23" s="8"/>
      <c r="UKD23" s="8"/>
      <c r="UKE23" s="8"/>
      <c r="UKF23" s="8"/>
      <c r="UKG23" s="8"/>
      <c r="UKH23" s="8"/>
      <c r="UKI23" s="8"/>
      <c r="UKJ23" s="8"/>
      <c r="UKK23" s="8"/>
      <c r="UKL23" s="8"/>
      <c r="UKM23" s="8"/>
      <c r="UKN23" s="8"/>
      <c r="UKO23" s="8"/>
      <c r="UKP23" s="8"/>
      <c r="UKQ23" s="8"/>
      <c r="UKR23" s="8"/>
      <c r="UKS23" s="8"/>
      <c r="UKT23" s="8"/>
      <c r="UKU23" s="8"/>
      <c r="UKV23" s="8"/>
      <c r="UKW23" s="8"/>
      <c r="UKX23" s="8"/>
      <c r="UKY23" s="8"/>
      <c r="UKZ23" s="8"/>
      <c r="ULA23" s="8"/>
      <c r="ULB23" s="8"/>
      <c r="ULC23" s="8"/>
      <c r="ULD23" s="8"/>
      <c r="ULE23" s="8"/>
      <c r="ULF23" s="8"/>
      <c r="ULG23" s="8"/>
      <c r="ULH23" s="8"/>
      <c r="ULI23" s="8"/>
      <c r="ULJ23" s="8"/>
      <c r="ULK23" s="8"/>
      <c r="ULL23" s="8"/>
      <c r="ULM23" s="8"/>
      <c r="ULN23" s="8"/>
      <c r="ULO23" s="8"/>
      <c r="ULP23" s="8"/>
      <c r="ULQ23" s="8"/>
      <c r="ULR23" s="8"/>
      <c r="ULS23" s="8"/>
      <c r="ULT23" s="8"/>
      <c r="ULU23" s="8"/>
      <c r="ULV23" s="8"/>
      <c r="ULW23" s="8"/>
      <c r="ULX23" s="8"/>
      <c r="ULY23" s="8"/>
      <c r="ULZ23" s="8"/>
      <c r="UMA23" s="8"/>
      <c r="UMB23" s="8"/>
      <c r="UMC23" s="8"/>
      <c r="UMD23" s="8"/>
      <c r="UME23" s="8"/>
      <c r="UMF23" s="8"/>
      <c r="UMG23" s="8"/>
      <c r="UMH23" s="8"/>
      <c r="UMI23" s="8"/>
      <c r="UMJ23" s="8"/>
      <c r="UMK23" s="8"/>
      <c r="UML23" s="8"/>
      <c r="UMM23" s="8"/>
      <c r="UMN23" s="8"/>
      <c r="UMO23" s="8"/>
      <c r="UMP23" s="8"/>
      <c r="UMQ23" s="8"/>
      <c r="UMR23" s="8"/>
      <c r="UMS23" s="8"/>
      <c r="UMT23" s="8"/>
      <c r="UMU23" s="8"/>
      <c r="UMV23" s="8"/>
      <c r="UMW23" s="8"/>
      <c r="UMX23" s="8"/>
      <c r="UMY23" s="8"/>
      <c r="UMZ23" s="8"/>
      <c r="UNA23" s="8"/>
      <c r="UNB23" s="8"/>
      <c r="UNC23" s="8"/>
      <c r="UND23" s="8"/>
      <c r="UNE23" s="8"/>
      <c r="UNF23" s="8"/>
      <c r="UNG23" s="8"/>
      <c r="UNH23" s="8"/>
      <c r="UNI23" s="8"/>
      <c r="UNJ23" s="8"/>
      <c r="UNK23" s="8"/>
      <c r="UNL23" s="8"/>
      <c r="UNM23" s="8"/>
      <c r="UNN23" s="8"/>
      <c r="UNO23" s="8"/>
      <c r="UNP23" s="8"/>
      <c r="UNQ23" s="8"/>
      <c r="UNR23" s="8"/>
      <c r="UNS23" s="8"/>
      <c r="UNT23" s="8"/>
      <c r="UNU23" s="8"/>
      <c r="UNV23" s="8"/>
      <c r="UNW23" s="8"/>
      <c r="UNX23" s="8"/>
      <c r="UNY23" s="8"/>
      <c r="UNZ23" s="8"/>
      <c r="UOA23" s="8"/>
      <c r="UOB23" s="8"/>
      <c r="UOC23" s="8"/>
      <c r="UOD23" s="8"/>
      <c r="UOE23" s="8"/>
      <c r="UOF23" s="8"/>
      <c r="UOG23" s="8"/>
      <c r="UOH23" s="8"/>
      <c r="UOI23" s="8"/>
      <c r="UOJ23" s="8"/>
      <c r="UOK23" s="8"/>
      <c r="UOL23" s="8"/>
      <c r="UOM23" s="8"/>
      <c r="UON23" s="8"/>
      <c r="UOO23" s="8"/>
      <c r="UOP23" s="8"/>
      <c r="UOQ23" s="8"/>
      <c r="UOR23" s="8"/>
      <c r="UOS23" s="8"/>
      <c r="UOT23" s="8"/>
      <c r="UOU23" s="8"/>
      <c r="UOV23" s="8"/>
      <c r="UOW23" s="8"/>
      <c r="UOX23" s="8"/>
      <c r="UOY23" s="8"/>
      <c r="UOZ23" s="8"/>
      <c r="UPA23" s="8"/>
      <c r="UPB23" s="8"/>
      <c r="UPC23" s="8"/>
      <c r="UPD23" s="8"/>
      <c r="UPE23" s="8"/>
      <c r="UPF23" s="8"/>
      <c r="UPG23" s="8"/>
      <c r="UPH23" s="8"/>
      <c r="UPI23" s="8"/>
      <c r="UPJ23" s="8"/>
      <c r="UPK23" s="8"/>
      <c r="UPL23" s="8"/>
      <c r="UPM23" s="8"/>
      <c r="UPN23" s="8"/>
      <c r="UPO23" s="8"/>
      <c r="UPP23" s="8"/>
      <c r="UPQ23" s="8"/>
      <c r="UPR23" s="8"/>
      <c r="UPS23" s="8"/>
      <c r="UPT23" s="8"/>
      <c r="UPU23" s="8"/>
      <c r="UPV23" s="8"/>
      <c r="UPW23" s="8"/>
      <c r="UPX23" s="8"/>
      <c r="UPY23" s="8"/>
      <c r="UPZ23" s="8"/>
      <c r="UQA23" s="8"/>
      <c r="UQB23" s="8"/>
      <c r="UQC23" s="8"/>
      <c r="UQD23" s="8"/>
      <c r="UQE23" s="8"/>
      <c r="UQF23" s="8"/>
      <c r="UQG23" s="8"/>
      <c r="UQH23" s="8"/>
      <c r="UQI23" s="8"/>
      <c r="UQJ23" s="8"/>
      <c r="UQK23" s="8"/>
      <c r="UQL23" s="8"/>
      <c r="UQM23" s="8"/>
      <c r="UQN23" s="8"/>
      <c r="UQO23" s="8"/>
      <c r="UQP23" s="8"/>
      <c r="UQQ23" s="8"/>
      <c r="UQR23" s="8"/>
      <c r="UQS23" s="8"/>
      <c r="UQT23" s="8"/>
      <c r="UQU23" s="8"/>
      <c r="UQV23" s="8"/>
      <c r="UQW23" s="8"/>
      <c r="UQX23" s="8"/>
      <c r="UQY23" s="8"/>
      <c r="UQZ23" s="8"/>
      <c r="URA23" s="8"/>
      <c r="URB23" s="8"/>
      <c r="URC23" s="8"/>
      <c r="URD23" s="8"/>
      <c r="URE23" s="8"/>
      <c r="URF23" s="8"/>
      <c r="URG23" s="8"/>
      <c r="URH23" s="8"/>
      <c r="URI23" s="8"/>
      <c r="URJ23" s="8"/>
      <c r="URK23" s="8"/>
      <c r="URL23" s="8"/>
      <c r="URM23" s="8"/>
      <c r="URN23" s="8"/>
      <c r="URO23" s="8"/>
      <c r="URP23" s="8"/>
      <c r="URQ23" s="8"/>
      <c r="URR23" s="8"/>
      <c r="URS23" s="8"/>
      <c r="URT23" s="8"/>
      <c r="URU23" s="8"/>
      <c r="URV23" s="8"/>
      <c r="URW23" s="8"/>
      <c r="URX23" s="8"/>
      <c r="URY23" s="8"/>
      <c r="URZ23" s="8"/>
      <c r="USA23" s="8"/>
      <c r="USB23" s="8"/>
      <c r="USC23" s="8"/>
      <c r="USD23" s="8"/>
      <c r="USE23" s="8"/>
      <c r="USF23" s="8"/>
      <c r="USG23" s="8"/>
      <c r="USH23" s="8"/>
      <c r="USI23" s="8"/>
      <c r="USJ23" s="8"/>
      <c r="USK23" s="8"/>
      <c r="USL23" s="8"/>
      <c r="USM23" s="8"/>
      <c r="USN23" s="8"/>
      <c r="USO23" s="8"/>
      <c r="USP23" s="8"/>
      <c r="USQ23" s="8"/>
      <c r="USR23" s="8"/>
      <c r="USS23" s="8"/>
      <c r="UST23" s="8"/>
      <c r="USU23" s="8"/>
      <c r="USV23" s="8"/>
      <c r="USW23" s="8"/>
      <c r="USX23" s="8"/>
      <c r="USY23" s="8"/>
      <c r="USZ23" s="8"/>
      <c r="UTA23" s="8"/>
      <c r="UTB23" s="8"/>
      <c r="UTC23" s="8"/>
      <c r="UTD23" s="8"/>
      <c r="UTE23" s="8"/>
      <c r="UTF23" s="8"/>
      <c r="UTG23" s="8"/>
      <c r="UTH23" s="8"/>
      <c r="UTI23" s="8"/>
      <c r="UTJ23" s="8"/>
      <c r="UTK23" s="8"/>
      <c r="UTL23" s="8"/>
      <c r="UTM23" s="8"/>
      <c r="UTN23" s="8"/>
      <c r="UTO23" s="8"/>
      <c r="UTP23" s="8"/>
      <c r="UTQ23" s="8"/>
      <c r="UTR23" s="8"/>
      <c r="UTS23" s="8"/>
      <c r="UTT23" s="8"/>
      <c r="UTU23" s="8"/>
      <c r="UTV23" s="8"/>
      <c r="UTW23" s="8"/>
      <c r="UTX23" s="8"/>
      <c r="UTY23" s="8"/>
      <c r="UTZ23" s="8"/>
      <c r="UUA23" s="8"/>
      <c r="UUB23" s="8"/>
      <c r="UUC23" s="8"/>
      <c r="UUD23" s="8"/>
      <c r="UUE23" s="8"/>
      <c r="UUF23" s="8"/>
      <c r="UUG23" s="8"/>
      <c r="UUH23" s="8"/>
      <c r="UUI23" s="8"/>
      <c r="UUJ23" s="8"/>
      <c r="UUK23" s="8"/>
      <c r="UUL23" s="8"/>
      <c r="UUM23" s="8"/>
      <c r="UUN23" s="8"/>
      <c r="UUO23" s="8"/>
      <c r="UUP23" s="8"/>
      <c r="UUQ23" s="8"/>
      <c r="UUR23" s="8"/>
      <c r="UUS23" s="8"/>
      <c r="UUT23" s="8"/>
      <c r="UUU23" s="8"/>
      <c r="UUV23" s="8"/>
      <c r="UUW23" s="8"/>
      <c r="UUX23" s="8"/>
      <c r="UUY23" s="8"/>
      <c r="UUZ23" s="8"/>
      <c r="UVA23" s="8"/>
      <c r="UVB23" s="8"/>
      <c r="UVC23" s="8"/>
      <c r="UVD23" s="8"/>
      <c r="UVE23" s="8"/>
      <c r="UVF23" s="8"/>
      <c r="UVG23" s="8"/>
      <c r="UVH23" s="8"/>
      <c r="UVI23" s="8"/>
      <c r="UVJ23" s="8"/>
      <c r="UVK23" s="8"/>
      <c r="UVL23" s="8"/>
      <c r="UVM23" s="8"/>
      <c r="UVN23" s="8"/>
      <c r="UVO23" s="8"/>
      <c r="UVP23" s="8"/>
      <c r="UVQ23" s="8"/>
      <c r="UVR23" s="8"/>
      <c r="UVS23" s="8"/>
      <c r="UVT23" s="8"/>
      <c r="UVU23" s="8"/>
      <c r="UVV23" s="8"/>
      <c r="UVW23" s="8"/>
      <c r="UVX23" s="8"/>
      <c r="UVY23" s="8"/>
      <c r="UVZ23" s="8"/>
      <c r="UWA23" s="8"/>
      <c r="UWB23" s="8"/>
      <c r="UWC23" s="8"/>
      <c r="UWD23" s="8"/>
      <c r="UWE23" s="8"/>
      <c r="UWF23" s="8"/>
      <c r="UWG23" s="8"/>
      <c r="UWH23" s="8"/>
      <c r="UWI23" s="8"/>
      <c r="UWJ23" s="8"/>
      <c r="UWK23" s="8"/>
      <c r="UWL23" s="8"/>
      <c r="UWM23" s="8"/>
      <c r="UWN23" s="8"/>
      <c r="UWO23" s="8"/>
      <c r="UWP23" s="8"/>
      <c r="UWQ23" s="8"/>
      <c r="UWR23" s="8"/>
      <c r="UWS23" s="8"/>
      <c r="UWT23" s="8"/>
      <c r="UWU23" s="8"/>
      <c r="UWV23" s="8"/>
      <c r="UWW23" s="8"/>
      <c r="UWX23" s="8"/>
      <c r="UWY23" s="8"/>
      <c r="UWZ23" s="8"/>
      <c r="UXA23" s="8"/>
      <c r="UXB23" s="8"/>
      <c r="UXC23" s="8"/>
      <c r="UXD23" s="8"/>
      <c r="UXE23" s="8"/>
      <c r="UXF23" s="8"/>
      <c r="UXG23" s="8"/>
      <c r="UXH23" s="8"/>
      <c r="UXI23" s="8"/>
      <c r="UXJ23" s="8"/>
      <c r="UXK23" s="8"/>
      <c r="UXL23" s="8"/>
      <c r="UXM23" s="8"/>
      <c r="UXN23" s="8"/>
      <c r="UXO23" s="8"/>
      <c r="UXP23" s="8"/>
      <c r="UXQ23" s="8"/>
      <c r="UXR23" s="8"/>
      <c r="UXS23" s="8"/>
      <c r="UXT23" s="8"/>
      <c r="UXU23" s="8"/>
      <c r="UXV23" s="8"/>
      <c r="UXW23" s="8"/>
      <c r="UXX23" s="8"/>
      <c r="UXY23" s="8"/>
      <c r="UXZ23" s="8"/>
      <c r="UYA23" s="8"/>
      <c r="UYB23" s="8"/>
      <c r="UYC23" s="8"/>
      <c r="UYD23" s="8"/>
      <c r="UYE23" s="8"/>
      <c r="UYF23" s="8"/>
      <c r="UYG23" s="8"/>
      <c r="UYH23" s="8"/>
      <c r="UYI23" s="8"/>
      <c r="UYJ23" s="8"/>
      <c r="UYK23" s="8"/>
      <c r="UYL23" s="8"/>
      <c r="UYM23" s="8"/>
      <c r="UYN23" s="8"/>
      <c r="UYO23" s="8"/>
      <c r="UYP23" s="8"/>
      <c r="UYQ23" s="8"/>
      <c r="UYR23" s="8"/>
      <c r="UYS23" s="8"/>
      <c r="UYT23" s="8"/>
      <c r="UYU23" s="8"/>
      <c r="UYV23" s="8"/>
      <c r="UYW23" s="8"/>
      <c r="UYX23" s="8"/>
      <c r="UYY23" s="8"/>
      <c r="UYZ23" s="8"/>
      <c r="UZA23" s="8"/>
      <c r="UZB23" s="8"/>
      <c r="UZC23" s="8"/>
      <c r="UZD23" s="8"/>
      <c r="UZE23" s="8"/>
      <c r="UZF23" s="8"/>
      <c r="UZG23" s="8"/>
      <c r="UZH23" s="8"/>
      <c r="UZI23" s="8"/>
      <c r="UZJ23" s="8"/>
      <c r="UZK23" s="8"/>
      <c r="UZL23" s="8"/>
      <c r="UZM23" s="8"/>
      <c r="UZN23" s="8"/>
      <c r="UZO23" s="8"/>
      <c r="UZP23" s="8"/>
      <c r="UZQ23" s="8"/>
      <c r="UZR23" s="8"/>
      <c r="UZS23" s="8"/>
      <c r="UZT23" s="8"/>
      <c r="UZU23" s="8"/>
      <c r="UZV23" s="8"/>
      <c r="UZW23" s="8"/>
      <c r="UZX23" s="8"/>
      <c r="UZY23" s="8"/>
      <c r="UZZ23" s="8"/>
      <c r="VAA23" s="8"/>
      <c r="VAB23" s="8"/>
      <c r="VAC23" s="8"/>
      <c r="VAD23" s="8"/>
      <c r="VAE23" s="8"/>
      <c r="VAF23" s="8"/>
      <c r="VAG23" s="8"/>
      <c r="VAH23" s="8"/>
      <c r="VAI23" s="8"/>
      <c r="VAJ23" s="8"/>
      <c r="VAK23" s="8"/>
      <c r="VAL23" s="8"/>
      <c r="VAM23" s="8"/>
      <c r="VAN23" s="8"/>
      <c r="VAO23" s="8"/>
      <c r="VAP23" s="8"/>
      <c r="VAQ23" s="8"/>
      <c r="VAR23" s="8"/>
      <c r="VAS23" s="8"/>
      <c r="VAT23" s="8"/>
      <c r="VAU23" s="8"/>
      <c r="VAV23" s="8"/>
      <c r="VAW23" s="8"/>
      <c r="VAX23" s="8"/>
      <c r="VAY23" s="8"/>
      <c r="VAZ23" s="8"/>
      <c r="VBA23" s="8"/>
      <c r="VBB23" s="8"/>
      <c r="VBC23" s="8"/>
      <c r="VBD23" s="8"/>
      <c r="VBE23" s="8"/>
      <c r="VBF23" s="8"/>
      <c r="VBG23" s="8"/>
      <c r="VBH23" s="8"/>
      <c r="VBI23" s="8"/>
      <c r="VBJ23" s="8"/>
      <c r="VBK23" s="8"/>
      <c r="VBL23" s="8"/>
      <c r="VBM23" s="8"/>
      <c r="VBN23" s="8"/>
      <c r="VBO23" s="8"/>
      <c r="VBP23" s="8"/>
      <c r="VBQ23" s="8"/>
      <c r="VBR23" s="8"/>
      <c r="VBS23" s="8"/>
      <c r="VBT23" s="8"/>
      <c r="VBU23" s="8"/>
      <c r="VBV23" s="8"/>
      <c r="VBW23" s="8"/>
      <c r="VBX23" s="8"/>
      <c r="VBY23" s="8"/>
      <c r="VBZ23" s="8"/>
      <c r="VCA23" s="8"/>
      <c r="VCB23" s="8"/>
      <c r="VCC23" s="8"/>
      <c r="VCD23" s="8"/>
      <c r="VCE23" s="8"/>
      <c r="VCF23" s="8"/>
      <c r="VCG23" s="8"/>
      <c r="VCH23" s="8"/>
      <c r="VCI23" s="8"/>
      <c r="VCJ23" s="8"/>
      <c r="VCK23" s="8"/>
      <c r="VCL23" s="8"/>
      <c r="VCM23" s="8"/>
      <c r="VCN23" s="8"/>
      <c r="VCO23" s="8"/>
      <c r="VCP23" s="8"/>
      <c r="VCQ23" s="8"/>
      <c r="VCR23" s="8"/>
      <c r="VCS23" s="8"/>
      <c r="VCT23" s="8"/>
      <c r="VCU23" s="8"/>
      <c r="VCV23" s="8"/>
      <c r="VCW23" s="8"/>
      <c r="VCX23" s="8"/>
      <c r="VCY23" s="8"/>
      <c r="VCZ23" s="8"/>
      <c r="VDA23" s="8"/>
      <c r="VDB23" s="8"/>
      <c r="VDC23" s="8"/>
      <c r="VDD23" s="8"/>
      <c r="VDE23" s="8"/>
      <c r="VDF23" s="8"/>
      <c r="VDG23" s="8"/>
      <c r="VDH23" s="8"/>
      <c r="VDI23" s="8"/>
      <c r="VDJ23" s="8"/>
      <c r="VDK23" s="8"/>
      <c r="VDL23" s="8"/>
      <c r="VDM23" s="8"/>
      <c r="VDN23" s="8"/>
      <c r="VDO23" s="8"/>
      <c r="VDP23" s="8"/>
      <c r="VDQ23" s="8"/>
      <c r="VDR23" s="8"/>
      <c r="VDS23" s="8"/>
      <c r="VDT23" s="8"/>
      <c r="VDU23" s="8"/>
      <c r="VDV23" s="8"/>
      <c r="VDW23" s="8"/>
      <c r="VDX23" s="8"/>
      <c r="VDY23" s="8"/>
      <c r="VDZ23" s="8"/>
      <c r="VEA23" s="8"/>
      <c r="VEB23" s="8"/>
      <c r="VEC23" s="8"/>
      <c r="VED23" s="8"/>
      <c r="VEE23" s="8"/>
      <c r="VEF23" s="8"/>
      <c r="VEG23" s="8"/>
      <c r="VEH23" s="8"/>
      <c r="VEI23" s="8"/>
      <c r="VEJ23" s="8"/>
      <c r="VEK23" s="8"/>
      <c r="VEL23" s="8"/>
      <c r="VEM23" s="8"/>
      <c r="VEN23" s="8"/>
      <c r="VEO23" s="8"/>
      <c r="VEP23" s="8"/>
      <c r="VEQ23" s="8"/>
      <c r="VER23" s="8"/>
      <c r="VES23" s="8"/>
      <c r="VET23" s="8"/>
      <c r="VEU23" s="8"/>
      <c r="VEV23" s="8"/>
      <c r="VEW23" s="8"/>
      <c r="VEX23" s="8"/>
      <c r="VEY23" s="8"/>
      <c r="VEZ23" s="8"/>
      <c r="VFA23" s="8"/>
      <c r="VFB23" s="8"/>
      <c r="VFC23" s="8"/>
      <c r="VFD23" s="8"/>
      <c r="VFE23" s="8"/>
      <c r="VFF23" s="8"/>
      <c r="VFG23" s="8"/>
      <c r="VFH23" s="8"/>
      <c r="VFI23" s="8"/>
      <c r="VFJ23" s="8"/>
      <c r="VFK23" s="8"/>
      <c r="VFL23" s="8"/>
      <c r="VFM23" s="8"/>
      <c r="VFN23" s="8"/>
      <c r="VFO23" s="8"/>
      <c r="VFP23" s="8"/>
      <c r="VFQ23" s="8"/>
      <c r="VFR23" s="8"/>
      <c r="VFS23" s="8"/>
      <c r="VFT23" s="8"/>
      <c r="VFU23" s="8"/>
      <c r="VFV23" s="8"/>
      <c r="VFW23" s="8"/>
      <c r="VFX23" s="8"/>
      <c r="VFY23" s="8"/>
      <c r="VFZ23" s="8"/>
      <c r="VGA23" s="8"/>
      <c r="VGB23" s="8"/>
      <c r="VGC23" s="8"/>
      <c r="VGD23" s="8"/>
      <c r="VGE23" s="8"/>
      <c r="VGF23" s="8"/>
      <c r="VGG23" s="8"/>
      <c r="VGH23" s="8"/>
      <c r="VGI23" s="8"/>
      <c r="VGJ23" s="8"/>
      <c r="VGK23" s="8"/>
      <c r="VGL23" s="8"/>
      <c r="VGM23" s="8"/>
      <c r="VGN23" s="8"/>
      <c r="VGO23" s="8"/>
      <c r="VGP23" s="8"/>
      <c r="VGQ23" s="8"/>
      <c r="VGR23" s="8"/>
      <c r="VGS23" s="8"/>
      <c r="VGT23" s="8"/>
      <c r="VGU23" s="8"/>
      <c r="VGV23" s="8"/>
      <c r="VGW23" s="8"/>
      <c r="VGX23" s="8"/>
      <c r="VGY23" s="8"/>
      <c r="VGZ23" s="8"/>
      <c r="VHA23" s="8"/>
      <c r="VHB23" s="8"/>
      <c r="VHC23" s="8"/>
      <c r="VHD23" s="8"/>
      <c r="VHE23" s="8"/>
      <c r="VHF23" s="8"/>
      <c r="VHG23" s="8"/>
      <c r="VHH23" s="8"/>
      <c r="VHI23" s="8"/>
      <c r="VHJ23" s="8"/>
      <c r="VHK23" s="8"/>
      <c r="VHL23" s="8"/>
      <c r="VHM23" s="8"/>
      <c r="VHN23" s="8"/>
      <c r="VHO23" s="8"/>
      <c r="VHP23" s="8"/>
      <c r="VHQ23" s="8"/>
      <c r="VHR23" s="8"/>
      <c r="VHS23" s="8"/>
      <c r="VHT23" s="8"/>
      <c r="VHU23" s="8"/>
      <c r="VHV23" s="8"/>
      <c r="VHW23" s="8"/>
      <c r="VHX23" s="8"/>
      <c r="VHY23" s="8"/>
      <c r="VHZ23" s="8"/>
      <c r="VIA23" s="8"/>
      <c r="VIB23" s="8"/>
      <c r="VIC23" s="8"/>
      <c r="VID23" s="8"/>
      <c r="VIE23" s="8"/>
      <c r="VIF23" s="8"/>
      <c r="VIG23" s="8"/>
      <c r="VIH23" s="8"/>
      <c r="VII23" s="8"/>
      <c r="VIJ23" s="8"/>
      <c r="VIK23" s="8"/>
      <c r="VIL23" s="8"/>
      <c r="VIM23" s="8"/>
      <c r="VIN23" s="8"/>
      <c r="VIO23" s="8"/>
      <c r="VIP23" s="8"/>
      <c r="VIQ23" s="8"/>
      <c r="VIR23" s="8"/>
      <c r="VIS23" s="8"/>
      <c r="VIT23" s="8"/>
      <c r="VIU23" s="8"/>
      <c r="VIV23" s="8"/>
      <c r="VIW23" s="8"/>
      <c r="VIX23" s="8"/>
      <c r="VIY23" s="8"/>
      <c r="VIZ23" s="8"/>
      <c r="VJA23" s="8"/>
      <c r="VJB23" s="8"/>
      <c r="VJC23" s="8"/>
      <c r="VJD23" s="8"/>
      <c r="VJE23" s="8"/>
      <c r="VJF23" s="8"/>
      <c r="VJG23" s="8"/>
      <c r="VJH23" s="8"/>
      <c r="VJI23" s="8"/>
      <c r="VJJ23" s="8"/>
      <c r="VJK23" s="8"/>
      <c r="VJL23" s="8"/>
      <c r="VJM23" s="8"/>
      <c r="VJN23" s="8"/>
      <c r="VJO23" s="8"/>
      <c r="VJP23" s="8"/>
      <c r="VJQ23" s="8"/>
      <c r="VJR23" s="8"/>
      <c r="VJS23" s="8"/>
      <c r="VJT23" s="8"/>
      <c r="VJU23" s="8"/>
      <c r="VJV23" s="8"/>
      <c r="VJW23" s="8"/>
      <c r="VJX23" s="8"/>
      <c r="VJY23" s="8"/>
      <c r="VJZ23" s="8"/>
      <c r="VKA23" s="8"/>
      <c r="VKB23" s="8"/>
      <c r="VKC23" s="8"/>
      <c r="VKD23" s="8"/>
      <c r="VKE23" s="8"/>
      <c r="VKF23" s="8"/>
      <c r="VKG23" s="8"/>
      <c r="VKH23" s="8"/>
      <c r="VKI23" s="8"/>
      <c r="VKJ23" s="8"/>
      <c r="VKK23" s="8"/>
      <c r="VKL23" s="8"/>
      <c r="VKM23" s="8"/>
      <c r="VKN23" s="8"/>
      <c r="VKO23" s="8"/>
      <c r="VKP23" s="8"/>
      <c r="VKQ23" s="8"/>
      <c r="VKR23" s="8"/>
      <c r="VKS23" s="8"/>
      <c r="VKT23" s="8"/>
      <c r="VKU23" s="8"/>
      <c r="VKV23" s="8"/>
      <c r="VKW23" s="8"/>
      <c r="VKX23" s="8"/>
      <c r="VKY23" s="8"/>
      <c r="VKZ23" s="8"/>
      <c r="VLA23" s="8"/>
      <c r="VLB23" s="8"/>
      <c r="VLC23" s="8"/>
      <c r="VLD23" s="8"/>
      <c r="VLE23" s="8"/>
      <c r="VLF23" s="8"/>
      <c r="VLG23" s="8"/>
      <c r="VLH23" s="8"/>
      <c r="VLI23" s="8"/>
      <c r="VLJ23" s="8"/>
      <c r="VLK23" s="8"/>
      <c r="VLL23" s="8"/>
      <c r="VLM23" s="8"/>
      <c r="VLN23" s="8"/>
      <c r="VLO23" s="8"/>
      <c r="VLP23" s="8"/>
      <c r="VLQ23" s="8"/>
      <c r="VLR23" s="8"/>
      <c r="VLS23" s="8"/>
      <c r="VLT23" s="8"/>
      <c r="VLU23" s="8"/>
      <c r="VLV23" s="8"/>
      <c r="VLW23" s="8"/>
      <c r="VLX23" s="8"/>
      <c r="VLY23" s="8"/>
      <c r="VLZ23" s="8"/>
      <c r="VMA23" s="8"/>
      <c r="VMB23" s="8"/>
      <c r="VMC23" s="8"/>
      <c r="VMD23" s="8"/>
      <c r="VME23" s="8"/>
      <c r="VMF23" s="8"/>
      <c r="VMG23" s="8"/>
      <c r="VMH23" s="8"/>
      <c r="VMI23" s="8"/>
      <c r="VMJ23" s="8"/>
      <c r="VMK23" s="8"/>
      <c r="VML23" s="8"/>
      <c r="VMM23" s="8"/>
      <c r="VMN23" s="8"/>
      <c r="VMO23" s="8"/>
      <c r="VMP23" s="8"/>
      <c r="VMQ23" s="8"/>
      <c r="VMR23" s="8"/>
      <c r="VMS23" s="8"/>
      <c r="VMT23" s="8"/>
      <c r="VMU23" s="8"/>
      <c r="VMV23" s="8"/>
      <c r="VMW23" s="8"/>
      <c r="VMX23" s="8"/>
      <c r="VMY23" s="8"/>
      <c r="VMZ23" s="8"/>
      <c r="VNA23" s="8"/>
      <c r="VNB23" s="8"/>
      <c r="VNC23" s="8"/>
      <c r="VND23" s="8"/>
      <c r="VNE23" s="8"/>
      <c r="VNF23" s="8"/>
      <c r="VNG23" s="8"/>
      <c r="VNH23" s="8"/>
      <c r="VNI23" s="8"/>
      <c r="VNJ23" s="8"/>
      <c r="VNK23" s="8"/>
      <c r="VNL23" s="8"/>
      <c r="VNM23" s="8"/>
      <c r="VNN23" s="8"/>
      <c r="VNO23" s="8"/>
      <c r="VNP23" s="8"/>
      <c r="VNQ23" s="8"/>
      <c r="VNR23" s="8"/>
      <c r="VNS23" s="8"/>
      <c r="VNT23" s="8"/>
      <c r="VNU23" s="8"/>
      <c r="VNV23" s="8"/>
      <c r="VNW23" s="8"/>
      <c r="VNX23" s="8"/>
      <c r="VNY23" s="8"/>
      <c r="VNZ23" s="8"/>
      <c r="VOA23" s="8"/>
      <c r="VOB23" s="8"/>
      <c r="VOC23" s="8"/>
      <c r="VOD23" s="8"/>
      <c r="VOE23" s="8"/>
      <c r="VOF23" s="8"/>
      <c r="VOG23" s="8"/>
      <c r="VOH23" s="8"/>
      <c r="VOI23" s="8"/>
      <c r="VOJ23" s="8"/>
      <c r="VOK23" s="8"/>
      <c r="VOL23" s="8"/>
      <c r="VOM23" s="8"/>
      <c r="VON23" s="8"/>
      <c r="VOO23" s="8"/>
      <c r="VOP23" s="8"/>
      <c r="VOQ23" s="8"/>
      <c r="VOR23" s="8"/>
      <c r="VOS23" s="8"/>
      <c r="VOT23" s="8"/>
      <c r="VOU23" s="8"/>
      <c r="VOV23" s="8"/>
      <c r="VOW23" s="8"/>
      <c r="VOX23" s="8"/>
      <c r="VOY23" s="8"/>
      <c r="VOZ23" s="8"/>
      <c r="VPA23" s="8"/>
      <c r="VPB23" s="8"/>
      <c r="VPC23" s="8"/>
      <c r="VPD23" s="8"/>
      <c r="VPE23" s="8"/>
      <c r="VPF23" s="8"/>
      <c r="VPG23" s="8"/>
      <c r="VPH23" s="8"/>
      <c r="VPI23" s="8"/>
      <c r="VPJ23" s="8"/>
      <c r="VPK23" s="8"/>
      <c r="VPL23" s="8"/>
      <c r="VPM23" s="8"/>
      <c r="VPN23" s="8"/>
      <c r="VPO23" s="8"/>
      <c r="VPP23" s="8"/>
      <c r="VPQ23" s="8"/>
      <c r="VPR23" s="8"/>
      <c r="VPS23" s="8"/>
      <c r="VPT23" s="8"/>
      <c r="VPU23" s="8"/>
      <c r="VPV23" s="8"/>
      <c r="VPW23" s="8"/>
      <c r="VPX23" s="8"/>
      <c r="VPY23" s="8"/>
      <c r="VPZ23" s="8"/>
      <c r="VQA23" s="8"/>
      <c r="VQB23" s="8"/>
      <c r="VQC23" s="8"/>
      <c r="VQD23" s="8"/>
      <c r="VQE23" s="8"/>
      <c r="VQF23" s="8"/>
      <c r="VQG23" s="8"/>
      <c r="VQH23" s="8"/>
      <c r="VQI23" s="8"/>
      <c r="VQJ23" s="8"/>
      <c r="VQK23" s="8"/>
      <c r="VQL23" s="8"/>
      <c r="VQM23" s="8"/>
      <c r="VQN23" s="8"/>
      <c r="VQO23" s="8"/>
      <c r="VQP23" s="8"/>
      <c r="VQQ23" s="8"/>
      <c r="VQR23" s="8"/>
      <c r="VQS23" s="8"/>
      <c r="VQT23" s="8"/>
      <c r="VQU23" s="8"/>
      <c r="VQV23" s="8"/>
      <c r="VQW23" s="8"/>
      <c r="VQX23" s="8"/>
      <c r="VQY23" s="8"/>
      <c r="VQZ23" s="8"/>
      <c r="VRA23" s="8"/>
      <c r="VRB23" s="8"/>
      <c r="VRC23" s="8"/>
      <c r="VRD23" s="8"/>
      <c r="VRE23" s="8"/>
      <c r="VRF23" s="8"/>
      <c r="VRG23" s="8"/>
      <c r="VRH23" s="8"/>
      <c r="VRI23" s="8"/>
      <c r="VRJ23" s="8"/>
      <c r="VRK23" s="8"/>
      <c r="VRL23" s="8"/>
      <c r="VRM23" s="8"/>
      <c r="VRN23" s="8"/>
      <c r="VRO23" s="8"/>
      <c r="VRP23" s="8"/>
      <c r="VRQ23" s="8"/>
      <c r="VRR23" s="8"/>
      <c r="VRS23" s="8"/>
      <c r="VRT23" s="8"/>
      <c r="VRU23" s="8"/>
      <c r="VRV23" s="8"/>
      <c r="VRW23" s="8"/>
      <c r="VRX23" s="8"/>
      <c r="VRY23" s="8"/>
      <c r="VRZ23" s="8"/>
      <c r="VSA23" s="8"/>
      <c r="VSB23" s="8"/>
      <c r="VSC23" s="8"/>
      <c r="VSD23" s="8"/>
      <c r="VSE23" s="8"/>
      <c r="VSF23" s="8"/>
      <c r="VSG23" s="8"/>
      <c r="VSH23" s="8"/>
      <c r="VSI23" s="8"/>
      <c r="VSJ23" s="8"/>
      <c r="VSK23" s="8"/>
      <c r="VSL23" s="8"/>
      <c r="VSM23" s="8"/>
      <c r="VSN23" s="8"/>
      <c r="VSO23" s="8"/>
      <c r="VSP23" s="8"/>
      <c r="VSQ23" s="8"/>
      <c r="VSR23" s="8"/>
      <c r="VSS23" s="8"/>
      <c r="VST23" s="8"/>
      <c r="VSU23" s="8"/>
      <c r="VSV23" s="8"/>
      <c r="VSW23" s="8"/>
      <c r="VSX23" s="8"/>
      <c r="VSY23" s="8"/>
      <c r="VSZ23" s="8"/>
      <c r="VTA23" s="8"/>
      <c r="VTB23" s="8"/>
      <c r="VTC23" s="8"/>
      <c r="VTD23" s="8"/>
      <c r="VTE23" s="8"/>
      <c r="VTF23" s="8"/>
      <c r="VTG23" s="8"/>
      <c r="VTH23" s="8"/>
      <c r="VTI23" s="8"/>
      <c r="VTJ23" s="8"/>
      <c r="VTK23" s="8"/>
      <c r="VTL23" s="8"/>
      <c r="VTM23" s="8"/>
      <c r="VTN23" s="8"/>
      <c r="VTO23" s="8"/>
      <c r="VTP23" s="8"/>
      <c r="VTQ23" s="8"/>
      <c r="VTR23" s="8"/>
      <c r="VTS23" s="8"/>
      <c r="VTT23" s="8"/>
      <c r="VTU23" s="8"/>
      <c r="VTV23" s="8"/>
      <c r="VTW23" s="8"/>
      <c r="VTX23" s="8"/>
      <c r="VTY23" s="8"/>
      <c r="VTZ23" s="8"/>
      <c r="VUA23" s="8"/>
      <c r="VUB23" s="8"/>
      <c r="VUC23" s="8"/>
      <c r="VUD23" s="8"/>
      <c r="VUE23" s="8"/>
      <c r="VUF23" s="8"/>
      <c r="VUG23" s="8"/>
      <c r="VUH23" s="8"/>
      <c r="VUI23" s="8"/>
      <c r="VUJ23" s="8"/>
      <c r="VUK23" s="8"/>
      <c r="VUL23" s="8"/>
      <c r="VUM23" s="8"/>
      <c r="VUN23" s="8"/>
      <c r="VUO23" s="8"/>
      <c r="VUP23" s="8"/>
      <c r="VUQ23" s="8"/>
      <c r="VUR23" s="8"/>
      <c r="VUS23" s="8"/>
      <c r="VUT23" s="8"/>
      <c r="VUU23" s="8"/>
      <c r="VUV23" s="8"/>
      <c r="VUW23" s="8"/>
      <c r="VUX23" s="8"/>
      <c r="VUY23" s="8"/>
      <c r="VUZ23" s="8"/>
      <c r="VVA23" s="8"/>
      <c r="VVB23" s="8"/>
      <c r="VVC23" s="8"/>
      <c r="VVD23" s="8"/>
      <c r="VVE23" s="8"/>
      <c r="VVF23" s="8"/>
      <c r="VVG23" s="8"/>
      <c r="VVH23" s="8"/>
      <c r="VVI23" s="8"/>
      <c r="VVJ23" s="8"/>
      <c r="VVK23" s="8"/>
      <c r="VVL23" s="8"/>
      <c r="VVM23" s="8"/>
      <c r="VVN23" s="8"/>
      <c r="VVO23" s="8"/>
      <c r="VVP23" s="8"/>
      <c r="VVQ23" s="8"/>
      <c r="VVR23" s="8"/>
      <c r="VVS23" s="8"/>
      <c r="VVT23" s="8"/>
      <c r="VVU23" s="8"/>
      <c r="VVV23" s="8"/>
      <c r="VVW23" s="8"/>
      <c r="VVX23" s="8"/>
      <c r="VVY23" s="8"/>
      <c r="VVZ23" s="8"/>
      <c r="VWA23" s="8"/>
      <c r="VWB23" s="8"/>
      <c r="VWC23" s="8"/>
      <c r="VWD23" s="8"/>
      <c r="VWE23" s="8"/>
      <c r="VWF23" s="8"/>
      <c r="VWG23" s="8"/>
      <c r="VWH23" s="8"/>
      <c r="VWI23" s="8"/>
      <c r="VWJ23" s="8"/>
      <c r="VWK23" s="8"/>
      <c r="VWL23" s="8"/>
      <c r="VWM23" s="8"/>
      <c r="VWN23" s="8"/>
      <c r="VWO23" s="8"/>
      <c r="VWP23" s="8"/>
      <c r="VWQ23" s="8"/>
      <c r="VWR23" s="8"/>
      <c r="VWS23" s="8"/>
      <c r="VWT23" s="8"/>
      <c r="VWU23" s="8"/>
      <c r="VWV23" s="8"/>
      <c r="VWW23" s="8"/>
      <c r="VWX23" s="8"/>
      <c r="VWY23" s="8"/>
      <c r="VWZ23" s="8"/>
      <c r="VXA23" s="8"/>
      <c r="VXB23" s="8"/>
      <c r="VXC23" s="8"/>
      <c r="VXD23" s="8"/>
      <c r="VXE23" s="8"/>
      <c r="VXF23" s="8"/>
      <c r="VXG23" s="8"/>
      <c r="VXH23" s="8"/>
      <c r="VXI23" s="8"/>
      <c r="VXJ23" s="8"/>
      <c r="VXK23" s="8"/>
      <c r="VXL23" s="8"/>
      <c r="VXM23" s="8"/>
      <c r="VXN23" s="8"/>
      <c r="VXO23" s="8"/>
      <c r="VXP23" s="8"/>
      <c r="VXQ23" s="8"/>
      <c r="VXR23" s="8"/>
      <c r="VXS23" s="8"/>
      <c r="VXT23" s="8"/>
      <c r="VXU23" s="8"/>
      <c r="VXV23" s="8"/>
      <c r="VXW23" s="8"/>
      <c r="VXX23" s="8"/>
      <c r="VXY23" s="8"/>
      <c r="VXZ23" s="8"/>
      <c r="VYA23" s="8"/>
      <c r="VYB23" s="8"/>
      <c r="VYC23" s="8"/>
      <c r="VYD23" s="8"/>
      <c r="VYE23" s="8"/>
      <c r="VYF23" s="8"/>
      <c r="VYG23" s="8"/>
      <c r="VYH23" s="8"/>
      <c r="VYI23" s="8"/>
      <c r="VYJ23" s="8"/>
      <c r="VYK23" s="8"/>
      <c r="VYL23" s="8"/>
      <c r="VYM23" s="8"/>
      <c r="VYN23" s="8"/>
      <c r="VYO23" s="8"/>
      <c r="VYP23" s="8"/>
      <c r="VYQ23" s="8"/>
      <c r="VYR23" s="8"/>
      <c r="VYS23" s="8"/>
      <c r="VYT23" s="8"/>
      <c r="VYU23" s="8"/>
      <c r="VYV23" s="8"/>
      <c r="VYW23" s="8"/>
      <c r="VYX23" s="8"/>
      <c r="VYY23" s="8"/>
      <c r="VYZ23" s="8"/>
      <c r="VZA23" s="8"/>
      <c r="VZB23" s="8"/>
      <c r="VZC23" s="8"/>
      <c r="VZD23" s="8"/>
      <c r="VZE23" s="8"/>
      <c r="VZF23" s="8"/>
      <c r="VZG23" s="8"/>
      <c r="VZH23" s="8"/>
      <c r="VZI23" s="8"/>
      <c r="VZJ23" s="8"/>
      <c r="VZK23" s="8"/>
      <c r="VZL23" s="8"/>
      <c r="VZM23" s="8"/>
      <c r="VZN23" s="8"/>
      <c r="VZO23" s="8"/>
      <c r="VZP23" s="8"/>
      <c r="VZQ23" s="8"/>
      <c r="VZR23" s="8"/>
      <c r="VZS23" s="8"/>
      <c r="VZT23" s="8"/>
      <c r="VZU23" s="8"/>
      <c r="VZV23" s="8"/>
      <c r="VZW23" s="8"/>
      <c r="VZX23" s="8"/>
      <c r="VZY23" s="8"/>
      <c r="VZZ23" s="8"/>
      <c r="WAA23" s="8"/>
      <c r="WAB23" s="8"/>
      <c r="WAC23" s="8"/>
      <c r="WAD23" s="8"/>
      <c r="WAE23" s="8"/>
      <c r="WAF23" s="8"/>
      <c r="WAG23" s="8"/>
      <c r="WAH23" s="8"/>
      <c r="WAI23" s="8"/>
      <c r="WAJ23" s="8"/>
      <c r="WAK23" s="8"/>
      <c r="WAL23" s="8"/>
      <c r="WAM23" s="8"/>
      <c r="WAN23" s="8"/>
      <c r="WAO23" s="8"/>
      <c r="WAP23" s="8"/>
      <c r="WAQ23" s="8"/>
      <c r="WAR23" s="8"/>
      <c r="WAS23" s="8"/>
      <c r="WAT23" s="8"/>
      <c r="WAU23" s="8"/>
      <c r="WAV23" s="8"/>
      <c r="WAW23" s="8"/>
      <c r="WAX23" s="8"/>
      <c r="WAY23" s="8"/>
      <c r="WAZ23" s="8"/>
      <c r="WBA23" s="8"/>
      <c r="WBB23" s="8"/>
      <c r="WBC23" s="8"/>
      <c r="WBD23" s="8"/>
      <c r="WBE23" s="8"/>
      <c r="WBF23" s="8"/>
      <c r="WBG23" s="8"/>
      <c r="WBH23" s="8"/>
      <c r="WBI23" s="8"/>
      <c r="WBJ23" s="8"/>
      <c r="WBK23" s="8"/>
      <c r="WBL23" s="8"/>
      <c r="WBM23" s="8"/>
      <c r="WBN23" s="8"/>
      <c r="WBO23" s="8"/>
      <c r="WBP23" s="8"/>
      <c r="WBQ23" s="8"/>
      <c r="WBR23" s="8"/>
      <c r="WBS23" s="8"/>
      <c r="WBT23" s="8"/>
      <c r="WBU23" s="8"/>
      <c r="WBV23" s="8"/>
      <c r="WBW23" s="8"/>
      <c r="WBX23" s="8"/>
      <c r="WBY23" s="8"/>
      <c r="WBZ23" s="8"/>
      <c r="WCA23" s="8"/>
      <c r="WCB23" s="8"/>
      <c r="WCC23" s="8"/>
      <c r="WCD23" s="8"/>
      <c r="WCE23" s="8"/>
      <c r="WCF23" s="8"/>
      <c r="WCG23" s="8"/>
      <c r="WCH23" s="8"/>
      <c r="WCI23" s="8"/>
      <c r="WCJ23" s="8"/>
      <c r="WCK23" s="8"/>
      <c r="WCL23" s="8"/>
      <c r="WCM23" s="8"/>
      <c r="WCN23" s="8"/>
      <c r="WCO23" s="8"/>
      <c r="WCP23" s="8"/>
      <c r="WCQ23" s="8"/>
      <c r="WCR23" s="8"/>
      <c r="WCS23" s="8"/>
      <c r="WCT23" s="8"/>
      <c r="WCU23" s="8"/>
      <c r="WCV23" s="8"/>
      <c r="WCW23" s="8"/>
      <c r="WCX23" s="8"/>
      <c r="WCY23" s="8"/>
      <c r="WCZ23" s="8"/>
      <c r="WDA23" s="8"/>
      <c r="WDB23" s="8"/>
      <c r="WDC23" s="8"/>
      <c r="WDD23" s="8"/>
      <c r="WDE23" s="8"/>
      <c r="WDF23" s="8"/>
      <c r="WDG23" s="8"/>
      <c r="WDH23" s="8"/>
      <c r="WDI23" s="8"/>
      <c r="WDJ23" s="8"/>
      <c r="WDK23" s="8"/>
      <c r="WDL23" s="8"/>
      <c r="WDM23" s="8"/>
      <c r="WDN23" s="8"/>
      <c r="WDO23" s="8"/>
      <c r="WDP23" s="8"/>
      <c r="WDQ23" s="8"/>
      <c r="WDR23" s="8"/>
      <c r="WDS23" s="8"/>
      <c r="WDT23" s="8"/>
      <c r="WDU23" s="8"/>
      <c r="WDV23" s="8"/>
      <c r="WDW23" s="8"/>
      <c r="WDX23" s="8"/>
      <c r="WDY23" s="8"/>
      <c r="WDZ23" s="8"/>
      <c r="WEA23" s="8"/>
      <c r="WEB23" s="8"/>
      <c r="WEC23" s="8"/>
      <c r="WED23" s="8"/>
      <c r="WEE23" s="8"/>
      <c r="WEF23" s="8"/>
      <c r="WEG23" s="8"/>
      <c r="WEH23" s="8"/>
      <c r="WEI23" s="8"/>
      <c r="WEJ23" s="8"/>
      <c r="WEK23" s="8"/>
      <c r="WEL23" s="8"/>
      <c r="WEM23" s="8"/>
      <c r="WEN23" s="8"/>
      <c r="WEO23" s="8"/>
      <c r="WEP23" s="8"/>
      <c r="WEQ23" s="8"/>
      <c r="WER23" s="8"/>
      <c r="WES23" s="8"/>
      <c r="WET23" s="8"/>
      <c r="WEU23" s="8"/>
      <c r="WEV23" s="8"/>
      <c r="WEW23" s="8"/>
      <c r="WEX23" s="8"/>
      <c r="WEY23" s="8"/>
      <c r="WEZ23" s="8"/>
      <c r="WFA23" s="8"/>
      <c r="WFB23" s="8"/>
      <c r="WFC23" s="8"/>
      <c r="WFD23" s="8"/>
      <c r="WFE23" s="8"/>
      <c r="WFF23" s="8"/>
      <c r="WFG23" s="8"/>
      <c r="WFH23" s="8"/>
      <c r="WFI23" s="8"/>
      <c r="WFJ23" s="8"/>
      <c r="WFK23" s="8"/>
      <c r="WFL23" s="8"/>
      <c r="WFM23" s="8"/>
      <c r="WFN23" s="8"/>
      <c r="WFO23" s="8"/>
      <c r="WFP23" s="8"/>
      <c r="WFQ23" s="8"/>
      <c r="WFR23" s="8"/>
      <c r="WFS23" s="8"/>
      <c r="WFT23" s="8"/>
      <c r="WFU23" s="8"/>
      <c r="WFV23" s="8"/>
      <c r="WFW23" s="8"/>
      <c r="WFX23" s="8"/>
      <c r="WFY23" s="8"/>
      <c r="WFZ23" s="8"/>
      <c r="WGA23" s="8"/>
      <c r="WGB23" s="8"/>
      <c r="WGC23" s="8"/>
      <c r="WGD23" s="8"/>
      <c r="WGE23" s="8"/>
      <c r="WGF23" s="8"/>
      <c r="WGG23" s="8"/>
      <c r="WGH23" s="8"/>
      <c r="WGI23" s="8"/>
      <c r="WGJ23" s="8"/>
      <c r="WGK23" s="8"/>
      <c r="WGL23" s="8"/>
      <c r="WGM23" s="8"/>
      <c r="WGN23" s="8"/>
      <c r="WGO23" s="8"/>
      <c r="WGP23" s="8"/>
      <c r="WGQ23" s="8"/>
      <c r="WGR23" s="8"/>
      <c r="WGS23" s="8"/>
      <c r="WGT23" s="8"/>
      <c r="WGU23" s="8"/>
      <c r="WGV23" s="8"/>
      <c r="WGW23" s="8"/>
      <c r="WGX23" s="8"/>
      <c r="WGY23" s="8"/>
      <c r="WGZ23" s="8"/>
      <c r="WHA23" s="8"/>
      <c r="WHB23" s="8"/>
      <c r="WHC23" s="8"/>
      <c r="WHD23" s="8"/>
      <c r="WHE23" s="8"/>
      <c r="WHF23" s="8"/>
      <c r="WHG23" s="8"/>
      <c r="WHH23" s="8"/>
      <c r="WHI23" s="8"/>
      <c r="WHJ23" s="8"/>
      <c r="WHK23" s="8"/>
      <c r="WHL23" s="8"/>
      <c r="WHM23" s="8"/>
      <c r="WHN23" s="8"/>
      <c r="WHO23" s="8"/>
      <c r="WHP23" s="8"/>
      <c r="WHQ23" s="8"/>
      <c r="WHR23" s="8"/>
      <c r="WHS23" s="8"/>
      <c r="WHT23" s="8"/>
      <c r="WHU23" s="8"/>
      <c r="WHV23" s="8"/>
      <c r="WHW23" s="8"/>
      <c r="WHX23" s="8"/>
      <c r="WHY23" s="8"/>
      <c r="WHZ23" s="8"/>
      <c r="WIA23" s="8"/>
      <c r="WIB23" s="8"/>
      <c r="WIC23" s="8"/>
      <c r="WID23" s="8"/>
      <c r="WIE23" s="8"/>
      <c r="WIF23" s="8"/>
      <c r="WIG23" s="8"/>
      <c r="WIH23" s="8"/>
      <c r="WII23" s="8"/>
      <c r="WIJ23" s="8"/>
      <c r="WIK23" s="8"/>
      <c r="WIL23" s="8"/>
      <c r="WIM23" s="8"/>
      <c r="WIN23" s="8"/>
      <c r="WIO23" s="8"/>
      <c r="WIP23" s="8"/>
      <c r="WIQ23" s="8"/>
      <c r="WIR23" s="8"/>
      <c r="WIS23" s="8"/>
      <c r="WIT23" s="8"/>
      <c r="WIU23" s="8"/>
      <c r="WIV23" s="8"/>
      <c r="WIW23" s="8"/>
      <c r="WIX23" s="8"/>
      <c r="WIY23" s="8"/>
      <c r="WIZ23" s="8"/>
      <c r="WJA23" s="8"/>
      <c r="WJB23" s="8"/>
      <c r="WJC23" s="8"/>
      <c r="WJD23" s="8"/>
      <c r="WJE23" s="8"/>
      <c r="WJF23" s="8"/>
      <c r="WJG23" s="8"/>
      <c r="WJH23" s="8"/>
      <c r="WJI23" s="8"/>
      <c r="WJJ23" s="8"/>
      <c r="WJK23" s="8"/>
      <c r="WJL23" s="8"/>
      <c r="WJM23" s="8"/>
      <c r="WJN23" s="8"/>
      <c r="WJO23" s="8"/>
      <c r="WJP23" s="8"/>
      <c r="WJQ23" s="8"/>
      <c r="WJR23" s="8"/>
      <c r="WJS23" s="8"/>
      <c r="WJT23" s="8"/>
      <c r="WJU23" s="8"/>
      <c r="WJV23" s="8"/>
      <c r="WJW23" s="8"/>
      <c r="WJX23" s="8"/>
      <c r="WJY23" s="8"/>
      <c r="WJZ23" s="8"/>
      <c r="WKA23" s="8"/>
      <c r="WKB23" s="8"/>
      <c r="WKC23" s="8"/>
      <c r="WKD23" s="8"/>
      <c r="WKE23" s="8"/>
      <c r="WKF23" s="8"/>
      <c r="WKG23" s="8"/>
      <c r="WKH23" s="8"/>
      <c r="WKI23" s="8"/>
      <c r="WKJ23" s="8"/>
      <c r="WKK23" s="8"/>
      <c r="WKL23" s="8"/>
      <c r="WKM23" s="8"/>
      <c r="WKN23" s="8"/>
      <c r="WKO23" s="8"/>
      <c r="WKP23" s="8"/>
      <c r="WKQ23" s="8"/>
      <c r="WKR23" s="8"/>
      <c r="WKS23" s="8"/>
      <c r="WKT23" s="8"/>
      <c r="WKU23" s="8"/>
      <c r="WKV23" s="8"/>
      <c r="WKW23" s="8"/>
      <c r="WKX23" s="8"/>
      <c r="WKY23" s="8"/>
      <c r="WKZ23" s="8"/>
      <c r="WLA23" s="8"/>
      <c r="WLB23" s="8"/>
      <c r="WLC23" s="8"/>
      <c r="WLD23" s="8"/>
      <c r="WLE23" s="8"/>
      <c r="WLF23" s="8"/>
      <c r="WLG23" s="8"/>
      <c r="WLH23" s="8"/>
      <c r="WLI23" s="8"/>
      <c r="WLJ23" s="8"/>
      <c r="WLK23" s="8"/>
      <c r="WLL23" s="8"/>
      <c r="WLM23" s="8"/>
      <c r="WLN23" s="8"/>
      <c r="WLO23" s="8"/>
      <c r="WLP23" s="8"/>
      <c r="WLQ23" s="8"/>
      <c r="WLR23" s="8"/>
      <c r="WLS23" s="8"/>
      <c r="WLT23" s="8"/>
      <c r="WLU23" s="8"/>
      <c r="WLV23" s="8"/>
      <c r="WLW23" s="8"/>
      <c r="WLX23" s="8"/>
      <c r="WLY23" s="8"/>
      <c r="WLZ23" s="8"/>
      <c r="WMA23" s="8"/>
      <c r="WMB23" s="8"/>
      <c r="WMC23" s="8"/>
      <c r="WMD23" s="8"/>
      <c r="WME23" s="8"/>
      <c r="WMF23" s="8"/>
      <c r="WMG23" s="8"/>
      <c r="WMH23" s="8"/>
      <c r="WMI23" s="8"/>
      <c r="WMJ23" s="8"/>
      <c r="WMK23" s="8"/>
      <c r="WML23" s="8"/>
      <c r="WMM23" s="8"/>
      <c r="WMN23" s="8"/>
      <c r="WMO23" s="8"/>
      <c r="WMP23" s="8"/>
      <c r="WMQ23" s="8"/>
      <c r="WMR23" s="8"/>
      <c r="WMS23" s="8"/>
      <c r="WMT23" s="8"/>
      <c r="WMU23" s="8"/>
      <c r="WMV23" s="8"/>
      <c r="WMW23" s="8"/>
      <c r="WMX23" s="8"/>
      <c r="WMY23" s="8"/>
      <c r="WMZ23" s="8"/>
      <c r="WNA23" s="8"/>
      <c r="WNB23" s="8"/>
      <c r="WNC23" s="8"/>
      <c r="WND23" s="8"/>
      <c r="WNE23" s="8"/>
      <c r="WNF23" s="8"/>
      <c r="WNG23" s="8"/>
      <c r="WNH23" s="8"/>
      <c r="WNI23" s="8"/>
      <c r="WNJ23" s="8"/>
      <c r="WNK23" s="8"/>
      <c r="WNL23" s="8"/>
      <c r="WNM23" s="8"/>
      <c r="WNN23" s="8"/>
      <c r="WNO23" s="8"/>
      <c r="WNP23" s="8"/>
      <c r="WNQ23" s="8"/>
      <c r="WNR23" s="8"/>
      <c r="WNS23" s="8"/>
      <c r="WNT23" s="8"/>
      <c r="WNU23" s="8"/>
      <c r="WNV23" s="8"/>
      <c r="WNW23" s="8"/>
      <c r="WNX23" s="8"/>
      <c r="WNY23" s="8"/>
      <c r="WNZ23" s="8"/>
      <c r="WOA23" s="8"/>
      <c r="WOB23" s="8"/>
      <c r="WOC23" s="8"/>
      <c r="WOD23" s="8"/>
      <c r="WOE23" s="8"/>
      <c r="WOF23" s="8"/>
      <c r="WOG23" s="8"/>
      <c r="WOH23" s="8"/>
      <c r="WOI23" s="8"/>
      <c r="WOJ23" s="8"/>
      <c r="WOK23" s="8"/>
      <c r="WOL23" s="8"/>
      <c r="WOM23" s="8"/>
      <c r="WON23" s="8"/>
      <c r="WOO23" s="8"/>
      <c r="WOP23" s="8"/>
      <c r="WOQ23" s="8"/>
      <c r="WOR23" s="8"/>
      <c r="WOS23" s="8"/>
      <c r="WOT23" s="8"/>
      <c r="WOU23" s="8"/>
      <c r="WOV23" s="8"/>
      <c r="WOW23" s="8"/>
      <c r="WOX23" s="8"/>
      <c r="WOY23" s="8"/>
      <c r="WOZ23" s="8"/>
      <c r="WPA23" s="8"/>
      <c r="WPB23" s="8"/>
      <c r="WPC23" s="8"/>
      <c r="WPD23" s="8"/>
      <c r="WPE23" s="8"/>
      <c r="WPF23" s="8"/>
      <c r="WPG23" s="8"/>
      <c r="WPH23" s="8"/>
      <c r="WPI23" s="8"/>
      <c r="WPJ23" s="8"/>
      <c r="WPK23" s="8"/>
      <c r="WPL23" s="8"/>
      <c r="WPM23" s="8"/>
      <c r="WPN23" s="8"/>
      <c r="WPO23" s="8"/>
      <c r="WPP23" s="8"/>
      <c r="WPQ23" s="8"/>
      <c r="WPR23" s="8"/>
      <c r="WPS23" s="8"/>
      <c r="WPT23" s="8"/>
      <c r="WPU23" s="8"/>
      <c r="WPV23" s="8"/>
      <c r="WPW23" s="8"/>
      <c r="WPX23" s="8"/>
      <c r="WPY23" s="8"/>
      <c r="WPZ23" s="8"/>
      <c r="WQA23" s="8"/>
      <c r="WQB23" s="8"/>
      <c r="WQC23" s="8"/>
      <c r="WQD23" s="8"/>
      <c r="WQE23" s="8"/>
      <c r="WQF23" s="8"/>
      <c r="WQG23" s="8"/>
      <c r="WQH23" s="8"/>
      <c r="WQI23" s="8"/>
      <c r="WQJ23" s="8"/>
      <c r="WQK23" s="8"/>
      <c r="WQL23" s="8"/>
      <c r="WQM23" s="8"/>
      <c r="WQN23" s="8"/>
      <c r="WQO23" s="8"/>
      <c r="WQP23" s="8"/>
      <c r="WQQ23" s="8"/>
      <c r="WQR23" s="8"/>
      <c r="WQS23" s="8"/>
      <c r="WQT23" s="8"/>
      <c r="WQU23" s="8"/>
      <c r="WQV23" s="8"/>
      <c r="WQW23" s="8"/>
      <c r="WQX23" s="8"/>
      <c r="WQY23" s="8"/>
      <c r="WQZ23" s="8"/>
      <c r="WRA23" s="8"/>
      <c r="WRB23" s="8"/>
      <c r="WRC23" s="8"/>
      <c r="WRD23" s="8"/>
      <c r="WRE23" s="8"/>
      <c r="WRF23" s="8"/>
      <c r="WRG23" s="8"/>
      <c r="WRH23" s="8"/>
      <c r="WRI23" s="8"/>
      <c r="WRJ23" s="8"/>
      <c r="WRK23" s="8"/>
      <c r="WRL23" s="8"/>
      <c r="WRM23" s="8"/>
      <c r="WRN23" s="8"/>
      <c r="WRO23" s="8"/>
      <c r="WRP23" s="8"/>
      <c r="WRQ23" s="8"/>
      <c r="WRR23" s="8"/>
      <c r="WRS23" s="8"/>
      <c r="WRT23" s="8"/>
      <c r="WRU23" s="8"/>
      <c r="WRV23" s="8"/>
      <c r="WRW23" s="8"/>
      <c r="WRX23" s="8"/>
      <c r="WRY23" s="8"/>
      <c r="WRZ23" s="8"/>
      <c r="WSA23" s="8"/>
      <c r="WSB23" s="8"/>
      <c r="WSC23" s="8"/>
      <c r="WSD23" s="8"/>
      <c r="WSE23" s="8"/>
      <c r="WSF23" s="8"/>
      <c r="WSG23" s="8"/>
      <c r="WSH23" s="8"/>
      <c r="WSI23" s="8"/>
      <c r="WSJ23" s="8"/>
      <c r="WSK23" s="8"/>
      <c r="WSL23" s="8"/>
      <c r="WSM23" s="8"/>
      <c r="WSN23" s="8"/>
      <c r="WSO23" s="8"/>
      <c r="WSP23" s="8"/>
      <c r="WSQ23" s="8"/>
      <c r="WSR23" s="8"/>
      <c r="WSS23" s="8"/>
      <c r="WST23" s="8"/>
      <c r="WSU23" s="8"/>
      <c r="WSV23" s="8"/>
      <c r="WSW23" s="8"/>
      <c r="WSX23" s="8"/>
      <c r="WSY23" s="8"/>
      <c r="WSZ23" s="8"/>
      <c r="WTA23" s="8"/>
      <c r="WTB23" s="8"/>
      <c r="WTC23" s="8"/>
      <c r="WTD23" s="8"/>
      <c r="WTE23" s="8"/>
      <c r="WTF23" s="8"/>
      <c r="WTG23" s="8"/>
      <c r="WTH23" s="8"/>
      <c r="WTI23" s="8"/>
      <c r="WTJ23" s="8"/>
      <c r="WTK23" s="8"/>
      <c r="WTL23" s="8"/>
      <c r="WTM23" s="8"/>
      <c r="WTN23" s="8"/>
      <c r="WTO23" s="8"/>
      <c r="WTP23" s="8"/>
      <c r="WTQ23" s="8"/>
      <c r="WTR23" s="8"/>
      <c r="WTS23" s="8"/>
      <c r="WTT23" s="8"/>
      <c r="WTU23" s="8"/>
      <c r="WTV23" s="8"/>
      <c r="WTW23" s="8"/>
      <c r="WTX23" s="8"/>
      <c r="WTY23" s="8"/>
      <c r="WTZ23" s="8"/>
      <c r="WUA23" s="8"/>
      <c r="WUB23" s="8"/>
      <c r="WUC23" s="8"/>
      <c r="WUD23" s="8"/>
      <c r="WUE23" s="8"/>
      <c r="WUF23" s="8"/>
      <c r="WUG23" s="8"/>
      <c r="WUH23" s="8"/>
      <c r="WUI23" s="8"/>
      <c r="WUJ23" s="8"/>
      <c r="WUK23" s="8"/>
      <c r="WUL23" s="8"/>
      <c r="WUM23" s="8"/>
      <c r="WUN23" s="8"/>
      <c r="WUO23" s="8"/>
      <c r="WUP23" s="8"/>
      <c r="WUQ23" s="8"/>
      <c r="WUR23" s="8"/>
      <c r="WUS23" s="8"/>
      <c r="WUT23" s="8"/>
      <c r="WUU23" s="8"/>
      <c r="WUV23" s="8"/>
      <c r="WUW23" s="8"/>
      <c r="WUX23" s="8"/>
      <c r="WUY23" s="8"/>
      <c r="WUZ23" s="8"/>
      <c r="WVA23" s="8"/>
      <c r="WVB23" s="8"/>
      <c r="WVC23" s="8"/>
      <c r="WVD23" s="8"/>
      <c r="WVE23" s="8"/>
      <c r="WVF23" s="8"/>
      <c r="WVG23" s="8"/>
      <c r="WVH23" s="8"/>
      <c r="WVI23" s="8"/>
      <c r="WVJ23" s="8"/>
      <c r="WVK23" s="8"/>
      <c r="WVL23" s="8"/>
      <c r="WVM23" s="8"/>
      <c r="WVN23" s="8"/>
      <c r="WVO23" s="8"/>
      <c r="WVP23" s="8"/>
      <c r="WVQ23" s="8"/>
      <c r="WVR23" s="8"/>
      <c r="WVS23" s="8"/>
      <c r="WVT23" s="8"/>
      <c r="WVU23" s="8"/>
      <c r="WVV23" s="8"/>
      <c r="WVW23" s="8"/>
      <c r="WVX23" s="8"/>
      <c r="WVY23" s="8"/>
      <c r="WVZ23" s="8"/>
      <c r="WWA23" s="8"/>
      <c r="WWB23" s="8"/>
      <c r="WWC23" s="8"/>
      <c r="WWD23" s="8"/>
      <c r="WWE23" s="8"/>
      <c r="WWF23" s="8"/>
      <c r="WWG23" s="8"/>
      <c r="WWH23" s="8"/>
      <c r="WWI23" s="8"/>
      <c r="WWJ23" s="8"/>
      <c r="WWK23" s="8"/>
      <c r="WWL23" s="8"/>
      <c r="WWM23" s="8"/>
      <c r="WWN23" s="8"/>
      <c r="WWO23" s="8"/>
      <c r="WWP23" s="8"/>
      <c r="WWQ23" s="8"/>
      <c r="WWR23" s="8"/>
      <c r="WWS23" s="8"/>
      <c r="WWT23" s="8"/>
      <c r="WWU23" s="8"/>
      <c r="WWV23" s="8"/>
      <c r="WWW23" s="8"/>
      <c r="WWX23" s="8"/>
      <c r="WWY23" s="8"/>
      <c r="WWZ23" s="8"/>
      <c r="WXA23" s="8"/>
      <c r="WXB23" s="8"/>
      <c r="WXC23" s="8"/>
      <c r="WXD23" s="8"/>
      <c r="WXE23" s="8"/>
      <c r="WXF23" s="8"/>
      <c r="WXG23" s="8"/>
      <c r="WXH23" s="8"/>
      <c r="WXI23" s="8"/>
      <c r="WXJ23" s="8"/>
      <c r="WXK23" s="8"/>
      <c r="WXL23" s="8"/>
      <c r="WXM23" s="8"/>
      <c r="WXN23" s="8"/>
      <c r="WXO23" s="8"/>
      <c r="WXP23" s="8"/>
      <c r="WXQ23" s="8"/>
      <c r="WXR23" s="8"/>
      <c r="WXS23" s="8"/>
      <c r="WXT23" s="8"/>
      <c r="WXU23" s="8"/>
      <c r="WXV23" s="8"/>
      <c r="WXW23" s="8"/>
      <c r="WXX23" s="8"/>
      <c r="WXY23" s="8"/>
      <c r="WXZ23" s="8"/>
      <c r="WYA23" s="8"/>
      <c r="WYB23" s="8"/>
      <c r="WYC23" s="8"/>
      <c r="WYD23" s="8"/>
      <c r="WYE23" s="8"/>
      <c r="WYF23" s="8"/>
      <c r="WYG23" s="8"/>
      <c r="WYH23" s="8"/>
      <c r="WYI23" s="8"/>
      <c r="WYJ23" s="8"/>
      <c r="WYK23" s="8"/>
      <c r="WYL23" s="8"/>
      <c r="WYM23" s="8"/>
      <c r="WYN23" s="8"/>
      <c r="WYO23" s="8"/>
      <c r="WYP23" s="8"/>
      <c r="WYQ23" s="8"/>
      <c r="WYR23" s="8"/>
      <c r="WYS23" s="8"/>
      <c r="WYT23" s="8"/>
      <c r="WYU23" s="8"/>
      <c r="WYV23" s="8"/>
      <c r="WYW23" s="8"/>
      <c r="WYX23" s="8"/>
      <c r="WYY23" s="8"/>
      <c r="WYZ23" s="8"/>
      <c r="WZA23" s="8"/>
      <c r="WZB23" s="8"/>
      <c r="WZC23" s="8"/>
      <c r="WZD23" s="8"/>
      <c r="WZE23" s="8"/>
      <c r="WZF23" s="8"/>
      <c r="WZG23" s="8"/>
      <c r="WZH23" s="8"/>
      <c r="WZI23" s="8"/>
      <c r="WZJ23" s="8"/>
      <c r="WZK23" s="8"/>
      <c r="WZL23" s="8"/>
      <c r="WZM23" s="8"/>
      <c r="WZN23" s="8"/>
      <c r="WZO23" s="8"/>
      <c r="WZP23" s="8"/>
      <c r="WZQ23" s="8"/>
      <c r="WZR23" s="8"/>
      <c r="WZS23" s="8"/>
      <c r="WZT23" s="8"/>
      <c r="WZU23" s="8"/>
      <c r="WZV23" s="8"/>
      <c r="WZW23" s="8"/>
      <c r="WZX23" s="8"/>
      <c r="WZY23" s="8"/>
      <c r="WZZ23" s="8"/>
      <c r="XAA23" s="8"/>
      <c r="XAB23" s="8"/>
      <c r="XAC23" s="8"/>
      <c r="XAD23" s="8"/>
      <c r="XAE23" s="8"/>
      <c r="XAF23" s="8"/>
      <c r="XAG23" s="8"/>
      <c r="XAH23" s="8"/>
      <c r="XAI23" s="8"/>
      <c r="XAJ23" s="8"/>
      <c r="XAK23" s="8"/>
      <c r="XAL23" s="8"/>
      <c r="XAM23" s="8"/>
      <c r="XAN23" s="8"/>
      <c r="XAO23" s="8"/>
      <c r="XAP23" s="8"/>
      <c r="XAQ23" s="8"/>
      <c r="XAR23" s="8"/>
      <c r="XAS23" s="8"/>
      <c r="XAT23" s="8"/>
      <c r="XAU23" s="8"/>
      <c r="XAV23" s="8"/>
      <c r="XAW23" s="8"/>
      <c r="XAX23" s="8"/>
      <c r="XAY23" s="8"/>
      <c r="XAZ23" s="8"/>
      <c r="XBA23" s="8"/>
      <c r="XBB23" s="8"/>
      <c r="XBC23" s="8"/>
      <c r="XBD23" s="8"/>
      <c r="XBE23" s="8"/>
      <c r="XBF23" s="8"/>
      <c r="XBG23" s="8"/>
      <c r="XBH23" s="8"/>
      <c r="XBI23" s="8"/>
      <c r="XBJ23" s="8"/>
      <c r="XBK23" s="8"/>
      <c r="XBL23" s="8"/>
      <c r="XBM23" s="8"/>
      <c r="XBN23" s="8"/>
      <c r="XBO23" s="8"/>
      <c r="XBP23" s="8"/>
      <c r="XBQ23" s="8"/>
      <c r="XBR23" s="8"/>
      <c r="XBS23" s="8"/>
      <c r="XBT23" s="8"/>
      <c r="XBU23" s="8"/>
      <c r="XBV23" s="8"/>
      <c r="XBW23" s="8"/>
      <c r="XBX23" s="8"/>
      <c r="XBY23" s="8"/>
      <c r="XBZ23" s="8"/>
      <c r="XCA23" s="8"/>
      <c r="XCB23" s="8"/>
      <c r="XCC23" s="8"/>
      <c r="XCD23" s="8"/>
      <c r="XCE23" s="8"/>
      <c r="XCF23" s="8"/>
      <c r="XCG23" s="8"/>
      <c r="XCH23" s="8"/>
      <c r="XCI23" s="8"/>
      <c r="XCJ23" s="8"/>
      <c r="XCK23" s="8"/>
      <c r="XCL23" s="8"/>
      <c r="XCM23" s="8"/>
      <c r="XCN23" s="8"/>
      <c r="XCO23" s="8"/>
      <c r="XCP23" s="8"/>
      <c r="XCQ23" s="8"/>
      <c r="XCR23" s="8"/>
      <c r="XCS23" s="8"/>
      <c r="XCT23" s="8"/>
      <c r="XCU23" s="8"/>
      <c r="XCV23" s="8"/>
      <c r="XCW23" s="8"/>
      <c r="XCX23" s="8"/>
      <c r="XCY23" s="8"/>
      <c r="XCZ23" s="8"/>
      <c r="XDA23" s="8"/>
      <c r="XDB23" s="8"/>
      <c r="XDC23" s="8"/>
      <c r="XDD23" s="8"/>
      <c r="XDE23" s="8"/>
      <c r="XDF23" s="8"/>
      <c r="XDG23" s="8"/>
      <c r="XDH23" s="8"/>
      <c r="XDI23" s="8"/>
      <c r="XDJ23" s="8"/>
      <c r="XDK23" s="8"/>
      <c r="XDL23" s="8"/>
      <c r="XDM23" s="8"/>
      <c r="XDN23" s="8"/>
      <c r="XDO23" s="8"/>
      <c r="XDP23" s="8"/>
      <c r="XDQ23" s="8"/>
      <c r="XDR23" s="8"/>
      <c r="XDS23" s="8"/>
      <c r="XDT23" s="8"/>
      <c r="XDU23" s="8"/>
      <c r="XDV23" s="8"/>
      <c r="XDW23" s="8"/>
      <c r="XDX23" s="8"/>
      <c r="XDY23" s="8"/>
      <c r="XDZ23" s="8"/>
      <c r="XEA23" s="8"/>
      <c r="XEB23" s="8"/>
      <c r="XEC23" s="8"/>
      <c r="XED23" s="8"/>
      <c r="XEE23" s="8"/>
      <c r="XEF23" s="8"/>
      <c r="XEG23" s="8"/>
      <c r="XEH23" s="8"/>
      <c r="XEI23" s="8"/>
      <c r="XEJ23" s="8"/>
      <c r="XEK23" s="8"/>
      <c r="XEL23" s="8"/>
      <c r="XEM23" s="8"/>
      <c r="XEN23" s="8"/>
      <c r="XEO23" s="8"/>
      <c r="XEP23" s="8"/>
      <c r="XEQ23" s="8"/>
      <c r="XER23" s="8"/>
      <c r="XES23" s="8"/>
      <c r="XET23" s="8"/>
      <c r="XEU23" s="8"/>
      <c r="XEV23" s="8"/>
      <c r="XEW23" s="8"/>
      <c r="XEX23" s="8"/>
      <c r="XEY23" s="8"/>
      <c r="XEZ23" s="8"/>
      <c r="XFA23" s="8"/>
      <c r="XFB23" s="8"/>
      <c r="XFC23" s="8"/>
      <c r="XFD23" s="8"/>
    </row>
    <row r="24" spans="1:16384" ht="13.95" customHeight="1" x14ac:dyDescent="0.25">
      <c r="A24" s="14" t="s">
        <v>153</v>
      </c>
      <c r="B24" s="96" t="s">
        <v>58</v>
      </c>
      <c r="C24" s="93" t="s">
        <v>154</v>
      </c>
      <c r="D24" s="93" t="s">
        <v>155</v>
      </c>
      <c r="E24" s="93">
        <v>1997</v>
      </c>
      <c r="F24" s="93">
        <v>295663</v>
      </c>
      <c r="G24" s="93" t="s">
        <v>9</v>
      </c>
      <c r="H24" s="111">
        <v>0</v>
      </c>
      <c r="I24" s="111">
        <v>0</v>
      </c>
      <c r="J24" s="111">
        <v>0</v>
      </c>
      <c r="K24" s="111">
        <v>0</v>
      </c>
      <c r="L24" s="111">
        <v>0</v>
      </c>
      <c r="M24" s="111">
        <v>0</v>
      </c>
      <c r="N24" s="111">
        <v>0</v>
      </c>
      <c r="O24" s="111">
        <v>0</v>
      </c>
      <c r="P24" s="111">
        <v>0</v>
      </c>
      <c r="Q24" s="111">
        <v>0</v>
      </c>
      <c r="R24" s="111">
        <v>0</v>
      </c>
      <c r="S24" s="111">
        <v>0</v>
      </c>
      <c r="T24" s="111">
        <v>0</v>
      </c>
      <c r="U24" s="111">
        <v>0</v>
      </c>
      <c r="V24" s="111">
        <v>0</v>
      </c>
      <c r="W24" s="111">
        <v>0</v>
      </c>
      <c r="X24" s="111">
        <v>0</v>
      </c>
      <c r="Y24" s="111">
        <v>0</v>
      </c>
      <c r="Z24" s="111">
        <v>0</v>
      </c>
      <c r="AA24" s="111">
        <v>0</v>
      </c>
      <c r="AB24" s="111">
        <v>0</v>
      </c>
      <c r="AC24" s="111">
        <v>0</v>
      </c>
      <c r="AD24" s="111">
        <v>0</v>
      </c>
      <c r="AE24" s="111">
        <v>0</v>
      </c>
      <c r="AF24" s="111">
        <v>0</v>
      </c>
      <c r="AG24" s="111">
        <v>0</v>
      </c>
      <c r="AH24" s="111">
        <v>0</v>
      </c>
      <c r="AI24" s="111">
        <v>0</v>
      </c>
      <c r="AJ24" s="111">
        <v>0</v>
      </c>
      <c r="AK24" s="111">
        <v>0</v>
      </c>
      <c r="AL24" s="111">
        <v>0</v>
      </c>
      <c r="AM24" s="111">
        <v>0</v>
      </c>
      <c r="AN24" s="111">
        <v>0</v>
      </c>
      <c r="AO24" s="111">
        <v>0</v>
      </c>
      <c r="AP24" s="111">
        <v>0</v>
      </c>
      <c r="AQ24" s="111">
        <v>0</v>
      </c>
      <c r="AR24" s="111">
        <v>0</v>
      </c>
      <c r="AS24" s="111">
        <v>0</v>
      </c>
      <c r="AT24" s="111" t="s">
        <v>400</v>
      </c>
      <c r="AU24" s="111">
        <v>0</v>
      </c>
      <c r="AV24" s="111">
        <v>0</v>
      </c>
      <c r="AW24" s="111">
        <v>0</v>
      </c>
      <c r="AX24" s="112"/>
      <c r="AY24" s="112" t="s">
        <v>22347</v>
      </c>
      <c r="AZ24" s="112" t="s">
        <v>156</v>
      </c>
      <c r="BA24" s="112" t="s">
        <v>22348</v>
      </c>
      <c r="BB24" s="107">
        <v>45884</v>
      </c>
      <c r="BC24" s="8"/>
      <c r="BD24" s="8"/>
      <c r="BE24" s="8"/>
      <c r="BF24" s="8"/>
      <c r="BG24" s="8"/>
      <c r="BH24" s="8"/>
      <c r="BI24" s="8"/>
      <c r="BJ24" s="8"/>
      <c r="BK24" s="8"/>
      <c r="BL24" s="8"/>
      <c r="BM24" s="8"/>
      <c r="BN24" s="8"/>
      <c r="BO24" s="8"/>
      <c r="BP24" s="8"/>
      <c r="BQ24" s="8"/>
      <c r="BR24" s="8"/>
      <c r="BS24" s="8"/>
      <c r="BT24" s="8"/>
      <c r="BU24" s="8"/>
      <c r="BV24" s="8"/>
      <c r="BW24" s="8"/>
      <c r="BX24" s="8"/>
      <c r="BY24" s="8"/>
      <c r="BZ24" s="8"/>
      <c r="CA24" s="8"/>
      <c r="CB24" s="8"/>
      <c r="CC24" s="8"/>
      <c r="CD24" s="8"/>
      <c r="CE24" s="8"/>
      <c r="CF24" s="8"/>
      <c r="CG24" s="8"/>
      <c r="CH24" s="8"/>
      <c r="CI24" s="8"/>
      <c r="CJ24" s="8"/>
      <c r="CK24" s="8"/>
      <c r="CL24" s="8"/>
      <c r="CM24" s="8"/>
      <c r="CN24" s="8"/>
      <c r="CO24" s="8"/>
      <c r="CP24" s="8"/>
      <c r="CQ24" s="8"/>
      <c r="CR24" s="8"/>
      <c r="CS24" s="8"/>
      <c r="CT24" s="8"/>
      <c r="CU24" s="8"/>
      <c r="CV24" s="8"/>
      <c r="CW24" s="8"/>
      <c r="CX24" s="8"/>
      <c r="CY24" s="8"/>
      <c r="CZ24" s="8"/>
      <c r="DA24" s="8"/>
      <c r="DB24" s="8"/>
      <c r="DC24" s="8"/>
      <c r="DD24" s="8"/>
      <c r="DE24" s="8"/>
      <c r="DF24" s="8"/>
      <c r="DG24" s="8"/>
      <c r="DH24" s="8"/>
      <c r="DI24" s="8"/>
      <c r="DJ24" s="8"/>
      <c r="DK24" s="8"/>
      <c r="DL24" s="8"/>
      <c r="DM24" s="8"/>
      <c r="DN24" s="8"/>
      <c r="DO24" s="8"/>
      <c r="DP24" s="8"/>
      <c r="DQ24" s="8"/>
      <c r="DR24" s="8"/>
      <c r="DS24" s="8"/>
      <c r="DT24" s="8"/>
      <c r="DU24" s="8"/>
      <c r="DV24" s="8"/>
      <c r="DW24" s="8"/>
      <c r="DX24" s="8"/>
      <c r="DY24" s="8"/>
      <c r="DZ24" s="8"/>
      <c r="EA24" s="8"/>
      <c r="EB24" s="8"/>
      <c r="EC24" s="8"/>
      <c r="ED24" s="8"/>
      <c r="EE24" s="8"/>
      <c r="EF24" s="8"/>
      <c r="EG24" s="8"/>
      <c r="EH24" s="8"/>
      <c r="EI24" s="8"/>
      <c r="EJ24" s="8"/>
      <c r="EK24" s="8"/>
      <c r="EL24" s="8"/>
      <c r="EM24" s="8"/>
      <c r="EN24" s="8"/>
      <c r="EO24" s="8"/>
      <c r="EP24" s="8"/>
      <c r="EQ24" s="8"/>
      <c r="ER24" s="8"/>
      <c r="ES24" s="8"/>
      <c r="ET24" s="8"/>
      <c r="EU24" s="8"/>
      <c r="EV24" s="8"/>
      <c r="EW24" s="8"/>
      <c r="EX24" s="8"/>
      <c r="EY24" s="8"/>
      <c r="EZ24" s="8"/>
      <c r="FA24" s="8"/>
      <c r="FB24" s="8"/>
      <c r="FC24" s="8"/>
      <c r="FD24" s="8"/>
      <c r="FE24" s="8"/>
      <c r="FF24" s="8"/>
      <c r="FG24" s="8"/>
      <c r="FH24" s="8"/>
      <c r="FI24" s="8"/>
      <c r="FJ24" s="8"/>
      <c r="FK24" s="8"/>
      <c r="FL24" s="8"/>
      <c r="FM24" s="8"/>
      <c r="FN24" s="8"/>
      <c r="FO24" s="8"/>
      <c r="FP24" s="8"/>
      <c r="FQ24" s="8"/>
      <c r="FR24" s="8"/>
      <c r="FS24" s="8"/>
      <c r="FT24" s="8"/>
      <c r="FU24" s="8"/>
      <c r="FV24" s="8"/>
      <c r="FW24" s="8"/>
      <c r="FX24" s="8"/>
      <c r="FY24" s="8"/>
      <c r="FZ24" s="8"/>
      <c r="GA24" s="8"/>
      <c r="GB24" s="8"/>
      <c r="GC24" s="8"/>
      <c r="GD24" s="8"/>
      <c r="GE24" s="8"/>
      <c r="GF24" s="8"/>
      <c r="GG24" s="8"/>
      <c r="GH24" s="8"/>
      <c r="GI24" s="8"/>
      <c r="GJ24" s="8"/>
      <c r="GK24" s="8"/>
      <c r="GL24" s="8"/>
      <c r="GM24" s="8"/>
      <c r="GN24" s="8"/>
      <c r="GO24" s="8"/>
      <c r="GP24" s="8"/>
      <c r="GQ24" s="8"/>
      <c r="GR24" s="8"/>
      <c r="GS24" s="8"/>
      <c r="GT24" s="8"/>
      <c r="GU24" s="8"/>
      <c r="GV24" s="8"/>
      <c r="GW24" s="8"/>
      <c r="GX24" s="8"/>
      <c r="GY24" s="8"/>
      <c r="GZ24" s="8"/>
      <c r="HA24" s="8"/>
      <c r="HB24" s="8"/>
      <c r="HC24" s="8"/>
      <c r="HD24" s="8"/>
      <c r="HE24" s="8"/>
      <c r="HF24" s="8"/>
      <c r="HG24" s="8"/>
      <c r="HH24" s="8"/>
      <c r="HI24" s="8"/>
      <c r="HJ24" s="8"/>
      <c r="HK24" s="8"/>
      <c r="HL24" s="8"/>
      <c r="HM24" s="8"/>
      <c r="HN24" s="8"/>
      <c r="HO24" s="8"/>
      <c r="HP24" s="8"/>
      <c r="HQ24" s="8"/>
      <c r="HR24" s="8"/>
      <c r="HS24" s="8"/>
      <c r="HT24" s="8"/>
      <c r="HU24" s="8"/>
      <c r="HV24" s="8"/>
      <c r="HW24" s="8"/>
      <c r="HX24" s="8"/>
      <c r="HY24" s="8"/>
      <c r="HZ24" s="8"/>
      <c r="IA24" s="8"/>
      <c r="IB24" s="8"/>
      <c r="IC24" s="8"/>
      <c r="ID24" s="8"/>
      <c r="IE24" s="8"/>
      <c r="IF24" s="8"/>
      <c r="IG24" s="8"/>
      <c r="IH24" s="8"/>
      <c r="II24" s="8"/>
      <c r="IJ24" s="8"/>
      <c r="IK24" s="8"/>
      <c r="IL24" s="8"/>
      <c r="IM24" s="8"/>
      <c r="IN24" s="8"/>
      <c r="IO24" s="8"/>
      <c r="IP24" s="8"/>
      <c r="IQ24" s="8"/>
      <c r="IR24" s="8"/>
      <c r="IS24" s="8"/>
      <c r="IT24" s="8"/>
      <c r="IU24" s="8"/>
      <c r="IV24" s="8"/>
      <c r="IW24" s="8"/>
      <c r="IX24" s="8"/>
      <c r="IY24" s="8"/>
      <c r="IZ24" s="8"/>
      <c r="JA24" s="8"/>
      <c r="JB24" s="8"/>
      <c r="JC24" s="8"/>
      <c r="JD24" s="8"/>
      <c r="JE24" s="8"/>
      <c r="JF24" s="8"/>
      <c r="JG24" s="8"/>
      <c r="JH24" s="8"/>
      <c r="JI24" s="8"/>
      <c r="JJ24" s="8"/>
      <c r="JK24" s="8"/>
      <c r="JL24" s="8"/>
      <c r="JM24" s="8"/>
      <c r="JN24" s="8"/>
      <c r="JO24" s="8"/>
      <c r="JP24" s="8"/>
      <c r="JQ24" s="8"/>
      <c r="JR24" s="8"/>
      <c r="JS24" s="8"/>
      <c r="JT24" s="8"/>
      <c r="JU24" s="8"/>
      <c r="JV24" s="8"/>
      <c r="JW24" s="8"/>
      <c r="JX24" s="8"/>
      <c r="JY24" s="8"/>
      <c r="JZ24" s="8"/>
      <c r="KA24" s="8"/>
      <c r="KB24" s="8"/>
      <c r="KC24" s="8"/>
      <c r="KD24" s="8"/>
      <c r="KE24" s="8"/>
      <c r="KF24" s="8"/>
      <c r="KG24" s="8"/>
      <c r="KH24" s="8"/>
      <c r="KI24" s="8"/>
      <c r="KJ24" s="8"/>
      <c r="KK24" s="8"/>
      <c r="KL24" s="8"/>
      <c r="KM24" s="8"/>
      <c r="KN24" s="8"/>
      <c r="KO24" s="8"/>
      <c r="KP24" s="8"/>
      <c r="KQ24" s="8"/>
      <c r="KR24" s="8"/>
      <c r="KS24" s="8"/>
      <c r="KT24" s="8"/>
      <c r="KU24" s="8"/>
      <c r="KV24" s="8"/>
      <c r="KW24" s="8"/>
      <c r="KX24" s="8"/>
      <c r="KY24" s="8"/>
      <c r="KZ24" s="8"/>
      <c r="LA24" s="8"/>
      <c r="LB24" s="8"/>
      <c r="LC24" s="8"/>
      <c r="LD24" s="8"/>
      <c r="LE24" s="8"/>
      <c r="LF24" s="8"/>
      <c r="LG24" s="8"/>
      <c r="LH24" s="8"/>
      <c r="LI24" s="8"/>
      <c r="LJ24" s="8"/>
      <c r="LK24" s="8"/>
      <c r="LL24" s="8"/>
      <c r="LM24" s="8"/>
      <c r="LN24" s="8"/>
      <c r="LO24" s="8"/>
      <c r="LP24" s="8"/>
      <c r="LQ24" s="8"/>
      <c r="LR24" s="8"/>
      <c r="LS24" s="8"/>
      <c r="LT24" s="8"/>
      <c r="LU24" s="8"/>
      <c r="LV24" s="8"/>
      <c r="LW24" s="8"/>
      <c r="LX24" s="8"/>
      <c r="LY24" s="8"/>
      <c r="LZ24" s="8"/>
      <c r="MA24" s="8"/>
      <c r="MB24" s="8"/>
      <c r="MC24" s="8"/>
      <c r="MD24" s="8"/>
      <c r="ME24" s="8"/>
      <c r="MF24" s="8"/>
      <c r="MG24" s="8"/>
      <c r="MH24" s="8"/>
      <c r="MI24" s="8"/>
      <c r="MJ24" s="8"/>
      <c r="MK24" s="8"/>
      <c r="ML24" s="8"/>
      <c r="MM24" s="8"/>
      <c r="MN24" s="8"/>
      <c r="MO24" s="8"/>
      <c r="MP24" s="8"/>
      <c r="MQ24" s="8"/>
      <c r="MR24" s="8"/>
      <c r="MS24" s="8"/>
      <c r="MT24" s="8"/>
      <c r="MU24" s="8"/>
      <c r="MV24" s="8"/>
      <c r="MW24" s="8"/>
      <c r="MX24" s="8"/>
      <c r="MY24" s="8"/>
      <c r="MZ24" s="8"/>
      <c r="NA24" s="8"/>
      <c r="NB24" s="8"/>
      <c r="NC24" s="8"/>
      <c r="ND24" s="8"/>
      <c r="NE24" s="8"/>
      <c r="NF24" s="8"/>
      <c r="NG24" s="8"/>
      <c r="NH24" s="8"/>
      <c r="NI24" s="8"/>
      <c r="NJ24" s="8"/>
      <c r="NK24" s="8"/>
      <c r="NL24" s="8"/>
      <c r="NM24" s="8"/>
      <c r="NN24" s="8"/>
      <c r="NO24" s="8"/>
      <c r="NP24" s="8"/>
      <c r="NQ24" s="8"/>
      <c r="NR24" s="8"/>
      <c r="NS24" s="8"/>
      <c r="NT24" s="8"/>
      <c r="NU24" s="8"/>
      <c r="NV24" s="8"/>
      <c r="NW24" s="8"/>
      <c r="NX24" s="8"/>
      <c r="NY24" s="8"/>
      <c r="NZ24" s="8"/>
      <c r="OA24" s="8"/>
      <c r="OB24" s="8"/>
      <c r="OC24" s="8"/>
      <c r="OD24" s="8"/>
      <c r="OE24" s="8"/>
      <c r="OF24" s="8"/>
      <c r="OG24" s="8"/>
      <c r="OH24" s="8"/>
      <c r="OI24" s="8"/>
      <c r="OJ24" s="8"/>
      <c r="OK24" s="8"/>
      <c r="OL24" s="8"/>
      <c r="OM24" s="8"/>
      <c r="ON24" s="8"/>
      <c r="OO24" s="8"/>
      <c r="OP24" s="8"/>
      <c r="OQ24" s="8"/>
      <c r="OR24" s="8"/>
      <c r="OS24" s="8"/>
      <c r="OT24" s="8"/>
      <c r="OU24" s="8"/>
      <c r="OV24" s="8"/>
      <c r="OW24" s="8"/>
      <c r="OX24" s="8"/>
      <c r="OY24" s="8"/>
      <c r="OZ24" s="8"/>
      <c r="PA24" s="8"/>
      <c r="PB24" s="8"/>
      <c r="PC24" s="8"/>
      <c r="PD24" s="8"/>
      <c r="PE24" s="8"/>
      <c r="PF24" s="8"/>
      <c r="PG24" s="8"/>
      <c r="PH24" s="8"/>
      <c r="PI24" s="8"/>
      <c r="PJ24" s="8"/>
      <c r="PK24" s="8"/>
      <c r="PL24" s="8"/>
      <c r="PM24" s="8"/>
      <c r="PN24" s="8"/>
      <c r="PO24" s="8"/>
      <c r="PP24" s="8"/>
      <c r="PQ24" s="8"/>
      <c r="PR24" s="8"/>
      <c r="PS24" s="8"/>
      <c r="PT24" s="8"/>
      <c r="PU24" s="8"/>
      <c r="PV24" s="8"/>
      <c r="PW24" s="8"/>
      <c r="PX24" s="8"/>
      <c r="PY24" s="8"/>
      <c r="PZ24" s="8"/>
      <c r="QA24" s="8"/>
      <c r="QB24" s="8"/>
      <c r="QC24" s="8"/>
      <c r="QD24" s="8"/>
      <c r="QE24" s="8"/>
      <c r="QF24" s="8"/>
      <c r="QG24" s="8"/>
      <c r="QH24" s="8"/>
      <c r="QI24" s="8"/>
      <c r="QJ24" s="8"/>
      <c r="QK24" s="8"/>
      <c r="QL24" s="8"/>
      <c r="QM24" s="8"/>
      <c r="QN24" s="8"/>
      <c r="QO24" s="8"/>
      <c r="QP24" s="8"/>
      <c r="QQ24" s="8"/>
      <c r="QR24" s="8"/>
      <c r="QS24" s="8"/>
      <c r="QT24" s="8"/>
      <c r="QU24" s="8"/>
      <c r="QV24" s="8"/>
      <c r="QW24" s="8"/>
      <c r="QX24" s="8"/>
      <c r="QY24" s="8"/>
      <c r="QZ24" s="8"/>
      <c r="RA24" s="8"/>
      <c r="RB24" s="8"/>
      <c r="RC24" s="8"/>
      <c r="RD24" s="8"/>
      <c r="RE24" s="8"/>
      <c r="RF24" s="8"/>
      <c r="RG24" s="8"/>
      <c r="RH24" s="8"/>
      <c r="RI24" s="8"/>
      <c r="RJ24" s="8"/>
      <c r="RK24" s="8"/>
      <c r="RL24" s="8"/>
      <c r="RM24" s="8"/>
      <c r="RN24" s="8"/>
      <c r="RO24" s="8"/>
      <c r="RP24" s="8"/>
      <c r="RQ24" s="8"/>
      <c r="RR24" s="8"/>
      <c r="RS24" s="8"/>
      <c r="RT24" s="8"/>
      <c r="RU24" s="8"/>
      <c r="RV24" s="8"/>
      <c r="RW24" s="8"/>
      <c r="RX24" s="8"/>
      <c r="RY24" s="8"/>
      <c r="RZ24" s="8"/>
      <c r="SA24" s="8"/>
      <c r="SB24" s="8"/>
      <c r="SC24" s="8"/>
      <c r="SD24" s="8"/>
      <c r="SE24" s="8"/>
      <c r="SF24" s="8"/>
      <c r="SG24" s="8"/>
      <c r="SH24" s="8"/>
      <c r="SI24" s="8"/>
      <c r="SJ24" s="8"/>
      <c r="SK24" s="8"/>
      <c r="SL24" s="8"/>
      <c r="SM24" s="8"/>
      <c r="SN24" s="8"/>
      <c r="SO24" s="8"/>
      <c r="SP24" s="8"/>
      <c r="SQ24" s="8"/>
      <c r="SR24" s="8"/>
      <c r="SS24" s="8"/>
      <c r="ST24" s="8"/>
      <c r="SU24" s="8"/>
      <c r="SV24" s="8"/>
      <c r="SW24" s="8"/>
      <c r="SX24" s="8"/>
      <c r="SY24" s="8"/>
      <c r="SZ24" s="8"/>
      <c r="TA24" s="8"/>
      <c r="TB24" s="8"/>
      <c r="TC24" s="8"/>
      <c r="TD24" s="8"/>
      <c r="TE24" s="8"/>
      <c r="TF24" s="8"/>
      <c r="TG24" s="8"/>
      <c r="TH24" s="8"/>
      <c r="TI24" s="8"/>
      <c r="TJ24" s="8"/>
      <c r="TK24" s="8"/>
      <c r="TL24" s="8"/>
      <c r="TM24" s="8"/>
      <c r="TN24" s="8"/>
      <c r="TO24" s="8"/>
      <c r="TP24" s="8"/>
      <c r="TQ24" s="8"/>
      <c r="TR24" s="8"/>
      <c r="TS24" s="8"/>
      <c r="TT24" s="8"/>
      <c r="TU24" s="8"/>
      <c r="TV24" s="8"/>
      <c r="TW24" s="8"/>
      <c r="TX24" s="8"/>
      <c r="TY24" s="8"/>
      <c r="TZ24" s="8"/>
      <c r="UA24" s="8"/>
      <c r="UB24" s="8"/>
      <c r="UC24" s="8"/>
      <c r="UD24" s="8"/>
      <c r="UE24" s="8"/>
      <c r="UF24" s="8"/>
      <c r="UG24" s="8"/>
      <c r="UH24" s="8"/>
      <c r="UI24" s="8"/>
      <c r="UJ24" s="8"/>
      <c r="UK24" s="8"/>
      <c r="UL24" s="8"/>
      <c r="UM24" s="8"/>
      <c r="UN24" s="8"/>
      <c r="UO24" s="8"/>
      <c r="UP24" s="8"/>
      <c r="UQ24" s="8"/>
      <c r="UR24" s="8"/>
      <c r="US24" s="8"/>
      <c r="UT24" s="8"/>
      <c r="UU24" s="8"/>
      <c r="UV24" s="8"/>
      <c r="UW24" s="8"/>
      <c r="UX24" s="8"/>
      <c r="UY24" s="8"/>
      <c r="UZ24" s="8"/>
      <c r="VA24" s="8"/>
      <c r="VB24" s="8"/>
      <c r="VC24" s="8"/>
      <c r="VD24" s="8"/>
      <c r="VE24" s="8"/>
      <c r="VF24" s="8"/>
      <c r="VG24" s="8"/>
      <c r="VH24" s="8"/>
      <c r="VI24" s="8"/>
      <c r="VJ24" s="8"/>
      <c r="VK24" s="8"/>
      <c r="VL24" s="8"/>
      <c r="VM24" s="8"/>
      <c r="VN24" s="8"/>
      <c r="VO24" s="8"/>
      <c r="VP24" s="8"/>
      <c r="VQ24" s="8"/>
      <c r="VR24" s="8"/>
      <c r="VS24" s="8"/>
      <c r="VT24" s="8"/>
      <c r="VU24" s="8"/>
      <c r="VV24" s="8"/>
      <c r="VW24" s="8"/>
      <c r="VX24" s="8"/>
      <c r="VY24" s="8"/>
      <c r="VZ24" s="8"/>
      <c r="WA24" s="8"/>
      <c r="WB24" s="8"/>
      <c r="WC24" s="8"/>
      <c r="WD24" s="8"/>
      <c r="WE24" s="8"/>
      <c r="WF24" s="8"/>
      <c r="WG24" s="8"/>
      <c r="WH24" s="8"/>
      <c r="WI24" s="8"/>
      <c r="WJ24" s="8"/>
      <c r="WK24" s="8"/>
      <c r="WL24" s="8"/>
      <c r="WM24" s="8"/>
      <c r="WN24" s="8"/>
      <c r="WO24" s="8"/>
      <c r="WP24" s="8"/>
      <c r="WQ24" s="8"/>
      <c r="WR24" s="8"/>
      <c r="WS24" s="8"/>
      <c r="WT24" s="8"/>
      <c r="WU24" s="8"/>
      <c r="WV24" s="8"/>
      <c r="WW24" s="8"/>
      <c r="WX24" s="8"/>
      <c r="WY24" s="8"/>
      <c r="WZ24" s="8"/>
      <c r="XA24" s="8"/>
      <c r="XB24" s="8"/>
      <c r="XC24" s="8"/>
      <c r="XD24" s="8"/>
      <c r="XE24" s="8"/>
      <c r="XF24" s="8"/>
      <c r="XG24" s="8"/>
      <c r="XH24" s="8"/>
      <c r="XI24" s="8"/>
      <c r="XJ24" s="8"/>
      <c r="XK24" s="8"/>
      <c r="XL24" s="8"/>
      <c r="XM24" s="8"/>
      <c r="XN24" s="8"/>
      <c r="XO24" s="8"/>
      <c r="XP24" s="8"/>
      <c r="XQ24" s="8"/>
      <c r="XR24" s="8"/>
      <c r="XS24" s="8"/>
      <c r="XT24" s="8"/>
      <c r="XU24" s="8"/>
      <c r="XV24" s="8"/>
      <c r="XW24" s="8"/>
      <c r="XX24" s="8"/>
      <c r="XY24" s="8"/>
      <c r="XZ24" s="8"/>
      <c r="YA24" s="8"/>
      <c r="YB24" s="8"/>
      <c r="YC24" s="8"/>
      <c r="YD24" s="8"/>
      <c r="YE24" s="8"/>
      <c r="YF24" s="8"/>
      <c r="YG24" s="8"/>
      <c r="YH24" s="8"/>
      <c r="YI24" s="8"/>
      <c r="YJ24" s="8"/>
      <c r="YK24" s="8"/>
      <c r="YL24" s="8"/>
      <c r="YM24" s="8"/>
      <c r="YN24" s="8"/>
      <c r="YO24" s="8"/>
      <c r="YP24" s="8"/>
      <c r="YQ24" s="8"/>
      <c r="YR24" s="8"/>
      <c r="YS24" s="8"/>
      <c r="YT24" s="8"/>
      <c r="YU24" s="8"/>
      <c r="YV24" s="8"/>
      <c r="YW24" s="8"/>
      <c r="YX24" s="8"/>
      <c r="YY24" s="8"/>
      <c r="YZ24" s="8"/>
      <c r="ZA24" s="8"/>
      <c r="ZB24" s="8"/>
      <c r="ZC24" s="8"/>
      <c r="ZD24" s="8"/>
      <c r="ZE24" s="8"/>
      <c r="ZF24" s="8"/>
      <c r="ZG24" s="8"/>
      <c r="ZH24" s="8"/>
      <c r="ZI24" s="8"/>
      <c r="ZJ24" s="8"/>
      <c r="ZK24" s="8"/>
      <c r="ZL24" s="8"/>
      <c r="ZM24" s="8"/>
      <c r="ZN24" s="8"/>
      <c r="ZO24" s="8"/>
      <c r="ZP24" s="8"/>
      <c r="ZQ24" s="8"/>
      <c r="ZR24" s="8"/>
      <c r="ZS24" s="8"/>
      <c r="ZT24" s="8"/>
      <c r="ZU24" s="8"/>
      <c r="ZV24" s="8"/>
      <c r="ZW24" s="8"/>
      <c r="ZX24" s="8"/>
      <c r="ZY24" s="8"/>
      <c r="ZZ24" s="8"/>
      <c r="AAA24" s="8"/>
      <c r="AAB24" s="8"/>
      <c r="AAC24" s="8"/>
      <c r="AAD24" s="8"/>
      <c r="AAE24" s="8"/>
      <c r="AAF24" s="8"/>
      <c r="AAG24" s="8"/>
      <c r="AAH24" s="8"/>
      <c r="AAI24" s="8"/>
      <c r="AAJ24" s="8"/>
      <c r="AAK24" s="8"/>
      <c r="AAL24" s="8"/>
      <c r="AAM24" s="8"/>
      <c r="AAN24" s="8"/>
      <c r="AAO24" s="8"/>
      <c r="AAP24" s="8"/>
      <c r="AAQ24" s="8"/>
      <c r="AAR24" s="8"/>
      <c r="AAS24" s="8"/>
      <c r="AAT24" s="8"/>
      <c r="AAU24" s="8"/>
      <c r="AAV24" s="8"/>
      <c r="AAW24" s="8"/>
      <c r="AAX24" s="8"/>
      <c r="AAY24" s="8"/>
      <c r="AAZ24" s="8"/>
      <c r="ABA24" s="8"/>
      <c r="ABB24" s="8"/>
      <c r="ABC24" s="8"/>
      <c r="ABD24" s="8"/>
      <c r="ABE24" s="8"/>
      <c r="ABF24" s="8"/>
      <c r="ABG24" s="8"/>
      <c r="ABH24" s="8"/>
      <c r="ABI24" s="8"/>
      <c r="ABJ24" s="8"/>
      <c r="ABK24" s="8"/>
      <c r="ABL24" s="8"/>
      <c r="ABM24" s="8"/>
      <c r="ABN24" s="8"/>
      <c r="ABO24" s="8"/>
      <c r="ABP24" s="8"/>
      <c r="ABQ24" s="8"/>
      <c r="ABR24" s="8"/>
      <c r="ABS24" s="8"/>
      <c r="ABT24" s="8"/>
      <c r="ABU24" s="8"/>
      <c r="ABV24" s="8"/>
      <c r="ABW24" s="8"/>
      <c r="ABX24" s="8"/>
      <c r="ABY24" s="8"/>
      <c r="ABZ24" s="8"/>
      <c r="ACA24" s="8"/>
      <c r="ACB24" s="8"/>
      <c r="ACC24" s="8"/>
      <c r="ACD24" s="8"/>
      <c r="ACE24" s="8"/>
      <c r="ACF24" s="8"/>
      <c r="ACG24" s="8"/>
      <c r="ACH24" s="8"/>
      <c r="ACI24" s="8"/>
      <c r="ACJ24" s="8"/>
      <c r="ACK24" s="8"/>
      <c r="ACL24" s="8"/>
      <c r="ACM24" s="8"/>
      <c r="ACN24" s="8"/>
      <c r="ACO24" s="8"/>
      <c r="ACP24" s="8"/>
      <c r="ACQ24" s="8"/>
      <c r="ACR24" s="8"/>
      <c r="ACS24" s="8"/>
      <c r="ACT24" s="8"/>
      <c r="ACU24" s="8"/>
      <c r="ACV24" s="8"/>
      <c r="ACW24" s="8"/>
      <c r="ACX24" s="8"/>
      <c r="ACY24" s="8"/>
      <c r="ACZ24" s="8"/>
      <c r="ADA24" s="8"/>
      <c r="ADB24" s="8"/>
      <c r="ADC24" s="8"/>
      <c r="ADD24" s="8"/>
      <c r="ADE24" s="8"/>
      <c r="ADF24" s="8"/>
      <c r="ADG24" s="8"/>
      <c r="ADH24" s="8"/>
      <c r="ADI24" s="8"/>
      <c r="ADJ24" s="8"/>
      <c r="ADK24" s="8"/>
      <c r="ADL24" s="8"/>
      <c r="ADM24" s="8"/>
      <c r="ADN24" s="8"/>
      <c r="ADO24" s="8"/>
      <c r="ADP24" s="8"/>
      <c r="ADQ24" s="8"/>
      <c r="ADR24" s="8"/>
      <c r="ADS24" s="8"/>
      <c r="ADT24" s="8"/>
      <c r="ADU24" s="8"/>
      <c r="ADV24" s="8"/>
      <c r="ADW24" s="8"/>
      <c r="ADX24" s="8"/>
      <c r="ADY24" s="8"/>
      <c r="ADZ24" s="8"/>
      <c r="AEA24" s="8"/>
      <c r="AEB24" s="8"/>
      <c r="AEC24" s="8"/>
      <c r="AED24" s="8"/>
      <c r="AEE24" s="8"/>
      <c r="AEF24" s="8"/>
      <c r="AEG24" s="8"/>
      <c r="AEH24" s="8"/>
      <c r="AEI24" s="8"/>
      <c r="AEJ24" s="8"/>
      <c r="AEK24" s="8"/>
      <c r="AEL24" s="8"/>
      <c r="AEM24" s="8"/>
      <c r="AEN24" s="8"/>
      <c r="AEO24" s="8"/>
      <c r="AEP24" s="8"/>
      <c r="AEQ24" s="8"/>
      <c r="AER24" s="8"/>
      <c r="AES24" s="8"/>
      <c r="AET24" s="8"/>
      <c r="AEU24" s="8"/>
      <c r="AEV24" s="8"/>
      <c r="AEW24" s="8"/>
      <c r="AEX24" s="8"/>
      <c r="AEY24" s="8"/>
      <c r="AEZ24" s="8"/>
      <c r="AFA24" s="8"/>
      <c r="AFB24" s="8"/>
      <c r="AFC24" s="8"/>
      <c r="AFD24" s="8"/>
      <c r="AFE24" s="8"/>
      <c r="AFF24" s="8"/>
      <c r="AFG24" s="8"/>
      <c r="AFH24" s="8"/>
      <c r="AFI24" s="8"/>
      <c r="AFJ24" s="8"/>
      <c r="AFK24" s="8"/>
      <c r="AFL24" s="8"/>
      <c r="AFM24" s="8"/>
      <c r="AFN24" s="8"/>
      <c r="AFO24" s="8"/>
      <c r="AFP24" s="8"/>
      <c r="AFQ24" s="8"/>
      <c r="AFR24" s="8"/>
      <c r="AFS24" s="8"/>
      <c r="AFT24" s="8"/>
      <c r="AFU24" s="8"/>
      <c r="AFV24" s="8"/>
      <c r="AFW24" s="8"/>
      <c r="AFX24" s="8"/>
      <c r="AFY24" s="8"/>
      <c r="AFZ24" s="8"/>
      <c r="AGA24" s="8"/>
      <c r="AGB24" s="8"/>
      <c r="AGC24" s="8"/>
      <c r="AGD24" s="8"/>
      <c r="AGE24" s="8"/>
      <c r="AGF24" s="8"/>
      <c r="AGG24" s="8"/>
      <c r="AGH24" s="8"/>
      <c r="AGI24" s="8"/>
      <c r="AGJ24" s="8"/>
      <c r="AGK24" s="8"/>
      <c r="AGL24" s="8"/>
      <c r="AGM24" s="8"/>
      <c r="AGN24" s="8"/>
      <c r="AGO24" s="8"/>
      <c r="AGP24" s="8"/>
      <c r="AGQ24" s="8"/>
      <c r="AGR24" s="8"/>
      <c r="AGS24" s="8"/>
      <c r="AGT24" s="8"/>
      <c r="AGU24" s="8"/>
      <c r="AGV24" s="8"/>
      <c r="AGW24" s="8"/>
      <c r="AGX24" s="8"/>
      <c r="AGY24" s="8"/>
      <c r="AGZ24" s="8"/>
      <c r="AHA24" s="8"/>
      <c r="AHB24" s="8"/>
      <c r="AHC24" s="8"/>
      <c r="AHD24" s="8"/>
      <c r="AHE24" s="8"/>
      <c r="AHF24" s="8"/>
      <c r="AHG24" s="8"/>
      <c r="AHH24" s="8"/>
      <c r="AHI24" s="8"/>
      <c r="AHJ24" s="8"/>
      <c r="AHK24" s="8"/>
      <c r="AHL24" s="8"/>
      <c r="AHM24" s="8"/>
      <c r="AHN24" s="8"/>
      <c r="AHO24" s="8"/>
      <c r="AHP24" s="8"/>
      <c r="AHQ24" s="8"/>
      <c r="AHR24" s="8"/>
      <c r="AHS24" s="8"/>
      <c r="AHT24" s="8"/>
      <c r="AHU24" s="8"/>
      <c r="AHV24" s="8"/>
      <c r="AHW24" s="8"/>
      <c r="AHX24" s="8"/>
      <c r="AHY24" s="8"/>
      <c r="AHZ24" s="8"/>
      <c r="AIA24" s="8"/>
      <c r="AIB24" s="8"/>
      <c r="AIC24" s="8"/>
      <c r="AID24" s="8"/>
      <c r="AIE24" s="8"/>
      <c r="AIF24" s="8"/>
      <c r="AIG24" s="8"/>
      <c r="AIH24" s="8"/>
      <c r="AII24" s="8"/>
      <c r="AIJ24" s="8"/>
      <c r="AIK24" s="8"/>
      <c r="AIL24" s="8"/>
      <c r="AIM24" s="8"/>
      <c r="AIN24" s="8"/>
      <c r="AIO24" s="8"/>
      <c r="AIP24" s="8"/>
      <c r="AIQ24" s="8"/>
      <c r="AIR24" s="8"/>
      <c r="AIS24" s="8"/>
      <c r="AIT24" s="8"/>
      <c r="AIU24" s="8"/>
      <c r="AIV24" s="8"/>
      <c r="AIW24" s="8"/>
      <c r="AIX24" s="8"/>
      <c r="AIY24" s="8"/>
      <c r="AIZ24" s="8"/>
      <c r="AJA24" s="8"/>
      <c r="AJB24" s="8"/>
      <c r="AJC24" s="8"/>
      <c r="AJD24" s="8"/>
      <c r="AJE24" s="8"/>
      <c r="AJF24" s="8"/>
      <c r="AJG24" s="8"/>
      <c r="AJH24" s="8"/>
      <c r="AJI24" s="8"/>
      <c r="AJJ24" s="8"/>
      <c r="AJK24" s="8"/>
      <c r="AJL24" s="8"/>
      <c r="AJM24" s="8"/>
      <c r="AJN24" s="8"/>
      <c r="AJO24" s="8"/>
      <c r="AJP24" s="8"/>
      <c r="AJQ24" s="8"/>
      <c r="AJR24" s="8"/>
      <c r="AJS24" s="8"/>
      <c r="AJT24" s="8"/>
      <c r="AJU24" s="8"/>
      <c r="AJV24" s="8"/>
      <c r="AJW24" s="8"/>
      <c r="AJX24" s="8"/>
      <c r="AJY24" s="8"/>
      <c r="AJZ24" s="8"/>
      <c r="AKA24" s="8"/>
      <c r="AKB24" s="8"/>
      <c r="AKC24" s="8"/>
      <c r="AKD24" s="8"/>
      <c r="AKE24" s="8"/>
      <c r="AKF24" s="8"/>
      <c r="AKG24" s="8"/>
      <c r="AKH24" s="8"/>
      <c r="AKI24" s="8"/>
      <c r="AKJ24" s="8"/>
      <c r="AKK24" s="8"/>
      <c r="AKL24" s="8"/>
      <c r="AKM24" s="8"/>
      <c r="AKN24" s="8"/>
      <c r="AKO24" s="8"/>
      <c r="AKP24" s="8"/>
      <c r="AKQ24" s="8"/>
      <c r="AKR24" s="8"/>
      <c r="AKS24" s="8"/>
      <c r="AKT24" s="8"/>
      <c r="AKU24" s="8"/>
      <c r="AKV24" s="8"/>
      <c r="AKW24" s="8"/>
      <c r="AKX24" s="8"/>
      <c r="AKY24" s="8"/>
      <c r="AKZ24" s="8"/>
      <c r="ALA24" s="8"/>
      <c r="ALB24" s="8"/>
      <c r="ALC24" s="8"/>
      <c r="ALD24" s="8"/>
      <c r="ALE24" s="8"/>
      <c r="ALF24" s="8"/>
      <c r="ALG24" s="8"/>
      <c r="ALH24" s="8"/>
      <c r="ALI24" s="8"/>
      <c r="ALJ24" s="8"/>
      <c r="ALK24" s="8"/>
      <c r="ALL24" s="8"/>
      <c r="ALM24" s="8"/>
      <c r="ALN24" s="8"/>
      <c r="ALO24" s="8"/>
      <c r="ALP24" s="8"/>
      <c r="ALQ24" s="8"/>
      <c r="ALR24" s="8"/>
      <c r="ALS24" s="8"/>
      <c r="ALT24" s="8"/>
      <c r="ALU24" s="8"/>
      <c r="ALV24" s="8"/>
      <c r="ALW24" s="8"/>
      <c r="ALX24" s="8"/>
      <c r="ALY24" s="8"/>
      <c r="ALZ24" s="8"/>
      <c r="AMA24" s="8"/>
      <c r="AMB24" s="8"/>
      <c r="AMC24" s="8"/>
      <c r="AMD24" s="8"/>
      <c r="AME24" s="8"/>
      <c r="AMF24" s="8"/>
      <c r="AMG24" s="8"/>
      <c r="AMH24" s="8"/>
      <c r="AMI24" s="8"/>
      <c r="AMJ24" s="8"/>
      <c r="AMK24" s="8"/>
      <c r="AML24" s="8"/>
      <c r="AMM24" s="8"/>
      <c r="AMN24" s="8"/>
      <c r="AMO24" s="8"/>
      <c r="AMP24" s="8"/>
      <c r="AMQ24" s="8"/>
      <c r="AMR24" s="8"/>
      <c r="AMS24" s="8"/>
      <c r="AMT24" s="8"/>
      <c r="AMU24" s="8"/>
      <c r="AMV24" s="8"/>
      <c r="AMW24" s="8"/>
      <c r="AMX24" s="8"/>
      <c r="AMY24" s="8"/>
      <c r="AMZ24" s="8"/>
      <c r="ANA24" s="8"/>
      <c r="ANB24" s="8"/>
      <c r="ANC24" s="8"/>
      <c r="AND24" s="8"/>
      <c r="ANE24" s="8"/>
      <c r="ANF24" s="8"/>
      <c r="ANG24" s="8"/>
      <c r="ANH24" s="8"/>
      <c r="ANI24" s="8"/>
      <c r="ANJ24" s="8"/>
      <c r="ANK24" s="8"/>
      <c r="ANL24" s="8"/>
      <c r="ANM24" s="8"/>
      <c r="ANN24" s="8"/>
      <c r="ANO24" s="8"/>
      <c r="ANP24" s="8"/>
      <c r="ANQ24" s="8"/>
      <c r="ANR24" s="8"/>
      <c r="ANS24" s="8"/>
      <c r="ANT24" s="8"/>
      <c r="ANU24" s="8"/>
      <c r="ANV24" s="8"/>
      <c r="ANW24" s="8"/>
      <c r="ANX24" s="8"/>
      <c r="ANY24" s="8"/>
      <c r="ANZ24" s="8"/>
      <c r="AOA24" s="8"/>
      <c r="AOB24" s="8"/>
      <c r="AOC24" s="8"/>
      <c r="AOD24" s="8"/>
      <c r="AOE24" s="8"/>
      <c r="AOF24" s="8"/>
      <c r="AOG24" s="8"/>
      <c r="AOH24" s="8"/>
      <c r="AOI24" s="8"/>
      <c r="AOJ24" s="8"/>
      <c r="AOK24" s="8"/>
      <c r="AOL24" s="8"/>
      <c r="AOM24" s="8"/>
      <c r="AON24" s="8"/>
      <c r="AOO24" s="8"/>
      <c r="AOP24" s="8"/>
      <c r="AOQ24" s="8"/>
      <c r="AOR24" s="8"/>
      <c r="AOS24" s="8"/>
      <c r="AOT24" s="8"/>
      <c r="AOU24" s="8"/>
      <c r="AOV24" s="8"/>
      <c r="AOW24" s="8"/>
      <c r="AOX24" s="8"/>
      <c r="AOY24" s="8"/>
      <c r="AOZ24" s="8"/>
      <c r="APA24" s="8"/>
      <c r="APB24" s="8"/>
      <c r="APC24" s="8"/>
      <c r="APD24" s="8"/>
      <c r="APE24" s="8"/>
      <c r="APF24" s="8"/>
      <c r="APG24" s="8"/>
      <c r="APH24" s="8"/>
      <c r="API24" s="8"/>
      <c r="APJ24" s="8"/>
      <c r="APK24" s="8"/>
      <c r="APL24" s="8"/>
      <c r="APM24" s="8"/>
      <c r="APN24" s="8"/>
      <c r="APO24" s="8"/>
      <c r="APP24" s="8"/>
      <c r="APQ24" s="8"/>
      <c r="APR24" s="8"/>
      <c r="APS24" s="8"/>
      <c r="APT24" s="8"/>
      <c r="APU24" s="8"/>
      <c r="APV24" s="8"/>
      <c r="APW24" s="8"/>
      <c r="APX24" s="8"/>
      <c r="APY24" s="8"/>
      <c r="APZ24" s="8"/>
      <c r="AQA24" s="8"/>
      <c r="AQB24" s="8"/>
      <c r="AQC24" s="8"/>
      <c r="AQD24" s="8"/>
      <c r="AQE24" s="8"/>
      <c r="AQF24" s="8"/>
      <c r="AQG24" s="8"/>
      <c r="AQH24" s="8"/>
      <c r="AQI24" s="8"/>
      <c r="AQJ24" s="8"/>
      <c r="AQK24" s="8"/>
      <c r="AQL24" s="8"/>
      <c r="AQM24" s="8"/>
      <c r="AQN24" s="8"/>
      <c r="AQO24" s="8"/>
      <c r="AQP24" s="8"/>
      <c r="AQQ24" s="8"/>
      <c r="AQR24" s="8"/>
      <c r="AQS24" s="8"/>
      <c r="AQT24" s="8"/>
      <c r="AQU24" s="8"/>
      <c r="AQV24" s="8"/>
      <c r="AQW24" s="8"/>
      <c r="AQX24" s="8"/>
      <c r="AQY24" s="8"/>
      <c r="AQZ24" s="8"/>
      <c r="ARA24" s="8"/>
      <c r="ARB24" s="8"/>
      <c r="ARC24" s="8"/>
      <c r="ARD24" s="8"/>
      <c r="ARE24" s="8"/>
      <c r="ARF24" s="8"/>
      <c r="ARG24" s="8"/>
      <c r="ARH24" s="8"/>
      <c r="ARI24" s="8"/>
      <c r="ARJ24" s="8"/>
      <c r="ARK24" s="8"/>
      <c r="ARL24" s="8"/>
      <c r="ARM24" s="8"/>
      <c r="ARN24" s="8"/>
      <c r="ARO24" s="8"/>
      <c r="ARP24" s="8"/>
      <c r="ARQ24" s="8"/>
      <c r="ARR24" s="8"/>
      <c r="ARS24" s="8"/>
      <c r="ART24" s="8"/>
      <c r="ARU24" s="8"/>
      <c r="ARV24" s="8"/>
      <c r="ARW24" s="8"/>
      <c r="ARX24" s="8"/>
      <c r="ARY24" s="8"/>
      <c r="ARZ24" s="8"/>
      <c r="ASA24" s="8"/>
      <c r="ASB24" s="8"/>
      <c r="ASC24" s="8"/>
      <c r="ASD24" s="8"/>
      <c r="ASE24" s="8"/>
      <c r="ASF24" s="8"/>
      <c r="ASG24" s="8"/>
      <c r="ASH24" s="8"/>
      <c r="ASI24" s="8"/>
      <c r="ASJ24" s="8"/>
      <c r="ASK24" s="8"/>
      <c r="ASL24" s="8"/>
      <c r="ASM24" s="8"/>
      <c r="ASN24" s="8"/>
      <c r="ASO24" s="8"/>
      <c r="ASP24" s="8"/>
      <c r="ASQ24" s="8"/>
      <c r="ASR24" s="8"/>
      <c r="ASS24" s="8"/>
      <c r="AST24" s="8"/>
      <c r="ASU24" s="8"/>
      <c r="ASV24" s="8"/>
      <c r="ASW24" s="8"/>
      <c r="ASX24" s="8"/>
      <c r="ASY24" s="8"/>
      <c r="ASZ24" s="8"/>
      <c r="ATA24" s="8"/>
      <c r="ATB24" s="8"/>
      <c r="ATC24" s="8"/>
      <c r="ATD24" s="8"/>
      <c r="ATE24" s="8"/>
      <c r="ATF24" s="8"/>
      <c r="ATG24" s="8"/>
      <c r="ATH24" s="8"/>
      <c r="ATI24" s="8"/>
      <c r="ATJ24" s="8"/>
      <c r="ATK24" s="8"/>
      <c r="ATL24" s="8"/>
      <c r="ATM24" s="8"/>
      <c r="ATN24" s="8"/>
      <c r="ATO24" s="8"/>
      <c r="ATP24" s="8"/>
      <c r="ATQ24" s="8"/>
      <c r="ATR24" s="8"/>
      <c r="ATS24" s="8"/>
      <c r="ATT24" s="8"/>
      <c r="ATU24" s="8"/>
      <c r="ATV24" s="8"/>
      <c r="ATW24" s="8"/>
      <c r="ATX24" s="8"/>
      <c r="ATY24" s="8"/>
      <c r="ATZ24" s="8"/>
      <c r="AUA24" s="8"/>
      <c r="AUB24" s="8"/>
      <c r="AUC24" s="8"/>
      <c r="AUD24" s="8"/>
      <c r="AUE24" s="8"/>
      <c r="AUF24" s="8"/>
      <c r="AUG24" s="8"/>
      <c r="AUH24" s="8"/>
      <c r="AUI24" s="8"/>
      <c r="AUJ24" s="8"/>
      <c r="AUK24" s="8"/>
      <c r="AUL24" s="8"/>
      <c r="AUM24" s="8"/>
      <c r="AUN24" s="8"/>
      <c r="AUO24" s="8"/>
      <c r="AUP24" s="8"/>
      <c r="AUQ24" s="8"/>
      <c r="AUR24" s="8"/>
      <c r="AUS24" s="8"/>
      <c r="AUT24" s="8"/>
      <c r="AUU24" s="8"/>
      <c r="AUV24" s="8"/>
      <c r="AUW24" s="8"/>
      <c r="AUX24" s="8"/>
      <c r="AUY24" s="8"/>
      <c r="AUZ24" s="8"/>
      <c r="AVA24" s="8"/>
      <c r="AVB24" s="8"/>
      <c r="AVC24" s="8"/>
      <c r="AVD24" s="8"/>
      <c r="AVE24" s="8"/>
      <c r="AVF24" s="8"/>
      <c r="AVG24" s="8"/>
      <c r="AVH24" s="8"/>
      <c r="AVI24" s="8"/>
      <c r="AVJ24" s="8"/>
      <c r="AVK24" s="8"/>
      <c r="AVL24" s="8"/>
      <c r="AVM24" s="8"/>
      <c r="AVN24" s="8"/>
      <c r="AVO24" s="8"/>
      <c r="AVP24" s="8"/>
      <c r="AVQ24" s="8"/>
      <c r="AVR24" s="8"/>
      <c r="AVS24" s="8"/>
      <c r="AVT24" s="8"/>
      <c r="AVU24" s="8"/>
      <c r="AVV24" s="8"/>
      <c r="AVW24" s="8"/>
      <c r="AVX24" s="8"/>
      <c r="AVY24" s="8"/>
      <c r="AVZ24" s="8"/>
      <c r="AWA24" s="8"/>
      <c r="AWB24" s="8"/>
      <c r="AWC24" s="8"/>
      <c r="AWD24" s="8"/>
      <c r="AWE24" s="8"/>
      <c r="AWF24" s="8"/>
      <c r="AWG24" s="8"/>
      <c r="AWH24" s="8"/>
      <c r="AWI24" s="8"/>
      <c r="AWJ24" s="8"/>
      <c r="AWK24" s="8"/>
      <c r="AWL24" s="8"/>
      <c r="AWM24" s="8"/>
      <c r="AWN24" s="8"/>
      <c r="AWO24" s="8"/>
      <c r="AWP24" s="8"/>
      <c r="AWQ24" s="8"/>
      <c r="AWR24" s="8"/>
      <c r="AWS24" s="8"/>
      <c r="AWT24" s="8"/>
      <c r="AWU24" s="8"/>
      <c r="AWV24" s="8"/>
      <c r="AWW24" s="8"/>
      <c r="AWX24" s="8"/>
      <c r="AWY24" s="8"/>
      <c r="AWZ24" s="8"/>
      <c r="AXA24" s="8"/>
      <c r="AXB24" s="8"/>
      <c r="AXC24" s="8"/>
      <c r="AXD24" s="8"/>
      <c r="AXE24" s="8"/>
      <c r="AXF24" s="8"/>
      <c r="AXG24" s="8"/>
      <c r="AXH24" s="8"/>
      <c r="AXI24" s="8"/>
      <c r="AXJ24" s="8"/>
      <c r="AXK24" s="8"/>
      <c r="AXL24" s="8"/>
      <c r="AXM24" s="8"/>
      <c r="AXN24" s="8"/>
      <c r="AXO24" s="8"/>
      <c r="AXP24" s="8"/>
      <c r="AXQ24" s="8"/>
      <c r="AXR24" s="8"/>
      <c r="AXS24" s="8"/>
      <c r="AXT24" s="8"/>
      <c r="AXU24" s="8"/>
      <c r="AXV24" s="8"/>
      <c r="AXW24" s="8"/>
      <c r="AXX24" s="8"/>
      <c r="AXY24" s="8"/>
      <c r="AXZ24" s="8"/>
      <c r="AYA24" s="8"/>
      <c r="AYB24" s="8"/>
      <c r="AYC24" s="8"/>
      <c r="AYD24" s="8"/>
      <c r="AYE24" s="8"/>
      <c r="AYF24" s="8"/>
      <c r="AYG24" s="8"/>
      <c r="AYH24" s="8"/>
      <c r="AYI24" s="8"/>
      <c r="AYJ24" s="8"/>
      <c r="AYK24" s="8"/>
      <c r="AYL24" s="8"/>
      <c r="AYM24" s="8"/>
      <c r="AYN24" s="8"/>
      <c r="AYO24" s="8"/>
      <c r="AYP24" s="8"/>
      <c r="AYQ24" s="8"/>
      <c r="AYR24" s="8"/>
      <c r="AYS24" s="8"/>
      <c r="AYT24" s="8"/>
      <c r="AYU24" s="8"/>
      <c r="AYV24" s="8"/>
      <c r="AYW24" s="8"/>
      <c r="AYX24" s="8"/>
      <c r="AYY24" s="8"/>
      <c r="AYZ24" s="8"/>
      <c r="AZA24" s="8"/>
      <c r="AZB24" s="8"/>
      <c r="AZC24" s="8"/>
      <c r="AZD24" s="8"/>
      <c r="AZE24" s="8"/>
      <c r="AZF24" s="8"/>
      <c r="AZG24" s="8"/>
      <c r="AZH24" s="8"/>
      <c r="AZI24" s="8"/>
      <c r="AZJ24" s="8"/>
      <c r="AZK24" s="8"/>
      <c r="AZL24" s="8"/>
      <c r="AZM24" s="8"/>
      <c r="AZN24" s="8"/>
      <c r="AZO24" s="8"/>
      <c r="AZP24" s="8"/>
      <c r="AZQ24" s="8"/>
      <c r="AZR24" s="8"/>
      <c r="AZS24" s="8"/>
      <c r="AZT24" s="8"/>
      <c r="AZU24" s="8"/>
      <c r="AZV24" s="8"/>
      <c r="AZW24" s="8"/>
      <c r="AZX24" s="8"/>
      <c r="AZY24" s="8"/>
      <c r="AZZ24" s="8"/>
      <c r="BAA24" s="8"/>
      <c r="BAB24" s="8"/>
      <c r="BAC24" s="8"/>
      <c r="BAD24" s="8"/>
      <c r="BAE24" s="8"/>
      <c r="BAF24" s="8"/>
      <c r="BAG24" s="8"/>
      <c r="BAH24" s="8"/>
      <c r="BAI24" s="8"/>
      <c r="BAJ24" s="8"/>
      <c r="BAK24" s="8"/>
      <c r="BAL24" s="8"/>
      <c r="BAM24" s="8"/>
      <c r="BAN24" s="8"/>
      <c r="BAO24" s="8"/>
      <c r="BAP24" s="8"/>
      <c r="BAQ24" s="8"/>
      <c r="BAR24" s="8"/>
      <c r="BAS24" s="8"/>
      <c r="BAT24" s="8"/>
      <c r="BAU24" s="8"/>
      <c r="BAV24" s="8"/>
      <c r="BAW24" s="8"/>
      <c r="BAX24" s="8"/>
      <c r="BAY24" s="8"/>
      <c r="BAZ24" s="8"/>
      <c r="BBA24" s="8"/>
      <c r="BBB24" s="8"/>
      <c r="BBC24" s="8"/>
      <c r="BBD24" s="8"/>
      <c r="BBE24" s="8"/>
      <c r="BBF24" s="8"/>
      <c r="BBG24" s="8"/>
      <c r="BBH24" s="8"/>
      <c r="BBI24" s="8"/>
      <c r="BBJ24" s="8"/>
      <c r="BBK24" s="8"/>
      <c r="BBL24" s="8"/>
      <c r="BBM24" s="8"/>
      <c r="BBN24" s="8"/>
      <c r="BBO24" s="8"/>
      <c r="BBP24" s="8"/>
      <c r="BBQ24" s="8"/>
      <c r="BBR24" s="8"/>
      <c r="BBS24" s="8"/>
      <c r="BBT24" s="8"/>
      <c r="BBU24" s="8"/>
      <c r="BBV24" s="8"/>
      <c r="BBW24" s="8"/>
      <c r="BBX24" s="8"/>
      <c r="BBY24" s="8"/>
      <c r="BBZ24" s="8"/>
      <c r="BCA24" s="8"/>
      <c r="BCB24" s="8"/>
      <c r="BCC24" s="8"/>
      <c r="BCD24" s="8"/>
      <c r="BCE24" s="8"/>
      <c r="BCF24" s="8"/>
      <c r="BCG24" s="8"/>
      <c r="BCH24" s="8"/>
      <c r="BCI24" s="8"/>
      <c r="BCJ24" s="8"/>
      <c r="BCK24" s="8"/>
      <c r="BCL24" s="8"/>
      <c r="BCM24" s="8"/>
      <c r="BCN24" s="8"/>
      <c r="BCO24" s="8"/>
      <c r="BCP24" s="8"/>
      <c r="BCQ24" s="8"/>
      <c r="BCR24" s="8"/>
      <c r="BCS24" s="8"/>
      <c r="BCT24" s="8"/>
      <c r="BCU24" s="8"/>
      <c r="BCV24" s="8"/>
      <c r="BCW24" s="8"/>
      <c r="BCX24" s="8"/>
      <c r="BCY24" s="8"/>
      <c r="BCZ24" s="8"/>
      <c r="BDA24" s="8"/>
      <c r="BDB24" s="8"/>
      <c r="BDC24" s="8"/>
      <c r="BDD24" s="8"/>
      <c r="BDE24" s="8"/>
      <c r="BDF24" s="8"/>
      <c r="BDG24" s="8"/>
      <c r="BDH24" s="8"/>
      <c r="BDI24" s="8"/>
      <c r="BDJ24" s="8"/>
      <c r="BDK24" s="8"/>
      <c r="BDL24" s="8"/>
      <c r="BDM24" s="8"/>
      <c r="BDN24" s="8"/>
      <c r="BDO24" s="8"/>
      <c r="BDP24" s="8"/>
      <c r="BDQ24" s="8"/>
      <c r="BDR24" s="8"/>
      <c r="BDS24" s="8"/>
      <c r="BDT24" s="8"/>
      <c r="BDU24" s="8"/>
      <c r="BDV24" s="8"/>
      <c r="BDW24" s="8"/>
      <c r="BDX24" s="8"/>
      <c r="BDY24" s="8"/>
      <c r="BDZ24" s="8"/>
      <c r="BEA24" s="8"/>
      <c r="BEB24" s="8"/>
      <c r="BEC24" s="8"/>
      <c r="BED24" s="8"/>
      <c r="BEE24" s="8"/>
      <c r="BEF24" s="8"/>
      <c r="BEG24" s="8"/>
      <c r="BEH24" s="8"/>
      <c r="BEI24" s="8"/>
      <c r="BEJ24" s="8"/>
      <c r="BEK24" s="8"/>
      <c r="BEL24" s="8"/>
      <c r="BEM24" s="8"/>
      <c r="BEN24" s="8"/>
      <c r="BEO24" s="8"/>
      <c r="BEP24" s="8"/>
      <c r="BEQ24" s="8"/>
      <c r="BER24" s="8"/>
      <c r="BES24" s="8"/>
      <c r="BET24" s="8"/>
      <c r="BEU24" s="8"/>
      <c r="BEV24" s="8"/>
      <c r="BEW24" s="8"/>
      <c r="BEX24" s="8"/>
      <c r="BEY24" s="8"/>
      <c r="BEZ24" s="8"/>
      <c r="BFA24" s="8"/>
      <c r="BFB24" s="8"/>
      <c r="BFC24" s="8"/>
      <c r="BFD24" s="8"/>
      <c r="BFE24" s="8"/>
      <c r="BFF24" s="8"/>
      <c r="BFG24" s="8"/>
      <c r="BFH24" s="8"/>
      <c r="BFI24" s="8"/>
      <c r="BFJ24" s="8"/>
      <c r="BFK24" s="8"/>
      <c r="BFL24" s="8"/>
      <c r="BFM24" s="8"/>
      <c r="BFN24" s="8"/>
      <c r="BFO24" s="8"/>
      <c r="BFP24" s="8"/>
      <c r="BFQ24" s="8"/>
      <c r="BFR24" s="8"/>
      <c r="BFS24" s="8"/>
      <c r="BFT24" s="8"/>
      <c r="BFU24" s="8"/>
      <c r="BFV24" s="8"/>
      <c r="BFW24" s="8"/>
      <c r="BFX24" s="8"/>
      <c r="BFY24" s="8"/>
      <c r="BFZ24" s="8"/>
      <c r="BGA24" s="8"/>
      <c r="BGB24" s="8"/>
      <c r="BGC24" s="8"/>
      <c r="BGD24" s="8"/>
      <c r="BGE24" s="8"/>
      <c r="BGF24" s="8"/>
      <c r="BGG24" s="8"/>
      <c r="BGH24" s="8"/>
      <c r="BGI24" s="8"/>
      <c r="BGJ24" s="8"/>
      <c r="BGK24" s="8"/>
      <c r="BGL24" s="8"/>
      <c r="BGM24" s="8"/>
      <c r="BGN24" s="8"/>
      <c r="BGO24" s="8"/>
      <c r="BGP24" s="8"/>
      <c r="BGQ24" s="8"/>
      <c r="BGR24" s="8"/>
      <c r="BGS24" s="8"/>
      <c r="BGT24" s="8"/>
      <c r="BGU24" s="8"/>
      <c r="BGV24" s="8"/>
      <c r="BGW24" s="8"/>
      <c r="BGX24" s="8"/>
      <c r="BGY24" s="8"/>
      <c r="BGZ24" s="8"/>
      <c r="BHA24" s="8"/>
      <c r="BHB24" s="8"/>
      <c r="BHC24" s="8"/>
      <c r="BHD24" s="8"/>
      <c r="BHE24" s="8"/>
      <c r="BHF24" s="8"/>
      <c r="BHG24" s="8"/>
      <c r="BHH24" s="8"/>
      <c r="BHI24" s="8"/>
      <c r="BHJ24" s="8"/>
      <c r="BHK24" s="8"/>
      <c r="BHL24" s="8"/>
      <c r="BHM24" s="8"/>
      <c r="BHN24" s="8"/>
      <c r="BHO24" s="8"/>
      <c r="BHP24" s="8"/>
      <c r="BHQ24" s="8"/>
      <c r="BHR24" s="8"/>
      <c r="BHS24" s="8"/>
      <c r="BHT24" s="8"/>
      <c r="BHU24" s="8"/>
      <c r="BHV24" s="8"/>
      <c r="BHW24" s="8"/>
      <c r="BHX24" s="8"/>
      <c r="BHY24" s="8"/>
      <c r="BHZ24" s="8"/>
      <c r="BIA24" s="8"/>
      <c r="BIB24" s="8"/>
      <c r="BIC24" s="8"/>
      <c r="BID24" s="8"/>
      <c r="BIE24" s="8"/>
      <c r="BIF24" s="8"/>
      <c r="BIG24" s="8"/>
      <c r="BIH24" s="8"/>
      <c r="BII24" s="8"/>
      <c r="BIJ24" s="8"/>
      <c r="BIK24" s="8"/>
      <c r="BIL24" s="8"/>
      <c r="BIM24" s="8"/>
      <c r="BIN24" s="8"/>
      <c r="BIO24" s="8"/>
      <c r="BIP24" s="8"/>
      <c r="BIQ24" s="8"/>
      <c r="BIR24" s="8"/>
      <c r="BIS24" s="8"/>
      <c r="BIT24" s="8"/>
      <c r="BIU24" s="8"/>
      <c r="BIV24" s="8"/>
      <c r="BIW24" s="8"/>
      <c r="BIX24" s="8"/>
      <c r="BIY24" s="8"/>
      <c r="BIZ24" s="8"/>
      <c r="BJA24" s="8"/>
      <c r="BJB24" s="8"/>
      <c r="BJC24" s="8"/>
      <c r="BJD24" s="8"/>
      <c r="BJE24" s="8"/>
      <c r="BJF24" s="8"/>
      <c r="BJG24" s="8"/>
      <c r="BJH24" s="8"/>
      <c r="BJI24" s="8"/>
      <c r="BJJ24" s="8"/>
      <c r="BJK24" s="8"/>
      <c r="BJL24" s="8"/>
      <c r="BJM24" s="8"/>
      <c r="BJN24" s="8"/>
      <c r="BJO24" s="8"/>
      <c r="BJP24" s="8"/>
      <c r="BJQ24" s="8"/>
      <c r="BJR24" s="8"/>
      <c r="BJS24" s="8"/>
      <c r="BJT24" s="8"/>
      <c r="BJU24" s="8"/>
      <c r="BJV24" s="8"/>
      <c r="BJW24" s="8"/>
      <c r="BJX24" s="8"/>
      <c r="BJY24" s="8"/>
      <c r="BJZ24" s="8"/>
      <c r="BKA24" s="8"/>
      <c r="BKB24" s="8"/>
      <c r="BKC24" s="8"/>
      <c r="BKD24" s="8"/>
      <c r="BKE24" s="8"/>
      <c r="BKF24" s="8"/>
      <c r="BKG24" s="8"/>
      <c r="BKH24" s="8"/>
      <c r="BKI24" s="8"/>
      <c r="BKJ24" s="8"/>
      <c r="BKK24" s="8"/>
      <c r="BKL24" s="8"/>
      <c r="BKM24" s="8"/>
      <c r="BKN24" s="8"/>
      <c r="BKO24" s="8"/>
      <c r="BKP24" s="8"/>
      <c r="BKQ24" s="8"/>
      <c r="BKR24" s="8"/>
      <c r="BKS24" s="8"/>
      <c r="BKT24" s="8"/>
      <c r="BKU24" s="8"/>
      <c r="BKV24" s="8"/>
      <c r="BKW24" s="8"/>
      <c r="BKX24" s="8"/>
      <c r="BKY24" s="8"/>
      <c r="BKZ24" s="8"/>
      <c r="BLA24" s="8"/>
      <c r="BLB24" s="8"/>
      <c r="BLC24" s="8"/>
      <c r="BLD24" s="8"/>
      <c r="BLE24" s="8"/>
      <c r="BLF24" s="8"/>
      <c r="BLG24" s="8"/>
      <c r="BLH24" s="8"/>
      <c r="BLI24" s="8"/>
      <c r="BLJ24" s="8"/>
      <c r="BLK24" s="8"/>
      <c r="BLL24" s="8"/>
      <c r="BLM24" s="8"/>
      <c r="BLN24" s="8"/>
      <c r="BLO24" s="8"/>
      <c r="BLP24" s="8"/>
      <c r="BLQ24" s="8"/>
      <c r="BLR24" s="8"/>
      <c r="BLS24" s="8"/>
      <c r="BLT24" s="8"/>
      <c r="BLU24" s="8"/>
      <c r="BLV24" s="8"/>
      <c r="BLW24" s="8"/>
      <c r="BLX24" s="8"/>
      <c r="BLY24" s="8"/>
      <c r="BLZ24" s="8"/>
      <c r="BMA24" s="8"/>
      <c r="BMB24" s="8"/>
      <c r="BMC24" s="8"/>
      <c r="BMD24" s="8"/>
      <c r="BME24" s="8"/>
      <c r="BMF24" s="8"/>
      <c r="BMG24" s="8"/>
      <c r="BMH24" s="8"/>
      <c r="BMI24" s="8"/>
      <c r="BMJ24" s="8"/>
      <c r="BMK24" s="8"/>
      <c r="BML24" s="8"/>
      <c r="BMM24" s="8"/>
      <c r="BMN24" s="8"/>
      <c r="BMO24" s="8"/>
      <c r="BMP24" s="8"/>
      <c r="BMQ24" s="8"/>
      <c r="BMR24" s="8"/>
      <c r="BMS24" s="8"/>
      <c r="BMT24" s="8"/>
      <c r="BMU24" s="8"/>
      <c r="BMV24" s="8"/>
      <c r="BMW24" s="8"/>
      <c r="BMX24" s="8"/>
      <c r="BMY24" s="8"/>
      <c r="BMZ24" s="8"/>
      <c r="BNA24" s="8"/>
      <c r="BNB24" s="8"/>
      <c r="BNC24" s="8"/>
      <c r="BND24" s="8"/>
      <c r="BNE24" s="8"/>
      <c r="BNF24" s="8"/>
      <c r="BNG24" s="8"/>
      <c r="BNH24" s="8"/>
      <c r="BNI24" s="8"/>
      <c r="BNJ24" s="8"/>
      <c r="BNK24" s="8"/>
      <c r="BNL24" s="8"/>
      <c r="BNM24" s="8"/>
      <c r="BNN24" s="8"/>
      <c r="BNO24" s="8"/>
      <c r="BNP24" s="8"/>
      <c r="BNQ24" s="8"/>
      <c r="BNR24" s="8"/>
      <c r="BNS24" s="8"/>
      <c r="BNT24" s="8"/>
      <c r="BNU24" s="8"/>
      <c r="BNV24" s="8"/>
      <c r="BNW24" s="8"/>
      <c r="BNX24" s="8"/>
      <c r="BNY24" s="8"/>
      <c r="BNZ24" s="8"/>
      <c r="BOA24" s="8"/>
      <c r="BOB24" s="8"/>
      <c r="BOC24" s="8"/>
      <c r="BOD24" s="8"/>
      <c r="BOE24" s="8"/>
      <c r="BOF24" s="8"/>
      <c r="BOG24" s="8"/>
      <c r="BOH24" s="8"/>
      <c r="BOI24" s="8"/>
      <c r="BOJ24" s="8"/>
      <c r="BOK24" s="8"/>
      <c r="BOL24" s="8"/>
      <c r="BOM24" s="8"/>
      <c r="BON24" s="8"/>
      <c r="BOO24" s="8"/>
      <c r="BOP24" s="8"/>
      <c r="BOQ24" s="8"/>
      <c r="BOR24" s="8"/>
      <c r="BOS24" s="8"/>
      <c r="BOT24" s="8"/>
      <c r="BOU24" s="8"/>
      <c r="BOV24" s="8"/>
      <c r="BOW24" s="8"/>
      <c r="BOX24" s="8"/>
      <c r="BOY24" s="8"/>
      <c r="BOZ24" s="8"/>
      <c r="BPA24" s="8"/>
      <c r="BPB24" s="8"/>
      <c r="BPC24" s="8"/>
      <c r="BPD24" s="8"/>
      <c r="BPE24" s="8"/>
      <c r="BPF24" s="8"/>
      <c r="BPG24" s="8"/>
      <c r="BPH24" s="8"/>
      <c r="BPI24" s="8"/>
      <c r="BPJ24" s="8"/>
      <c r="BPK24" s="8"/>
      <c r="BPL24" s="8"/>
      <c r="BPM24" s="8"/>
      <c r="BPN24" s="8"/>
      <c r="BPO24" s="8"/>
      <c r="BPP24" s="8"/>
      <c r="BPQ24" s="8"/>
      <c r="BPR24" s="8"/>
      <c r="BPS24" s="8"/>
      <c r="BPT24" s="8"/>
      <c r="BPU24" s="8"/>
      <c r="BPV24" s="8"/>
      <c r="BPW24" s="8"/>
      <c r="BPX24" s="8"/>
      <c r="BPY24" s="8"/>
      <c r="BPZ24" s="8"/>
      <c r="BQA24" s="8"/>
      <c r="BQB24" s="8"/>
      <c r="BQC24" s="8"/>
      <c r="BQD24" s="8"/>
      <c r="BQE24" s="8"/>
      <c r="BQF24" s="8"/>
      <c r="BQG24" s="8"/>
      <c r="BQH24" s="8"/>
      <c r="BQI24" s="8"/>
      <c r="BQJ24" s="8"/>
      <c r="BQK24" s="8"/>
      <c r="BQL24" s="8"/>
      <c r="BQM24" s="8"/>
      <c r="BQN24" s="8"/>
      <c r="BQO24" s="8"/>
      <c r="BQP24" s="8"/>
      <c r="BQQ24" s="8"/>
      <c r="BQR24" s="8"/>
      <c r="BQS24" s="8"/>
      <c r="BQT24" s="8"/>
      <c r="BQU24" s="8"/>
      <c r="BQV24" s="8"/>
      <c r="BQW24" s="8"/>
      <c r="BQX24" s="8"/>
      <c r="BQY24" s="8"/>
      <c r="BQZ24" s="8"/>
      <c r="BRA24" s="8"/>
      <c r="BRB24" s="8"/>
      <c r="BRC24" s="8"/>
      <c r="BRD24" s="8"/>
      <c r="BRE24" s="8"/>
      <c r="BRF24" s="8"/>
      <c r="BRG24" s="8"/>
      <c r="BRH24" s="8"/>
      <c r="BRI24" s="8"/>
      <c r="BRJ24" s="8"/>
      <c r="BRK24" s="8"/>
      <c r="BRL24" s="8"/>
      <c r="BRM24" s="8"/>
      <c r="BRN24" s="8"/>
      <c r="BRO24" s="8"/>
      <c r="BRP24" s="8"/>
      <c r="BRQ24" s="8"/>
      <c r="BRR24" s="8"/>
      <c r="BRS24" s="8"/>
      <c r="BRT24" s="8"/>
      <c r="BRU24" s="8"/>
      <c r="BRV24" s="8"/>
      <c r="BRW24" s="8"/>
      <c r="BRX24" s="8"/>
      <c r="BRY24" s="8"/>
      <c r="BRZ24" s="8"/>
      <c r="BSA24" s="8"/>
      <c r="BSB24" s="8"/>
      <c r="BSC24" s="8"/>
      <c r="BSD24" s="8"/>
      <c r="BSE24" s="8"/>
      <c r="BSF24" s="8"/>
      <c r="BSG24" s="8"/>
      <c r="BSH24" s="8"/>
      <c r="BSI24" s="8"/>
      <c r="BSJ24" s="8"/>
      <c r="BSK24" s="8"/>
      <c r="BSL24" s="8"/>
      <c r="BSM24" s="8"/>
      <c r="BSN24" s="8"/>
      <c r="BSO24" s="8"/>
      <c r="BSP24" s="8"/>
      <c r="BSQ24" s="8"/>
      <c r="BSR24" s="8"/>
      <c r="BSS24" s="8"/>
      <c r="BST24" s="8"/>
      <c r="BSU24" s="8"/>
      <c r="BSV24" s="8"/>
      <c r="BSW24" s="8"/>
      <c r="BSX24" s="8"/>
      <c r="BSY24" s="8"/>
      <c r="BSZ24" s="8"/>
      <c r="BTA24" s="8"/>
      <c r="BTB24" s="8"/>
      <c r="BTC24" s="8"/>
      <c r="BTD24" s="8"/>
      <c r="BTE24" s="8"/>
      <c r="BTF24" s="8"/>
      <c r="BTG24" s="8"/>
      <c r="BTH24" s="8"/>
      <c r="BTI24" s="8"/>
      <c r="BTJ24" s="8"/>
      <c r="BTK24" s="8"/>
      <c r="BTL24" s="8"/>
      <c r="BTM24" s="8"/>
      <c r="BTN24" s="8"/>
      <c r="BTO24" s="8"/>
      <c r="BTP24" s="8"/>
      <c r="BTQ24" s="8"/>
      <c r="BTR24" s="8"/>
      <c r="BTS24" s="8"/>
      <c r="BTT24" s="8"/>
      <c r="BTU24" s="8"/>
      <c r="BTV24" s="8"/>
      <c r="BTW24" s="8"/>
      <c r="BTX24" s="8"/>
      <c r="BTY24" s="8"/>
      <c r="BTZ24" s="8"/>
      <c r="BUA24" s="8"/>
      <c r="BUB24" s="8"/>
      <c r="BUC24" s="8"/>
      <c r="BUD24" s="8"/>
      <c r="BUE24" s="8"/>
      <c r="BUF24" s="8"/>
      <c r="BUG24" s="8"/>
      <c r="BUH24" s="8"/>
      <c r="BUI24" s="8"/>
      <c r="BUJ24" s="8"/>
      <c r="BUK24" s="8"/>
      <c r="BUL24" s="8"/>
      <c r="BUM24" s="8"/>
      <c r="BUN24" s="8"/>
      <c r="BUO24" s="8"/>
      <c r="BUP24" s="8"/>
      <c r="BUQ24" s="8"/>
      <c r="BUR24" s="8"/>
      <c r="BUS24" s="8"/>
      <c r="BUT24" s="8"/>
      <c r="BUU24" s="8"/>
      <c r="BUV24" s="8"/>
      <c r="BUW24" s="8"/>
      <c r="BUX24" s="8"/>
      <c r="BUY24" s="8"/>
      <c r="BUZ24" s="8"/>
      <c r="BVA24" s="8"/>
      <c r="BVB24" s="8"/>
      <c r="BVC24" s="8"/>
      <c r="BVD24" s="8"/>
      <c r="BVE24" s="8"/>
      <c r="BVF24" s="8"/>
      <c r="BVG24" s="8"/>
      <c r="BVH24" s="8"/>
      <c r="BVI24" s="8"/>
      <c r="BVJ24" s="8"/>
      <c r="BVK24" s="8"/>
      <c r="BVL24" s="8"/>
      <c r="BVM24" s="8"/>
      <c r="BVN24" s="8"/>
      <c r="BVO24" s="8"/>
      <c r="BVP24" s="8"/>
      <c r="BVQ24" s="8"/>
      <c r="BVR24" s="8"/>
      <c r="BVS24" s="8"/>
      <c r="BVT24" s="8"/>
      <c r="BVU24" s="8"/>
      <c r="BVV24" s="8"/>
      <c r="BVW24" s="8"/>
      <c r="BVX24" s="8"/>
      <c r="BVY24" s="8"/>
      <c r="BVZ24" s="8"/>
      <c r="BWA24" s="8"/>
      <c r="BWB24" s="8"/>
      <c r="BWC24" s="8"/>
      <c r="BWD24" s="8"/>
      <c r="BWE24" s="8"/>
      <c r="BWF24" s="8"/>
      <c r="BWG24" s="8"/>
      <c r="BWH24" s="8"/>
      <c r="BWI24" s="8"/>
      <c r="BWJ24" s="8"/>
      <c r="BWK24" s="8"/>
      <c r="BWL24" s="8"/>
      <c r="BWM24" s="8"/>
      <c r="BWN24" s="8"/>
      <c r="BWO24" s="8"/>
      <c r="BWP24" s="8"/>
      <c r="BWQ24" s="8"/>
      <c r="BWR24" s="8"/>
      <c r="BWS24" s="8"/>
      <c r="BWT24" s="8"/>
      <c r="BWU24" s="8"/>
      <c r="BWV24" s="8"/>
      <c r="BWW24" s="8"/>
      <c r="BWX24" s="8"/>
      <c r="BWY24" s="8"/>
      <c r="BWZ24" s="8"/>
      <c r="BXA24" s="8"/>
      <c r="BXB24" s="8"/>
      <c r="BXC24" s="8"/>
      <c r="BXD24" s="8"/>
      <c r="BXE24" s="8"/>
      <c r="BXF24" s="8"/>
      <c r="BXG24" s="8"/>
      <c r="BXH24" s="8"/>
      <c r="BXI24" s="8"/>
      <c r="BXJ24" s="8"/>
      <c r="BXK24" s="8"/>
      <c r="BXL24" s="8"/>
      <c r="BXM24" s="8"/>
      <c r="BXN24" s="8"/>
      <c r="BXO24" s="8"/>
      <c r="BXP24" s="8"/>
      <c r="BXQ24" s="8"/>
      <c r="BXR24" s="8"/>
      <c r="BXS24" s="8"/>
      <c r="BXT24" s="8"/>
      <c r="BXU24" s="8"/>
      <c r="BXV24" s="8"/>
      <c r="BXW24" s="8"/>
      <c r="BXX24" s="8"/>
      <c r="BXY24" s="8"/>
      <c r="BXZ24" s="8"/>
      <c r="BYA24" s="8"/>
      <c r="BYB24" s="8"/>
      <c r="BYC24" s="8"/>
      <c r="BYD24" s="8"/>
      <c r="BYE24" s="8"/>
      <c r="BYF24" s="8"/>
      <c r="BYG24" s="8"/>
      <c r="BYH24" s="8"/>
      <c r="BYI24" s="8"/>
      <c r="BYJ24" s="8"/>
      <c r="BYK24" s="8"/>
      <c r="BYL24" s="8"/>
      <c r="BYM24" s="8"/>
      <c r="BYN24" s="8"/>
      <c r="BYO24" s="8"/>
      <c r="BYP24" s="8"/>
      <c r="BYQ24" s="8"/>
      <c r="BYR24" s="8"/>
      <c r="BYS24" s="8"/>
      <c r="BYT24" s="8"/>
      <c r="BYU24" s="8"/>
      <c r="BYV24" s="8"/>
      <c r="BYW24" s="8"/>
      <c r="BYX24" s="8"/>
      <c r="BYY24" s="8"/>
      <c r="BYZ24" s="8"/>
      <c r="BZA24" s="8"/>
      <c r="BZB24" s="8"/>
      <c r="BZC24" s="8"/>
      <c r="BZD24" s="8"/>
      <c r="BZE24" s="8"/>
      <c r="BZF24" s="8"/>
      <c r="BZG24" s="8"/>
      <c r="BZH24" s="8"/>
      <c r="BZI24" s="8"/>
      <c r="BZJ24" s="8"/>
      <c r="BZK24" s="8"/>
      <c r="BZL24" s="8"/>
      <c r="BZM24" s="8"/>
      <c r="BZN24" s="8"/>
      <c r="BZO24" s="8"/>
      <c r="BZP24" s="8"/>
      <c r="BZQ24" s="8"/>
      <c r="BZR24" s="8"/>
      <c r="BZS24" s="8"/>
      <c r="BZT24" s="8"/>
      <c r="BZU24" s="8"/>
      <c r="BZV24" s="8"/>
      <c r="BZW24" s="8"/>
      <c r="BZX24" s="8"/>
      <c r="BZY24" s="8"/>
      <c r="BZZ24" s="8"/>
      <c r="CAA24" s="8"/>
      <c r="CAB24" s="8"/>
      <c r="CAC24" s="8"/>
      <c r="CAD24" s="8"/>
      <c r="CAE24" s="8"/>
      <c r="CAF24" s="8"/>
      <c r="CAG24" s="8"/>
      <c r="CAH24" s="8"/>
      <c r="CAI24" s="8"/>
      <c r="CAJ24" s="8"/>
      <c r="CAK24" s="8"/>
      <c r="CAL24" s="8"/>
      <c r="CAM24" s="8"/>
      <c r="CAN24" s="8"/>
      <c r="CAO24" s="8"/>
      <c r="CAP24" s="8"/>
      <c r="CAQ24" s="8"/>
      <c r="CAR24" s="8"/>
      <c r="CAS24" s="8"/>
      <c r="CAT24" s="8"/>
      <c r="CAU24" s="8"/>
      <c r="CAV24" s="8"/>
      <c r="CAW24" s="8"/>
      <c r="CAX24" s="8"/>
      <c r="CAY24" s="8"/>
      <c r="CAZ24" s="8"/>
      <c r="CBA24" s="8"/>
      <c r="CBB24" s="8"/>
      <c r="CBC24" s="8"/>
      <c r="CBD24" s="8"/>
      <c r="CBE24" s="8"/>
      <c r="CBF24" s="8"/>
      <c r="CBG24" s="8"/>
      <c r="CBH24" s="8"/>
      <c r="CBI24" s="8"/>
      <c r="CBJ24" s="8"/>
      <c r="CBK24" s="8"/>
      <c r="CBL24" s="8"/>
      <c r="CBM24" s="8"/>
      <c r="CBN24" s="8"/>
      <c r="CBO24" s="8"/>
      <c r="CBP24" s="8"/>
      <c r="CBQ24" s="8"/>
      <c r="CBR24" s="8"/>
      <c r="CBS24" s="8"/>
      <c r="CBT24" s="8"/>
      <c r="CBU24" s="8"/>
      <c r="CBV24" s="8"/>
      <c r="CBW24" s="8"/>
      <c r="CBX24" s="8"/>
      <c r="CBY24" s="8"/>
      <c r="CBZ24" s="8"/>
      <c r="CCA24" s="8"/>
      <c r="CCB24" s="8"/>
      <c r="CCC24" s="8"/>
      <c r="CCD24" s="8"/>
      <c r="CCE24" s="8"/>
      <c r="CCF24" s="8"/>
      <c r="CCG24" s="8"/>
      <c r="CCH24" s="8"/>
      <c r="CCI24" s="8"/>
      <c r="CCJ24" s="8"/>
      <c r="CCK24" s="8"/>
      <c r="CCL24" s="8"/>
      <c r="CCM24" s="8"/>
      <c r="CCN24" s="8"/>
      <c r="CCO24" s="8"/>
      <c r="CCP24" s="8"/>
      <c r="CCQ24" s="8"/>
      <c r="CCR24" s="8"/>
      <c r="CCS24" s="8"/>
      <c r="CCT24" s="8"/>
      <c r="CCU24" s="8"/>
      <c r="CCV24" s="8"/>
      <c r="CCW24" s="8"/>
      <c r="CCX24" s="8"/>
      <c r="CCY24" s="8"/>
      <c r="CCZ24" s="8"/>
      <c r="CDA24" s="8"/>
      <c r="CDB24" s="8"/>
      <c r="CDC24" s="8"/>
      <c r="CDD24" s="8"/>
      <c r="CDE24" s="8"/>
      <c r="CDF24" s="8"/>
      <c r="CDG24" s="8"/>
      <c r="CDH24" s="8"/>
      <c r="CDI24" s="8"/>
      <c r="CDJ24" s="8"/>
      <c r="CDK24" s="8"/>
      <c r="CDL24" s="8"/>
      <c r="CDM24" s="8"/>
      <c r="CDN24" s="8"/>
      <c r="CDO24" s="8"/>
      <c r="CDP24" s="8"/>
      <c r="CDQ24" s="8"/>
      <c r="CDR24" s="8"/>
      <c r="CDS24" s="8"/>
      <c r="CDT24" s="8"/>
      <c r="CDU24" s="8"/>
      <c r="CDV24" s="8"/>
      <c r="CDW24" s="8"/>
      <c r="CDX24" s="8"/>
      <c r="CDY24" s="8"/>
      <c r="CDZ24" s="8"/>
      <c r="CEA24" s="8"/>
      <c r="CEB24" s="8"/>
      <c r="CEC24" s="8"/>
      <c r="CED24" s="8"/>
      <c r="CEE24" s="8"/>
      <c r="CEF24" s="8"/>
      <c r="CEG24" s="8"/>
      <c r="CEH24" s="8"/>
      <c r="CEI24" s="8"/>
      <c r="CEJ24" s="8"/>
      <c r="CEK24" s="8"/>
      <c r="CEL24" s="8"/>
      <c r="CEM24" s="8"/>
      <c r="CEN24" s="8"/>
      <c r="CEO24" s="8"/>
      <c r="CEP24" s="8"/>
      <c r="CEQ24" s="8"/>
      <c r="CER24" s="8"/>
      <c r="CES24" s="8"/>
      <c r="CET24" s="8"/>
      <c r="CEU24" s="8"/>
      <c r="CEV24" s="8"/>
      <c r="CEW24" s="8"/>
      <c r="CEX24" s="8"/>
      <c r="CEY24" s="8"/>
      <c r="CEZ24" s="8"/>
      <c r="CFA24" s="8"/>
      <c r="CFB24" s="8"/>
      <c r="CFC24" s="8"/>
      <c r="CFD24" s="8"/>
      <c r="CFE24" s="8"/>
      <c r="CFF24" s="8"/>
      <c r="CFG24" s="8"/>
      <c r="CFH24" s="8"/>
      <c r="CFI24" s="8"/>
      <c r="CFJ24" s="8"/>
      <c r="CFK24" s="8"/>
      <c r="CFL24" s="8"/>
      <c r="CFM24" s="8"/>
      <c r="CFN24" s="8"/>
      <c r="CFO24" s="8"/>
      <c r="CFP24" s="8"/>
      <c r="CFQ24" s="8"/>
      <c r="CFR24" s="8"/>
      <c r="CFS24" s="8"/>
      <c r="CFT24" s="8"/>
      <c r="CFU24" s="8"/>
      <c r="CFV24" s="8"/>
      <c r="CFW24" s="8"/>
      <c r="CFX24" s="8"/>
      <c r="CFY24" s="8"/>
      <c r="CFZ24" s="8"/>
      <c r="CGA24" s="8"/>
      <c r="CGB24" s="8"/>
      <c r="CGC24" s="8"/>
      <c r="CGD24" s="8"/>
      <c r="CGE24" s="8"/>
      <c r="CGF24" s="8"/>
      <c r="CGG24" s="8"/>
      <c r="CGH24" s="8"/>
      <c r="CGI24" s="8"/>
      <c r="CGJ24" s="8"/>
      <c r="CGK24" s="8"/>
      <c r="CGL24" s="8"/>
      <c r="CGM24" s="8"/>
      <c r="CGN24" s="8"/>
      <c r="CGO24" s="8"/>
      <c r="CGP24" s="8"/>
      <c r="CGQ24" s="8"/>
      <c r="CGR24" s="8"/>
      <c r="CGS24" s="8"/>
      <c r="CGT24" s="8"/>
      <c r="CGU24" s="8"/>
      <c r="CGV24" s="8"/>
      <c r="CGW24" s="8"/>
      <c r="CGX24" s="8"/>
      <c r="CGY24" s="8"/>
      <c r="CGZ24" s="8"/>
      <c r="CHA24" s="8"/>
      <c r="CHB24" s="8"/>
      <c r="CHC24" s="8"/>
      <c r="CHD24" s="8"/>
      <c r="CHE24" s="8"/>
      <c r="CHF24" s="8"/>
      <c r="CHG24" s="8"/>
      <c r="CHH24" s="8"/>
      <c r="CHI24" s="8"/>
      <c r="CHJ24" s="8"/>
      <c r="CHK24" s="8"/>
      <c r="CHL24" s="8"/>
      <c r="CHM24" s="8"/>
      <c r="CHN24" s="8"/>
      <c r="CHO24" s="8"/>
      <c r="CHP24" s="8"/>
      <c r="CHQ24" s="8"/>
      <c r="CHR24" s="8"/>
      <c r="CHS24" s="8"/>
      <c r="CHT24" s="8"/>
      <c r="CHU24" s="8"/>
      <c r="CHV24" s="8"/>
      <c r="CHW24" s="8"/>
      <c r="CHX24" s="8"/>
      <c r="CHY24" s="8"/>
      <c r="CHZ24" s="8"/>
      <c r="CIA24" s="8"/>
      <c r="CIB24" s="8"/>
      <c r="CIC24" s="8"/>
      <c r="CID24" s="8"/>
      <c r="CIE24" s="8"/>
      <c r="CIF24" s="8"/>
      <c r="CIG24" s="8"/>
      <c r="CIH24" s="8"/>
      <c r="CII24" s="8"/>
      <c r="CIJ24" s="8"/>
      <c r="CIK24" s="8"/>
      <c r="CIL24" s="8"/>
      <c r="CIM24" s="8"/>
      <c r="CIN24" s="8"/>
      <c r="CIO24" s="8"/>
      <c r="CIP24" s="8"/>
      <c r="CIQ24" s="8"/>
      <c r="CIR24" s="8"/>
      <c r="CIS24" s="8"/>
      <c r="CIT24" s="8"/>
      <c r="CIU24" s="8"/>
      <c r="CIV24" s="8"/>
      <c r="CIW24" s="8"/>
      <c r="CIX24" s="8"/>
      <c r="CIY24" s="8"/>
      <c r="CIZ24" s="8"/>
      <c r="CJA24" s="8"/>
      <c r="CJB24" s="8"/>
      <c r="CJC24" s="8"/>
      <c r="CJD24" s="8"/>
      <c r="CJE24" s="8"/>
      <c r="CJF24" s="8"/>
      <c r="CJG24" s="8"/>
      <c r="CJH24" s="8"/>
      <c r="CJI24" s="8"/>
      <c r="CJJ24" s="8"/>
      <c r="CJK24" s="8"/>
      <c r="CJL24" s="8"/>
      <c r="CJM24" s="8"/>
      <c r="CJN24" s="8"/>
      <c r="CJO24" s="8"/>
      <c r="CJP24" s="8"/>
      <c r="CJQ24" s="8"/>
      <c r="CJR24" s="8"/>
      <c r="CJS24" s="8"/>
      <c r="CJT24" s="8"/>
      <c r="CJU24" s="8"/>
      <c r="CJV24" s="8"/>
      <c r="CJW24" s="8"/>
      <c r="CJX24" s="8"/>
      <c r="CJY24" s="8"/>
      <c r="CJZ24" s="8"/>
      <c r="CKA24" s="8"/>
      <c r="CKB24" s="8"/>
      <c r="CKC24" s="8"/>
      <c r="CKD24" s="8"/>
      <c r="CKE24" s="8"/>
      <c r="CKF24" s="8"/>
      <c r="CKG24" s="8"/>
      <c r="CKH24" s="8"/>
      <c r="CKI24" s="8"/>
      <c r="CKJ24" s="8"/>
      <c r="CKK24" s="8"/>
      <c r="CKL24" s="8"/>
      <c r="CKM24" s="8"/>
      <c r="CKN24" s="8"/>
      <c r="CKO24" s="8"/>
      <c r="CKP24" s="8"/>
      <c r="CKQ24" s="8"/>
      <c r="CKR24" s="8"/>
      <c r="CKS24" s="8"/>
      <c r="CKT24" s="8"/>
      <c r="CKU24" s="8"/>
      <c r="CKV24" s="8"/>
      <c r="CKW24" s="8"/>
      <c r="CKX24" s="8"/>
      <c r="CKY24" s="8"/>
      <c r="CKZ24" s="8"/>
      <c r="CLA24" s="8"/>
      <c r="CLB24" s="8"/>
      <c r="CLC24" s="8"/>
      <c r="CLD24" s="8"/>
      <c r="CLE24" s="8"/>
      <c r="CLF24" s="8"/>
      <c r="CLG24" s="8"/>
      <c r="CLH24" s="8"/>
      <c r="CLI24" s="8"/>
      <c r="CLJ24" s="8"/>
      <c r="CLK24" s="8"/>
      <c r="CLL24" s="8"/>
      <c r="CLM24" s="8"/>
      <c r="CLN24" s="8"/>
      <c r="CLO24" s="8"/>
      <c r="CLP24" s="8"/>
      <c r="CLQ24" s="8"/>
      <c r="CLR24" s="8"/>
      <c r="CLS24" s="8"/>
      <c r="CLT24" s="8"/>
      <c r="CLU24" s="8"/>
      <c r="CLV24" s="8"/>
      <c r="CLW24" s="8"/>
      <c r="CLX24" s="8"/>
      <c r="CLY24" s="8"/>
      <c r="CLZ24" s="8"/>
      <c r="CMA24" s="8"/>
      <c r="CMB24" s="8"/>
      <c r="CMC24" s="8"/>
      <c r="CMD24" s="8"/>
      <c r="CME24" s="8"/>
      <c r="CMF24" s="8"/>
      <c r="CMG24" s="8"/>
      <c r="CMH24" s="8"/>
      <c r="CMI24" s="8"/>
      <c r="CMJ24" s="8"/>
      <c r="CMK24" s="8"/>
      <c r="CML24" s="8"/>
      <c r="CMM24" s="8"/>
      <c r="CMN24" s="8"/>
      <c r="CMO24" s="8"/>
      <c r="CMP24" s="8"/>
      <c r="CMQ24" s="8"/>
      <c r="CMR24" s="8"/>
      <c r="CMS24" s="8"/>
      <c r="CMT24" s="8"/>
      <c r="CMU24" s="8"/>
      <c r="CMV24" s="8"/>
      <c r="CMW24" s="8"/>
      <c r="CMX24" s="8"/>
      <c r="CMY24" s="8"/>
      <c r="CMZ24" s="8"/>
      <c r="CNA24" s="8"/>
      <c r="CNB24" s="8"/>
      <c r="CNC24" s="8"/>
      <c r="CND24" s="8"/>
      <c r="CNE24" s="8"/>
      <c r="CNF24" s="8"/>
      <c r="CNG24" s="8"/>
      <c r="CNH24" s="8"/>
      <c r="CNI24" s="8"/>
      <c r="CNJ24" s="8"/>
      <c r="CNK24" s="8"/>
      <c r="CNL24" s="8"/>
      <c r="CNM24" s="8"/>
      <c r="CNN24" s="8"/>
      <c r="CNO24" s="8"/>
      <c r="CNP24" s="8"/>
      <c r="CNQ24" s="8"/>
      <c r="CNR24" s="8"/>
      <c r="CNS24" s="8"/>
      <c r="CNT24" s="8"/>
      <c r="CNU24" s="8"/>
      <c r="CNV24" s="8"/>
      <c r="CNW24" s="8"/>
      <c r="CNX24" s="8"/>
      <c r="CNY24" s="8"/>
      <c r="CNZ24" s="8"/>
      <c r="COA24" s="8"/>
      <c r="COB24" s="8"/>
      <c r="COC24" s="8"/>
      <c r="COD24" s="8"/>
      <c r="COE24" s="8"/>
      <c r="COF24" s="8"/>
      <c r="COG24" s="8"/>
      <c r="COH24" s="8"/>
      <c r="COI24" s="8"/>
      <c r="COJ24" s="8"/>
      <c r="COK24" s="8"/>
      <c r="COL24" s="8"/>
      <c r="COM24" s="8"/>
      <c r="CON24" s="8"/>
      <c r="COO24" s="8"/>
      <c r="COP24" s="8"/>
      <c r="COQ24" s="8"/>
      <c r="COR24" s="8"/>
      <c r="COS24" s="8"/>
      <c r="COT24" s="8"/>
      <c r="COU24" s="8"/>
      <c r="COV24" s="8"/>
      <c r="COW24" s="8"/>
      <c r="COX24" s="8"/>
      <c r="COY24" s="8"/>
      <c r="COZ24" s="8"/>
      <c r="CPA24" s="8"/>
      <c r="CPB24" s="8"/>
      <c r="CPC24" s="8"/>
      <c r="CPD24" s="8"/>
      <c r="CPE24" s="8"/>
      <c r="CPF24" s="8"/>
      <c r="CPG24" s="8"/>
      <c r="CPH24" s="8"/>
      <c r="CPI24" s="8"/>
      <c r="CPJ24" s="8"/>
      <c r="CPK24" s="8"/>
      <c r="CPL24" s="8"/>
      <c r="CPM24" s="8"/>
      <c r="CPN24" s="8"/>
      <c r="CPO24" s="8"/>
      <c r="CPP24" s="8"/>
      <c r="CPQ24" s="8"/>
      <c r="CPR24" s="8"/>
      <c r="CPS24" s="8"/>
      <c r="CPT24" s="8"/>
      <c r="CPU24" s="8"/>
      <c r="CPV24" s="8"/>
      <c r="CPW24" s="8"/>
      <c r="CPX24" s="8"/>
      <c r="CPY24" s="8"/>
      <c r="CPZ24" s="8"/>
      <c r="CQA24" s="8"/>
      <c r="CQB24" s="8"/>
      <c r="CQC24" s="8"/>
      <c r="CQD24" s="8"/>
      <c r="CQE24" s="8"/>
      <c r="CQF24" s="8"/>
      <c r="CQG24" s="8"/>
      <c r="CQH24" s="8"/>
      <c r="CQI24" s="8"/>
      <c r="CQJ24" s="8"/>
      <c r="CQK24" s="8"/>
      <c r="CQL24" s="8"/>
      <c r="CQM24" s="8"/>
      <c r="CQN24" s="8"/>
      <c r="CQO24" s="8"/>
      <c r="CQP24" s="8"/>
      <c r="CQQ24" s="8"/>
      <c r="CQR24" s="8"/>
      <c r="CQS24" s="8"/>
      <c r="CQT24" s="8"/>
      <c r="CQU24" s="8"/>
      <c r="CQV24" s="8"/>
      <c r="CQW24" s="8"/>
      <c r="CQX24" s="8"/>
      <c r="CQY24" s="8"/>
      <c r="CQZ24" s="8"/>
      <c r="CRA24" s="8"/>
      <c r="CRB24" s="8"/>
      <c r="CRC24" s="8"/>
      <c r="CRD24" s="8"/>
      <c r="CRE24" s="8"/>
      <c r="CRF24" s="8"/>
      <c r="CRG24" s="8"/>
      <c r="CRH24" s="8"/>
      <c r="CRI24" s="8"/>
      <c r="CRJ24" s="8"/>
      <c r="CRK24" s="8"/>
      <c r="CRL24" s="8"/>
      <c r="CRM24" s="8"/>
      <c r="CRN24" s="8"/>
      <c r="CRO24" s="8"/>
      <c r="CRP24" s="8"/>
      <c r="CRQ24" s="8"/>
      <c r="CRR24" s="8"/>
      <c r="CRS24" s="8"/>
      <c r="CRT24" s="8"/>
      <c r="CRU24" s="8"/>
      <c r="CRV24" s="8"/>
      <c r="CRW24" s="8"/>
      <c r="CRX24" s="8"/>
      <c r="CRY24" s="8"/>
      <c r="CRZ24" s="8"/>
      <c r="CSA24" s="8"/>
      <c r="CSB24" s="8"/>
      <c r="CSC24" s="8"/>
      <c r="CSD24" s="8"/>
      <c r="CSE24" s="8"/>
      <c r="CSF24" s="8"/>
      <c r="CSG24" s="8"/>
      <c r="CSH24" s="8"/>
      <c r="CSI24" s="8"/>
      <c r="CSJ24" s="8"/>
      <c r="CSK24" s="8"/>
      <c r="CSL24" s="8"/>
      <c r="CSM24" s="8"/>
      <c r="CSN24" s="8"/>
      <c r="CSO24" s="8"/>
      <c r="CSP24" s="8"/>
      <c r="CSQ24" s="8"/>
      <c r="CSR24" s="8"/>
      <c r="CSS24" s="8"/>
      <c r="CST24" s="8"/>
      <c r="CSU24" s="8"/>
      <c r="CSV24" s="8"/>
      <c r="CSW24" s="8"/>
      <c r="CSX24" s="8"/>
      <c r="CSY24" s="8"/>
      <c r="CSZ24" s="8"/>
      <c r="CTA24" s="8"/>
      <c r="CTB24" s="8"/>
      <c r="CTC24" s="8"/>
      <c r="CTD24" s="8"/>
      <c r="CTE24" s="8"/>
      <c r="CTF24" s="8"/>
      <c r="CTG24" s="8"/>
      <c r="CTH24" s="8"/>
      <c r="CTI24" s="8"/>
      <c r="CTJ24" s="8"/>
      <c r="CTK24" s="8"/>
      <c r="CTL24" s="8"/>
      <c r="CTM24" s="8"/>
      <c r="CTN24" s="8"/>
      <c r="CTO24" s="8"/>
      <c r="CTP24" s="8"/>
      <c r="CTQ24" s="8"/>
      <c r="CTR24" s="8"/>
      <c r="CTS24" s="8"/>
      <c r="CTT24" s="8"/>
      <c r="CTU24" s="8"/>
      <c r="CTV24" s="8"/>
      <c r="CTW24" s="8"/>
      <c r="CTX24" s="8"/>
      <c r="CTY24" s="8"/>
      <c r="CTZ24" s="8"/>
      <c r="CUA24" s="8"/>
      <c r="CUB24" s="8"/>
      <c r="CUC24" s="8"/>
      <c r="CUD24" s="8"/>
      <c r="CUE24" s="8"/>
      <c r="CUF24" s="8"/>
      <c r="CUG24" s="8"/>
      <c r="CUH24" s="8"/>
      <c r="CUI24" s="8"/>
      <c r="CUJ24" s="8"/>
      <c r="CUK24" s="8"/>
      <c r="CUL24" s="8"/>
      <c r="CUM24" s="8"/>
      <c r="CUN24" s="8"/>
      <c r="CUO24" s="8"/>
      <c r="CUP24" s="8"/>
      <c r="CUQ24" s="8"/>
      <c r="CUR24" s="8"/>
      <c r="CUS24" s="8"/>
      <c r="CUT24" s="8"/>
      <c r="CUU24" s="8"/>
      <c r="CUV24" s="8"/>
      <c r="CUW24" s="8"/>
      <c r="CUX24" s="8"/>
      <c r="CUY24" s="8"/>
      <c r="CUZ24" s="8"/>
      <c r="CVA24" s="8"/>
      <c r="CVB24" s="8"/>
      <c r="CVC24" s="8"/>
      <c r="CVD24" s="8"/>
      <c r="CVE24" s="8"/>
      <c r="CVF24" s="8"/>
      <c r="CVG24" s="8"/>
      <c r="CVH24" s="8"/>
      <c r="CVI24" s="8"/>
      <c r="CVJ24" s="8"/>
      <c r="CVK24" s="8"/>
      <c r="CVL24" s="8"/>
      <c r="CVM24" s="8"/>
      <c r="CVN24" s="8"/>
      <c r="CVO24" s="8"/>
      <c r="CVP24" s="8"/>
      <c r="CVQ24" s="8"/>
      <c r="CVR24" s="8"/>
      <c r="CVS24" s="8"/>
      <c r="CVT24" s="8"/>
      <c r="CVU24" s="8"/>
      <c r="CVV24" s="8"/>
      <c r="CVW24" s="8"/>
      <c r="CVX24" s="8"/>
      <c r="CVY24" s="8"/>
      <c r="CVZ24" s="8"/>
      <c r="CWA24" s="8"/>
      <c r="CWB24" s="8"/>
      <c r="CWC24" s="8"/>
      <c r="CWD24" s="8"/>
      <c r="CWE24" s="8"/>
      <c r="CWF24" s="8"/>
      <c r="CWG24" s="8"/>
      <c r="CWH24" s="8"/>
      <c r="CWI24" s="8"/>
      <c r="CWJ24" s="8"/>
      <c r="CWK24" s="8"/>
      <c r="CWL24" s="8"/>
      <c r="CWM24" s="8"/>
      <c r="CWN24" s="8"/>
      <c r="CWO24" s="8"/>
      <c r="CWP24" s="8"/>
      <c r="CWQ24" s="8"/>
      <c r="CWR24" s="8"/>
      <c r="CWS24" s="8"/>
      <c r="CWT24" s="8"/>
      <c r="CWU24" s="8"/>
      <c r="CWV24" s="8"/>
      <c r="CWW24" s="8"/>
      <c r="CWX24" s="8"/>
      <c r="CWY24" s="8"/>
      <c r="CWZ24" s="8"/>
      <c r="CXA24" s="8"/>
      <c r="CXB24" s="8"/>
      <c r="CXC24" s="8"/>
      <c r="CXD24" s="8"/>
      <c r="CXE24" s="8"/>
      <c r="CXF24" s="8"/>
      <c r="CXG24" s="8"/>
      <c r="CXH24" s="8"/>
      <c r="CXI24" s="8"/>
      <c r="CXJ24" s="8"/>
      <c r="CXK24" s="8"/>
      <c r="CXL24" s="8"/>
      <c r="CXM24" s="8"/>
      <c r="CXN24" s="8"/>
      <c r="CXO24" s="8"/>
      <c r="CXP24" s="8"/>
      <c r="CXQ24" s="8"/>
      <c r="CXR24" s="8"/>
      <c r="CXS24" s="8"/>
      <c r="CXT24" s="8"/>
      <c r="CXU24" s="8"/>
      <c r="CXV24" s="8"/>
      <c r="CXW24" s="8"/>
      <c r="CXX24" s="8"/>
      <c r="CXY24" s="8"/>
      <c r="CXZ24" s="8"/>
      <c r="CYA24" s="8"/>
      <c r="CYB24" s="8"/>
      <c r="CYC24" s="8"/>
      <c r="CYD24" s="8"/>
      <c r="CYE24" s="8"/>
      <c r="CYF24" s="8"/>
      <c r="CYG24" s="8"/>
      <c r="CYH24" s="8"/>
      <c r="CYI24" s="8"/>
      <c r="CYJ24" s="8"/>
      <c r="CYK24" s="8"/>
      <c r="CYL24" s="8"/>
      <c r="CYM24" s="8"/>
      <c r="CYN24" s="8"/>
      <c r="CYO24" s="8"/>
      <c r="CYP24" s="8"/>
      <c r="CYQ24" s="8"/>
      <c r="CYR24" s="8"/>
      <c r="CYS24" s="8"/>
      <c r="CYT24" s="8"/>
      <c r="CYU24" s="8"/>
      <c r="CYV24" s="8"/>
      <c r="CYW24" s="8"/>
      <c r="CYX24" s="8"/>
      <c r="CYY24" s="8"/>
      <c r="CYZ24" s="8"/>
      <c r="CZA24" s="8"/>
      <c r="CZB24" s="8"/>
      <c r="CZC24" s="8"/>
      <c r="CZD24" s="8"/>
      <c r="CZE24" s="8"/>
      <c r="CZF24" s="8"/>
      <c r="CZG24" s="8"/>
      <c r="CZH24" s="8"/>
      <c r="CZI24" s="8"/>
      <c r="CZJ24" s="8"/>
      <c r="CZK24" s="8"/>
      <c r="CZL24" s="8"/>
      <c r="CZM24" s="8"/>
      <c r="CZN24" s="8"/>
      <c r="CZO24" s="8"/>
      <c r="CZP24" s="8"/>
      <c r="CZQ24" s="8"/>
      <c r="CZR24" s="8"/>
      <c r="CZS24" s="8"/>
      <c r="CZT24" s="8"/>
      <c r="CZU24" s="8"/>
      <c r="CZV24" s="8"/>
      <c r="CZW24" s="8"/>
      <c r="CZX24" s="8"/>
      <c r="CZY24" s="8"/>
      <c r="CZZ24" s="8"/>
      <c r="DAA24" s="8"/>
      <c r="DAB24" s="8"/>
      <c r="DAC24" s="8"/>
      <c r="DAD24" s="8"/>
      <c r="DAE24" s="8"/>
      <c r="DAF24" s="8"/>
      <c r="DAG24" s="8"/>
      <c r="DAH24" s="8"/>
      <c r="DAI24" s="8"/>
      <c r="DAJ24" s="8"/>
      <c r="DAK24" s="8"/>
      <c r="DAL24" s="8"/>
      <c r="DAM24" s="8"/>
      <c r="DAN24" s="8"/>
      <c r="DAO24" s="8"/>
      <c r="DAP24" s="8"/>
      <c r="DAQ24" s="8"/>
      <c r="DAR24" s="8"/>
      <c r="DAS24" s="8"/>
      <c r="DAT24" s="8"/>
      <c r="DAU24" s="8"/>
      <c r="DAV24" s="8"/>
      <c r="DAW24" s="8"/>
      <c r="DAX24" s="8"/>
      <c r="DAY24" s="8"/>
      <c r="DAZ24" s="8"/>
      <c r="DBA24" s="8"/>
      <c r="DBB24" s="8"/>
      <c r="DBC24" s="8"/>
      <c r="DBD24" s="8"/>
      <c r="DBE24" s="8"/>
      <c r="DBF24" s="8"/>
      <c r="DBG24" s="8"/>
      <c r="DBH24" s="8"/>
      <c r="DBI24" s="8"/>
      <c r="DBJ24" s="8"/>
      <c r="DBK24" s="8"/>
      <c r="DBL24" s="8"/>
      <c r="DBM24" s="8"/>
      <c r="DBN24" s="8"/>
      <c r="DBO24" s="8"/>
      <c r="DBP24" s="8"/>
      <c r="DBQ24" s="8"/>
      <c r="DBR24" s="8"/>
      <c r="DBS24" s="8"/>
      <c r="DBT24" s="8"/>
      <c r="DBU24" s="8"/>
      <c r="DBV24" s="8"/>
      <c r="DBW24" s="8"/>
      <c r="DBX24" s="8"/>
      <c r="DBY24" s="8"/>
      <c r="DBZ24" s="8"/>
      <c r="DCA24" s="8"/>
      <c r="DCB24" s="8"/>
      <c r="DCC24" s="8"/>
      <c r="DCD24" s="8"/>
      <c r="DCE24" s="8"/>
      <c r="DCF24" s="8"/>
      <c r="DCG24" s="8"/>
      <c r="DCH24" s="8"/>
      <c r="DCI24" s="8"/>
      <c r="DCJ24" s="8"/>
      <c r="DCK24" s="8"/>
      <c r="DCL24" s="8"/>
      <c r="DCM24" s="8"/>
      <c r="DCN24" s="8"/>
      <c r="DCO24" s="8"/>
      <c r="DCP24" s="8"/>
      <c r="DCQ24" s="8"/>
      <c r="DCR24" s="8"/>
      <c r="DCS24" s="8"/>
      <c r="DCT24" s="8"/>
      <c r="DCU24" s="8"/>
      <c r="DCV24" s="8"/>
      <c r="DCW24" s="8"/>
      <c r="DCX24" s="8"/>
      <c r="DCY24" s="8"/>
      <c r="DCZ24" s="8"/>
      <c r="DDA24" s="8"/>
      <c r="DDB24" s="8"/>
      <c r="DDC24" s="8"/>
      <c r="DDD24" s="8"/>
      <c r="DDE24" s="8"/>
      <c r="DDF24" s="8"/>
      <c r="DDG24" s="8"/>
      <c r="DDH24" s="8"/>
      <c r="DDI24" s="8"/>
      <c r="DDJ24" s="8"/>
      <c r="DDK24" s="8"/>
      <c r="DDL24" s="8"/>
      <c r="DDM24" s="8"/>
      <c r="DDN24" s="8"/>
      <c r="DDO24" s="8"/>
      <c r="DDP24" s="8"/>
      <c r="DDQ24" s="8"/>
      <c r="DDR24" s="8"/>
      <c r="DDS24" s="8"/>
      <c r="DDT24" s="8"/>
      <c r="DDU24" s="8"/>
      <c r="DDV24" s="8"/>
      <c r="DDW24" s="8"/>
      <c r="DDX24" s="8"/>
      <c r="DDY24" s="8"/>
      <c r="DDZ24" s="8"/>
      <c r="DEA24" s="8"/>
      <c r="DEB24" s="8"/>
      <c r="DEC24" s="8"/>
      <c r="DED24" s="8"/>
      <c r="DEE24" s="8"/>
      <c r="DEF24" s="8"/>
      <c r="DEG24" s="8"/>
      <c r="DEH24" s="8"/>
      <c r="DEI24" s="8"/>
      <c r="DEJ24" s="8"/>
      <c r="DEK24" s="8"/>
      <c r="DEL24" s="8"/>
      <c r="DEM24" s="8"/>
      <c r="DEN24" s="8"/>
      <c r="DEO24" s="8"/>
      <c r="DEP24" s="8"/>
      <c r="DEQ24" s="8"/>
      <c r="DER24" s="8"/>
      <c r="DES24" s="8"/>
      <c r="DET24" s="8"/>
      <c r="DEU24" s="8"/>
      <c r="DEV24" s="8"/>
      <c r="DEW24" s="8"/>
      <c r="DEX24" s="8"/>
      <c r="DEY24" s="8"/>
      <c r="DEZ24" s="8"/>
      <c r="DFA24" s="8"/>
      <c r="DFB24" s="8"/>
      <c r="DFC24" s="8"/>
      <c r="DFD24" s="8"/>
      <c r="DFE24" s="8"/>
      <c r="DFF24" s="8"/>
      <c r="DFG24" s="8"/>
      <c r="DFH24" s="8"/>
      <c r="DFI24" s="8"/>
      <c r="DFJ24" s="8"/>
      <c r="DFK24" s="8"/>
      <c r="DFL24" s="8"/>
      <c r="DFM24" s="8"/>
      <c r="DFN24" s="8"/>
      <c r="DFO24" s="8"/>
      <c r="DFP24" s="8"/>
      <c r="DFQ24" s="8"/>
      <c r="DFR24" s="8"/>
      <c r="DFS24" s="8"/>
      <c r="DFT24" s="8"/>
      <c r="DFU24" s="8"/>
      <c r="DFV24" s="8"/>
      <c r="DFW24" s="8"/>
      <c r="DFX24" s="8"/>
      <c r="DFY24" s="8"/>
      <c r="DFZ24" s="8"/>
      <c r="DGA24" s="8"/>
      <c r="DGB24" s="8"/>
      <c r="DGC24" s="8"/>
      <c r="DGD24" s="8"/>
      <c r="DGE24" s="8"/>
      <c r="DGF24" s="8"/>
      <c r="DGG24" s="8"/>
      <c r="DGH24" s="8"/>
      <c r="DGI24" s="8"/>
      <c r="DGJ24" s="8"/>
      <c r="DGK24" s="8"/>
      <c r="DGL24" s="8"/>
      <c r="DGM24" s="8"/>
      <c r="DGN24" s="8"/>
      <c r="DGO24" s="8"/>
      <c r="DGP24" s="8"/>
      <c r="DGQ24" s="8"/>
      <c r="DGR24" s="8"/>
      <c r="DGS24" s="8"/>
      <c r="DGT24" s="8"/>
      <c r="DGU24" s="8"/>
      <c r="DGV24" s="8"/>
      <c r="DGW24" s="8"/>
      <c r="DGX24" s="8"/>
      <c r="DGY24" s="8"/>
      <c r="DGZ24" s="8"/>
      <c r="DHA24" s="8"/>
      <c r="DHB24" s="8"/>
      <c r="DHC24" s="8"/>
      <c r="DHD24" s="8"/>
      <c r="DHE24" s="8"/>
      <c r="DHF24" s="8"/>
      <c r="DHG24" s="8"/>
      <c r="DHH24" s="8"/>
      <c r="DHI24" s="8"/>
      <c r="DHJ24" s="8"/>
      <c r="DHK24" s="8"/>
      <c r="DHL24" s="8"/>
      <c r="DHM24" s="8"/>
      <c r="DHN24" s="8"/>
      <c r="DHO24" s="8"/>
      <c r="DHP24" s="8"/>
      <c r="DHQ24" s="8"/>
      <c r="DHR24" s="8"/>
      <c r="DHS24" s="8"/>
      <c r="DHT24" s="8"/>
      <c r="DHU24" s="8"/>
      <c r="DHV24" s="8"/>
      <c r="DHW24" s="8"/>
      <c r="DHX24" s="8"/>
      <c r="DHY24" s="8"/>
      <c r="DHZ24" s="8"/>
      <c r="DIA24" s="8"/>
      <c r="DIB24" s="8"/>
      <c r="DIC24" s="8"/>
      <c r="DID24" s="8"/>
      <c r="DIE24" s="8"/>
      <c r="DIF24" s="8"/>
      <c r="DIG24" s="8"/>
      <c r="DIH24" s="8"/>
      <c r="DII24" s="8"/>
      <c r="DIJ24" s="8"/>
      <c r="DIK24" s="8"/>
      <c r="DIL24" s="8"/>
      <c r="DIM24" s="8"/>
      <c r="DIN24" s="8"/>
      <c r="DIO24" s="8"/>
      <c r="DIP24" s="8"/>
      <c r="DIQ24" s="8"/>
      <c r="DIR24" s="8"/>
      <c r="DIS24" s="8"/>
      <c r="DIT24" s="8"/>
      <c r="DIU24" s="8"/>
      <c r="DIV24" s="8"/>
      <c r="DIW24" s="8"/>
      <c r="DIX24" s="8"/>
      <c r="DIY24" s="8"/>
      <c r="DIZ24" s="8"/>
      <c r="DJA24" s="8"/>
      <c r="DJB24" s="8"/>
      <c r="DJC24" s="8"/>
      <c r="DJD24" s="8"/>
      <c r="DJE24" s="8"/>
      <c r="DJF24" s="8"/>
      <c r="DJG24" s="8"/>
      <c r="DJH24" s="8"/>
      <c r="DJI24" s="8"/>
      <c r="DJJ24" s="8"/>
      <c r="DJK24" s="8"/>
      <c r="DJL24" s="8"/>
      <c r="DJM24" s="8"/>
      <c r="DJN24" s="8"/>
      <c r="DJO24" s="8"/>
      <c r="DJP24" s="8"/>
      <c r="DJQ24" s="8"/>
      <c r="DJR24" s="8"/>
      <c r="DJS24" s="8"/>
      <c r="DJT24" s="8"/>
      <c r="DJU24" s="8"/>
      <c r="DJV24" s="8"/>
      <c r="DJW24" s="8"/>
      <c r="DJX24" s="8"/>
      <c r="DJY24" s="8"/>
      <c r="DJZ24" s="8"/>
      <c r="DKA24" s="8"/>
      <c r="DKB24" s="8"/>
      <c r="DKC24" s="8"/>
      <c r="DKD24" s="8"/>
      <c r="DKE24" s="8"/>
      <c r="DKF24" s="8"/>
      <c r="DKG24" s="8"/>
      <c r="DKH24" s="8"/>
      <c r="DKI24" s="8"/>
      <c r="DKJ24" s="8"/>
      <c r="DKK24" s="8"/>
      <c r="DKL24" s="8"/>
      <c r="DKM24" s="8"/>
      <c r="DKN24" s="8"/>
      <c r="DKO24" s="8"/>
      <c r="DKP24" s="8"/>
      <c r="DKQ24" s="8"/>
      <c r="DKR24" s="8"/>
      <c r="DKS24" s="8"/>
      <c r="DKT24" s="8"/>
      <c r="DKU24" s="8"/>
      <c r="DKV24" s="8"/>
      <c r="DKW24" s="8"/>
      <c r="DKX24" s="8"/>
      <c r="DKY24" s="8"/>
      <c r="DKZ24" s="8"/>
      <c r="DLA24" s="8"/>
      <c r="DLB24" s="8"/>
      <c r="DLC24" s="8"/>
      <c r="DLD24" s="8"/>
      <c r="DLE24" s="8"/>
      <c r="DLF24" s="8"/>
      <c r="DLG24" s="8"/>
      <c r="DLH24" s="8"/>
      <c r="DLI24" s="8"/>
      <c r="DLJ24" s="8"/>
      <c r="DLK24" s="8"/>
      <c r="DLL24" s="8"/>
      <c r="DLM24" s="8"/>
      <c r="DLN24" s="8"/>
      <c r="DLO24" s="8"/>
      <c r="DLP24" s="8"/>
      <c r="DLQ24" s="8"/>
      <c r="DLR24" s="8"/>
      <c r="DLS24" s="8"/>
      <c r="DLT24" s="8"/>
      <c r="DLU24" s="8"/>
      <c r="DLV24" s="8"/>
      <c r="DLW24" s="8"/>
      <c r="DLX24" s="8"/>
      <c r="DLY24" s="8"/>
      <c r="DLZ24" s="8"/>
      <c r="DMA24" s="8"/>
      <c r="DMB24" s="8"/>
      <c r="DMC24" s="8"/>
      <c r="DMD24" s="8"/>
      <c r="DME24" s="8"/>
      <c r="DMF24" s="8"/>
      <c r="DMG24" s="8"/>
      <c r="DMH24" s="8"/>
      <c r="DMI24" s="8"/>
      <c r="DMJ24" s="8"/>
      <c r="DMK24" s="8"/>
      <c r="DML24" s="8"/>
      <c r="DMM24" s="8"/>
      <c r="DMN24" s="8"/>
      <c r="DMO24" s="8"/>
      <c r="DMP24" s="8"/>
      <c r="DMQ24" s="8"/>
      <c r="DMR24" s="8"/>
      <c r="DMS24" s="8"/>
      <c r="DMT24" s="8"/>
      <c r="DMU24" s="8"/>
      <c r="DMV24" s="8"/>
      <c r="DMW24" s="8"/>
      <c r="DMX24" s="8"/>
      <c r="DMY24" s="8"/>
      <c r="DMZ24" s="8"/>
      <c r="DNA24" s="8"/>
      <c r="DNB24" s="8"/>
      <c r="DNC24" s="8"/>
      <c r="DND24" s="8"/>
      <c r="DNE24" s="8"/>
      <c r="DNF24" s="8"/>
      <c r="DNG24" s="8"/>
      <c r="DNH24" s="8"/>
      <c r="DNI24" s="8"/>
      <c r="DNJ24" s="8"/>
      <c r="DNK24" s="8"/>
      <c r="DNL24" s="8"/>
      <c r="DNM24" s="8"/>
      <c r="DNN24" s="8"/>
      <c r="DNO24" s="8"/>
      <c r="DNP24" s="8"/>
      <c r="DNQ24" s="8"/>
      <c r="DNR24" s="8"/>
      <c r="DNS24" s="8"/>
      <c r="DNT24" s="8"/>
      <c r="DNU24" s="8"/>
      <c r="DNV24" s="8"/>
      <c r="DNW24" s="8"/>
      <c r="DNX24" s="8"/>
      <c r="DNY24" s="8"/>
      <c r="DNZ24" s="8"/>
      <c r="DOA24" s="8"/>
      <c r="DOB24" s="8"/>
      <c r="DOC24" s="8"/>
      <c r="DOD24" s="8"/>
      <c r="DOE24" s="8"/>
      <c r="DOF24" s="8"/>
      <c r="DOG24" s="8"/>
      <c r="DOH24" s="8"/>
      <c r="DOI24" s="8"/>
      <c r="DOJ24" s="8"/>
      <c r="DOK24" s="8"/>
      <c r="DOL24" s="8"/>
      <c r="DOM24" s="8"/>
      <c r="DON24" s="8"/>
      <c r="DOO24" s="8"/>
      <c r="DOP24" s="8"/>
      <c r="DOQ24" s="8"/>
      <c r="DOR24" s="8"/>
      <c r="DOS24" s="8"/>
      <c r="DOT24" s="8"/>
      <c r="DOU24" s="8"/>
      <c r="DOV24" s="8"/>
      <c r="DOW24" s="8"/>
      <c r="DOX24" s="8"/>
      <c r="DOY24" s="8"/>
      <c r="DOZ24" s="8"/>
      <c r="DPA24" s="8"/>
      <c r="DPB24" s="8"/>
      <c r="DPC24" s="8"/>
      <c r="DPD24" s="8"/>
      <c r="DPE24" s="8"/>
      <c r="DPF24" s="8"/>
      <c r="DPG24" s="8"/>
      <c r="DPH24" s="8"/>
      <c r="DPI24" s="8"/>
      <c r="DPJ24" s="8"/>
      <c r="DPK24" s="8"/>
      <c r="DPL24" s="8"/>
      <c r="DPM24" s="8"/>
      <c r="DPN24" s="8"/>
      <c r="DPO24" s="8"/>
      <c r="DPP24" s="8"/>
      <c r="DPQ24" s="8"/>
      <c r="DPR24" s="8"/>
      <c r="DPS24" s="8"/>
      <c r="DPT24" s="8"/>
      <c r="DPU24" s="8"/>
      <c r="DPV24" s="8"/>
      <c r="DPW24" s="8"/>
      <c r="DPX24" s="8"/>
      <c r="DPY24" s="8"/>
      <c r="DPZ24" s="8"/>
      <c r="DQA24" s="8"/>
      <c r="DQB24" s="8"/>
      <c r="DQC24" s="8"/>
      <c r="DQD24" s="8"/>
      <c r="DQE24" s="8"/>
      <c r="DQF24" s="8"/>
      <c r="DQG24" s="8"/>
      <c r="DQH24" s="8"/>
      <c r="DQI24" s="8"/>
      <c r="DQJ24" s="8"/>
      <c r="DQK24" s="8"/>
      <c r="DQL24" s="8"/>
      <c r="DQM24" s="8"/>
      <c r="DQN24" s="8"/>
      <c r="DQO24" s="8"/>
      <c r="DQP24" s="8"/>
      <c r="DQQ24" s="8"/>
      <c r="DQR24" s="8"/>
      <c r="DQS24" s="8"/>
      <c r="DQT24" s="8"/>
      <c r="DQU24" s="8"/>
      <c r="DQV24" s="8"/>
      <c r="DQW24" s="8"/>
      <c r="DQX24" s="8"/>
      <c r="DQY24" s="8"/>
      <c r="DQZ24" s="8"/>
      <c r="DRA24" s="8"/>
      <c r="DRB24" s="8"/>
      <c r="DRC24" s="8"/>
      <c r="DRD24" s="8"/>
      <c r="DRE24" s="8"/>
      <c r="DRF24" s="8"/>
      <c r="DRG24" s="8"/>
      <c r="DRH24" s="8"/>
      <c r="DRI24" s="8"/>
      <c r="DRJ24" s="8"/>
      <c r="DRK24" s="8"/>
      <c r="DRL24" s="8"/>
      <c r="DRM24" s="8"/>
      <c r="DRN24" s="8"/>
      <c r="DRO24" s="8"/>
      <c r="DRP24" s="8"/>
      <c r="DRQ24" s="8"/>
      <c r="DRR24" s="8"/>
      <c r="DRS24" s="8"/>
      <c r="DRT24" s="8"/>
      <c r="DRU24" s="8"/>
      <c r="DRV24" s="8"/>
      <c r="DRW24" s="8"/>
      <c r="DRX24" s="8"/>
      <c r="DRY24" s="8"/>
      <c r="DRZ24" s="8"/>
      <c r="DSA24" s="8"/>
      <c r="DSB24" s="8"/>
      <c r="DSC24" s="8"/>
      <c r="DSD24" s="8"/>
      <c r="DSE24" s="8"/>
      <c r="DSF24" s="8"/>
      <c r="DSG24" s="8"/>
      <c r="DSH24" s="8"/>
      <c r="DSI24" s="8"/>
      <c r="DSJ24" s="8"/>
      <c r="DSK24" s="8"/>
      <c r="DSL24" s="8"/>
      <c r="DSM24" s="8"/>
      <c r="DSN24" s="8"/>
      <c r="DSO24" s="8"/>
      <c r="DSP24" s="8"/>
      <c r="DSQ24" s="8"/>
      <c r="DSR24" s="8"/>
      <c r="DSS24" s="8"/>
      <c r="DST24" s="8"/>
      <c r="DSU24" s="8"/>
      <c r="DSV24" s="8"/>
      <c r="DSW24" s="8"/>
      <c r="DSX24" s="8"/>
      <c r="DSY24" s="8"/>
      <c r="DSZ24" s="8"/>
      <c r="DTA24" s="8"/>
      <c r="DTB24" s="8"/>
      <c r="DTC24" s="8"/>
      <c r="DTD24" s="8"/>
      <c r="DTE24" s="8"/>
      <c r="DTF24" s="8"/>
      <c r="DTG24" s="8"/>
      <c r="DTH24" s="8"/>
      <c r="DTI24" s="8"/>
      <c r="DTJ24" s="8"/>
      <c r="DTK24" s="8"/>
      <c r="DTL24" s="8"/>
      <c r="DTM24" s="8"/>
      <c r="DTN24" s="8"/>
      <c r="DTO24" s="8"/>
      <c r="DTP24" s="8"/>
      <c r="DTQ24" s="8"/>
      <c r="DTR24" s="8"/>
      <c r="DTS24" s="8"/>
      <c r="DTT24" s="8"/>
      <c r="DTU24" s="8"/>
      <c r="DTV24" s="8"/>
      <c r="DTW24" s="8"/>
      <c r="DTX24" s="8"/>
      <c r="DTY24" s="8"/>
      <c r="DTZ24" s="8"/>
      <c r="DUA24" s="8"/>
      <c r="DUB24" s="8"/>
      <c r="DUC24" s="8"/>
      <c r="DUD24" s="8"/>
      <c r="DUE24" s="8"/>
      <c r="DUF24" s="8"/>
      <c r="DUG24" s="8"/>
      <c r="DUH24" s="8"/>
      <c r="DUI24" s="8"/>
      <c r="DUJ24" s="8"/>
      <c r="DUK24" s="8"/>
      <c r="DUL24" s="8"/>
      <c r="DUM24" s="8"/>
      <c r="DUN24" s="8"/>
      <c r="DUO24" s="8"/>
      <c r="DUP24" s="8"/>
      <c r="DUQ24" s="8"/>
      <c r="DUR24" s="8"/>
      <c r="DUS24" s="8"/>
      <c r="DUT24" s="8"/>
      <c r="DUU24" s="8"/>
      <c r="DUV24" s="8"/>
      <c r="DUW24" s="8"/>
      <c r="DUX24" s="8"/>
      <c r="DUY24" s="8"/>
      <c r="DUZ24" s="8"/>
      <c r="DVA24" s="8"/>
      <c r="DVB24" s="8"/>
      <c r="DVC24" s="8"/>
      <c r="DVD24" s="8"/>
      <c r="DVE24" s="8"/>
      <c r="DVF24" s="8"/>
      <c r="DVG24" s="8"/>
      <c r="DVH24" s="8"/>
      <c r="DVI24" s="8"/>
      <c r="DVJ24" s="8"/>
      <c r="DVK24" s="8"/>
      <c r="DVL24" s="8"/>
      <c r="DVM24" s="8"/>
      <c r="DVN24" s="8"/>
      <c r="DVO24" s="8"/>
      <c r="DVP24" s="8"/>
      <c r="DVQ24" s="8"/>
      <c r="DVR24" s="8"/>
      <c r="DVS24" s="8"/>
      <c r="DVT24" s="8"/>
      <c r="DVU24" s="8"/>
      <c r="DVV24" s="8"/>
      <c r="DVW24" s="8"/>
      <c r="DVX24" s="8"/>
      <c r="DVY24" s="8"/>
      <c r="DVZ24" s="8"/>
      <c r="DWA24" s="8"/>
      <c r="DWB24" s="8"/>
      <c r="DWC24" s="8"/>
      <c r="DWD24" s="8"/>
      <c r="DWE24" s="8"/>
      <c r="DWF24" s="8"/>
      <c r="DWG24" s="8"/>
      <c r="DWH24" s="8"/>
      <c r="DWI24" s="8"/>
      <c r="DWJ24" s="8"/>
      <c r="DWK24" s="8"/>
      <c r="DWL24" s="8"/>
      <c r="DWM24" s="8"/>
      <c r="DWN24" s="8"/>
      <c r="DWO24" s="8"/>
      <c r="DWP24" s="8"/>
      <c r="DWQ24" s="8"/>
      <c r="DWR24" s="8"/>
      <c r="DWS24" s="8"/>
      <c r="DWT24" s="8"/>
      <c r="DWU24" s="8"/>
      <c r="DWV24" s="8"/>
      <c r="DWW24" s="8"/>
      <c r="DWX24" s="8"/>
      <c r="DWY24" s="8"/>
      <c r="DWZ24" s="8"/>
      <c r="DXA24" s="8"/>
      <c r="DXB24" s="8"/>
      <c r="DXC24" s="8"/>
      <c r="DXD24" s="8"/>
      <c r="DXE24" s="8"/>
      <c r="DXF24" s="8"/>
      <c r="DXG24" s="8"/>
      <c r="DXH24" s="8"/>
      <c r="DXI24" s="8"/>
      <c r="DXJ24" s="8"/>
      <c r="DXK24" s="8"/>
      <c r="DXL24" s="8"/>
      <c r="DXM24" s="8"/>
      <c r="DXN24" s="8"/>
      <c r="DXO24" s="8"/>
      <c r="DXP24" s="8"/>
      <c r="DXQ24" s="8"/>
      <c r="DXR24" s="8"/>
      <c r="DXS24" s="8"/>
      <c r="DXT24" s="8"/>
      <c r="DXU24" s="8"/>
      <c r="DXV24" s="8"/>
      <c r="DXW24" s="8"/>
      <c r="DXX24" s="8"/>
      <c r="DXY24" s="8"/>
      <c r="DXZ24" s="8"/>
      <c r="DYA24" s="8"/>
      <c r="DYB24" s="8"/>
      <c r="DYC24" s="8"/>
      <c r="DYD24" s="8"/>
      <c r="DYE24" s="8"/>
      <c r="DYF24" s="8"/>
      <c r="DYG24" s="8"/>
      <c r="DYH24" s="8"/>
      <c r="DYI24" s="8"/>
      <c r="DYJ24" s="8"/>
      <c r="DYK24" s="8"/>
      <c r="DYL24" s="8"/>
      <c r="DYM24" s="8"/>
      <c r="DYN24" s="8"/>
      <c r="DYO24" s="8"/>
      <c r="DYP24" s="8"/>
      <c r="DYQ24" s="8"/>
      <c r="DYR24" s="8"/>
      <c r="DYS24" s="8"/>
      <c r="DYT24" s="8"/>
      <c r="DYU24" s="8"/>
      <c r="DYV24" s="8"/>
      <c r="DYW24" s="8"/>
      <c r="DYX24" s="8"/>
      <c r="DYY24" s="8"/>
      <c r="DYZ24" s="8"/>
      <c r="DZA24" s="8"/>
      <c r="DZB24" s="8"/>
      <c r="DZC24" s="8"/>
      <c r="DZD24" s="8"/>
      <c r="DZE24" s="8"/>
      <c r="DZF24" s="8"/>
      <c r="DZG24" s="8"/>
      <c r="DZH24" s="8"/>
      <c r="DZI24" s="8"/>
      <c r="DZJ24" s="8"/>
      <c r="DZK24" s="8"/>
      <c r="DZL24" s="8"/>
      <c r="DZM24" s="8"/>
      <c r="DZN24" s="8"/>
      <c r="DZO24" s="8"/>
      <c r="DZP24" s="8"/>
      <c r="DZQ24" s="8"/>
      <c r="DZR24" s="8"/>
      <c r="DZS24" s="8"/>
      <c r="DZT24" s="8"/>
      <c r="DZU24" s="8"/>
      <c r="DZV24" s="8"/>
      <c r="DZW24" s="8"/>
      <c r="DZX24" s="8"/>
      <c r="DZY24" s="8"/>
      <c r="DZZ24" s="8"/>
      <c r="EAA24" s="8"/>
      <c r="EAB24" s="8"/>
      <c r="EAC24" s="8"/>
      <c r="EAD24" s="8"/>
      <c r="EAE24" s="8"/>
      <c r="EAF24" s="8"/>
      <c r="EAG24" s="8"/>
      <c r="EAH24" s="8"/>
      <c r="EAI24" s="8"/>
      <c r="EAJ24" s="8"/>
      <c r="EAK24" s="8"/>
      <c r="EAL24" s="8"/>
      <c r="EAM24" s="8"/>
      <c r="EAN24" s="8"/>
      <c r="EAO24" s="8"/>
      <c r="EAP24" s="8"/>
      <c r="EAQ24" s="8"/>
      <c r="EAR24" s="8"/>
      <c r="EAS24" s="8"/>
      <c r="EAT24" s="8"/>
      <c r="EAU24" s="8"/>
      <c r="EAV24" s="8"/>
      <c r="EAW24" s="8"/>
      <c r="EAX24" s="8"/>
      <c r="EAY24" s="8"/>
      <c r="EAZ24" s="8"/>
      <c r="EBA24" s="8"/>
      <c r="EBB24" s="8"/>
      <c r="EBC24" s="8"/>
      <c r="EBD24" s="8"/>
      <c r="EBE24" s="8"/>
      <c r="EBF24" s="8"/>
      <c r="EBG24" s="8"/>
      <c r="EBH24" s="8"/>
      <c r="EBI24" s="8"/>
      <c r="EBJ24" s="8"/>
      <c r="EBK24" s="8"/>
      <c r="EBL24" s="8"/>
      <c r="EBM24" s="8"/>
      <c r="EBN24" s="8"/>
      <c r="EBO24" s="8"/>
      <c r="EBP24" s="8"/>
      <c r="EBQ24" s="8"/>
      <c r="EBR24" s="8"/>
      <c r="EBS24" s="8"/>
      <c r="EBT24" s="8"/>
      <c r="EBU24" s="8"/>
      <c r="EBV24" s="8"/>
      <c r="EBW24" s="8"/>
      <c r="EBX24" s="8"/>
      <c r="EBY24" s="8"/>
      <c r="EBZ24" s="8"/>
      <c r="ECA24" s="8"/>
      <c r="ECB24" s="8"/>
      <c r="ECC24" s="8"/>
      <c r="ECD24" s="8"/>
      <c r="ECE24" s="8"/>
      <c r="ECF24" s="8"/>
      <c r="ECG24" s="8"/>
      <c r="ECH24" s="8"/>
      <c r="ECI24" s="8"/>
      <c r="ECJ24" s="8"/>
      <c r="ECK24" s="8"/>
      <c r="ECL24" s="8"/>
      <c r="ECM24" s="8"/>
      <c r="ECN24" s="8"/>
      <c r="ECO24" s="8"/>
      <c r="ECP24" s="8"/>
      <c r="ECQ24" s="8"/>
      <c r="ECR24" s="8"/>
      <c r="ECS24" s="8"/>
      <c r="ECT24" s="8"/>
      <c r="ECU24" s="8"/>
      <c r="ECV24" s="8"/>
      <c r="ECW24" s="8"/>
      <c r="ECX24" s="8"/>
      <c r="ECY24" s="8"/>
      <c r="ECZ24" s="8"/>
      <c r="EDA24" s="8"/>
      <c r="EDB24" s="8"/>
      <c r="EDC24" s="8"/>
      <c r="EDD24" s="8"/>
      <c r="EDE24" s="8"/>
      <c r="EDF24" s="8"/>
      <c r="EDG24" s="8"/>
      <c r="EDH24" s="8"/>
      <c r="EDI24" s="8"/>
      <c r="EDJ24" s="8"/>
      <c r="EDK24" s="8"/>
      <c r="EDL24" s="8"/>
      <c r="EDM24" s="8"/>
      <c r="EDN24" s="8"/>
      <c r="EDO24" s="8"/>
      <c r="EDP24" s="8"/>
      <c r="EDQ24" s="8"/>
      <c r="EDR24" s="8"/>
      <c r="EDS24" s="8"/>
      <c r="EDT24" s="8"/>
      <c r="EDU24" s="8"/>
      <c r="EDV24" s="8"/>
      <c r="EDW24" s="8"/>
      <c r="EDX24" s="8"/>
      <c r="EDY24" s="8"/>
      <c r="EDZ24" s="8"/>
      <c r="EEA24" s="8"/>
      <c r="EEB24" s="8"/>
      <c r="EEC24" s="8"/>
      <c r="EED24" s="8"/>
      <c r="EEE24" s="8"/>
      <c r="EEF24" s="8"/>
      <c r="EEG24" s="8"/>
      <c r="EEH24" s="8"/>
      <c r="EEI24" s="8"/>
      <c r="EEJ24" s="8"/>
      <c r="EEK24" s="8"/>
      <c r="EEL24" s="8"/>
      <c r="EEM24" s="8"/>
      <c r="EEN24" s="8"/>
      <c r="EEO24" s="8"/>
      <c r="EEP24" s="8"/>
      <c r="EEQ24" s="8"/>
      <c r="EER24" s="8"/>
      <c r="EES24" s="8"/>
      <c r="EET24" s="8"/>
      <c r="EEU24" s="8"/>
      <c r="EEV24" s="8"/>
      <c r="EEW24" s="8"/>
      <c r="EEX24" s="8"/>
      <c r="EEY24" s="8"/>
      <c r="EEZ24" s="8"/>
      <c r="EFA24" s="8"/>
      <c r="EFB24" s="8"/>
      <c r="EFC24" s="8"/>
      <c r="EFD24" s="8"/>
      <c r="EFE24" s="8"/>
      <c r="EFF24" s="8"/>
      <c r="EFG24" s="8"/>
      <c r="EFH24" s="8"/>
      <c r="EFI24" s="8"/>
      <c r="EFJ24" s="8"/>
      <c r="EFK24" s="8"/>
      <c r="EFL24" s="8"/>
      <c r="EFM24" s="8"/>
      <c r="EFN24" s="8"/>
      <c r="EFO24" s="8"/>
      <c r="EFP24" s="8"/>
      <c r="EFQ24" s="8"/>
      <c r="EFR24" s="8"/>
      <c r="EFS24" s="8"/>
      <c r="EFT24" s="8"/>
      <c r="EFU24" s="8"/>
      <c r="EFV24" s="8"/>
      <c r="EFW24" s="8"/>
      <c r="EFX24" s="8"/>
      <c r="EFY24" s="8"/>
      <c r="EFZ24" s="8"/>
      <c r="EGA24" s="8"/>
      <c r="EGB24" s="8"/>
      <c r="EGC24" s="8"/>
      <c r="EGD24" s="8"/>
      <c r="EGE24" s="8"/>
      <c r="EGF24" s="8"/>
      <c r="EGG24" s="8"/>
      <c r="EGH24" s="8"/>
      <c r="EGI24" s="8"/>
      <c r="EGJ24" s="8"/>
      <c r="EGK24" s="8"/>
      <c r="EGL24" s="8"/>
      <c r="EGM24" s="8"/>
      <c r="EGN24" s="8"/>
      <c r="EGO24" s="8"/>
      <c r="EGP24" s="8"/>
      <c r="EGQ24" s="8"/>
      <c r="EGR24" s="8"/>
      <c r="EGS24" s="8"/>
      <c r="EGT24" s="8"/>
      <c r="EGU24" s="8"/>
      <c r="EGV24" s="8"/>
      <c r="EGW24" s="8"/>
      <c r="EGX24" s="8"/>
      <c r="EGY24" s="8"/>
      <c r="EGZ24" s="8"/>
      <c r="EHA24" s="8"/>
      <c r="EHB24" s="8"/>
      <c r="EHC24" s="8"/>
      <c r="EHD24" s="8"/>
      <c r="EHE24" s="8"/>
      <c r="EHF24" s="8"/>
      <c r="EHG24" s="8"/>
      <c r="EHH24" s="8"/>
      <c r="EHI24" s="8"/>
      <c r="EHJ24" s="8"/>
      <c r="EHK24" s="8"/>
      <c r="EHL24" s="8"/>
      <c r="EHM24" s="8"/>
      <c r="EHN24" s="8"/>
      <c r="EHO24" s="8"/>
      <c r="EHP24" s="8"/>
      <c r="EHQ24" s="8"/>
      <c r="EHR24" s="8"/>
      <c r="EHS24" s="8"/>
      <c r="EHT24" s="8"/>
      <c r="EHU24" s="8"/>
      <c r="EHV24" s="8"/>
      <c r="EHW24" s="8"/>
      <c r="EHX24" s="8"/>
      <c r="EHY24" s="8"/>
      <c r="EHZ24" s="8"/>
      <c r="EIA24" s="8"/>
      <c r="EIB24" s="8"/>
      <c r="EIC24" s="8"/>
      <c r="EID24" s="8"/>
      <c r="EIE24" s="8"/>
      <c r="EIF24" s="8"/>
      <c r="EIG24" s="8"/>
      <c r="EIH24" s="8"/>
      <c r="EII24" s="8"/>
      <c r="EIJ24" s="8"/>
      <c r="EIK24" s="8"/>
      <c r="EIL24" s="8"/>
      <c r="EIM24" s="8"/>
      <c r="EIN24" s="8"/>
      <c r="EIO24" s="8"/>
      <c r="EIP24" s="8"/>
      <c r="EIQ24" s="8"/>
      <c r="EIR24" s="8"/>
      <c r="EIS24" s="8"/>
      <c r="EIT24" s="8"/>
      <c r="EIU24" s="8"/>
      <c r="EIV24" s="8"/>
      <c r="EIW24" s="8"/>
      <c r="EIX24" s="8"/>
      <c r="EIY24" s="8"/>
      <c r="EIZ24" s="8"/>
      <c r="EJA24" s="8"/>
      <c r="EJB24" s="8"/>
      <c r="EJC24" s="8"/>
      <c r="EJD24" s="8"/>
      <c r="EJE24" s="8"/>
      <c r="EJF24" s="8"/>
      <c r="EJG24" s="8"/>
      <c r="EJH24" s="8"/>
      <c r="EJI24" s="8"/>
      <c r="EJJ24" s="8"/>
      <c r="EJK24" s="8"/>
      <c r="EJL24" s="8"/>
      <c r="EJM24" s="8"/>
      <c r="EJN24" s="8"/>
      <c r="EJO24" s="8"/>
      <c r="EJP24" s="8"/>
      <c r="EJQ24" s="8"/>
      <c r="EJR24" s="8"/>
      <c r="EJS24" s="8"/>
      <c r="EJT24" s="8"/>
      <c r="EJU24" s="8"/>
      <c r="EJV24" s="8"/>
      <c r="EJW24" s="8"/>
      <c r="EJX24" s="8"/>
      <c r="EJY24" s="8"/>
      <c r="EJZ24" s="8"/>
      <c r="EKA24" s="8"/>
      <c r="EKB24" s="8"/>
      <c r="EKC24" s="8"/>
      <c r="EKD24" s="8"/>
      <c r="EKE24" s="8"/>
      <c r="EKF24" s="8"/>
      <c r="EKG24" s="8"/>
      <c r="EKH24" s="8"/>
      <c r="EKI24" s="8"/>
      <c r="EKJ24" s="8"/>
      <c r="EKK24" s="8"/>
      <c r="EKL24" s="8"/>
      <c r="EKM24" s="8"/>
      <c r="EKN24" s="8"/>
      <c r="EKO24" s="8"/>
      <c r="EKP24" s="8"/>
      <c r="EKQ24" s="8"/>
      <c r="EKR24" s="8"/>
      <c r="EKS24" s="8"/>
      <c r="EKT24" s="8"/>
      <c r="EKU24" s="8"/>
      <c r="EKV24" s="8"/>
      <c r="EKW24" s="8"/>
      <c r="EKX24" s="8"/>
      <c r="EKY24" s="8"/>
      <c r="EKZ24" s="8"/>
      <c r="ELA24" s="8"/>
      <c r="ELB24" s="8"/>
      <c r="ELC24" s="8"/>
      <c r="ELD24" s="8"/>
      <c r="ELE24" s="8"/>
      <c r="ELF24" s="8"/>
      <c r="ELG24" s="8"/>
      <c r="ELH24" s="8"/>
      <c r="ELI24" s="8"/>
      <c r="ELJ24" s="8"/>
      <c r="ELK24" s="8"/>
      <c r="ELL24" s="8"/>
      <c r="ELM24" s="8"/>
      <c r="ELN24" s="8"/>
      <c r="ELO24" s="8"/>
      <c r="ELP24" s="8"/>
      <c r="ELQ24" s="8"/>
      <c r="ELR24" s="8"/>
      <c r="ELS24" s="8"/>
      <c r="ELT24" s="8"/>
      <c r="ELU24" s="8"/>
      <c r="ELV24" s="8"/>
      <c r="ELW24" s="8"/>
      <c r="ELX24" s="8"/>
      <c r="ELY24" s="8"/>
      <c r="ELZ24" s="8"/>
      <c r="EMA24" s="8"/>
      <c r="EMB24" s="8"/>
      <c r="EMC24" s="8"/>
      <c r="EMD24" s="8"/>
      <c r="EME24" s="8"/>
      <c r="EMF24" s="8"/>
      <c r="EMG24" s="8"/>
      <c r="EMH24" s="8"/>
      <c r="EMI24" s="8"/>
      <c r="EMJ24" s="8"/>
      <c r="EMK24" s="8"/>
      <c r="EML24" s="8"/>
      <c r="EMM24" s="8"/>
      <c r="EMN24" s="8"/>
      <c r="EMO24" s="8"/>
      <c r="EMP24" s="8"/>
      <c r="EMQ24" s="8"/>
      <c r="EMR24" s="8"/>
      <c r="EMS24" s="8"/>
      <c r="EMT24" s="8"/>
      <c r="EMU24" s="8"/>
      <c r="EMV24" s="8"/>
      <c r="EMW24" s="8"/>
      <c r="EMX24" s="8"/>
      <c r="EMY24" s="8"/>
      <c r="EMZ24" s="8"/>
      <c r="ENA24" s="8"/>
      <c r="ENB24" s="8"/>
      <c r="ENC24" s="8"/>
      <c r="END24" s="8"/>
      <c r="ENE24" s="8"/>
      <c r="ENF24" s="8"/>
      <c r="ENG24" s="8"/>
      <c r="ENH24" s="8"/>
      <c r="ENI24" s="8"/>
      <c r="ENJ24" s="8"/>
      <c r="ENK24" s="8"/>
      <c r="ENL24" s="8"/>
      <c r="ENM24" s="8"/>
      <c r="ENN24" s="8"/>
      <c r="ENO24" s="8"/>
      <c r="ENP24" s="8"/>
      <c r="ENQ24" s="8"/>
      <c r="ENR24" s="8"/>
      <c r="ENS24" s="8"/>
      <c r="ENT24" s="8"/>
      <c r="ENU24" s="8"/>
      <c r="ENV24" s="8"/>
      <c r="ENW24" s="8"/>
      <c r="ENX24" s="8"/>
      <c r="ENY24" s="8"/>
      <c r="ENZ24" s="8"/>
      <c r="EOA24" s="8"/>
      <c r="EOB24" s="8"/>
      <c r="EOC24" s="8"/>
      <c r="EOD24" s="8"/>
      <c r="EOE24" s="8"/>
      <c r="EOF24" s="8"/>
      <c r="EOG24" s="8"/>
      <c r="EOH24" s="8"/>
      <c r="EOI24" s="8"/>
      <c r="EOJ24" s="8"/>
      <c r="EOK24" s="8"/>
      <c r="EOL24" s="8"/>
      <c r="EOM24" s="8"/>
      <c r="EON24" s="8"/>
      <c r="EOO24" s="8"/>
      <c r="EOP24" s="8"/>
      <c r="EOQ24" s="8"/>
      <c r="EOR24" s="8"/>
      <c r="EOS24" s="8"/>
      <c r="EOT24" s="8"/>
      <c r="EOU24" s="8"/>
      <c r="EOV24" s="8"/>
      <c r="EOW24" s="8"/>
      <c r="EOX24" s="8"/>
      <c r="EOY24" s="8"/>
      <c r="EOZ24" s="8"/>
      <c r="EPA24" s="8"/>
      <c r="EPB24" s="8"/>
      <c r="EPC24" s="8"/>
      <c r="EPD24" s="8"/>
      <c r="EPE24" s="8"/>
      <c r="EPF24" s="8"/>
      <c r="EPG24" s="8"/>
      <c r="EPH24" s="8"/>
      <c r="EPI24" s="8"/>
      <c r="EPJ24" s="8"/>
      <c r="EPK24" s="8"/>
      <c r="EPL24" s="8"/>
      <c r="EPM24" s="8"/>
      <c r="EPN24" s="8"/>
      <c r="EPO24" s="8"/>
      <c r="EPP24" s="8"/>
      <c r="EPQ24" s="8"/>
      <c r="EPR24" s="8"/>
      <c r="EPS24" s="8"/>
      <c r="EPT24" s="8"/>
      <c r="EPU24" s="8"/>
      <c r="EPV24" s="8"/>
      <c r="EPW24" s="8"/>
      <c r="EPX24" s="8"/>
      <c r="EPY24" s="8"/>
      <c r="EPZ24" s="8"/>
      <c r="EQA24" s="8"/>
      <c r="EQB24" s="8"/>
      <c r="EQC24" s="8"/>
      <c r="EQD24" s="8"/>
      <c r="EQE24" s="8"/>
      <c r="EQF24" s="8"/>
      <c r="EQG24" s="8"/>
      <c r="EQH24" s="8"/>
      <c r="EQI24" s="8"/>
      <c r="EQJ24" s="8"/>
      <c r="EQK24" s="8"/>
      <c r="EQL24" s="8"/>
      <c r="EQM24" s="8"/>
      <c r="EQN24" s="8"/>
      <c r="EQO24" s="8"/>
      <c r="EQP24" s="8"/>
      <c r="EQQ24" s="8"/>
      <c r="EQR24" s="8"/>
      <c r="EQS24" s="8"/>
      <c r="EQT24" s="8"/>
      <c r="EQU24" s="8"/>
      <c r="EQV24" s="8"/>
      <c r="EQW24" s="8"/>
      <c r="EQX24" s="8"/>
      <c r="EQY24" s="8"/>
      <c r="EQZ24" s="8"/>
      <c r="ERA24" s="8"/>
      <c r="ERB24" s="8"/>
      <c r="ERC24" s="8"/>
      <c r="ERD24" s="8"/>
      <c r="ERE24" s="8"/>
      <c r="ERF24" s="8"/>
      <c r="ERG24" s="8"/>
      <c r="ERH24" s="8"/>
      <c r="ERI24" s="8"/>
      <c r="ERJ24" s="8"/>
      <c r="ERK24" s="8"/>
      <c r="ERL24" s="8"/>
      <c r="ERM24" s="8"/>
      <c r="ERN24" s="8"/>
      <c r="ERO24" s="8"/>
      <c r="ERP24" s="8"/>
      <c r="ERQ24" s="8"/>
      <c r="ERR24" s="8"/>
      <c r="ERS24" s="8"/>
      <c r="ERT24" s="8"/>
      <c r="ERU24" s="8"/>
      <c r="ERV24" s="8"/>
      <c r="ERW24" s="8"/>
      <c r="ERX24" s="8"/>
      <c r="ERY24" s="8"/>
      <c r="ERZ24" s="8"/>
      <c r="ESA24" s="8"/>
      <c r="ESB24" s="8"/>
      <c r="ESC24" s="8"/>
      <c r="ESD24" s="8"/>
      <c r="ESE24" s="8"/>
      <c r="ESF24" s="8"/>
      <c r="ESG24" s="8"/>
      <c r="ESH24" s="8"/>
      <c r="ESI24" s="8"/>
      <c r="ESJ24" s="8"/>
      <c r="ESK24" s="8"/>
      <c r="ESL24" s="8"/>
      <c r="ESM24" s="8"/>
      <c r="ESN24" s="8"/>
      <c r="ESO24" s="8"/>
      <c r="ESP24" s="8"/>
      <c r="ESQ24" s="8"/>
      <c r="ESR24" s="8"/>
      <c r="ESS24" s="8"/>
      <c r="EST24" s="8"/>
      <c r="ESU24" s="8"/>
      <c r="ESV24" s="8"/>
      <c r="ESW24" s="8"/>
      <c r="ESX24" s="8"/>
      <c r="ESY24" s="8"/>
      <c r="ESZ24" s="8"/>
      <c r="ETA24" s="8"/>
      <c r="ETB24" s="8"/>
      <c r="ETC24" s="8"/>
      <c r="ETD24" s="8"/>
      <c r="ETE24" s="8"/>
      <c r="ETF24" s="8"/>
      <c r="ETG24" s="8"/>
      <c r="ETH24" s="8"/>
      <c r="ETI24" s="8"/>
      <c r="ETJ24" s="8"/>
      <c r="ETK24" s="8"/>
      <c r="ETL24" s="8"/>
      <c r="ETM24" s="8"/>
      <c r="ETN24" s="8"/>
      <c r="ETO24" s="8"/>
      <c r="ETP24" s="8"/>
      <c r="ETQ24" s="8"/>
      <c r="ETR24" s="8"/>
      <c r="ETS24" s="8"/>
      <c r="ETT24" s="8"/>
      <c r="ETU24" s="8"/>
      <c r="ETV24" s="8"/>
      <c r="ETW24" s="8"/>
      <c r="ETX24" s="8"/>
      <c r="ETY24" s="8"/>
      <c r="ETZ24" s="8"/>
      <c r="EUA24" s="8"/>
      <c r="EUB24" s="8"/>
      <c r="EUC24" s="8"/>
      <c r="EUD24" s="8"/>
      <c r="EUE24" s="8"/>
      <c r="EUF24" s="8"/>
      <c r="EUG24" s="8"/>
      <c r="EUH24" s="8"/>
      <c r="EUI24" s="8"/>
      <c r="EUJ24" s="8"/>
      <c r="EUK24" s="8"/>
      <c r="EUL24" s="8"/>
      <c r="EUM24" s="8"/>
      <c r="EUN24" s="8"/>
      <c r="EUO24" s="8"/>
      <c r="EUP24" s="8"/>
      <c r="EUQ24" s="8"/>
      <c r="EUR24" s="8"/>
      <c r="EUS24" s="8"/>
      <c r="EUT24" s="8"/>
      <c r="EUU24" s="8"/>
      <c r="EUV24" s="8"/>
      <c r="EUW24" s="8"/>
      <c r="EUX24" s="8"/>
      <c r="EUY24" s="8"/>
      <c r="EUZ24" s="8"/>
      <c r="EVA24" s="8"/>
      <c r="EVB24" s="8"/>
      <c r="EVC24" s="8"/>
      <c r="EVD24" s="8"/>
      <c r="EVE24" s="8"/>
      <c r="EVF24" s="8"/>
      <c r="EVG24" s="8"/>
      <c r="EVH24" s="8"/>
      <c r="EVI24" s="8"/>
      <c r="EVJ24" s="8"/>
      <c r="EVK24" s="8"/>
      <c r="EVL24" s="8"/>
      <c r="EVM24" s="8"/>
      <c r="EVN24" s="8"/>
      <c r="EVO24" s="8"/>
      <c r="EVP24" s="8"/>
      <c r="EVQ24" s="8"/>
      <c r="EVR24" s="8"/>
      <c r="EVS24" s="8"/>
      <c r="EVT24" s="8"/>
      <c r="EVU24" s="8"/>
      <c r="EVV24" s="8"/>
      <c r="EVW24" s="8"/>
      <c r="EVX24" s="8"/>
      <c r="EVY24" s="8"/>
      <c r="EVZ24" s="8"/>
      <c r="EWA24" s="8"/>
      <c r="EWB24" s="8"/>
      <c r="EWC24" s="8"/>
      <c r="EWD24" s="8"/>
      <c r="EWE24" s="8"/>
      <c r="EWF24" s="8"/>
      <c r="EWG24" s="8"/>
      <c r="EWH24" s="8"/>
      <c r="EWI24" s="8"/>
      <c r="EWJ24" s="8"/>
      <c r="EWK24" s="8"/>
      <c r="EWL24" s="8"/>
      <c r="EWM24" s="8"/>
      <c r="EWN24" s="8"/>
      <c r="EWO24" s="8"/>
      <c r="EWP24" s="8"/>
      <c r="EWQ24" s="8"/>
      <c r="EWR24" s="8"/>
      <c r="EWS24" s="8"/>
      <c r="EWT24" s="8"/>
      <c r="EWU24" s="8"/>
      <c r="EWV24" s="8"/>
      <c r="EWW24" s="8"/>
      <c r="EWX24" s="8"/>
      <c r="EWY24" s="8"/>
      <c r="EWZ24" s="8"/>
      <c r="EXA24" s="8"/>
      <c r="EXB24" s="8"/>
      <c r="EXC24" s="8"/>
      <c r="EXD24" s="8"/>
      <c r="EXE24" s="8"/>
      <c r="EXF24" s="8"/>
      <c r="EXG24" s="8"/>
      <c r="EXH24" s="8"/>
      <c r="EXI24" s="8"/>
      <c r="EXJ24" s="8"/>
      <c r="EXK24" s="8"/>
      <c r="EXL24" s="8"/>
      <c r="EXM24" s="8"/>
      <c r="EXN24" s="8"/>
      <c r="EXO24" s="8"/>
      <c r="EXP24" s="8"/>
      <c r="EXQ24" s="8"/>
      <c r="EXR24" s="8"/>
      <c r="EXS24" s="8"/>
      <c r="EXT24" s="8"/>
      <c r="EXU24" s="8"/>
      <c r="EXV24" s="8"/>
      <c r="EXW24" s="8"/>
      <c r="EXX24" s="8"/>
      <c r="EXY24" s="8"/>
      <c r="EXZ24" s="8"/>
      <c r="EYA24" s="8"/>
      <c r="EYB24" s="8"/>
      <c r="EYC24" s="8"/>
      <c r="EYD24" s="8"/>
      <c r="EYE24" s="8"/>
      <c r="EYF24" s="8"/>
      <c r="EYG24" s="8"/>
      <c r="EYH24" s="8"/>
      <c r="EYI24" s="8"/>
      <c r="EYJ24" s="8"/>
      <c r="EYK24" s="8"/>
      <c r="EYL24" s="8"/>
      <c r="EYM24" s="8"/>
      <c r="EYN24" s="8"/>
      <c r="EYO24" s="8"/>
      <c r="EYP24" s="8"/>
      <c r="EYQ24" s="8"/>
      <c r="EYR24" s="8"/>
      <c r="EYS24" s="8"/>
      <c r="EYT24" s="8"/>
      <c r="EYU24" s="8"/>
      <c r="EYV24" s="8"/>
      <c r="EYW24" s="8"/>
      <c r="EYX24" s="8"/>
      <c r="EYY24" s="8"/>
      <c r="EYZ24" s="8"/>
      <c r="EZA24" s="8"/>
      <c r="EZB24" s="8"/>
      <c r="EZC24" s="8"/>
      <c r="EZD24" s="8"/>
      <c r="EZE24" s="8"/>
      <c r="EZF24" s="8"/>
      <c r="EZG24" s="8"/>
      <c r="EZH24" s="8"/>
      <c r="EZI24" s="8"/>
      <c r="EZJ24" s="8"/>
      <c r="EZK24" s="8"/>
      <c r="EZL24" s="8"/>
      <c r="EZM24" s="8"/>
      <c r="EZN24" s="8"/>
      <c r="EZO24" s="8"/>
      <c r="EZP24" s="8"/>
      <c r="EZQ24" s="8"/>
      <c r="EZR24" s="8"/>
      <c r="EZS24" s="8"/>
      <c r="EZT24" s="8"/>
      <c r="EZU24" s="8"/>
      <c r="EZV24" s="8"/>
      <c r="EZW24" s="8"/>
      <c r="EZX24" s="8"/>
      <c r="EZY24" s="8"/>
      <c r="EZZ24" s="8"/>
      <c r="FAA24" s="8"/>
      <c r="FAB24" s="8"/>
      <c r="FAC24" s="8"/>
      <c r="FAD24" s="8"/>
      <c r="FAE24" s="8"/>
      <c r="FAF24" s="8"/>
      <c r="FAG24" s="8"/>
      <c r="FAH24" s="8"/>
      <c r="FAI24" s="8"/>
      <c r="FAJ24" s="8"/>
      <c r="FAK24" s="8"/>
      <c r="FAL24" s="8"/>
      <c r="FAM24" s="8"/>
      <c r="FAN24" s="8"/>
      <c r="FAO24" s="8"/>
      <c r="FAP24" s="8"/>
      <c r="FAQ24" s="8"/>
      <c r="FAR24" s="8"/>
      <c r="FAS24" s="8"/>
      <c r="FAT24" s="8"/>
      <c r="FAU24" s="8"/>
      <c r="FAV24" s="8"/>
      <c r="FAW24" s="8"/>
      <c r="FAX24" s="8"/>
      <c r="FAY24" s="8"/>
      <c r="FAZ24" s="8"/>
      <c r="FBA24" s="8"/>
      <c r="FBB24" s="8"/>
      <c r="FBC24" s="8"/>
      <c r="FBD24" s="8"/>
      <c r="FBE24" s="8"/>
      <c r="FBF24" s="8"/>
      <c r="FBG24" s="8"/>
      <c r="FBH24" s="8"/>
      <c r="FBI24" s="8"/>
      <c r="FBJ24" s="8"/>
      <c r="FBK24" s="8"/>
      <c r="FBL24" s="8"/>
      <c r="FBM24" s="8"/>
      <c r="FBN24" s="8"/>
      <c r="FBO24" s="8"/>
      <c r="FBP24" s="8"/>
      <c r="FBQ24" s="8"/>
      <c r="FBR24" s="8"/>
      <c r="FBS24" s="8"/>
      <c r="FBT24" s="8"/>
      <c r="FBU24" s="8"/>
      <c r="FBV24" s="8"/>
      <c r="FBW24" s="8"/>
      <c r="FBX24" s="8"/>
      <c r="FBY24" s="8"/>
      <c r="FBZ24" s="8"/>
      <c r="FCA24" s="8"/>
      <c r="FCB24" s="8"/>
      <c r="FCC24" s="8"/>
      <c r="FCD24" s="8"/>
      <c r="FCE24" s="8"/>
      <c r="FCF24" s="8"/>
      <c r="FCG24" s="8"/>
      <c r="FCH24" s="8"/>
      <c r="FCI24" s="8"/>
      <c r="FCJ24" s="8"/>
      <c r="FCK24" s="8"/>
      <c r="FCL24" s="8"/>
      <c r="FCM24" s="8"/>
      <c r="FCN24" s="8"/>
      <c r="FCO24" s="8"/>
      <c r="FCP24" s="8"/>
      <c r="FCQ24" s="8"/>
      <c r="FCR24" s="8"/>
      <c r="FCS24" s="8"/>
      <c r="FCT24" s="8"/>
      <c r="FCU24" s="8"/>
      <c r="FCV24" s="8"/>
      <c r="FCW24" s="8"/>
      <c r="FCX24" s="8"/>
      <c r="FCY24" s="8"/>
      <c r="FCZ24" s="8"/>
      <c r="FDA24" s="8"/>
      <c r="FDB24" s="8"/>
      <c r="FDC24" s="8"/>
      <c r="FDD24" s="8"/>
      <c r="FDE24" s="8"/>
      <c r="FDF24" s="8"/>
      <c r="FDG24" s="8"/>
      <c r="FDH24" s="8"/>
      <c r="FDI24" s="8"/>
      <c r="FDJ24" s="8"/>
      <c r="FDK24" s="8"/>
      <c r="FDL24" s="8"/>
      <c r="FDM24" s="8"/>
      <c r="FDN24" s="8"/>
      <c r="FDO24" s="8"/>
      <c r="FDP24" s="8"/>
      <c r="FDQ24" s="8"/>
      <c r="FDR24" s="8"/>
      <c r="FDS24" s="8"/>
      <c r="FDT24" s="8"/>
      <c r="FDU24" s="8"/>
      <c r="FDV24" s="8"/>
      <c r="FDW24" s="8"/>
      <c r="FDX24" s="8"/>
      <c r="FDY24" s="8"/>
      <c r="FDZ24" s="8"/>
      <c r="FEA24" s="8"/>
      <c r="FEB24" s="8"/>
      <c r="FEC24" s="8"/>
      <c r="FED24" s="8"/>
      <c r="FEE24" s="8"/>
      <c r="FEF24" s="8"/>
      <c r="FEG24" s="8"/>
      <c r="FEH24" s="8"/>
      <c r="FEI24" s="8"/>
      <c r="FEJ24" s="8"/>
      <c r="FEK24" s="8"/>
      <c r="FEL24" s="8"/>
      <c r="FEM24" s="8"/>
      <c r="FEN24" s="8"/>
      <c r="FEO24" s="8"/>
      <c r="FEP24" s="8"/>
      <c r="FEQ24" s="8"/>
      <c r="FER24" s="8"/>
      <c r="FES24" s="8"/>
      <c r="FET24" s="8"/>
      <c r="FEU24" s="8"/>
      <c r="FEV24" s="8"/>
      <c r="FEW24" s="8"/>
      <c r="FEX24" s="8"/>
      <c r="FEY24" s="8"/>
      <c r="FEZ24" s="8"/>
      <c r="FFA24" s="8"/>
      <c r="FFB24" s="8"/>
      <c r="FFC24" s="8"/>
      <c r="FFD24" s="8"/>
      <c r="FFE24" s="8"/>
      <c r="FFF24" s="8"/>
      <c r="FFG24" s="8"/>
      <c r="FFH24" s="8"/>
      <c r="FFI24" s="8"/>
      <c r="FFJ24" s="8"/>
      <c r="FFK24" s="8"/>
      <c r="FFL24" s="8"/>
      <c r="FFM24" s="8"/>
      <c r="FFN24" s="8"/>
      <c r="FFO24" s="8"/>
      <c r="FFP24" s="8"/>
      <c r="FFQ24" s="8"/>
      <c r="FFR24" s="8"/>
      <c r="FFS24" s="8"/>
      <c r="FFT24" s="8"/>
      <c r="FFU24" s="8"/>
      <c r="FFV24" s="8"/>
      <c r="FFW24" s="8"/>
      <c r="FFX24" s="8"/>
      <c r="FFY24" s="8"/>
      <c r="FFZ24" s="8"/>
      <c r="FGA24" s="8"/>
      <c r="FGB24" s="8"/>
      <c r="FGC24" s="8"/>
      <c r="FGD24" s="8"/>
      <c r="FGE24" s="8"/>
      <c r="FGF24" s="8"/>
      <c r="FGG24" s="8"/>
      <c r="FGH24" s="8"/>
      <c r="FGI24" s="8"/>
      <c r="FGJ24" s="8"/>
      <c r="FGK24" s="8"/>
      <c r="FGL24" s="8"/>
      <c r="FGM24" s="8"/>
      <c r="FGN24" s="8"/>
      <c r="FGO24" s="8"/>
      <c r="FGP24" s="8"/>
      <c r="FGQ24" s="8"/>
      <c r="FGR24" s="8"/>
      <c r="FGS24" s="8"/>
      <c r="FGT24" s="8"/>
      <c r="FGU24" s="8"/>
      <c r="FGV24" s="8"/>
      <c r="FGW24" s="8"/>
      <c r="FGX24" s="8"/>
      <c r="FGY24" s="8"/>
      <c r="FGZ24" s="8"/>
      <c r="FHA24" s="8"/>
      <c r="FHB24" s="8"/>
      <c r="FHC24" s="8"/>
      <c r="FHD24" s="8"/>
      <c r="FHE24" s="8"/>
      <c r="FHF24" s="8"/>
      <c r="FHG24" s="8"/>
      <c r="FHH24" s="8"/>
      <c r="FHI24" s="8"/>
      <c r="FHJ24" s="8"/>
      <c r="FHK24" s="8"/>
      <c r="FHL24" s="8"/>
      <c r="FHM24" s="8"/>
      <c r="FHN24" s="8"/>
      <c r="FHO24" s="8"/>
      <c r="FHP24" s="8"/>
      <c r="FHQ24" s="8"/>
      <c r="FHR24" s="8"/>
      <c r="FHS24" s="8"/>
      <c r="FHT24" s="8"/>
      <c r="FHU24" s="8"/>
      <c r="FHV24" s="8"/>
      <c r="FHW24" s="8"/>
      <c r="FHX24" s="8"/>
      <c r="FHY24" s="8"/>
      <c r="FHZ24" s="8"/>
      <c r="FIA24" s="8"/>
      <c r="FIB24" s="8"/>
      <c r="FIC24" s="8"/>
      <c r="FID24" s="8"/>
      <c r="FIE24" s="8"/>
      <c r="FIF24" s="8"/>
      <c r="FIG24" s="8"/>
      <c r="FIH24" s="8"/>
      <c r="FII24" s="8"/>
      <c r="FIJ24" s="8"/>
      <c r="FIK24" s="8"/>
      <c r="FIL24" s="8"/>
      <c r="FIM24" s="8"/>
      <c r="FIN24" s="8"/>
      <c r="FIO24" s="8"/>
      <c r="FIP24" s="8"/>
      <c r="FIQ24" s="8"/>
      <c r="FIR24" s="8"/>
      <c r="FIS24" s="8"/>
      <c r="FIT24" s="8"/>
      <c r="FIU24" s="8"/>
      <c r="FIV24" s="8"/>
      <c r="FIW24" s="8"/>
      <c r="FIX24" s="8"/>
      <c r="FIY24" s="8"/>
      <c r="FIZ24" s="8"/>
      <c r="FJA24" s="8"/>
      <c r="FJB24" s="8"/>
      <c r="FJC24" s="8"/>
      <c r="FJD24" s="8"/>
      <c r="FJE24" s="8"/>
      <c r="FJF24" s="8"/>
      <c r="FJG24" s="8"/>
      <c r="FJH24" s="8"/>
      <c r="FJI24" s="8"/>
      <c r="FJJ24" s="8"/>
      <c r="FJK24" s="8"/>
      <c r="FJL24" s="8"/>
      <c r="FJM24" s="8"/>
      <c r="FJN24" s="8"/>
      <c r="FJO24" s="8"/>
      <c r="FJP24" s="8"/>
      <c r="FJQ24" s="8"/>
      <c r="FJR24" s="8"/>
      <c r="FJS24" s="8"/>
      <c r="FJT24" s="8"/>
      <c r="FJU24" s="8"/>
      <c r="FJV24" s="8"/>
      <c r="FJW24" s="8"/>
      <c r="FJX24" s="8"/>
      <c r="FJY24" s="8"/>
      <c r="FJZ24" s="8"/>
      <c r="FKA24" s="8"/>
      <c r="FKB24" s="8"/>
      <c r="FKC24" s="8"/>
      <c r="FKD24" s="8"/>
      <c r="FKE24" s="8"/>
      <c r="FKF24" s="8"/>
      <c r="FKG24" s="8"/>
      <c r="FKH24" s="8"/>
      <c r="FKI24" s="8"/>
      <c r="FKJ24" s="8"/>
      <c r="FKK24" s="8"/>
      <c r="FKL24" s="8"/>
      <c r="FKM24" s="8"/>
      <c r="FKN24" s="8"/>
      <c r="FKO24" s="8"/>
      <c r="FKP24" s="8"/>
      <c r="FKQ24" s="8"/>
      <c r="FKR24" s="8"/>
      <c r="FKS24" s="8"/>
      <c r="FKT24" s="8"/>
      <c r="FKU24" s="8"/>
      <c r="FKV24" s="8"/>
      <c r="FKW24" s="8"/>
      <c r="FKX24" s="8"/>
      <c r="FKY24" s="8"/>
      <c r="FKZ24" s="8"/>
      <c r="FLA24" s="8"/>
      <c r="FLB24" s="8"/>
      <c r="FLC24" s="8"/>
      <c r="FLD24" s="8"/>
      <c r="FLE24" s="8"/>
      <c r="FLF24" s="8"/>
      <c r="FLG24" s="8"/>
      <c r="FLH24" s="8"/>
      <c r="FLI24" s="8"/>
      <c r="FLJ24" s="8"/>
      <c r="FLK24" s="8"/>
      <c r="FLL24" s="8"/>
      <c r="FLM24" s="8"/>
      <c r="FLN24" s="8"/>
      <c r="FLO24" s="8"/>
      <c r="FLP24" s="8"/>
      <c r="FLQ24" s="8"/>
      <c r="FLR24" s="8"/>
      <c r="FLS24" s="8"/>
      <c r="FLT24" s="8"/>
      <c r="FLU24" s="8"/>
      <c r="FLV24" s="8"/>
      <c r="FLW24" s="8"/>
      <c r="FLX24" s="8"/>
      <c r="FLY24" s="8"/>
      <c r="FLZ24" s="8"/>
      <c r="FMA24" s="8"/>
      <c r="FMB24" s="8"/>
      <c r="FMC24" s="8"/>
      <c r="FMD24" s="8"/>
      <c r="FME24" s="8"/>
      <c r="FMF24" s="8"/>
      <c r="FMG24" s="8"/>
      <c r="FMH24" s="8"/>
      <c r="FMI24" s="8"/>
      <c r="FMJ24" s="8"/>
      <c r="FMK24" s="8"/>
      <c r="FML24" s="8"/>
      <c r="FMM24" s="8"/>
      <c r="FMN24" s="8"/>
      <c r="FMO24" s="8"/>
      <c r="FMP24" s="8"/>
      <c r="FMQ24" s="8"/>
      <c r="FMR24" s="8"/>
      <c r="FMS24" s="8"/>
      <c r="FMT24" s="8"/>
      <c r="FMU24" s="8"/>
      <c r="FMV24" s="8"/>
      <c r="FMW24" s="8"/>
      <c r="FMX24" s="8"/>
      <c r="FMY24" s="8"/>
      <c r="FMZ24" s="8"/>
      <c r="FNA24" s="8"/>
      <c r="FNB24" s="8"/>
      <c r="FNC24" s="8"/>
      <c r="FND24" s="8"/>
      <c r="FNE24" s="8"/>
      <c r="FNF24" s="8"/>
      <c r="FNG24" s="8"/>
      <c r="FNH24" s="8"/>
      <c r="FNI24" s="8"/>
      <c r="FNJ24" s="8"/>
      <c r="FNK24" s="8"/>
      <c r="FNL24" s="8"/>
      <c r="FNM24" s="8"/>
      <c r="FNN24" s="8"/>
      <c r="FNO24" s="8"/>
      <c r="FNP24" s="8"/>
      <c r="FNQ24" s="8"/>
      <c r="FNR24" s="8"/>
      <c r="FNS24" s="8"/>
      <c r="FNT24" s="8"/>
      <c r="FNU24" s="8"/>
      <c r="FNV24" s="8"/>
      <c r="FNW24" s="8"/>
      <c r="FNX24" s="8"/>
      <c r="FNY24" s="8"/>
      <c r="FNZ24" s="8"/>
      <c r="FOA24" s="8"/>
      <c r="FOB24" s="8"/>
      <c r="FOC24" s="8"/>
      <c r="FOD24" s="8"/>
      <c r="FOE24" s="8"/>
      <c r="FOF24" s="8"/>
      <c r="FOG24" s="8"/>
      <c r="FOH24" s="8"/>
      <c r="FOI24" s="8"/>
      <c r="FOJ24" s="8"/>
      <c r="FOK24" s="8"/>
      <c r="FOL24" s="8"/>
      <c r="FOM24" s="8"/>
      <c r="FON24" s="8"/>
      <c r="FOO24" s="8"/>
      <c r="FOP24" s="8"/>
      <c r="FOQ24" s="8"/>
      <c r="FOR24" s="8"/>
      <c r="FOS24" s="8"/>
      <c r="FOT24" s="8"/>
      <c r="FOU24" s="8"/>
      <c r="FOV24" s="8"/>
      <c r="FOW24" s="8"/>
      <c r="FOX24" s="8"/>
      <c r="FOY24" s="8"/>
      <c r="FOZ24" s="8"/>
      <c r="FPA24" s="8"/>
      <c r="FPB24" s="8"/>
      <c r="FPC24" s="8"/>
      <c r="FPD24" s="8"/>
      <c r="FPE24" s="8"/>
      <c r="FPF24" s="8"/>
      <c r="FPG24" s="8"/>
      <c r="FPH24" s="8"/>
      <c r="FPI24" s="8"/>
      <c r="FPJ24" s="8"/>
      <c r="FPK24" s="8"/>
      <c r="FPL24" s="8"/>
      <c r="FPM24" s="8"/>
      <c r="FPN24" s="8"/>
      <c r="FPO24" s="8"/>
      <c r="FPP24" s="8"/>
      <c r="FPQ24" s="8"/>
      <c r="FPR24" s="8"/>
      <c r="FPS24" s="8"/>
      <c r="FPT24" s="8"/>
      <c r="FPU24" s="8"/>
      <c r="FPV24" s="8"/>
      <c r="FPW24" s="8"/>
      <c r="FPX24" s="8"/>
      <c r="FPY24" s="8"/>
      <c r="FPZ24" s="8"/>
      <c r="FQA24" s="8"/>
      <c r="FQB24" s="8"/>
      <c r="FQC24" s="8"/>
      <c r="FQD24" s="8"/>
      <c r="FQE24" s="8"/>
      <c r="FQF24" s="8"/>
      <c r="FQG24" s="8"/>
      <c r="FQH24" s="8"/>
      <c r="FQI24" s="8"/>
      <c r="FQJ24" s="8"/>
      <c r="FQK24" s="8"/>
      <c r="FQL24" s="8"/>
      <c r="FQM24" s="8"/>
      <c r="FQN24" s="8"/>
      <c r="FQO24" s="8"/>
      <c r="FQP24" s="8"/>
      <c r="FQQ24" s="8"/>
      <c r="FQR24" s="8"/>
      <c r="FQS24" s="8"/>
      <c r="FQT24" s="8"/>
      <c r="FQU24" s="8"/>
      <c r="FQV24" s="8"/>
      <c r="FQW24" s="8"/>
      <c r="FQX24" s="8"/>
      <c r="FQY24" s="8"/>
      <c r="FQZ24" s="8"/>
      <c r="FRA24" s="8"/>
      <c r="FRB24" s="8"/>
      <c r="FRC24" s="8"/>
      <c r="FRD24" s="8"/>
      <c r="FRE24" s="8"/>
      <c r="FRF24" s="8"/>
      <c r="FRG24" s="8"/>
      <c r="FRH24" s="8"/>
      <c r="FRI24" s="8"/>
      <c r="FRJ24" s="8"/>
      <c r="FRK24" s="8"/>
      <c r="FRL24" s="8"/>
      <c r="FRM24" s="8"/>
      <c r="FRN24" s="8"/>
      <c r="FRO24" s="8"/>
      <c r="FRP24" s="8"/>
      <c r="FRQ24" s="8"/>
      <c r="FRR24" s="8"/>
      <c r="FRS24" s="8"/>
      <c r="FRT24" s="8"/>
      <c r="FRU24" s="8"/>
      <c r="FRV24" s="8"/>
      <c r="FRW24" s="8"/>
      <c r="FRX24" s="8"/>
      <c r="FRY24" s="8"/>
      <c r="FRZ24" s="8"/>
      <c r="FSA24" s="8"/>
      <c r="FSB24" s="8"/>
      <c r="FSC24" s="8"/>
      <c r="FSD24" s="8"/>
      <c r="FSE24" s="8"/>
      <c r="FSF24" s="8"/>
      <c r="FSG24" s="8"/>
      <c r="FSH24" s="8"/>
      <c r="FSI24" s="8"/>
      <c r="FSJ24" s="8"/>
      <c r="FSK24" s="8"/>
      <c r="FSL24" s="8"/>
      <c r="FSM24" s="8"/>
      <c r="FSN24" s="8"/>
      <c r="FSO24" s="8"/>
      <c r="FSP24" s="8"/>
      <c r="FSQ24" s="8"/>
      <c r="FSR24" s="8"/>
      <c r="FSS24" s="8"/>
      <c r="FST24" s="8"/>
      <c r="FSU24" s="8"/>
      <c r="FSV24" s="8"/>
      <c r="FSW24" s="8"/>
      <c r="FSX24" s="8"/>
      <c r="FSY24" s="8"/>
      <c r="FSZ24" s="8"/>
      <c r="FTA24" s="8"/>
      <c r="FTB24" s="8"/>
      <c r="FTC24" s="8"/>
      <c r="FTD24" s="8"/>
      <c r="FTE24" s="8"/>
      <c r="FTF24" s="8"/>
      <c r="FTG24" s="8"/>
      <c r="FTH24" s="8"/>
      <c r="FTI24" s="8"/>
      <c r="FTJ24" s="8"/>
      <c r="FTK24" s="8"/>
      <c r="FTL24" s="8"/>
      <c r="FTM24" s="8"/>
      <c r="FTN24" s="8"/>
      <c r="FTO24" s="8"/>
      <c r="FTP24" s="8"/>
      <c r="FTQ24" s="8"/>
      <c r="FTR24" s="8"/>
      <c r="FTS24" s="8"/>
      <c r="FTT24" s="8"/>
      <c r="FTU24" s="8"/>
      <c r="FTV24" s="8"/>
      <c r="FTW24" s="8"/>
      <c r="FTX24" s="8"/>
      <c r="FTY24" s="8"/>
      <c r="FTZ24" s="8"/>
      <c r="FUA24" s="8"/>
      <c r="FUB24" s="8"/>
      <c r="FUC24" s="8"/>
      <c r="FUD24" s="8"/>
      <c r="FUE24" s="8"/>
      <c r="FUF24" s="8"/>
      <c r="FUG24" s="8"/>
      <c r="FUH24" s="8"/>
      <c r="FUI24" s="8"/>
      <c r="FUJ24" s="8"/>
      <c r="FUK24" s="8"/>
      <c r="FUL24" s="8"/>
      <c r="FUM24" s="8"/>
      <c r="FUN24" s="8"/>
      <c r="FUO24" s="8"/>
      <c r="FUP24" s="8"/>
      <c r="FUQ24" s="8"/>
      <c r="FUR24" s="8"/>
      <c r="FUS24" s="8"/>
      <c r="FUT24" s="8"/>
      <c r="FUU24" s="8"/>
      <c r="FUV24" s="8"/>
      <c r="FUW24" s="8"/>
      <c r="FUX24" s="8"/>
      <c r="FUY24" s="8"/>
      <c r="FUZ24" s="8"/>
      <c r="FVA24" s="8"/>
      <c r="FVB24" s="8"/>
      <c r="FVC24" s="8"/>
      <c r="FVD24" s="8"/>
      <c r="FVE24" s="8"/>
      <c r="FVF24" s="8"/>
      <c r="FVG24" s="8"/>
      <c r="FVH24" s="8"/>
      <c r="FVI24" s="8"/>
      <c r="FVJ24" s="8"/>
      <c r="FVK24" s="8"/>
      <c r="FVL24" s="8"/>
      <c r="FVM24" s="8"/>
      <c r="FVN24" s="8"/>
      <c r="FVO24" s="8"/>
      <c r="FVP24" s="8"/>
      <c r="FVQ24" s="8"/>
      <c r="FVR24" s="8"/>
      <c r="FVS24" s="8"/>
      <c r="FVT24" s="8"/>
      <c r="FVU24" s="8"/>
      <c r="FVV24" s="8"/>
      <c r="FVW24" s="8"/>
      <c r="FVX24" s="8"/>
      <c r="FVY24" s="8"/>
      <c r="FVZ24" s="8"/>
      <c r="FWA24" s="8"/>
      <c r="FWB24" s="8"/>
      <c r="FWC24" s="8"/>
      <c r="FWD24" s="8"/>
      <c r="FWE24" s="8"/>
      <c r="FWF24" s="8"/>
      <c r="FWG24" s="8"/>
      <c r="FWH24" s="8"/>
      <c r="FWI24" s="8"/>
      <c r="FWJ24" s="8"/>
      <c r="FWK24" s="8"/>
      <c r="FWL24" s="8"/>
      <c r="FWM24" s="8"/>
      <c r="FWN24" s="8"/>
      <c r="FWO24" s="8"/>
      <c r="FWP24" s="8"/>
      <c r="FWQ24" s="8"/>
      <c r="FWR24" s="8"/>
      <c r="FWS24" s="8"/>
      <c r="FWT24" s="8"/>
      <c r="FWU24" s="8"/>
      <c r="FWV24" s="8"/>
      <c r="FWW24" s="8"/>
      <c r="FWX24" s="8"/>
      <c r="FWY24" s="8"/>
      <c r="FWZ24" s="8"/>
      <c r="FXA24" s="8"/>
      <c r="FXB24" s="8"/>
      <c r="FXC24" s="8"/>
      <c r="FXD24" s="8"/>
      <c r="FXE24" s="8"/>
      <c r="FXF24" s="8"/>
      <c r="FXG24" s="8"/>
      <c r="FXH24" s="8"/>
      <c r="FXI24" s="8"/>
      <c r="FXJ24" s="8"/>
      <c r="FXK24" s="8"/>
      <c r="FXL24" s="8"/>
      <c r="FXM24" s="8"/>
      <c r="FXN24" s="8"/>
      <c r="FXO24" s="8"/>
      <c r="FXP24" s="8"/>
      <c r="FXQ24" s="8"/>
      <c r="FXR24" s="8"/>
      <c r="FXS24" s="8"/>
      <c r="FXT24" s="8"/>
      <c r="FXU24" s="8"/>
      <c r="FXV24" s="8"/>
      <c r="FXW24" s="8"/>
      <c r="FXX24" s="8"/>
      <c r="FXY24" s="8"/>
      <c r="FXZ24" s="8"/>
      <c r="FYA24" s="8"/>
      <c r="FYB24" s="8"/>
      <c r="FYC24" s="8"/>
      <c r="FYD24" s="8"/>
      <c r="FYE24" s="8"/>
      <c r="FYF24" s="8"/>
      <c r="FYG24" s="8"/>
      <c r="FYH24" s="8"/>
      <c r="FYI24" s="8"/>
      <c r="FYJ24" s="8"/>
      <c r="FYK24" s="8"/>
      <c r="FYL24" s="8"/>
      <c r="FYM24" s="8"/>
      <c r="FYN24" s="8"/>
      <c r="FYO24" s="8"/>
      <c r="FYP24" s="8"/>
      <c r="FYQ24" s="8"/>
      <c r="FYR24" s="8"/>
      <c r="FYS24" s="8"/>
      <c r="FYT24" s="8"/>
      <c r="FYU24" s="8"/>
      <c r="FYV24" s="8"/>
      <c r="FYW24" s="8"/>
      <c r="FYX24" s="8"/>
      <c r="FYY24" s="8"/>
      <c r="FYZ24" s="8"/>
      <c r="FZA24" s="8"/>
      <c r="FZB24" s="8"/>
      <c r="FZC24" s="8"/>
      <c r="FZD24" s="8"/>
      <c r="FZE24" s="8"/>
      <c r="FZF24" s="8"/>
      <c r="FZG24" s="8"/>
      <c r="FZH24" s="8"/>
      <c r="FZI24" s="8"/>
      <c r="FZJ24" s="8"/>
      <c r="FZK24" s="8"/>
      <c r="FZL24" s="8"/>
      <c r="FZM24" s="8"/>
      <c r="FZN24" s="8"/>
      <c r="FZO24" s="8"/>
      <c r="FZP24" s="8"/>
      <c r="FZQ24" s="8"/>
      <c r="FZR24" s="8"/>
      <c r="FZS24" s="8"/>
      <c r="FZT24" s="8"/>
      <c r="FZU24" s="8"/>
      <c r="FZV24" s="8"/>
      <c r="FZW24" s="8"/>
      <c r="FZX24" s="8"/>
      <c r="FZY24" s="8"/>
      <c r="FZZ24" s="8"/>
      <c r="GAA24" s="8"/>
      <c r="GAB24" s="8"/>
      <c r="GAC24" s="8"/>
      <c r="GAD24" s="8"/>
      <c r="GAE24" s="8"/>
      <c r="GAF24" s="8"/>
      <c r="GAG24" s="8"/>
      <c r="GAH24" s="8"/>
      <c r="GAI24" s="8"/>
      <c r="GAJ24" s="8"/>
      <c r="GAK24" s="8"/>
      <c r="GAL24" s="8"/>
      <c r="GAM24" s="8"/>
      <c r="GAN24" s="8"/>
      <c r="GAO24" s="8"/>
      <c r="GAP24" s="8"/>
      <c r="GAQ24" s="8"/>
      <c r="GAR24" s="8"/>
      <c r="GAS24" s="8"/>
      <c r="GAT24" s="8"/>
      <c r="GAU24" s="8"/>
      <c r="GAV24" s="8"/>
      <c r="GAW24" s="8"/>
      <c r="GAX24" s="8"/>
      <c r="GAY24" s="8"/>
      <c r="GAZ24" s="8"/>
      <c r="GBA24" s="8"/>
      <c r="GBB24" s="8"/>
      <c r="GBC24" s="8"/>
      <c r="GBD24" s="8"/>
      <c r="GBE24" s="8"/>
      <c r="GBF24" s="8"/>
      <c r="GBG24" s="8"/>
      <c r="GBH24" s="8"/>
      <c r="GBI24" s="8"/>
      <c r="GBJ24" s="8"/>
      <c r="GBK24" s="8"/>
      <c r="GBL24" s="8"/>
      <c r="GBM24" s="8"/>
      <c r="GBN24" s="8"/>
      <c r="GBO24" s="8"/>
      <c r="GBP24" s="8"/>
      <c r="GBQ24" s="8"/>
      <c r="GBR24" s="8"/>
      <c r="GBS24" s="8"/>
      <c r="GBT24" s="8"/>
      <c r="GBU24" s="8"/>
      <c r="GBV24" s="8"/>
      <c r="GBW24" s="8"/>
      <c r="GBX24" s="8"/>
      <c r="GBY24" s="8"/>
      <c r="GBZ24" s="8"/>
      <c r="GCA24" s="8"/>
      <c r="GCB24" s="8"/>
      <c r="GCC24" s="8"/>
      <c r="GCD24" s="8"/>
      <c r="GCE24" s="8"/>
      <c r="GCF24" s="8"/>
      <c r="GCG24" s="8"/>
      <c r="GCH24" s="8"/>
      <c r="GCI24" s="8"/>
      <c r="GCJ24" s="8"/>
      <c r="GCK24" s="8"/>
      <c r="GCL24" s="8"/>
      <c r="GCM24" s="8"/>
      <c r="GCN24" s="8"/>
      <c r="GCO24" s="8"/>
      <c r="GCP24" s="8"/>
      <c r="GCQ24" s="8"/>
      <c r="GCR24" s="8"/>
      <c r="GCS24" s="8"/>
      <c r="GCT24" s="8"/>
      <c r="GCU24" s="8"/>
      <c r="GCV24" s="8"/>
      <c r="GCW24" s="8"/>
      <c r="GCX24" s="8"/>
      <c r="GCY24" s="8"/>
      <c r="GCZ24" s="8"/>
      <c r="GDA24" s="8"/>
      <c r="GDB24" s="8"/>
      <c r="GDC24" s="8"/>
      <c r="GDD24" s="8"/>
      <c r="GDE24" s="8"/>
      <c r="GDF24" s="8"/>
      <c r="GDG24" s="8"/>
      <c r="GDH24" s="8"/>
      <c r="GDI24" s="8"/>
      <c r="GDJ24" s="8"/>
      <c r="GDK24" s="8"/>
      <c r="GDL24" s="8"/>
      <c r="GDM24" s="8"/>
      <c r="GDN24" s="8"/>
      <c r="GDO24" s="8"/>
      <c r="GDP24" s="8"/>
      <c r="GDQ24" s="8"/>
      <c r="GDR24" s="8"/>
      <c r="GDS24" s="8"/>
      <c r="GDT24" s="8"/>
      <c r="GDU24" s="8"/>
      <c r="GDV24" s="8"/>
      <c r="GDW24" s="8"/>
      <c r="GDX24" s="8"/>
      <c r="GDY24" s="8"/>
      <c r="GDZ24" s="8"/>
      <c r="GEA24" s="8"/>
      <c r="GEB24" s="8"/>
      <c r="GEC24" s="8"/>
      <c r="GED24" s="8"/>
      <c r="GEE24" s="8"/>
      <c r="GEF24" s="8"/>
      <c r="GEG24" s="8"/>
      <c r="GEH24" s="8"/>
      <c r="GEI24" s="8"/>
      <c r="GEJ24" s="8"/>
      <c r="GEK24" s="8"/>
      <c r="GEL24" s="8"/>
      <c r="GEM24" s="8"/>
      <c r="GEN24" s="8"/>
      <c r="GEO24" s="8"/>
      <c r="GEP24" s="8"/>
      <c r="GEQ24" s="8"/>
      <c r="GER24" s="8"/>
      <c r="GES24" s="8"/>
      <c r="GET24" s="8"/>
      <c r="GEU24" s="8"/>
      <c r="GEV24" s="8"/>
      <c r="GEW24" s="8"/>
      <c r="GEX24" s="8"/>
      <c r="GEY24" s="8"/>
      <c r="GEZ24" s="8"/>
      <c r="GFA24" s="8"/>
      <c r="GFB24" s="8"/>
      <c r="GFC24" s="8"/>
      <c r="GFD24" s="8"/>
      <c r="GFE24" s="8"/>
      <c r="GFF24" s="8"/>
      <c r="GFG24" s="8"/>
      <c r="GFH24" s="8"/>
      <c r="GFI24" s="8"/>
      <c r="GFJ24" s="8"/>
      <c r="GFK24" s="8"/>
      <c r="GFL24" s="8"/>
      <c r="GFM24" s="8"/>
      <c r="GFN24" s="8"/>
      <c r="GFO24" s="8"/>
      <c r="GFP24" s="8"/>
      <c r="GFQ24" s="8"/>
      <c r="GFR24" s="8"/>
      <c r="GFS24" s="8"/>
      <c r="GFT24" s="8"/>
      <c r="GFU24" s="8"/>
      <c r="GFV24" s="8"/>
      <c r="GFW24" s="8"/>
      <c r="GFX24" s="8"/>
      <c r="GFY24" s="8"/>
      <c r="GFZ24" s="8"/>
      <c r="GGA24" s="8"/>
      <c r="GGB24" s="8"/>
      <c r="GGC24" s="8"/>
      <c r="GGD24" s="8"/>
      <c r="GGE24" s="8"/>
      <c r="GGF24" s="8"/>
      <c r="GGG24" s="8"/>
      <c r="GGH24" s="8"/>
      <c r="GGI24" s="8"/>
      <c r="GGJ24" s="8"/>
      <c r="GGK24" s="8"/>
      <c r="GGL24" s="8"/>
      <c r="GGM24" s="8"/>
      <c r="GGN24" s="8"/>
      <c r="GGO24" s="8"/>
      <c r="GGP24" s="8"/>
      <c r="GGQ24" s="8"/>
      <c r="GGR24" s="8"/>
      <c r="GGS24" s="8"/>
      <c r="GGT24" s="8"/>
      <c r="GGU24" s="8"/>
      <c r="GGV24" s="8"/>
      <c r="GGW24" s="8"/>
      <c r="GGX24" s="8"/>
      <c r="GGY24" s="8"/>
      <c r="GGZ24" s="8"/>
      <c r="GHA24" s="8"/>
      <c r="GHB24" s="8"/>
      <c r="GHC24" s="8"/>
      <c r="GHD24" s="8"/>
      <c r="GHE24" s="8"/>
      <c r="GHF24" s="8"/>
      <c r="GHG24" s="8"/>
      <c r="GHH24" s="8"/>
      <c r="GHI24" s="8"/>
      <c r="GHJ24" s="8"/>
      <c r="GHK24" s="8"/>
      <c r="GHL24" s="8"/>
      <c r="GHM24" s="8"/>
      <c r="GHN24" s="8"/>
      <c r="GHO24" s="8"/>
      <c r="GHP24" s="8"/>
      <c r="GHQ24" s="8"/>
      <c r="GHR24" s="8"/>
      <c r="GHS24" s="8"/>
      <c r="GHT24" s="8"/>
      <c r="GHU24" s="8"/>
      <c r="GHV24" s="8"/>
      <c r="GHW24" s="8"/>
      <c r="GHX24" s="8"/>
      <c r="GHY24" s="8"/>
      <c r="GHZ24" s="8"/>
      <c r="GIA24" s="8"/>
      <c r="GIB24" s="8"/>
      <c r="GIC24" s="8"/>
      <c r="GID24" s="8"/>
      <c r="GIE24" s="8"/>
      <c r="GIF24" s="8"/>
      <c r="GIG24" s="8"/>
      <c r="GIH24" s="8"/>
      <c r="GII24" s="8"/>
      <c r="GIJ24" s="8"/>
      <c r="GIK24" s="8"/>
      <c r="GIL24" s="8"/>
      <c r="GIM24" s="8"/>
      <c r="GIN24" s="8"/>
      <c r="GIO24" s="8"/>
      <c r="GIP24" s="8"/>
      <c r="GIQ24" s="8"/>
      <c r="GIR24" s="8"/>
      <c r="GIS24" s="8"/>
      <c r="GIT24" s="8"/>
      <c r="GIU24" s="8"/>
      <c r="GIV24" s="8"/>
      <c r="GIW24" s="8"/>
      <c r="GIX24" s="8"/>
      <c r="GIY24" s="8"/>
      <c r="GIZ24" s="8"/>
      <c r="GJA24" s="8"/>
      <c r="GJB24" s="8"/>
      <c r="GJC24" s="8"/>
      <c r="GJD24" s="8"/>
      <c r="GJE24" s="8"/>
      <c r="GJF24" s="8"/>
      <c r="GJG24" s="8"/>
      <c r="GJH24" s="8"/>
      <c r="GJI24" s="8"/>
      <c r="GJJ24" s="8"/>
      <c r="GJK24" s="8"/>
      <c r="GJL24" s="8"/>
      <c r="GJM24" s="8"/>
      <c r="GJN24" s="8"/>
      <c r="GJO24" s="8"/>
      <c r="GJP24" s="8"/>
      <c r="GJQ24" s="8"/>
      <c r="GJR24" s="8"/>
      <c r="GJS24" s="8"/>
      <c r="GJT24" s="8"/>
      <c r="GJU24" s="8"/>
      <c r="GJV24" s="8"/>
      <c r="GJW24" s="8"/>
      <c r="GJX24" s="8"/>
      <c r="GJY24" s="8"/>
      <c r="GJZ24" s="8"/>
      <c r="GKA24" s="8"/>
      <c r="GKB24" s="8"/>
      <c r="GKC24" s="8"/>
      <c r="GKD24" s="8"/>
      <c r="GKE24" s="8"/>
      <c r="GKF24" s="8"/>
      <c r="GKG24" s="8"/>
      <c r="GKH24" s="8"/>
      <c r="GKI24" s="8"/>
      <c r="GKJ24" s="8"/>
      <c r="GKK24" s="8"/>
      <c r="GKL24" s="8"/>
      <c r="GKM24" s="8"/>
      <c r="GKN24" s="8"/>
      <c r="GKO24" s="8"/>
      <c r="GKP24" s="8"/>
      <c r="GKQ24" s="8"/>
      <c r="GKR24" s="8"/>
      <c r="GKS24" s="8"/>
      <c r="GKT24" s="8"/>
      <c r="GKU24" s="8"/>
      <c r="GKV24" s="8"/>
      <c r="GKW24" s="8"/>
      <c r="GKX24" s="8"/>
      <c r="GKY24" s="8"/>
      <c r="GKZ24" s="8"/>
      <c r="GLA24" s="8"/>
      <c r="GLB24" s="8"/>
      <c r="GLC24" s="8"/>
      <c r="GLD24" s="8"/>
      <c r="GLE24" s="8"/>
      <c r="GLF24" s="8"/>
      <c r="GLG24" s="8"/>
      <c r="GLH24" s="8"/>
      <c r="GLI24" s="8"/>
      <c r="GLJ24" s="8"/>
      <c r="GLK24" s="8"/>
      <c r="GLL24" s="8"/>
      <c r="GLM24" s="8"/>
      <c r="GLN24" s="8"/>
      <c r="GLO24" s="8"/>
      <c r="GLP24" s="8"/>
      <c r="GLQ24" s="8"/>
      <c r="GLR24" s="8"/>
      <c r="GLS24" s="8"/>
      <c r="GLT24" s="8"/>
      <c r="GLU24" s="8"/>
      <c r="GLV24" s="8"/>
      <c r="GLW24" s="8"/>
      <c r="GLX24" s="8"/>
      <c r="GLY24" s="8"/>
      <c r="GLZ24" s="8"/>
      <c r="GMA24" s="8"/>
      <c r="GMB24" s="8"/>
      <c r="GMC24" s="8"/>
      <c r="GMD24" s="8"/>
      <c r="GME24" s="8"/>
      <c r="GMF24" s="8"/>
      <c r="GMG24" s="8"/>
      <c r="GMH24" s="8"/>
      <c r="GMI24" s="8"/>
      <c r="GMJ24" s="8"/>
      <c r="GMK24" s="8"/>
      <c r="GML24" s="8"/>
      <c r="GMM24" s="8"/>
      <c r="GMN24" s="8"/>
      <c r="GMO24" s="8"/>
      <c r="GMP24" s="8"/>
      <c r="GMQ24" s="8"/>
      <c r="GMR24" s="8"/>
      <c r="GMS24" s="8"/>
      <c r="GMT24" s="8"/>
      <c r="GMU24" s="8"/>
      <c r="GMV24" s="8"/>
      <c r="GMW24" s="8"/>
      <c r="GMX24" s="8"/>
      <c r="GMY24" s="8"/>
      <c r="GMZ24" s="8"/>
      <c r="GNA24" s="8"/>
      <c r="GNB24" s="8"/>
      <c r="GNC24" s="8"/>
      <c r="GND24" s="8"/>
      <c r="GNE24" s="8"/>
      <c r="GNF24" s="8"/>
      <c r="GNG24" s="8"/>
      <c r="GNH24" s="8"/>
      <c r="GNI24" s="8"/>
      <c r="GNJ24" s="8"/>
      <c r="GNK24" s="8"/>
      <c r="GNL24" s="8"/>
      <c r="GNM24" s="8"/>
      <c r="GNN24" s="8"/>
      <c r="GNO24" s="8"/>
      <c r="GNP24" s="8"/>
      <c r="GNQ24" s="8"/>
      <c r="GNR24" s="8"/>
      <c r="GNS24" s="8"/>
      <c r="GNT24" s="8"/>
      <c r="GNU24" s="8"/>
      <c r="GNV24" s="8"/>
      <c r="GNW24" s="8"/>
      <c r="GNX24" s="8"/>
      <c r="GNY24" s="8"/>
      <c r="GNZ24" s="8"/>
      <c r="GOA24" s="8"/>
      <c r="GOB24" s="8"/>
      <c r="GOC24" s="8"/>
      <c r="GOD24" s="8"/>
      <c r="GOE24" s="8"/>
      <c r="GOF24" s="8"/>
      <c r="GOG24" s="8"/>
      <c r="GOH24" s="8"/>
      <c r="GOI24" s="8"/>
      <c r="GOJ24" s="8"/>
      <c r="GOK24" s="8"/>
      <c r="GOL24" s="8"/>
      <c r="GOM24" s="8"/>
      <c r="GON24" s="8"/>
      <c r="GOO24" s="8"/>
      <c r="GOP24" s="8"/>
      <c r="GOQ24" s="8"/>
      <c r="GOR24" s="8"/>
      <c r="GOS24" s="8"/>
      <c r="GOT24" s="8"/>
      <c r="GOU24" s="8"/>
      <c r="GOV24" s="8"/>
      <c r="GOW24" s="8"/>
      <c r="GOX24" s="8"/>
      <c r="GOY24" s="8"/>
      <c r="GOZ24" s="8"/>
      <c r="GPA24" s="8"/>
      <c r="GPB24" s="8"/>
      <c r="GPC24" s="8"/>
      <c r="GPD24" s="8"/>
      <c r="GPE24" s="8"/>
      <c r="GPF24" s="8"/>
      <c r="GPG24" s="8"/>
      <c r="GPH24" s="8"/>
      <c r="GPI24" s="8"/>
      <c r="GPJ24" s="8"/>
      <c r="GPK24" s="8"/>
      <c r="GPL24" s="8"/>
      <c r="GPM24" s="8"/>
      <c r="GPN24" s="8"/>
      <c r="GPO24" s="8"/>
      <c r="GPP24" s="8"/>
      <c r="GPQ24" s="8"/>
      <c r="GPR24" s="8"/>
      <c r="GPS24" s="8"/>
      <c r="GPT24" s="8"/>
      <c r="GPU24" s="8"/>
      <c r="GPV24" s="8"/>
      <c r="GPW24" s="8"/>
      <c r="GPX24" s="8"/>
      <c r="GPY24" s="8"/>
      <c r="GPZ24" s="8"/>
      <c r="GQA24" s="8"/>
      <c r="GQB24" s="8"/>
      <c r="GQC24" s="8"/>
      <c r="GQD24" s="8"/>
      <c r="GQE24" s="8"/>
      <c r="GQF24" s="8"/>
      <c r="GQG24" s="8"/>
      <c r="GQH24" s="8"/>
      <c r="GQI24" s="8"/>
      <c r="GQJ24" s="8"/>
      <c r="GQK24" s="8"/>
      <c r="GQL24" s="8"/>
      <c r="GQM24" s="8"/>
      <c r="GQN24" s="8"/>
      <c r="GQO24" s="8"/>
      <c r="GQP24" s="8"/>
      <c r="GQQ24" s="8"/>
      <c r="GQR24" s="8"/>
      <c r="GQS24" s="8"/>
      <c r="GQT24" s="8"/>
      <c r="GQU24" s="8"/>
      <c r="GQV24" s="8"/>
      <c r="GQW24" s="8"/>
      <c r="GQX24" s="8"/>
      <c r="GQY24" s="8"/>
      <c r="GQZ24" s="8"/>
      <c r="GRA24" s="8"/>
      <c r="GRB24" s="8"/>
      <c r="GRC24" s="8"/>
      <c r="GRD24" s="8"/>
      <c r="GRE24" s="8"/>
      <c r="GRF24" s="8"/>
      <c r="GRG24" s="8"/>
      <c r="GRH24" s="8"/>
      <c r="GRI24" s="8"/>
      <c r="GRJ24" s="8"/>
      <c r="GRK24" s="8"/>
      <c r="GRL24" s="8"/>
      <c r="GRM24" s="8"/>
      <c r="GRN24" s="8"/>
      <c r="GRO24" s="8"/>
      <c r="GRP24" s="8"/>
      <c r="GRQ24" s="8"/>
      <c r="GRR24" s="8"/>
      <c r="GRS24" s="8"/>
      <c r="GRT24" s="8"/>
      <c r="GRU24" s="8"/>
      <c r="GRV24" s="8"/>
      <c r="GRW24" s="8"/>
      <c r="GRX24" s="8"/>
      <c r="GRY24" s="8"/>
      <c r="GRZ24" s="8"/>
      <c r="GSA24" s="8"/>
      <c r="GSB24" s="8"/>
      <c r="GSC24" s="8"/>
      <c r="GSD24" s="8"/>
      <c r="GSE24" s="8"/>
      <c r="GSF24" s="8"/>
      <c r="GSG24" s="8"/>
      <c r="GSH24" s="8"/>
      <c r="GSI24" s="8"/>
      <c r="GSJ24" s="8"/>
      <c r="GSK24" s="8"/>
      <c r="GSL24" s="8"/>
      <c r="GSM24" s="8"/>
      <c r="GSN24" s="8"/>
      <c r="GSO24" s="8"/>
      <c r="GSP24" s="8"/>
      <c r="GSQ24" s="8"/>
      <c r="GSR24" s="8"/>
      <c r="GSS24" s="8"/>
      <c r="GST24" s="8"/>
      <c r="GSU24" s="8"/>
      <c r="GSV24" s="8"/>
      <c r="GSW24" s="8"/>
      <c r="GSX24" s="8"/>
      <c r="GSY24" s="8"/>
      <c r="GSZ24" s="8"/>
      <c r="GTA24" s="8"/>
      <c r="GTB24" s="8"/>
      <c r="GTC24" s="8"/>
      <c r="GTD24" s="8"/>
      <c r="GTE24" s="8"/>
      <c r="GTF24" s="8"/>
      <c r="GTG24" s="8"/>
      <c r="GTH24" s="8"/>
      <c r="GTI24" s="8"/>
      <c r="GTJ24" s="8"/>
      <c r="GTK24" s="8"/>
      <c r="GTL24" s="8"/>
      <c r="GTM24" s="8"/>
      <c r="GTN24" s="8"/>
      <c r="GTO24" s="8"/>
      <c r="GTP24" s="8"/>
      <c r="GTQ24" s="8"/>
      <c r="GTR24" s="8"/>
      <c r="GTS24" s="8"/>
      <c r="GTT24" s="8"/>
      <c r="GTU24" s="8"/>
      <c r="GTV24" s="8"/>
      <c r="GTW24" s="8"/>
      <c r="GTX24" s="8"/>
      <c r="GTY24" s="8"/>
      <c r="GTZ24" s="8"/>
      <c r="GUA24" s="8"/>
      <c r="GUB24" s="8"/>
      <c r="GUC24" s="8"/>
      <c r="GUD24" s="8"/>
      <c r="GUE24" s="8"/>
      <c r="GUF24" s="8"/>
      <c r="GUG24" s="8"/>
      <c r="GUH24" s="8"/>
      <c r="GUI24" s="8"/>
      <c r="GUJ24" s="8"/>
      <c r="GUK24" s="8"/>
      <c r="GUL24" s="8"/>
      <c r="GUM24" s="8"/>
      <c r="GUN24" s="8"/>
      <c r="GUO24" s="8"/>
      <c r="GUP24" s="8"/>
      <c r="GUQ24" s="8"/>
      <c r="GUR24" s="8"/>
      <c r="GUS24" s="8"/>
      <c r="GUT24" s="8"/>
      <c r="GUU24" s="8"/>
      <c r="GUV24" s="8"/>
      <c r="GUW24" s="8"/>
      <c r="GUX24" s="8"/>
      <c r="GUY24" s="8"/>
      <c r="GUZ24" s="8"/>
      <c r="GVA24" s="8"/>
      <c r="GVB24" s="8"/>
      <c r="GVC24" s="8"/>
      <c r="GVD24" s="8"/>
      <c r="GVE24" s="8"/>
      <c r="GVF24" s="8"/>
      <c r="GVG24" s="8"/>
      <c r="GVH24" s="8"/>
      <c r="GVI24" s="8"/>
      <c r="GVJ24" s="8"/>
      <c r="GVK24" s="8"/>
      <c r="GVL24" s="8"/>
      <c r="GVM24" s="8"/>
      <c r="GVN24" s="8"/>
      <c r="GVO24" s="8"/>
      <c r="GVP24" s="8"/>
      <c r="GVQ24" s="8"/>
      <c r="GVR24" s="8"/>
      <c r="GVS24" s="8"/>
      <c r="GVT24" s="8"/>
      <c r="GVU24" s="8"/>
      <c r="GVV24" s="8"/>
      <c r="GVW24" s="8"/>
      <c r="GVX24" s="8"/>
      <c r="GVY24" s="8"/>
      <c r="GVZ24" s="8"/>
      <c r="GWA24" s="8"/>
      <c r="GWB24" s="8"/>
      <c r="GWC24" s="8"/>
      <c r="GWD24" s="8"/>
      <c r="GWE24" s="8"/>
      <c r="GWF24" s="8"/>
      <c r="GWG24" s="8"/>
      <c r="GWH24" s="8"/>
      <c r="GWI24" s="8"/>
      <c r="GWJ24" s="8"/>
      <c r="GWK24" s="8"/>
      <c r="GWL24" s="8"/>
      <c r="GWM24" s="8"/>
      <c r="GWN24" s="8"/>
      <c r="GWO24" s="8"/>
      <c r="GWP24" s="8"/>
      <c r="GWQ24" s="8"/>
      <c r="GWR24" s="8"/>
      <c r="GWS24" s="8"/>
      <c r="GWT24" s="8"/>
      <c r="GWU24" s="8"/>
      <c r="GWV24" s="8"/>
      <c r="GWW24" s="8"/>
      <c r="GWX24" s="8"/>
      <c r="GWY24" s="8"/>
      <c r="GWZ24" s="8"/>
      <c r="GXA24" s="8"/>
      <c r="GXB24" s="8"/>
      <c r="GXC24" s="8"/>
      <c r="GXD24" s="8"/>
      <c r="GXE24" s="8"/>
      <c r="GXF24" s="8"/>
      <c r="GXG24" s="8"/>
      <c r="GXH24" s="8"/>
      <c r="GXI24" s="8"/>
      <c r="GXJ24" s="8"/>
      <c r="GXK24" s="8"/>
      <c r="GXL24" s="8"/>
      <c r="GXM24" s="8"/>
      <c r="GXN24" s="8"/>
      <c r="GXO24" s="8"/>
      <c r="GXP24" s="8"/>
      <c r="GXQ24" s="8"/>
      <c r="GXR24" s="8"/>
      <c r="GXS24" s="8"/>
      <c r="GXT24" s="8"/>
      <c r="GXU24" s="8"/>
      <c r="GXV24" s="8"/>
      <c r="GXW24" s="8"/>
      <c r="GXX24" s="8"/>
      <c r="GXY24" s="8"/>
      <c r="GXZ24" s="8"/>
      <c r="GYA24" s="8"/>
      <c r="GYB24" s="8"/>
      <c r="GYC24" s="8"/>
      <c r="GYD24" s="8"/>
      <c r="GYE24" s="8"/>
      <c r="GYF24" s="8"/>
      <c r="GYG24" s="8"/>
      <c r="GYH24" s="8"/>
      <c r="GYI24" s="8"/>
      <c r="GYJ24" s="8"/>
      <c r="GYK24" s="8"/>
      <c r="GYL24" s="8"/>
      <c r="GYM24" s="8"/>
      <c r="GYN24" s="8"/>
      <c r="GYO24" s="8"/>
      <c r="GYP24" s="8"/>
      <c r="GYQ24" s="8"/>
      <c r="GYR24" s="8"/>
      <c r="GYS24" s="8"/>
      <c r="GYT24" s="8"/>
      <c r="GYU24" s="8"/>
      <c r="GYV24" s="8"/>
      <c r="GYW24" s="8"/>
      <c r="GYX24" s="8"/>
      <c r="GYY24" s="8"/>
      <c r="GYZ24" s="8"/>
      <c r="GZA24" s="8"/>
      <c r="GZB24" s="8"/>
      <c r="GZC24" s="8"/>
      <c r="GZD24" s="8"/>
      <c r="GZE24" s="8"/>
      <c r="GZF24" s="8"/>
      <c r="GZG24" s="8"/>
      <c r="GZH24" s="8"/>
      <c r="GZI24" s="8"/>
      <c r="GZJ24" s="8"/>
      <c r="GZK24" s="8"/>
      <c r="GZL24" s="8"/>
      <c r="GZM24" s="8"/>
      <c r="GZN24" s="8"/>
      <c r="GZO24" s="8"/>
      <c r="GZP24" s="8"/>
      <c r="GZQ24" s="8"/>
      <c r="GZR24" s="8"/>
      <c r="GZS24" s="8"/>
      <c r="GZT24" s="8"/>
      <c r="GZU24" s="8"/>
      <c r="GZV24" s="8"/>
      <c r="GZW24" s="8"/>
      <c r="GZX24" s="8"/>
      <c r="GZY24" s="8"/>
      <c r="GZZ24" s="8"/>
      <c r="HAA24" s="8"/>
      <c r="HAB24" s="8"/>
      <c r="HAC24" s="8"/>
      <c r="HAD24" s="8"/>
      <c r="HAE24" s="8"/>
      <c r="HAF24" s="8"/>
      <c r="HAG24" s="8"/>
      <c r="HAH24" s="8"/>
      <c r="HAI24" s="8"/>
      <c r="HAJ24" s="8"/>
      <c r="HAK24" s="8"/>
      <c r="HAL24" s="8"/>
      <c r="HAM24" s="8"/>
      <c r="HAN24" s="8"/>
      <c r="HAO24" s="8"/>
      <c r="HAP24" s="8"/>
      <c r="HAQ24" s="8"/>
      <c r="HAR24" s="8"/>
      <c r="HAS24" s="8"/>
      <c r="HAT24" s="8"/>
      <c r="HAU24" s="8"/>
      <c r="HAV24" s="8"/>
      <c r="HAW24" s="8"/>
      <c r="HAX24" s="8"/>
      <c r="HAY24" s="8"/>
      <c r="HAZ24" s="8"/>
      <c r="HBA24" s="8"/>
      <c r="HBB24" s="8"/>
      <c r="HBC24" s="8"/>
      <c r="HBD24" s="8"/>
      <c r="HBE24" s="8"/>
      <c r="HBF24" s="8"/>
      <c r="HBG24" s="8"/>
      <c r="HBH24" s="8"/>
      <c r="HBI24" s="8"/>
      <c r="HBJ24" s="8"/>
      <c r="HBK24" s="8"/>
      <c r="HBL24" s="8"/>
      <c r="HBM24" s="8"/>
      <c r="HBN24" s="8"/>
      <c r="HBO24" s="8"/>
      <c r="HBP24" s="8"/>
      <c r="HBQ24" s="8"/>
      <c r="HBR24" s="8"/>
      <c r="HBS24" s="8"/>
      <c r="HBT24" s="8"/>
      <c r="HBU24" s="8"/>
      <c r="HBV24" s="8"/>
      <c r="HBW24" s="8"/>
      <c r="HBX24" s="8"/>
      <c r="HBY24" s="8"/>
      <c r="HBZ24" s="8"/>
      <c r="HCA24" s="8"/>
      <c r="HCB24" s="8"/>
      <c r="HCC24" s="8"/>
      <c r="HCD24" s="8"/>
      <c r="HCE24" s="8"/>
      <c r="HCF24" s="8"/>
      <c r="HCG24" s="8"/>
      <c r="HCH24" s="8"/>
      <c r="HCI24" s="8"/>
      <c r="HCJ24" s="8"/>
      <c r="HCK24" s="8"/>
      <c r="HCL24" s="8"/>
      <c r="HCM24" s="8"/>
      <c r="HCN24" s="8"/>
      <c r="HCO24" s="8"/>
      <c r="HCP24" s="8"/>
      <c r="HCQ24" s="8"/>
      <c r="HCR24" s="8"/>
      <c r="HCS24" s="8"/>
      <c r="HCT24" s="8"/>
      <c r="HCU24" s="8"/>
      <c r="HCV24" s="8"/>
      <c r="HCW24" s="8"/>
      <c r="HCX24" s="8"/>
      <c r="HCY24" s="8"/>
      <c r="HCZ24" s="8"/>
      <c r="HDA24" s="8"/>
      <c r="HDB24" s="8"/>
      <c r="HDC24" s="8"/>
      <c r="HDD24" s="8"/>
      <c r="HDE24" s="8"/>
      <c r="HDF24" s="8"/>
      <c r="HDG24" s="8"/>
      <c r="HDH24" s="8"/>
      <c r="HDI24" s="8"/>
      <c r="HDJ24" s="8"/>
      <c r="HDK24" s="8"/>
      <c r="HDL24" s="8"/>
      <c r="HDM24" s="8"/>
      <c r="HDN24" s="8"/>
      <c r="HDO24" s="8"/>
      <c r="HDP24" s="8"/>
      <c r="HDQ24" s="8"/>
      <c r="HDR24" s="8"/>
      <c r="HDS24" s="8"/>
      <c r="HDT24" s="8"/>
      <c r="HDU24" s="8"/>
      <c r="HDV24" s="8"/>
      <c r="HDW24" s="8"/>
      <c r="HDX24" s="8"/>
      <c r="HDY24" s="8"/>
      <c r="HDZ24" s="8"/>
      <c r="HEA24" s="8"/>
      <c r="HEB24" s="8"/>
      <c r="HEC24" s="8"/>
      <c r="HED24" s="8"/>
      <c r="HEE24" s="8"/>
      <c r="HEF24" s="8"/>
      <c r="HEG24" s="8"/>
      <c r="HEH24" s="8"/>
      <c r="HEI24" s="8"/>
      <c r="HEJ24" s="8"/>
      <c r="HEK24" s="8"/>
      <c r="HEL24" s="8"/>
      <c r="HEM24" s="8"/>
      <c r="HEN24" s="8"/>
      <c r="HEO24" s="8"/>
      <c r="HEP24" s="8"/>
      <c r="HEQ24" s="8"/>
      <c r="HER24" s="8"/>
      <c r="HES24" s="8"/>
      <c r="HET24" s="8"/>
      <c r="HEU24" s="8"/>
      <c r="HEV24" s="8"/>
      <c r="HEW24" s="8"/>
      <c r="HEX24" s="8"/>
      <c r="HEY24" s="8"/>
      <c r="HEZ24" s="8"/>
      <c r="HFA24" s="8"/>
      <c r="HFB24" s="8"/>
      <c r="HFC24" s="8"/>
      <c r="HFD24" s="8"/>
      <c r="HFE24" s="8"/>
      <c r="HFF24" s="8"/>
      <c r="HFG24" s="8"/>
      <c r="HFH24" s="8"/>
      <c r="HFI24" s="8"/>
      <c r="HFJ24" s="8"/>
      <c r="HFK24" s="8"/>
      <c r="HFL24" s="8"/>
      <c r="HFM24" s="8"/>
      <c r="HFN24" s="8"/>
      <c r="HFO24" s="8"/>
      <c r="HFP24" s="8"/>
      <c r="HFQ24" s="8"/>
      <c r="HFR24" s="8"/>
      <c r="HFS24" s="8"/>
      <c r="HFT24" s="8"/>
      <c r="HFU24" s="8"/>
      <c r="HFV24" s="8"/>
      <c r="HFW24" s="8"/>
      <c r="HFX24" s="8"/>
      <c r="HFY24" s="8"/>
      <c r="HFZ24" s="8"/>
      <c r="HGA24" s="8"/>
      <c r="HGB24" s="8"/>
      <c r="HGC24" s="8"/>
      <c r="HGD24" s="8"/>
      <c r="HGE24" s="8"/>
      <c r="HGF24" s="8"/>
      <c r="HGG24" s="8"/>
      <c r="HGH24" s="8"/>
      <c r="HGI24" s="8"/>
      <c r="HGJ24" s="8"/>
      <c r="HGK24" s="8"/>
      <c r="HGL24" s="8"/>
      <c r="HGM24" s="8"/>
      <c r="HGN24" s="8"/>
      <c r="HGO24" s="8"/>
      <c r="HGP24" s="8"/>
      <c r="HGQ24" s="8"/>
      <c r="HGR24" s="8"/>
      <c r="HGS24" s="8"/>
      <c r="HGT24" s="8"/>
      <c r="HGU24" s="8"/>
      <c r="HGV24" s="8"/>
      <c r="HGW24" s="8"/>
      <c r="HGX24" s="8"/>
      <c r="HGY24" s="8"/>
      <c r="HGZ24" s="8"/>
      <c r="HHA24" s="8"/>
      <c r="HHB24" s="8"/>
      <c r="HHC24" s="8"/>
      <c r="HHD24" s="8"/>
      <c r="HHE24" s="8"/>
      <c r="HHF24" s="8"/>
      <c r="HHG24" s="8"/>
      <c r="HHH24" s="8"/>
      <c r="HHI24" s="8"/>
      <c r="HHJ24" s="8"/>
      <c r="HHK24" s="8"/>
      <c r="HHL24" s="8"/>
      <c r="HHM24" s="8"/>
      <c r="HHN24" s="8"/>
      <c r="HHO24" s="8"/>
      <c r="HHP24" s="8"/>
      <c r="HHQ24" s="8"/>
      <c r="HHR24" s="8"/>
      <c r="HHS24" s="8"/>
      <c r="HHT24" s="8"/>
      <c r="HHU24" s="8"/>
      <c r="HHV24" s="8"/>
      <c r="HHW24" s="8"/>
      <c r="HHX24" s="8"/>
      <c r="HHY24" s="8"/>
      <c r="HHZ24" s="8"/>
      <c r="HIA24" s="8"/>
      <c r="HIB24" s="8"/>
      <c r="HIC24" s="8"/>
      <c r="HID24" s="8"/>
      <c r="HIE24" s="8"/>
      <c r="HIF24" s="8"/>
      <c r="HIG24" s="8"/>
      <c r="HIH24" s="8"/>
      <c r="HII24" s="8"/>
      <c r="HIJ24" s="8"/>
      <c r="HIK24" s="8"/>
      <c r="HIL24" s="8"/>
      <c r="HIM24" s="8"/>
      <c r="HIN24" s="8"/>
      <c r="HIO24" s="8"/>
      <c r="HIP24" s="8"/>
      <c r="HIQ24" s="8"/>
      <c r="HIR24" s="8"/>
      <c r="HIS24" s="8"/>
      <c r="HIT24" s="8"/>
      <c r="HIU24" s="8"/>
      <c r="HIV24" s="8"/>
      <c r="HIW24" s="8"/>
      <c r="HIX24" s="8"/>
      <c r="HIY24" s="8"/>
      <c r="HIZ24" s="8"/>
      <c r="HJA24" s="8"/>
      <c r="HJB24" s="8"/>
      <c r="HJC24" s="8"/>
      <c r="HJD24" s="8"/>
      <c r="HJE24" s="8"/>
      <c r="HJF24" s="8"/>
      <c r="HJG24" s="8"/>
      <c r="HJH24" s="8"/>
      <c r="HJI24" s="8"/>
      <c r="HJJ24" s="8"/>
      <c r="HJK24" s="8"/>
      <c r="HJL24" s="8"/>
      <c r="HJM24" s="8"/>
      <c r="HJN24" s="8"/>
      <c r="HJO24" s="8"/>
      <c r="HJP24" s="8"/>
      <c r="HJQ24" s="8"/>
      <c r="HJR24" s="8"/>
      <c r="HJS24" s="8"/>
      <c r="HJT24" s="8"/>
      <c r="HJU24" s="8"/>
      <c r="HJV24" s="8"/>
      <c r="HJW24" s="8"/>
      <c r="HJX24" s="8"/>
      <c r="HJY24" s="8"/>
      <c r="HJZ24" s="8"/>
      <c r="HKA24" s="8"/>
      <c r="HKB24" s="8"/>
      <c r="HKC24" s="8"/>
      <c r="HKD24" s="8"/>
      <c r="HKE24" s="8"/>
      <c r="HKF24" s="8"/>
      <c r="HKG24" s="8"/>
      <c r="HKH24" s="8"/>
      <c r="HKI24" s="8"/>
      <c r="HKJ24" s="8"/>
      <c r="HKK24" s="8"/>
      <c r="HKL24" s="8"/>
      <c r="HKM24" s="8"/>
      <c r="HKN24" s="8"/>
      <c r="HKO24" s="8"/>
      <c r="HKP24" s="8"/>
      <c r="HKQ24" s="8"/>
      <c r="HKR24" s="8"/>
      <c r="HKS24" s="8"/>
      <c r="HKT24" s="8"/>
      <c r="HKU24" s="8"/>
      <c r="HKV24" s="8"/>
      <c r="HKW24" s="8"/>
      <c r="HKX24" s="8"/>
      <c r="HKY24" s="8"/>
      <c r="HKZ24" s="8"/>
      <c r="HLA24" s="8"/>
      <c r="HLB24" s="8"/>
      <c r="HLC24" s="8"/>
      <c r="HLD24" s="8"/>
      <c r="HLE24" s="8"/>
      <c r="HLF24" s="8"/>
      <c r="HLG24" s="8"/>
      <c r="HLH24" s="8"/>
      <c r="HLI24" s="8"/>
      <c r="HLJ24" s="8"/>
      <c r="HLK24" s="8"/>
      <c r="HLL24" s="8"/>
      <c r="HLM24" s="8"/>
      <c r="HLN24" s="8"/>
      <c r="HLO24" s="8"/>
      <c r="HLP24" s="8"/>
      <c r="HLQ24" s="8"/>
      <c r="HLR24" s="8"/>
      <c r="HLS24" s="8"/>
      <c r="HLT24" s="8"/>
      <c r="HLU24" s="8"/>
      <c r="HLV24" s="8"/>
      <c r="HLW24" s="8"/>
      <c r="HLX24" s="8"/>
      <c r="HLY24" s="8"/>
      <c r="HLZ24" s="8"/>
      <c r="HMA24" s="8"/>
      <c r="HMB24" s="8"/>
      <c r="HMC24" s="8"/>
      <c r="HMD24" s="8"/>
      <c r="HME24" s="8"/>
      <c r="HMF24" s="8"/>
      <c r="HMG24" s="8"/>
      <c r="HMH24" s="8"/>
      <c r="HMI24" s="8"/>
      <c r="HMJ24" s="8"/>
      <c r="HMK24" s="8"/>
      <c r="HML24" s="8"/>
      <c r="HMM24" s="8"/>
      <c r="HMN24" s="8"/>
      <c r="HMO24" s="8"/>
      <c r="HMP24" s="8"/>
      <c r="HMQ24" s="8"/>
      <c r="HMR24" s="8"/>
      <c r="HMS24" s="8"/>
      <c r="HMT24" s="8"/>
      <c r="HMU24" s="8"/>
      <c r="HMV24" s="8"/>
      <c r="HMW24" s="8"/>
      <c r="HMX24" s="8"/>
      <c r="HMY24" s="8"/>
      <c r="HMZ24" s="8"/>
      <c r="HNA24" s="8"/>
      <c r="HNB24" s="8"/>
      <c r="HNC24" s="8"/>
      <c r="HND24" s="8"/>
      <c r="HNE24" s="8"/>
      <c r="HNF24" s="8"/>
      <c r="HNG24" s="8"/>
      <c r="HNH24" s="8"/>
      <c r="HNI24" s="8"/>
      <c r="HNJ24" s="8"/>
      <c r="HNK24" s="8"/>
      <c r="HNL24" s="8"/>
      <c r="HNM24" s="8"/>
      <c r="HNN24" s="8"/>
      <c r="HNO24" s="8"/>
      <c r="HNP24" s="8"/>
      <c r="HNQ24" s="8"/>
      <c r="HNR24" s="8"/>
      <c r="HNS24" s="8"/>
      <c r="HNT24" s="8"/>
      <c r="HNU24" s="8"/>
      <c r="HNV24" s="8"/>
      <c r="HNW24" s="8"/>
      <c r="HNX24" s="8"/>
      <c r="HNY24" s="8"/>
      <c r="HNZ24" s="8"/>
      <c r="HOA24" s="8"/>
      <c r="HOB24" s="8"/>
      <c r="HOC24" s="8"/>
      <c r="HOD24" s="8"/>
      <c r="HOE24" s="8"/>
      <c r="HOF24" s="8"/>
      <c r="HOG24" s="8"/>
      <c r="HOH24" s="8"/>
      <c r="HOI24" s="8"/>
      <c r="HOJ24" s="8"/>
      <c r="HOK24" s="8"/>
      <c r="HOL24" s="8"/>
      <c r="HOM24" s="8"/>
      <c r="HON24" s="8"/>
      <c r="HOO24" s="8"/>
      <c r="HOP24" s="8"/>
      <c r="HOQ24" s="8"/>
      <c r="HOR24" s="8"/>
      <c r="HOS24" s="8"/>
      <c r="HOT24" s="8"/>
      <c r="HOU24" s="8"/>
      <c r="HOV24" s="8"/>
      <c r="HOW24" s="8"/>
      <c r="HOX24" s="8"/>
      <c r="HOY24" s="8"/>
      <c r="HOZ24" s="8"/>
      <c r="HPA24" s="8"/>
      <c r="HPB24" s="8"/>
      <c r="HPC24" s="8"/>
      <c r="HPD24" s="8"/>
      <c r="HPE24" s="8"/>
      <c r="HPF24" s="8"/>
      <c r="HPG24" s="8"/>
      <c r="HPH24" s="8"/>
      <c r="HPI24" s="8"/>
      <c r="HPJ24" s="8"/>
      <c r="HPK24" s="8"/>
      <c r="HPL24" s="8"/>
      <c r="HPM24" s="8"/>
      <c r="HPN24" s="8"/>
      <c r="HPO24" s="8"/>
      <c r="HPP24" s="8"/>
      <c r="HPQ24" s="8"/>
      <c r="HPR24" s="8"/>
      <c r="HPS24" s="8"/>
      <c r="HPT24" s="8"/>
      <c r="HPU24" s="8"/>
      <c r="HPV24" s="8"/>
      <c r="HPW24" s="8"/>
      <c r="HPX24" s="8"/>
      <c r="HPY24" s="8"/>
      <c r="HPZ24" s="8"/>
      <c r="HQA24" s="8"/>
      <c r="HQB24" s="8"/>
      <c r="HQC24" s="8"/>
      <c r="HQD24" s="8"/>
      <c r="HQE24" s="8"/>
      <c r="HQF24" s="8"/>
      <c r="HQG24" s="8"/>
      <c r="HQH24" s="8"/>
      <c r="HQI24" s="8"/>
      <c r="HQJ24" s="8"/>
      <c r="HQK24" s="8"/>
      <c r="HQL24" s="8"/>
      <c r="HQM24" s="8"/>
      <c r="HQN24" s="8"/>
      <c r="HQO24" s="8"/>
      <c r="HQP24" s="8"/>
      <c r="HQQ24" s="8"/>
      <c r="HQR24" s="8"/>
      <c r="HQS24" s="8"/>
      <c r="HQT24" s="8"/>
      <c r="HQU24" s="8"/>
      <c r="HQV24" s="8"/>
      <c r="HQW24" s="8"/>
      <c r="HQX24" s="8"/>
      <c r="HQY24" s="8"/>
      <c r="HQZ24" s="8"/>
      <c r="HRA24" s="8"/>
      <c r="HRB24" s="8"/>
      <c r="HRC24" s="8"/>
      <c r="HRD24" s="8"/>
      <c r="HRE24" s="8"/>
      <c r="HRF24" s="8"/>
      <c r="HRG24" s="8"/>
      <c r="HRH24" s="8"/>
      <c r="HRI24" s="8"/>
      <c r="HRJ24" s="8"/>
      <c r="HRK24" s="8"/>
      <c r="HRL24" s="8"/>
      <c r="HRM24" s="8"/>
      <c r="HRN24" s="8"/>
      <c r="HRO24" s="8"/>
      <c r="HRP24" s="8"/>
      <c r="HRQ24" s="8"/>
      <c r="HRR24" s="8"/>
      <c r="HRS24" s="8"/>
      <c r="HRT24" s="8"/>
      <c r="HRU24" s="8"/>
      <c r="HRV24" s="8"/>
      <c r="HRW24" s="8"/>
      <c r="HRX24" s="8"/>
      <c r="HRY24" s="8"/>
      <c r="HRZ24" s="8"/>
      <c r="HSA24" s="8"/>
      <c r="HSB24" s="8"/>
      <c r="HSC24" s="8"/>
      <c r="HSD24" s="8"/>
      <c r="HSE24" s="8"/>
      <c r="HSF24" s="8"/>
      <c r="HSG24" s="8"/>
      <c r="HSH24" s="8"/>
      <c r="HSI24" s="8"/>
      <c r="HSJ24" s="8"/>
      <c r="HSK24" s="8"/>
      <c r="HSL24" s="8"/>
      <c r="HSM24" s="8"/>
      <c r="HSN24" s="8"/>
      <c r="HSO24" s="8"/>
      <c r="HSP24" s="8"/>
      <c r="HSQ24" s="8"/>
      <c r="HSR24" s="8"/>
      <c r="HSS24" s="8"/>
      <c r="HST24" s="8"/>
      <c r="HSU24" s="8"/>
      <c r="HSV24" s="8"/>
      <c r="HSW24" s="8"/>
      <c r="HSX24" s="8"/>
      <c r="HSY24" s="8"/>
      <c r="HSZ24" s="8"/>
      <c r="HTA24" s="8"/>
      <c r="HTB24" s="8"/>
      <c r="HTC24" s="8"/>
      <c r="HTD24" s="8"/>
      <c r="HTE24" s="8"/>
      <c r="HTF24" s="8"/>
      <c r="HTG24" s="8"/>
      <c r="HTH24" s="8"/>
      <c r="HTI24" s="8"/>
      <c r="HTJ24" s="8"/>
      <c r="HTK24" s="8"/>
      <c r="HTL24" s="8"/>
      <c r="HTM24" s="8"/>
      <c r="HTN24" s="8"/>
      <c r="HTO24" s="8"/>
      <c r="HTP24" s="8"/>
      <c r="HTQ24" s="8"/>
      <c r="HTR24" s="8"/>
      <c r="HTS24" s="8"/>
      <c r="HTT24" s="8"/>
      <c r="HTU24" s="8"/>
      <c r="HTV24" s="8"/>
      <c r="HTW24" s="8"/>
      <c r="HTX24" s="8"/>
      <c r="HTY24" s="8"/>
      <c r="HTZ24" s="8"/>
      <c r="HUA24" s="8"/>
      <c r="HUB24" s="8"/>
      <c r="HUC24" s="8"/>
      <c r="HUD24" s="8"/>
      <c r="HUE24" s="8"/>
      <c r="HUF24" s="8"/>
      <c r="HUG24" s="8"/>
      <c r="HUH24" s="8"/>
      <c r="HUI24" s="8"/>
      <c r="HUJ24" s="8"/>
      <c r="HUK24" s="8"/>
      <c r="HUL24" s="8"/>
      <c r="HUM24" s="8"/>
      <c r="HUN24" s="8"/>
      <c r="HUO24" s="8"/>
      <c r="HUP24" s="8"/>
      <c r="HUQ24" s="8"/>
      <c r="HUR24" s="8"/>
      <c r="HUS24" s="8"/>
      <c r="HUT24" s="8"/>
      <c r="HUU24" s="8"/>
      <c r="HUV24" s="8"/>
      <c r="HUW24" s="8"/>
      <c r="HUX24" s="8"/>
      <c r="HUY24" s="8"/>
      <c r="HUZ24" s="8"/>
      <c r="HVA24" s="8"/>
      <c r="HVB24" s="8"/>
      <c r="HVC24" s="8"/>
      <c r="HVD24" s="8"/>
      <c r="HVE24" s="8"/>
      <c r="HVF24" s="8"/>
      <c r="HVG24" s="8"/>
      <c r="HVH24" s="8"/>
      <c r="HVI24" s="8"/>
      <c r="HVJ24" s="8"/>
      <c r="HVK24" s="8"/>
      <c r="HVL24" s="8"/>
      <c r="HVM24" s="8"/>
      <c r="HVN24" s="8"/>
      <c r="HVO24" s="8"/>
      <c r="HVP24" s="8"/>
      <c r="HVQ24" s="8"/>
      <c r="HVR24" s="8"/>
      <c r="HVS24" s="8"/>
      <c r="HVT24" s="8"/>
      <c r="HVU24" s="8"/>
      <c r="HVV24" s="8"/>
      <c r="HVW24" s="8"/>
      <c r="HVX24" s="8"/>
      <c r="HVY24" s="8"/>
      <c r="HVZ24" s="8"/>
      <c r="HWA24" s="8"/>
      <c r="HWB24" s="8"/>
      <c r="HWC24" s="8"/>
      <c r="HWD24" s="8"/>
      <c r="HWE24" s="8"/>
      <c r="HWF24" s="8"/>
      <c r="HWG24" s="8"/>
      <c r="HWH24" s="8"/>
      <c r="HWI24" s="8"/>
      <c r="HWJ24" s="8"/>
      <c r="HWK24" s="8"/>
      <c r="HWL24" s="8"/>
      <c r="HWM24" s="8"/>
      <c r="HWN24" s="8"/>
      <c r="HWO24" s="8"/>
      <c r="HWP24" s="8"/>
      <c r="HWQ24" s="8"/>
      <c r="HWR24" s="8"/>
      <c r="HWS24" s="8"/>
      <c r="HWT24" s="8"/>
      <c r="HWU24" s="8"/>
      <c r="HWV24" s="8"/>
      <c r="HWW24" s="8"/>
      <c r="HWX24" s="8"/>
      <c r="HWY24" s="8"/>
      <c r="HWZ24" s="8"/>
      <c r="HXA24" s="8"/>
      <c r="HXB24" s="8"/>
      <c r="HXC24" s="8"/>
      <c r="HXD24" s="8"/>
      <c r="HXE24" s="8"/>
      <c r="HXF24" s="8"/>
      <c r="HXG24" s="8"/>
      <c r="HXH24" s="8"/>
      <c r="HXI24" s="8"/>
      <c r="HXJ24" s="8"/>
      <c r="HXK24" s="8"/>
      <c r="HXL24" s="8"/>
      <c r="HXM24" s="8"/>
      <c r="HXN24" s="8"/>
      <c r="HXO24" s="8"/>
      <c r="HXP24" s="8"/>
      <c r="HXQ24" s="8"/>
      <c r="HXR24" s="8"/>
      <c r="HXS24" s="8"/>
      <c r="HXT24" s="8"/>
      <c r="HXU24" s="8"/>
      <c r="HXV24" s="8"/>
      <c r="HXW24" s="8"/>
      <c r="HXX24" s="8"/>
      <c r="HXY24" s="8"/>
      <c r="HXZ24" s="8"/>
      <c r="HYA24" s="8"/>
      <c r="HYB24" s="8"/>
      <c r="HYC24" s="8"/>
      <c r="HYD24" s="8"/>
      <c r="HYE24" s="8"/>
      <c r="HYF24" s="8"/>
      <c r="HYG24" s="8"/>
      <c r="HYH24" s="8"/>
      <c r="HYI24" s="8"/>
      <c r="HYJ24" s="8"/>
      <c r="HYK24" s="8"/>
      <c r="HYL24" s="8"/>
      <c r="HYM24" s="8"/>
      <c r="HYN24" s="8"/>
      <c r="HYO24" s="8"/>
      <c r="HYP24" s="8"/>
      <c r="HYQ24" s="8"/>
      <c r="HYR24" s="8"/>
      <c r="HYS24" s="8"/>
      <c r="HYT24" s="8"/>
      <c r="HYU24" s="8"/>
      <c r="HYV24" s="8"/>
      <c r="HYW24" s="8"/>
      <c r="HYX24" s="8"/>
      <c r="HYY24" s="8"/>
      <c r="HYZ24" s="8"/>
      <c r="HZA24" s="8"/>
      <c r="HZB24" s="8"/>
      <c r="HZC24" s="8"/>
      <c r="HZD24" s="8"/>
      <c r="HZE24" s="8"/>
      <c r="HZF24" s="8"/>
      <c r="HZG24" s="8"/>
      <c r="HZH24" s="8"/>
      <c r="HZI24" s="8"/>
      <c r="HZJ24" s="8"/>
      <c r="HZK24" s="8"/>
      <c r="HZL24" s="8"/>
      <c r="HZM24" s="8"/>
      <c r="HZN24" s="8"/>
      <c r="HZO24" s="8"/>
      <c r="HZP24" s="8"/>
      <c r="HZQ24" s="8"/>
      <c r="HZR24" s="8"/>
      <c r="HZS24" s="8"/>
      <c r="HZT24" s="8"/>
      <c r="HZU24" s="8"/>
      <c r="HZV24" s="8"/>
      <c r="HZW24" s="8"/>
      <c r="HZX24" s="8"/>
      <c r="HZY24" s="8"/>
      <c r="HZZ24" s="8"/>
      <c r="IAA24" s="8"/>
      <c r="IAB24" s="8"/>
      <c r="IAC24" s="8"/>
      <c r="IAD24" s="8"/>
      <c r="IAE24" s="8"/>
      <c r="IAF24" s="8"/>
      <c r="IAG24" s="8"/>
      <c r="IAH24" s="8"/>
      <c r="IAI24" s="8"/>
      <c r="IAJ24" s="8"/>
      <c r="IAK24" s="8"/>
      <c r="IAL24" s="8"/>
      <c r="IAM24" s="8"/>
      <c r="IAN24" s="8"/>
      <c r="IAO24" s="8"/>
      <c r="IAP24" s="8"/>
      <c r="IAQ24" s="8"/>
      <c r="IAR24" s="8"/>
      <c r="IAS24" s="8"/>
      <c r="IAT24" s="8"/>
      <c r="IAU24" s="8"/>
      <c r="IAV24" s="8"/>
      <c r="IAW24" s="8"/>
      <c r="IAX24" s="8"/>
      <c r="IAY24" s="8"/>
      <c r="IAZ24" s="8"/>
      <c r="IBA24" s="8"/>
      <c r="IBB24" s="8"/>
      <c r="IBC24" s="8"/>
      <c r="IBD24" s="8"/>
      <c r="IBE24" s="8"/>
      <c r="IBF24" s="8"/>
      <c r="IBG24" s="8"/>
      <c r="IBH24" s="8"/>
      <c r="IBI24" s="8"/>
      <c r="IBJ24" s="8"/>
      <c r="IBK24" s="8"/>
      <c r="IBL24" s="8"/>
      <c r="IBM24" s="8"/>
      <c r="IBN24" s="8"/>
      <c r="IBO24" s="8"/>
      <c r="IBP24" s="8"/>
      <c r="IBQ24" s="8"/>
      <c r="IBR24" s="8"/>
      <c r="IBS24" s="8"/>
      <c r="IBT24" s="8"/>
      <c r="IBU24" s="8"/>
      <c r="IBV24" s="8"/>
      <c r="IBW24" s="8"/>
      <c r="IBX24" s="8"/>
      <c r="IBY24" s="8"/>
      <c r="IBZ24" s="8"/>
      <c r="ICA24" s="8"/>
      <c r="ICB24" s="8"/>
      <c r="ICC24" s="8"/>
      <c r="ICD24" s="8"/>
      <c r="ICE24" s="8"/>
      <c r="ICF24" s="8"/>
      <c r="ICG24" s="8"/>
      <c r="ICH24" s="8"/>
      <c r="ICI24" s="8"/>
      <c r="ICJ24" s="8"/>
      <c r="ICK24" s="8"/>
      <c r="ICL24" s="8"/>
      <c r="ICM24" s="8"/>
      <c r="ICN24" s="8"/>
      <c r="ICO24" s="8"/>
      <c r="ICP24" s="8"/>
      <c r="ICQ24" s="8"/>
      <c r="ICR24" s="8"/>
      <c r="ICS24" s="8"/>
      <c r="ICT24" s="8"/>
      <c r="ICU24" s="8"/>
      <c r="ICV24" s="8"/>
      <c r="ICW24" s="8"/>
      <c r="ICX24" s="8"/>
      <c r="ICY24" s="8"/>
      <c r="ICZ24" s="8"/>
      <c r="IDA24" s="8"/>
      <c r="IDB24" s="8"/>
      <c r="IDC24" s="8"/>
      <c r="IDD24" s="8"/>
      <c r="IDE24" s="8"/>
      <c r="IDF24" s="8"/>
      <c r="IDG24" s="8"/>
      <c r="IDH24" s="8"/>
      <c r="IDI24" s="8"/>
      <c r="IDJ24" s="8"/>
      <c r="IDK24" s="8"/>
      <c r="IDL24" s="8"/>
      <c r="IDM24" s="8"/>
      <c r="IDN24" s="8"/>
      <c r="IDO24" s="8"/>
      <c r="IDP24" s="8"/>
      <c r="IDQ24" s="8"/>
      <c r="IDR24" s="8"/>
      <c r="IDS24" s="8"/>
      <c r="IDT24" s="8"/>
      <c r="IDU24" s="8"/>
      <c r="IDV24" s="8"/>
      <c r="IDW24" s="8"/>
      <c r="IDX24" s="8"/>
      <c r="IDY24" s="8"/>
      <c r="IDZ24" s="8"/>
      <c r="IEA24" s="8"/>
      <c r="IEB24" s="8"/>
      <c r="IEC24" s="8"/>
      <c r="IED24" s="8"/>
      <c r="IEE24" s="8"/>
      <c r="IEF24" s="8"/>
      <c r="IEG24" s="8"/>
      <c r="IEH24" s="8"/>
      <c r="IEI24" s="8"/>
      <c r="IEJ24" s="8"/>
      <c r="IEK24" s="8"/>
      <c r="IEL24" s="8"/>
      <c r="IEM24" s="8"/>
      <c r="IEN24" s="8"/>
      <c r="IEO24" s="8"/>
      <c r="IEP24" s="8"/>
      <c r="IEQ24" s="8"/>
      <c r="IER24" s="8"/>
      <c r="IES24" s="8"/>
      <c r="IET24" s="8"/>
      <c r="IEU24" s="8"/>
      <c r="IEV24" s="8"/>
      <c r="IEW24" s="8"/>
      <c r="IEX24" s="8"/>
      <c r="IEY24" s="8"/>
      <c r="IEZ24" s="8"/>
      <c r="IFA24" s="8"/>
      <c r="IFB24" s="8"/>
      <c r="IFC24" s="8"/>
      <c r="IFD24" s="8"/>
      <c r="IFE24" s="8"/>
      <c r="IFF24" s="8"/>
      <c r="IFG24" s="8"/>
      <c r="IFH24" s="8"/>
      <c r="IFI24" s="8"/>
      <c r="IFJ24" s="8"/>
      <c r="IFK24" s="8"/>
      <c r="IFL24" s="8"/>
      <c r="IFM24" s="8"/>
      <c r="IFN24" s="8"/>
      <c r="IFO24" s="8"/>
      <c r="IFP24" s="8"/>
      <c r="IFQ24" s="8"/>
      <c r="IFR24" s="8"/>
      <c r="IFS24" s="8"/>
      <c r="IFT24" s="8"/>
      <c r="IFU24" s="8"/>
      <c r="IFV24" s="8"/>
      <c r="IFW24" s="8"/>
      <c r="IFX24" s="8"/>
      <c r="IFY24" s="8"/>
      <c r="IFZ24" s="8"/>
      <c r="IGA24" s="8"/>
      <c r="IGB24" s="8"/>
      <c r="IGC24" s="8"/>
      <c r="IGD24" s="8"/>
      <c r="IGE24" s="8"/>
      <c r="IGF24" s="8"/>
      <c r="IGG24" s="8"/>
      <c r="IGH24" s="8"/>
      <c r="IGI24" s="8"/>
      <c r="IGJ24" s="8"/>
      <c r="IGK24" s="8"/>
      <c r="IGL24" s="8"/>
      <c r="IGM24" s="8"/>
      <c r="IGN24" s="8"/>
      <c r="IGO24" s="8"/>
      <c r="IGP24" s="8"/>
      <c r="IGQ24" s="8"/>
      <c r="IGR24" s="8"/>
      <c r="IGS24" s="8"/>
      <c r="IGT24" s="8"/>
      <c r="IGU24" s="8"/>
      <c r="IGV24" s="8"/>
      <c r="IGW24" s="8"/>
      <c r="IGX24" s="8"/>
      <c r="IGY24" s="8"/>
      <c r="IGZ24" s="8"/>
      <c r="IHA24" s="8"/>
      <c r="IHB24" s="8"/>
      <c r="IHC24" s="8"/>
      <c r="IHD24" s="8"/>
      <c r="IHE24" s="8"/>
      <c r="IHF24" s="8"/>
      <c r="IHG24" s="8"/>
      <c r="IHH24" s="8"/>
      <c r="IHI24" s="8"/>
      <c r="IHJ24" s="8"/>
      <c r="IHK24" s="8"/>
      <c r="IHL24" s="8"/>
      <c r="IHM24" s="8"/>
      <c r="IHN24" s="8"/>
      <c r="IHO24" s="8"/>
      <c r="IHP24" s="8"/>
      <c r="IHQ24" s="8"/>
      <c r="IHR24" s="8"/>
      <c r="IHS24" s="8"/>
      <c r="IHT24" s="8"/>
      <c r="IHU24" s="8"/>
      <c r="IHV24" s="8"/>
      <c r="IHW24" s="8"/>
      <c r="IHX24" s="8"/>
      <c r="IHY24" s="8"/>
      <c r="IHZ24" s="8"/>
      <c r="IIA24" s="8"/>
      <c r="IIB24" s="8"/>
      <c r="IIC24" s="8"/>
      <c r="IID24" s="8"/>
      <c r="IIE24" s="8"/>
      <c r="IIF24" s="8"/>
      <c r="IIG24" s="8"/>
      <c r="IIH24" s="8"/>
      <c r="III24" s="8"/>
      <c r="IIJ24" s="8"/>
      <c r="IIK24" s="8"/>
      <c r="IIL24" s="8"/>
      <c r="IIM24" s="8"/>
      <c r="IIN24" s="8"/>
      <c r="IIO24" s="8"/>
      <c r="IIP24" s="8"/>
      <c r="IIQ24" s="8"/>
      <c r="IIR24" s="8"/>
      <c r="IIS24" s="8"/>
      <c r="IIT24" s="8"/>
      <c r="IIU24" s="8"/>
      <c r="IIV24" s="8"/>
      <c r="IIW24" s="8"/>
      <c r="IIX24" s="8"/>
      <c r="IIY24" s="8"/>
      <c r="IIZ24" s="8"/>
      <c r="IJA24" s="8"/>
      <c r="IJB24" s="8"/>
      <c r="IJC24" s="8"/>
      <c r="IJD24" s="8"/>
      <c r="IJE24" s="8"/>
      <c r="IJF24" s="8"/>
      <c r="IJG24" s="8"/>
      <c r="IJH24" s="8"/>
      <c r="IJI24" s="8"/>
      <c r="IJJ24" s="8"/>
      <c r="IJK24" s="8"/>
      <c r="IJL24" s="8"/>
      <c r="IJM24" s="8"/>
      <c r="IJN24" s="8"/>
      <c r="IJO24" s="8"/>
      <c r="IJP24" s="8"/>
      <c r="IJQ24" s="8"/>
      <c r="IJR24" s="8"/>
      <c r="IJS24" s="8"/>
      <c r="IJT24" s="8"/>
      <c r="IJU24" s="8"/>
      <c r="IJV24" s="8"/>
      <c r="IJW24" s="8"/>
      <c r="IJX24" s="8"/>
      <c r="IJY24" s="8"/>
      <c r="IJZ24" s="8"/>
      <c r="IKA24" s="8"/>
      <c r="IKB24" s="8"/>
      <c r="IKC24" s="8"/>
      <c r="IKD24" s="8"/>
      <c r="IKE24" s="8"/>
      <c r="IKF24" s="8"/>
      <c r="IKG24" s="8"/>
      <c r="IKH24" s="8"/>
      <c r="IKI24" s="8"/>
      <c r="IKJ24" s="8"/>
      <c r="IKK24" s="8"/>
      <c r="IKL24" s="8"/>
      <c r="IKM24" s="8"/>
      <c r="IKN24" s="8"/>
      <c r="IKO24" s="8"/>
      <c r="IKP24" s="8"/>
      <c r="IKQ24" s="8"/>
      <c r="IKR24" s="8"/>
      <c r="IKS24" s="8"/>
      <c r="IKT24" s="8"/>
      <c r="IKU24" s="8"/>
      <c r="IKV24" s="8"/>
      <c r="IKW24" s="8"/>
      <c r="IKX24" s="8"/>
      <c r="IKY24" s="8"/>
      <c r="IKZ24" s="8"/>
      <c r="ILA24" s="8"/>
      <c r="ILB24" s="8"/>
      <c r="ILC24" s="8"/>
      <c r="ILD24" s="8"/>
      <c r="ILE24" s="8"/>
      <c r="ILF24" s="8"/>
      <c r="ILG24" s="8"/>
      <c r="ILH24" s="8"/>
      <c r="ILI24" s="8"/>
      <c r="ILJ24" s="8"/>
      <c r="ILK24" s="8"/>
      <c r="ILL24" s="8"/>
      <c r="ILM24" s="8"/>
      <c r="ILN24" s="8"/>
      <c r="ILO24" s="8"/>
      <c r="ILP24" s="8"/>
      <c r="ILQ24" s="8"/>
      <c r="ILR24" s="8"/>
      <c r="ILS24" s="8"/>
      <c r="ILT24" s="8"/>
      <c r="ILU24" s="8"/>
      <c r="ILV24" s="8"/>
      <c r="ILW24" s="8"/>
      <c r="ILX24" s="8"/>
      <c r="ILY24" s="8"/>
      <c r="ILZ24" s="8"/>
      <c r="IMA24" s="8"/>
      <c r="IMB24" s="8"/>
      <c r="IMC24" s="8"/>
      <c r="IMD24" s="8"/>
      <c r="IME24" s="8"/>
      <c r="IMF24" s="8"/>
      <c r="IMG24" s="8"/>
      <c r="IMH24" s="8"/>
      <c r="IMI24" s="8"/>
      <c r="IMJ24" s="8"/>
      <c r="IMK24" s="8"/>
      <c r="IML24" s="8"/>
      <c r="IMM24" s="8"/>
      <c r="IMN24" s="8"/>
      <c r="IMO24" s="8"/>
      <c r="IMP24" s="8"/>
      <c r="IMQ24" s="8"/>
      <c r="IMR24" s="8"/>
      <c r="IMS24" s="8"/>
      <c r="IMT24" s="8"/>
      <c r="IMU24" s="8"/>
      <c r="IMV24" s="8"/>
      <c r="IMW24" s="8"/>
      <c r="IMX24" s="8"/>
      <c r="IMY24" s="8"/>
      <c r="IMZ24" s="8"/>
      <c r="INA24" s="8"/>
      <c r="INB24" s="8"/>
      <c r="INC24" s="8"/>
      <c r="IND24" s="8"/>
      <c r="INE24" s="8"/>
      <c r="INF24" s="8"/>
      <c r="ING24" s="8"/>
      <c r="INH24" s="8"/>
      <c r="INI24" s="8"/>
      <c r="INJ24" s="8"/>
      <c r="INK24" s="8"/>
      <c r="INL24" s="8"/>
      <c r="INM24" s="8"/>
      <c r="INN24" s="8"/>
      <c r="INO24" s="8"/>
      <c r="INP24" s="8"/>
      <c r="INQ24" s="8"/>
      <c r="INR24" s="8"/>
      <c r="INS24" s="8"/>
      <c r="INT24" s="8"/>
      <c r="INU24" s="8"/>
      <c r="INV24" s="8"/>
      <c r="INW24" s="8"/>
      <c r="INX24" s="8"/>
      <c r="INY24" s="8"/>
      <c r="INZ24" s="8"/>
      <c r="IOA24" s="8"/>
      <c r="IOB24" s="8"/>
      <c r="IOC24" s="8"/>
      <c r="IOD24" s="8"/>
      <c r="IOE24" s="8"/>
      <c r="IOF24" s="8"/>
      <c r="IOG24" s="8"/>
      <c r="IOH24" s="8"/>
      <c r="IOI24" s="8"/>
      <c r="IOJ24" s="8"/>
      <c r="IOK24" s="8"/>
      <c r="IOL24" s="8"/>
      <c r="IOM24" s="8"/>
      <c r="ION24" s="8"/>
      <c r="IOO24" s="8"/>
      <c r="IOP24" s="8"/>
      <c r="IOQ24" s="8"/>
      <c r="IOR24" s="8"/>
      <c r="IOS24" s="8"/>
      <c r="IOT24" s="8"/>
      <c r="IOU24" s="8"/>
      <c r="IOV24" s="8"/>
      <c r="IOW24" s="8"/>
      <c r="IOX24" s="8"/>
      <c r="IOY24" s="8"/>
      <c r="IOZ24" s="8"/>
      <c r="IPA24" s="8"/>
      <c r="IPB24" s="8"/>
      <c r="IPC24" s="8"/>
      <c r="IPD24" s="8"/>
      <c r="IPE24" s="8"/>
      <c r="IPF24" s="8"/>
      <c r="IPG24" s="8"/>
      <c r="IPH24" s="8"/>
      <c r="IPI24" s="8"/>
      <c r="IPJ24" s="8"/>
      <c r="IPK24" s="8"/>
      <c r="IPL24" s="8"/>
      <c r="IPM24" s="8"/>
      <c r="IPN24" s="8"/>
      <c r="IPO24" s="8"/>
      <c r="IPP24" s="8"/>
      <c r="IPQ24" s="8"/>
      <c r="IPR24" s="8"/>
      <c r="IPS24" s="8"/>
      <c r="IPT24" s="8"/>
      <c r="IPU24" s="8"/>
      <c r="IPV24" s="8"/>
      <c r="IPW24" s="8"/>
      <c r="IPX24" s="8"/>
      <c r="IPY24" s="8"/>
      <c r="IPZ24" s="8"/>
      <c r="IQA24" s="8"/>
      <c r="IQB24" s="8"/>
      <c r="IQC24" s="8"/>
      <c r="IQD24" s="8"/>
      <c r="IQE24" s="8"/>
      <c r="IQF24" s="8"/>
      <c r="IQG24" s="8"/>
      <c r="IQH24" s="8"/>
      <c r="IQI24" s="8"/>
      <c r="IQJ24" s="8"/>
      <c r="IQK24" s="8"/>
      <c r="IQL24" s="8"/>
      <c r="IQM24" s="8"/>
      <c r="IQN24" s="8"/>
      <c r="IQO24" s="8"/>
      <c r="IQP24" s="8"/>
      <c r="IQQ24" s="8"/>
      <c r="IQR24" s="8"/>
      <c r="IQS24" s="8"/>
      <c r="IQT24" s="8"/>
      <c r="IQU24" s="8"/>
      <c r="IQV24" s="8"/>
      <c r="IQW24" s="8"/>
      <c r="IQX24" s="8"/>
      <c r="IQY24" s="8"/>
      <c r="IQZ24" s="8"/>
      <c r="IRA24" s="8"/>
      <c r="IRB24" s="8"/>
      <c r="IRC24" s="8"/>
      <c r="IRD24" s="8"/>
      <c r="IRE24" s="8"/>
      <c r="IRF24" s="8"/>
      <c r="IRG24" s="8"/>
      <c r="IRH24" s="8"/>
      <c r="IRI24" s="8"/>
      <c r="IRJ24" s="8"/>
      <c r="IRK24" s="8"/>
      <c r="IRL24" s="8"/>
      <c r="IRM24" s="8"/>
      <c r="IRN24" s="8"/>
      <c r="IRO24" s="8"/>
      <c r="IRP24" s="8"/>
      <c r="IRQ24" s="8"/>
      <c r="IRR24" s="8"/>
      <c r="IRS24" s="8"/>
      <c r="IRT24" s="8"/>
      <c r="IRU24" s="8"/>
      <c r="IRV24" s="8"/>
      <c r="IRW24" s="8"/>
      <c r="IRX24" s="8"/>
      <c r="IRY24" s="8"/>
      <c r="IRZ24" s="8"/>
      <c r="ISA24" s="8"/>
      <c r="ISB24" s="8"/>
      <c r="ISC24" s="8"/>
      <c r="ISD24" s="8"/>
      <c r="ISE24" s="8"/>
      <c r="ISF24" s="8"/>
      <c r="ISG24" s="8"/>
      <c r="ISH24" s="8"/>
      <c r="ISI24" s="8"/>
      <c r="ISJ24" s="8"/>
      <c r="ISK24" s="8"/>
      <c r="ISL24" s="8"/>
      <c r="ISM24" s="8"/>
      <c r="ISN24" s="8"/>
      <c r="ISO24" s="8"/>
      <c r="ISP24" s="8"/>
      <c r="ISQ24" s="8"/>
      <c r="ISR24" s="8"/>
      <c r="ISS24" s="8"/>
      <c r="IST24" s="8"/>
      <c r="ISU24" s="8"/>
      <c r="ISV24" s="8"/>
      <c r="ISW24" s="8"/>
      <c r="ISX24" s="8"/>
      <c r="ISY24" s="8"/>
      <c r="ISZ24" s="8"/>
      <c r="ITA24" s="8"/>
      <c r="ITB24" s="8"/>
      <c r="ITC24" s="8"/>
      <c r="ITD24" s="8"/>
      <c r="ITE24" s="8"/>
      <c r="ITF24" s="8"/>
      <c r="ITG24" s="8"/>
      <c r="ITH24" s="8"/>
      <c r="ITI24" s="8"/>
      <c r="ITJ24" s="8"/>
      <c r="ITK24" s="8"/>
      <c r="ITL24" s="8"/>
      <c r="ITM24" s="8"/>
      <c r="ITN24" s="8"/>
      <c r="ITO24" s="8"/>
      <c r="ITP24" s="8"/>
      <c r="ITQ24" s="8"/>
      <c r="ITR24" s="8"/>
      <c r="ITS24" s="8"/>
      <c r="ITT24" s="8"/>
      <c r="ITU24" s="8"/>
      <c r="ITV24" s="8"/>
      <c r="ITW24" s="8"/>
      <c r="ITX24" s="8"/>
      <c r="ITY24" s="8"/>
      <c r="ITZ24" s="8"/>
      <c r="IUA24" s="8"/>
      <c r="IUB24" s="8"/>
      <c r="IUC24" s="8"/>
      <c r="IUD24" s="8"/>
      <c r="IUE24" s="8"/>
      <c r="IUF24" s="8"/>
      <c r="IUG24" s="8"/>
      <c r="IUH24" s="8"/>
      <c r="IUI24" s="8"/>
      <c r="IUJ24" s="8"/>
      <c r="IUK24" s="8"/>
      <c r="IUL24" s="8"/>
      <c r="IUM24" s="8"/>
      <c r="IUN24" s="8"/>
      <c r="IUO24" s="8"/>
      <c r="IUP24" s="8"/>
      <c r="IUQ24" s="8"/>
      <c r="IUR24" s="8"/>
      <c r="IUS24" s="8"/>
      <c r="IUT24" s="8"/>
      <c r="IUU24" s="8"/>
      <c r="IUV24" s="8"/>
      <c r="IUW24" s="8"/>
      <c r="IUX24" s="8"/>
      <c r="IUY24" s="8"/>
      <c r="IUZ24" s="8"/>
      <c r="IVA24" s="8"/>
      <c r="IVB24" s="8"/>
      <c r="IVC24" s="8"/>
      <c r="IVD24" s="8"/>
      <c r="IVE24" s="8"/>
      <c r="IVF24" s="8"/>
      <c r="IVG24" s="8"/>
      <c r="IVH24" s="8"/>
      <c r="IVI24" s="8"/>
      <c r="IVJ24" s="8"/>
      <c r="IVK24" s="8"/>
      <c r="IVL24" s="8"/>
      <c r="IVM24" s="8"/>
      <c r="IVN24" s="8"/>
      <c r="IVO24" s="8"/>
      <c r="IVP24" s="8"/>
      <c r="IVQ24" s="8"/>
      <c r="IVR24" s="8"/>
      <c r="IVS24" s="8"/>
      <c r="IVT24" s="8"/>
      <c r="IVU24" s="8"/>
      <c r="IVV24" s="8"/>
      <c r="IVW24" s="8"/>
      <c r="IVX24" s="8"/>
      <c r="IVY24" s="8"/>
      <c r="IVZ24" s="8"/>
      <c r="IWA24" s="8"/>
      <c r="IWB24" s="8"/>
      <c r="IWC24" s="8"/>
      <c r="IWD24" s="8"/>
      <c r="IWE24" s="8"/>
      <c r="IWF24" s="8"/>
      <c r="IWG24" s="8"/>
      <c r="IWH24" s="8"/>
      <c r="IWI24" s="8"/>
      <c r="IWJ24" s="8"/>
      <c r="IWK24" s="8"/>
      <c r="IWL24" s="8"/>
      <c r="IWM24" s="8"/>
      <c r="IWN24" s="8"/>
      <c r="IWO24" s="8"/>
      <c r="IWP24" s="8"/>
      <c r="IWQ24" s="8"/>
      <c r="IWR24" s="8"/>
      <c r="IWS24" s="8"/>
      <c r="IWT24" s="8"/>
      <c r="IWU24" s="8"/>
      <c r="IWV24" s="8"/>
      <c r="IWW24" s="8"/>
      <c r="IWX24" s="8"/>
      <c r="IWY24" s="8"/>
      <c r="IWZ24" s="8"/>
      <c r="IXA24" s="8"/>
      <c r="IXB24" s="8"/>
      <c r="IXC24" s="8"/>
      <c r="IXD24" s="8"/>
      <c r="IXE24" s="8"/>
      <c r="IXF24" s="8"/>
      <c r="IXG24" s="8"/>
      <c r="IXH24" s="8"/>
      <c r="IXI24" s="8"/>
      <c r="IXJ24" s="8"/>
      <c r="IXK24" s="8"/>
      <c r="IXL24" s="8"/>
      <c r="IXM24" s="8"/>
      <c r="IXN24" s="8"/>
      <c r="IXO24" s="8"/>
      <c r="IXP24" s="8"/>
      <c r="IXQ24" s="8"/>
      <c r="IXR24" s="8"/>
      <c r="IXS24" s="8"/>
      <c r="IXT24" s="8"/>
      <c r="IXU24" s="8"/>
      <c r="IXV24" s="8"/>
      <c r="IXW24" s="8"/>
      <c r="IXX24" s="8"/>
      <c r="IXY24" s="8"/>
      <c r="IXZ24" s="8"/>
      <c r="IYA24" s="8"/>
      <c r="IYB24" s="8"/>
      <c r="IYC24" s="8"/>
      <c r="IYD24" s="8"/>
      <c r="IYE24" s="8"/>
      <c r="IYF24" s="8"/>
      <c r="IYG24" s="8"/>
      <c r="IYH24" s="8"/>
      <c r="IYI24" s="8"/>
      <c r="IYJ24" s="8"/>
      <c r="IYK24" s="8"/>
      <c r="IYL24" s="8"/>
      <c r="IYM24" s="8"/>
      <c r="IYN24" s="8"/>
      <c r="IYO24" s="8"/>
      <c r="IYP24" s="8"/>
      <c r="IYQ24" s="8"/>
      <c r="IYR24" s="8"/>
      <c r="IYS24" s="8"/>
      <c r="IYT24" s="8"/>
      <c r="IYU24" s="8"/>
      <c r="IYV24" s="8"/>
      <c r="IYW24" s="8"/>
      <c r="IYX24" s="8"/>
      <c r="IYY24" s="8"/>
      <c r="IYZ24" s="8"/>
      <c r="IZA24" s="8"/>
      <c r="IZB24" s="8"/>
      <c r="IZC24" s="8"/>
      <c r="IZD24" s="8"/>
      <c r="IZE24" s="8"/>
      <c r="IZF24" s="8"/>
      <c r="IZG24" s="8"/>
      <c r="IZH24" s="8"/>
      <c r="IZI24" s="8"/>
      <c r="IZJ24" s="8"/>
      <c r="IZK24" s="8"/>
      <c r="IZL24" s="8"/>
      <c r="IZM24" s="8"/>
      <c r="IZN24" s="8"/>
      <c r="IZO24" s="8"/>
      <c r="IZP24" s="8"/>
      <c r="IZQ24" s="8"/>
      <c r="IZR24" s="8"/>
      <c r="IZS24" s="8"/>
      <c r="IZT24" s="8"/>
      <c r="IZU24" s="8"/>
      <c r="IZV24" s="8"/>
      <c r="IZW24" s="8"/>
      <c r="IZX24" s="8"/>
      <c r="IZY24" s="8"/>
      <c r="IZZ24" s="8"/>
      <c r="JAA24" s="8"/>
      <c r="JAB24" s="8"/>
      <c r="JAC24" s="8"/>
      <c r="JAD24" s="8"/>
      <c r="JAE24" s="8"/>
      <c r="JAF24" s="8"/>
      <c r="JAG24" s="8"/>
      <c r="JAH24" s="8"/>
      <c r="JAI24" s="8"/>
      <c r="JAJ24" s="8"/>
      <c r="JAK24" s="8"/>
      <c r="JAL24" s="8"/>
      <c r="JAM24" s="8"/>
      <c r="JAN24" s="8"/>
      <c r="JAO24" s="8"/>
      <c r="JAP24" s="8"/>
      <c r="JAQ24" s="8"/>
      <c r="JAR24" s="8"/>
      <c r="JAS24" s="8"/>
      <c r="JAT24" s="8"/>
      <c r="JAU24" s="8"/>
      <c r="JAV24" s="8"/>
      <c r="JAW24" s="8"/>
      <c r="JAX24" s="8"/>
      <c r="JAY24" s="8"/>
      <c r="JAZ24" s="8"/>
      <c r="JBA24" s="8"/>
      <c r="JBB24" s="8"/>
      <c r="JBC24" s="8"/>
      <c r="JBD24" s="8"/>
      <c r="JBE24" s="8"/>
      <c r="JBF24" s="8"/>
      <c r="JBG24" s="8"/>
      <c r="JBH24" s="8"/>
      <c r="JBI24" s="8"/>
      <c r="JBJ24" s="8"/>
      <c r="JBK24" s="8"/>
      <c r="JBL24" s="8"/>
      <c r="JBM24" s="8"/>
      <c r="JBN24" s="8"/>
      <c r="JBO24" s="8"/>
      <c r="JBP24" s="8"/>
      <c r="JBQ24" s="8"/>
      <c r="JBR24" s="8"/>
      <c r="JBS24" s="8"/>
      <c r="JBT24" s="8"/>
      <c r="JBU24" s="8"/>
      <c r="JBV24" s="8"/>
      <c r="JBW24" s="8"/>
      <c r="JBX24" s="8"/>
      <c r="JBY24" s="8"/>
      <c r="JBZ24" s="8"/>
      <c r="JCA24" s="8"/>
      <c r="JCB24" s="8"/>
      <c r="JCC24" s="8"/>
      <c r="JCD24" s="8"/>
      <c r="JCE24" s="8"/>
      <c r="JCF24" s="8"/>
      <c r="JCG24" s="8"/>
      <c r="JCH24" s="8"/>
      <c r="JCI24" s="8"/>
      <c r="JCJ24" s="8"/>
      <c r="JCK24" s="8"/>
      <c r="JCL24" s="8"/>
      <c r="JCM24" s="8"/>
      <c r="JCN24" s="8"/>
      <c r="JCO24" s="8"/>
      <c r="JCP24" s="8"/>
      <c r="JCQ24" s="8"/>
      <c r="JCR24" s="8"/>
      <c r="JCS24" s="8"/>
      <c r="JCT24" s="8"/>
      <c r="JCU24" s="8"/>
      <c r="JCV24" s="8"/>
      <c r="JCW24" s="8"/>
      <c r="JCX24" s="8"/>
      <c r="JCY24" s="8"/>
      <c r="JCZ24" s="8"/>
      <c r="JDA24" s="8"/>
      <c r="JDB24" s="8"/>
      <c r="JDC24" s="8"/>
      <c r="JDD24" s="8"/>
      <c r="JDE24" s="8"/>
      <c r="JDF24" s="8"/>
      <c r="JDG24" s="8"/>
      <c r="JDH24" s="8"/>
      <c r="JDI24" s="8"/>
      <c r="JDJ24" s="8"/>
      <c r="JDK24" s="8"/>
      <c r="JDL24" s="8"/>
      <c r="JDM24" s="8"/>
      <c r="JDN24" s="8"/>
      <c r="JDO24" s="8"/>
      <c r="JDP24" s="8"/>
      <c r="JDQ24" s="8"/>
      <c r="JDR24" s="8"/>
      <c r="JDS24" s="8"/>
      <c r="JDT24" s="8"/>
      <c r="JDU24" s="8"/>
      <c r="JDV24" s="8"/>
      <c r="JDW24" s="8"/>
      <c r="JDX24" s="8"/>
      <c r="JDY24" s="8"/>
      <c r="JDZ24" s="8"/>
      <c r="JEA24" s="8"/>
      <c r="JEB24" s="8"/>
      <c r="JEC24" s="8"/>
      <c r="JED24" s="8"/>
      <c r="JEE24" s="8"/>
      <c r="JEF24" s="8"/>
      <c r="JEG24" s="8"/>
      <c r="JEH24" s="8"/>
      <c r="JEI24" s="8"/>
      <c r="JEJ24" s="8"/>
      <c r="JEK24" s="8"/>
      <c r="JEL24" s="8"/>
      <c r="JEM24" s="8"/>
      <c r="JEN24" s="8"/>
      <c r="JEO24" s="8"/>
      <c r="JEP24" s="8"/>
      <c r="JEQ24" s="8"/>
      <c r="JER24" s="8"/>
      <c r="JES24" s="8"/>
      <c r="JET24" s="8"/>
      <c r="JEU24" s="8"/>
      <c r="JEV24" s="8"/>
      <c r="JEW24" s="8"/>
      <c r="JEX24" s="8"/>
      <c r="JEY24" s="8"/>
      <c r="JEZ24" s="8"/>
      <c r="JFA24" s="8"/>
      <c r="JFB24" s="8"/>
      <c r="JFC24" s="8"/>
      <c r="JFD24" s="8"/>
      <c r="JFE24" s="8"/>
      <c r="JFF24" s="8"/>
      <c r="JFG24" s="8"/>
      <c r="JFH24" s="8"/>
      <c r="JFI24" s="8"/>
      <c r="JFJ24" s="8"/>
      <c r="JFK24" s="8"/>
      <c r="JFL24" s="8"/>
      <c r="JFM24" s="8"/>
      <c r="JFN24" s="8"/>
      <c r="JFO24" s="8"/>
      <c r="JFP24" s="8"/>
      <c r="JFQ24" s="8"/>
      <c r="JFR24" s="8"/>
      <c r="JFS24" s="8"/>
      <c r="JFT24" s="8"/>
      <c r="JFU24" s="8"/>
      <c r="JFV24" s="8"/>
      <c r="JFW24" s="8"/>
      <c r="JFX24" s="8"/>
      <c r="JFY24" s="8"/>
      <c r="JFZ24" s="8"/>
      <c r="JGA24" s="8"/>
      <c r="JGB24" s="8"/>
      <c r="JGC24" s="8"/>
      <c r="JGD24" s="8"/>
      <c r="JGE24" s="8"/>
      <c r="JGF24" s="8"/>
      <c r="JGG24" s="8"/>
      <c r="JGH24" s="8"/>
      <c r="JGI24" s="8"/>
      <c r="JGJ24" s="8"/>
      <c r="JGK24" s="8"/>
      <c r="JGL24" s="8"/>
      <c r="JGM24" s="8"/>
      <c r="JGN24" s="8"/>
      <c r="JGO24" s="8"/>
      <c r="JGP24" s="8"/>
      <c r="JGQ24" s="8"/>
      <c r="JGR24" s="8"/>
      <c r="JGS24" s="8"/>
      <c r="JGT24" s="8"/>
      <c r="JGU24" s="8"/>
      <c r="JGV24" s="8"/>
      <c r="JGW24" s="8"/>
      <c r="JGX24" s="8"/>
      <c r="JGY24" s="8"/>
      <c r="JGZ24" s="8"/>
      <c r="JHA24" s="8"/>
      <c r="JHB24" s="8"/>
      <c r="JHC24" s="8"/>
      <c r="JHD24" s="8"/>
      <c r="JHE24" s="8"/>
      <c r="JHF24" s="8"/>
      <c r="JHG24" s="8"/>
      <c r="JHH24" s="8"/>
      <c r="JHI24" s="8"/>
      <c r="JHJ24" s="8"/>
      <c r="JHK24" s="8"/>
      <c r="JHL24" s="8"/>
      <c r="JHM24" s="8"/>
      <c r="JHN24" s="8"/>
      <c r="JHO24" s="8"/>
      <c r="JHP24" s="8"/>
      <c r="JHQ24" s="8"/>
      <c r="JHR24" s="8"/>
      <c r="JHS24" s="8"/>
      <c r="JHT24" s="8"/>
      <c r="JHU24" s="8"/>
      <c r="JHV24" s="8"/>
      <c r="JHW24" s="8"/>
      <c r="JHX24" s="8"/>
      <c r="JHY24" s="8"/>
      <c r="JHZ24" s="8"/>
      <c r="JIA24" s="8"/>
      <c r="JIB24" s="8"/>
      <c r="JIC24" s="8"/>
      <c r="JID24" s="8"/>
      <c r="JIE24" s="8"/>
      <c r="JIF24" s="8"/>
      <c r="JIG24" s="8"/>
      <c r="JIH24" s="8"/>
      <c r="JII24" s="8"/>
      <c r="JIJ24" s="8"/>
      <c r="JIK24" s="8"/>
      <c r="JIL24" s="8"/>
      <c r="JIM24" s="8"/>
      <c r="JIN24" s="8"/>
      <c r="JIO24" s="8"/>
      <c r="JIP24" s="8"/>
      <c r="JIQ24" s="8"/>
      <c r="JIR24" s="8"/>
      <c r="JIS24" s="8"/>
      <c r="JIT24" s="8"/>
      <c r="JIU24" s="8"/>
      <c r="JIV24" s="8"/>
      <c r="JIW24" s="8"/>
      <c r="JIX24" s="8"/>
      <c r="JIY24" s="8"/>
      <c r="JIZ24" s="8"/>
      <c r="JJA24" s="8"/>
      <c r="JJB24" s="8"/>
      <c r="JJC24" s="8"/>
      <c r="JJD24" s="8"/>
      <c r="JJE24" s="8"/>
      <c r="JJF24" s="8"/>
      <c r="JJG24" s="8"/>
      <c r="JJH24" s="8"/>
      <c r="JJI24" s="8"/>
      <c r="JJJ24" s="8"/>
      <c r="JJK24" s="8"/>
      <c r="JJL24" s="8"/>
      <c r="JJM24" s="8"/>
      <c r="JJN24" s="8"/>
      <c r="JJO24" s="8"/>
      <c r="JJP24" s="8"/>
      <c r="JJQ24" s="8"/>
      <c r="JJR24" s="8"/>
      <c r="JJS24" s="8"/>
      <c r="JJT24" s="8"/>
      <c r="JJU24" s="8"/>
      <c r="JJV24" s="8"/>
      <c r="JJW24" s="8"/>
      <c r="JJX24" s="8"/>
      <c r="JJY24" s="8"/>
      <c r="JJZ24" s="8"/>
      <c r="JKA24" s="8"/>
      <c r="JKB24" s="8"/>
      <c r="JKC24" s="8"/>
      <c r="JKD24" s="8"/>
      <c r="JKE24" s="8"/>
      <c r="JKF24" s="8"/>
      <c r="JKG24" s="8"/>
      <c r="JKH24" s="8"/>
      <c r="JKI24" s="8"/>
      <c r="JKJ24" s="8"/>
      <c r="JKK24" s="8"/>
      <c r="JKL24" s="8"/>
      <c r="JKM24" s="8"/>
      <c r="JKN24" s="8"/>
      <c r="JKO24" s="8"/>
      <c r="JKP24" s="8"/>
      <c r="JKQ24" s="8"/>
      <c r="JKR24" s="8"/>
      <c r="JKS24" s="8"/>
      <c r="JKT24" s="8"/>
      <c r="JKU24" s="8"/>
      <c r="JKV24" s="8"/>
      <c r="JKW24" s="8"/>
      <c r="JKX24" s="8"/>
      <c r="JKY24" s="8"/>
      <c r="JKZ24" s="8"/>
      <c r="JLA24" s="8"/>
      <c r="JLB24" s="8"/>
      <c r="JLC24" s="8"/>
      <c r="JLD24" s="8"/>
      <c r="JLE24" s="8"/>
      <c r="JLF24" s="8"/>
      <c r="JLG24" s="8"/>
      <c r="JLH24" s="8"/>
      <c r="JLI24" s="8"/>
      <c r="JLJ24" s="8"/>
      <c r="JLK24" s="8"/>
      <c r="JLL24" s="8"/>
      <c r="JLM24" s="8"/>
      <c r="JLN24" s="8"/>
      <c r="JLO24" s="8"/>
      <c r="JLP24" s="8"/>
      <c r="JLQ24" s="8"/>
      <c r="JLR24" s="8"/>
      <c r="JLS24" s="8"/>
      <c r="JLT24" s="8"/>
      <c r="JLU24" s="8"/>
      <c r="JLV24" s="8"/>
      <c r="JLW24" s="8"/>
      <c r="JLX24" s="8"/>
      <c r="JLY24" s="8"/>
      <c r="JLZ24" s="8"/>
      <c r="JMA24" s="8"/>
      <c r="JMB24" s="8"/>
      <c r="JMC24" s="8"/>
      <c r="JMD24" s="8"/>
      <c r="JME24" s="8"/>
      <c r="JMF24" s="8"/>
      <c r="JMG24" s="8"/>
      <c r="JMH24" s="8"/>
      <c r="JMI24" s="8"/>
      <c r="JMJ24" s="8"/>
      <c r="JMK24" s="8"/>
      <c r="JML24" s="8"/>
      <c r="JMM24" s="8"/>
      <c r="JMN24" s="8"/>
      <c r="JMO24" s="8"/>
      <c r="JMP24" s="8"/>
      <c r="JMQ24" s="8"/>
      <c r="JMR24" s="8"/>
      <c r="JMS24" s="8"/>
      <c r="JMT24" s="8"/>
      <c r="JMU24" s="8"/>
      <c r="JMV24" s="8"/>
      <c r="JMW24" s="8"/>
      <c r="JMX24" s="8"/>
      <c r="JMY24" s="8"/>
      <c r="JMZ24" s="8"/>
      <c r="JNA24" s="8"/>
      <c r="JNB24" s="8"/>
      <c r="JNC24" s="8"/>
      <c r="JND24" s="8"/>
      <c r="JNE24" s="8"/>
      <c r="JNF24" s="8"/>
      <c r="JNG24" s="8"/>
      <c r="JNH24" s="8"/>
      <c r="JNI24" s="8"/>
      <c r="JNJ24" s="8"/>
      <c r="JNK24" s="8"/>
      <c r="JNL24" s="8"/>
      <c r="JNM24" s="8"/>
      <c r="JNN24" s="8"/>
      <c r="JNO24" s="8"/>
      <c r="JNP24" s="8"/>
      <c r="JNQ24" s="8"/>
      <c r="JNR24" s="8"/>
      <c r="JNS24" s="8"/>
      <c r="JNT24" s="8"/>
      <c r="JNU24" s="8"/>
      <c r="JNV24" s="8"/>
      <c r="JNW24" s="8"/>
      <c r="JNX24" s="8"/>
      <c r="JNY24" s="8"/>
      <c r="JNZ24" s="8"/>
      <c r="JOA24" s="8"/>
      <c r="JOB24" s="8"/>
      <c r="JOC24" s="8"/>
      <c r="JOD24" s="8"/>
      <c r="JOE24" s="8"/>
      <c r="JOF24" s="8"/>
      <c r="JOG24" s="8"/>
      <c r="JOH24" s="8"/>
      <c r="JOI24" s="8"/>
      <c r="JOJ24" s="8"/>
      <c r="JOK24" s="8"/>
      <c r="JOL24" s="8"/>
      <c r="JOM24" s="8"/>
      <c r="JON24" s="8"/>
      <c r="JOO24" s="8"/>
      <c r="JOP24" s="8"/>
      <c r="JOQ24" s="8"/>
      <c r="JOR24" s="8"/>
      <c r="JOS24" s="8"/>
      <c r="JOT24" s="8"/>
      <c r="JOU24" s="8"/>
      <c r="JOV24" s="8"/>
      <c r="JOW24" s="8"/>
      <c r="JOX24" s="8"/>
      <c r="JOY24" s="8"/>
      <c r="JOZ24" s="8"/>
      <c r="JPA24" s="8"/>
      <c r="JPB24" s="8"/>
      <c r="JPC24" s="8"/>
      <c r="JPD24" s="8"/>
      <c r="JPE24" s="8"/>
      <c r="JPF24" s="8"/>
      <c r="JPG24" s="8"/>
      <c r="JPH24" s="8"/>
      <c r="JPI24" s="8"/>
      <c r="JPJ24" s="8"/>
      <c r="JPK24" s="8"/>
      <c r="JPL24" s="8"/>
      <c r="JPM24" s="8"/>
      <c r="JPN24" s="8"/>
      <c r="JPO24" s="8"/>
      <c r="JPP24" s="8"/>
      <c r="JPQ24" s="8"/>
      <c r="JPR24" s="8"/>
      <c r="JPS24" s="8"/>
      <c r="JPT24" s="8"/>
      <c r="JPU24" s="8"/>
      <c r="JPV24" s="8"/>
      <c r="JPW24" s="8"/>
      <c r="JPX24" s="8"/>
      <c r="JPY24" s="8"/>
      <c r="JPZ24" s="8"/>
      <c r="JQA24" s="8"/>
      <c r="JQB24" s="8"/>
      <c r="JQC24" s="8"/>
      <c r="JQD24" s="8"/>
      <c r="JQE24" s="8"/>
      <c r="JQF24" s="8"/>
      <c r="JQG24" s="8"/>
      <c r="JQH24" s="8"/>
      <c r="JQI24" s="8"/>
      <c r="JQJ24" s="8"/>
      <c r="JQK24" s="8"/>
      <c r="JQL24" s="8"/>
      <c r="JQM24" s="8"/>
      <c r="JQN24" s="8"/>
      <c r="JQO24" s="8"/>
      <c r="JQP24" s="8"/>
      <c r="JQQ24" s="8"/>
      <c r="JQR24" s="8"/>
      <c r="JQS24" s="8"/>
      <c r="JQT24" s="8"/>
      <c r="JQU24" s="8"/>
      <c r="JQV24" s="8"/>
      <c r="JQW24" s="8"/>
      <c r="JQX24" s="8"/>
      <c r="JQY24" s="8"/>
      <c r="JQZ24" s="8"/>
      <c r="JRA24" s="8"/>
      <c r="JRB24" s="8"/>
      <c r="JRC24" s="8"/>
      <c r="JRD24" s="8"/>
      <c r="JRE24" s="8"/>
      <c r="JRF24" s="8"/>
      <c r="JRG24" s="8"/>
      <c r="JRH24" s="8"/>
      <c r="JRI24" s="8"/>
      <c r="JRJ24" s="8"/>
      <c r="JRK24" s="8"/>
      <c r="JRL24" s="8"/>
      <c r="JRM24" s="8"/>
      <c r="JRN24" s="8"/>
      <c r="JRO24" s="8"/>
      <c r="JRP24" s="8"/>
      <c r="JRQ24" s="8"/>
      <c r="JRR24" s="8"/>
      <c r="JRS24" s="8"/>
      <c r="JRT24" s="8"/>
      <c r="JRU24" s="8"/>
      <c r="JRV24" s="8"/>
      <c r="JRW24" s="8"/>
      <c r="JRX24" s="8"/>
      <c r="JRY24" s="8"/>
      <c r="JRZ24" s="8"/>
      <c r="JSA24" s="8"/>
      <c r="JSB24" s="8"/>
      <c r="JSC24" s="8"/>
      <c r="JSD24" s="8"/>
      <c r="JSE24" s="8"/>
      <c r="JSF24" s="8"/>
      <c r="JSG24" s="8"/>
      <c r="JSH24" s="8"/>
      <c r="JSI24" s="8"/>
      <c r="JSJ24" s="8"/>
      <c r="JSK24" s="8"/>
      <c r="JSL24" s="8"/>
      <c r="JSM24" s="8"/>
      <c r="JSN24" s="8"/>
      <c r="JSO24" s="8"/>
      <c r="JSP24" s="8"/>
      <c r="JSQ24" s="8"/>
      <c r="JSR24" s="8"/>
      <c r="JSS24" s="8"/>
      <c r="JST24" s="8"/>
      <c r="JSU24" s="8"/>
      <c r="JSV24" s="8"/>
      <c r="JSW24" s="8"/>
      <c r="JSX24" s="8"/>
      <c r="JSY24" s="8"/>
      <c r="JSZ24" s="8"/>
      <c r="JTA24" s="8"/>
      <c r="JTB24" s="8"/>
      <c r="JTC24" s="8"/>
      <c r="JTD24" s="8"/>
      <c r="JTE24" s="8"/>
      <c r="JTF24" s="8"/>
      <c r="JTG24" s="8"/>
      <c r="JTH24" s="8"/>
      <c r="JTI24" s="8"/>
      <c r="JTJ24" s="8"/>
      <c r="JTK24" s="8"/>
      <c r="JTL24" s="8"/>
      <c r="JTM24" s="8"/>
      <c r="JTN24" s="8"/>
      <c r="JTO24" s="8"/>
      <c r="JTP24" s="8"/>
      <c r="JTQ24" s="8"/>
      <c r="JTR24" s="8"/>
      <c r="JTS24" s="8"/>
      <c r="JTT24" s="8"/>
      <c r="JTU24" s="8"/>
      <c r="JTV24" s="8"/>
      <c r="JTW24" s="8"/>
      <c r="JTX24" s="8"/>
      <c r="JTY24" s="8"/>
      <c r="JTZ24" s="8"/>
      <c r="JUA24" s="8"/>
      <c r="JUB24" s="8"/>
      <c r="JUC24" s="8"/>
      <c r="JUD24" s="8"/>
      <c r="JUE24" s="8"/>
      <c r="JUF24" s="8"/>
      <c r="JUG24" s="8"/>
      <c r="JUH24" s="8"/>
      <c r="JUI24" s="8"/>
      <c r="JUJ24" s="8"/>
      <c r="JUK24" s="8"/>
      <c r="JUL24" s="8"/>
      <c r="JUM24" s="8"/>
      <c r="JUN24" s="8"/>
      <c r="JUO24" s="8"/>
      <c r="JUP24" s="8"/>
      <c r="JUQ24" s="8"/>
      <c r="JUR24" s="8"/>
      <c r="JUS24" s="8"/>
      <c r="JUT24" s="8"/>
      <c r="JUU24" s="8"/>
      <c r="JUV24" s="8"/>
      <c r="JUW24" s="8"/>
      <c r="JUX24" s="8"/>
      <c r="JUY24" s="8"/>
      <c r="JUZ24" s="8"/>
      <c r="JVA24" s="8"/>
      <c r="JVB24" s="8"/>
      <c r="JVC24" s="8"/>
      <c r="JVD24" s="8"/>
      <c r="JVE24" s="8"/>
      <c r="JVF24" s="8"/>
      <c r="JVG24" s="8"/>
      <c r="JVH24" s="8"/>
      <c r="JVI24" s="8"/>
      <c r="JVJ24" s="8"/>
      <c r="JVK24" s="8"/>
      <c r="JVL24" s="8"/>
      <c r="JVM24" s="8"/>
      <c r="JVN24" s="8"/>
      <c r="JVO24" s="8"/>
      <c r="JVP24" s="8"/>
      <c r="JVQ24" s="8"/>
      <c r="JVR24" s="8"/>
      <c r="JVS24" s="8"/>
      <c r="JVT24" s="8"/>
      <c r="JVU24" s="8"/>
      <c r="JVV24" s="8"/>
      <c r="JVW24" s="8"/>
      <c r="JVX24" s="8"/>
      <c r="JVY24" s="8"/>
      <c r="JVZ24" s="8"/>
      <c r="JWA24" s="8"/>
      <c r="JWB24" s="8"/>
      <c r="JWC24" s="8"/>
      <c r="JWD24" s="8"/>
      <c r="JWE24" s="8"/>
      <c r="JWF24" s="8"/>
      <c r="JWG24" s="8"/>
      <c r="JWH24" s="8"/>
      <c r="JWI24" s="8"/>
      <c r="JWJ24" s="8"/>
      <c r="JWK24" s="8"/>
      <c r="JWL24" s="8"/>
      <c r="JWM24" s="8"/>
      <c r="JWN24" s="8"/>
      <c r="JWO24" s="8"/>
      <c r="JWP24" s="8"/>
      <c r="JWQ24" s="8"/>
      <c r="JWR24" s="8"/>
      <c r="JWS24" s="8"/>
      <c r="JWT24" s="8"/>
      <c r="JWU24" s="8"/>
      <c r="JWV24" s="8"/>
      <c r="JWW24" s="8"/>
      <c r="JWX24" s="8"/>
      <c r="JWY24" s="8"/>
      <c r="JWZ24" s="8"/>
      <c r="JXA24" s="8"/>
      <c r="JXB24" s="8"/>
      <c r="JXC24" s="8"/>
      <c r="JXD24" s="8"/>
      <c r="JXE24" s="8"/>
      <c r="JXF24" s="8"/>
      <c r="JXG24" s="8"/>
      <c r="JXH24" s="8"/>
      <c r="JXI24" s="8"/>
      <c r="JXJ24" s="8"/>
      <c r="JXK24" s="8"/>
      <c r="JXL24" s="8"/>
      <c r="JXM24" s="8"/>
      <c r="JXN24" s="8"/>
      <c r="JXO24" s="8"/>
      <c r="JXP24" s="8"/>
      <c r="JXQ24" s="8"/>
      <c r="JXR24" s="8"/>
      <c r="JXS24" s="8"/>
      <c r="JXT24" s="8"/>
      <c r="JXU24" s="8"/>
      <c r="JXV24" s="8"/>
      <c r="JXW24" s="8"/>
      <c r="JXX24" s="8"/>
      <c r="JXY24" s="8"/>
      <c r="JXZ24" s="8"/>
      <c r="JYA24" s="8"/>
      <c r="JYB24" s="8"/>
      <c r="JYC24" s="8"/>
      <c r="JYD24" s="8"/>
      <c r="JYE24" s="8"/>
      <c r="JYF24" s="8"/>
      <c r="JYG24" s="8"/>
      <c r="JYH24" s="8"/>
      <c r="JYI24" s="8"/>
      <c r="JYJ24" s="8"/>
      <c r="JYK24" s="8"/>
      <c r="JYL24" s="8"/>
      <c r="JYM24" s="8"/>
      <c r="JYN24" s="8"/>
      <c r="JYO24" s="8"/>
      <c r="JYP24" s="8"/>
      <c r="JYQ24" s="8"/>
      <c r="JYR24" s="8"/>
      <c r="JYS24" s="8"/>
      <c r="JYT24" s="8"/>
      <c r="JYU24" s="8"/>
      <c r="JYV24" s="8"/>
      <c r="JYW24" s="8"/>
      <c r="JYX24" s="8"/>
      <c r="JYY24" s="8"/>
      <c r="JYZ24" s="8"/>
      <c r="JZA24" s="8"/>
      <c r="JZB24" s="8"/>
      <c r="JZC24" s="8"/>
      <c r="JZD24" s="8"/>
      <c r="JZE24" s="8"/>
      <c r="JZF24" s="8"/>
      <c r="JZG24" s="8"/>
      <c r="JZH24" s="8"/>
      <c r="JZI24" s="8"/>
      <c r="JZJ24" s="8"/>
      <c r="JZK24" s="8"/>
      <c r="JZL24" s="8"/>
      <c r="JZM24" s="8"/>
      <c r="JZN24" s="8"/>
      <c r="JZO24" s="8"/>
      <c r="JZP24" s="8"/>
      <c r="JZQ24" s="8"/>
      <c r="JZR24" s="8"/>
      <c r="JZS24" s="8"/>
      <c r="JZT24" s="8"/>
      <c r="JZU24" s="8"/>
      <c r="JZV24" s="8"/>
      <c r="JZW24" s="8"/>
      <c r="JZX24" s="8"/>
      <c r="JZY24" s="8"/>
      <c r="JZZ24" s="8"/>
      <c r="KAA24" s="8"/>
      <c r="KAB24" s="8"/>
      <c r="KAC24" s="8"/>
      <c r="KAD24" s="8"/>
      <c r="KAE24" s="8"/>
      <c r="KAF24" s="8"/>
      <c r="KAG24" s="8"/>
      <c r="KAH24" s="8"/>
      <c r="KAI24" s="8"/>
      <c r="KAJ24" s="8"/>
      <c r="KAK24" s="8"/>
      <c r="KAL24" s="8"/>
      <c r="KAM24" s="8"/>
      <c r="KAN24" s="8"/>
      <c r="KAO24" s="8"/>
      <c r="KAP24" s="8"/>
      <c r="KAQ24" s="8"/>
      <c r="KAR24" s="8"/>
      <c r="KAS24" s="8"/>
      <c r="KAT24" s="8"/>
      <c r="KAU24" s="8"/>
      <c r="KAV24" s="8"/>
      <c r="KAW24" s="8"/>
      <c r="KAX24" s="8"/>
      <c r="KAY24" s="8"/>
      <c r="KAZ24" s="8"/>
      <c r="KBA24" s="8"/>
      <c r="KBB24" s="8"/>
      <c r="KBC24" s="8"/>
      <c r="KBD24" s="8"/>
      <c r="KBE24" s="8"/>
      <c r="KBF24" s="8"/>
      <c r="KBG24" s="8"/>
      <c r="KBH24" s="8"/>
      <c r="KBI24" s="8"/>
      <c r="KBJ24" s="8"/>
      <c r="KBK24" s="8"/>
      <c r="KBL24" s="8"/>
      <c r="KBM24" s="8"/>
      <c r="KBN24" s="8"/>
      <c r="KBO24" s="8"/>
      <c r="KBP24" s="8"/>
      <c r="KBQ24" s="8"/>
      <c r="KBR24" s="8"/>
      <c r="KBS24" s="8"/>
      <c r="KBT24" s="8"/>
      <c r="KBU24" s="8"/>
      <c r="KBV24" s="8"/>
      <c r="KBW24" s="8"/>
      <c r="KBX24" s="8"/>
      <c r="KBY24" s="8"/>
      <c r="KBZ24" s="8"/>
      <c r="KCA24" s="8"/>
      <c r="KCB24" s="8"/>
      <c r="KCC24" s="8"/>
      <c r="KCD24" s="8"/>
      <c r="KCE24" s="8"/>
      <c r="KCF24" s="8"/>
      <c r="KCG24" s="8"/>
      <c r="KCH24" s="8"/>
      <c r="KCI24" s="8"/>
      <c r="KCJ24" s="8"/>
      <c r="KCK24" s="8"/>
      <c r="KCL24" s="8"/>
      <c r="KCM24" s="8"/>
      <c r="KCN24" s="8"/>
      <c r="KCO24" s="8"/>
      <c r="KCP24" s="8"/>
      <c r="KCQ24" s="8"/>
      <c r="KCR24" s="8"/>
      <c r="KCS24" s="8"/>
      <c r="KCT24" s="8"/>
      <c r="KCU24" s="8"/>
      <c r="KCV24" s="8"/>
      <c r="KCW24" s="8"/>
      <c r="KCX24" s="8"/>
      <c r="KCY24" s="8"/>
      <c r="KCZ24" s="8"/>
      <c r="KDA24" s="8"/>
      <c r="KDB24" s="8"/>
      <c r="KDC24" s="8"/>
      <c r="KDD24" s="8"/>
      <c r="KDE24" s="8"/>
      <c r="KDF24" s="8"/>
      <c r="KDG24" s="8"/>
      <c r="KDH24" s="8"/>
      <c r="KDI24" s="8"/>
      <c r="KDJ24" s="8"/>
      <c r="KDK24" s="8"/>
      <c r="KDL24" s="8"/>
      <c r="KDM24" s="8"/>
      <c r="KDN24" s="8"/>
      <c r="KDO24" s="8"/>
      <c r="KDP24" s="8"/>
      <c r="KDQ24" s="8"/>
      <c r="KDR24" s="8"/>
      <c r="KDS24" s="8"/>
      <c r="KDT24" s="8"/>
      <c r="KDU24" s="8"/>
      <c r="KDV24" s="8"/>
      <c r="KDW24" s="8"/>
      <c r="KDX24" s="8"/>
      <c r="KDY24" s="8"/>
      <c r="KDZ24" s="8"/>
      <c r="KEA24" s="8"/>
      <c r="KEB24" s="8"/>
      <c r="KEC24" s="8"/>
      <c r="KED24" s="8"/>
      <c r="KEE24" s="8"/>
      <c r="KEF24" s="8"/>
      <c r="KEG24" s="8"/>
      <c r="KEH24" s="8"/>
      <c r="KEI24" s="8"/>
      <c r="KEJ24" s="8"/>
      <c r="KEK24" s="8"/>
      <c r="KEL24" s="8"/>
      <c r="KEM24" s="8"/>
      <c r="KEN24" s="8"/>
      <c r="KEO24" s="8"/>
      <c r="KEP24" s="8"/>
      <c r="KEQ24" s="8"/>
      <c r="KER24" s="8"/>
      <c r="KES24" s="8"/>
      <c r="KET24" s="8"/>
      <c r="KEU24" s="8"/>
      <c r="KEV24" s="8"/>
      <c r="KEW24" s="8"/>
      <c r="KEX24" s="8"/>
      <c r="KEY24" s="8"/>
      <c r="KEZ24" s="8"/>
      <c r="KFA24" s="8"/>
      <c r="KFB24" s="8"/>
      <c r="KFC24" s="8"/>
      <c r="KFD24" s="8"/>
      <c r="KFE24" s="8"/>
      <c r="KFF24" s="8"/>
      <c r="KFG24" s="8"/>
      <c r="KFH24" s="8"/>
      <c r="KFI24" s="8"/>
      <c r="KFJ24" s="8"/>
      <c r="KFK24" s="8"/>
      <c r="KFL24" s="8"/>
      <c r="KFM24" s="8"/>
      <c r="KFN24" s="8"/>
      <c r="KFO24" s="8"/>
      <c r="KFP24" s="8"/>
      <c r="KFQ24" s="8"/>
      <c r="KFR24" s="8"/>
      <c r="KFS24" s="8"/>
      <c r="KFT24" s="8"/>
      <c r="KFU24" s="8"/>
      <c r="KFV24" s="8"/>
      <c r="KFW24" s="8"/>
      <c r="KFX24" s="8"/>
      <c r="KFY24" s="8"/>
      <c r="KFZ24" s="8"/>
      <c r="KGA24" s="8"/>
      <c r="KGB24" s="8"/>
      <c r="KGC24" s="8"/>
      <c r="KGD24" s="8"/>
      <c r="KGE24" s="8"/>
      <c r="KGF24" s="8"/>
      <c r="KGG24" s="8"/>
      <c r="KGH24" s="8"/>
      <c r="KGI24" s="8"/>
      <c r="KGJ24" s="8"/>
      <c r="KGK24" s="8"/>
      <c r="KGL24" s="8"/>
      <c r="KGM24" s="8"/>
      <c r="KGN24" s="8"/>
      <c r="KGO24" s="8"/>
      <c r="KGP24" s="8"/>
      <c r="KGQ24" s="8"/>
      <c r="KGR24" s="8"/>
      <c r="KGS24" s="8"/>
      <c r="KGT24" s="8"/>
      <c r="KGU24" s="8"/>
      <c r="KGV24" s="8"/>
      <c r="KGW24" s="8"/>
      <c r="KGX24" s="8"/>
      <c r="KGY24" s="8"/>
      <c r="KGZ24" s="8"/>
      <c r="KHA24" s="8"/>
      <c r="KHB24" s="8"/>
      <c r="KHC24" s="8"/>
      <c r="KHD24" s="8"/>
      <c r="KHE24" s="8"/>
      <c r="KHF24" s="8"/>
      <c r="KHG24" s="8"/>
      <c r="KHH24" s="8"/>
      <c r="KHI24" s="8"/>
      <c r="KHJ24" s="8"/>
      <c r="KHK24" s="8"/>
      <c r="KHL24" s="8"/>
      <c r="KHM24" s="8"/>
      <c r="KHN24" s="8"/>
      <c r="KHO24" s="8"/>
      <c r="KHP24" s="8"/>
      <c r="KHQ24" s="8"/>
      <c r="KHR24" s="8"/>
      <c r="KHS24" s="8"/>
      <c r="KHT24" s="8"/>
      <c r="KHU24" s="8"/>
      <c r="KHV24" s="8"/>
      <c r="KHW24" s="8"/>
      <c r="KHX24" s="8"/>
      <c r="KHY24" s="8"/>
      <c r="KHZ24" s="8"/>
      <c r="KIA24" s="8"/>
      <c r="KIB24" s="8"/>
      <c r="KIC24" s="8"/>
      <c r="KID24" s="8"/>
      <c r="KIE24" s="8"/>
      <c r="KIF24" s="8"/>
      <c r="KIG24" s="8"/>
      <c r="KIH24" s="8"/>
      <c r="KII24" s="8"/>
      <c r="KIJ24" s="8"/>
      <c r="KIK24" s="8"/>
      <c r="KIL24" s="8"/>
      <c r="KIM24" s="8"/>
      <c r="KIN24" s="8"/>
      <c r="KIO24" s="8"/>
      <c r="KIP24" s="8"/>
      <c r="KIQ24" s="8"/>
      <c r="KIR24" s="8"/>
      <c r="KIS24" s="8"/>
      <c r="KIT24" s="8"/>
      <c r="KIU24" s="8"/>
      <c r="KIV24" s="8"/>
      <c r="KIW24" s="8"/>
      <c r="KIX24" s="8"/>
      <c r="KIY24" s="8"/>
      <c r="KIZ24" s="8"/>
      <c r="KJA24" s="8"/>
      <c r="KJB24" s="8"/>
      <c r="KJC24" s="8"/>
      <c r="KJD24" s="8"/>
      <c r="KJE24" s="8"/>
      <c r="KJF24" s="8"/>
      <c r="KJG24" s="8"/>
      <c r="KJH24" s="8"/>
      <c r="KJI24" s="8"/>
      <c r="KJJ24" s="8"/>
      <c r="KJK24" s="8"/>
      <c r="KJL24" s="8"/>
      <c r="KJM24" s="8"/>
      <c r="KJN24" s="8"/>
      <c r="KJO24" s="8"/>
      <c r="KJP24" s="8"/>
      <c r="KJQ24" s="8"/>
      <c r="KJR24" s="8"/>
      <c r="KJS24" s="8"/>
      <c r="KJT24" s="8"/>
      <c r="KJU24" s="8"/>
      <c r="KJV24" s="8"/>
      <c r="KJW24" s="8"/>
      <c r="KJX24" s="8"/>
      <c r="KJY24" s="8"/>
      <c r="KJZ24" s="8"/>
      <c r="KKA24" s="8"/>
      <c r="KKB24" s="8"/>
      <c r="KKC24" s="8"/>
      <c r="KKD24" s="8"/>
      <c r="KKE24" s="8"/>
      <c r="KKF24" s="8"/>
      <c r="KKG24" s="8"/>
      <c r="KKH24" s="8"/>
      <c r="KKI24" s="8"/>
      <c r="KKJ24" s="8"/>
      <c r="KKK24" s="8"/>
      <c r="KKL24" s="8"/>
      <c r="KKM24" s="8"/>
      <c r="KKN24" s="8"/>
      <c r="KKO24" s="8"/>
      <c r="KKP24" s="8"/>
      <c r="KKQ24" s="8"/>
      <c r="KKR24" s="8"/>
      <c r="KKS24" s="8"/>
      <c r="KKT24" s="8"/>
      <c r="KKU24" s="8"/>
      <c r="KKV24" s="8"/>
      <c r="KKW24" s="8"/>
      <c r="KKX24" s="8"/>
      <c r="KKY24" s="8"/>
      <c r="KKZ24" s="8"/>
      <c r="KLA24" s="8"/>
      <c r="KLB24" s="8"/>
      <c r="KLC24" s="8"/>
      <c r="KLD24" s="8"/>
      <c r="KLE24" s="8"/>
      <c r="KLF24" s="8"/>
      <c r="KLG24" s="8"/>
      <c r="KLH24" s="8"/>
      <c r="KLI24" s="8"/>
      <c r="KLJ24" s="8"/>
      <c r="KLK24" s="8"/>
      <c r="KLL24" s="8"/>
      <c r="KLM24" s="8"/>
      <c r="KLN24" s="8"/>
      <c r="KLO24" s="8"/>
      <c r="KLP24" s="8"/>
      <c r="KLQ24" s="8"/>
      <c r="KLR24" s="8"/>
      <c r="KLS24" s="8"/>
      <c r="KLT24" s="8"/>
      <c r="KLU24" s="8"/>
      <c r="KLV24" s="8"/>
      <c r="KLW24" s="8"/>
      <c r="KLX24" s="8"/>
      <c r="KLY24" s="8"/>
      <c r="KLZ24" s="8"/>
      <c r="KMA24" s="8"/>
      <c r="KMB24" s="8"/>
      <c r="KMC24" s="8"/>
      <c r="KMD24" s="8"/>
      <c r="KME24" s="8"/>
      <c r="KMF24" s="8"/>
      <c r="KMG24" s="8"/>
      <c r="KMH24" s="8"/>
      <c r="KMI24" s="8"/>
      <c r="KMJ24" s="8"/>
      <c r="KMK24" s="8"/>
      <c r="KML24" s="8"/>
      <c r="KMM24" s="8"/>
      <c r="KMN24" s="8"/>
      <c r="KMO24" s="8"/>
      <c r="KMP24" s="8"/>
      <c r="KMQ24" s="8"/>
      <c r="KMR24" s="8"/>
      <c r="KMS24" s="8"/>
      <c r="KMT24" s="8"/>
      <c r="KMU24" s="8"/>
      <c r="KMV24" s="8"/>
      <c r="KMW24" s="8"/>
      <c r="KMX24" s="8"/>
      <c r="KMY24" s="8"/>
      <c r="KMZ24" s="8"/>
      <c r="KNA24" s="8"/>
      <c r="KNB24" s="8"/>
      <c r="KNC24" s="8"/>
      <c r="KND24" s="8"/>
      <c r="KNE24" s="8"/>
      <c r="KNF24" s="8"/>
      <c r="KNG24" s="8"/>
      <c r="KNH24" s="8"/>
      <c r="KNI24" s="8"/>
      <c r="KNJ24" s="8"/>
      <c r="KNK24" s="8"/>
      <c r="KNL24" s="8"/>
      <c r="KNM24" s="8"/>
      <c r="KNN24" s="8"/>
      <c r="KNO24" s="8"/>
      <c r="KNP24" s="8"/>
      <c r="KNQ24" s="8"/>
      <c r="KNR24" s="8"/>
      <c r="KNS24" s="8"/>
      <c r="KNT24" s="8"/>
      <c r="KNU24" s="8"/>
      <c r="KNV24" s="8"/>
      <c r="KNW24" s="8"/>
      <c r="KNX24" s="8"/>
      <c r="KNY24" s="8"/>
      <c r="KNZ24" s="8"/>
      <c r="KOA24" s="8"/>
      <c r="KOB24" s="8"/>
      <c r="KOC24" s="8"/>
      <c r="KOD24" s="8"/>
      <c r="KOE24" s="8"/>
      <c r="KOF24" s="8"/>
      <c r="KOG24" s="8"/>
      <c r="KOH24" s="8"/>
      <c r="KOI24" s="8"/>
      <c r="KOJ24" s="8"/>
      <c r="KOK24" s="8"/>
      <c r="KOL24" s="8"/>
      <c r="KOM24" s="8"/>
      <c r="KON24" s="8"/>
      <c r="KOO24" s="8"/>
      <c r="KOP24" s="8"/>
      <c r="KOQ24" s="8"/>
      <c r="KOR24" s="8"/>
      <c r="KOS24" s="8"/>
      <c r="KOT24" s="8"/>
      <c r="KOU24" s="8"/>
      <c r="KOV24" s="8"/>
      <c r="KOW24" s="8"/>
      <c r="KOX24" s="8"/>
      <c r="KOY24" s="8"/>
      <c r="KOZ24" s="8"/>
      <c r="KPA24" s="8"/>
      <c r="KPB24" s="8"/>
      <c r="KPC24" s="8"/>
      <c r="KPD24" s="8"/>
      <c r="KPE24" s="8"/>
      <c r="KPF24" s="8"/>
      <c r="KPG24" s="8"/>
      <c r="KPH24" s="8"/>
      <c r="KPI24" s="8"/>
      <c r="KPJ24" s="8"/>
      <c r="KPK24" s="8"/>
      <c r="KPL24" s="8"/>
      <c r="KPM24" s="8"/>
      <c r="KPN24" s="8"/>
      <c r="KPO24" s="8"/>
      <c r="KPP24" s="8"/>
      <c r="KPQ24" s="8"/>
      <c r="KPR24" s="8"/>
      <c r="KPS24" s="8"/>
      <c r="KPT24" s="8"/>
      <c r="KPU24" s="8"/>
      <c r="KPV24" s="8"/>
      <c r="KPW24" s="8"/>
      <c r="KPX24" s="8"/>
      <c r="KPY24" s="8"/>
      <c r="KPZ24" s="8"/>
      <c r="KQA24" s="8"/>
      <c r="KQB24" s="8"/>
      <c r="KQC24" s="8"/>
      <c r="KQD24" s="8"/>
      <c r="KQE24" s="8"/>
      <c r="KQF24" s="8"/>
      <c r="KQG24" s="8"/>
      <c r="KQH24" s="8"/>
      <c r="KQI24" s="8"/>
      <c r="KQJ24" s="8"/>
      <c r="KQK24" s="8"/>
      <c r="KQL24" s="8"/>
      <c r="KQM24" s="8"/>
      <c r="KQN24" s="8"/>
      <c r="KQO24" s="8"/>
      <c r="KQP24" s="8"/>
      <c r="KQQ24" s="8"/>
      <c r="KQR24" s="8"/>
      <c r="KQS24" s="8"/>
      <c r="KQT24" s="8"/>
      <c r="KQU24" s="8"/>
      <c r="KQV24" s="8"/>
      <c r="KQW24" s="8"/>
      <c r="KQX24" s="8"/>
      <c r="KQY24" s="8"/>
      <c r="KQZ24" s="8"/>
      <c r="KRA24" s="8"/>
      <c r="KRB24" s="8"/>
      <c r="KRC24" s="8"/>
      <c r="KRD24" s="8"/>
      <c r="KRE24" s="8"/>
      <c r="KRF24" s="8"/>
      <c r="KRG24" s="8"/>
      <c r="KRH24" s="8"/>
      <c r="KRI24" s="8"/>
      <c r="KRJ24" s="8"/>
      <c r="KRK24" s="8"/>
      <c r="KRL24" s="8"/>
      <c r="KRM24" s="8"/>
      <c r="KRN24" s="8"/>
      <c r="KRO24" s="8"/>
      <c r="KRP24" s="8"/>
      <c r="KRQ24" s="8"/>
      <c r="KRR24" s="8"/>
      <c r="KRS24" s="8"/>
      <c r="KRT24" s="8"/>
      <c r="KRU24" s="8"/>
      <c r="KRV24" s="8"/>
      <c r="KRW24" s="8"/>
      <c r="KRX24" s="8"/>
      <c r="KRY24" s="8"/>
      <c r="KRZ24" s="8"/>
      <c r="KSA24" s="8"/>
      <c r="KSB24" s="8"/>
      <c r="KSC24" s="8"/>
      <c r="KSD24" s="8"/>
      <c r="KSE24" s="8"/>
      <c r="KSF24" s="8"/>
      <c r="KSG24" s="8"/>
      <c r="KSH24" s="8"/>
      <c r="KSI24" s="8"/>
      <c r="KSJ24" s="8"/>
      <c r="KSK24" s="8"/>
      <c r="KSL24" s="8"/>
      <c r="KSM24" s="8"/>
      <c r="KSN24" s="8"/>
      <c r="KSO24" s="8"/>
      <c r="KSP24" s="8"/>
      <c r="KSQ24" s="8"/>
      <c r="KSR24" s="8"/>
      <c r="KSS24" s="8"/>
      <c r="KST24" s="8"/>
      <c r="KSU24" s="8"/>
      <c r="KSV24" s="8"/>
      <c r="KSW24" s="8"/>
      <c r="KSX24" s="8"/>
      <c r="KSY24" s="8"/>
      <c r="KSZ24" s="8"/>
      <c r="KTA24" s="8"/>
      <c r="KTB24" s="8"/>
      <c r="KTC24" s="8"/>
      <c r="KTD24" s="8"/>
      <c r="KTE24" s="8"/>
      <c r="KTF24" s="8"/>
      <c r="KTG24" s="8"/>
      <c r="KTH24" s="8"/>
      <c r="KTI24" s="8"/>
      <c r="KTJ24" s="8"/>
      <c r="KTK24" s="8"/>
      <c r="KTL24" s="8"/>
      <c r="KTM24" s="8"/>
      <c r="KTN24" s="8"/>
      <c r="KTO24" s="8"/>
      <c r="KTP24" s="8"/>
      <c r="KTQ24" s="8"/>
      <c r="KTR24" s="8"/>
      <c r="KTS24" s="8"/>
      <c r="KTT24" s="8"/>
      <c r="KTU24" s="8"/>
      <c r="KTV24" s="8"/>
      <c r="KTW24" s="8"/>
      <c r="KTX24" s="8"/>
      <c r="KTY24" s="8"/>
      <c r="KTZ24" s="8"/>
      <c r="KUA24" s="8"/>
      <c r="KUB24" s="8"/>
      <c r="KUC24" s="8"/>
      <c r="KUD24" s="8"/>
      <c r="KUE24" s="8"/>
      <c r="KUF24" s="8"/>
      <c r="KUG24" s="8"/>
      <c r="KUH24" s="8"/>
      <c r="KUI24" s="8"/>
      <c r="KUJ24" s="8"/>
      <c r="KUK24" s="8"/>
      <c r="KUL24" s="8"/>
      <c r="KUM24" s="8"/>
      <c r="KUN24" s="8"/>
      <c r="KUO24" s="8"/>
      <c r="KUP24" s="8"/>
      <c r="KUQ24" s="8"/>
      <c r="KUR24" s="8"/>
      <c r="KUS24" s="8"/>
      <c r="KUT24" s="8"/>
      <c r="KUU24" s="8"/>
      <c r="KUV24" s="8"/>
      <c r="KUW24" s="8"/>
      <c r="KUX24" s="8"/>
      <c r="KUY24" s="8"/>
      <c r="KUZ24" s="8"/>
      <c r="KVA24" s="8"/>
      <c r="KVB24" s="8"/>
      <c r="KVC24" s="8"/>
      <c r="KVD24" s="8"/>
      <c r="KVE24" s="8"/>
      <c r="KVF24" s="8"/>
      <c r="KVG24" s="8"/>
      <c r="KVH24" s="8"/>
      <c r="KVI24" s="8"/>
      <c r="KVJ24" s="8"/>
      <c r="KVK24" s="8"/>
      <c r="KVL24" s="8"/>
      <c r="KVM24" s="8"/>
      <c r="KVN24" s="8"/>
      <c r="KVO24" s="8"/>
      <c r="KVP24" s="8"/>
      <c r="KVQ24" s="8"/>
      <c r="KVR24" s="8"/>
      <c r="KVS24" s="8"/>
      <c r="KVT24" s="8"/>
      <c r="KVU24" s="8"/>
      <c r="KVV24" s="8"/>
      <c r="KVW24" s="8"/>
      <c r="KVX24" s="8"/>
      <c r="KVY24" s="8"/>
      <c r="KVZ24" s="8"/>
      <c r="KWA24" s="8"/>
      <c r="KWB24" s="8"/>
      <c r="KWC24" s="8"/>
      <c r="KWD24" s="8"/>
      <c r="KWE24" s="8"/>
      <c r="KWF24" s="8"/>
      <c r="KWG24" s="8"/>
      <c r="KWH24" s="8"/>
      <c r="KWI24" s="8"/>
      <c r="KWJ24" s="8"/>
      <c r="KWK24" s="8"/>
      <c r="KWL24" s="8"/>
      <c r="KWM24" s="8"/>
      <c r="KWN24" s="8"/>
      <c r="KWO24" s="8"/>
      <c r="KWP24" s="8"/>
      <c r="KWQ24" s="8"/>
      <c r="KWR24" s="8"/>
      <c r="KWS24" s="8"/>
      <c r="KWT24" s="8"/>
      <c r="KWU24" s="8"/>
      <c r="KWV24" s="8"/>
      <c r="KWW24" s="8"/>
      <c r="KWX24" s="8"/>
      <c r="KWY24" s="8"/>
      <c r="KWZ24" s="8"/>
      <c r="KXA24" s="8"/>
      <c r="KXB24" s="8"/>
      <c r="KXC24" s="8"/>
      <c r="KXD24" s="8"/>
      <c r="KXE24" s="8"/>
      <c r="KXF24" s="8"/>
      <c r="KXG24" s="8"/>
      <c r="KXH24" s="8"/>
      <c r="KXI24" s="8"/>
      <c r="KXJ24" s="8"/>
      <c r="KXK24" s="8"/>
      <c r="KXL24" s="8"/>
      <c r="KXM24" s="8"/>
      <c r="KXN24" s="8"/>
      <c r="KXO24" s="8"/>
      <c r="KXP24" s="8"/>
      <c r="KXQ24" s="8"/>
      <c r="KXR24" s="8"/>
      <c r="KXS24" s="8"/>
      <c r="KXT24" s="8"/>
      <c r="KXU24" s="8"/>
      <c r="KXV24" s="8"/>
      <c r="KXW24" s="8"/>
      <c r="KXX24" s="8"/>
      <c r="KXY24" s="8"/>
      <c r="KXZ24" s="8"/>
      <c r="KYA24" s="8"/>
      <c r="KYB24" s="8"/>
      <c r="KYC24" s="8"/>
      <c r="KYD24" s="8"/>
      <c r="KYE24" s="8"/>
      <c r="KYF24" s="8"/>
      <c r="KYG24" s="8"/>
      <c r="KYH24" s="8"/>
      <c r="KYI24" s="8"/>
      <c r="KYJ24" s="8"/>
      <c r="KYK24" s="8"/>
      <c r="KYL24" s="8"/>
      <c r="KYM24" s="8"/>
      <c r="KYN24" s="8"/>
      <c r="KYO24" s="8"/>
      <c r="KYP24" s="8"/>
      <c r="KYQ24" s="8"/>
      <c r="KYR24" s="8"/>
      <c r="KYS24" s="8"/>
      <c r="KYT24" s="8"/>
      <c r="KYU24" s="8"/>
      <c r="KYV24" s="8"/>
      <c r="KYW24" s="8"/>
      <c r="KYX24" s="8"/>
      <c r="KYY24" s="8"/>
      <c r="KYZ24" s="8"/>
      <c r="KZA24" s="8"/>
      <c r="KZB24" s="8"/>
      <c r="KZC24" s="8"/>
      <c r="KZD24" s="8"/>
      <c r="KZE24" s="8"/>
      <c r="KZF24" s="8"/>
      <c r="KZG24" s="8"/>
      <c r="KZH24" s="8"/>
      <c r="KZI24" s="8"/>
      <c r="KZJ24" s="8"/>
      <c r="KZK24" s="8"/>
      <c r="KZL24" s="8"/>
      <c r="KZM24" s="8"/>
      <c r="KZN24" s="8"/>
      <c r="KZO24" s="8"/>
      <c r="KZP24" s="8"/>
      <c r="KZQ24" s="8"/>
      <c r="KZR24" s="8"/>
      <c r="KZS24" s="8"/>
      <c r="KZT24" s="8"/>
      <c r="KZU24" s="8"/>
      <c r="KZV24" s="8"/>
      <c r="KZW24" s="8"/>
      <c r="KZX24" s="8"/>
      <c r="KZY24" s="8"/>
      <c r="KZZ24" s="8"/>
      <c r="LAA24" s="8"/>
      <c r="LAB24" s="8"/>
      <c r="LAC24" s="8"/>
      <c r="LAD24" s="8"/>
      <c r="LAE24" s="8"/>
      <c r="LAF24" s="8"/>
      <c r="LAG24" s="8"/>
      <c r="LAH24" s="8"/>
      <c r="LAI24" s="8"/>
      <c r="LAJ24" s="8"/>
      <c r="LAK24" s="8"/>
      <c r="LAL24" s="8"/>
      <c r="LAM24" s="8"/>
      <c r="LAN24" s="8"/>
      <c r="LAO24" s="8"/>
      <c r="LAP24" s="8"/>
      <c r="LAQ24" s="8"/>
      <c r="LAR24" s="8"/>
      <c r="LAS24" s="8"/>
      <c r="LAT24" s="8"/>
      <c r="LAU24" s="8"/>
      <c r="LAV24" s="8"/>
      <c r="LAW24" s="8"/>
      <c r="LAX24" s="8"/>
      <c r="LAY24" s="8"/>
      <c r="LAZ24" s="8"/>
      <c r="LBA24" s="8"/>
      <c r="LBB24" s="8"/>
      <c r="LBC24" s="8"/>
      <c r="LBD24" s="8"/>
      <c r="LBE24" s="8"/>
      <c r="LBF24" s="8"/>
      <c r="LBG24" s="8"/>
      <c r="LBH24" s="8"/>
      <c r="LBI24" s="8"/>
      <c r="LBJ24" s="8"/>
      <c r="LBK24" s="8"/>
      <c r="LBL24" s="8"/>
      <c r="LBM24" s="8"/>
      <c r="LBN24" s="8"/>
      <c r="LBO24" s="8"/>
      <c r="LBP24" s="8"/>
      <c r="LBQ24" s="8"/>
      <c r="LBR24" s="8"/>
      <c r="LBS24" s="8"/>
      <c r="LBT24" s="8"/>
      <c r="LBU24" s="8"/>
      <c r="LBV24" s="8"/>
      <c r="LBW24" s="8"/>
      <c r="LBX24" s="8"/>
      <c r="LBY24" s="8"/>
      <c r="LBZ24" s="8"/>
      <c r="LCA24" s="8"/>
      <c r="LCB24" s="8"/>
      <c r="LCC24" s="8"/>
      <c r="LCD24" s="8"/>
      <c r="LCE24" s="8"/>
      <c r="LCF24" s="8"/>
      <c r="LCG24" s="8"/>
      <c r="LCH24" s="8"/>
      <c r="LCI24" s="8"/>
      <c r="LCJ24" s="8"/>
      <c r="LCK24" s="8"/>
      <c r="LCL24" s="8"/>
      <c r="LCM24" s="8"/>
      <c r="LCN24" s="8"/>
      <c r="LCO24" s="8"/>
      <c r="LCP24" s="8"/>
      <c r="LCQ24" s="8"/>
      <c r="LCR24" s="8"/>
      <c r="LCS24" s="8"/>
      <c r="LCT24" s="8"/>
      <c r="LCU24" s="8"/>
      <c r="LCV24" s="8"/>
      <c r="LCW24" s="8"/>
      <c r="LCX24" s="8"/>
      <c r="LCY24" s="8"/>
      <c r="LCZ24" s="8"/>
      <c r="LDA24" s="8"/>
      <c r="LDB24" s="8"/>
      <c r="LDC24" s="8"/>
      <c r="LDD24" s="8"/>
      <c r="LDE24" s="8"/>
      <c r="LDF24" s="8"/>
      <c r="LDG24" s="8"/>
      <c r="LDH24" s="8"/>
      <c r="LDI24" s="8"/>
      <c r="LDJ24" s="8"/>
      <c r="LDK24" s="8"/>
      <c r="LDL24" s="8"/>
      <c r="LDM24" s="8"/>
      <c r="LDN24" s="8"/>
      <c r="LDO24" s="8"/>
      <c r="LDP24" s="8"/>
      <c r="LDQ24" s="8"/>
      <c r="LDR24" s="8"/>
      <c r="LDS24" s="8"/>
      <c r="LDT24" s="8"/>
      <c r="LDU24" s="8"/>
      <c r="LDV24" s="8"/>
      <c r="LDW24" s="8"/>
      <c r="LDX24" s="8"/>
      <c r="LDY24" s="8"/>
      <c r="LDZ24" s="8"/>
      <c r="LEA24" s="8"/>
      <c r="LEB24" s="8"/>
      <c r="LEC24" s="8"/>
      <c r="LED24" s="8"/>
      <c r="LEE24" s="8"/>
      <c r="LEF24" s="8"/>
      <c r="LEG24" s="8"/>
      <c r="LEH24" s="8"/>
      <c r="LEI24" s="8"/>
      <c r="LEJ24" s="8"/>
      <c r="LEK24" s="8"/>
      <c r="LEL24" s="8"/>
      <c r="LEM24" s="8"/>
      <c r="LEN24" s="8"/>
      <c r="LEO24" s="8"/>
      <c r="LEP24" s="8"/>
      <c r="LEQ24" s="8"/>
      <c r="LER24" s="8"/>
      <c r="LES24" s="8"/>
      <c r="LET24" s="8"/>
      <c r="LEU24" s="8"/>
      <c r="LEV24" s="8"/>
      <c r="LEW24" s="8"/>
      <c r="LEX24" s="8"/>
      <c r="LEY24" s="8"/>
      <c r="LEZ24" s="8"/>
      <c r="LFA24" s="8"/>
      <c r="LFB24" s="8"/>
      <c r="LFC24" s="8"/>
      <c r="LFD24" s="8"/>
      <c r="LFE24" s="8"/>
      <c r="LFF24" s="8"/>
      <c r="LFG24" s="8"/>
      <c r="LFH24" s="8"/>
      <c r="LFI24" s="8"/>
      <c r="LFJ24" s="8"/>
      <c r="LFK24" s="8"/>
      <c r="LFL24" s="8"/>
      <c r="LFM24" s="8"/>
      <c r="LFN24" s="8"/>
      <c r="LFO24" s="8"/>
      <c r="LFP24" s="8"/>
      <c r="LFQ24" s="8"/>
      <c r="LFR24" s="8"/>
      <c r="LFS24" s="8"/>
      <c r="LFT24" s="8"/>
      <c r="LFU24" s="8"/>
      <c r="LFV24" s="8"/>
      <c r="LFW24" s="8"/>
      <c r="LFX24" s="8"/>
      <c r="LFY24" s="8"/>
      <c r="LFZ24" s="8"/>
      <c r="LGA24" s="8"/>
      <c r="LGB24" s="8"/>
      <c r="LGC24" s="8"/>
      <c r="LGD24" s="8"/>
      <c r="LGE24" s="8"/>
      <c r="LGF24" s="8"/>
      <c r="LGG24" s="8"/>
      <c r="LGH24" s="8"/>
      <c r="LGI24" s="8"/>
      <c r="LGJ24" s="8"/>
      <c r="LGK24" s="8"/>
      <c r="LGL24" s="8"/>
      <c r="LGM24" s="8"/>
      <c r="LGN24" s="8"/>
      <c r="LGO24" s="8"/>
      <c r="LGP24" s="8"/>
      <c r="LGQ24" s="8"/>
      <c r="LGR24" s="8"/>
      <c r="LGS24" s="8"/>
      <c r="LGT24" s="8"/>
      <c r="LGU24" s="8"/>
      <c r="LGV24" s="8"/>
      <c r="LGW24" s="8"/>
      <c r="LGX24" s="8"/>
      <c r="LGY24" s="8"/>
      <c r="LGZ24" s="8"/>
      <c r="LHA24" s="8"/>
      <c r="LHB24" s="8"/>
      <c r="LHC24" s="8"/>
      <c r="LHD24" s="8"/>
      <c r="LHE24" s="8"/>
      <c r="LHF24" s="8"/>
      <c r="LHG24" s="8"/>
      <c r="LHH24" s="8"/>
      <c r="LHI24" s="8"/>
      <c r="LHJ24" s="8"/>
      <c r="LHK24" s="8"/>
      <c r="LHL24" s="8"/>
      <c r="LHM24" s="8"/>
      <c r="LHN24" s="8"/>
      <c r="LHO24" s="8"/>
      <c r="LHP24" s="8"/>
      <c r="LHQ24" s="8"/>
      <c r="LHR24" s="8"/>
      <c r="LHS24" s="8"/>
      <c r="LHT24" s="8"/>
      <c r="LHU24" s="8"/>
      <c r="LHV24" s="8"/>
      <c r="LHW24" s="8"/>
      <c r="LHX24" s="8"/>
      <c r="LHY24" s="8"/>
      <c r="LHZ24" s="8"/>
      <c r="LIA24" s="8"/>
      <c r="LIB24" s="8"/>
      <c r="LIC24" s="8"/>
      <c r="LID24" s="8"/>
      <c r="LIE24" s="8"/>
      <c r="LIF24" s="8"/>
      <c r="LIG24" s="8"/>
      <c r="LIH24" s="8"/>
      <c r="LII24" s="8"/>
      <c r="LIJ24" s="8"/>
      <c r="LIK24" s="8"/>
      <c r="LIL24" s="8"/>
      <c r="LIM24" s="8"/>
      <c r="LIN24" s="8"/>
      <c r="LIO24" s="8"/>
      <c r="LIP24" s="8"/>
      <c r="LIQ24" s="8"/>
      <c r="LIR24" s="8"/>
      <c r="LIS24" s="8"/>
      <c r="LIT24" s="8"/>
      <c r="LIU24" s="8"/>
      <c r="LIV24" s="8"/>
      <c r="LIW24" s="8"/>
      <c r="LIX24" s="8"/>
      <c r="LIY24" s="8"/>
      <c r="LIZ24" s="8"/>
      <c r="LJA24" s="8"/>
      <c r="LJB24" s="8"/>
      <c r="LJC24" s="8"/>
      <c r="LJD24" s="8"/>
      <c r="LJE24" s="8"/>
      <c r="LJF24" s="8"/>
      <c r="LJG24" s="8"/>
      <c r="LJH24" s="8"/>
      <c r="LJI24" s="8"/>
      <c r="LJJ24" s="8"/>
      <c r="LJK24" s="8"/>
      <c r="LJL24" s="8"/>
      <c r="LJM24" s="8"/>
      <c r="LJN24" s="8"/>
      <c r="LJO24" s="8"/>
      <c r="LJP24" s="8"/>
      <c r="LJQ24" s="8"/>
      <c r="LJR24" s="8"/>
      <c r="LJS24" s="8"/>
      <c r="LJT24" s="8"/>
      <c r="LJU24" s="8"/>
      <c r="LJV24" s="8"/>
      <c r="LJW24" s="8"/>
      <c r="LJX24" s="8"/>
      <c r="LJY24" s="8"/>
      <c r="LJZ24" s="8"/>
      <c r="LKA24" s="8"/>
      <c r="LKB24" s="8"/>
      <c r="LKC24" s="8"/>
      <c r="LKD24" s="8"/>
      <c r="LKE24" s="8"/>
      <c r="LKF24" s="8"/>
      <c r="LKG24" s="8"/>
      <c r="LKH24" s="8"/>
      <c r="LKI24" s="8"/>
      <c r="LKJ24" s="8"/>
      <c r="LKK24" s="8"/>
      <c r="LKL24" s="8"/>
      <c r="LKM24" s="8"/>
      <c r="LKN24" s="8"/>
      <c r="LKO24" s="8"/>
      <c r="LKP24" s="8"/>
      <c r="LKQ24" s="8"/>
      <c r="LKR24" s="8"/>
      <c r="LKS24" s="8"/>
      <c r="LKT24" s="8"/>
      <c r="LKU24" s="8"/>
      <c r="LKV24" s="8"/>
      <c r="LKW24" s="8"/>
      <c r="LKX24" s="8"/>
      <c r="LKY24" s="8"/>
      <c r="LKZ24" s="8"/>
      <c r="LLA24" s="8"/>
      <c r="LLB24" s="8"/>
      <c r="LLC24" s="8"/>
      <c r="LLD24" s="8"/>
      <c r="LLE24" s="8"/>
      <c r="LLF24" s="8"/>
      <c r="LLG24" s="8"/>
      <c r="LLH24" s="8"/>
      <c r="LLI24" s="8"/>
      <c r="LLJ24" s="8"/>
      <c r="LLK24" s="8"/>
      <c r="LLL24" s="8"/>
      <c r="LLM24" s="8"/>
      <c r="LLN24" s="8"/>
      <c r="LLO24" s="8"/>
      <c r="LLP24" s="8"/>
      <c r="LLQ24" s="8"/>
      <c r="LLR24" s="8"/>
      <c r="LLS24" s="8"/>
      <c r="LLT24" s="8"/>
      <c r="LLU24" s="8"/>
      <c r="LLV24" s="8"/>
      <c r="LLW24" s="8"/>
      <c r="LLX24" s="8"/>
      <c r="LLY24" s="8"/>
      <c r="LLZ24" s="8"/>
      <c r="LMA24" s="8"/>
      <c r="LMB24" s="8"/>
      <c r="LMC24" s="8"/>
      <c r="LMD24" s="8"/>
      <c r="LME24" s="8"/>
      <c r="LMF24" s="8"/>
      <c r="LMG24" s="8"/>
      <c r="LMH24" s="8"/>
      <c r="LMI24" s="8"/>
      <c r="LMJ24" s="8"/>
      <c r="LMK24" s="8"/>
      <c r="LML24" s="8"/>
      <c r="LMM24" s="8"/>
      <c r="LMN24" s="8"/>
      <c r="LMO24" s="8"/>
      <c r="LMP24" s="8"/>
      <c r="LMQ24" s="8"/>
      <c r="LMR24" s="8"/>
      <c r="LMS24" s="8"/>
      <c r="LMT24" s="8"/>
      <c r="LMU24" s="8"/>
      <c r="LMV24" s="8"/>
      <c r="LMW24" s="8"/>
      <c r="LMX24" s="8"/>
      <c r="LMY24" s="8"/>
      <c r="LMZ24" s="8"/>
      <c r="LNA24" s="8"/>
      <c r="LNB24" s="8"/>
      <c r="LNC24" s="8"/>
      <c r="LND24" s="8"/>
      <c r="LNE24" s="8"/>
      <c r="LNF24" s="8"/>
      <c r="LNG24" s="8"/>
      <c r="LNH24" s="8"/>
      <c r="LNI24" s="8"/>
      <c r="LNJ24" s="8"/>
      <c r="LNK24" s="8"/>
      <c r="LNL24" s="8"/>
      <c r="LNM24" s="8"/>
      <c r="LNN24" s="8"/>
      <c r="LNO24" s="8"/>
      <c r="LNP24" s="8"/>
      <c r="LNQ24" s="8"/>
      <c r="LNR24" s="8"/>
      <c r="LNS24" s="8"/>
      <c r="LNT24" s="8"/>
      <c r="LNU24" s="8"/>
      <c r="LNV24" s="8"/>
      <c r="LNW24" s="8"/>
      <c r="LNX24" s="8"/>
      <c r="LNY24" s="8"/>
      <c r="LNZ24" s="8"/>
      <c r="LOA24" s="8"/>
      <c r="LOB24" s="8"/>
      <c r="LOC24" s="8"/>
      <c r="LOD24" s="8"/>
      <c r="LOE24" s="8"/>
      <c r="LOF24" s="8"/>
      <c r="LOG24" s="8"/>
      <c r="LOH24" s="8"/>
      <c r="LOI24" s="8"/>
      <c r="LOJ24" s="8"/>
      <c r="LOK24" s="8"/>
      <c r="LOL24" s="8"/>
      <c r="LOM24" s="8"/>
      <c r="LON24" s="8"/>
      <c r="LOO24" s="8"/>
      <c r="LOP24" s="8"/>
      <c r="LOQ24" s="8"/>
      <c r="LOR24" s="8"/>
      <c r="LOS24" s="8"/>
      <c r="LOT24" s="8"/>
      <c r="LOU24" s="8"/>
      <c r="LOV24" s="8"/>
      <c r="LOW24" s="8"/>
      <c r="LOX24" s="8"/>
      <c r="LOY24" s="8"/>
      <c r="LOZ24" s="8"/>
      <c r="LPA24" s="8"/>
      <c r="LPB24" s="8"/>
      <c r="LPC24" s="8"/>
      <c r="LPD24" s="8"/>
      <c r="LPE24" s="8"/>
      <c r="LPF24" s="8"/>
      <c r="LPG24" s="8"/>
      <c r="LPH24" s="8"/>
      <c r="LPI24" s="8"/>
      <c r="LPJ24" s="8"/>
      <c r="LPK24" s="8"/>
      <c r="LPL24" s="8"/>
      <c r="LPM24" s="8"/>
      <c r="LPN24" s="8"/>
      <c r="LPO24" s="8"/>
      <c r="LPP24" s="8"/>
      <c r="LPQ24" s="8"/>
      <c r="LPR24" s="8"/>
      <c r="LPS24" s="8"/>
      <c r="LPT24" s="8"/>
      <c r="LPU24" s="8"/>
      <c r="LPV24" s="8"/>
      <c r="LPW24" s="8"/>
      <c r="LPX24" s="8"/>
      <c r="LPY24" s="8"/>
      <c r="LPZ24" s="8"/>
      <c r="LQA24" s="8"/>
      <c r="LQB24" s="8"/>
      <c r="LQC24" s="8"/>
      <c r="LQD24" s="8"/>
      <c r="LQE24" s="8"/>
      <c r="LQF24" s="8"/>
      <c r="LQG24" s="8"/>
      <c r="LQH24" s="8"/>
      <c r="LQI24" s="8"/>
      <c r="LQJ24" s="8"/>
      <c r="LQK24" s="8"/>
      <c r="LQL24" s="8"/>
      <c r="LQM24" s="8"/>
      <c r="LQN24" s="8"/>
      <c r="LQO24" s="8"/>
      <c r="LQP24" s="8"/>
      <c r="LQQ24" s="8"/>
      <c r="LQR24" s="8"/>
      <c r="LQS24" s="8"/>
      <c r="LQT24" s="8"/>
      <c r="LQU24" s="8"/>
      <c r="LQV24" s="8"/>
      <c r="LQW24" s="8"/>
      <c r="LQX24" s="8"/>
      <c r="LQY24" s="8"/>
      <c r="LQZ24" s="8"/>
      <c r="LRA24" s="8"/>
      <c r="LRB24" s="8"/>
      <c r="LRC24" s="8"/>
      <c r="LRD24" s="8"/>
      <c r="LRE24" s="8"/>
      <c r="LRF24" s="8"/>
      <c r="LRG24" s="8"/>
      <c r="LRH24" s="8"/>
      <c r="LRI24" s="8"/>
      <c r="LRJ24" s="8"/>
      <c r="LRK24" s="8"/>
      <c r="LRL24" s="8"/>
      <c r="LRM24" s="8"/>
      <c r="LRN24" s="8"/>
      <c r="LRO24" s="8"/>
      <c r="LRP24" s="8"/>
      <c r="LRQ24" s="8"/>
      <c r="LRR24" s="8"/>
      <c r="LRS24" s="8"/>
      <c r="LRT24" s="8"/>
      <c r="LRU24" s="8"/>
      <c r="LRV24" s="8"/>
      <c r="LRW24" s="8"/>
      <c r="LRX24" s="8"/>
      <c r="LRY24" s="8"/>
      <c r="LRZ24" s="8"/>
      <c r="LSA24" s="8"/>
      <c r="LSB24" s="8"/>
      <c r="LSC24" s="8"/>
      <c r="LSD24" s="8"/>
      <c r="LSE24" s="8"/>
      <c r="LSF24" s="8"/>
      <c r="LSG24" s="8"/>
      <c r="LSH24" s="8"/>
      <c r="LSI24" s="8"/>
      <c r="LSJ24" s="8"/>
      <c r="LSK24" s="8"/>
      <c r="LSL24" s="8"/>
      <c r="LSM24" s="8"/>
      <c r="LSN24" s="8"/>
      <c r="LSO24" s="8"/>
      <c r="LSP24" s="8"/>
      <c r="LSQ24" s="8"/>
      <c r="LSR24" s="8"/>
      <c r="LSS24" s="8"/>
      <c r="LST24" s="8"/>
      <c r="LSU24" s="8"/>
      <c r="LSV24" s="8"/>
      <c r="LSW24" s="8"/>
      <c r="LSX24" s="8"/>
      <c r="LSY24" s="8"/>
      <c r="LSZ24" s="8"/>
      <c r="LTA24" s="8"/>
      <c r="LTB24" s="8"/>
      <c r="LTC24" s="8"/>
      <c r="LTD24" s="8"/>
      <c r="LTE24" s="8"/>
      <c r="LTF24" s="8"/>
      <c r="LTG24" s="8"/>
      <c r="LTH24" s="8"/>
      <c r="LTI24" s="8"/>
      <c r="LTJ24" s="8"/>
      <c r="LTK24" s="8"/>
      <c r="LTL24" s="8"/>
      <c r="LTM24" s="8"/>
      <c r="LTN24" s="8"/>
      <c r="LTO24" s="8"/>
      <c r="LTP24" s="8"/>
      <c r="LTQ24" s="8"/>
      <c r="LTR24" s="8"/>
      <c r="LTS24" s="8"/>
      <c r="LTT24" s="8"/>
      <c r="LTU24" s="8"/>
      <c r="LTV24" s="8"/>
      <c r="LTW24" s="8"/>
      <c r="LTX24" s="8"/>
      <c r="LTY24" s="8"/>
      <c r="LTZ24" s="8"/>
      <c r="LUA24" s="8"/>
      <c r="LUB24" s="8"/>
      <c r="LUC24" s="8"/>
      <c r="LUD24" s="8"/>
      <c r="LUE24" s="8"/>
      <c r="LUF24" s="8"/>
      <c r="LUG24" s="8"/>
      <c r="LUH24" s="8"/>
      <c r="LUI24" s="8"/>
      <c r="LUJ24" s="8"/>
      <c r="LUK24" s="8"/>
      <c r="LUL24" s="8"/>
      <c r="LUM24" s="8"/>
      <c r="LUN24" s="8"/>
      <c r="LUO24" s="8"/>
      <c r="LUP24" s="8"/>
      <c r="LUQ24" s="8"/>
      <c r="LUR24" s="8"/>
      <c r="LUS24" s="8"/>
      <c r="LUT24" s="8"/>
      <c r="LUU24" s="8"/>
      <c r="LUV24" s="8"/>
      <c r="LUW24" s="8"/>
      <c r="LUX24" s="8"/>
      <c r="LUY24" s="8"/>
      <c r="LUZ24" s="8"/>
      <c r="LVA24" s="8"/>
      <c r="LVB24" s="8"/>
      <c r="LVC24" s="8"/>
      <c r="LVD24" s="8"/>
      <c r="LVE24" s="8"/>
      <c r="LVF24" s="8"/>
      <c r="LVG24" s="8"/>
      <c r="LVH24" s="8"/>
      <c r="LVI24" s="8"/>
      <c r="LVJ24" s="8"/>
      <c r="LVK24" s="8"/>
      <c r="LVL24" s="8"/>
      <c r="LVM24" s="8"/>
      <c r="LVN24" s="8"/>
      <c r="LVO24" s="8"/>
      <c r="LVP24" s="8"/>
      <c r="LVQ24" s="8"/>
      <c r="LVR24" s="8"/>
      <c r="LVS24" s="8"/>
      <c r="LVT24" s="8"/>
      <c r="LVU24" s="8"/>
      <c r="LVV24" s="8"/>
      <c r="LVW24" s="8"/>
      <c r="LVX24" s="8"/>
      <c r="LVY24" s="8"/>
      <c r="LVZ24" s="8"/>
      <c r="LWA24" s="8"/>
      <c r="LWB24" s="8"/>
      <c r="LWC24" s="8"/>
      <c r="LWD24" s="8"/>
      <c r="LWE24" s="8"/>
      <c r="LWF24" s="8"/>
      <c r="LWG24" s="8"/>
      <c r="LWH24" s="8"/>
      <c r="LWI24" s="8"/>
      <c r="LWJ24" s="8"/>
      <c r="LWK24" s="8"/>
      <c r="LWL24" s="8"/>
      <c r="LWM24" s="8"/>
      <c r="LWN24" s="8"/>
      <c r="LWO24" s="8"/>
      <c r="LWP24" s="8"/>
      <c r="LWQ24" s="8"/>
      <c r="LWR24" s="8"/>
      <c r="LWS24" s="8"/>
      <c r="LWT24" s="8"/>
      <c r="LWU24" s="8"/>
      <c r="LWV24" s="8"/>
      <c r="LWW24" s="8"/>
      <c r="LWX24" s="8"/>
      <c r="LWY24" s="8"/>
      <c r="LWZ24" s="8"/>
      <c r="LXA24" s="8"/>
      <c r="LXB24" s="8"/>
      <c r="LXC24" s="8"/>
      <c r="LXD24" s="8"/>
      <c r="LXE24" s="8"/>
      <c r="LXF24" s="8"/>
      <c r="LXG24" s="8"/>
      <c r="LXH24" s="8"/>
      <c r="LXI24" s="8"/>
      <c r="LXJ24" s="8"/>
      <c r="LXK24" s="8"/>
      <c r="LXL24" s="8"/>
      <c r="LXM24" s="8"/>
      <c r="LXN24" s="8"/>
      <c r="LXO24" s="8"/>
      <c r="LXP24" s="8"/>
      <c r="LXQ24" s="8"/>
      <c r="LXR24" s="8"/>
      <c r="LXS24" s="8"/>
      <c r="LXT24" s="8"/>
      <c r="LXU24" s="8"/>
      <c r="LXV24" s="8"/>
      <c r="LXW24" s="8"/>
      <c r="LXX24" s="8"/>
      <c r="LXY24" s="8"/>
      <c r="LXZ24" s="8"/>
      <c r="LYA24" s="8"/>
      <c r="LYB24" s="8"/>
      <c r="LYC24" s="8"/>
      <c r="LYD24" s="8"/>
      <c r="LYE24" s="8"/>
      <c r="LYF24" s="8"/>
      <c r="LYG24" s="8"/>
      <c r="LYH24" s="8"/>
      <c r="LYI24" s="8"/>
      <c r="LYJ24" s="8"/>
      <c r="LYK24" s="8"/>
      <c r="LYL24" s="8"/>
      <c r="LYM24" s="8"/>
      <c r="LYN24" s="8"/>
      <c r="LYO24" s="8"/>
      <c r="LYP24" s="8"/>
      <c r="LYQ24" s="8"/>
      <c r="LYR24" s="8"/>
      <c r="LYS24" s="8"/>
      <c r="LYT24" s="8"/>
      <c r="LYU24" s="8"/>
      <c r="LYV24" s="8"/>
      <c r="LYW24" s="8"/>
      <c r="LYX24" s="8"/>
      <c r="LYY24" s="8"/>
      <c r="LYZ24" s="8"/>
      <c r="LZA24" s="8"/>
      <c r="LZB24" s="8"/>
      <c r="LZC24" s="8"/>
      <c r="LZD24" s="8"/>
      <c r="LZE24" s="8"/>
      <c r="LZF24" s="8"/>
      <c r="LZG24" s="8"/>
      <c r="LZH24" s="8"/>
      <c r="LZI24" s="8"/>
      <c r="LZJ24" s="8"/>
      <c r="LZK24" s="8"/>
      <c r="LZL24" s="8"/>
      <c r="LZM24" s="8"/>
      <c r="LZN24" s="8"/>
      <c r="LZO24" s="8"/>
      <c r="LZP24" s="8"/>
      <c r="LZQ24" s="8"/>
      <c r="LZR24" s="8"/>
      <c r="LZS24" s="8"/>
      <c r="LZT24" s="8"/>
      <c r="LZU24" s="8"/>
      <c r="LZV24" s="8"/>
      <c r="LZW24" s="8"/>
      <c r="LZX24" s="8"/>
      <c r="LZY24" s="8"/>
      <c r="LZZ24" s="8"/>
      <c r="MAA24" s="8"/>
      <c r="MAB24" s="8"/>
      <c r="MAC24" s="8"/>
      <c r="MAD24" s="8"/>
      <c r="MAE24" s="8"/>
      <c r="MAF24" s="8"/>
      <c r="MAG24" s="8"/>
      <c r="MAH24" s="8"/>
      <c r="MAI24" s="8"/>
      <c r="MAJ24" s="8"/>
      <c r="MAK24" s="8"/>
      <c r="MAL24" s="8"/>
      <c r="MAM24" s="8"/>
      <c r="MAN24" s="8"/>
      <c r="MAO24" s="8"/>
      <c r="MAP24" s="8"/>
      <c r="MAQ24" s="8"/>
      <c r="MAR24" s="8"/>
      <c r="MAS24" s="8"/>
      <c r="MAT24" s="8"/>
      <c r="MAU24" s="8"/>
      <c r="MAV24" s="8"/>
      <c r="MAW24" s="8"/>
      <c r="MAX24" s="8"/>
      <c r="MAY24" s="8"/>
      <c r="MAZ24" s="8"/>
      <c r="MBA24" s="8"/>
      <c r="MBB24" s="8"/>
      <c r="MBC24" s="8"/>
      <c r="MBD24" s="8"/>
      <c r="MBE24" s="8"/>
      <c r="MBF24" s="8"/>
      <c r="MBG24" s="8"/>
      <c r="MBH24" s="8"/>
      <c r="MBI24" s="8"/>
      <c r="MBJ24" s="8"/>
      <c r="MBK24" s="8"/>
      <c r="MBL24" s="8"/>
      <c r="MBM24" s="8"/>
      <c r="MBN24" s="8"/>
      <c r="MBO24" s="8"/>
      <c r="MBP24" s="8"/>
      <c r="MBQ24" s="8"/>
      <c r="MBR24" s="8"/>
      <c r="MBS24" s="8"/>
      <c r="MBT24" s="8"/>
      <c r="MBU24" s="8"/>
      <c r="MBV24" s="8"/>
      <c r="MBW24" s="8"/>
      <c r="MBX24" s="8"/>
      <c r="MBY24" s="8"/>
      <c r="MBZ24" s="8"/>
      <c r="MCA24" s="8"/>
      <c r="MCB24" s="8"/>
      <c r="MCC24" s="8"/>
      <c r="MCD24" s="8"/>
      <c r="MCE24" s="8"/>
      <c r="MCF24" s="8"/>
      <c r="MCG24" s="8"/>
      <c r="MCH24" s="8"/>
      <c r="MCI24" s="8"/>
      <c r="MCJ24" s="8"/>
      <c r="MCK24" s="8"/>
      <c r="MCL24" s="8"/>
      <c r="MCM24" s="8"/>
      <c r="MCN24" s="8"/>
      <c r="MCO24" s="8"/>
      <c r="MCP24" s="8"/>
      <c r="MCQ24" s="8"/>
      <c r="MCR24" s="8"/>
      <c r="MCS24" s="8"/>
      <c r="MCT24" s="8"/>
      <c r="MCU24" s="8"/>
      <c r="MCV24" s="8"/>
      <c r="MCW24" s="8"/>
      <c r="MCX24" s="8"/>
      <c r="MCY24" s="8"/>
      <c r="MCZ24" s="8"/>
      <c r="MDA24" s="8"/>
      <c r="MDB24" s="8"/>
      <c r="MDC24" s="8"/>
      <c r="MDD24" s="8"/>
      <c r="MDE24" s="8"/>
      <c r="MDF24" s="8"/>
      <c r="MDG24" s="8"/>
      <c r="MDH24" s="8"/>
      <c r="MDI24" s="8"/>
      <c r="MDJ24" s="8"/>
      <c r="MDK24" s="8"/>
      <c r="MDL24" s="8"/>
      <c r="MDM24" s="8"/>
      <c r="MDN24" s="8"/>
      <c r="MDO24" s="8"/>
      <c r="MDP24" s="8"/>
      <c r="MDQ24" s="8"/>
      <c r="MDR24" s="8"/>
      <c r="MDS24" s="8"/>
      <c r="MDT24" s="8"/>
      <c r="MDU24" s="8"/>
      <c r="MDV24" s="8"/>
      <c r="MDW24" s="8"/>
      <c r="MDX24" s="8"/>
      <c r="MDY24" s="8"/>
      <c r="MDZ24" s="8"/>
      <c r="MEA24" s="8"/>
      <c r="MEB24" s="8"/>
      <c r="MEC24" s="8"/>
      <c r="MED24" s="8"/>
      <c r="MEE24" s="8"/>
      <c r="MEF24" s="8"/>
      <c r="MEG24" s="8"/>
      <c r="MEH24" s="8"/>
      <c r="MEI24" s="8"/>
      <c r="MEJ24" s="8"/>
      <c r="MEK24" s="8"/>
      <c r="MEL24" s="8"/>
      <c r="MEM24" s="8"/>
      <c r="MEN24" s="8"/>
      <c r="MEO24" s="8"/>
      <c r="MEP24" s="8"/>
      <c r="MEQ24" s="8"/>
      <c r="MER24" s="8"/>
      <c r="MES24" s="8"/>
      <c r="MET24" s="8"/>
      <c r="MEU24" s="8"/>
      <c r="MEV24" s="8"/>
      <c r="MEW24" s="8"/>
      <c r="MEX24" s="8"/>
      <c r="MEY24" s="8"/>
      <c r="MEZ24" s="8"/>
      <c r="MFA24" s="8"/>
      <c r="MFB24" s="8"/>
      <c r="MFC24" s="8"/>
      <c r="MFD24" s="8"/>
      <c r="MFE24" s="8"/>
      <c r="MFF24" s="8"/>
      <c r="MFG24" s="8"/>
      <c r="MFH24" s="8"/>
      <c r="MFI24" s="8"/>
      <c r="MFJ24" s="8"/>
      <c r="MFK24" s="8"/>
      <c r="MFL24" s="8"/>
      <c r="MFM24" s="8"/>
      <c r="MFN24" s="8"/>
      <c r="MFO24" s="8"/>
      <c r="MFP24" s="8"/>
      <c r="MFQ24" s="8"/>
      <c r="MFR24" s="8"/>
      <c r="MFS24" s="8"/>
      <c r="MFT24" s="8"/>
      <c r="MFU24" s="8"/>
      <c r="MFV24" s="8"/>
      <c r="MFW24" s="8"/>
      <c r="MFX24" s="8"/>
      <c r="MFY24" s="8"/>
      <c r="MFZ24" s="8"/>
      <c r="MGA24" s="8"/>
      <c r="MGB24" s="8"/>
      <c r="MGC24" s="8"/>
      <c r="MGD24" s="8"/>
      <c r="MGE24" s="8"/>
      <c r="MGF24" s="8"/>
      <c r="MGG24" s="8"/>
      <c r="MGH24" s="8"/>
      <c r="MGI24" s="8"/>
      <c r="MGJ24" s="8"/>
      <c r="MGK24" s="8"/>
      <c r="MGL24" s="8"/>
      <c r="MGM24" s="8"/>
      <c r="MGN24" s="8"/>
      <c r="MGO24" s="8"/>
      <c r="MGP24" s="8"/>
      <c r="MGQ24" s="8"/>
      <c r="MGR24" s="8"/>
      <c r="MGS24" s="8"/>
      <c r="MGT24" s="8"/>
      <c r="MGU24" s="8"/>
      <c r="MGV24" s="8"/>
      <c r="MGW24" s="8"/>
      <c r="MGX24" s="8"/>
      <c r="MGY24" s="8"/>
      <c r="MGZ24" s="8"/>
      <c r="MHA24" s="8"/>
      <c r="MHB24" s="8"/>
      <c r="MHC24" s="8"/>
      <c r="MHD24" s="8"/>
      <c r="MHE24" s="8"/>
      <c r="MHF24" s="8"/>
      <c r="MHG24" s="8"/>
      <c r="MHH24" s="8"/>
      <c r="MHI24" s="8"/>
      <c r="MHJ24" s="8"/>
      <c r="MHK24" s="8"/>
      <c r="MHL24" s="8"/>
      <c r="MHM24" s="8"/>
      <c r="MHN24" s="8"/>
      <c r="MHO24" s="8"/>
      <c r="MHP24" s="8"/>
      <c r="MHQ24" s="8"/>
      <c r="MHR24" s="8"/>
      <c r="MHS24" s="8"/>
      <c r="MHT24" s="8"/>
      <c r="MHU24" s="8"/>
      <c r="MHV24" s="8"/>
      <c r="MHW24" s="8"/>
      <c r="MHX24" s="8"/>
      <c r="MHY24" s="8"/>
      <c r="MHZ24" s="8"/>
      <c r="MIA24" s="8"/>
      <c r="MIB24" s="8"/>
      <c r="MIC24" s="8"/>
      <c r="MID24" s="8"/>
      <c r="MIE24" s="8"/>
      <c r="MIF24" s="8"/>
      <c r="MIG24" s="8"/>
      <c r="MIH24" s="8"/>
      <c r="MII24" s="8"/>
      <c r="MIJ24" s="8"/>
      <c r="MIK24" s="8"/>
      <c r="MIL24" s="8"/>
      <c r="MIM24" s="8"/>
      <c r="MIN24" s="8"/>
      <c r="MIO24" s="8"/>
      <c r="MIP24" s="8"/>
      <c r="MIQ24" s="8"/>
      <c r="MIR24" s="8"/>
      <c r="MIS24" s="8"/>
      <c r="MIT24" s="8"/>
      <c r="MIU24" s="8"/>
      <c r="MIV24" s="8"/>
      <c r="MIW24" s="8"/>
      <c r="MIX24" s="8"/>
      <c r="MIY24" s="8"/>
      <c r="MIZ24" s="8"/>
      <c r="MJA24" s="8"/>
      <c r="MJB24" s="8"/>
      <c r="MJC24" s="8"/>
      <c r="MJD24" s="8"/>
      <c r="MJE24" s="8"/>
      <c r="MJF24" s="8"/>
      <c r="MJG24" s="8"/>
      <c r="MJH24" s="8"/>
      <c r="MJI24" s="8"/>
      <c r="MJJ24" s="8"/>
      <c r="MJK24" s="8"/>
      <c r="MJL24" s="8"/>
      <c r="MJM24" s="8"/>
      <c r="MJN24" s="8"/>
      <c r="MJO24" s="8"/>
      <c r="MJP24" s="8"/>
      <c r="MJQ24" s="8"/>
      <c r="MJR24" s="8"/>
      <c r="MJS24" s="8"/>
      <c r="MJT24" s="8"/>
      <c r="MJU24" s="8"/>
      <c r="MJV24" s="8"/>
      <c r="MJW24" s="8"/>
      <c r="MJX24" s="8"/>
      <c r="MJY24" s="8"/>
      <c r="MJZ24" s="8"/>
      <c r="MKA24" s="8"/>
      <c r="MKB24" s="8"/>
      <c r="MKC24" s="8"/>
      <c r="MKD24" s="8"/>
      <c r="MKE24" s="8"/>
      <c r="MKF24" s="8"/>
      <c r="MKG24" s="8"/>
      <c r="MKH24" s="8"/>
      <c r="MKI24" s="8"/>
      <c r="MKJ24" s="8"/>
      <c r="MKK24" s="8"/>
      <c r="MKL24" s="8"/>
      <c r="MKM24" s="8"/>
      <c r="MKN24" s="8"/>
      <c r="MKO24" s="8"/>
      <c r="MKP24" s="8"/>
      <c r="MKQ24" s="8"/>
      <c r="MKR24" s="8"/>
      <c r="MKS24" s="8"/>
      <c r="MKT24" s="8"/>
      <c r="MKU24" s="8"/>
      <c r="MKV24" s="8"/>
      <c r="MKW24" s="8"/>
      <c r="MKX24" s="8"/>
      <c r="MKY24" s="8"/>
      <c r="MKZ24" s="8"/>
      <c r="MLA24" s="8"/>
      <c r="MLB24" s="8"/>
      <c r="MLC24" s="8"/>
      <c r="MLD24" s="8"/>
      <c r="MLE24" s="8"/>
      <c r="MLF24" s="8"/>
      <c r="MLG24" s="8"/>
      <c r="MLH24" s="8"/>
      <c r="MLI24" s="8"/>
      <c r="MLJ24" s="8"/>
      <c r="MLK24" s="8"/>
      <c r="MLL24" s="8"/>
      <c r="MLM24" s="8"/>
      <c r="MLN24" s="8"/>
      <c r="MLO24" s="8"/>
      <c r="MLP24" s="8"/>
      <c r="MLQ24" s="8"/>
      <c r="MLR24" s="8"/>
      <c r="MLS24" s="8"/>
      <c r="MLT24" s="8"/>
      <c r="MLU24" s="8"/>
      <c r="MLV24" s="8"/>
      <c r="MLW24" s="8"/>
      <c r="MLX24" s="8"/>
      <c r="MLY24" s="8"/>
      <c r="MLZ24" s="8"/>
      <c r="MMA24" s="8"/>
      <c r="MMB24" s="8"/>
      <c r="MMC24" s="8"/>
      <c r="MMD24" s="8"/>
      <c r="MME24" s="8"/>
      <c r="MMF24" s="8"/>
      <c r="MMG24" s="8"/>
      <c r="MMH24" s="8"/>
      <c r="MMI24" s="8"/>
      <c r="MMJ24" s="8"/>
      <c r="MMK24" s="8"/>
      <c r="MML24" s="8"/>
      <c r="MMM24" s="8"/>
      <c r="MMN24" s="8"/>
      <c r="MMO24" s="8"/>
      <c r="MMP24" s="8"/>
      <c r="MMQ24" s="8"/>
      <c r="MMR24" s="8"/>
      <c r="MMS24" s="8"/>
      <c r="MMT24" s="8"/>
      <c r="MMU24" s="8"/>
      <c r="MMV24" s="8"/>
      <c r="MMW24" s="8"/>
      <c r="MMX24" s="8"/>
      <c r="MMY24" s="8"/>
      <c r="MMZ24" s="8"/>
      <c r="MNA24" s="8"/>
      <c r="MNB24" s="8"/>
      <c r="MNC24" s="8"/>
      <c r="MND24" s="8"/>
      <c r="MNE24" s="8"/>
      <c r="MNF24" s="8"/>
      <c r="MNG24" s="8"/>
      <c r="MNH24" s="8"/>
      <c r="MNI24" s="8"/>
      <c r="MNJ24" s="8"/>
      <c r="MNK24" s="8"/>
      <c r="MNL24" s="8"/>
      <c r="MNM24" s="8"/>
      <c r="MNN24" s="8"/>
      <c r="MNO24" s="8"/>
      <c r="MNP24" s="8"/>
      <c r="MNQ24" s="8"/>
      <c r="MNR24" s="8"/>
      <c r="MNS24" s="8"/>
      <c r="MNT24" s="8"/>
      <c r="MNU24" s="8"/>
      <c r="MNV24" s="8"/>
      <c r="MNW24" s="8"/>
      <c r="MNX24" s="8"/>
      <c r="MNY24" s="8"/>
      <c r="MNZ24" s="8"/>
      <c r="MOA24" s="8"/>
      <c r="MOB24" s="8"/>
      <c r="MOC24" s="8"/>
      <c r="MOD24" s="8"/>
      <c r="MOE24" s="8"/>
      <c r="MOF24" s="8"/>
      <c r="MOG24" s="8"/>
      <c r="MOH24" s="8"/>
      <c r="MOI24" s="8"/>
      <c r="MOJ24" s="8"/>
      <c r="MOK24" s="8"/>
      <c r="MOL24" s="8"/>
      <c r="MOM24" s="8"/>
      <c r="MON24" s="8"/>
      <c r="MOO24" s="8"/>
      <c r="MOP24" s="8"/>
      <c r="MOQ24" s="8"/>
      <c r="MOR24" s="8"/>
      <c r="MOS24" s="8"/>
      <c r="MOT24" s="8"/>
      <c r="MOU24" s="8"/>
      <c r="MOV24" s="8"/>
      <c r="MOW24" s="8"/>
      <c r="MOX24" s="8"/>
      <c r="MOY24" s="8"/>
      <c r="MOZ24" s="8"/>
      <c r="MPA24" s="8"/>
      <c r="MPB24" s="8"/>
      <c r="MPC24" s="8"/>
      <c r="MPD24" s="8"/>
      <c r="MPE24" s="8"/>
      <c r="MPF24" s="8"/>
      <c r="MPG24" s="8"/>
      <c r="MPH24" s="8"/>
      <c r="MPI24" s="8"/>
      <c r="MPJ24" s="8"/>
      <c r="MPK24" s="8"/>
      <c r="MPL24" s="8"/>
      <c r="MPM24" s="8"/>
      <c r="MPN24" s="8"/>
      <c r="MPO24" s="8"/>
      <c r="MPP24" s="8"/>
      <c r="MPQ24" s="8"/>
      <c r="MPR24" s="8"/>
      <c r="MPS24" s="8"/>
      <c r="MPT24" s="8"/>
      <c r="MPU24" s="8"/>
      <c r="MPV24" s="8"/>
      <c r="MPW24" s="8"/>
      <c r="MPX24" s="8"/>
      <c r="MPY24" s="8"/>
      <c r="MPZ24" s="8"/>
      <c r="MQA24" s="8"/>
      <c r="MQB24" s="8"/>
      <c r="MQC24" s="8"/>
      <c r="MQD24" s="8"/>
      <c r="MQE24" s="8"/>
      <c r="MQF24" s="8"/>
      <c r="MQG24" s="8"/>
      <c r="MQH24" s="8"/>
      <c r="MQI24" s="8"/>
      <c r="MQJ24" s="8"/>
      <c r="MQK24" s="8"/>
      <c r="MQL24" s="8"/>
      <c r="MQM24" s="8"/>
      <c r="MQN24" s="8"/>
      <c r="MQO24" s="8"/>
      <c r="MQP24" s="8"/>
      <c r="MQQ24" s="8"/>
      <c r="MQR24" s="8"/>
      <c r="MQS24" s="8"/>
      <c r="MQT24" s="8"/>
      <c r="MQU24" s="8"/>
      <c r="MQV24" s="8"/>
      <c r="MQW24" s="8"/>
      <c r="MQX24" s="8"/>
      <c r="MQY24" s="8"/>
      <c r="MQZ24" s="8"/>
      <c r="MRA24" s="8"/>
      <c r="MRB24" s="8"/>
      <c r="MRC24" s="8"/>
      <c r="MRD24" s="8"/>
      <c r="MRE24" s="8"/>
      <c r="MRF24" s="8"/>
      <c r="MRG24" s="8"/>
      <c r="MRH24" s="8"/>
      <c r="MRI24" s="8"/>
      <c r="MRJ24" s="8"/>
      <c r="MRK24" s="8"/>
      <c r="MRL24" s="8"/>
      <c r="MRM24" s="8"/>
      <c r="MRN24" s="8"/>
      <c r="MRO24" s="8"/>
      <c r="MRP24" s="8"/>
      <c r="MRQ24" s="8"/>
      <c r="MRR24" s="8"/>
      <c r="MRS24" s="8"/>
      <c r="MRT24" s="8"/>
      <c r="MRU24" s="8"/>
      <c r="MRV24" s="8"/>
      <c r="MRW24" s="8"/>
      <c r="MRX24" s="8"/>
      <c r="MRY24" s="8"/>
      <c r="MRZ24" s="8"/>
      <c r="MSA24" s="8"/>
      <c r="MSB24" s="8"/>
      <c r="MSC24" s="8"/>
      <c r="MSD24" s="8"/>
      <c r="MSE24" s="8"/>
      <c r="MSF24" s="8"/>
      <c r="MSG24" s="8"/>
      <c r="MSH24" s="8"/>
      <c r="MSI24" s="8"/>
      <c r="MSJ24" s="8"/>
      <c r="MSK24" s="8"/>
      <c r="MSL24" s="8"/>
      <c r="MSM24" s="8"/>
      <c r="MSN24" s="8"/>
      <c r="MSO24" s="8"/>
      <c r="MSP24" s="8"/>
      <c r="MSQ24" s="8"/>
      <c r="MSR24" s="8"/>
      <c r="MSS24" s="8"/>
      <c r="MST24" s="8"/>
      <c r="MSU24" s="8"/>
      <c r="MSV24" s="8"/>
      <c r="MSW24" s="8"/>
      <c r="MSX24" s="8"/>
      <c r="MSY24" s="8"/>
      <c r="MSZ24" s="8"/>
      <c r="MTA24" s="8"/>
      <c r="MTB24" s="8"/>
      <c r="MTC24" s="8"/>
      <c r="MTD24" s="8"/>
      <c r="MTE24" s="8"/>
      <c r="MTF24" s="8"/>
      <c r="MTG24" s="8"/>
      <c r="MTH24" s="8"/>
      <c r="MTI24" s="8"/>
      <c r="MTJ24" s="8"/>
      <c r="MTK24" s="8"/>
      <c r="MTL24" s="8"/>
      <c r="MTM24" s="8"/>
      <c r="MTN24" s="8"/>
      <c r="MTO24" s="8"/>
      <c r="MTP24" s="8"/>
      <c r="MTQ24" s="8"/>
      <c r="MTR24" s="8"/>
      <c r="MTS24" s="8"/>
      <c r="MTT24" s="8"/>
      <c r="MTU24" s="8"/>
      <c r="MTV24" s="8"/>
      <c r="MTW24" s="8"/>
      <c r="MTX24" s="8"/>
      <c r="MTY24" s="8"/>
      <c r="MTZ24" s="8"/>
      <c r="MUA24" s="8"/>
      <c r="MUB24" s="8"/>
      <c r="MUC24" s="8"/>
      <c r="MUD24" s="8"/>
      <c r="MUE24" s="8"/>
      <c r="MUF24" s="8"/>
      <c r="MUG24" s="8"/>
      <c r="MUH24" s="8"/>
      <c r="MUI24" s="8"/>
      <c r="MUJ24" s="8"/>
      <c r="MUK24" s="8"/>
      <c r="MUL24" s="8"/>
      <c r="MUM24" s="8"/>
      <c r="MUN24" s="8"/>
      <c r="MUO24" s="8"/>
      <c r="MUP24" s="8"/>
      <c r="MUQ24" s="8"/>
      <c r="MUR24" s="8"/>
      <c r="MUS24" s="8"/>
      <c r="MUT24" s="8"/>
      <c r="MUU24" s="8"/>
      <c r="MUV24" s="8"/>
      <c r="MUW24" s="8"/>
      <c r="MUX24" s="8"/>
      <c r="MUY24" s="8"/>
      <c r="MUZ24" s="8"/>
      <c r="MVA24" s="8"/>
      <c r="MVB24" s="8"/>
      <c r="MVC24" s="8"/>
      <c r="MVD24" s="8"/>
      <c r="MVE24" s="8"/>
      <c r="MVF24" s="8"/>
      <c r="MVG24" s="8"/>
      <c r="MVH24" s="8"/>
      <c r="MVI24" s="8"/>
      <c r="MVJ24" s="8"/>
      <c r="MVK24" s="8"/>
      <c r="MVL24" s="8"/>
      <c r="MVM24" s="8"/>
      <c r="MVN24" s="8"/>
      <c r="MVO24" s="8"/>
      <c r="MVP24" s="8"/>
      <c r="MVQ24" s="8"/>
      <c r="MVR24" s="8"/>
      <c r="MVS24" s="8"/>
      <c r="MVT24" s="8"/>
      <c r="MVU24" s="8"/>
      <c r="MVV24" s="8"/>
      <c r="MVW24" s="8"/>
      <c r="MVX24" s="8"/>
      <c r="MVY24" s="8"/>
      <c r="MVZ24" s="8"/>
      <c r="MWA24" s="8"/>
      <c r="MWB24" s="8"/>
      <c r="MWC24" s="8"/>
      <c r="MWD24" s="8"/>
      <c r="MWE24" s="8"/>
      <c r="MWF24" s="8"/>
      <c r="MWG24" s="8"/>
      <c r="MWH24" s="8"/>
      <c r="MWI24" s="8"/>
      <c r="MWJ24" s="8"/>
      <c r="MWK24" s="8"/>
      <c r="MWL24" s="8"/>
      <c r="MWM24" s="8"/>
      <c r="MWN24" s="8"/>
      <c r="MWO24" s="8"/>
      <c r="MWP24" s="8"/>
      <c r="MWQ24" s="8"/>
      <c r="MWR24" s="8"/>
      <c r="MWS24" s="8"/>
      <c r="MWT24" s="8"/>
      <c r="MWU24" s="8"/>
      <c r="MWV24" s="8"/>
      <c r="MWW24" s="8"/>
      <c r="MWX24" s="8"/>
      <c r="MWY24" s="8"/>
      <c r="MWZ24" s="8"/>
      <c r="MXA24" s="8"/>
      <c r="MXB24" s="8"/>
      <c r="MXC24" s="8"/>
      <c r="MXD24" s="8"/>
      <c r="MXE24" s="8"/>
      <c r="MXF24" s="8"/>
      <c r="MXG24" s="8"/>
      <c r="MXH24" s="8"/>
      <c r="MXI24" s="8"/>
      <c r="MXJ24" s="8"/>
      <c r="MXK24" s="8"/>
      <c r="MXL24" s="8"/>
      <c r="MXM24" s="8"/>
      <c r="MXN24" s="8"/>
      <c r="MXO24" s="8"/>
      <c r="MXP24" s="8"/>
      <c r="MXQ24" s="8"/>
      <c r="MXR24" s="8"/>
      <c r="MXS24" s="8"/>
      <c r="MXT24" s="8"/>
      <c r="MXU24" s="8"/>
      <c r="MXV24" s="8"/>
      <c r="MXW24" s="8"/>
      <c r="MXX24" s="8"/>
      <c r="MXY24" s="8"/>
      <c r="MXZ24" s="8"/>
      <c r="MYA24" s="8"/>
      <c r="MYB24" s="8"/>
      <c r="MYC24" s="8"/>
      <c r="MYD24" s="8"/>
      <c r="MYE24" s="8"/>
      <c r="MYF24" s="8"/>
      <c r="MYG24" s="8"/>
      <c r="MYH24" s="8"/>
      <c r="MYI24" s="8"/>
      <c r="MYJ24" s="8"/>
      <c r="MYK24" s="8"/>
      <c r="MYL24" s="8"/>
      <c r="MYM24" s="8"/>
      <c r="MYN24" s="8"/>
      <c r="MYO24" s="8"/>
      <c r="MYP24" s="8"/>
      <c r="MYQ24" s="8"/>
      <c r="MYR24" s="8"/>
      <c r="MYS24" s="8"/>
      <c r="MYT24" s="8"/>
      <c r="MYU24" s="8"/>
      <c r="MYV24" s="8"/>
      <c r="MYW24" s="8"/>
      <c r="MYX24" s="8"/>
      <c r="MYY24" s="8"/>
      <c r="MYZ24" s="8"/>
      <c r="MZA24" s="8"/>
      <c r="MZB24" s="8"/>
      <c r="MZC24" s="8"/>
      <c r="MZD24" s="8"/>
      <c r="MZE24" s="8"/>
      <c r="MZF24" s="8"/>
      <c r="MZG24" s="8"/>
      <c r="MZH24" s="8"/>
      <c r="MZI24" s="8"/>
      <c r="MZJ24" s="8"/>
      <c r="MZK24" s="8"/>
      <c r="MZL24" s="8"/>
      <c r="MZM24" s="8"/>
      <c r="MZN24" s="8"/>
      <c r="MZO24" s="8"/>
      <c r="MZP24" s="8"/>
      <c r="MZQ24" s="8"/>
      <c r="MZR24" s="8"/>
      <c r="MZS24" s="8"/>
      <c r="MZT24" s="8"/>
      <c r="MZU24" s="8"/>
      <c r="MZV24" s="8"/>
      <c r="MZW24" s="8"/>
      <c r="MZX24" s="8"/>
      <c r="MZY24" s="8"/>
      <c r="MZZ24" s="8"/>
      <c r="NAA24" s="8"/>
      <c r="NAB24" s="8"/>
      <c r="NAC24" s="8"/>
      <c r="NAD24" s="8"/>
      <c r="NAE24" s="8"/>
      <c r="NAF24" s="8"/>
      <c r="NAG24" s="8"/>
      <c r="NAH24" s="8"/>
      <c r="NAI24" s="8"/>
      <c r="NAJ24" s="8"/>
      <c r="NAK24" s="8"/>
      <c r="NAL24" s="8"/>
      <c r="NAM24" s="8"/>
      <c r="NAN24" s="8"/>
      <c r="NAO24" s="8"/>
      <c r="NAP24" s="8"/>
      <c r="NAQ24" s="8"/>
      <c r="NAR24" s="8"/>
      <c r="NAS24" s="8"/>
      <c r="NAT24" s="8"/>
      <c r="NAU24" s="8"/>
      <c r="NAV24" s="8"/>
      <c r="NAW24" s="8"/>
      <c r="NAX24" s="8"/>
      <c r="NAY24" s="8"/>
      <c r="NAZ24" s="8"/>
      <c r="NBA24" s="8"/>
      <c r="NBB24" s="8"/>
      <c r="NBC24" s="8"/>
      <c r="NBD24" s="8"/>
      <c r="NBE24" s="8"/>
      <c r="NBF24" s="8"/>
      <c r="NBG24" s="8"/>
      <c r="NBH24" s="8"/>
      <c r="NBI24" s="8"/>
      <c r="NBJ24" s="8"/>
      <c r="NBK24" s="8"/>
      <c r="NBL24" s="8"/>
      <c r="NBM24" s="8"/>
      <c r="NBN24" s="8"/>
      <c r="NBO24" s="8"/>
      <c r="NBP24" s="8"/>
      <c r="NBQ24" s="8"/>
      <c r="NBR24" s="8"/>
      <c r="NBS24" s="8"/>
      <c r="NBT24" s="8"/>
      <c r="NBU24" s="8"/>
      <c r="NBV24" s="8"/>
      <c r="NBW24" s="8"/>
      <c r="NBX24" s="8"/>
      <c r="NBY24" s="8"/>
      <c r="NBZ24" s="8"/>
      <c r="NCA24" s="8"/>
      <c r="NCB24" s="8"/>
      <c r="NCC24" s="8"/>
      <c r="NCD24" s="8"/>
      <c r="NCE24" s="8"/>
      <c r="NCF24" s="8"/>
      <c r="NCG24" s="8"/>
      <c r="NCH24" s="8"/>
      <c r="NCI24" s="8"/>
      <c r="NCJ24" s="8"/>
      <c r="NCK24" s="8"/>
      <c r="NCL24" s="8"/>
      <c r="NCM24" s="8"/>
      <c r="NCN24" s="8"/>
      <c r="NCO24" s="8"/>
      <c r="NCP24" s="8"/>
      <c r="NCQ24" s="8"/>
      <c r="NCR24" s="8"/>
      <c r="NCS24" s="8"/>
      <c r="NCT24" s="8"/>
      <c r="NCU24" s="8"/>
      <c r="NCV24" s="8"/>
      <c r="NCW24" s="8"/>
      <c r="NCX24" s="8"/>
      <c r="NCY24" s="8"/>
      <c r="NCZ24" s="8"/>
      <c r="NDA24" s="8"/>
      <c r="NDB24" s="8"/>
      <c r="NDC24" s="8"/>
      <c r="NDD24" s="8"/>
      <c r="NDE24" s="8"/>
      <c r="NDF24" s="8"/>
      <c r="NDG24" s="8"/>
      <c r="NDH24" s="8"/>
      <c r="NDI24" s="8"/>
      <c r="NDJ24" s="8"/>
      <c r="NDK24" s="8"/>
      <c r="NDL24" s="8"/>
      <c r="NDM24" s="8"/>
      <c r="NDN24" s="8"/>
      <c r="NDO24" s="8"/>
      <c r="NDP24" s="8"/>
      <c r="NDQ24" s="8"/>
      <c r="NDR24" s="8"/>
      <c r="NDS24" s="8"/>
      <c r="NDT24" s="8"/>
      <c r="NDU24" s="8"/>
      <c r="NDV24" s="8"/>
      <c r="NDW24" s="8"/>
      <c r="NDX24" s="8"/>
      <c r="NDY24" s="8"/>
      <c r="NDZ24" s="8"/>
      <c r="NEA24" s="8"/>
      <c r="NEB24" s="8"/>
      <c r="NEC24" s="8"/>
      <c r="NED24" s="8"/>
      <c r="NEE24" s="8"/>
      <c r="NEF24" s="8"/>
      <c r="NEG24" s="8"/>
      <c r="NEH24" s="8"/>
      <c r="NEI24" s="8"/>
      <c r="NEJ24" s="8"/>
      <c r="NEK24" s="8"/>
      <c r="NEL24" s="8"/>
      <c r="NEM24" s="8"/>
      <c r="NEN24" s="8"/>
      <c r="NEO24" s="8"/>
      <c r="NEP24" s="8"/>
      <c r="NEQ24" s="8"/>
      <c r="NER24" s="8"/>
      <c r="NES24" s="8"/>
      <c r="NET24" s="8"/>
      <c r="NEU24" s="8"/>
      <c r="NEV24" s="8"/>
      <c r="NEW24" s="8"/>
      <c r="NEX24" s="8"/>
      <c r="NEY24" s="8"/>
      <c r="NEZ24" s="8"/>
      <c r="NFA24" s="8"/>
      <c r="NFB24" s="8"/>
      <c r="NFC24" s="8"/>
      <c r="NFD24" s="8"/>
      <c r="NFE24" s="8"/>
      <c r="NFF24" s="8"/>
      <c r="NFG24" s="8"/>
      <c r="NFH24" s="8"/>
      <c r="NFI24" s="8"/>
      <c r="NFJ24" s="8"/>
      <c r="NFK24" s="8"/>
      <c r="NFL24" s="8"/>
      <c r="NFM24" s="8"/>
      <c r="NFN24" s="8"/>
      <c r="NFO24" s="8"/>
      <c r="NFP24" s="8"/>
      <c r="NFQ24" s="8"/>
      <c r="NFR24" s="8"/>
      <c r="NFS24" s="8"/>
      <c r="NFT24" s="8"/>
      <c r="NFU24" s="8"/>
      <c r="NFV24" s="8"/>
      <c r="NFW24" s="8"/>
      <c r="NFX24" s="8"/>
      <c r="NFY24" s="8"/>
      <c r="NFZ24" s="8"/>
      <c r="NGA24" s="8"/>
      <c r="NGB24" s="8"/>
      <c r="NGC24" s="8"/>
      <c r="NGD24" s="8"/>
      <c r="NGE24" s="8"/>
      <c r="NGF24" s="8"/>
      <c r="NGG24" s="8"/>
      <c r="NGH24" s="8"/>
      <c r="NGI24" s="8"/>
      <c r="NGJ24" s="8"/>
      <c r="NGK24" s="8"/>
      <c r="NGL24" s="8"/>
      <c r="NGM24" s="8"/>
      <c r="NGN24" s="8"/>
      <c r="NGO24" s="8"/>
      <c r="NGP24" s="8"/>
      <c r="NGQ24" s="8"/>
      <c r="NGR24" s="8"/>
      <c r="NGS24" s="8"/>
      <c r="NGT24" s="8"/>
      <c r="NGU24" s="8"/>
      <c r="NGV24" s="8"/>
      <c r="NGW24" s="8"/>
      <c r="NGX24" s="8"/>
      <c r="NGY24" s="8"/>
      <c r="NGZ24" s="8"/>
      <c r="NHA24" s="8"/>
      <c r="NHB24" s="8"/>
      <c r="NHC24" s="8"/>
      <c r="NHD24" s="8"/>
      <c r="NHE24" s="8"/>
      <c r="NHF24" s="8"/>
      <c r="NHG24" s="8"/>
      <c r="NHH24" s="8"/>
      <c r="NHI24" s="8"/>
      <c r="NHJ24" s="8"/>
      <c r="NHK24" s="8"/>
      <c r="NHL24" s="8"/>
      <c r="NHM24" s="8"/>
      <c r="NHN24" s="8"/>
      <c r="NHO24" s="8"/>
      <c r="NHP24" s="8"/>
      <c r="NHQ24" s="8"/>
      <c r="NHR24" s="8"/>
      <c r="NHS24" s="8"/>
      <c r="NHT24" s="8"/>
      <c r="NHU24" s="8"/>
      <c r="NHV24" s="8"/>
      <c r="NHW24" s="8"/>
      <c r="NHX24" s="8"/>
      <c r="NHY24" s="8"/>
      <c r="NHZ24" s="8"/>
      <c r="NIA24" s="8"/>
      <c r="NIB24" s="8"/>
      <c r="NIC24" s="8"/>
      <c r="NID24" s="8"/>
      <c r="NIE24" s="8"/>
      <c r="NIF24" s="8"/>
      <c r="NIG24" s="8"/>
      <c r="NIH24" s="8"/>
      <c r="NII24" s="8"/>
      <c r="NIJ24" s="8"/>
      <c r="NIK24" s="8"/>
      <c r="NIL24" s="8"/>
      <c r="NIM24" s="8"/>
      <c r="NIN24" s="8"/>
      <c r="NIO24" s="8"/>
      <c r="NIP24" s="8"/>
      <c r="NIQ24" s="8"/>
      <c r="NIR24" s="8"/>
      <c r="NIS24" s="8"/>
      <c r="NIT24" s="8"/>
      <c r="NIU24" s="8"/>
      <c r="NIV24" s="8"/>
      <c r="NIW24" s="8"/>
      <c r="NIX24" s="8"/>
      <c r="NIY24" s="8"/>
      <c r="NIZ24" s="8"/>
      <c r="NJA24" s="8"/>
      <c r="NJB24" s="8"/>
      <c r="NJC24" s="8"/>
      <c r="NJD24" s="8"/>
      <c r="NJE24" s="8"/>
      <c r="NJF24" s="8"/>
      <c r="NJG24" s="8"/>
      <c r="NJH24" s="8"/>
      <c r="NJI24" s="8"/>
      <c r="NJJ24" s="8"/>
      <c r="NJK24" s="8"/>
      <c r="NJL24" s="8"/>
      <c r="NJM24" s="8"/>
      <c r="NJN24" s="8"/>
      <c r="NJO24" s="8"/>
      <c r="NJP24" s="8"/>
      <c r="NJQ24" s="8"/>
      <c r="NJR24" s="8"/>
      <c r="NJS24" s="8"/>
      <c r="NJT24" s="8"/>
      <c r="NJU24" s="8"/>
      <c r="NJV24" s="8"/>
      <c r="NJW24" s="8"/>
      <c r="NJX24" s="8"/>
      <c r="NJY24" s="8"/>
      <c r="NJZ24" s="8"/>
      <c r="NKA24" s="8"/>
      <c r="NKB24" s="8"/>
      <c r="NKC24" s="8"/>
      <c r="NKD24" s="8"/>
      <c r="NKE24" s="8"/>
      <c r="NKF24" s="8"/>
      <c r="NKG24" s="8"/>
      <c r="NKH24" s="8"/>
      <c r="NKI24" s="8"/>
      <c r="NKJ24" s="8"/>
      <c r="NKK24" s="8"/>
      <c r="NKL24" s="8"/>
      <c r="NKM24" s="8"/>
      <c r="NKN24" s="8"/>
      <c r="NKO24" s="8"/>
      <c r="NKP24" s="8"/>
      <c r="NKQ24" s="8"/>
      <c r="NKR24" s="8"/>
      <c r="NKS24" s="8"/>
      <c r="NKT24" s="8"/>
      <c r="NKU24" s="8"/>
      <c r="NKV24" s="8"/>
      <c r="NKW24" s="8"/>
      <c r="NKX24" s="8"/>
      <c r="NKY24" s="8"/>
      <c r="NKZ24" s="8"/>
      <c r="NLA24" s="8"/>
      <c r="NLB24" s="8"/>
      <c r="NLC24" s="8"/>
      <c r="NLD24" s="8"/>
      <c r="NLE24" s="8"/>
      <c r="NLF24" s="8"/>
      <c r="NLG24" s="8"/>
      <c r="NLH24" s="8"/>
      <c r="NLI24" s="8"/>
      <c r="NLJ24" s="8"/>
      <c r="NLK24" s="8"/>
      <c r="NLL24" s="8"/>
      <c r="NLM24" s="8"/>
      <c r="NLN24" s="8"/>
      <c r="NLO24" s="8"/>
      <c r="NLP24" s="8"/>
      <c r="NLQ24" s="8"/>
      <c r="NLR24" s="8"/>
      <c r="NLS24" s="8"/>
      <c r="NLT24" s="8"/>
      <c r="NLU24" s="8"/>
      <c r="NLV24" s="8"/>
      <c r="NLW24" s="8"/>
      <c r="NLX24" s="8"/>
      <c r="NLY24" s="8"/>
      <c r="NLZ24" s="8"/>
      <c r="NMA24" s="8"/>
      <c r="NMB24" s="8"/>
      <c r="NMC24" s="8"/>
      <c r="NMD24" s="8"/>
      <c r="NME24" s="8"/>
      <c r="NMF24" s="8"/>
      <c r="NMG24" s="8"/>
      <c r="NMH24" s="8"/>
      <c r="NMI24" s="8"/>
      <c r="NMJ24" s="8"/>
      <c r="NMK24" s="8"/>
      <c r="NML24" s="8"/>
      <c r="NMM24" s="8"/>
      <c r="NMN24" s="8"/>
      <c r="NMO24" s="8"/>
      <c r="NMP24" s="8"/>
      <c r="NMQ24" s="8"/>
      <c r="NMR24" s="8"/>
      <c r="NMS24" s="8"/>
      <c r="NMT24" s="8"/>
      <c r="NMU24" s="8"/>
      <c r="NMV24" s="8"/>
      <c r="NMW24" s="8"/>
      <c r="NMX24" s="8"/>
      <c r="NMY24" s="8"/>
      <c r="NMZ24" s="8"/>
      <c r="NNA24" s="8"/>
      <c r="NNB24" s="8"/>
      <c r="NNC24" s="8"/>
      <c r="NND24" s="8"/>
      <c r="NNE24" s="8"/>
      <c r="NNF24" s="8"/>
      <c r="NNG24" s="8"/>
      <c r="NNH24" s="8"/>
      <c r="NNI24" s="8"/>
      <c r="NNJ24" s="8"/>
      <c r="NNK24" s="8"/>
      <c r="NNL24" s="8"/>
      <c r="NNM24" s="8"/>
      <c r="NNN24" s="8"/>
      <c r="NNO24" s="8"/>
      <c r="NNP24" s="8"/>
      <c r="NNQ24" s="8"/>
      <c r="NNR24" s="8"/>
      <c r="NNS24" s="8"/>
      <c r="NNT24" s="8"/>
      <c r="NNU24" s="8"/>
      <c r="NNV24" s="8"/>
      <c r="NNW24" s="8"/>
      <c r="NNX24" s="8"/>
      <c r="NNY24" s="8"/>
      <c r="NNZ24" s="8"/>
      <c r="NOA24" s="8"/>
      <c r="NOB24" s="8"/>
      <c r="NOC24" s="8"/>
      <c r="NOD24" s="8"/>
      <c r="NOE24" s="8"/>
      <c r="NOF24" s="8"/>
      <c r="NOG24" s="8"/>
      <c r="NOH24" s="8"/>
      <c r="NOI24" s="8"/>
      <c r="NOJ24" s="8"/>
      <c r="NOK24" s="8"/>
      <c r="NOL24" s="8"/>
      <c r="NOM24" s="8"/>
      <c r="NON24" s="8"/>
      <c r="NOO24" s="8"/>
      <c r="NOP24" s="8"/>
      <c r="NOQ24" s="8"/>
      <c r="NOR24" s="8"/>
      <c r="NOS24" s="8"/>
      <c r="NOT24" s="8"/>
      <c r="NOU24" s="8"/>
      <c r="NOV24" s="8"/>
      <c r="NOW24" s="8"/>
      <c r="NOX24" s="8"/>
      <c r="NOY24" s="8"/>
      <c r="NOZ24" s="8"/>
      <c r="NPA24" s="8"/>
      <c r="NPB24" s="8"/>
      <c r="NPC24" s="8"/>
      <c r="NPD24" s="8"/>
      <c r="NPE24" s="8"/>
      <c r="NPF24" s="8"/>
      <c r="NPG24" s="8"/>
      <c r="NPH24" s="8"/>
      <c r="NPI24" s="8"/>
      <c r="NPJ24" s="8"/>
      <c r="NPK24" s="8"/>
      <c r="NPL24" s="8"/>
      <c r="NPM24" s="8"/>
      <c r="NPN24" s="8"/>
      <c r="NPO24" s="8"/>
      <c r="NPP24" s="8"/>
      <c r="NPQ24" s="8"/>
      <c r="NPR24" s="8"/>
      <c r="NPS24" s="8"/>
      <c r="NPT24" s="8"/>
      <c r="NPU24" s="8"/>
      <c r="NPV24" s="8"/>
      <c r="NPW24" s="8"/>
      <c r="NPX24" s="8"/>
      <c r="NPY24" s="8"/>
      <c r="NPZ24" s="8"/>
      <c r="NQA24" s="8"/>
      <c r="NQB24" s="8"/>
      <c r="NQC24" s="8"/>
      <c r="NQD24" s="8"/>
      <c r="NQE24" s="8"/>
      <c r="NQF24" s="8"/>
      <c r="NQG24" s="8"/>
      <c r="NQH24" s="8"/>
      <c r="NQI24" s="8"/>
      <c r="NQJ24" s="8"/>
      <c r="NQK24" s="8"/>
      <c r="NQL24" s="8"/>
      <c r="NQM24" s="8"/>
      <c r="NQN24" s="8"/>
      <c r="NQO24" s="8"/>
      <c r="NQP24" s="8"/>
      <c r="NQQ24" s="8"/>
      <c r="NQR24" s="8"/>
      <c r="NQS24" s="8"/>
      <c r="NQT24" s="8"/>
      <c r="NQU24" s="8"/>
      <c r="NQV24" s="8"/>
      <c r="NQW24" s="8"/>
      <c r="NQX24" s="8"/>
      <c r="NQY24" s="8"/>
      <c r="NQZ24" s="8"/>
      <c r="NRA24" s="8"/>
      <c r="NRB24" s="8"/>
      <c r="NRC24" s="8"/>
      <c r="NRD24" s="8"/>
      <c r="NRE24" s="8"/>
      <c r="NRF24" s="8"/>
      <c r="NRG24" s="8"/>
      <c r="NRH24" s="8"/>
      <c r="NRI24" s="8"/>
      <c r="NRJ24" s="8"/>
      <c r="NRK24" s="8"/>
      <c r="NRL24" s="8"/>
      <c r="NRM24" s="8"/>
      <c r="NRN24" s="8"/>
      <c r="NRO24" s="8"/>
      <c r="NRP24" s="8"/>
      <c r="NRQ24" s="8"/>
      <c r="NRR24" s="8"/>
      <c r="NRS24" s="8"/>
      <c r="NRT24" s="8"/>
      <c r="NRU24" s="8"/>
      <c r="NRV24" s="8"/>
      <c r="NRW24" s="8"/>
      <c r="NRX24" s="8"/>
      <c r="NRY24" s="8"/>
      <c r="NRZ24" s="8"/>
      <c r="NSA24" s="8"/>
      <c r="NSB24" s="8"/>
      <c r="NSC24" s="8"/>
      <c r="NSD24" s="8"/>
      <c r="NSE24" s="8"/>
      <c r="NSF24" s="8"/>
      <c r="NSG24" s="8"/>
      <c r="NSH24" s="8"/>
      <c r="NSI24" s="8"/>
      <c r="NSJ24" s="8"/>
      <c r="NSK24" s="8"/>
      <c r="NSL24" s="8"/>
      <c r="NSM24" s="8"/>
      <c r="NSN24" s="8"/>
      <c r="NSO24" s="8"/>
      <c r="NSP24" s="8"/>
      <c r="NSQ24" s="8"/>
      <c r="NSR24" s="8"/>
      <c r="NSS24" s="8"/>
      <c r="NST24" s="8"/>
      <c r="NSU24" s="8"/>
      <c r="NSV24" s="8"/>
      <c r="NSW24" s="8"/>
      <c r="NSX24" s="8"/>
      <c r="NSY24" s="8"/>
      <c r="NSZ24" s="8"/>
      <c r="NTA24" s="8"/>
      <c r="NTB24" s="8"/>
      <c r="NTC24" s="8"/>
      <c r="NTD24" s="8"/>
      <c r="NTE24" s="8"/>
      <c r="NTF24" s="8"/>
      <c r="NTG24" s="8"/>
      <c r="NTH24" s="8"/>
      <c r="NTI24" s="8"/>
      <c r="NTJ24" s="8"/>
      <c r="NTK24" s="8"/>
      <c r="NTL24" s="8"/>
      <c r="NTM24" s="8"/>
      <c r="NTN24" s="8"/>
      <c r="NTO24" s="8"/>
      <c r="NTP24" s="8"/>
      <c r="NTQ24" s="8"/>
      <c r="NTR24" s="8"/>
      <c r="NTS24" s="8"/>
      <c r="NTT24" s="8"/>
      <c r="NTU24" s="8"/>
      <c r="NTV24" s="8"/>
      <c r="NTW24" s="8"/>
      <c r="NTX24" s="8"/>
      <c r="NTY24" s="8"/>
      <c r="NTZ24" s="8"/>
      <c r="NUA24" s="8"/>
      <c r="NUB24" s="8"/>
      <c r="NUC24" s="8"/>
      <c r="NUD24" s="8"/>
      <c r="NUE24" s="8"/>
      <c r="NUF24" s="8"/>
      <c r="NUG24" s="8"/>
      <c r="NUH24" s="8"/>
      <c r="NUI24" s="8"/>
      <c r="NUJ24" s="8"/>
      <c r="NUK24" s="8"/>
      <c r="NUL24" s="8"/>
      <c r="NUM24" s="8"/>
      <c r="NUN24" s="8"/>
      <c r="NUO24" s="8"/>
      <c r="NUP24" s="8"/>
      <c r="NUQ24" s="8"/>
      <c r="NUR24" s="8"/>
      <c r="NUS24" s="8"/>
      <c r="NUT24" s="8"/>
      <c r="NUU24" s="8"/>
      <c r="NUV24" s="8"/>
      <c r="NUW24" s="8"/>
      <c r="NUX24" s="8"/>
      <c r="NUY24" s="8"/>
      <c r="NUZ24" s="8"/>
      <c r="NVA24" s="8"/>
      <c r="NVB24" s="8"/>
      <c r="NVC24" s="8"/>
      <c r="NVD24" s="8"/>
      <c r="NVE24" s="8"/>
      <c r="NVF24" s="8"/>
      <c r="NVG24" s="8"/>
      <c r="NVH24" s="8"/>
      <c r="NVI24" s="8"/>
      <c r="NVJ24" s="8"/>
      <c r="NVK24" s="8"/>
      <c r="NVL24" s="8"/>
      <c r="NVM24" s="8"/>
      <c r="NVN24" s="8"/>
      <c r="NVO24" s="8"/>
      <c r="NVP24" s="8"/>
      <c r="NVQ24" s="8"/>
      <c r="NVR24" s="8"/>
      <c r="NVS24" s="8"/>
      <c r="NVT24" s="8"/>
      <c r="NVU24" s="8"/>
      <c r="NVV24" s="8"/>
      <c r="NVW24" s="8"/>
      <c r="NVX24" s="8"/>
      <c r="NVY24" s="8"/>
      <c r="NVZ24" s="8"/>
      <c r="NWA24" s="8"/>
      <c r="NWB24" s="8"/>
      <c r="NWC24" s="8"/>
      <c r="NWD24" s="8"/>
      <c r="NWE24" s="8"/>
      <c r="NWF24" s="8"/>
      <c r="NWG24" s="8"/>
      <c r="NWH24" s="8"/>
      <c r="NWI24" s="8"/>
      <c r="NWJ24" s="8"/>
      <c r="NWK24" s="8"/>
      <c r="NWL24" s="8"/>
      <c r="NWM24" s="8"/>
      <c r="NWN24" s="8"/>
      <c r="NWO24" s="8"/>
      <c r="NWP24" s="8"/>
      <c r="NWQ24" s="8"/>
      <c r="NWR24" s="8"/>
      <c r="NWS24" s="8"/>
      <c r="NWT24" s="8"/>
      <c r="NWU24" s="8"/>
      <c r="NWV24" s="8"/>
      <c r="NWW24" s="8"/>
      <c r="NWX24" s="8"/>
      <c r="NWY24" s="8"/>
      <c r="NWZ24" s="8"/>
      <c r="NXA24" s="8"/>
      <c r="NXB24" s="8"/>
      <c r="NXC24" s="8"/>
      <c r="NXD24" s="8"/>
      <c r="NXE24" s="8"/>
      <c r="NXF24" s="8"/>
      <c r="NXG24" s="8"/>
      <c r="NXH24" s="8"/>
      <c r="NXI24" s="8"/>
      <c r="NXJ24" s="8"/>
      <c r="NXK24" s="8"/>
      <c r="NXL24" s="8"/>
      <c r="NXM24" s="8"/>
      <c r="NXN24" s="8"/>
      <c r="NXO24" s="8"/>
      <c r="NXP24" s="8"/>
      <c r="NXQ24" s="8"/>
      <c r="NXR24" s="8"/>
      <c r="NXS24" s="8"/>
      <c r="NXT24" s="8"/>
      <c r="NXU24" s="8"/>
      <c r="NXV24" s="8"/>
      <c r="NXW24" s="8"/>
      <c r="NXX24" s="8"/>
      <c r="NXY24" s="8"/>
      <c r="NXZ24" s="8"/>
      <c r="NYA24" s="8"/>
      <c r="NYB24" s="8"/>
      <c r="NYC24" s="8"/>
      <c r="NYD24" s="8"/>
      <c r="NYE24" s="8"/>
      <c r="NYF24" s="8"/>
      <c r="NYG24" s="8"/>
      <c r="NYH24" s="8"/>
      <c r="NYI24" s="8"/>
      <c r="NYJ24" s="8"/>
      <c r="NYK24" s="8"/>
      <c r="NYL24" s="8"/>
      <c r="NYM24" s="8"/>
      <c r="NYN24" s="8"/>
      <c r="NYO24" s="8"/>
      <c r="NYP24" s="8"/>
      <c r="NYQ24" s="8"/>
      <c r="NYR24" s="8"/>
      <c r="NYS24" s="8"/>
      <c r="NYT24" s="8"/>
      <c r="NYU24" s="8"/>
      <c r="NYV24" s="8"/>
      <c r="NYW24" s="8"/>
      <c r="NYX24" s="8"/>
      <c r="NYY24" s="8"/>
      <c r="NYZ24" s="8"/>
      <c r="NZA24" s="8"/>
      <c r="NZB24" s="8"/>
      <c r="NZC24" s="8"/>
      <c r="NZD24" s="8"/>
      <c r="NZE24" s="8"/>
      <c r="NZF24" s="8"/>
      <c r="NZG24" s="8"/>
      <c r="NZH24" s="8"/>
      <c r="NZI24" s="8"/>
      <c r="NZJ24" s="8"/>
      <c r="NZK24" s="8"/>
      <c r="NZL24" s="8"/>
      <c r="NZM24" s="8"/>
      <c r="NZN24" s="8"/>
      <c r="NZO24" s="8"/>
      <c r="NZP24" s="8"/>
      <c r="NZQ24" s="8"/>
      <c r="NZR24" s="8"/>
      <c r="NZS24" s="8"/>
      <c r="NZT24" s="8"/>
      <c r="NZU24" s="8"/>
      <c r="NZV24" s="8"/>
      <c r="NZW24" s="8"/>
      <c r="NZX24" s="8"/>
      <c r="NZY24" s="8"/>
      <c r="NZZ24" s="8"/>
      <c r="OAA24" s="8"/>
      <c r="OAB24" s="8"/>
      <c r="OAC24" s="8"/>
      <c r="OAD24" s="8"/>
      <c r="OAE24" s="8"/>
      <c r="OAF24" s="8"/>
      <c r="OAG24" s="8"/>
      <c r="OAH24" s="8"/>
      <c r="OAI24" s="8"/>
      <c r="OAJ24" s="8"/>
      <c r="OAK24" s="8"/>
      <c r="OAL24" s="8"/>
      <c r="OAM24" s="8"/>
      <c r="OAN24" s="8"/>
      <c r="OAO24" s="8"/>
      <c r="OAP24" s="8"/>
      <c r="OAQ24" s="8"/>
      <c r="OAR24" s="8"/>
      <c r="OAS24" s="8"/>
      <c r="OAT24" s="8"/>
      <c r="OAU24" s="8"/>
      <c r="OAV24" s="8"/>
      <c r="OAW24" s="8"/>
      <c r="OAX24" s="8"/>
      <c r="OAY24" s="8"/>
      <c r="OAZ24" s="8"/>
      <c r="OBA24" s="8"/>
      <c r="OBB24" s="8"/>
      <c r="OBC24" s="8"/>
      <c r="OBD24" s="8"/>
      <c r="OBE24" s="8"/>
      <c r="OBF24" s="8"/>
      <c r="OBG24" s="8"/>
      <c r="OBH24" s="8"/>
      <c r="OBI24" s="8"/>
      <c r="OBJ24" s="8"/>
      <c r="OBK24" s="8"/>
      <c r="OBL24" s="8"/>
      <c r="OBM24" s="8"/>
      <c r="OBN24" s="8"/>
      <c r="OBO24" s="8"/>
      <c r="OBP24" s="8"/>
      <c r="OBQ24" s="8"/>
      <c r="OBR24" s="8"/>
      <c r="OBS24" s="8"/>
      <c r="OBT24" s="8"/>
      <c r="OBU24" s="8"/>
      <c r="OBV24" s="8"/>
      <c r="OBW24" s="8"/>
      <c r="OBX24" s="8"/>
      <c r="OBY24" s="8"/>
      <c r="OBZ24" s="8"/>
      <c r="OCA24" s="8"/>
      <c r="OCB24" s="8"/>
      <c r="OCC24" s="8"/>
      <c r="OCD24" s="8"/>
      <c r="OCE24" s="8"/>
      <c r="OCF24" s="8"/>
      <c r="OCG24" s="8"/>
      <c r="OCH24" s="8"/>
      <c r="OCI24" s="8"/>
      <c r="OCJ24" s="8"/>
      <c r="OCK24" s="8"/>
      <c r="OCL24" s="8"/>
      <c r="OCM24" s="8"/>
      <c r="OCN24" s="8"/>
      <c r="OCO24" s="8"/>
      <c r="OCP24" s="8"/>
      <c r="OCQ24" s="8"/>
      <c r="OCR24" s="8"/>
      <c r="OCS24" s="8"/>
      <c r="OCT24" s="8"/>
      <c r="OCU24" s="8"/>
      <c r="OCV24" s="8"/>
      <c r="OCW24" s="8"/>
      <c r="OCX24" s="8"/>
      <c r="OCY24" s="8"/>
      <c r="OCZ24" s="8"/>
      <c r="ODA24" s="8"/>
      <c r="ODB24" s="8"/>
      <c r="ODC24" s="8"/>
      <c r="ODD24" s="8"/>
      <c r="ODE24" s="8"/>
      <c r="ODF24" s="8"/>
      <c r="ODG24" s="8"/>
      <c r="ODH24" s="8"/>
      <c r="ODI24" s="8"/>
      <c r="ODJ24" s="8"/>
      <c r="ODK24" s="8"/>
      <c r="ODL24" s="8"/>
      <c r="ODM24" s="8"/>
      <c r="ODN24" s="8"/>
      <c r="ODO24" s="8"/>
      <c r="ODP24" s="8"/>
      <c r="ODQ24" s="8"/>
      <c r="ODR24" s="8"/>
      <c r="ODS24" s="8"/>
      <c r="ODT24" s="8"/>
      <c r="ODU24" s="8"/>
      <c r="ODV24" s="8"/>
      <c r="ODW24" s="8"/>
      <c r="ODX24" s="8"/>
      <c r="ODY24" s="8"/>
      <c r="ODZ24" s="8"/>
      <c r="OEA24" s="8"/>
      <c r="OEB24" s="8"/>
      <c r="OEC24" s="8"/>
      <c r="OED24" s="8"/>
      <c r="OEE24" s="8"/>
      <c r="OEF24" s="8"/>
      <c r="OEG24" s="8"/>
      <c r="OEH24" s="8"/>
      <c r="OEI24" s="8"/>
      <c r="OEJ24" s="8"/>
      <c r="OEK24" s="8"/>
      <c r="OEL24" s="8"/>
      <c r="OEM24" s="8"/>
      <c r="OEN24" s="8"/>
      <c r="OEO24" s="8"/>
      <c r="OEP24" s="8"/>
      <c r="OEQ24" s="8"/>
      <c r="OER24" s="8"/>
      <c r="OES24" s="8"/>
      <c r="OET24" s="8"/>
      <c r="OEU24" s="8"/>
      <c r="OEV24" s="8"/>
      <c r="OEW24" s="8"/>
      <c r="OEX24" s="8"/>
      <c r="OEY24" s="8"/>
      <c r="OEZ24" s="8"/>
      <c r="OFA24" s="8"/>
      <c r="OFB24" s="8"/>
      <c r="OFC24" s="8"/>
      <c r="OFD24" s="8"/>
      <c r="OFE24" s="8"/>
      <c r="OFF24" s="8"/>
      <c r="OFG24" s="8"/>
      <c r="OFH24" s="8"/>
      <c r="OFI24" s="8"/>
      <c r="OFJ24" s="8"/>
      <c r="OFK24" s="8"/>
      <c r="OFL24" s="8"/>
      <c r="OFM24" s="8"/>
      <c r="OFN24" s="8"/>
      <c r="OFO24" s="8"/>
      <c r="OFP24" s="8"/>
      <c r="OFQ24" s="8"/>
      <c r="OFR24" s="8"/>
      <c r="OFS24" s="8"/>
      <c r="OFT24" s="8"/>
      <c r="OFU24" s="8"/>
      <c r="OFV24" s="8"/>
      <c r="OFW24" s="8"/>
      <c r="OFX24" s="8"/>
      <c r="OFY24" s="8"/>
      <c r="OFZ24" s="8"/>
      <c r="OGA24" s="8"/>
      <c r="OGB24" s="8"/>
      <c r="OGC24" s="8"/>
      <c r="OGD24" s="8"/>
      <c r="OGE24" s="8"/>
      <c r="OGF24" s="8"/>
      <c r="OGG24" s="8"/>
      <c r="OGH24" s="8"/>
      <c r="OGI24" s="8"/>
      <c r="OGJ24" s="8"/>
      <c r="OGK24" s="8"/>
      <c r="OGL24" s="8"/>
      <c r="OGM24" s="8"/>
      <c r="OGN24" s="8"/>
      <c r="OGO24" s="8"/>
      <c r="OGP24" s="8"/>
      <c r="OGQ24" s="8"/>
      <c r="OGR24" s="8"/>
      <c r="OGS24" s="8"/>
      <c r="OGT24" s="8"/>
      <c r="OGU24" s="8"/>
      <c r="OGV24" s="8"/>
      <c r="OGW24" s="8"/>
      <c r="OGX24" s="8"/>
      <c r="OGY24" s="8"/>
      <c r="OGZ24" s="8"/>
      <c r="OHA24" s="8"/>
      <c r="OHB24" s="8"/>
      <c r="OHC24" s="8"/>
      <c r="OHD24" s="8"/>
      <c r="OHE24" s="8"/>
      <c r="OHF24" s="8"/>
      <c r="OHG24" s="8"/>
      <c r="OHH24" s="8"/>
      <c r="OHI24" s="8"/>
      <c r="OHJ24" s="8"/>
      <c r="OHK24" s="8"/>
      <c r="OHL24" s="8"/>
      <c r="OHM24" s="8"/>
      <c r="OHN24" s="8"/>
      <c r="OHO24" s="8"/>
      <c r="OHP24" s="8"/>
      <c r="OHQ24" s="8"/>
      <c r="OHR24" s="8"/>
      <c r="OHS24" s="8"/>
      <c r="OHT24" s="8"/>
      <c r="OHU24" s="8"/>
      <c r="OHV24" s="8"/>
      <c r="OHW24" s="8"/>
      <c r="OHX24" s="8"/>
      <c r="OHY24" s="8"/>
      <c r="OHZ24" s="8"/>
      <c r="OIA24" s="8"/>
      <c r="OIB24" s="8"/>
      <c r="OIC24" s="8"/>
      <c r="OID24" s="8"/>
      <c r="OIE24" s="8"/>
      <c r="OIF24" s="8"/>
      <c r="OIG24" s="8"/>
      <c r="OIH24" s="8"/>
      <c r="OII24" s="8"/>
      <c r="OIJ24" s="8"/>
      <c r="OIK24" s="8"/>
      <c r="OIL24" s="8"/>
      <c r="OIM24" s="8"/>
      <c r="OIN24" s="8"/>
      <c r="OIO24" s="8"/>
      <c r="OIP24" s="8"/>
      <c r="OIQ24" s="8"/>
      <c r="OIR24" s="8"/>
      <c r="OIS24" s="8"/>
      <c r="OIT24" s="8"/>
      <c r="OIU24" s="8"/>
      <c r="OIV24" s="8"/>
      <c r="OIW24" s="8"/>
      <c r="OIX24" s="8"/>
      <c r="OIY24" s="8"/>
      <c r="OIZ24" s="8"/>
      <c r="OJA24" s="8"/>
      <c r="OJB24" s="8"/>
      <c r="OJC24" s="8"/>
      <c r="OJD24" s="8"/>
      <c r="OJE24" s="8"/>
      <c r="OJF24" s="8"/>
      <c r="OJG24" s="8"/>
      <c r="OJH24" s="8"/>
      <c r="OJI24" s="8"/>
      <c r="OJJ24" s="8"/>
      <c r="OJK24" s="8"/>
      <c r="OJL24" s="8"/>
      <c r="OJM24" s="8"/>
      <c r="OJN24" s="8"/>
      <c r="OJO24" s="8"/>
      <c r="OJP24" s="8"/>
      <c r="OJQ24" s="8"/>
      <c r="OJR24" s="8"/>
      <c r="OJS24" s="8"/>
      <c r="OJT24" s="8"/>
      <c r="OJU24" s="8"/>
      <c r="OJV24" s="8"/>
      <c r="OJW24" s="8"/>
      <c r="OJX24" s="8"/>
      <c r="OJY24" s="8"/>
      <c r="OJZ24" s="8"/>
      <c r="OKA24" s="8"/>
      <c r="OKB24" s="8"/>
      <c r="OKC24" s="8"/>
      <c r="OKD24" s="8"/>
      <c r="OKE24" s="8"/>
      <c r="OKF24" s="8"/>
      <c r="OKG24" s="8"/>
      <c r="OKH24" s="8"/>
      <c r="OKI24" s="8"/>
      <c r="OKJ24" s="8"/>
      <c r="OKK24" s="8"/>
      <c r="OKL24" s="8"/>
      <c r="OKM24" s="8"/>
      <c r="OKN24" s="8"/>
      <c r="OKO24" s="8"/>
      <c r="OKP24" s="8"/>
      <c r="OKQ24" s="8"/>
      <c r="OKR24" s="8"/>
      <c r="OKS24" s="8"/>
      <c r="OKT24" s="8"/>
      <c r="OKU24" s="8"/>
      <c r="OKV24" s="8"/>
      <c r="OKW24" s="8"/>
      <c r="OKX24" s="8"/>
      <c r="OKY24" s="8"/>
      <c r="OKZ24" s="8"/>
      <c r="OLA24" s="8"/>
      <c r="OLB24" s="8"/>
      <c r="OLC24" s="8"/>
      <c r="OLD24" s="8"/>
      <c r="OLE24" s="8"/>
      <c r="OLF24" s="8"/>
      <c r="OLG24" s="8"/>
      <c r="OLH24" s="8"/>
      <c r="OLI24" s="8"/>
      <c r="OLJ24" s="8"/>
      <c r="OLK24" s="8"/>
      <c r="OLL24" s="8"/>
      <c r="OLM24" s="8"/>
      <c r="OLN24" s="8"/>
      <c r="OLO24" s="8"/>
      <c r="OLP24" s="8"/>
      <c r="OLQ24" s="8"/>
      <c r="OLR24" s="8"/>
      <c r="OLS24" s="8"/>
      <c r="OLT24" s="8"/>
      <c r="OLU24" s="8"/>
      <c r="OLV24" s="8"/>
      <c r="OLW24" s="8"/>
      <c r="OLX24" s="8"/>
      <c r="OLY24" s="8"/>
      <c r="OLZ24" s="8"/>
      <c r="OMA24" s="8"/>
      <c r="OMB24" s="8"/>
      <c r="OMC24" s="8"/>
      <c r="OMD24" s="8"/>
      <c r="OME24" s="8"/>
      <c r="OMF24" s="8"/>
      <c r="OMG24" s="8"/>
      <c r="OMH24" s="8"/>
      <c r="OMI24" s="8"/>
      <c r="OMJ24" s="8"/>
      <c r="OMK24" s="8"/>
      <c r="OML24" s="8"/>
      <c r="OMM24" s="8"/>
      <c r="OMN24" s="8"/>
      <c r="OMO24" s="8"/>
      <c r="OMP24" s="8"/>
      <c r="OMQ24" s="8"/>
      <c r="OMR24" s="8"/>
      <c r="OMS24" s="8"/>
      <c r="OMT24" s="8"/>
      <c r="OMU24" s="8"/>
      <c r="OMV24" s="8"/>
      <c r="OMW24" s="8"/>
      <c r="OMX24" s="8"/>
      <c r="OMY24" s="8"/>
      <c r="OMZ24" s="8"/>
      <c r="ONA24" s="8"/>
      <c r="ONB24" s="8"/>
      <c r="ONC24" s="8"/>
      <c r="OND24" s="8"/>
      <c r="ONE24" s="8"/>
      <c r="ONF24" s="8"/>
      <c r="ONG24" s="8"/>
      <c r="ONH24" s="8"/>
      <c r="ONI24" s="8"/>
      <c r="ONJ24" s="8"/>
      <c r="ONK24" s="8"/>
      <c r="ONL24" s="8"/>
      <c r="ONM24" s="8"/>
      <c r="ONN24" s="8"/>
      <c r="ONO24" s="8"/>
      <c r="ONP24" s="8"/>
      <c r="ONQ24" s="8"/>
      <c r="ONR24" s="8"/>
      <c r="ONS24" s="8"/>
      <c r="ONT24" s="8"/>
      <c r="ONU24" s="8"/>
      <c r="ONV24" s="8"/>
      <c r="ONW24" s="8"/>
      <c r="ONX24" s="8"/>
      <c r="ONY24" s="8"/>
      <c r="ONZ24" s="8"/>
      <c r="OOA24" s="8"/>
      <c r="OOB24" s="8"/>
      <c r="OOC24" s="8"/>
      <c r="OOD24" s="8"/>
      <c r="OOE24" s="8"/>
      <c r="OOF24" s="8"/>
      <c r="OOG24" s="8"/>
      <c r="OOH24" s="8"/>
      <c r="OOI24" s="8"/>
      <c r="OOJ24" s="8"/>
      <c r="OOK24" s="8"/>
      <c r="OOL24" s="8"/>
      <c r="OOM24" s="8"/>
      <c r="OON24" s="8"/>
      <c r="OOO24" s="8"/>
      <c r="OOP24" s="8"/>
      <c r="OOQ24" s="8"/>
      <c r="OOR24" s="8"/>
      <c r="OOS24" s="8"/>
      <c r="OOT24" s="8"/>
      <c r="OOU24" s="8"/>
      <c r="OOV24" s="8"/>
      <c r="OOW24" s="8"/>
      <c r="OOX24" s="8"/>
      <c r="OOY24" s="8"/>
      <c r="OOZ24" s="8"/>
      <c r="OPA24" s="8"/>
      <c r="OPB24" s="8"/>
      <c r="OPC24" s="8"/>
      <c r="OPD24" s="8"/>
      <c r="OPE24" s="8"/>
      <c r="OPF24" s="8"/>
      <c r="OPG24" s="8"/>
      <c r="OPH24" s="8"/>
      <c r="OPI24" s="8"/>
      <c r="OPJ24" s="8"/>
      <c r="OPK24" s="8"/>
      <c r="OPL24" s="8"/>
      <c r="OPM24" s="8"/>
      <c r="OPN24" s="8"/>
      <c r="OPO24" s="8"/>
      <c r="OPP24" s="8"/>
      <c r="OPQ24" s="8"/>
      <c r="OPR24" s="8"/>
      <c r="OPS24" s="8"/>
      <c r="OPT24" s="8"/>
      <c r="OPU24" s="8"/>
      <c r="OPV24" s="8"/>
      <c r="OPW24" s="8"/>
      <c r="OPX24" s="8"/>
      <c r="OPY24" s="8"/>
      <c r="OPZ24" s="8"/>
      <c r="OQA24" s="8"/>
      <c r="OQB24" s="8"/>
      <c r="OQC24" s="8"/>
      <c r="OQD24" s="8"/>
      <c r="OQE24" s="8"/>
      <c r="OQF24" s="8"/>
      <c r="OQG24" s="8"/>
      <c r="OQH24" s="8"/>
      <c r="OQI24" s="8"/>
      <c r="OQJ24" s="8"/>
      <c r="OQK24" s="8"/>
      <c r="OQL24" s="8"/>
      <c r="OQM24" s="8"/>
      <c r="OQN24" s="8"/>
      <c r="OQO24" s="8"/>
      <c r="OQP24" s="8"/>
      <c r="OQQ24" s="8"/>
      <c r="OQR24" s="8"/>
      <c r="OQS24" s="8"/>
      <c r="OQT24" s="8"/>
      <c r="OQU24" s="8"/>
      <c r="OQV24" s="8"/>
      <c r="OQW24" s="8"/>
      <c r="OQX24" s="8"/>
      <c r="OQY24" s="8"/>
      <c r="OQZ24" s="8"/>
      <c r="ORA24" s="8"/>
      <c r="ORB24" s="8"/>
      <c r="ORC24" s="8"/>
      <c r="ORD24" s="8"/>
      <c r="ORE24" s="8"/>
      <c r="ORF24" s="8"/>
      <c r="ORG24" s="8"/>
      <c r="ORH24" s="8"/>
      <c r="ORI24" s="8"/>
      <c r="ORJ24" s="8"/>
      <c r="ORK24" s="8"/>
      <c r="ORL24" s="8"/>
      <c r="ORM24" s="8"/>
      <c r="ORN24" s="8"/>
      <c r="ORO24" s="8"/>
      <c r="ORP24" s="8"/>
      <c r="ORQ24" s="8"/>
      <c r="ORR24" s="8"/>
      <c r="ORS24" s="8"/>
      <c r="ORT24" s="8"/>
      <c r="ORU24" s="8"/>
      <c r="ORV24" s="8"/>
      <c r="ORW24" s="8"/>
      <c r="ORX24" s="8"/>
      <c r="ORY24" s="8"/>
      <c r="ORZ24" s="8"/>
      <c r="OSA24" s="8"/>
      <c r="OSB24" s="8"/>
      <c r="OSC24" s="8"/>
      <c r="OSD24" s="8"/>
      <c r="OSE24" s="8"/>
      <c r="OSF24" s="8"/>
      <c r="OSG24" s="8"/>
      <c r="OSH24" s="8"/>
      <c r="OSI24" s="8"/>
      <c r="OSJ24" s="8"/>
      <c r="OSK24" s="8"/>
      <c r="OSL24" s="8"/>
      <c r="OSM24" s="8"/>
      <c r="OSN24" s="8"/>
      <c r="OSO24" s="8"/>
      <c r="OSP24" s="8"/>
      <c r="OSQ24" s="8"/>
      <c r="OSR24" s="8"/>
      <c r="OSS24" s="8"/>
      <c r="OST24" s="8"/>
      <c r="OSU24" s="8"/>
      <c r="OSV24" s="8"/>
      <c r="OSW24" s="8"/>
      <c r="OSX24" s="8"/>
      <c r="OSY24" s="8"/>
      <c r="OSZ24" s="8"/>
      <c r="OTA24" s="8"/>
      <c r="OTB24" s="8"/>
      <c r="OTC24" s="8"/>
      <c r="OTD24" s="8"/>
      <c r="OTE24" s="8"/>
      <c r="OTF24" s="8"/>
      <c r="OTG24" s="8"/>
      <c r="OTH24" s="8"/>
      <c r="OTI24" s="8"/>
      <c r="OTJ24" s="8"/>
      <c r="OTK24" s="8"/>
      <c r="OTL24" s="8"/>
      <c r="OTM24" s="8"/>
      <c r="OTN24" s="8"/>
      <c r="OTO24" s="8"/>
      <c r="OTP24" s="8"/>
      <c r="OTQ24" s="8"/>
      <c r="OTR24" s="8"/>
      <c r="OTS24" s="8"/>
      <c r="OTT24" s="8"/>
      <c r="OTU24" s="8"/>
      <c r="OTV24" s="8"/>
      <c r="OTW24" s="8"/>
      <c r="OTX24" s="8"/>
      <c r="OTY24" s="8"/>
      <c r="OTZ24" s="8"/>
      <c r="OUA24" s="8"/>
      <c r="OUB24" s="8"/>
      <c r="OUC24" s="8"/>
      <c r="OUD24" s="8"/>
      <c r="OUE24" s="8"/>
      <c r="OUF24" s="8"/>
      <c r="OUG24" s="8"/>
      <c r="OUH24" s="8"/>
      <c r="OUI24" s="8"/>
      <c r="OUJ24" s="8"/>
      <c r="OUK24" s="8"/>
      <c r="OUL24" s="8"/>
      <c r="OUM24" s="8"/>
      <c r="OUN24" s="8"/>
      <c r="OUO24" s="8"/>
      <c r="OUP24" s="8"/>
      <c r="OUQ24" s="8"/>
      <c r="OUR24" s="8"/>
      <c r="OUS24" s="8"/>
      <c r="OUT24" s="8"/>
      <c r="OUU24" s="8"/>
      <c r="OUV24" s="8"/>
      <c r="OUW24" s="8"/>
      <c r="OUX24" s="8"/>
      <c r="OUY24" s="8"/>
      <c r="OUZ24" s="8"/>
      <c r="OVA24" s="8"/>
      <c r="OVB24" s="8"/>
      <c r="OVC24" s="8"/>
      <c r="OVD24" s="8"/>
      <c r="OVE24" s="8"/>
      <c r="OVF24" s="8"/>
      <c r="OVG24" s="8"/>
      <c r="OVH24" s="8"/>
      <c r="OVI24" s="8"/>
      <c r="OVJ24" s="8"/>
      <c r="OVK24" s="8"/>
      <c r="OVL24" s="8"/>
      <c r="OVM24" s="8"/>
      <c r="OVN24" s="8"/>
      <c r="OVO24" s="8"/>
      <c r="OVP24" s="8"/>
      <c r="OVQ24" s="8"/>
      <c r="OVR24" s="8"/>
      <c r="OVS24" s="8"/>
      <c r="OVT24" s="8"/>
      <c r="OVU24" s="8"/>
      <c r="OVV24" s="8"/>
      <c r="OVW24" s="8"/>
      <c r="OVX24" s="8"/>
      <c r="OVY24" s="8"/>
      <c r="OVZ24" s="8"/>
      <c r="OWA24" s="8"/>
      <c r="OWB24" s="8"/>
      <c r="OWC24" s="8"/>
      <c r="OWD24" s="8"/>
      <c r="OWE24" s="8"/>
      <c r="OWF24" s="8"/>
      <c r="OWG24" s="8"/>
      <c r="OWH24" s="8"/>
      <c r="OWI24" s="8"/>
      <c r="OWJ24" s="8"/>
      <c r="OWK24" s="8"/>
      <c r="OWL24" s="8"/>
      <c r="OWM24" s="8"/>
      <c r="OWN24" s="8"/>
      <c r="OWO24" s="8"/>
      <c r="OWP24" s="8"/>
      <c r="OWQ24" s="8"/>
      <c r="OWR24" s="8"/>
      <c r="OWS24" s="8"/>
      <c r="OWT24" s="8"/>
      <c r="OWU24" s="8"/>
      <c r="OWV24" s="8"/>
      <c r="OWW24" s="8"/>
      <c r="OWX24" s="8"/>
      <c r="OWY24" s="8"/>
      <c r="OWZ24" s="8"/>
      <c r="OXA24" s="8"/>
      <c r="OXB24" s="8"/>
      <c r="OXC24" s="8"/>
      <c r="OXD24" s="8"/>
      <c r="OXE24" s="8"/>
      <c r="OXF24" s="8"/>
      <c r="OXG24" s="8"/>
      <c r="OXH24" s="8"/>
      <c r="OXI24" s="8"/>
      <c r="OXJ24" s="8"/>
      <c r="OXK24" s="8"/>
      <c r="OXL24" s="8"/>
      <c r="OXM24" s="8"/>
      <c r="OXN24" s="8"/>
      <c r="OXO24" s="8"/>
      <c r="OXP24" s="8"/>
      <c r="OXQ24" s="8"/>
      <c r="OXR24" s="8"/>
      <c r="OXS24" s="8"/>
      <c r="OXT24" s="8"/>
      <c r="OXU24" s="8"/>
      <c r="OXV24" s="8"/>
      <c r="OXW24" s="8"/>
      <c r="OXX24" s="8"/>
      <c r="OXY24" s="8"/>
      <c r="OXZ24" s="8"/>
      <c r="OYA24" s="8"/>
      <c r="OYB24" s="8"/>
      <c r="OYC24" s="8"/>
      <c r="OYD24" s="8"/>
      <c r="OYE24" s="8"/>
      <c r="OYF24" s="8"/>
      <c r="OYG24" s="8"/>
      <c r="OYH24" s="8"/>
      <c r="OYI24" s="8"/>
      <c r="OYJ24" s="8"/>
      <c r="OYK24" s="8"/>
      <c r="OYL24" s="8"/>
      <c r="OYM24" s="8"/>
      <c r="OYN24" s="8"/>
      <c r="OYO24" s="8"/>
      <c r="OYP24" s="8"/>
      <c r="OYQ24" s="8"/>
      <c r="OYR24" s="8"/>
      <c r="OYS24" s="8"/>
      <c r="OYT24" s="8"/>
      <c r="OYU24" s="8"/>
      <c r="OYV24" s="8"/>
      <c r="OYW24" s="8"/>
      <c r="OYX24" s="8"/>
      <c r="OYY24" s="8"/>
      <c r="OYZ24" s="8"/>
      <c r="OZA24" s="8"/>
      <c r="OZB24" s="8"/>
      <c r="OZC24" s="8"/>
      <c r="OZD24" s="8"/>
      <c r="OZE24" s="8"/>
      <c r="OZF24" s="8"/>
      <c r="OZG24" s="8"/>
      <c r="OZH24" s="8"/>
      <c r="OZI24" s="8"/>
      <c r="OZJ24" s="8"/>
      <c r="OZK24" s="8"/>
      <c r="OZL24" s="8"/>
      <c r="OZM24" s="8"/>
      <c r="OZN24" s="8"/>
      <c r="OZO24" s="8"/>
      <c r="OZP24" s="8"/>
      <c r="OZQ24" s="8"/>
      <c r="OZR24" s="8"/>
      <c r="OZS24" s="8"/>
      <c r="OZT24" s="8"/>
      <c r="OZU24" s="8"/>
      <c r="OZV24" s="8"/>
      <c r="OZW24" s="8"/>
      <c r="OZX24" s="8"/>
      <c r="OZY24" s="8"/>
      <c r="OZZ24" s="8"/>
      <c r="PAA24" s="8"/>
      <c r="PAB24" s="8"/>
      <c r="PAC24" s="8"/>
      <c r="PAD24" s="8"/>
      <c r="PAE24" s="8"/>
      <c r="PAF24" s="8"/>
      <c r="PAG24" s="8"/>
      <c r="PAH24" s="8"/>
      <c r="PAI24" s="8"/>
      <c r="PAJ24" s="8"/>
      <c r="PAK24" s="8"/>
      <c r="PAL24" s="8"/>
      <c r="PAM24" s="8"/>
      <c r="PAN24" s="8"/>
      <c r="PAO24" s="8"/>
      <c r="PAP24" s="8"/>
      <c r="PAQ24" s="8"/>
      <c r="PAR24" s="8"/>
      <c r="PAS24" s="8"/>
      <c r="PAT24" s="8"/>
      <c r="PAU24" s="8"/>
      <c r="PAV24" s="8"/>
      <c r="PAW24" s="8"/>
      <c r="PAX24" s="8"/>
      <c r="PAY24" s="8"/>
      <c r="PAZ24" s="8"/>
      <c r="PBA24" s="8"/>
      <c r="PBB24" s="8"/>
      <c r="PBC24" s="8"/>
      <c r="PBD24" s="8"/>
      <c r="PBE24" s="8"/>
      <c r="PBF24" s="8"/>
      <c r="PBG24" s="8"/>
      <c r="PBH24" s="8"/>
      <c r="PBI24" s="8"/>
      <c r="PBJ24" s="8"/>
      <c r="PBK24" s="8"/>
      <c r="PBL24" s="8"/>
      <c r="PBM24" s="8"/>
      <c r="PBN24" s="8"/>
      <c r="PBO24" s="8"/>
      <c r="PBP24" s="8"/>
      <c r="PBQ24" s="8"/>
      <c r="PBR24" s="8"/>
      <c r="PBS24" s="8"/>
      <c r="PBT24" s="8"/>
      <c r="PBU24" s="8"/>
      <c r="PBV24" s="8"/>
      <c r="PBW24" s="8"/>
      <c r="PBX24" s="8"/>
      <c r="PBY24" s="8"/>
      <c r="PBZ24" s="8"/>
      <c r="PCA24" s="8"/>
      <c r="PCB24" s="8"/>
      <c r="PCC24" s="8"/>
      <c r="PCD24" s="8"/>
      <c r="PCE24" s="8"/>
      <c r="PCF24" s="8"/>
      <c r="PCG24" s="8"/>
      <c r="PCH24" s="8"/>
      <c r="PCI24" s="8"/>
      <c r="PCJ24" s="8"/>
      <c r="PCK24" s="8"/>
      <c r="PCL24" s="8"/>
      <c r="PCM24" s="8"/>
      <c r="PCN24" s="8"/>
      <c r="PCO24" s="8"/>
      <c r="PCP24" s="8"/>
      <c r="PCQ24" s="8"/>
      <c r="PCR24" s="8"/>
      <c r="PCS24" s="8"/>
      <c r="PCT24" s="8"/>
      <c r="PCU24" s="8"/>
      <c r="PCV24" s="8"/>
      <c r="PCW24" s="8"/>
      <c r="PCX24" s="8"/>
      <c r="PCY24" s="8"/>
      <c r="PCZ24" s="8"/>
      <c r="PDA24" s="8"/>
      <c r="PDB24" s="8"/>
      <c r="PDC24" s="8"/>
      <c r="PDD24" s="8"/>
      <c r="PDE24" s="8"/>
      <c r="PDF24" s="8"/>
      <c r="PDG24" s="8"/>
      <c r="PDH24" s="8"/>
      <c r="PDI24" s="8"/>
      <c r="PDJ24" s="8"/>
      <c r="PDK24" s="8"/>
      <c r="PDL24" s="8"/>
      <c r="PDM24" s="8"/>
      <c r="PDN24" s="8"/>
      <c r="PDO24" s="8"/>
      <c r="PDP24" s="8"/>
      <c r="PDQ24" s="8"/>
      <c r="PDR24" s="8"/>
      <c r="PDS24" s="8"/>
      <c r="PDT24" s="8"/>
      <c r="PDU24" s="8"/>
      <c r="PDV24" s="8"/>
      <c r="PDW24" s="8"/>
      <c r="PDX24" s="8"/>
      <c r="PDY24" s="8"/>
      <c r="PDZ24" s="8"/>
      <c r="PEA24" s="8"/>
      <c r="PEB24" s="8"/>
      <c r="PEC24" s="8"/>
      <c r="PED24" s="8"/>
      <c r="PEE24" s="8"/>
      <c r="PEF24" s="8"/>
      <c r="PEG24" s="8"/>
      <c r="PEH24" s="8"/>
      <c r="PEI24" s="8"/>
      <c r="PEJ24" s="8"/>
      <c r="PEK24" s="8"/>
      <c r="PEL24" s="8"/>
      <c r="PEM24" s="8"/>
      <c r="PEN24" s="8"/>
      <c r="PEO24" s="8"/>
      <c r="PEP24" s="8"/>
      <c r="PEQ24" s="8"/>
      <c r="PER24" s="8"/>
      <c r="PES24" s="8"/>
      <c r="PET24" s="8"/>
      <c r="PEU24" s="8"/>
      <c r="PEV24" s="8"/>
      <c r="PEW24" s="8"/>
      <c r="PEX24" s="8"/>
      <c r="PEY24" s="8"/>
      <c r="PEZ24" s="8"/>
      <c r="PFA24" s="8"/>
      <c r="PFB24" s="8"/>
      <c r="PFC24" s="8"/>
      <c r="PFD24" s="8"/>
      <c r="PFE24" s="8"/>
      <c r="PFF24" s="8"/>
      <c r="PFG24" s="8"/>
      <c r="PFH24" s="8"/>
      <c r="PFI24" s="8"/>
      <c r="PFJ24" s="8"/>
      <c r="PFK24" s="8"/>
      <c r="PFL24" s="8"/>
      <c r="PFM24" s="8"/>
      <c r="PFN24" s="8"/>
      <c r="PFO24" s="8"/>
      <c r="PFP24" s="8"/>
      <c r="PFQ24" s="8"/>
      <c r="PFR24" s="8"/>
      <c r="PFS24" s="8"/>
      <c r="PFT24" s="8"/>
      <c r="PFU24" s="8"/>
      <c r="PFV24" s="8"/>
      <c r="PFW24" s="8"/>
      <c r="PFX24" s="8"/>
      <c r="PFY24" s="8"/>
      <c r="PFZ24" s="8"/>
      <c r="PGA24" s="8"/>
      <c r="PGB24" s="8"/>
      <c r="PGC24" s="8"/>
      <c r="PGD24" s="8"/>
      <c r="PGE24" s="8"/>
      <c r="PGF24" s="8"/>
      <c r="PGG24" s="8"/>
      <c r="PGH24" s="8"/>
      <c r="PGI24" s="8"/>
      <c r="PGJ24" s="8"/>
      <c r="PGK24" s="8"/>
      <c r="PGL24" s="8"/>
      <c r="PGM24" s="8"/>
      <c r="PGN24" s="8"/>
      <c r="PGO24" s="8"/>
      <c r="PGP24" s="8"/>
      <c r="PGQ24" s="8"/>
      <c r="PGR24" s="8"/>
      <c r="PGS24" s="8"/>
      <c r="PGT24" s="8"/>
      <c r="PGU24" s="8"/>
      <c r="PGV24" s="8"/>
      <c r="PGW24" s="8"/>
      <c r="PGX24" s="8"/>
      <c r="PGY24" s="8"/>
      <c r="PGZ24" s="8"/>
      <c r="PHA24" s="8"/>
      <c r="PHB24" s="8"/>
      <c r="PHC24" s="8"/>
      <c r="PHD24" s="8"/>
      <c r="PHE24" s="8"/>
      <c r="PHF24" s="8"/>
      <c r="PHG24" s="8"/>
      <c r="PHH24" s="8"/>
      <c r="PHI24" s="8"/>
      <c r="PHJ24" s="8"/>
      <c r="PHK24" s="8"/>
      <c r="PHL24" s="8"/>
      <c r="PHM24" s="8"/>
      <c r="PHN24" s="8"/>
      <c r="PHO24" s="8"/>
      <c r="PHP24" s="8"/>
      <c r="PHQ24" s="8"/>
      <c r="PHR24" s="8"/>
      <c r="PHS24" s="8"/>
      <c r="PHT24" s="8"/>
      <c r="PHU24" s="8"/>
      <c r="PHV24" s="8"/>
      <c r="PHW24" s="8"/>
      <c r="PHX24" s="8"/>
      <c r="PHY24" s="8"/>
      <c r="PHZ24" s="8"/>
      <c r="PIA24" s="8"/>
      <c r="PIB24" s="8"/>
      <c r="PIC24" s="8"/>
      <c r="PID24" s="8"/>
      <c r="PIE24" s="8"/>
      <c r="PIF24" s="8"/>
      <c r="PIG24" s="8"/>
      <c r="PIH24" s="8"/>
      <c r="PII24" s="8"/>
      <c r="PIJ24" s="8"/>
      <c r="PIK24" s="8"/>
      <c r="PIL24" s="8"/>
      <c r="PIM24" s="8"/>
      <c r="PIN24" s="8"/>
      <c r="PIO24" s="8"/>
      <c r="PIP24" s="8"/>
      <c r="PIQ24" s="8"/>
      <c r="PIR24" s="8"/>
      <c r="PIS24" s="8"/>
      <c r="PIT24" s="8"/>
      <c r="PIU24" s="8"/>
      <c r="PIV24" s="8"/>
      <c r="PIW24" s="8"/>
      <c r="PIX24" s="8"/>
      <c r="PIY24" s="8"/>
      <c r="PIZ24" s="8"/>
      <c r="PJA24" s="8"/>
      <c r="PJB24" s="8"/>
      <c r="PJC24" s="8"/>
      <c r="PJD24" s="8"/>
      <c r="PJE24" s="8"/>
      <c r="PJF24" s="8"/>
      <c r="PJG24" s="8"/>
      <c r="PJH24" s="8"/>
      <c r="PJI24" s="8"/>
      <c r="PJJ24" s="8"/>
      <c r="PJK24" s="8"/>
      <c r="PJL24" s="8"/>
      <c r="PJM24" s="8"/>
      <c r="PJN24" s="8"/>
      <c r="PJO24" s="8"/>
      <c r="PJP24" s="8"/>
      <c r="PJQ24" s="8"/>
      <c r="PJR24" s="8"/>
      <c r="PJS24" s="8"/>
      <c r="PJT24" s="8"/>
      <c r="PJU24" s="8"/>
      <c r="PJV24" s="8"/>
      <c r="PJW24" s="8"/>
      <c r="PJX24" s="8"/>
      <c r="PJY24" s="8"/>
      <c r="PJZ24" s="8"/>
      <c r="PKA24" s="8"/>
      <c r="PKB24" s="8"/>
      <c r="PKC24" s="8"/>
      <c r="PKD24" s="8"/>
      <c r="PKE24" s="8"/>
      <c r="PKF24" s="8"/>
      <c r="PKG24" s="8"/>
      <c r="PKH24" s="8"/>
      <c r="PKI24" s="8"/>
      <c r="PKJ24" s="8"/>
      <c r="PKK24" s="8"/>
      <c r="PKL24" s="8"/>
      <c r="PKM24" s="8"/>
      <c r="PKN24" s="8"/>
      <c r="PKO24" s="8"/>
      <c r="PKP24" s="8"/>
      <c r="PKQ24" s="8"/>
      <c r="PKR24" s="8"/>
      <c r="PKS24" s="8"/>
      <c r="PKT24" s="8"/>
      <c r="PKU24" s="8"/>
      <c r="PKV24" s="8"/>
      <c r="PKW24" s="8"/>
      <c r="PKX24" s="8"/>
      <c r="PKY24" s="8"/>
      <c r="PKZ24" s="8"/>
      <c r="PLA24" s="8"/>
      <c r="PLB24" s="8"/>
      <c r="PLC24" s="8"/>
      <c r="PLD24" s="8"/>
      <c r="PLE24" s="8"/>
      <c r="PLF24" s="8"/>
      <c r="PLG24" s="8"/>
      <c r="PLH24" s="8"/>
      <c r="PLI24" s="8"/>
      <c r="PLJ24" s="8"/>
      <c r="PLK24" s="8"/>
      <c r="PLL24" s="8"/>
      <c r="PLM24" s="8"/>
      <c r="PLN24" s="8"/>
      <c r="PLO24" s="8"/>
      <c r="PLP24" s="8"/>
      <c r="PLQ24" s="8"/>
      <c r="PLR24" s="8"/>
      <c r="PLS24" s="8"/>
      <c r="PLT24" s="8"/>
      <c r="PLU24" s="8"/>
      <c r="PLV24" s="8"/>
      <c r="PLW24" s="8"/>
      <c r="PLX24" s="8"/>
      <c r="PLY24" s="8"/>
      <c r="PLZ24" s="8"/>
      <c r="PMA24" s="8"/>
      <c r="PMB24" s="8"/>
      <c r="PMC24" s="8"/>
      <c r="PMD24" s="8"/>
      <c r="PME24" s="8"/>
      <c r="PMF24" s="8"/>
      <c r="PMG24" s="8"/>
      <c r="PMH24" s="8"/>
      <c r="PMI24" s="8"/>
      <c r="PMJ24" s="8"/>
      <c r="PMK24" s="8"/>
      <c r="PML24" s="8"/>
      <c r="PMM24" s="8"/>
      <c r="PMN24" s="8"/>
      <c r="PMO24" s="8"/>
      <c r="PMP24" s="8"/>
      <c r="PMQ24" s="8"/>
      <c r="PMR24" s="8"/>
      <c r="PMS24" s="8"/>
      <c r="PMT24" s="8"/>
      <c r="PMU24" s="8"/>
      <c r="PMV24" s="8"/>
      <c r="PMW24" s="8"/>
      <c r="PMX24" s="8"/>
      <c r="PMY24" s="8"/>
      <c r="PMZ24" s="8"/>
      <c r="PNA24" s="8"/>
      <c r="PNB24" s="8"/>
      <c r="PNC24" s="8"/>
      <c r="PND24" s="8"/>
      <c r="PNE24" s="8"/>
      <c r="PNF24" s="8"/>
      <c r="PNG24" s="8"/>
      <c r="PNH24" s="8"/>
      <c r="PNI24" s="8"/>
      <c r="PNJ24" s="8"/>
      <c r="PNK24" s="8"/>
      <c r="PNL24" s="8"/>
      <c r="PNM24" s="8"/>
      <c r="PNN24" s="8"/>
      <c r="PNO24" s="8"/>
      <c r="PNP24" s="8"/>
      <c r="PNQ24" s="8"/>
      <c r="PNR24" s="8"/>
      <c r="PNS24" s="8"/>
      <c r="PNT24" s="8"/>
      <c r="PNU24" s="8"/>
      <c r="PNV24" s="8"/>
      <c r="PNW24" s="8"/>
      <c r="PNX24" s="8"/>
      <c r="PNY24" s="8"/>
      <c r="PNZ24" s="8"/>
      <c r="POA24" s="8"/>
      <c r="POB24" s="8"/>
      <c r="POC24" s="8"/>
      <c r="POD24" s="8"/>
      <c r="POE24" s="8"/>
      <c r="POF24" s="8"/>
      <c r="POG24" s="8"/>
      <c r="POH24" s="8"/>
      <c r="POI24" s="8"/>
      <c r="POJ24" s="8"/>
      <c r="POK24" s="8"/>
      <c r="POL24" s="8"/>
      <c r="POM24" s="8"/>
      <c r="PON24" s="8"/>
      <c r="POO24" s="8"/>
      <c r="POP24" s="8"/>
      <c r="POQ24" s="8"/>
      <c r="POR24" s="8"/>
      <c r="POS24" s="8"/>
      <c r="POT24" s="8"/>
      <c r="POU24" s="8"/>
      <c r="POV24" s="8"/>
      <c r="POW24" s="8"/>
      <c r="POX24" s="8"/>
      <c r="POY24" s="8"/>
      <c r="POZ24" s="8"/>
      <c r="PPA24" s="8"/>
      <c r="PPB24" s="8"/>
      <c r="PPC24" s="8"/>
      <c r="PPD24" s="8"/>
      <c r="PPE24" s="8"/>
      <c r="PPF24" s="8"/>
      <c r="PPG24" s="8"/>
      <c r="PPH24" s="8"/>
      <c r="PPI24" s="8"/>
      <c r="PPJ24" s="8"/>
      <c r="PPK24" s="8"/>
      <c r="PPL24" s="8"/>
      <c r="PPM24" s="8"/>
      <c r="PPN24" s="8"/>
      <c r="PPO24" s="8"/>
      <c r="PPP24" s="8"/>
      <c r="PPQ24" s="8"/>
      <c r="PPR24" s="8"/>
      <c r="PPS24" s="8"/>
      <c r="PPT24" s="8"/>
      <c r="PPU24" s="8"/>
      <c r="PPV24" s="8"/>
      <c r="PPW24" s="8"/>
      <c r="PPX24" s="8"/>
      <c r="PPY24" s="8"/>
      <c r="PPZ24" s="8"/>
      <c r="PQA24" s="8"/>
      <c r="PQB24" s="8"/>
      <c r="PQC24" s="8"/>
      <c r="PQD24" s="8"/>
      <c r="PQE24" s="8"/>
      <c r="PQF24" s="8"/>
      <c r="PQG24" s="8"/>
      <c r="PQH24" s="8"/>
      <c r="PQI24" s="8"/>
      <c r="PQJ24" s="8"/>
      <c r="PQK24" s="8"/>
      <c r="PQL24" s="8"/>
      <c r="PQM24" s="8"/>
      <c r="PQN24" s="8"/>
      <c r="PQO24" s="8"/>
      <c r="PQP24" s="8"/>
      <c r="PQQ24" s="8"/>
      <c r="PQR24" s="8"/>
      <c r="PQS24" s="8"/>
      <c r="PQT24" s="8"/>
      <c r="PQU24" s="8"/>
      <c r="PQV24" s="8"/>
      <c r="PQW24" s="8"/>
      <c r="PQX24" s="8"/>
      <c r="PQY24" s="8"/>
      <c r="PQZ24" s="8"/>
      <c r="PRA24" s="8"/>
      <c r="PRB24" s="8"/>
      <c r="PRC24" s="8"/>
      <c r="PRD24" s="8"/>
      <c r="PRE24" s="8"/>
      <c r="PRF24" s="8"/>
      <c r="PRG24" s="8"/>
      <c r="PRH24" s="8"/>
      <c r="PRI24" s="8"/>
      <c r="PRJ24" s="8"/>
      <c r="PRK24" s="8"/>
      <c r="PRL24" s="8"/>
      <c r="PRM24" s="8"/>
      <c r="PRN24" s="8"/>
      <c r="PRO24" s="8"/>
      <c r="PRP24" s="8"/>
      <c r="PRQ24" s="8"/>
      <c r="PRR24" s="8"/>
      <c r="PRS24" s="8"/>
      <c r="PRT24" s="8"/>
      <c r="PRU24" s="8"/>
      <c r="PRV24" s="8"/>
      <c r="PRW24" s="8"/>
      <c r="PRX24" s="8"/>
      <c r="PRY24" s="8"/>
      <c r="PRZ24" s="8"/>
      <c r="PSA24" s="8"/>
      <c r="PSB24" s="8"/>
      <c r="PSC24" s="8"/>
      <c r="PSD24" s="8"/>
      <c r="PSE24" s="8"/>
      <c r="PSF24" s="8"/>
      <c r="PSG24" s="8"/>
      <c r="PSH24" s="8"/>
      <c r="PSI24" s="8"/>
      <c r="PSJ24" s="8"/>
      <c r="PSK24" s="8"/>
      <c r="PSL24" s="8"/>
      <c r="PSM24" s="8"/>
      <c r="PSN24" s="8"/>
      <c r="PSO24" s="8"/>
      <c r="PSP24" s="8"/>
      <c r="PSQ24" s="8"/>
      <c r="PSR24" s="8"/>
      <c r="PSS24" s="8"/>
      <c r="PST24" s="8"/>
      <c r="PSU24" s="8"/>
      <c r="PSV24" s="8"/>
      <c r="PSW24" s="8"/>
      <c r="PSX24" s="8"/>
      <c r="PSY24" s="8"/>
      <c r="PSZ24" s="8"/>
      <c r="PTA24" s="8"/>
      <c r="PTB24" s="8"/>
      <c r="PTC24" s="8"/>
      <c r="PTD24" s="8"/>
      <c r="PTE24" s="8"/>
      <c r="PTF24" s="8"/>
      <c r="PTG24" s="8"/>
      <c r="PTH24" s="8"/>
      <c r="PTI24" s="8"/>
      <c r="PTJ24" s="8"/>
      <c r="PTK24" s="8"/>
      <c r="PTL24" s="8"/>
      <c r="PTM24" s="8"/>
      <c r="PTN24" s="8"/>
      <c r="PTO24" s="8"/>
      <c r="PTP24" s="8"/>
      <c r="PTQ24" s="8"/>
      <c r="PTR24" s="8"/>
      <c r="PTS24" s="8"/>
      <c r="PTT24" s="8"/>
      <c r="PTU24" s="8"/>
      <c r="PTV24" s="8"/>
      <c r="PTW24" s="8"/>
      <c r="PTX24" s="8"/>
      <c r="PTY24" s="8"/>
      <c r="PTZ24" s="8"/>
      <c r="PUA24" s="8"/>
      <c r="PUB24" s="8"/>
      <c r="PUC24" s="8"/>
      <c r="PUD24" s="8"/>
      <c r="PUE24" s="8"/>
      <c r="PUF24" s="8"/>
      <c r="PUG24" s="8"/>
      <c r="PUH24" s="8"/>
      <c r="PUI24" s="8"/>
      <c r="PUJ24" s="8"/>
      <c r="PUK24" s="8"/>
      <c r="PUL24" s="8"/>
      <c r="PUM24" s="8"/>
      <c r="PUN24" s="8"/>
      <c r="PUO24" s="8"/>
      <c r="PUP24" s="8"/>
      <c r="PUQ24" s="8"/>
      <c r="PUR24" s="8"/>
      <c r="PUS24" s="8"/>
      <c r="PUT24" s="8"/>
      <c r="PUU24" s="8"/>
      <c r="PUV24" s="8"/>
      <c r="PUW24" s="8"/>
      <c r="PUX24" s="8"/>
      <c r="PUY24" s="8"/>
      <c r="PUZ24" s="8"/>
      <c r="PVA24" s="8"/>
      <c r="PVB24" s="8"/>
      <c r="PVC24" s="8"/>
      <c r="PVD24" s="8"/>
      <c r="PVE24" s="8"/>
      <c r="PVF24" s="8"/>
      <c r="PVG24" s="8"/>
      <c r="PVH24" s="8"/>
      <c r="PVI24" s="8"/>
      <c r="PVJ24" s="8"/>
      <c r="PVK24" s="8"/>
      <c r="PVL24" s="8"/>
      <c r="PVM24" s="8"/>
      <c r="PVN24" s="8"/>
      <c r="PVO24" s="8"/>
      <c r="PVP24" s="8"/>
      <c r="PVQ24" s="8"/>
      <c r="PVR24" s="8"/>
      <c r="PVS24" s="8"/>
      <c r="PVT24" s="8"/>
      <c r="PVU24" s="8"/>
      <c r="PVV24" s="8"/>
      <c r="PVW24" s="8"/>
      <c r="PVX24" s="8"/>
      <c r="PVY24" s="8"/>
      <c r="PVZ24" s="8"/>
      <c r="PWA24" s="8"/>
      <c r="PWB24" s="8"/>
      <c r="PWC24" s="8"/>
      <c r="PWD24" s="8"/>
      <c r="PWE24" s="8"/>
      <c r="PWF24" s="8"/>
      <c r="PWG24" s="8"/>
      <c r="PWH24" s="8"/>
      <c r="PWI24" s="8"/>
      <c r="PWJ24" s="8"/>
      <c r="PWK24" s="8"/>
      <c r="PWL24" s="8"/>
      <c r="PWM24" s="8"/>
      <c r="PWN24" s="8"/>
      <c r="PWO24" s="8"/>
      <c r="PWP24" s="8"/>
      <c r="PWQ24" s="8"/>
      <c r="PWR24" s="8"/>
      <c r="PWS24" s="8"/>
      <c r="PWT24" s="8"/>
      <c r="PWU24" s="8"/>
      <c r="PWV24" s="8"/>
      <c r="PWW24" s="8"/>
      <c r="PWX24" s="8"/>
      <c r="PWY24" s="8"/>
      <c r="PWZ24" s="8"/>
      <c r="PXA24" s="8"/>
      <c r="PXB24" s="8"/>
      <c r="PXC24" s="8"/>
      <c r="PXD24" s="8"/>
      <c r="PXE24" s="8"/>
      <c r="PXF24" s="8"/>
      <c r="PXG24" s="8"/>
      <c r="PXH24" s="8"/>
      <c r="PXI24" s="8"/>
      <c r="PXJ24" s="8"/>
      <c r="PXK24" s="8"/>
      <c r="PXL24" s="8"/>
      <c r="PXM24" s="8"/>
      <c r="PXN24" s="8"/>
      <c r="PXO24" s="8"/>
      <c r="PXP24" s="8"/>
      <c r="PXQ24" s="8"/>
      <c r="PXR24" s="8"/>
      <c r="PXS24" s="8"/>
      <c r="PXT24" s="8"/>
      <c r="PXU24" s="8"/>
      <c r="PXV24" s="8"/>
      <c r="PXW24" s="8"/>
      <c r="PXX24" s="8"/>
      <c r="PXY24" s="8"/>
      <c r="PXZ24" s="8"/>
      <c r="PYA24" s="8"/>
      <c r="PYB24" s="8"/>
      <c r="PYC24" s="8"/>
      <c r="PYD24" s="8"/>
      <c r="PYE24" s="8"/>
      <c r="PYF24" s="8"/>
      <c r="PYG24" s="8"/>
      <c r="PYH24" s="8"/>
      <c r="PYI24" s="8"/>
      <c r="PYJ24" s="8"/>
      <c r="PYK24" s="8"/>
      <c r="PYL24" s="8"/>
      <c r="PYM24" s="8"/>
      <c r="PYN24" s="8"/>
      <c r="PYO24" s="8"/>
      <c r="PYP24" s="8"/>
      <c r="PYQ24" s="8"/>
      <c r="PYR24" s="8"/>
      <c r="PYS24" s="8"/>
      <c r="PYT24" s="8"/>
      <c r="PYU24" s="8"/>
      <c r="PYV24" s="8"/>
      <c r="PYW24" s="8"/>
      <c r="PYX24" s="8"/>
      <c r="PYY24" s="8"/>
      <c r="PYZ24" s="8"/>
      <c r="PZA24" s="8"/>
      <c r="PZB24" s="8"/>
      <c r="PZC24" s="8"/>
      <c r="PZD24" s="8"/>
      <c r="PZE24" s="8"/>
      <c r="PZF24" s="8"/>
      <c r="PZG24" s="8"/>
      <c r="PZH24" s="8"/>
      <c r="PZI24" s="8"/>
      <c r="PZJ24" s="8"/>
      <c r="PZK24" s="8"/>
      <c r="PZL24" s="8"/>
      <c r="PZM24" s="8"/>
      <c r="PZN24" s="8"/>
      <c r="PZO24" s="8"/>
      <c r="PZP24" s="8"/>
      <c r="PZQ24" s="8"/>
      <c r="PZR24" s="8"/>
      <c r="PZS24" s="8"/>
      <c r="PZT24" s="8"/>
      <c r="PZU24" s="8"/>
      <c r="PZV24" s="8"/>
      <c r="PZW24" s="8"/>
      <c r="PZX24" s="8"/>
      <c r="PZY24" s="8"/>
      <c r="PZZ24" s="8"/>
      <c r="QAA24" s="8"/>
      <c r="QAB24" s="8"/>
      <c r="QAC24" s="8"/>
      <c r="QAD24" s="8"/>
      <c r="QAE24" s="8"/>
      <c r="QAF24" s="8"/>
      <c r="QAG24" s="8"/>
      <c r="QAH24" s="8"/>
      <c r="QAI24" s="8"/>
      <c r="QAJ24" s="8"/>
      <c r="QAK24" s="8"/>
      <c r="QAL24" s="8"/>
      <c r="QAM24" s="8"/>
      <c r="QAN24" s="8"/>
      <c r="QAO24" s="8"/>
      <c r="QAP24" s="8"/>
      <c r="QAQ24" s="8"/>
      <c r="QAR24" s="8"/>
      <c r="QAS24" s="8"/>
      <c r="QAT24" s="8"/>
      <c r="QAU24" s="8"/>
      <c r="QAV24" s="8"/>
      <c r="QAW24" s="8"/>
      <c r="QAX24" s="8"/>
      <c r="QAY24" s="8"/>
      <c r="QAZ24" s="8"/>
      <c r="QBA24" s="8"/>
      <c r="QBB24" s="8"/>
      <c r="QBC24" s="8"/>
      <c r="QBD24" s="8"/>
      <c r="QBE24" s="8"/>
      <c r="QBF24" s="8"/>
      <c r="QBG24" s="8"/>
      <c r="QBH24" s="8"/>
      <c r="QBI24" s="8"/>
      <c r="QBJ24" s="8"/>
      <c r="QBK24" s="8"/>
      <c r="QBL24" s="8"/>
      <c r="QBM24" s="8"/>
      <c r="QBN24" s="8"/>
      <c r="QBO24" s="8"/>
      <c r="QBP24" s="8"/>
      <c r="QBQ24" s="8"/>
      <c r="QBR24" s="8"/>
      <c r="QBS24" s="8"/>
      <c r="QBT24" s="8"/>
      <c r="QBU24" s="8"/>
      <c r="QBV24" s="8"/>
      <c r="QBW24" s="8"/>
      <c r="QBX24" s="8"/>
      <c r="QBY24" s="8"/>
      <c r="QBZ24" s="8"/>
      <c r="QCA24" s="8"/>
      <c r="QCB24" s="8"/>
      <c r="QCC24" s="8"/>
      <c r="QCD24" s="8"/>
      <c r="QCE24" s="8"/>
      <c r="QCF24" s="8"/>
      <c r="QCG24" s="8"/>
      <c r="QCH24" s="8"/>
      <c r="QCI24" s="8"/>
      <c r="QCJ24" s="8"/>
      <c r="QCK24" s="8"/>
      <c r="QCL24" s="8"/>
      <c r="QCM24" s="8"/>
      <c r="QCN24" s="8"/>
      <c r="QCO24" s="8"/>
      <c r="QCP24" s="8"/>
      <c r="QCQ24" s="8"/>
      <c r="QCR24" s="8"/>
      <c r="QCS24" s="8"/>
      <c r="QCT24" s="8"/>
      <c r="QCU24" s="8"/>
      <c r="QCV24" s="8"/>
      <c r="QCW24" s="8"/>
      <c r="QCX24" s="8"/>
      <c r="QCY24" s="8"/>
      <c r="QCZ24" s="8"/>
      <c r="QDA24" s="8"/>
      <c r="QDB24" s="8"/>
      <c r="QDC24" s="8"/>
      <c r="QDD24" s="8"/>
      <c r="QDE24" s="8"/>
      <c r="QDF24" s="8"/>
      <c r="QDG24" s="8"/>
      <c r="QDH24" s="8"/>
      <c r="QDI24" s="8"/>
      <c r="QDJ24" s="8"/>
      <c r="QDK24" s="8"/>
      <c r="QDL24" s="8"/>
      <c r="QDM24" s="8"/>
      <c r="QDN24" s="8"/>
      <c r="QDO24" s="8"/>
      <c r="QDP24" s="8"/>
      <c r="QDQ24" s="8"/>
      <c r="QDR24" s="8"/>
      <c r="QDS24" s="8"/>
      <c r="QDT24" s="8"/>
      <c r="QDU24" s="8"/>
      <c r="QDV24" s="8"/>
      <c r="QDW24" s="8"/>
      <c r="QDX24" s="8"/>
      <c r="QDY24" s="8"/>
      <c r="QDZ24" s="8"/>
      <c r="QEA24" s="8"/>
      <c r="QEB24" s="8"/>
      <c r="QEC24" s="8"/>
      <c r="QED24" s="8"/>
      <c r="QEE24" s="8"/>
      <c r="QEF24" s="8"/>
      <c r="QEG24" s="8"/>
      <c r="QEH24" s="8"/>
      <c r="QEI24" s="8"/>
      <c r="QEJ24" s="8"/>
      <c r="QEK24" s="8"/>
      <c r="QEL24" s="8"/>
      <c r="QEM24" s="8"/>
      <c r="QEN24" s="8"/>
      <c r="QEO24" s="8"/>
      <c r="QEP24" s="8"/>
      <c r="QEQ24" s="8"/>
      <c r="QER24" s="8"/>
      <c r="QES24" s="8"/>
      <c r="QET24" s="8"/>
      <c r="QEU24" s="8"/>
      <c r="QEV24" s="8"/>
      <c r="QEW24" s="8"/>
      <c r="QEX24" s="8"/>
      <c r="QEY24" s="8"/>
      <c r="QEZ24" s="8"/>
      <c r="QFA24" s="8"/>
      <c r="QFB24" s="8"/>
      <c r="QFC24" s="8"/>
      <c r="QFD24" s="8"/>
      <c r="QFE24" s="8"/>
      <c r="QFF24" s="8"/>
      <c r="QFG24" s="8"/>
      <c r="QFH24" s="8"/>
      <c r="QFI24" s="8"/>
      <c r="QFJ24" s="8"/>
      <c r="QFK24" s="8"/>
      <c r="QFL24" s="8"/>
      <c r="QFM24" s="8"/>
      <c r="QFN24" s="8"/>
      <c r="QFO24" s="8"/>
      <c r="QFP24" s="8"/>
      <c r="QFQ24" s="8"/>
      <c r="QFR24" s="8"/>
      <c r="QFS24" s="8"/>
      <c r="QFT24" s="8"/>
      <c r="QFU24" s="8"/>
      <c r="QFV24" s="8"/>
      <c r="QFW24" s="8"/>
      <c r="QFX24" s="8"/>
      <c r="QFY24" s="8"/>
      <c r="QFZ24" s="8"/>
      <c r="QGA24" s="8"/>
      <c r="QGB24" s="8"/>
      <c r="QGC24" s="8"/>
      <c r="QGD24" s="8"/>
      <c r="QGE24" s="8"/>
      <c r="QGF24" s="8"/>
      <c r="QGG24" s="8"/>
      <c r="QGH24" s="8"/>
      <c r="QGI24" s="8"/>
      <c r="QGJ24" s="8"/>
      <c r="QGK24" s="8"/>
      <c r="QGL24" s="8"/>
      <c r="QGM24" s="8"/>
      <c r="QGN24" s="8"/>
      <c r="QGO24" s="8"/>
      <c r="QGP24" s="8"/>
      <c r="QGQ24" s="8"/>
      <c r="QGR24" s="8"/>
      <c r="QGS24" s="8"/>
      <c r="QGT24" s="8"/>
      <c r="QGU24" s="8"/>
      <c r="QGV24" s="8"/>
      <c r="QGW24" s="8"/>
      <c r="QGX24" s="8"/>
      <c r="QGY24" s="8"/>
      <c r="QGZ24" s="8"/>
      <c r="QHA24" s="8"/>
      <c r="QHB24" s="8"/>
      <c r="QHC24" s="8"/>
      <c r="QHD24" s="8"/>
      <c r="QHE24" s="8"/>
      <c r="QHF24" s="8"/>
      <c r="QHG24" s="8"/>
      <c r="QHH24" s="8"/>
      <c r="QHI24" s="8"/>
      <c r="QHJ24" s="8"/>
      <c r="QHK24" s="8"/>
      <c r="QHL24" s="8"/>
      <c r="QHM24" s="8"/>
      <c r="QHN24" s="8"/>
      <c r="QHO24" s="8"/>
      <c r="QHP24" s="8"/>
      <c r="QHQ24" s="8"/>
      <c r="QHR24" s="8"/>
      <c r="QHS24" s="8"/>
      <c r="QHT24" s="8"/>
      <c r="QHU24" s="8"/>
      <c r="QHV24" s="8"/>
      <c r="QHW24" s="8"/>
      <c r="QHX24" s="8"/>
      <c r="QHY24" s="8"/>
      <c r="QHZ24" s="8"/>
      <c r="QIA24" s="8"/>
      <c r="QIB24" s="8"/>
      <c r="QIC24" s="8"/>
      <c r="QID24" s="8"/>
      <c r="QIE24" s="8"/>
      <c r="QIF24" s="8"/>
      <c r="QIG24" s="8"/>
      <c r="QIH24" s="8"/>
      <c r="QII24" s="8"/>
      <c r="QIJ24" s="8"/>
      <c r="QIK24" s="8"/>
      <c r="QIL24" s="8"/>
      <c r="QIM24" s="8"/>
      <c r="QIN24" s="8"/>
      <c r="QIO24" s="8"/>
      <c r="QIP24" s="8"/>
      <c r="QIQ24" s="8"/>
      <c r="QIR24" s="8"/>
      <c r="QIS24" s="8"/>
      <c r="QIT24" s="8"/>
      <c r="QIU24" s="8"/>
      <c r="QIV24" s="8"/>
      <c r="QIW24" s="8"/>
      <c r="QIX24" s="8"/>
      <c r="QIY24" s="8"/>
      <c r="QIZ24" s="8"/>
      <c r="QJA24" s="8"/>
      <c r="QJB24" s="8"/>
      <c r="QJC24" s="8"/>
      <c r="QJD24" s="8"/>
      <c r="QJE24" s="8"/>
      <c r="QJF24" s="8"/>
      <c r="QJG24" s="8"/>
      <c r="QJH24" s="8"/>
      <c r="QJI24" s="8"/>
      <c r="QJJ24" s="8"/>
      <c r="QJK24" s="8"/>
      <c r="QJL24" s="8"/>
      <c r="QJM24" s="8"/>
      <c r="QJN24" s="8"/>
      <c r="QJO24" s="8"/>
      <c r="QJP24" s="8"/>
      <c r="QJQ24" s="8"/>
      <c r="QJR24" s="8"/>
      <c r="QJS24" s="8"/>
      <c r="QJT24" s="8"/>
      <c r="QJU24" s="8"/>
      <c r="QJV24" s="8"/>
      <c r="QJW24" s="8"/>
      <c r="QJX24" s="8"/>
      <c r="QJY24" s="8"/>
      <c r="QJZ24" s="8"/>
      <c r="QKA24" s="8"/>
      <c r="QKB24" s="8"/>
      <c r="QKC24" s="8"/>
      <c r="QKD24" s="8"/>
      <c r="QKE24" s="8"/>
      <c r="QKF24" s="8"/>
      <c r="QKG24" s="8"/>
      <c r="QKH24" s="8"/>
      <c r="QKI24" s="8"/>
      <c r="QKJ24" s="8"/>
      <c r="QKK24" s="8"/>
      <c r="QKL24" s="8"/>
      <c r="QKM24" s="8"/>
      <c r="QKN24" s="8"/>
      <c r="QKO24" s="8"/>
      <c r="QKP24" s="8"/>
      <c r="QKQ24" s="8"/>
      <c r="QKR24" s="8"/>
      <c r="QKS24" s="8"/>
      <c r="QKT24" s="8"/>
      <c r="QKU24" s="8"/>
      <c r="QKV24" s="8"/>
      <c r="QKW24" s="8"/>
      <c r="QKX24" s="8"/>
      <c r="QKY24" s="8"/>
      <c r="QKZ24" s="8"/>
      <c r="QLA24" s="8"/>
      <c r="QLB24" s="8"/>
      <c r="QLC24" s="8"/>
      <c r="QLD24" s="8"/>
      <c r="QLE24" s="8"/>
      <c r="QLF24" s="8"/>
      <c r="QLG24" s="8"/>
      <c r="QLH24" s="8"/>
      <c r="QLI24" s="8"/>
      <c r="QLJ24" s="8"/>
      <c r="QLK24" s="8"/>
      <c r="QLL24" s="8"/>
      <c r="QLM24" s="8"/>
      <c r="QLN24" s="8"/>
      <c r="QLO24" s="8"/>
      <c r="QLP24" s="8"/>
      <c r="QLQ24" s="8"/>
      <c r="QLR24" s="8"/>
      <c r="QLS24" s="8"/>
      <c r="QLT24" s="8"/>
      <c r="QLU24" s="8"/>
      <c r="QLV24" s="8"/>
      <c r="QLW24" s="8"/>
      <c r="QLX24" s="8"/>
      <c r="QLY24" s="8"/>
      <c r="QLZ24" s="8"/>
      <c r="QMA24" s="8"/>
      <c r="QMB24" s="8"/>
      <c r="QMC24" s="8"/>
      <c r="QMD24" s="8"/>
      <c r="QME24" s="8"/>
      <c r="QMF24" s="8"/>
      <c r="QMG24" s="8"/>
      <c r="QMH24" s="8"/>
      <c r="QMI24" s="8"/>
      <c r="QMJ24" s="8"/>
      <c r="QMK24" s="8"/>
      <c r="QML24" s="8"/>
      <c r="QMM24" s="8"/>
      <c r="QMN24" s="8"/>
      <c r="QMO24" s="8"/>
      <c r="QMP24" s="8"/>
      <c r="QMQ24" s="8"/>
      <c r="QMR24" s="8"/>
      <c r="QMS24" s="8"/>
      <c r="QMT24" s="8"/>
      <c r="QMU24" s="8"/>
      <c r="QMV24" s="8"/>
      <c r="QMW24" s="8"/>
      <c r="QMX24" s="8"/>
      <c r="QMY24" s="8"/>
      <c r="QMZ24" s="8"/>
      <c r="QNA24" s="8"/>
      <c r="QNB24" s="8"/>
      <c r="QNC24" s="8"/>
      <c r="QND24" s="8"/>
      <c r="QNE24" s="8"/>
      <c r="QNF24" s="8"/>
      <c r="QNG24" s="8"/>
      <c r="QNH24" s="8"/>
      <c r="QNI24" s="8"/>
      <c r="QNJ24" s="8"/>
      <c r="QNK24" s="8"/>
      <c r="QNL24" s="8"/>
      <c r="QNM24" s="8"/>
      <c r="QNN24" s="8"/>
      <c r="QNO24" s="8"/>
      <c r="QNP24" s="8"/>
      <c r="QNQ24" s="8"/>
      <c r="QNR24" s="8"/>
      <c r="QNS24" s="8"/>
      <c r="QNT24" s="8"/>
      <c r="QNU24" s="8"/>
      <c r="QNV24" s="8"/>
      <c r="QNW24" s="8"/>
      <c r="QNX24" s="8"/>
      <c r="QNY24" s="8"/>
      <c r="QNZ24" s="8"/>
      <c r="QOA24" s="8"/>
      <c r="QOB24" s="8"/>
      <c r="QOC24" s="8"/>
      <c r="QOD24" s="8"/>
      <c r="QOE24" s="8"/>
      <c r="QOF24" s="8"/>
      <c r="QOG24" s="8"/>
      <c r="QOH24" s="8"/>
      <c r="QOI24" s="8"/>
      <c r="QOJ24" s="8"/>
      <c r="QOK24" s="8"/>
      <c r="QOL24" s="8"/>
      <c r="QOM24" s="8"/>
      <c r="QON24" s="8"/>
      <c r="QOO24" s="8"/>
      <c r="QOP24" s="8"/>
      <c r="QOQ24" s="8"/>
      <c r="QOR24" s="8"/>
      <c r="QOS24" s="8"/>
      <c r="QOT24" s="8"/>
      <c r="QOU24" s="8"/>
      <c r="QOV24" s="8"/>
      <c r="QOW24" s="8"/>
      <c r="QOX24" s="8"/>
      <c r="QOY24" s="8"/>
      <c r="QOZ24" s="8"/>
      <c r="QPA24" s="8"/>
      <c r="QPB24" s="8"/>
      <c r="QPC24" s="8"/>
      <c r="QPD24" s="8"/>
      <c r="QPE24" s="8"/>
      <c r="QPF24" s="8"/>
      <c r="QPG24" s="8"/>
      <c r="QPH24" s="8"/>
      <c r="QPI24" s="8"/>
      <c r="QPJ24" s="8"/>
      <c r="QPK24" s="8"/>
      <c r="QPL24" s="8"/>
      <c r="QPM24" s="8"/>
      <c r="QPN24" s="8"/>
      <c r="QPO24" s="8"/>
      <c r="QPP24" s="8"/>
      <c r="QPQ24" s="8"/>
      <c r="QPR24" s="8"/>
      <c r="QPS24" s="8"/>
      <c r="QPT24" s="8"/>
      <c r="QPU24" s="8"/>
      <c r="QPV24" s="8"/>
      <c r="QPW24" s="8"/>
      <c r="QPX24" s="8"/>
      <c r="QPY24" s="8"/>
      <c r="QPZ24" s="8"/>
      <c r="QQA24" s="8"/>
      <c r="QQB24" s="8"/>
      <c r="QQC24" s="8"/>
      <c r="QQD24" s="8"/>
      <c r="QQE24" s="8"/>
      <c r="QQF24" s="8"/>
      <c r="QQG24" s="8"/>
      <c r="QQH24" s="8"/>
      <c r="QQI24" s="8"/>
      <c r="QQJ24" s="8"/>
      <c r="QQK24" s="8"/>
      <c r="QQL24" s="8"/>
      <c r="QQM24" s="8"/>
      <c r="QQN24" s="8"/>
      <c r="QQO24" s="8"/>
      <c r="QQP24" s="8"/>
      <c r="QQQ24" s="8"/>
      <c r="QQR24" s="8"/>
      <c r="QQS24" s="8"/>
      <c r="QQT24" s="8"/>
      <c r="QQU24" s="8"/>
      <c r="QQV24" s="8"/>
      <c r="QQW24" s="8"/>
      <c r="QQX24" s="8"/>
      <c r="QQY24" s="8"/>
      <c r="QQZ24" s="8"/>
      <c r="QRA24" s="8"/>
      <c r="QRB24" s="8"/>
      <c r="QRC24" s="8"/>
      <c r="QRD24" s="8"/>
      <c r="QRE24" s="8"/>
      <c r="QRF24" s="8"/>
      <c r="QRG24" s="8"/>
      <c r="QRH24" s="8"/>
      <c r="QRI24" s="8"/>
      <c r="QRJ24" s="8"/>
      <c r="QRK24" s="8"/>
      <c r="QRL24" s="8"/>
      <c r="QRM24" s="8"/>
      <c r="QRN24" s="8"/>
      <c r="QRO24" s="8"/>
      <c r="QRP24" s="8"/>
      <c r="QRQ24" s="8"/>
      <c r="QRR24" s="8"/>
      <c r="QRS24" s="8"/>
      <c r="QRT24" s="8"/>
      <c r="QRU24" s="8"/>
      <c r="QRV24" s="8"/>
      <c r="QRW24" s="8"/>
      <c r="QRX24" s="8"/>
      <c r="QRY24" s="8"/>
      <c r="QRZ24" s="8"/>
      <c r="QSA24" s="8"/>
      <c r="QSB24" s="8"/>
      <c r="QSC24" s="8"/>
      <c r="QSD24" s="8"/>
      <c r="QSE24" s="8"/>
      <c r="QSF24" s="8"/>
      <c r="QSG24" s="8"/>
      <c r="QSH24" s="8"/>
      <c r="QSI24" s="8"/>
      <c r="QSJ24" s="8"/>
      <c r="QSK24" s="8"/>
      <c r="QSL24" s="8"/>
      <c r="QSM24" s="8"/>
      <c r="QSN24" s="8"/>
      <c r="QSO24" s="8"/>
      <c r="QSP24" s="8"/>
      <c r="QSQ24" s="8"/>
      <c r="QSR24" s="8"/>
      <c r="QSS24" s="8"/>
      <c r="QST24" s="8"/>
      <c r="QSU24" s="8"/>
      <c r="QSV24" s="8"/>
      <c r="QSW24" s="8"/>
      <c r="QSX24" s="8"/>
      <c r="QSY24" s="8"/>
      <c r="QSZ24" s="8"/>
      <c r="QTA24" s="8"/>
      <c r="QTB24" s="8"/>
      <c r="QTC24" s="8"/>
      <c r="QTD24" s="8"/>
      <c r="QTE24" s="8"/>
      <c r="QTF24" s="8"/>
      <c r="QTG24" s="8"/>
      <c r="QTH24" s="8"/>
      <c r="QTI24" s="8"/>
      <c r="QTJ24" s="8"/>
      <c r="QTK24" s="8"/>
      <c r="QTL24" s="8"/>
      <c r="QTM24" s="8"/>
      <c r="QTN24" s="8"/>
      <c r="QTO24" s="8"/>
      <c r="QTP24" s="8"/>
      <c r="QTQ24" s="8"/>
      <c r="QTR24" s="8"/>
      <c r="QTS24" s="8"/>
      <c r="QTT24" s="8"/>
      <c r="QTU24" s="8"/>
      <c r="QTV24" s="8"/>
      <c r="QTW24" s="8"/>
      <c r="QTX24" s="8"/>
      <c r="QTY24" s="8"/>
      <c r="QTZ24" s="8"/>
      <c r="QUA24" s="8"/>
      <c r="QUB24" s="8"/>
      <c r="QUC24" s="8"/>
      <c r="QUD24" s="8"/>
      <c r="QUE24" s="8"/>
      <c r="QUF24" s="8"/>
      <c r="QUG24" s="8"/>
      <c r="QUH24" s="8"/>
      <c r="QUI24" s="8"/>
      <c r="QUJ24" s="8"/>
      <c r="QUK24" s="8"/>
      <c r="QUL24" s="8"/>
      <c r="QUM24" s="8"/>
      <c r="QUN24" s="8"/>
      <c r="QUO24" s="8"/>
      <c r="QUP24" s="8"/>
      <c r="QUQ24" s="8"/>
      <c r="QUR24" s="8"/>
      <c r="QUS24" s="8"/>
      <c r="QUT24" s="8"/>
      <c r="QUU24" s="8"/>
      <c r="QUV24" s="8"/>
      <c r="QUW24" s="8"/>
      <c r="QUX24" s="8"/>
      <c r="QUY24" s="8"/>
      <c r="QUZ24" s="8"/>
      <c r="QVA24" s="8"/>
      <c r="QVB24" s="8"/>
      <c r="QVC24" s="8"/>
      <c r="QVD24" s="8"/>
      <c r="QVE24" s="8"/>
      <c r="QVF24" s="8"/>
      <c r="QVG24" s="8"/>
      <c r="QVH24" s="8"/>
      <c r="QVI24" s="8"/>
      <c r="QVJ24" s="8"/>
      <c r="QVK24" s="8"/>
      <c r="QVL24" s="8"/>
      <c r="QVM24" s="8"/>
      <c r="QVN24" s="8"/>
      <c r="QVO24" s="8"/>
      <c r="QVP24" s="8"/>
      <c r="QVQ24" s="8"/>
      <c r="QVR24" s="8"/>
      <c r="QVS24" s="8"/>
      <c r="QVT24" s="8"/>
      <c r="QVU24" s="8"/>
      <c r="QVV24" s="8"/>
      <c r="QVW24" s="8"/>
      <c r="QVX24" s="8"/>
      <c r="QVY24" s="8"/>
      <c r="QVZ24" s="8"/>
      <c r="QWA24" s="8"/>
      <c r="QWB24" s="8"/>
      <c r="QWC24" s="8"/>
      <c r="QWD24" s="8"/>
      <c r="QWE24" s="8"/>
      <c r="QWF24" s="8"/>
      <c r="QWG24" s="8"/>
      <c r="QWH24" s="8"/>
      <c r="QWI24" s="8"/>
      <c r="QWJ24" s="8"/>
      <c r="QWK24" s="8"/>
      <c r="QWL24" s="8"/>
      <c r="QWM24" s="8"/>
      <c r="QWN24" s="8"/>
      <c r="QWO24" s="8"/>
      <c r="QWP24" s="8"/>
      <c r="QWQ24" s="8"/>
      <c r="QWR24" s="8"/>
      <c r="QWS24" s="8"/>
      <c r="QWT24" s="8"/>
      <c r="QWU24" s="8"/>
      <c r="QWV24" s="8"/>
      <c r="QWW24" s="8"/>
      <c r="QWX24" s="8"/>
      <c r="QWY24" s="8"/>
      <c r="QWZ24" s="8"/>
      <c r="QXA24" s="8"/>
      <c r="QXB24" s="8"/>
      <c r="QXC24" s="8"/>
      <c r="QXD24" s="8"/>
      <c r="QXE24" s="8"/>
      <c r="QXF24" s="8"/>
      <c r="QXG24" s="8"/>
      <c r="QXH24" s="8"/>
      <c r="QXI24" s="8"/>
      <c r="QXJ24" s="8"/>
      <c r="QXK24" s="8"/>
      <c r="QXL24" s="8"/>
      <c r="QXM24" s="8"/>
      <c r="QXN24" s="8"/>
      <c r="QXO24" s="8"/>
      <c r="QXP24" s="8"/>
      <c r="QXQ24" s="8"/>
      <c r="QXR24" s="8"/>
      <c r="QXS24" s="8"/>
      <c r="QXT24" s="8"/>
      <c r="QXU24" s="8"/>
      <c r="QXV24" s="8"/>
      <c r="QXW24" s="8"/>
      <c r="QXX24" s="8"/>
      <c r="QXY24" s="8"/>
      <c r="QXZ24" s="8"/>
      <c r="QYA24" s="8"/>
      <c r="QYB24" s="8"/>
      <c r="QYC24" s="8"/>
      <c r="QYD24" s="8"/>
      <c r="QYE24" s="8"/>
      <c r="QYF24" s="8"/>
      <c r="QYG24" s="8"/>
      <c r="QYH24" s="8"/>
      <c r="QYI24" s="8"/>
      <c r="QYJ24" s="8"/>
      <c r="QYK24" s="8"/>
      <c r="QYL24" s="8"/>
      <c r="QYM24" s="8"/>
      <c r="QYN24" s="8"/>
      <c r="QYO24" s="8"/>
      <c r="QYP24" s="8"/>
      <c r="QYQ24" s="8"/>
      <c r="QYR24" s="8"/>
      <c r="QYS24" s="8"/>
      <c r="QYT24" s="8"/>
      <c r="QYU24" s="8"/>
      <c r="QYV24" s="8"/>
      <c r="QYW24" s="8"/>
      <c r="QYX24" s="8"/>
      <c r="QYY24" s="8"/>
      <c r="QYZ24" s="8"/>
      <c r="QZA24" s="8"/>
      <c r="QZB24" s="8"/>
      <c r="QZC24" s="8"/>
      <c r="QZD24" s="8"/>
      <c r="QZE24" s="8"/>
      <c r="QZF24" s="8"/>
      <c r="QZG24" s="8"/>
      <c r="QZH24" s="8"/>
      <c r="QZI24" s="8"/>
      <c r="QZJ24" s="8"/>
      <c r="QZK24" s="8"/>
      <c r="QZL24" s="8"/>
      <c r="QZM24" s="8"/>
      <c r="QZN24" s="8"/>
      <c r="QZO24" s="8"/>
      <c r="QZP24" s="8"/>
      <c r="QZQ24" s="8"/>
      <c r="QZR24" s="8"/>
      <c r="QZS24" s="8"/>
      <c r="QZT24" s="8"/>
      <c r="QZU24" s="8"/>
      <c r="QZV24" s="8"/>
      <c r="QZW24" s="8"/>
      <c r="QZX24" s="8"/>
      <c r="QZY24" s="8"/>
      <c r="QZZ24" s="8"/>
      <c r="RAA24" s="8"/>
      <c r="RAB24" s="8"/>
      <c r="RAC24" s="8"/>
      <c r="RAD24" s="8"/>
      <c r="RAE24" s="8"/>
      <c r="RAF24" s="8"/>
      <c r="RAG24" s="8"/>
      <c r="RAH24" s="8"/>
      <c r="RAI24" s="8"/>
      <c r="RAJ24" s="8"/>
      <c r="RAK24" s="8"/>
      <c r="RAL24" s="8"/>
      <c r="RAM24" s="8"/>
      <c r="RAN24" s="8"/>
      <c r="RAO24" s="8"/>
      <c r="RAP24" s="8"/>
      <c r="RAQ24" s="8"/>
      <c r="RAR24" s="8"/>
      <c r="RAS24" s="8"/>
      <c r="RAT24" s="8"/>
      <c r="RAU24" s="8"/>
      <c r="RAV24" s="8"/>
      <c r="RAW24" s="8"/>
      <c r="RAX24" s="8"/>
      <c r="RAY24" s="8"/>
      <c r="RAZ24" s="8"/>
      <c r="RBA24" s="8"/>
      <c r="RBB24" s="8"/>
      <c r="RBC24" s="8"/>
      <c r="RBD24" s="8"/>
      <c r="RBE24" s="8"/>
      <c r="RBF24" s="8"/>
      <c r="RBG24" s="8"/>
      <c r="RBH24" s="8"/>
      <c r="RBI24" s="8"/>
      <c r="RBJ24" s="8"/>
      <c r="RBK24" s="8"/>
      <c r="RBL24" s="8"/>
      <c r="RBM24" s="8"/>
      <c r="RBN24" s="8"/>
      <c r="RBO24" s="8"/>
      <c r="RBP24" s="8"/>
      <c r="RBQ24" s="8"/>
      <c r="RBR24" s="8"/>
      <c r="RBS24" s="8"/>
      <c r="RBT24" s="8"/>
      <c r="RBU24" s="8"/>
      <c r="RBV24" s="8"/>
      <c r="RBW24" s="8"/>
      <c r="RBX24" s="8"/>
      <c r="RBY24" s="8"/>
      <c r="RBZ24" s="8"/>
      <c r="RCA24" s="8"/>
      <c r="RCB24" s="8"/>
      <c r="RCC24" s="8"/>
      <c r="RCD24" s="8"/>
      <c r="RCE24" s="8"/>
      <c r="RCF24" s="8"/>
      <c r="RCG24" s="8"/>
      <c r="RCH24" s="8"/>
      <c r="RCI24" s="8"/>
      <c r="RCJ24" s="8"/>
      <c r="RCK24" s="8"/>
      <c r="RCL24" s="8"/>
      <c r="RCM24" s="8"/>
      <c r="RCN24" s="8"/>
      <c r="RCO24" s="8"/>
      <c r="RCP24" s="8"/>
      <c r="RCQ24" s="8"/>
      <c r="RCR24" s="8"/>
      <c r="RCS24" s="8"/>
      <c r="RCT24" s="8"/>
      <c r="RCU24" s="8"/>
      <c r="RCV24" s="8"/>
      <c r="RCW24" s="8"/>
      <c r="RCX24" s="8"/>
      <c r="RCY24" s="8"/>
      <c r="RCZ24" s="8"/>
      <c r="RDA24" s="8"/>
      <c r="RDB24" s="8"/>
      <c r="RDC24" s="8"/>
      <c r="RDD24" s="8"/>
      <c r="RDE24" s="8"/>
      <c r="RDF24" s="8"/>
      <c r="RDG24" s="8"/>
      <c r="RDH24" s="8"/>
      <c r="RDI24" s="8"/>
      <c r="RDJ24" s="8"/>
      <c r="RDK24" s="8"/>
      <c r="RDL24" s="8"/>
      <c r="RDM24" s="8"/>
      <c r="RDN24" s="8"/>
      <c r="RDO24" s="8"/>
      <c r="RDP24" s="8"/>
      <c r="RDQ24" s="8"/>
      <c r="RDR24" s="8"/>
      <c r="RDS24" s="8"/>
      <c r="RDT24" s="8"/>
      <c r="RDU24" s="8"/>
      <c r="RDV24" s="8"/>
      <c r="RDW24" s="8"/>
      <c r="RDX24" s="8"/>
      <c r="RDY24" s="8"/>
      <c r="RDZ24" s="8"/>
      <c r="REA24" s="8"/>
      <c r="REB24" s="8"/>
      <c r="REC24" s="8"/>
      <c r="RED24" s="8"/>
      <c r="REE24" s="8"/>
      <c r="REF24" s="8"/>
      <c r="REG24" s="8"/>
      <c r="REH24" s="8"/>
      <c r="REI24" s="8"/>
      <c r="REJ24" s="8"/>
      <c r="REK24" s="8"/>
      <c r="REL24" s="8"/>
      <c r="REM24" s="8"/>
      <c r="REN24" s="8"/>
      <c r="REO24" s="8"/>
      <c r="REP24" s="8"/>
      <c r="REQ24" s="8"/>
      <c r="RER24" s="8"/>
      <c r="RES24" s="8"/>
      <c r="RET24" s="8"/>
      <c r="REU24" s="8"/>
      <c r="REV24" s="8"/>
      <c r="REW24" s="8"/>
      <c r="REX24" s="8"/>
      <c r="REY24" s="8"/>
      <c r="REZ24" s="8"/>
      <c r="RFA24" s="8"/>
      <c r="RFB24" s="8"/>
      <c r="RFC24" s="8"/>
      <c r="RFD24" s="8"/>
      <c r="RFE24" s="8"/>
      <c r="RFF24" s="8"/>
      <c r="RFG24" s="8"/>
      <c r="RFH24" s="8"/>
      <c r="RFI24" s="8"/>
      <c r="RFJ24" s="8"/>
      <c r="RFK24" s="8"/>
      <c r="RFL24" s="8"/>
      <c r="RFM24" s="8"/>
      <c r="RFN24" s="8"/>
      <c r="RFO24" s="8"/>
      <c r="RFP24" s="8"/>
      <c r="RFQ24" s="8"/>
      <c r="RFR24" s="8"/>
      <c r="RFS24" s="8"/>
      <c r="RFT24" s="8"/>
      <c r="RFU24" s="8"/>
      <c r="RFV24" s="8"/>
      <c r="RFW24" s="8"/>
      <c r="RFX24" s="8"/>
      <c r="RFY24" s="8"/>
      <c r="RFZ24" s="8"/>
      <c r="RGA24" s="8"/>
      <c r="RGB24" s="8"/>
      <c r="RGC24" s="8"/>
      <c r="RGD24" s="8"/>
      <c r="RGE24" s="8"/>
      <c r="RGF24" s="8"/>
      <c r="RGG24" s="8"/>
      <c r="RGH24" s="8"/>
      <c r="RGI24" s="8"/>
      <c r="RGJ24" s="8"/>
      <c r="RGK24" s="8"/>
      <c r="RGL24" s="8"/>
      <c r="RGM24" s="8"/>
      <c r="RGN24" s="8"/>
      <c r="RGO24" s="8"/>
      <c r="RGP24" s="8"/>
      <c r="RGQ24" s="8"/>
      <c r="RGR24" s="8"/>
      <c r="RGS24" s="8"/>
      <c r="RGT24" s="8"/>
      <c r="RGU24" s="8"/>
      <c r="RGV24" s="8"/>
      <c r="RGW24" s="8"/>
      <c r="RGX24" s="8"/>
      <c r="RGY24" s="8"/>
      <c r="RGZ24" s="8"/>
      <c r="RHA24" s="8"/>
      <c r="RHB24" s="8"/>
      <c r="RHC24" s="8"/>
      <c r="RHD24" s="8"/>
      <c r="RHE24" s="8"/>
      <c r="RHF24" s="8"/>
      <c r="RHG24" s="8"/>
      <c r="RHH24" s="8"/>
      <c r="RHI24" s="8"/>
      <c r="RHJ24" s="8"/>
      <c r="RHK24" s="8"/>
      <c r="RHL24" s="8"/>
      <c r="RHM24" s="8"/>
      <c r="RHN24" s="8"/>
      <c r="RHO24" s="8"/>
      <c r="RHP24" s="8"/>
      <c r="RHQ24" s="8"/>
      <c r="RHR24" s="8"/>
      <c r="RHS24" s="8"/>
      <c r="RHT24" s="8"/>
      <c r="RHU24" s="8"/>
      <c r="RHV24" s="8"/>
      <c r="RHW24" s="8"/>
      <c r="RHX24" s="8"/>
      <c r="RHY24" s="8"/>
      <c r="RHZ24" s="8"/>
      <c r="RIA24" s="8"/>
      <c r="RIB24" s="8"/>
      <c r="RIC24" s="8"/>
      <c r="RID24" s="8"/>
      <c r="RIE24" s="8"/>
      <c r="RIF24" s="8"/>
      <c r="RIG24" s="8"/>
      <c r="RIH24" s="8"/>
      <c r="RII24" s="8"/>
      <c r="RIJ24" s="8"/>
      <c r="RIK24" s="8"/>
      <c r="RIL24" s="8"/>
      <c r="RIM24" s="8"/>
      <c r="RIN24" s="8"/>
      <c r="RIO24" s="8"/>
      <c r="RIP24" s="8"/>
      <c r="RIQ24" s="8"/>
      <c r="RIR24" s="8"/>
      <c r="RIS24" s="8"/>
      <c r="RIT24" s="8"/>
      <c r="RIU24" s="8"/>
      <c r="RIV24" s="8"/>
      <c r="RIW24" s="8"/>
      <c r="RIX24" s="8"/>
      <c r="RIY24" s="8"/>
      <c r="RIZ24" s="8"/>
      <c r="RJA24" s="8"/>
      <c r="RJB24" s="8"/>
      <c r="RJC24" s="8"/>
      <c r="RJD24" s="8"/>
      <c r="RJE24" s="8"/>
      <c r="RJF24" s="8"/>
      <c r="RJG24" s="8"/>
      <c r="RJH24" s="8"/>
      <c r="RJI24" s="8"/>
      <c r="RJJ24" s="8"/>
      <c r="RJK24" s="8"/>
      <c r="RJL24" s="8"/>
      <c r="RJM24" s="8"/>
      <c r="RJN24" s="8"/>
      <c r="RJO24" s="8"/>
      <c r="RJP24" s="8"/>
      <c r="RJQ24" s="8"/>
      <c r="RJR24" s="8"/>
      <c r="RJS24" s="8"/>
      <c r="RJT24" s="8"/>
      <c r="RJU24" s="8"/>
      <c r="RJV24" s="8"/>
      <c r="RJW24" s="8"/>
      <c r="RJX24" s="8"/>
      <c r="RJY24" s="8"/>
      <c r="RJZ24" s="8"/>
      <c r="RKA24" s="8"/>
      <c r="RKB24" s="8"/>
      <c r="RKC24" s="8"/>
      <c r="RKD24" s="8"/>
      <c r="RKE24" s="8"/>
      <c r="RKF24" s="8"/>
      <c r="RKG24" s="8"/>
      <c r="RKH24" s="8"/>
      <c r="RKI24" s="8"/>
      <c r="RKJ24" s="8"/>
      <c r="RKK24" s="8"/>
      <c r="RKL24" s="8"/>
      <c r="RKM24" s="8"/>
      <c r="RKN24" s="8"/>
      <c r="RKO24" s="8"/>
      <c r="RKP24" s="8"/>
      <c r="RKQ24" s="8"/>
      <c r="RKR24" s="8"/>
      <c r="RKS24" s="8"/>
      <c r="RKT24" s="8"/>
      <c r="RKU24" s="8"/>
      <c r="RKV24" s="8"/>
      <c r="RKW24" s="8"/>
      <c r="RKX24" s="8"/>
      <c r="RKY24" s="8"/>
      <c r="RKZ24" s="8"/>
      <c r="RLA24" s="8"/>
      <c r="RLB24" s="8"/>
      <c r="RLC24" s="8"/>
      <c r="RLD24" s="8"/>
      <c r="RLE24" s="8"/>
      <c r="RLF24" s="8"/>
      <c r="RLG24" s="8"/>
      <c r="RLH24" s="8"/>
      <c r="RLI24" s="8"/>
      <c r="RLJ24" s="8"/>
      <c r="RLK24" s="8"/>
      <c r="RLL24" s="8"/>
      <c r="RLM24" s="8"/>
      <c r="RLN24" s="8"/>
      <c r="RLO24" s="8"/>
      <c r="RLP24" s="8"/>
      <c r="RLQ24" s="8"/>
      <c r="RLR24" s="8"/>
      <c r="RLS24" s="8"/>
      <c r="RLT24" s="8"/>
      <c r="RLU24" s="8"/>
      <c r="RLV24" s="8"/>
      <c r="RLW24" s="8"/>
      <c r="RLX24" s="8"/>
      <c r="RLY24" s="8"/>
      <c r="RLZ24" s="8"/>
      <c r="RMA24" s="8"/>
      <c r="RMB24" s="8"/>
      <c r="RMC24" s="8"/>
      <c r="RMD24" s="8"/>
      <c r="RME24" s="8"/>
      <c r="RMF24" s="8"/>
      <c r="RMG24" s="8"/>
      <c r="RMH24" s="8"/>
      <c r="RMI24" s="8"/>
      <c r="RMJ24" s="8"/>
      <c r="RMK24" s="8"/>
      <c r="RML24" s="8"/>
      <c r="RMM24" s="8"/>
      <c r="RMN24" s="8"/>
      <c r="RMO24" s="8"/>
      <c r="RMP24" s="8"/>
      <c r="RMQ24" s="8"/>
      <c r="RMR24" s="8"/>
      <c r="RMS24" s="8"/>
      <c r="RMT24" s="8"/>
      <c r="RMU24" s="8"/>
      <c r="RMV24" s="8"/>
      <c r="RMW24" s="8"/>
      <c r="RMX24" s="8"/>
      <c r="RMY24" s="8"/>
      <c r="RMZ24" s="8"/>
      <c r="RNA24" s="8"/>
      <c r="RNB24" s="8"/>
      <c r="RNC24" s="8"/>
      <c r="RND24" s="8"/>
      <c r="RNE24" s="8"/>
      <c r="RNF24" s="8"/>
      <c r="RNG24" s="8"/>
      <c r="RNH24" s="8"/>
      <c r="RNI24" s="8"/>
      <c r="RNJ24" s="8"/>
      <c r="RNK24" s="8"/>
      <c r="RNL24" s="8"/>
      <c r="RNM24" s="8"/>
      <c r="RNN24" s="8"/>
      <c r="RNO24" s="8"/>
      <c r="RNP24" s="8"/>
      <c r="RNQ24" s="8"/>
      <c r="RNR24" s="8"/>
      <c r="RNS24" s="8"/>
      <c r="RNT24" s="8"/>
      <c r="RNU24" s="8"/>
      <c r="RNV24" s="8"/>
      <c r="RNW24" s="8"/>
      <c r="RNX24" s="8"/>
      <c r="RNY24" s="8"/>
      <c r="RNZ24" s="8"/>
      <c r="ROA24" s="8"/>
      <c r="ROB24" s="8"/>
      <c r="ROC24" s="8"/>
      <c r="ROD24" s="8"/>
      <c r="ROE24" s="8"/>
      <c r="ROF24" s="8"/>
      <c r="ROG24" s="8"/>
      <c r="ROH24" s="8"/>
      <c r="ROI24" s="8"/>
      <c r="ROJ24" s="8"/>
      <c r="ROK24" s="8"/>
      <c r="ROL24" s="8"/>
      <c r="ROM24" s="8"/>
      <c r="RON24" s="8"/>
      <c r="ROO24" s="8"/>
      <c r="ROP24" s="8"/>
      <c r="ROQ24" s="8"/>
      <c r="ROR24" s="8"/>
      <c r="ROS24" s="8"/>
      <c r="ROT24" s="8"/>
      <c r="ROU24" s="8"/>
      <c r="ROV24" s="8"/>
      <c r="ROW24" s="8"/>
      <c r="ROX24" s="8"/>
      <c r="ROY24" s="8"/>
      <c r="ROZ24" s="8"/>
      <c r="RPA24" s="8"/>
      <c r="RPB24" s="8"/>
      <c r="RPC24" s="8"/>
      <c r="RPD24" s="8"/>
      <c r="RPE24" s="8"/>
      <c r="RPF24" s="8"/>
      <c r="RPG24" s="8"/>
      <c r="RPH24" s="8"/>
      <c r="RPI24" s="8"/>
      <c r="RPJ24" s="8"/>
      <c r="RPK24" s="8"/>
      <c r="RPL24" s="8"/>
      <c r="RPM24" s="8"/>
      <c r="RPN24" s="8"/>
      <c r="RPO24" s="8"/>
      <c r="RPP24" s="8"/>
      <c r="RPQ24" s="8"/>
      <c r="RPR24" s="8"/>
      <c r="RPS24" s="8"/>
      <c r="RPT24" s="8"/>
      <c r="RPU24" s="8"/>
      <c r="RPV24" s="8"/>
      <c r="RPW24" s="8"/>
      <c r="RPX24" s="8"/>
      <c r="RPY24" s="8"/>
      <c r="RPZ24" s="8"/>
      <c r="RQA24" s="8"/>
      <c r="RQB24" s="8"/>
      <c r="RQC24" s="8"/>
      <c r="RQD24" s="8"/>
      <c r="RQE24" s="8"/>
      <c r="RQF24" s="8"/>
      <c r="RQG24" s="8"/>
      <c r="RQH24" s="8"/>
      <c r="RQI24" s="8"/>
      <c r="RQJ24" s="8"/>
      <c r="RQK24" s="8"/>
      <c r="RQL24" s="8"/>
      <c r="RQM24" s="8"/>
      <c r="RQN24" s="8"/>
      <c r="RQO24" s="8"/>
      <c r="RQP24" s="8"/>
      <c r="RQQ24" s="8"/>
      <c r="RQR24" s="8"/>
      <c r="RQS24" s="8"/>
      <c r="RQT24" s="8"/>
      <c r="RQU24" s="8"/>
      <c r="RQV24" s="8"/>
      <c r="RQW24" s="8"/>
      <c r="RQX24" s="8"/>
      <c r="RQY24" s="8"/>
      <c r="RQZ24" s="8"/>
      <c r="RRA24" s="8"/>
      <c r="RRB24" s="8"/>
      <c r="RRC24" s="8"/>
      <c r="RRD24" s="8"/>
      <c r="RRE24" s="8"/>
      <c r="RRF24" s="8"/>
      <c r="RRG24" s="8"/>
      <c r="RRH24" s="8"/>
      <c r="RRI24" s="8"/>
      <c r="RRJ24" s="8"/>
      <c r="RRK24" s="8"/>
      <c r="RRL24" s="8"/>
      <c r="RRM24" s="8"/>
      <c r="RRN24" s="8"/>
      <c r="RRO24" s="8"/>
      <c r="RRP24" s="8"/>
      <c r="RRQ24" s="8"/>
      <c r="RRR24" s="8"/>
      <c r="RRS24" s="8"/>
      <c r="RRT24" s="8"/>
      <c r="RRU24" s="8"/>
      <c r="RRV24" s="8"/>
      <c r="RRW24" s="8"/>
      <c r="RRX24" s="8"/>
      <c r="RRY24" s="8"/>
      <c r="RRZ24" s="8"/>
      <c r="RSA24" s="8"/>
      <c r="RSB24" s="8"/>
      <c r="RSC24" s="8"/>
      <c r="RSD24" s="8"/>
      <c r="RSE24" s="8"/>
      <c r="RSF24" s="8"/>
      <c r="RSG24" s="8"/>
      <c r="RSH24" s="8"/>
      <c r="RSI24" s="8"/>
      <c r="RSJ24" s="8"/>
      <c r="RSK24" s="8"/>
      <c r="RSL24" s="8"/>
      <c r="RSM24" s="8"/>
      <c r="RSN24" s="8"/>
      <c r="RSO24" s="8"/>
      <c r="RSP24" s="8"/>
      <c r="RSQ24" s="8"/>
      <c r="RSR24" s="8"/>
      <c r="RSS24" s="8"/>
      <c r="RST24" s="8"/>
      <c r="RSU24" s="8"/>
      <c r="RSV24" s="8"/>
      <c r="RSW24" s="8"/>
      <c r="RSX24" s="8"/>
      <c r="RSY24" s="8"/>
      <c r="RSZ24" s="8"/>
      <c r="RTA24" s="8"/>
      <c r="RTB24" s="8"/>
      <c r="RTC24" s="8"/>
      <c r="RTD24" s="8"/>
      <c r="RTE24" s="8"/>
      <c r="RTF24" s="8"/>
      <c r="RTG24" s="8"/>
      <c r="RTH24" s="8"/>
      <c r="RTI24" s="8"/>
      <c r="RTJ24" s="8"/>
      <c r="RTK24" s="8"/>
      <c r="RTL24" s="8"/>
      <c r="RTM24" s="8"/>
      <c r="RTN24" s="8"/>
      <c r="RTO24" s="8"/>
      <c r="RTP24" s="8"/>
      <c r="RTQ24" s="8"/>
      <c r="RTR24" s="8"/>
      <c r="RTS24" s="8"/>
      <c r="RTT24" s="8"/>
      <c r="RTU24" s="8"/>
      <c r="RTV24" s="8"/>
      <c r="RTW24" s="8"/>
      <c r="RTX24" s="8"/>
      <c r="RTY24" s="8"/>
      <c r="RTZ24" s="8"/>
      <c r="RUA24" s="8"/>
      <c r="RUB24" s="8"/>
      <c r="RUC24" s="8"/>
      <c r="RUD24" s="8"/>
      <c r="RUE24" s="8"/>
      <c r="RUF24" s="8"/>
      <c r="RUG24" s="8"/>
      <c r="RUH24" s="8"/>
      <c r="RUI24" s="8"/>
      <c r="RUJ24" s="8"/>
      <c r="RUK24" s="8"/>
      <c r="RUL24" s="8"/>
      <c r="RUM24" s="8"/>
      <c r="RUN24" s="8"/>
      <c r="RUO24" s="8"/>
      <c r="RUP24" s="8"/>
      <c r="RUQ24" s="8"/>
      <c r="RUR24" s="8"/>
      <c r="RUS24" s="8"/>
      <c r="RUT24" s="8"/>
      <c r="RUU24" s="8"/>
      <c r="RUV24" s="8"/>
      <c r="RUW24" s="8"/>
      <c r="RUX24" s="8"/>
      <c r="RUY24" s="8"/>
      <c r="RUZ24" s="8"/>
      <c r="RVA24" s="8"/>
      <c r="RVB24" s="8"/>
      <c r="RVC24" s="8"/>
      <c r="RVD24" s="8"/>
      <c r="RVE24" s="8"/>
      <c r="RVF24" s="8"/>
      <c r="RVG24" s="8"/>
      <c r="RVH24" s="8"/>
      <c r="RVI24" s="8"/>
      <c r="RVJ24" s="8"/>
      <c r="RVK24" s="8"/>
      <c r="RVL24" s="8"/>
      <c r="RVM24" s="8"/>
      <c r="RVN24" s="8"/>
      <c r="RVO24" s="8"/>
      <c r="RVP24" s="8"/>
      <c r="RVQ24" s="8"/>
      <c r="RVR24" s="8"/>
      <c r="RVS24" s="8"/>
      <c r="RVT24" s="8"/>
      <c r="RVU24" s="8"/>
      <c r="RVV24" s="8"/>
      <c r="RVW24" s="8"/>
      <c r="RVX24" s="8"/>
      <c r="RVY24" s="8"/>
      <c r="RVZ24" s="8"/>
      <c r="RWA24" s="8"/>
      <c r="RWB24" s="8"/>
      <c r="RWC24" s="8"/>
      <c r="RWD24" s="8"/>
      <c r="RWE24" s="8"/>
      <c r="RWF24" s="8"/>
      <c r="RWG24" s="8"/>
      <c r="RWH24" s="8"/>
      <c r="RWI24" s="8"/>
      <c r="RWJ24" s="8"/>
      <c r="RWK24" s="8"/>
      <c r="RWL24" s="8"/>
      <c r="RWM24" s="8"/>
      <c r="RWN24" s="8"/>
      <c r="RWO24" s="8"/>
      <c r="RWP24" s="8"/>
      <c r="RWQ24" s="8"/>
      <c r="RWR24" s="8"/>
      <c r="RWS24" s="8"/>
      <c r="RWT24" s="8"/>
      <c r="RWU24" s="8"/>
      <c r="RWV24" s="8"/>
      <c r="RWW24" s="8"/>
      <c r="RWX24" s="8"/>
      <c r="RWY24" s="8"/>
      <c r="RWZ24" s="8"/>
      <c r="RXA24" s="8"/>
      <c r="RXB24" s="8"/>
      <c r="RXC24" s="8"/>
      <c r="RXD24" s="8"/>
      <c r="RXE24" s="8"/>
      <c r="RXF24" s="8"/>
      <c r="RXG24" s="8"/>
      <c r="RXH24" s="8"/>
      <c r="RXI24" s="8"/>
      <c r="RXJ24" s="8"/>
      <c r="RXK24" s="8"/>
      <c r="RXL24" s="8"/>
      <c r="RXM24" s="8"/>
      <c r="RXN24" s="8"/>
      <c r="RXO24" s="8"/>
      <c r="RXP24" s="8"/>
      <c r="RXQ24" s="8"/>
      <c r="RXR24" s="8"/>
      <c r="RXS24" s="8"/>
      <c r="RXT24" s="8"/>
      <c r="RXU24" s="8"/>
      <c r="RXV24" s="8"/>
      <c r="RXW24" s="8"/>
      <c r="RXX24" s="8"/>
      <c r="RXY24" s="8"/>
      <c r="RXZ24" s="8"/>
      <c r="RYA24" s="8"/>
      <c r="RYB24" s="8"/>
      <c r="RYC24" s="8"/>
      <c r="RYD24" s="8"/>
      <c r="RYE24" s="8"/>
      <c r="RYF24" s="8"/>
      <c r="RYG24" s="8"/>
      <c r="RYH24" s="8"/>
      <c r="RYI24" s="8"/>
      <c r="RYJ24" s="8"/>
      <c r="RYK24" s="8"/>
      <c r="RYL24" s="8"/>
      <c r="RYM24" s="8"/>
      <c r="RYN24" s="8"/>
      <c r="RYO24" s="8"/>
      <c r="RYP24" s="8"/>
      <c r="RYQ24" s="8"/>
      <c r="RYR24" s="8"/>
      <c r="RYS24" s="8"/>
      <c r="RYT24" s="8"/>
      <c r="RYU24" s="8"/>
      <c r="RYV24" s="8"/>
      <c r="RYW24" s="8"/>
      <c r="RYX24" s="8"/>
      <c r="RYY24" s="8"/>
      <c r="RYZ24" s="8"/>
      <c r="RZA24" s="8"/>
      <c r="RZB24" s="8"/>
      <c r="RZC24" s="8"/>
      <c r="RZD24" s="8"/>
      <c r="RZE24" s="8"/>
      <c r="RZF24" s="8"/>
      <c r="RZG24" s="8"/>
      <c r="RZH24" s="8"/>
      <c r="RZI24" s="8"/>
      <c r="RZJ24" s="8"/>
      <c r="RZK24" s="8"/>
      <c r="RZL24" s="8"/>
      <c r="RZM24" s="8"/>
      <c r="RZN24" s="8"/>
      <c r="RZO24" s="8"/>
      <c r="RZP24" s="8"/>
      <c r="RZQ24" s="8"/>
      <c r="RZR24" s="8"/>
      <c r="RZS24" s="8"/>
      <c r="RZT24" s="8"/>
      <c r="RZU24" s="8"/>
      <c r="RZV24" s="8"/>
      <c r="RZW24" s="8"/>
      <c r="RZX24" s="8"/>
      <c r="RZY24" s="8"/>
      <c r="RZZ24" s="8"/>
      <c r="SAA24" s="8"/>
      <c r="SAB24" s="8"/>
      <c r="SAC24" s="8"/>
      <c r="SAD24" s="8"/>
      <c r="SAE24" s="8"/>
      <c r="SAF24" s="8"/>
      <c r="SAG24" s="8"/>
      <c r="SAH24" s="8"/>
      <c r="SAI24" s="8"/>
      <c r="SAJ24" s="8"/>
      <c r="SAK24" s="8"/>
      <c r="SAL24" s="8"/>
      <c r="SAM24" s="8"/>
      <c r="SAN24" s="8"/>
      <c r="SAO24" s="8"/>
      <c r="SAP24" s="8"/>
      <c r="SAQ24" s="8"/>
      <c r="SAR24" s="8"/>
      <c r="SAS24" s="8"/>
      <c r="SAT24" s="8"/>
      <c r="SAU24" s="8"/>
      <c r="SAV24" s="8"/>
      <c r="SAW24" s="8"/>
      <c r="SAX24" s="8"/>
      <c r="SAY24" s="8"/>
      <c r="SAZ24" s="8"/>
      <c r="SBA24" s="8"/>
      <c r="SBB24" s="8"/>
      <c r="SBC24" s="8"/>
      <c r="SBD24" s="8"/>
      <c r="SBE24" s="8"/>
      <c r="SBF24" s="8"/>
      <c r="SBG24" s="8"/>
      <c r="SBH24" s="8"/>
      <c r="SBI24" s="8"/>
      <c r="SBJ24" s="8"/>
      <c r="SBK24" s="8"/>
      <c r="SBL24" s="8"/>
      <c r="SBM24" s="8"/>
      <c r="SBN24" s="8"/>
      <c r="SBO24" s="8"/>
      <c r="SBP24" s="8"/>
      <c r="SBQ24" s="8"/>
      <c r="SBR24" s="8"/>
      <c r="SBS24" s="8"/>
      <c r="SBT24" s="8"/>
      <c r="SBU24" s="8"/>
      <c r="SBV24" s="8"/>
      <c r="SBW24" s="8"/>
      <c r="SBX24" s="8"/>
      <c r="SBY24" s="8"/>
      <c r="SBZ24" s="8"/>
      <c r="SCA24" s="8"/>
      <c r="SCB24" s="8"/>
      <c r="SCC24" s="8"/>
      <c r="SCD24" s="8"/>
      <c r="SCE24" s="8"/>
      <c r="SCF24" s="8"/>
      <c r="SCG24" s="8"/>
      <c r="SCH24" s="8"/>
      <c r="SCI24" s="8"/>
      <c r="SCJ24" s="8"/>
      <c r="SCK24" s="8"/>
      <c r="SCL24" s="8"/>
      <c r="SCM24" s="8"/>
      <c r="SCN24" s="8"/>
      <c r="SCO24" s="8"/>
      <c r="SCP24" s="8"/>
      <c r="SCQ24" s="8"/>
      <c r="SCR24" s="8"/>
      <c r="SCS24" s="8"/>
      <c r="SCT24" s="8"/>
      <c r="SCU24" s="8"/>
      <c r="SCV24" s="8"/>
      <c r="SCW24" s="8"/>
      <c r="SCX24" s="8"/>
      <c r="SCY24" s="8"/>
      <c r="SCZ24" s="8"/>
      <c r="SDA24" s="8"/>
      <c r="SDB24" s="8"/>
      <c r="SDC24" s="8"/>
      <c r="SDD24" s="8"/>
      <c r="SDE24" s="8"/>
      <c r="SDF24" s="8"/>
      <c r="SDG24" s="8"/>
      <c r="SDH24" s="8"/>
      <c r="SDI24" s="8"/>
      <c r="SDJ24" s="8"/>
      <c r="SDK24" s="8"/>
      <c r="SDL24" s="8"/>
      <c r="SDM24" s="8"/>
      <c r="SDN24" s="8"/>
      <c r="SDO24" s="8"/>
      <c r="SDP24" s="8"/>
      <c r="SDQ24" s="8"/>
      <c r="SDR24" s="8"/>
      <c r="SDS24" s="8"/>
      <c r="SDT24" s="8"/>
      <c r="SDU24" s="8"/>
      <c r="SDV24" s="8"/>
      <c r="SDW24" s="8"/>
      <c r="SDX24" s="8"/>
      <c r="SDY24" s="8"/>
      <c r="SDZ24" s="8"/>
      <c r="SEA24" s="8"/>
      <c r="SEB24" s="8"/>
      <c r="SEC24" s="8"/>
      <c r="SED24" s="8"/>
      <c r="SEE24" s="8"/>
      <c r="SEF24" s="8"/>
      <c r="SEG24" s="8"/>
      <c r="SEH24" s="8"/>
      <c r="SEI24" s="8"/>
      <c r="SEJ24" s="8"/>
      <c r="SEK24" s="8"/>
      <c r="SEL24" s="8"/>
      <c r="SEM24" s="8"/>
      <c r="SEN24" s="8"/>
      <c r="SEO24" s="8"/>
      <c r="SEP24" s="8"/>
      <c r="SEQ24" s="8"/>
      <c r="SER24" s="8"/>
      <c r="SES24" s="8"/>
      <c r="SET24" s="8"/>
      <c r="SEU24" s="8"/>
      <c r="SEV24" s="8"/>
      <c r="SEW24" s="8"/>
      <c r="SEX24" s="8"/>
      <c r="SEY24" s="8"/>
      <c r="SEZ24" s="8"/>
      <c r="SFA24" s="8"/>
      <c r="SFB24" s="8"/>
      <c r="SFC24" s="8"/>
      <c r="SFD24" s="8"/>
      <c r="SFE24" s="8"/>
      <c r="SFF24" s="8"/>
      <c r="SFG24" s="8"/>
      <c r="SFH24" s="8"/>
      <c r="SFI24" s="8"/>
      <c r="SFJ24" s="8"/>
      <c r="SFK24" s="8"/>
      <c r="SFL24" s="8"/>
      <c r="SFM24" s="8"/>
      <c r="SFN24" s="8"/>
      <c r="SFO24" s="8"/>
      <c r="SFP24" s="8"/>
      <c r="SFQ24" s="8"/>
      <c r="SFR24" s="8"/>
      <c r="SFS24" s="8"/>
      <c r="SFT24" s="8"/>
      <c r="SFU24" s="8"/>
      <c r="SFV24" s="8"/>
      <c r="SFW24" s="8"/>
      <c r="SFX24" s="8"/>
      <c r="SFY24" s="8"/>
      <c r="SFZ24" s="8"/>
      <c r="SGA24" s="8"/>
      <c r="SGB24" s="8"/>
      <c r="SGC24" s="8"/>
      <c r="SGD24" s="8"/>
      <c r="SGE24" s="8"/>
      <c r="SGF24" s="8"/>
      <c r="SGG24" s="8"/>
      <c r="SGH24" s="8"/>
      <c r="SGI24" s="8"/>
      <c r="SGJ24" s="8"/>
      <c r="SGK24" s="8"/>
      <c r="SGL24" s="8"/>
      <c r="SGM24" s="8"/>
      <c r="SGN24" s="8"/>
      <c r="SGO24" s="8"/>
      <c r="SGP24" s="8"/>
      <c r="SGQ24" s="8"/>
      <c r="SGR24" s="8"/>
      <c r="SGS24" s="8"/>
      <c r="SGT24" s="8"/>
      <c r="SGU24" s="8"/>
      <c r="SGV24" s="8"/>
      <c r="SGW24" s="8"/>
      <c r="SGX24" s="8"/>
      <c r="SGY24" s="8"/>
      <c r="SGZ24" s="8"/>
      <c r="SHA24" s="8"/>
      <c r="SHB24" s="8"/>
      <c r="SHC24" s="8"/>
      <c r="SHD24" s="8"/>
      <c r="SHE24" s="8"/>
      <c r="SHF24" s="8"/>
      <c r="SHG24" s="8"/>
      <c r="SHH24" s="8"/>
      <c r="SHI24" s="8"/>
      <c r="SHJ24" s="8"/>
      <c r="SHK24" s="8"/>
      <c r="SHL24" s="8"/>
      <c r="SHM24" s="8"/>
      <c r="SHN24" s="8"/>
      <c r="SHO24" s="8"/>
      <c r="SHP24" s="8"/>
      <c r="SHQ24" s="8"/>
      <c r="SHR24" s="8"/>
      <c r="SHS24" s="8"/>
      <c r="SHT24" s="8"/>
      <c r="SHU24" s="8"/>
      <c r="SHV24" s="8"/>
      <c r="SHW24" s="8"/>
      <c r="SHX24" s="8"/>
      <c r="SHY24" s="8"/>
      <c r="SHZ24" s="8"/>
      <c r="SIA24" s="8"/>
      <c r="SIB24" s="8"/>
      <c r="SIC24" s="8"/>
      <c r="SID24" s="8"/>
      <c r="SIE24" s="8"/>
      <c r="SIF24" s="8"/>
      <c r="SIG24" s="8"/>
      <c r="SIH24" s="8"/>
      <c r="SII24" s="8"/>
      <c r="SIJ24" s="8"/>
      <c r="SIK24" s="8"/>
      <c r="SIL24" s="8"/>
      <c r="SIM24" s="8"/>
      <c r="SIN24" s="8"/>
      <c r="SIO24" s="8"/>
      <c r="SIP24" s="8"/>
      <c r="SIQ24" s="8"/>
      <c r="SIR24" s="8"/>
      <c r="SIS24" s="8"/>
      <c r="SIT24" s="8"/>
      <c r="SIU24" s="8"/>
      <c r="SIV24" s="8"/>
      <c r="SIW24" s="8"/>
      <c r="SIX24" s="8"/>
      <c r="SIY24" s="8"/>
      <c r="SIZ24" s="8"/>
      <c r="SJA24" s="8"/>
      <c r="SJB24" s="8"/>
      <c r="SJC24" s="8"/>
      <c r="SJD24" s="8"/>
      <c r="SJE24" s="8"/>
      <c r="SJF24" s="8"/>
      <c r="SJG24" s="8"/>
      <c r="SJH24" s="8"/>
      <c r="SJI24" s="8"/>
      <c r="SJJ24" s="8"/>
      <c r="SJK24" s="8"/>
      <c r="SJL24" s="8"/>
      <c r="SJM24" s="8"/>
      <c r="SJN24" s="8"/>
      <c r="SJO24" s="8"/>
      <c r="SJP24" s="8"/>
      <c r="SJQ24" s="8"/>
      <c r="SJR24" s="8"/>
      <c r="SJS24" s="8"/>
      <c r="SJT24" s="8"/>
      <c r="SJU24" s="8"/>
      <c r="SJV24" s="8"/>
      <c r="SJW24" s="8"/>
      <c r="SJX24" s="8"/>
      <c r="SJY24" s="8"/>
      <c r="SJZ24" s="8"/>
      <c r="SKA24" s="8"/>
      <c r="SKB24" s="8"/>
      <c r="SKC24" s="8"/>
      <c r="SKD24" s="8"/>
      <c r="SKE24" s="8"/>
      <c r="SKF24" s="8"/>
      <c r="SKG24" s="8"/>
      <c r="SKH24" s="8"/>
      <c r="SKI24" s="8"/>
      <c r="SKJ24" s="8"/>
      <c r="SKK24" s="8"/>
      <c r="SKL24" s="8"/>
      <c r="SKM24" s="8"/>
      <c r="SKN24" s="8"/>
      <c r="SKO24" s="8"/>
      <c r="SKP24" s="8"/>
      <c r="SKQ24" s="8"/>
      <c r="SKR24" s="8"/>
      <c r="SKS24" s="8"/>
      <c r="SKT24" s="8"/>
      <c r="SKU24" s="8"/>
      <c r="SKV24" s="8"/>
      <c r="SKW24" s="8"/>
      <c r="SKX24" s="8"/>
      <c r="SKY24" s="8"/>
      <c r="SKZ24" s="8"/>
      <c r="SLA24" s="8"/>
      <c r="SLB24" s="8"/>
      <c r="SLC24" s="8"/>
      <c r="SLD24" s="8"/>
      <c r="SLE24" s="8"/>
      <c r="SLF24" s="8"/>
      <c r="SLG24" s="8"/>
      <c r="SLH24" s="8"/>
      <c r="SLI24" s="8"/>
      <c r="SLJ24" s="8"/>
      <c r="SLK24" s="8"/>
      <c r="SLL24" s="8"/>
      <c r="SLM24" s="8"/>
      <c r="SLN24" s="8"/>
      <c r="SLO24" s="8"/>
      <c r="SLP24" s="8"/>
      <c r="SLQ24" s="8"/>
      <c r="SLR24" s="8"/>
      <c r="SLS24" s="8"/>
      <c r="SLT24" s="8"/>
      <c r="SLU24" s="8"/>
      <c r="SLV24" s="8"/>
      <c r="SLW24" s="8"/>
      <c r="SLX24" s="8"/>
      <c r="SLY24" s="8"/>
      <c r="SLZ24" s="8"/>
      <c r="SMA24" s="8"/>
      <c r="SMB24" s="8"/>
      <c r="SMC24" s="8"/>
      <c r="SMD24" s="8"/>
      <c r="SME24" s="8"/>
      <c r="SMF24" s="8"/>
      <c r="SMG24" s="8"/>
      <c r="SMH24" s="8"/>
      <c r="SMI24" s="8"/>
      <c r="SMJ24" s="8"/>
      <c r="SMK24" s="8"/>
      <c r="SML24" s="8"/>
      <c r="SMM24" s="8"/>
      <c r="SMN24" s="8"/>
      <c r="SMO24" s="8"/>
      <c r="SMP24" s="8"/>
      <c r="SMQ24" s="8"/>
      <c r="SMR24" s="8"/>
      <c r="SMS24" s="8"/>
      <c r="SMT24" s="8"/>
      <c r="SMU24" s="8"/>
      <c r="SMV24" s="8"/>
      <c r="SMW24" s="8"/>
      <c r="SMX24" s="8"/>
      <c r="SMY24" s="8"/>
      <c r="SMZ24" s="8"/>
      <c r="SNA24" s="8"/>
      <c r="SNB24" s="8"/>
      <c r="SNC24" s="8"/>
      <c r="SND24" s="8"/>
      <c r="SNE24" s="8"/>
      <c r="SNF24" s="8"/>
      <c r="SNG24" s="8"/>
      <c r="SNH24" s="8"/>
      <c r="SNI24" s="8"/>
      <c r="SNJ24" s="8"/>
      <c r="SNK24" s="8"/>
      <c r="SNL24" s="8"/>
      <c r="SNM24" s="8"/>
      <c r="SNN24" s="8"/>
      <c r="SNO24" s="8"/>
      <c r="SNP24" s="8"/>
      <c r="SNQ24" s="8"/>
      <c r="SNR24" s="8"/>
      <c r="SNS24" s="8"/>
      <c r="SNT24" s="8"/>
      <c r="SNU24" s="8"/>
      <c r="SNV24" s="8"/>
      <c r="SNW24" s="8"/>
      <c r="SNX24" s="8"/>
      <c r="SNY24" s="8"/>
      <c r="SNZ24" s="8"/>
      <c r="SOA24" s="8"/>
      <c r="SOB24" s="8"/>
      <c r="SOC24" s="8"/>
      <c r="SOD24" s="8"/>
      <c r="SOE24" s="8"/>
      <c r="SOF24" s="8"/>
      <c r="SOG24" s="8"/>
      <c r="SOH24" s="8"/>
      <c r="SOI24" s="8"/>
      <c r="SOJ24" s="8"/>
      <c r="SOK24" s="8"/>
      <c r="SOL24" s="8"/>
      <c r="SOM24" s="8"/>
      <c r="SON24" s="8"/>
      <c r="SOO24" s="8"/>
      <c r="SOP24" s="8"/>
      <c r="SOQ24" s="8"/>
      <c r="SOR24" s="8"/>
      <c r="SOS24" s="8"/>
      <c r="SOT24" s="8"/>
      <c r="SOU24" s="8"/>
      <c r="SOV24" s="8"/>
      <c r="SOW24" s="8"/>
      <c r="SOX24" s="8"/>
      <c r="SOY24" s="8"/>
      <c r="SOZ24" s="8"/>
      <c r="SPA24" s="8"/>
      <c r="SPB24" s="8"/>
      <c r="SPC24" s="8"/>
      <c r="SPD24" s="8"/>
      <c r="SPE24" s="8"/>
      <c r="SPF24" s="8"/>
      <c r="SPG24" s="8"/>
      <c r="SPH24" s="8"/>
      <c r="SPI24" s="8"/>
      <c r="SPJ24" s="8"/>
      <c r="SPK24" s="8"/>
      <c r="SPL24" s="8"/>
      <c r="SPM24" s="8"/>
      <c r="SPN24" s="8"/>
      <c r="SPO24" s="8"/>
      <c r="SPP24" s="8"/>
      <c r="SPQ24" s="8"/>
      <c r="SPR24" s="8"/>
      <c r="SPS24" s="8"/>
      <c r="SPT24" s="8"/>
      <c r="SPU24" s="8"/>
      <c r="SPV24" s="8"/>
      <c r="SPW24" s="8"/>
      <c r="SPX24" s="8"/>
      <c r="SPY24" s="8"/>
      <c r="SPZ24" s="8"/>
      <c r="SQA24" s="8"/>
      <c r="SQB24" s="8"/>
      <c r="SQC24" s="8"/>
      <c r="SQD24" s="8"/>
      <c r="SQE24" s="8"/>
      <c r="SQF24" s="8"/>
      <c r="SQG24" s="8"/>
      <c r="SQH24" s="8"/>
      <c r="SQI24" s="8"/>
      <c r="SQJ24" s="8"/>
      <c r="SQK24" s="8"/>
      <c r="SQL24" s="8"/>
      <c r="SQM24" s="8"/>
      <c r="SQN24" s="8"/>
      <c r="SQO24" s="8"/>
      <c r="SQP24" s="8"/>
      <c r="SQQ24" s="8"/>
      <c r="SQR24" s="8"/>
      <c r="SQS24" s="8"/>
      <c r="SQT24" s="8"/>
      <c r="SQU24" s="8"/>
      <c r="SQV24" s="8"/>
      <c r="SQW24" s="8"/>
      <c r="SQX24" s="8"/>
      <c r="SQY24" s="8"/>
      <c r="SQZ24" s="8"/>
      <c r="SRA24" s="8"/>
      <c r="SRB24" s="8"/>
      <c r="SRC24" s="8"/>
      <c r="SRD24" s="8"/>
      <c r="SRE24" s="8"/>
      <c r="SRF24" s="8"/>
      <c r="SRG24" s="8"/>
      <c r="SRH24" s="8"/>
      <c r="SRI24" s="8"/>
      <c r="SRJ24" s="8"/>
      <c r="SRK24" s="8"/>
      <c r="SRL24" s="8"/>
      <c r="SRM24" s="8"/>
      <c r="SRN24" s="8"/>
      <c r="SRO24" s="8"/>
      <c r="SRP24" s="8"/>
      <c r="SRQ24" s="8"/>
      <c r="SRR24" s="8"/>
      <c r="SRS24" s="8"/>
      <c r="SRT24" s="8"/>
      <c r="SRU24" s="8"/>
      <c r="SRV24" s="8"/>
      <c r="SRW24" s="8"/>
      <c r="SRX24" s="8"/>
      <c r="SRY24" s="8"/>
      <c r="SRZ24" s="8"/>
      <c r="SSA24" s="8"/>
      <c r="SSB24" s="8"/>
      <c r="SSC24" s="8"/>
      <c r="SSD24" s="8"/>
      <c r="SSE24" s="8"/>
      <c r="SSF24" s="8"/>
      <c r="SSG24" s="8"/>
      <c r="SSH24" s="8"/>
      <c r="SSI24" s="8"/>
      <c r="SSJ24" s="8"/>
      <c r="SSK24" s="8"/>
      <c r="SSL24" s="8"/>
      <c r="SSM24" s="8"/>
      <c r="SSN24" s="8"/>
      <c r="SSO24" s="8"/>
      <c r="SSP24" s="8"/>
      <c r="SSQ24" s="8"/>
      <c r="SSR24" s="8"/>
      <c r="SSS24" s="8"/>
      <c r="SST24" s="8"/>
      <c r="SSU24" s="8"/>
      <c r="SSV24" s="8"/>
      <c r="SSW24" s="8"/>
      <c r="SSX24" s="8"/>
      <c r="SSY24" s="8"/>
      <c r="SSZ24" s="8"/>
      <c r="STA24" s="8"/>
      <c r="STB24" s="8"/>
      <c r="STC24" s="8"/>
      <c r="STD24" s="8"/>
      <c r="STE24" s="8"/>
      <c r="STF24" s="8"/>
      <c r="STG24" s="8"/>
      <c r="STH24" s="8"/>
      <c r="STI24" s="8"/>
      <c r="STJ24" s="8"/>
      <c r="STK24" s="8"/>
      <c r="STL24" s="8"/>
      <c r="STM24" s="8"/>
      <c r="STN24" s="8"/>
      <c r="STO24" s="8"/>
      <c r="STP24" s="8"/>
      <c r="STQ24" s="8"/>
      <c r="STR24" s="8"/>
      <c r="STS24" s="8"/>
      <c r="STT24" s="8"/>
      <c r="STU24" s="8"/>
      <c r="STV24" s="8"/>
      <c r="STW24" s="8"/>
      <c r="STX24" s="8"/>
      <c r="STY24" s="8"/>
      <c r="STZ24" s="8"/>
      <c r="SUA24" s="8"/>
      <c r="SUB24" s="8"/>
      <c r="SUC24" s="8"/>
      <c r="SUD24" s="8"/>
      <c r="SUE24" s="8"/>
      <c r="SUF24" s="8"/>
      <c r="SUG24" s="8"/>
      <c r="SUH24" s="8"/>
      <c r="SUI24" s="8"/>
      <c r="SUJ24" s="8"/>
      <c r="SUK24" s="8"/>
      <c r="SUL24" s="8"/>
      <c r="SUM24" s="8"/>
      <c r="SUN24" s="8"/>
      <c r="SUO24" s="8"/>
      <c r="SUP24" s="8"/>
      <c r="SUQ24" s="8"/>
      <c r="SUR24" s="8"/>
      <c r="SUS24" s="8"/>
      <c r="SUT24" s="8"/>
      <c r="SUU24" s="8"/>
      <c r="SUV24" s="8"/>
      <c r="SUW24" s="8"/>
      <c r="SUX24" s="8"/>
      <c r="SUY24" s="8"/>
      <c r="SUZ24" s="8"/>
      <c r="SVA24" s="8"/>
      <c r="SVB24" s="8"/>
      <c r="SVC24" s="8"/>
      <c r="SVD24" s="8"/>
      <c r="SVE24" s="8"/>
      <c r="SVF24" s="8"/>
      <c r="SVG24" s="8"/>
      <c r="SVH24" s="8"/>
      <c r="SVI24" s="8"/>
      <c r="SVJ24" s="8"/>
      <c r="SVK24" s="8"/>
      <c r="SVL24" s="8"/>
      <c r="SVM24" s="8"/>
      <c r="SVN24" s="8"/>
      <c r="SVO24" s="8"/>
      <c r="SVP24" s="8"/>
      <c r="SVQ24" s="8"/>
      <c r="SVR24" s="8"/>
      <c r="SVS24" s="8"/>
      <c r="SVT24" s="8"/>
      <c r="SVU24" s="8"/>
      <c r="SVV24" s="8"/>
      <c r="SVW24" s="8"/>
      <c r="SVX24" s="8"/>
      <c r="SVY24" s="8"/>
      <c r="SVZ24" s="8"/>
      <c r="SWA24" s="8"/>
      <c r="SWB24" s="8"/>
      <c r="SWC24" s="8"/>
      <c r="SWD24" s="8"/>
      <c r="SWE24" s="8"/>
      <c r="SWF24" s="8"/>
      <c r="SWG24" s="8"/>
      <c r="SWH24" s="8"/>
      <c r="SWI24" s="8"/>
      <c r="SWJ24" s="8"/>
      <c r="SWK24" s="8"/>
      <c r="SWL24" s="8"/>
      <c r="SWM24" s="8"/>
      <c r="SWN24" s="8"/>
      <c r="SWO24" s="8"/>
      <c r="SWP24" s="8"/>
      <c r="SWQ24" s="8"/>
      <c r="SWR24" s="8"/>
      <c r="SWS24" s="8"/>
      <c r="SWT24" s="8"/>
      <c r="SWU24" s="8"/>
      <c r="SWV24" s="8"/>
      <c r="SWW24" s="8"/>
      <c r="SWX24" s="8"/>
      <c r="SWY24" s="8"/>
      <c r="SWZ24" s="8"/>
      <c r="SXA24" s="8"/>
      <c r="SXB24" s="8"/>
      <c r="SXC24" s="8"/>
      <c r="SXD24" s="8"/>
      <c r="SXE24" s="8"/>
      <c r="SXF24" s="8"/>
      <c r="SXG24" s="8"/>
      <c r="SXH24" s="8"/>
      <c r="SXI24" s="8"/>
      <c r="SXJ24" s="8"/>
      <c r="SXK24" s="8"/>
      <c r="SXL24" s="8"/>
      <c r="SXM24" s="8"/>
      <c r="SXN24" s="8"/>
      <c r="SXO24" s="8"/>
      <c r="SXP24" s="8"/>
      <c r="SXQ24" s="8"/>
      <c r="SXR24" s="8"/>
      <c r="SXS24" s="8"/>
      <c r="SXT24" s="8"/>
      <c r="SXU24" s="8"/>
      <c r="SXV24" s="8"/>
      <c r="SXW24" s="8"/>
      <c r="SXX24" s="8"/>
      <c r="SXY24" s="8"/>
      <c r="SXZ24" s="8"/>
      <c r="SYA24" s="8"/>
      <c r="SYB24" s="8"/>
      <c r="SYC24" s="8"/>
      <c r="SYD24" s="8"/>
      <c r="SYE24" s="8"/>
      <c r="SYF24" s="8"/>
      <c r="SYG24" s="8"/>
      <c r="SYH24" s="8"/>
      <c r="SYI24" s="8"/>
      <c r="SYJ24" s="8"/>
      <c r="SYK24" s="8"/>
      <c r="SYL24" s="8"/>
      <c r="SYM24" s="8"/>
      <c r="SYN24" s="8"/>
      <c r="SYO24" s="8"/>
      <c r="SYP24" s="8"/>
      <c r="SYQ24" s="8"/>
      <c r="SYR24" s="8"/>
      <c r="SYS24" s="8"/>
      <c r="SYT24" s="8"/>
      <c r="SYU24" s="8"/>
      <c r="SYV24" s="8"/>
      <c r="SYW24" s="8"/>
      <c r="SYX24" s="8"/>
      <c r="SYY24" s="8"/>
      <c r="SYZ24" s="8"/>
      <c r="SZA24" s="8"/>
      <c r="SZB24" s="8"/>
      <c r="SZC24" s="8"/>
      <c r="SZD24" s="8"/>
      <c r="SZE24" s="8"/>
      <c r="SZF24" s="8"/>
      <c r="SZG24" s="8"/>
      <c r="SZH24" s="8"/>
      <c r="SZI24" s="8"/>
      <c r="SZJ24" s="8"/>
      <c r="SZK24" s="8"/>
      <c r="SZL24" s="8"/>
      <c r="SZM24" s="8"/>
      <c r="SZN24" s="8"/>
      <c r="SZO24" s="8"/>
      <c r="SZP24" s="8"/>
      <c r="SZQ24" s="8"/>
      <c r="SZR24" s="8"/>
      <c r="SZS24" s="8"/>
      <c r="SZT24" s="8"/>
      <c r="SZU24" s="8"/>
      <c r="SZV24" s="8"/>
      <c r="SZW24" s="8"/>
      <c r="SZX24" s="8"/>
      <c r="SZY24" s="8"/>
      <c r="SZZ24" s="8"/>
      <c r="TAA24" s="8"/>
      <c r="TAB24" s="8"/>
      <c r="TAC24" s="8"/>
      <c r="TAD24" s="8"/>
      <c r="TAE24" s="8"/>
      <c r="TAF24" s="8"/>
      <c r="TAG24" s="8"/>
      <c r="TAH24" s="8"/>
      <c r="TAI24" s="8"/>
      <c r="TAJ24" s="8"/>
      <c r="TAK24" s="8"/>
      <c r="TAL24" s="8"/>
      <c r="TAM24" s="8"/>
      <c r="TAN24" s="8"/>
      <c r="TAO24" s="8"/>
      <c r="TAP24" s="8"/>
      <c r="TAQ24" s="8"/>
      <c r="TAR24" s="8"/>
      <c r="TAS24" s="8"/>
      <c r="TAT24" s="8"/>
      <c r="TAU24" s="8"/>
      <c r="TAV24" s="8"/>
      <c r="TAW24" s="8"/>
      <c r="TAX24" s="8"/>
      <c r="TAY24" s="8"/>
      <c r="TAZ24" s="8"/>
      <c r="TBA24" s="8"/>
      <c r="TBB24" s="8"/>
      <c r="TBC24" s="8"/>
      <c r="TBD24" s="8"/>
      <c r="TBE24" s="8"/>
      <c r="TBF24" s="8"/>
      <c r="TBG24" s="8"/>
      <c r="TBH24" s="8"/>
      <c r="TBI24" s="8"/>
      <c r="TBJ24" s="8"/>
      <c r="TBK24" s="8"/>
      <c r="TBL24" s="8"/>
      <c r="TBM24" s="8"/>
      <c r="TBN24" s="8"/>
      <c r="TBO24" s="8"/>
      <c r="TBP24" s="8"/>
      <c r="TBQ24" s="8"/>
      <c r="TBR24" s="8"/>
      <c r="TBS24" s="8"/>
      <c r="TBT24" s="8"/>
      <c r="TBU24" s="8"/>
      <c r="TBV24" s="8"/>
      <c r="TBW24" s="8"/>
      <c r="TBX24" s="8"/>
      <c r="TBY24" s="8"/>
      <c r="TBZ24" s="8"/>
      <c r="TCA24" s="8"/>
      <c r="TCB24" s="8"/>
      <c r="TCC24" s="8"/>
      <c r="TCD24" s="8"/>
      <c r="TCE24" s="8"/>
      <c r="TCF24" s="8"/>
      <c r="TCG24" s="8"/>
      <c r="TCH24" s="8"/>
      <c r="TCI24" s="8"/>
      <c r="TCJ24" s="8"/>
      <c r="TCK24" s="8"/>
      <c r="TCL24" s="8"/>
      <c r="TCM24" s="8"/>
      <c r="TCN24" s="8"/>
      <c r="TCO24" s="8"/>
      <c r="TCP24" s="8"/>
      <c r="TCQ24" s="8"/>
      <c r="TCR24" s="8"/>
      <c r="TCS24" s="8"/>
      <c r="TCT24" s="8"/>
      <c r="TCU24" s="8"/>
      <c r="TCV24" s="8"/>
      <c r="TCW24" s="8"/>
      <c r="TCX24" s="8"/>
      <c r="TCY24" s="8"/>
      <c r="TCZ24" s="8"/>
      <c r="TDA24" s="8"/>
      <c r="TDB24" s="8"/>
      <c r="TDC24" s="8"/>
      <c r="TDD24" s="8"/>
      <c r="TDE24" s="8"/>
      <c r="TDF24" s="8"/>
      <c r="TDG24" s="8"/>
      <c r="TDH24" s="8"/>
      <c r="TDI24" s="8"/>
      <c r="TDJ24" s="8"/>
      <c r="TDK24" s="8"/>
      <c r="TDL24" s="8"/>
      <c r="TDM24" s="8"/>
      <c r="TDN24" s="8"/>
      <c r="TDO24" s="8"/>
      <c r="TDP24" s="8"/>
      <c r="TDQ24" s="8"/>
      <c r="TDR24" s="8"/>
      <c r="TDS24" s="8"/>
      <c r="TDT24" s="8"/>
      <c r="TDU24" s="8"/>
      <c r="TDV24" s="8"/>
      <c r="TDW24" s="8"/>
      <c r="TDX24" s="8"/>
      <c r="TDY24" s="8"/>
      <c r="TDZ24" s="8"/>
      <c r="TEA24" s="8"/>
      <c r="TEB24" s="8"/>
      <c r="TEC24" s="8"/>
      <c r="TED24" s="8"/>
      <c r="TEE24" s="8"/>
      <c r="TEF24" s="8"/>
      <c r="TEG24" s="8"/>
      <c r="TEH24" s="8"/>
      <c r="TEI24" s="8"/>
      <c r="TEJ24" s="8"/>
      <c r="TEK24" s="8"/>
      <c r="TEL24" s="8"/>
      <c r="TEM24" s="8"/>
      <c r="TEN24" s="8"/>
      <c r="TEO24" s="8"/>
      <c r="TEP24" s="8"/>
      <c r="TEQ24" s="8"/>
      <c r="TER24" s="8"/>
      <c r="TES24" s="8"/>
      <c r="TET24" s="8"/>
      <c r="TEU24" s="8"/>
      <c r="TEV24" s="8"/>
      <c r="TEW24" s="8"/>
      <c r="TEX24" s="8"/>
      <c r="TEY24" s="8"/>
      <c r="TEZ24" s="8"/>
      <c r="TFA24" s="8"/>
      <c r="TFB24" s="8"/>
      <c r="TFC24" s="8"/>
      <c r="TFD24" s="8"/>
      <c r="TFE24" s="8"/>
      <c r="TFF24" s="8"/>
      <c r="TFG24" s="8"/>
      <c r="TFH24" s="8"/>
      <c r="TFI24" s="8"/>
      <c r="TFJ24" s="8"/>
      <c r="TFK24" s="8"/>
      <c r="TFL24" s="8"/>
      <c r="TFM24" s="8"/>
      <c r="TFN24" s="8"/>
      <c r="TFO24" s="8"/>
      <c r="TFP24" s="8"/>
      <c r="TFQ24" s="8"/>
      <c r="TFR24" s="8"/>
      <c r="TFS24" s="8"/>
      <c r="TFT24" s="8"/>
      <c r="TFU24" s="8"/>
      <c r="TFV24" s="8"/>
      <c r="TFW24" s="8"/>
      <c r="TFX24" s="8"/>
      <c r="TFY24" s="8"/>
      <c r="TFZ24" s="8"/>
      <c r="TGA24" s="8"/>
      <c r="TGB24" s="8"/>
      <c r="TGC24" s="8"/>
      <c r="TGD24" s="8"/>
      <c r="TGE24" s="8"/>
      <c r="TGF24" s="8"/>
      <c r="TGG24" s="8"/>
      <c r="TGH24" s="8"/>
      <c r="TGI24" s="8"/>
      <c r="TGJ24" s="8"/>
      <c r="TGK24" s="8"/>
      <c r="TGL24" s="8"/>
      <c r="TGM24" s="8"/>
      <c r="TGN24" s="8"/>
      <c r="TGO24" s="8"/>
      <c r="TGP24" s="8"/>
      <c r="TGQ24" s="8"/>
      <c r="TGR24" s="8"/>
      <c r="TGS24" s="8"/>
      <c r="TGT24" s="8"/>
      <c r="TGU24" s="8"/>
      <c r="TGV24" s="8"/>
      <c r="TGW24" s="8"/>
      <c r="TGX24" s="8"/>
      <c r="TGY24" s="8"/>
      <c r="TGZ24" s="8"/>
      <c r="THA24" s="8"/>
      <c r="THB24" s="8"/>
      <c r="THC24" s="8"/>
      <c r="THD24" s="8"/>
      <c r="THE24" s="8"/>
      <c r="THF24" s="8"/>
      <c r="THG24" s="8"/>
      <c r="THH24" s="8"/>
      <c r="THI24" s="8"/>
      <c r="THJ24" s="8"/>
      <c r="THK24" s="8"/>
      <c r="THL24" s="8"/>
      <c r="THM24" s="8"/>
      <c r="THN24" s="8"/>
      <c r="THO24" s="8"/>
      <c r="THP24" s="8"/>
      <c r="THQ24" s="8"/>
      <c r="THR24" s="8"/>
      <c r="THS24" s="8"/>
      <c r="THT24" s="8"/>
      <c r="THU24" s="8"/>
      <c r="THV24" s="8"/>
      <c r="THW24" s="8"/>
      <c r="THX24" s="8"/>
      <c r="THY24" s="8"/>
      <c r="THZ24" s="8"/>
      <c r="TIA24" s="8"/>
      <c r="TIB24" s="8"/>
      <c r="TIC24" s="8"/>
      <c r="TID24" s="8"/>
      <c r="TIE24" s="8"/>
      <c r="TIF24" s="8"/>
      <c r="TIG24" s="8"/>
      <c r="TIH24" s="8"/>
      <c r="TII24" s="8"/>
      <c r="TIJ24" s="8"/>
      <c r="TIK24" s="8"/>
      <c r="TIL24" s="8"/>
      <c r="TIM24" s="8"/>
      <c r="TIN24" s="8"/>
      <c r="TIO24" s="8"/>
      <c r="TIP24" s="8"/>
      <c r="TIQ24" s="8"/>
      <c r="TIR24" s="8"/>
      <c r="TIS24" s="8"/>
      <c r="TIT24" s="8"/>
      <c r="TIU24" s="8"/>
      <c r="TIV24" s="8"/>
      <c r="TIW24" s="8"/>
      <c r="TIX24" s="8"/>
      <c r="TIY24" s="8"/>
      <c r="TIZ24" s="8"/>
      <c r="TJA24" s="8"/>
      <c r="TJB24" s="8"/>
      <c r="TJC24" s="8"/>
      <c r="TJD24" s="8"/>
      <c r="TJE24" s="8"/>
      <c r="TJF24" s="8"/>
      <c r="TJG24" s="8"/>
      <c r="TJH24" s="8"/>
      <c r="TJI24" s="8"/>
      <c r="TJJ24" s="8"/>
      <c r="TJK24" s="8"/>
      <c r="TJL24" s="8"/>
      <c r="TJM24" s="8"/>
      <c r="TJN24" s="8"/>
      <c r="TJO24" s="8"/>
      <c r="TJP24" s="8"/>
      <c r="TJQ24" s="8"/>
      <c r="TJR24" s="8"/>
      <c r="TJS24" s="8"/>
      <c r="TJT24" s="8"/>
      <c r="TJU24" s="8"/>
      <c r="TJV24" s="8"/>
      <c r="TJW24" s="8"/>
      <c r="TJX24" s="8"/>
      <c r="TJY24" s="8"/>
      <c r="TJZ24" s="8"/>
      <c r="TKA24" s="8"/>
      <c r="TKB24" s="8"/>
      <c r="TKC24" s="8"/>
      <c r="TKD24" s="8"/>
      <c r="TKE24" s="8"/>
      <c r="TKF24" s="8"/>
      <c r="TKG24" s="8"/>
      <c r="TKH24" s="8"/>
      <c r="TKI24" s="8"/>
      <c r="TKJ24" s="8"/>
      <c r="TKK24" s="8"/>
      <c r="TKL24" s="8"/>
      <c r="TKM24" s="8"/>
      <c r="TKN24" s="8"/>
      <c r="TKO24" s="8"/>
      <c r="TKP24" s="8"/>
      <c r="TKQ24" s="8"/>
      <c r="TKR24" s="8"/>
      <c r="TKS24" s="8"/>
      <c r="TKT24" s="8"/>
      <c r="TKU24" s="8"/>
      <c r="TKV24" s="8"/>
      <c r="TKW24" s="8"/>
      <c r="TKX24" s="8"/>
      <c r="TKY24" s="8"/>
      <c r="TKZ24" s="8"/>
      <c r="TLA24" s="8"/>
      <c r="TLB24" s="8"/>
      <c r="TLC24" s="8"/>
      <c r="TLD24" s="8"/>
      <c r="TLE24" s="8"/>
      <c r="TLF24" s="8"/>
      <c r="TLG24" s="8"/>
      <c r="TLH24" s="8"/>
      <c r="TLI24" s="8"/>
      <c r="TLJ24" s="8"/>
      <c r="TLK24" s="8"/>
      <c r="TLL24" s="8"/>
      <c r="TLM24" s="8"/>
      <c r="TLN24" s="8"/>
      <c r="TLO24" s="8"/>
      <c r="TLP24" s="8"/>
      <c r="TLQ24" s="8"/>
      <c r="TLR24" s="8"/>
      <c r="TLS24" s="8"/>
      <c r="TLT24" s="8"/>
      <c r="TLU24" s="8"/>
      <c r="TLV24" s="8"/>
      <c r="TLW24" s="8"/>
      <c r="TLX24" s="8"/>
      <c r="TLY24" s="8"/>
      <c r="TLZ24" s="8"/>
      <c r="TMA24" s="8"/>
      <c r="TMB24" s="8"/>
      <c r="TMC24" s="8"/>
      <c r="TMD24" s="8"/>
      <c r="TME24" s="8"/>
      <c r="TMF24" s="8"/>
      <c r="TMG24" s="8"/>
      <c r="TMH24" s="8"/>
      <c r="TMI24" s="8"/>
      <c r="TMJ24" s="8"/>
      <c r="TMK24" s="8"/>
      <c r="TML24" s="8"/>
      <c r="TMM24" s="8"/>
      <c r="TMN24" s="8"/>
      <c r="TMO24" s="8"/>
      <c r="TMP24" s="8"/>
      <c r="TMQ24" s="8"/>
      <c r="TMR24" s="8"/>
      <c r="TMS24" s="8"/>
      <c r="TMT24" s="8"/>
      <c r="TMU24" s="8"/>
      <c r="TMV24" s="8"/>
      <c r="TMW24" s="8"/>
      <c r="TMX24" s="8"/>
      <c r="TMY24" s="8"/>
      <c r="TMZ24" s="8"/>
      <c r="TNA24" s="8"/>
      <c r="TNB24" s="8"/>
      <c r="TNC24" s="8"/>
      <c r="TND24" s="8"/>
      <c r="TNE24" s="8"/>
      <c r="TNF24" s="8"/>
      <c r="TNG24" s="8"/>
      <c r="TNH24" s="8"/>
      <c r="TNI24" s="8"/>
      <c r="TNJ24" s="8"/>
      <c r="TNK24" s="8"/>
      <c r="TNL24" s="8"/>
      <c r="TNM24" s="8"/>
      <c r="TNN24" s="8"/>
      <c r="TNO24" s="8"/>
      <c r="TNP24" s="8"/>
      <c r="TNQ24" s="8"/>
      <c r="TNR24" s="8"/>
      <c r="TNS24" s="8"/>
      <c r="TNT24" s="8"/>
      <c r="TNU24" s="8"/>
      <c r="TNV24" s="8"/>
      <c r="TNW24" s="8"/>
      <c r="TNX24" s="8"/>
      <c r="TNY24" s="8"/>
      <c r="TNZ24" s="8"/>
      <c r="TOA24" s="8"/>
      <c r="TOB24" s="8"/>
      <c r="TOC24" s="8"/>
      <c r="TOD24" s="8"/>
      <c r="TOE24" s="8"/>
      <c r="TOF24" s="8"/>
      <c r="TOG24" s="8"/>
      <c r="TOH24" s="8"/>
      <c r="TOI24" s="8"/>
      <c r="TOJ24" s="8"/>
      <c r="TOK24" s="8"/>
      <c r="TOL24" s="8"/>
      <c r="TOM24" s="8"/>
      <c r="TON24" s="8"/>
      <c r="TOO24" s="8"/>
      <c r="TOP24" s="8"/>
      <c r="TOQ24" s="8"/>
      <c r="TOR24" s="8"/>
      <c r="TOS24" s="8"/>
      <c r="TOT24" s="8"/>
      <c r="TOU24" s="8"/>
      <c r="TOV24" s="8"/>
      <c r="TOW24" s="8"/>
      <c r="TOX24" s="8"/>
      <c r="TOY24" s="8"/>
      <c r="TOZ24" s="8"/>
      <c r="TPA24" s="8"/>
      <c r="TPB24" s="8"/>
      <c r="TPC24" s="8"/>
      <c r="TPD24" s="8"/>
      <c r="TPE24" s="8"/>
      <c r="TPF24" s="8"/>
      <c r="TPG24" s="8"/>
      <c r="TPH24" s="8"/>
      <c r="TPI24" s="8"/>
      <c r="TPJ24" s="8"/>
      <c r="TPK24" s="8"/>
      <c r="TPL24" s="8"/>
      <c r="TPM24" s="8"/>
      <c r="TPN24" s="8"/>
      <c r="TPO24" s="8"/>
      <c r="TPP24" s="8"/>
      <c r="TPQ24" s="8"/>
      <c r="TPR24" s="8"/>
      <c r="TPS24" s="8"/>
      <c r="TPT24" s="8"/>
      <c r="TPU24" s="8"/>
      <c r="TPV24" s="8"/>
      <c r="TPW24" s="8"/>
      <c r="TPX24" s="8"/>
      <c r="TPY24" s="8"/>
      <c r="TPZ24" s="8"/>
      <c r="TQA24" s="8"/>
      <c r="TQB24" s="8"/>
      <c r="TQC24" s="8"/>
      <c r="TQD24" s="8"/>
      <c r="TQE24" s="8"/>
      <c r="TQF24" s="8"/>
      <c r="TQG24" s="8"/>
      <c r="TQH24" s="8"/>
      <c r="TQI24" s="8"/>
      <c r="TQJ24" s="8"/>
      <c r="TQK24" s="8"/>
      <c r="TQL24" s="8"/>
      <c r="TQM24" s="8"/>
      <c r="TQN24" s="8"/>
      <c r="TQO24" s="8"/>
      <c r="TQP24" s="8"/>
      <c r="TQQ24" s="8"/>
      <c r="TQR24" s="8"/>
      <c r="TQS24" s="8"/>
      <c r="TQT24" s="8"/>
      <c r="TQU24" s="8"/>
      <c r="TQV24" s="8"/>
      <c r="TQW24" s="8"/>
      <c r="TQX24" s="8"/>
      <c r="TQY24" s="8"/>
      <c r="TQZ24" s="8"/>
      <c r="TRA24" s="8"/>
      <c r="TRB24" s="8"/>
      <c r="TRC24" s="8"/>
      <c r="TRD24" s="8"/>
      <c r="TRE24" s="8"/>
      <c r="TRF24" s="8"/>
      <c r="TRG24" s="8"/>
      <c r="TRH24" s="8"/>
      <c r="TRI24" s="8"/>
      <c r="TRJ24" s="8"/>
      <c r="TRK24" s="8"/>
      <c r="TRL24" s="8"/>
      <c r="TRM24" s="8"/>
      <c r="TRN24" s="8"/>
      <c r="TRO24" s="8"/>
      <c r="TRP24" s="8"/>
      <c r="TRQ24" s="8"/>
      <c r="TRR24" s="8"/>
      <c r="TRS24" s="8"/>
      <c r="TRT24" s="8"/>
      <c r="TRU24" s="8"/>
      <c r="TRV24" s="8"/>
      <c r="TRW24" s="8"/>
      <c r="TRX24" s="8"/>
      <c r="TRY24" s="8"/>
      <c r="TRZ24" s="8"/>
      <c r="TSA24" s="8"/>
      <c r="TSB24" s="8"/>
      <c r="TSC24" s="8"/>
      <c r="TSD24" s="8"/>
      <c r="TSE24" s="8"/>
      <c r="TSF24" s="8"/>
      <c r="TSG24" s="8"/>
      <c r="TSH24" s="8"/>
      <c r="TSI24" s="8"/>
      <c r="TSJ24" s="8"/>
      <c r="TSK24" s="8"/>
      <c r="TSL24" s="8"/>
      <c r="TSM24" s="8"/>
      <c r="TSN24" s="8"/>
      <c r="TSO24" s="8"/>
      <c r="TSP24" s="8"/>
      <c r="TSQ24" s="8"/>
      <c r="TSR24" s="8"/>
      <c r="TSS24" s="8"/>
      <c r="TST24" s="8"/>
      <c r="TSU24" s="8"/>
      <c r="TSV24" s="8"/>
      <c r="TSW24" s="8"/>
      <c r="TSX24" s="8"/>
      <c r="TSY24" s="8"/>
      <c r="TSZ24" s="8"/>
      <c r="TTA24" s="8"/>
      <c r="TTB24" s="8"/>
      <c r="TTC24" s="8"/>
      <c r="TTD24" s="8"/>
      <c r="TTE24" s="8"/>
      <c r="TTF24" s="8"/>
      <c r="TTG24" s="8"/>
      <c r="TTH24" s="8"/>
      <c r="TTI24" s="8"/>
      <c r="TTJ24" s="8"/>
      <c r="TTK24" s="8"/>
      <c r="TTL24" s="8"/>
      <c r="TTM24" s="8"/>
      <c r="TTN24" s="8"/>
      <c r="TTO24" s="8"/>
      <c r="TTP24" s="8"/>
      <c r="TTQ24" s="8"/>
      <c r="TTR24" s="8"/>
      <c r="TTS24" s="8"/>
      <c r="TTT24" s="8"/>
      <c r="TTU24" s="8"/>
      <c r="TTV24" s="8"/>
      <c r="TTW24" s="8"/>
      <c r="TTX24" s="8"/>
      <c r="TTY24" s="8"/>
      <c r="TTZ24" s="8"/>
      <c r="TUA24" s="8"/>
      <c r="TUB24" s="8"/>
      <c r="TUC24" s="8"/>
      <c r="TUD24" s="8"/>
      <c r="TUE24" s="8"/>
      <c r="TUF24" s="8"/>
      <c r="TUG24" s="8"/>
      <c r="TUH24" s="8"/>
      <c r="TUI24" s="8"/>
      <c r="TUJ24" s="8"/>
      <c r="TUK24" s="8"/>
      <c r="TUL24" s="8"/>
      <c r="TUM24" s="8"/>
      <c r="TUN24" s="8"/>
      <c r="TUO24" s="8"/>
      <c r="TUP24" s="8"/>
      <c r="TUQ24" s="8"/>
      <c r="TUR24" s="8"/>
      <c r="TUS24" s="8"/>
      <c r="TUT24" s="8"/>
      <c r="TUU24" s="8"/>
      <c r="TUV24" s="8"/>
      <c r="TUW24" s="8"/>
      <c r="TUX24" s="8"/>
      <c r="TUY24" s="8"/>
      <c r="TUZ24" s="8"/>
      <c r="TVA24" s="8"/>
      <c r="TVB24" s="8"/>
      <c r="TVC24" s="8"/>
      <c r="TVD24" s="8"/>
      <c r="TVE24" s="8"/>
      <c r="TVF24" s="8"/>
      <c r="TVG24" s="8"/>
      <c r="TVH24" s="8"/>
      <c r="TVI24" s="8"/>
      <c r="TVJ24" s="8"/>
      <c r="TVK24" s="8"/>
      <c r="TVL24" s="8"/>
      <c r="TVM24" s="8"/>
      <c r="TVN24" s="8"/>
      <c r="TVO24" s="8"/>
      <c r="TVP24" s="8"/>
      <c r="TVQ24" s="8"/>
      <c r="TVR24" s="8"/>
      <c r="TVS24" s="8"/>
      <c r="TVT24" s="8"/>
      <c r="TVU24" s="8"/>
      <c r="TVV24" s="8"/>
      <c r="TVW24" s="8"/>
      <c r="TVX24" s="8"/>
      <c r="TVY24" s="8"/>
      <c r="TVZ24" s="8"/>
      <c r="TWA24" s="8"/>
      <c r="TWB24" s="8"/>
      <c r="TWC24" s="8"/>
      <c r="TWD24" s="8"/>
      <c r="TWE24" s="8"/>
      <c r="TWF24" s="8"/>
      <c r="TWG24" s="8"/>
      <c r="TWH24" s="8"/>
      <c r="TWI24" s="8"/>
      <c r="TWJ24" s="8"/>
      <c r="TWK24" s="8"/>
      <c r="TWL24" s="8"/>
      <c r="TWM24" s="8"/>
      <c r="TWN24" s="8"/>
      <c r="TWO24" s="8"/>
      <c r="TWP24" s="8"/>
      <c r="TWQ24" s="8"/>
      <c r="TWR24" s="8"/>
      <c r="TWS24" s="8"/>
      <c r="TWT24" s="8"/>
      <c r="TWU24" s="8"/>
      <c r="TWV24" s="8"/>
      <c r="TWW24" s="8"/>
      <c r="TWX24" s="8"/>
      <c r="TWY24" s="8"/>
      <c r="TWZ24" s="8"/>
      <c r="TXA24" s="8"/>
      <c r="TXB24" s="8"/>
      <c r="TXC24" s="8"/>
      <c r="TXD24" s="8"/>
      <c r="TXE24" s="8"/>
      <c r="TXF24" s="8"/>
      <c r="TXG24" s="8"/>
      <c r="TXH24" s="8"/>
      <c r="TXI24" s="8"/>
      <c r="TXJ24" s="8"/>
      <c r="TXK24" s="8"/>
      <c r="TXL24" s="8"/>
      <c r="TXM24" s="8"/>
      <c r="TXN24" s="8"/>
      <c r="TXO24" s="8"/>
      <c r="TXP24" s="8"/>
      <c r="TXQ24" s="8"/>
      <c r="TXR24" s="8"/>
      <c r="TXS24" s="8"/>
      <c r="TXT24" s="8"/>
      <c r="TXU24" s="8"/>
      <c r="TXV24" s="8"/>
      <c r="TXW24" s="8"/>
      <c r="TXX24" s="8"/>
      <c r="TXY24" s="8"/>
      <c r="TXZ24" s="8"/>
      <c r="TYA24" s="8"/>
      <c r="TYB24" s="8"/>
      <c r="TYC24" s="8"/>
      <c r="TYD24" s="8"/>
      <c r="TYE24" s="8"/>
      <c r="TYF24" s="8"/>
      <c r="TYG24" s="8"/>
      <c r="TYH24" s="8"/>
      <c r="TYI24" s="8"/>
      <c r="TYJ24" s="8"/>
      <c r="TYK24" s="8"/>
      <c r="TYL24" s="8"/>
      <c r="TYM24" s="8"/>
      <c r="TYN24" s="8"/>
      <c r="TYO24" s="8"/>
      <c r="TYP24" s="8"/>
      <c r="TYQ24" s="8"/>
      <c r="TYR24" s="8"/>
      <c r="TYS24" s="8"/>
      <c r="TYT24" s="8"/>
      <c r="TYU24" s="8"/>
      <c r="TYV24" s="8"/>
      <c r="TYW24" s="8"/>
      <c r="TYX24" s="8"/>
      <c r="TYY24" s="8"/>
      <c r="TYZ24" s="8"/>
      <c r="TZA24" s="8"/>
      <c r="TZB24" s="8"/>
      <c r="TZC24" s="8"/>
      <c r="TZD24" s="8"/>
      <c r="TZE24" s="8"/>
      <c r="TZF24" s="8"/>
      <c r="TZG24" s="8"/>
      <c r="TZH24" s="8"/>
      <c r="TZI24" s="8"/>
      <c r="TZJ24" s="8"/>
      <c r="TZK24" s="8"/>
      <c r="TZL24" s="8"/>
      <c r="TZM24" s="8"/>
      <c r="TZN24" s="8"/>
      <c r="TZO24" s="8"/>
      <c r="TZP24" s="8"/>
      <c r="TZQ24" s="8"/>
      <c r="TZR24" s="8"/>
      <c r="TZS24" s="8"/>
      <c r="TZT24" s="8"/>
      <c r="TZU24" s="8"/>
      <c r="TZV24" s="8"/>
      <c r="TZW24" s="8"/>
      <c r="TZX24" s="8"/>
      <c r="TZY24" s="8"/>
      <c r="TZZ24" s="8"/>
      <c r="UAA24" s="8"/>
      <c r="UAB24" s="8"/>
      <c r="UAC24" s="8"/>
      <c r="UAD24" s="8"/>
      <c r="UAE24" s="8"/>
      <c r="UAF24" s="8"/>
      <c r="UAG24" s="8"/>
      <c r="UAH24" s="8"/>
      <c r="UAI24" s="8"/>
      <c r="UAJ24" s="8"/>
      <c r="UAK24" s="8"/>
      <c r="UAL24" s="8"/>
      <c r="UAM24" s="8"/>
      <c r="UAN24" s="8"/>
      <c r="UAO24" s="8"/>
      <c r="UAP24" s="8"/>
      <c r="UAQ24" s="8"/>
      <c r="UAR24" s="8"/>
      <c r="UAS24" s="8"/>
      <c r="UAT24" s="8"/>
      <c r="UAU24" s="8"/>
      <c r="UAV24" s="8"/>
      <c r="UAW24" s="8"/>
      <c r="UAX24" s="8"/>
      <c r="UAY24" s="8"/>
      <c r="UAZ24" s="8"/>
      <c r="UBA24" s="8"/>
      <c r="UBB24" s="8"/>
      <c r="UBC24" s="8"/>
      <c r="UBD24" s="8"/>
      <c r="UBE24" s="8"/>
      <c r="UBF24" s="8"/>
      <c r="UBG24" s="8"/>
      <c r="UBH24" s="8"/>
      <c r="UBI24" s="8"/>
      <c r="UBJ24" s="8"/>
      <c r="UBK24" s="8"/>
      <c r="UBL24" s="8"/>
      <c r="UBM24" s="8"/>
      <c r="UBN24" s="8"/>
      <c r="UBO24" s="8"/>
      <c r="UBP24" s="8"/>
      <c r="UBQ24" s="8"/>
      <c r="UBR24" s="8"/>
      <c r="UBS24" s="8"/>
      <c r="UBT24" s="8"/>
      <c r="UBU24" s="8"/>
      <c r="UBV24" s="8"/>
      <c r="UBW24" s="8"/>
      <c r="UBX24" s="8"/>
      <c r="UBY24" s="8"/>
      <c r="UBZ24" s="8"/>
      <c r="UCA24" s="8"/>
      <c r="UCB24" s="8"/>
      <c r="UCC24" s="8"/>
      <c r="UCD24" s="8"/>
      <c r="UCE24" s="8"/>
      <c r="UCF24" s="8"/>
      <c r="UCG24" s="8"/>
      <c r="UCH24" s="8"/>
      <c r="UCI24" s="8"/>
      <c r="UCJ24" s="8"/>
      <c r="UCK24" s="8"/>
      <c r="UCL24" s="8"/>
      <c r="UCM24" s="8"/>
      <c r="UCN24" s="8"/>
      <c r="UCO24" s="8"/>
      <c r="UCP24" s="8"/>
      <c r="UCQ24" s="8"/>
      <c r="UCR24" s="8"/>
      <c r="UCS24" s="8"/>
      <c r="UCT24" s="8"/>
      <c r="UCU24" s="8"/>
      <c r="UCV24" s="8"/>
      <c r="UCW24" s="8"/>
      <c r="UCX24" s="8"/>
      <c r="UCY24" s="8"/>
      <c r="UCZ24" s="8"/>
      <c r="UDA24" s="8"/>
      <c r="UDB24" s="8"/>
      <c r="UDC24" s="8"/>
      <c r="UDD24" s="8"/>
      <c r="UDE24" s="8"/>
      <c r="UDF24" s="8"/>
      <c r="UDG24" s="8"/>
      <c r="UDH24" s="8"/>
      <c r="UDI24" s="8"/>
      <c r="UDJ24" s="8"/>
      <c r="UDK24" s="8"/>
      <c r="UDL24" s="8"/>
      <c r="UDM24" s="8"/>
      <c r="UDN24" s="8"/>
      <c r="UDO24" s="8"/>
      <c r="UDP24" s="8"/>
      <c r="UDQ24" s="8"/>
      <c r="UDR24" s="8"/>
      <c r="UDS24" s="8"/>
      <c r="UDT24" s="8"/>
      <c r="UDU24" s="8"/>
      <c r="UDV24" s="8"/>
      <c r="UDW24" s="8"/>
      <c r="UDX24" s="8"/>
      <c r="UDY24" s="8"/>
      <c r="UDZ24" s="8"/>
      <c r="UEA24" s="8"/>
      <c r="UEB24" s="8"/>
      <c r="UEC24" s="8"/>
      <c r="UED24" s="8"/>
      <c r="UEE24" s="8"/>
      <c r="UEF24" s="8"/>
      <c r="UEG24" s="8"/>
      <c r="UEH24" s="8"/>
      <c r="UEI24" s="8"/>
      <c r="UEJ24" s="8"/>
      <c r="UEK24" s="8"/>
      <c r="UEL24" s="8"/>
      <c r="UEM24" s="8"/>
      <c r="UEN24" s="8"/>
      <c r="UEO24" s="8"/>
      <c r="UEP24" s="8"/>
      <c r="UEQ24" s="8"/>
      <c r="UER24" s="8"/>
      <c r="UES24" s="8"/>
      <c r="UET24" s="8"/>
      <c r="UEU24" s="8"/>
      <c r="UEV24" s="8"/>
      <c r="UEW24" s="8"/>
      <c r="UEX24" s="8"/>
      <c r="UEY24" s="8"/>
      <c r="UEZ24" s="8"/>
      <c r="UFA24" s="8"/>
      <c r="UFB24" s="8"/>
      <c r="UFC24" s="8"/>
      <c r="UFD24" s="8"/>
      <c r="UFE24" s="8"/>
      <c r="UFF24" s="8"/>
      <c r="UFG24" s="8"/>
      <c r="UFH24" s="8"/>
      <c r="UFI24" s="8"/>
      <c r="UFJ24" s="8"/>
      <c r="UFK24" s="8"/>
      <c r="UFL24" s="8"/>
      <c r="UFM24" s="8"/>
      <c r="UFN24" s="8"/>
      <c r="UFO24" s="8"/>
      <c r="UFP24" s="8"/>
      <c r="UFQ24" s="8"/>
      <c r="UFR24" s="8"/>
      <c r="UFS24" s="8"/>
      <c r="UFT24" s="8"/>
      <c r="UFU24" s="8"/>
      <c r="UFV24" s="8"/>
      <c r="UFW24" s="8"/>
      <c r="UFX24" s="8"/>
      <c r="UFY24" s="8"/>
      <c r="UFZ24" s="8"/>
      <c r="UGA24" s="8"/>
      <c r="UGB24" s="8"/>
      <c r="UGC24" s="8"/>
      <c r="UGD24" s="8"/>
      <c r="UGE24" s="8"/>
      <c r="UGF24" s="8"/>
      <c r="UGG24" s="8"/>
      <c r="UGH24" s="8"/>
      <c r="UGI24" s="8"/>
      <c r="UGJ24" s="8"/>
      <c r="UGK24" s="8"/>
      <c r="UGL24" s="8"/>
      <c r="UGM24" s="8"/>
      <c r="UGN24" s="8"/>
      <c r="UGO24" s="8"/>
      <c r="UGP24" s="8"/>
      <c r="UGQ24" s="8"/>
      <c r="UGR24" s="8"/>
      <c r="UGS24" s="8"/>
      <c r="UGT24" s="8"/>
      <c r="UGU24" s="8"/>
      <c r="UGV24" s="8"/>
      <c r="UGW24" s="8"/>
      <c r="UGX24" s="8"/>
      <c r="UGY24" s="8"/>
      <c r="UGZ24" s="8"/>
      <c r="UHA24" s="8"/>
      <c r="UHB24" s="8"/>
      <c r="UHC24" s="8"/>
      <c r="UHD24" s="8"/>
      <c r="UHE24" s="8"/>
      <c r="UHF24" s="8"/>
      <c r="UHG24" s="8"/>
      <c r="UHH24" s="8"/>
      <c r="UHI24" s="8"/>
      <c r="UHJ24" s="8"/>
      <c r="UHK24" s="8"/>
      <c r="UHL24" s="8"/>
      <c r="UHM24" s="8"/>
      <c r="UHN24" s="8"/>
      <c r="UHO24" s="8"/>
      <c r="UHP24" s="8"/>
      <c r="UHQ24" s="8"/>
      <c r="UHR24" s="8"/>
      <c r="UHS24" s="8"/>
      <c r="UHT24" s="8"/>
      <c r="UHU24" s="8"/>
      <c r="UHV24" s="8"/>
      <c r="UHW24" s="8"/>
      <c r="UHX24" s="8"/>
      <c r="UHY24" s="8"/>
      <c r="UHZ24" s="8"/>
      <c r="UIA24" s="8"/>
      <c r="UIB24" s="8"/>
      <c r="UIC24" s="8"/>
      <c r="UID24" s="8"/>
      <c r="UIE24" s="8"/>
      <c r="UIF24" s="8"/>
      <c r="UIG24" s="8"/>
      <c r="UIH24" s="8"/>
      <c r="UII24" s="8"/>
      <c r="UIJ24" s="8"/>
      <c r="UIK24" s="8"/>
      <c r="UIL24" s="8"/>
      <c r="UIM24" s="8"/>
      <c r="UIN24" s="8"/>
      <c r="UIO24" s="8"/>
      <c r="UIP24" s="8"/>
      <c r="UIQ24" s="8"/>
      <c r="UIR24" s="8"/>
      <c r="UIS24" s="8"/>
      <c r="UIT24" s="8"/>
      <c r="UIU24" s="8"/>
      <c r="UIV24" s="8"/>
      <c r="UIW24" s="8"/>
      <c r="UIX24" s="8"/>
      <c r="UIY24" s="8"/>
      <c r="UIZ24" s="8"/>
      <c r="UJA24" s="8"/>
      <c r="UJB24" s="8"/>
      <c r="UJC24" s="8"/>
      <c r="UJD24" s="8"/>
      <c r="UJE24" s="8"/>
      <c r="UJF24" s="8"/>
      <c r="UJG24" s="8"/>
      <c r="UJH24" s="8"/>
      <c r="UJI24" s="8"/>
      <c r="UJJ24" s="8"/>
      <c r="UJK24" s="8"/>
      <c r="UJL24" s="8"/>
      <c r="UJM24" s="8"/>
      <c r="UJN24" s="8"/>
      <c r="UJO24" s="8"/>
      <c r="UJP24" s="8"/>
      <c r="UJQ24" s="8"/>
      <c r="UJR24" s="8"/>
      <c r="UJS24" s="8"/>
      <c r="UJT24" s="8"/>
      <c r="UJU24" s="8"/>
      <c r="UJV24" s="8"/>
      <c r="UJW24" s="8"/>
      <c r="UJX24" s="8"/>
      <c r="UJY24" s="8"/>
      <c r="UJZ24" s="8"/>
      <c r="UKA24" s="8"/>
      <c r="UKB24" s="8"/>
      <c r="UKC24" s="8"/>
      <c r="UKD24" s="8"/>
      <c r="UKE24" s="8"/>
      <c r="UKF24" s="8"/>
      <c r="UKG24" s="8"/>
      <c r="UKH24" s="8"/>
      <c r="UKI24" s="8"/>
      <c r="UKJ24" s="8"/>
      <c r="UKK24" s="8"/>
      <c r="UKL24" s="8"/>
      <c r="UKM24" s="8"/>
      <c r="UKN24" s="8"/>
      <c r="UKO24" s="8"/>
      <c r="UKP24" s="8"/>
      <c r="UKQ24" s="8"/>
      <c r="UKR24" s="8"/>
      <c r="UKS24" s="8"/>
      <c r="UKT24" s="8"/>
      <c r="UKU24" s="8"/>
      <c r="UKV24" s="8"/>
      <c r="UKW24" s="8"/>
      <c r="UKX24" s="8"/>
      <c r="UKY24" s="8"/>
      <c r="UKZ24" s="8"/>
      <c r="ULA24" s="8"/>
      <c r="ULB24" s="8"/>
      <c r="ULC24" s="8"/>
      <c r="ULD24" s="8"/>
      <c r="ULE24" s="8"/>
      <c r="ULF24" s="8"/>
      <c r="ULG24" s="8"/>
      <c r="ULH24" s="8"/>
      <c r="ULI24" s="8"/>
      <c r="ULJ24" s="8"/>
      <c r="ULK24" s="8"/>
      <c r="ULL24" s="8"/>
      <c r="ULM24" s="8"/>
      <c r="ULN24" s="8"/>
      <c r="ULO24" s="8"/>
      <c r="ULP24" s="8"/>
      <c r="ULQ24" s="8"/>
      <c r="ULR24" s="8"/>
      <c r="ULS24" s="8"/>
      <c r="ULT24" s="8"/>
      <c r="ULU24" s="8"/>
      <c r="ULV24" s="8"/>
      <c r="ULW24" s="8"/>
      <c r="ULX24" s="8"/>
      <c r="ULY24" s="8"/>
      <c r="ULZ24" s="8"/>
      <c r="UMA24" s="8"/>
      <c r="UMB24" s="8"/>
      <c r="UMC24" s="8"/>
      <c r="UMD24" s="8"/>
      <c r="UME24" s="8"/>
      <c r="UMF24" s="8"/>
      <c r="UMG24" s="8"/>
      <c r="UMH24" s="8"/>
      <c r="UMI24" s="8"/>
      <c r="UMJ24" s="8"/>
      <c r="UMK24" s="8"/>
      <c r="UML24" s="8"/>
      <c r="UMM24" s="8"/>
      <c r="UMN24" s="8"/>
      <c r="UMO24" s="8"/>
      <c r="UMP24" s="8"/>
      <c r="UMQ24" s="8"/>
      <c r="UMR24" s="8"/>
      <c r="UMS24" s="8"/>
      <c r="UMT24" s="8"/>
      <c r="UMU24" s="8"/>
      <c r="UMV24" s="8"/>
      <c r="UMW24" s="8"/>
      <c r="UMX24" s="8"/>
      <c r="UMY24" s="8"/>
      <c r="UMZ24" s="8"/>
      <c r="UNA24" s="8"/>
      <c r="UNB24" s="8"/>
      <c r="UNC24" s="8"/>
      <c r="UND24" s="8"/>
      <c r="UNE24" s="8"/>
      <c r="UNF24" s="8"/>
      <c r="UNG24" s="8"/>
      <c r="UNH24" s="8"/>
      <c r="UNI24" s="8"/>
      <c r="UNJ24" s="8"/>
      <c r="UNK24" s="8"/>
      <c r="UNL24" s="8"/>
      <c r="UNM24" s="8"/>
      <c r="UNN24" s="8"/>
      <c r="UNO24" s="8"/>
      <c r="UNP24" s="8"/>
      <c r="UNQ24" s="8"/>
      <c r="UNR24" s="8"/>
      <c r="UNS24" s="8"/>
      <c r="UNT24" s="8"/>
      <c r="UNU24" s="8"/>
      <c r="UNV24" s="8"/>
      <c r="UNW24" s="8"/>
      <c r="UNX24" s="8"/>
      <c r="UNY24" s="8"/>
      <c r="UNZ24" s="8"/>
      <c r="UOA24" s="8"/>
      <c r="UOB24" s="8"/>
      <c r="UOC24" s="8"/>
      <c r="UOD24" s="8"/>
      <c r="UOE24" s="8"/>
      <c r="UOF24" s="8"/>
      <c r="UOG24" s="8"/>
      <c r="UOH24" s="8"/>
      <c r="UOI24" s="8"/>
      <c r="UOJ24" s="8"/>
      <c r="UOK24" s="8"/>
      <c r="UOL24" s="8"/>
      <c r="UOM24" s="8"/>
      <c r="UON24" s="8"/>
      <c r="UOO24" s="8"/>
      <c r="UOP24" s="8"/>
      <c r="UOQ24" s="8"/>
      <c r="UOR24" s="8"/>
      <c r="UOS24" s="8"/>
      <c r="UOT24" s="8"/>
      <c r="UOU24" s="8"/>
      <c r="UOV24" s="8"/>
      <c r="UOW24" s="8"/>
      <c r="UOX24" s="8"/>
      <c r="UOY24" s="8"/>
      <c r="UOZ24" s="8"/>
      <c r="UPA24" s="8"/>
      <c r="UPB24" s="8"/>
      <c r="UPC24" s="8"/>
      <c r="UPD24" s="8"/>
      <c r="UPE24" s="8"/>
      <c r="UPF24" s="8"/>
      <c r="UPG24" s="8"/>
      <c r="UPH24" s="8"/>
      <c r="UPI24" s="8"/>
      <c r="UPJ24" s="8"/>
      <c r="UPK24" s="8"/>
      <c r="UPL24" s="8"/>
      <c r="UPM24" s="8"/>
      <c r="UPN24" s="8"/>
      <c r="UPO24" s="8"/>
      <c r="UPP24" s="8"/>
      <c r="UPQ24" s="8"/>
      <c r="UPR24" s="8"/>
      <c r="UPS24" s="8"/>
      <c r="UPT24" s="8"/>
      <c r="UPU24" s="8"/>
      <c r="UPV24" s="8"/>
      <c r="UPW24" s="8"/>
      <c r="UPX24" s="8"/>
      <c r="UPY24" s="8"/>
      <c r="UPZ24" s="8"/>
      <c r="UQA24" s="8"/>
      <c r="UQB24" s="8"/>
      <c r="UQC24" s="8"/>
      <c r="UQD24" s="8"/>
      <c r="UQE24" s="8"/>
      <c r="UQF24" s="8"/>
      <c r="UQG24" s="8"/>
      <c r="UQH24" s="8"/>
      <c r="UQI24" s="8"/>
      <c r="UQJ24" s="8"/>
      <c r="UQK24" s="8"/>
      <c r="UQL24" s="8"/>
      <c r="UQM24" s="8"/>
      <c r="UQN24" s="8"/>
      <c r="UQO24" s="8"/>
      <c r="UQP24" s="8"/>
      <c r="UQQ24" s="8"/>
      <c r="UQR24" s="8"/>
      <c r="UQS24" s="8"/>
      <c r="UQT24" s="8"/>
      <c r="UQU24" s="8"/>
      <c r="UQV24" s="8"/>
      <c r="UQW24" s="8"/>
      <c r="UQX24" s="8"/>
      <c r="UQY24" s="8"/>
      <c r="UQZ24" s="8"/>
      <c r="URA24" s="8"/>
      <c r="URB24" s="8"/>
      <c r="URC24" s="8"/>
      <c r="URD24" s="8"/>
      <c r="URE24" s="8"/>
      <c r="URF24" s="8"/>
      <c r="URG24" s="8"/>
      <c r="URH24" s="8"/>
      <c r="URI24" s="8"/>
      <c r="URJ24" s="8"/>
      <c r="URK24" s="8"/>
      <c r="URL24" s="8"/>
      <c r="URM24" s="8"/>
      <c r="URN24" s="8"/>
      <c r="URO24" s="8"/>
      <c r="URP24" s="8"/>
      <c r="URQ24" s="8"/>
      <c r="URR24" s="8"/>
      <c r="URS24" s="8"/>
      <c r="URT24" s="8"/>
      <c r="URU24" s="8"/>
      <c r="URV24" s="8"/>
      <c r="URW24" s="8"/>
      <c r="URX24" s="8"/>
      <c r="URY24" s="8"/>
      <c r="URZ24" s="8"/>
      <c r="USA24" s="8"/>
      <c r="USB24" s="8"/>
      <c r="USC24" s="8"/>
      <c r="USD24" s="8"/>
      <c r="USE24" s="8"/>
      <c r="USF24" s="8"/>
      <c r="USG24" s="8"/>
      <c r="USH24" s="8"/>
      <c r="USI24" s="8"/>
      <c r="USJ24" s="8"/>
      <c r="USK24" s="8"/>
      <c r="USL24" s="8"/>
      <c r="USM24" s="8"/>
      <c r="USN24" s="8"/>
      <c r="USO24" s="8"/>
      <c r="USP24" s="8"/>
      <c r="USQ24" s="8"/>
      <c r="USR24" s="8"/>
      <c r="USS24" s="8"/>
      <c r="UST24" s="8"/>
      <c r="USU24" s="8"/>
      <c r="USV24" s="8"/>
      <c r="USW24" s="8"/>
      <c r="USX24" s="8"/>
      <c r="USY24" s="8"/>
      <c r="USZ24" s="8"/>
      <c r="UTA24" s="8"/>
      <c r="UTB24" s="8"/>
      <c r="UTC24" s="8"/>
      <c r="UTD24" s="8"/>
      <c r="UTE24" s="8"/>
      <c r="UTF24" s="8"/>
      <c r="UTG24" s="8"/>
      <c r="UTH24" s="8"/>
      <c r="UTI24" s="8"/>
      <c r="UTJ24" s="8"/>
      <c r="UTK24" s="8"/>
      <c r="UTL24" s="8"/>
      <c r="UTM24" s="8"/>
      <c r="UTN24" s="8"/>
      <c r="UTO24" s="8"/>
      <c r="UTP24" s="8"/>
      <c r="UTQ24" s="8"/>
      <c r="UTR24" s="8"/>
      <c r="UTS24" s="8"/>
      <c r="UTT24" s="8"/>
      <c r="UTU24" s="8"/>
      <c r="UTV24" s="8"/>
      <c r="UTW24" s="8"/>
      <c r="UTX24" s="8"/>
      <c r="UTY24" s="8"/>
      <c r="UTZ24" s="8"/>
      <c r="UUA24" s="8"/>
      <c r="UUB24" s="8"/>
      <c r="UUC24" s="8"/>
      <c r="UUD24" s="8"/>
      <c r="UUE24" s="8"/>
      <c r="UUF24" s="8"/>
      <c r="UUG24" s="8"/>
      <c r="UUH24" s="8"/>
      <c r="UUI24" s="8"/>
      <c r="UUJ24" s="8"/>
      <c r="UUK24" s="8"/>
      <c r="UUL24" s="8"/>
      <c r="UUM24" s="8"/>
      <c r="UUN24" s="8"/>
      <c r="UUO24" s="8"/>
      <c r="UUP24" s="8"/>
      <c r="UUQ24" s="8"/>
      <c r="UUR24" s="8"/>
      <c r="UUS24" s="8"/>
      <c r="UUT24" s="8"/>
      <c r="UUU24" s="8"/>
      <c r="UUV24" s="8"/>
      <c r="UUW24" s="8"/>
      <c r="UUX24" s="8"/>
      <c r="UUY24" s="8"/>
      <c r="UUZ24" s="8"/>
      <c r="UVA24" s="8"/>
      <c r="UVB24" s="8"/>
      <c r="UVC24" s="8"/>
      <c r="UVD24" s="8"/>
      <c r="UVE24" s="8"/>
      <c r="UVF24" s="8"/>
      <c r="UVG24" s="8"/>
      <c r="UVH24" s="8"/>
      <c r="UVI24" s="8"/>
      <c r="UVJ24" s="8"/>
      <c r="UVK24" s="8"/>
      <c r="UVL24" s="8"/>
      <c r="UVM24" s="8"/>
      <c r="UVN24" s="8"/>
      <c r="UVO24" s="8"/>
      <c r="UVP24" s="8"/>
      <c r="UVQ24" s="8"/>
      <c r="UVR24" s="8"/>
      <c r="UVS24" s="8"/>
      <c r="UVT24" s="8"/>
      <c r="UVU24" s="8"/>
      <c r="UVV24" s="8"/>
      <c r="UVW24" s="8"/>
      <c r="UVX24" s="8"/>
      <c r="UVY24" s="8"/>
      <c r="UVZ24" s="8"/>
      <c r="UWA24" s="8"/>
      <c r="UWB24" s="8"/>
      <c r="UWC24" s="8"/>
      <c r="UWD24" s="8"/>
      <c r="UWE24" s="8"/>
      <c r="UWF24" s="8"/>
      <c r="UWG24" s="8"/>
      <c r="UWH24" s="8"/>
      <c r="UWI24" s="8"/>
      <c r="UWJ24" s="8"/>
      <c r="UWK24" s="8"/>
      <c r="UWL24" s="8"/>
      <c r="UWM24" s="8"/>
      <c r="UWN24" s="8"/>
      <c r="UWO24" s="8"/>
      <c r="UWP24" s="8"/>
      <c r="UWQ24" s="8"/>
      <c r="UWR24" s="8"/>
      <c r="UWS24" s="8"/>
      <c r="UWT24" s="8"/>
      <c r="UWU24" s="8"/>
      <c r="UWV24" s="8"/>
      <c r="UWW24" s="8"/>
      <c r="UWX24" s="8"/>
      <c r="UWY24" s="8"/>
      <c r="UWZ24" s="8"/>
      <c r="UXA24" s="8"/>
      <c r="UXB24" s="8"/>
      <c r="UXC24" s="8"/>
      <c r="UXD24" s="8"/>
      <c r="UXE24" s="8"/>
      <c r="UXF24" s="8"/>
      <c r="UXG24" s="8"/>
      <c r="UXH24" s="8"/>
      <c r="UXI24" s="8"/>
      <c r="UXJ24" s="8"/>
      <c r="UXK24" s="8"/>
      <c r="UXL24" s="8"/>
      <c r="UXM24" s="8"/>
      <c r="UXN24" s="8"/>
      <c r="UXO24" s="8"/>
      <c r="UXP24" s="8"/>
      <c r="UXQ24" s="8"/>
      <c r="UXR24" s="8"/>
      <c r="UXS24" s="8"/>
      <c r="UXT24" s="8"/>
      <c r="UXU24" s="8"/>
      <c r="UXV24" s="8"/>
      <c r="UXW24" s="8"/>
      <c r="UXX24" s="8"/>
      <c r="UXY24" s="8"/>
      <c r="UXZ24" s="8"/>
      <c r="UYA24" s="8"/>
      <c r="UYB24" s="8"/>
      <c r="UYC24" s="8"/>
      <c r="UYD24" s="8"/>
      <c r="UYE24" s="8"/>
      <c r="UYF24" s="8"/>
      <c r="UYG24" s="8"/>
      <c r="UYH24" s="8"/>
      <c r="UYI24" s="8"/>
      <c r="UYJ24" s="8"/>
      <c r="UYK24" s="8"/>
      <c r="UYL24" s="8"/>
      <c r="UYM24" s="8"/>
      <c r="UYN24" s="8"/>
      <c r="UYO24" s="8"/>
      <c r="UYP24" s="8"/>
      <c r="UYQ24" s="8"/>
      <c r="UYR24" s="8"/>
      <c r="UYS24" s="8"/>
      <c r="UYT24" s="8"/>
      <c r="UYU24" s="8"/>
      <c r="UYV24" s="8"/>
      <c r="UYW24" s="8"/>
      <c r="UYX24" s="8"/>
      <c r="UYY24" s="8"/>
      <c r="UYZ24" s="8"/>
      <c r="UZA24" s="8"/>
      <c r="UZB24" s="8"/>
      <c r="UZC24" s="8"/>
      <c r="UZD24" s="8"/>
      <c r="UZE24" s="8"/>
      <c r="UZF24" s="8"/>
      <c r="UZG24" s="8"/>
      <c r="UZH24" s="8"/>
      <c r="UZI24" s="8"/>
      <c r="UZJ24" s="8"/>
      <c r="UZK24" s="8"/>
      <c r="UZL24" s="8"/>
      <c r="UZM24" s="8"/>
      <c r="UZN24" s="8"/>
      <c r="UZO24" s="8"/>
      <c r="UZP24" s="8"/>
      <c r="UZQ24" s="8"/>
      <c r="UZR24" s="8"/>
      <c r="UZS24" s="8"/>
      <c r="UZT24" s="8"/>
      <c r="UZU24" s="8"/>
      <c r="UZV24" s="8"/>
      <c r="UZW24" s="8"/>
      <c r="UZX24" s="8"/>
      <c r="UZY24" s="8"/>
      <c r="UZZ24" s="8"/>
      <c r="VAA24" s="8"/>
      <c r="VAB24" s="8"/>
      <c r="VAC24" s="8"/>
      <c r="VAD24" s="8"/>
      <c r="VAE24" s="8"/>
      <c r="VAF24" s="8"/>
      <c r="VAG24" s="8"/>
      <c r="VAH24" s="8"/>
      <c r="VAI24" s="8"/>
      <c r="VAJ24" s="8"/>
      <c r="VAK24" s="8"/>
      <c r="VAL24" s="8"/>
      <c r="VAM24" s="8"/>
      <c r="VAN24" s="8"/>
      <c r="VAO24" s="8"/>
      <c r="VAP24" s="8"/>
      <c r="VAQ24" s="8"/>
      <c r="VAR24" s="8"/>
      <c r="VAS24" s="8"/>
      <c r="VAT24" s="8"/>
      <c r="VAU24" s="8"/>
      <c r="VAV24" s="8"/>
      <c r="VAW24" s="8"/>
      <c r="VAX24" s="8"/>
      <c r="VAY24" s="8"/>
      <c r="VAZ24" s="8"/>
      <c r="VBA24" s="8"/>
      <c r="VBB24" s="8"/>
      <c r="VBC24" s="8"/>
      <c r="VBD24" s="8"/>
      <c r="VBE24" s="8"/>
      <c r="VBF24" s="8"/>
      <c r="VBG24" s="8"/>
      <c r="VBH24" s="8"/>
      <c r="VBI24" s="8"/>
      <c r="VBJ24" s="8"/>
      <c r="VBK24" s="8"/>
      <c r="VBL24" s="8"/>
      <c r="VBM24" s="8"/>
      <c r="VBN24" s="8"/>
      <c r="VBO24" s="8"/>
      <c r="VBP24" s="8"/>
      <c r="VBQ24" s="8"/>
      <c r="VBR24" s="8"/>
      <c r="VBS24" s="8"/>
      <c r="VBT24" s="8"/>
      <c r="VBU24" s="8"/>
      <c r="VBV24" s="8"/>
      <c r="VBW24" s="8"/>
      <c r="VBX24" s="8"/>
      <c r="VBY24" s="8"/>
      <c r="VBZ24" s="8"/>
      <c r="VCA24" s="8"/>
      <c r="VCB24" s="8"/>
      <c r="VCC24" s="8"/>
      <c r="VCD24" s="8"/>
      <c r="VCE24" s="8"/>
      <c r="VCF24" s="8"/>
      <c r="VCG24" s="8"/>
      <c r="VCH24" s="8"/>
      <c r="VCI24" s="8"/>
      <c r="VCJ24" s="8"/>
      <c r="VCK24" s="8"/>
      <c r="VCL24" s="8"/>
      <c r="VCM24" s="8"/>
      <c r="VCN24" s="8"/>
      <c r="VCO24" s="8"/>
      <c r="VCP24" s="8"/>
      <c r="VCQ24" s="8"/>
      <c r="VCR24" s="8"/>
      <c r="VCS24" s="8"/>
      <c r="VCT24" s="8"/>
      <c r="VCU24" s="8"/>
      <c r="VCV24" s="8"/>
      <c r="VCW24" s="8"/>
      <c r="VCX24" s="8"/>
      <c r="VCY24" s="8"/>
      <c r="VCZ24" s="8"/>
      <c r="VDA24" s="8"/>
      <c r="VDB24" s="8"/>
      <c r="VDC24" s="8"/>
      <c r="VDD24" s="8"/>
      <c r="VDE24" s="8"/>
      <c r="VDF24" s="8"/>
      <c r="VDG24" s="8"/>
      <c r="VDH24" s="8"/>
      <c r="VDI24" s="8"/>
      <c r="VDJ24" s="8"/>
      <c r="VDK24" s="8"/>
      <c r="VDL24" s="8"/>
      <c r="VDM24" s="8"/>
      <c r="VDN24" s="8"/>
      <c r="VDO24" s="8"/>
      <c r="VDP24" s="8"/>
      <c r="VDQ24" s="8"/>
      <c r="VDR24" s="8"/>
      <c r="VDS24" s="8"/>
      <c r="VDT24" s="8"/>
      <c r="VDU24" s="8"/>
      <c r="VDV24" s="8"/>
      <c r="VDW24" s="8"/>
      <c r="VDX24" s="8"/>
      <c r="VDY24" s="8"/>
      <c r="VDZ24" s="8"/>
      <c r="VEA24" s="8"/>
      <c r="VEB24" s="8"/>
      <c r="VEC24" s="8"/>
      <c r="VED24" s="8"/>
      <c r="VEE24" s="8"/>
      <c r="VEF24" s="8"/>
      <c r="VEG24" s="8"/>
      <c r="VEH24" s="8"/>
      <c r="VEI24" s="8"/>
      <c r="VEJ24" s="8"/>
      <c r="VEK24" s="8"/>
      <c r="VEL24" s="8"/>
      <c r="VEM24" s="8"/>
      <c r="VEN24" s="8"/>
      <c r="VEO24" s="8"/>
      <c r="VEP24" s="8"/>
      <c r="VEQ24" s="8"/>
      <c r="VER24" s="8"/>
      <c r="VES24" s="8"/>
      <c r="VET24" s="8"/>
      <c r="VEU24" s="8"/>
      <c r="VEV24" s="8"/>
      <c r="VEW24" s="8"/>
      <c r="VEX24" s="8"/>
      <c r="VEY24" s="8"/>
      <c r="VEZ24" s="8"/>
      <c r="VFA24" s="8"/>
      <c r="VFB24" s="8"/>
      <c r="VFC24" s="8"/>
      <c r="VFD24" s="8"/>
      <c r="VFE24" s="8"/>
      <c r="VFF24" s="8"/>
      <c r="VFG24" s="8"/>
      <c r="VFH24" s="8"/>
      <c r="VFI24" s="8"/>
      <c r="VFJ24" s="8"/>
      <c r="VFK24" s="8"/>
      <c r="VFL24" s="8"/>
      <c r="VFM24" s="8"/>
      <c r="VFN24" s="8"/>
      <c r="VFO24" s="8"/>
      <c r="VFP24" s="8"/>
      <c r="VFQ24" s="8"/>
      <c r="VFR24" s="8"/>
      <c r="VFS24" s="8"/>
      <c r="VFT24" s="8"/>
      <c r="VFU24" s="8"/>
      <c r="VFV24" s="8"/>
      <c r="VFW24" s="8"/>
      <c r="VFX24" s="8"/>
      <c r="VFY24" s="8"/>
      <c r="VFZ24" s="8"/>
      <c r="VGA24" s="8"/>
      <c r="VGB24" s="8"/>
      <c r="VGC24" s="8"/>
      <c r="VGD24" s="8"/>
      <c r="VGE24" s="8"/>
      <c r="VGF24" s="8"/>
      <c r="VGG24" s="8"/>
      <c r="VGH24" s="8"/>
      <c r="VGI24" s="8"/>
      <c r="VGJ24" s="8"/>
      <c r="VGK24" s="8"/>
      <c r="VGL24" s="8"/>
      <c r="VGM24" s="8"/>
      <c r="VGN24" s="8"/>
      <c r="VGO24" s="8"/>
      <c r="VGP24" s="8"/>
      <c r="VGQ24" s="8"/>
      <c r="VGR24" s="8"/>
      <c r="VGS24" s="8"/>
      <c r="VGT24" s="8"/>
      <c r="VGU24" s="8"/>
      <c r="VGV24" s="8"/>
      <c r="VGW24" s="8"/>
      <c r="VGX24" s="8"/>
      <c r="VGY24" s="8"/>
      <c r="VGZ24" s="8"/>
      <c r="VHA24" s="8"/>
      <c r="VHB24" s="8"/>
      <c r="VHC24" s="8"/>
      <c r="VHD24" s="8"/>
      <c r="VHE24" s="8"/>
      <c r="VHF24" s="8"/>
      <c r="VHG24" s="8"/>
      <c r="VHH24" s="8"/>
      <c r="VHI24" s="8"/>
      <c r="VHJ24" s="8"/>
      <c r="VHK24" s="8"/>
      <c r="VHL24" s="8"/>
      <c r="VHM24" s="8"/>
      <c r="VHN24" s="8"/>
      <c r="VHO24" s="8"/>
      <c r="VHP24" s="8"/>
      <c r="VHQ24" s="8"/>
      <c r="VHR24" s="8"/>
      <c r="VHS24" s="8"/>
      <c r="VHT24" s="8"/>
      <c r="VHU24" s="8"/>
      <c r="VHV24" s="8"/>
      <c r="VHW24" s="8"/>
      <c r="VHX24" s="8"/>
      <c r="VHY24" s="8"/>
      <c r="VHZ24" s="8"/>
      <c r="VIA24" s="8"/>
      <c r="VIB24" s="8"/>
      <c r="VIC24" s="8"/>
      <c r="VID24" s="8"/>
      <c r="VIE24" s="8"/>
      <c r="VIF24" s="8"/>
      <c r="VIG24" s="8"/>
      <c r="VIH24" s="8"/>
      <c r="VII24" s="8"/>
      <c r="VIJ24" s="8"/>
      <c r="VIK24" s="8"/>
      <c r="VIL24" s="8"/>
      <c r="VIM24" s="8"/>
      <c r="VIN24" s="8"/>
      <c r="VIO24" s="8"/>
      <c r="VIP24" s="8"/>
      <c r="VIQ24" s="8"/>
      <c r="VIR24" s="8"/>
      <c r="VIS24" s="8"/>
      <c r="VIT24" s="8"/>
      <c r="VIU24" s="8"/>
      <c r="VIV24" s="8"/>
      <c r="VIW24" s="8"/>
      <c r="VIX24" s="8"/>
      <c r="VIY24" s="8"/>
      <c r="VIZ24" s="8"/>
      <c r="VJA24" s="8"/>
      <c r="VJB24" s="8"/>
      <c r="VJC24" s="8"/>
      <c r="VJD24" s="8"/>
      <c r="VJE24" s="8"/>
      <c r="VJF24" s="8"/>
      <c r="VJG24" s="8"/>
      <c r="VJH24" s="8"/>
      <c r="VJI24" s="8"/>
      <c r="VJJ24" s="8"/>
      <c r="VJK24" s="8"/>
      <c r="VJL24" s="8"/>
      <c r="VJM24" s="8"/>
      <c r="VJN24" s="8"/>
      <c r="VJO24" s="8"/>
      <c r="VJP24" s="8"/>
      <c r="VJQ24" s="8"/>
      <c r="VJR24" s="8"/>
      <c r="VJS24" s="8"/>
      <c r="VJT24" s="8"/>
      <c r="VJU24" s="8"/>
      <c r="VJV24" s="8"/>
      <c r="VJW24" s="8"/>
      <c r="VJX24" s="8"/>
      <c r="VJY24" s="8"/>
      <c r="VJZ24" s="8"/>
      <c r="VKA24" s="8"/>
      <c r="VKB24" s="8"/>
      <c r="VKC24" s="8"/>
      <c r="VKD24" s="8"/>
      <c r="VKE24" s="8"/>
      <c r="VKF24" s="8"/>
      <c r="VKG24" s="8"/>
      <c r="VKH24" s="8"/>
      <c r="VKI24" s="8"/>
      <c r="VKJ24" s="8"/>
      <c r="VKK24" s="8"/>
      <c r="VKL24" s="8"/>
      <c r="VKM24" s="8"/>
      <c r="VKN24" s="8"/>
      <c r="VKO24" s="8"/>
      <c r="VKP24" s="8"/>
      <c r="VKQ24" s="8"/>
      <c r="VKR24" s="8"/>
      <c r="VKS24" s="8"/>
      <c r="VKT24" s="8"/>
      <c r="VKU24" s="8"/>
      <c r="VKV24" s="8"/>
      <c r="VKW24" s="8"/>
      <c r="VKX24" s="8"/>
      <c r="VKY24" s="8"/>
      <c r="VKZ24" s="8"/>
      <c r="VLA24" s="8"/>
      <c r="VLB24" s="8"/>
      <c r="VLC24" s="8"/>
      <c r="VLD24" s="8"/>
      <c r="VLE24" s="8"/>
      <c r="VLF24" s="8"/>
      <c r="VLG24" s="8"/>
      <c r="VLH24" s="8"/>
      <c r="VLI24" s="8"/>
      <c r="VLJ24" s="8"/>
      <c r="VLK24" s="8"/>
      <c r="VLL24" s="8"/>
      <c r="VLM24" s="8"/>
      <c r="VLN24" s="8"/>
      <c r="VLO24" s="8"/>
      <c r="VLP24" s="8"/>
      <c r="VLQ24" s="8"/>
      <c r="VLR24" s="8"/>
      <c r="VLS24" s="8"/>
      <c r="VLT24" s="8"/>
      <c r="VLU24" s="8"/>
      <c r="VLV24" s="8"/>
      <c r="VLW24" s="8"/>
      <c r="VLX24" s="8"/>
      <c r="VLY24" s="8"/>
      <c r="VLZ24" s="8"/>
      <c r="VMA24" s="8"/>
      <c r="VMB24" s="8"/>
      <c r="VMC24" s="8"/>
      <c r="VMD24" s="8"/>
      <c r="VME24" s="8"/>
      <c r="VMF24" s="8"/>
      <c r="VMG24" s="8"/>
      <c r="VMH24" s="8"/>
      <c r="VMI24" s="8"/>
      <c r="VMJ24" s="8"/>
      <c r="VMK24" s="8"/>
      <c r="VML24" s="8"/>
      <c r="VMM24" s="8"/>
      <c r="VMN24" s="8"/>
      <c r="VMO24" s="8"/>
      <c r="VMP24" s="8"/>
      <c r="VMQ24" s="8"/>
      <c r="VMR24" s="8"/>
      <c r="VMS24" s="8"/>
      <c r="VMT24" s="8"/>
      <c r="VMU24" s="8"/>
      <c r="VMV24" s="8"/>
      <c r="VMW24" s="8"/>
      <c r="VMX24" s="8"/>
      <c r="VMY24" s="8"/>
      <c r="VMZ24" s="8"/>
      <c r="VNA24" s="8"/>
      <c r="VNB24" s="8"/>
      <c r="VNC24" s="8"/>
      <c r="VND24" s="8"/>
      <c r="VNE24" s="8"/>
      <c r="VNF24" s="8"/>
      <c r="VNG24" s="8"/>
      <c r="VNH24" s="8"/>
      <c r="VNI24" s="8"/>
      <c r="VNJ24" s="8"/>
      <c r="VNK24" s="8"/>
      <c r="VNL24" s="8"/>
      <c r="VNM24" s="8"/>
      <c r="VNN24" s="8"/>
      <c r="VNO24" s="8"/>
      <c r="VNP24" s="8"/>
      <c r="VNQ24" s="8"/>
      <c r="VNR24" s="8"/>
      <c r="VNS24" s="8"/>
      <c r="VNT24" s="8"/>
      <c r="VNU24" s="8"/>
      <c r="VNV24" s="8"/>
      <c r="VNW24" s="8"/>
      <c r="VNX24" s="8"/>
      <c r="VNY24" s="8"/>
      <c r="VNZ24" s="8"/>
      <c r="VOA24" s="8"/>
      <c r="VOB24" s="8"/>
      <c r="VOC24" s="8"/>
      <c r="VOD24" s="8"/>
      <c r="VOE24" s="8"/>
      <c r="VOF24" s="8"/>
      <c r="VOG24" s="8"/>
      <c r="VOH24" s="8"/>
      <c r="VOI24" s="8"/>
      <c r="VOJ24" s="8"/>
      <c r="VOK24" s="8"/>
      <c r="VOL24" s="8"/>
      <c r="VOM24" s="8"/>
      <c r="VON24" s="8"/>
      <c r="VOO24" s="8"/>
      <c r="VOP24" s="8"/>
      <c r="VOQ24" s="8"/>
      <c r="VOR24" s="8"/>
      <c r="VOS24" s="8"/>
      <c r="VOT24" s="8"/>
      <c r="VOU24" s="8"/>
      <c r="VOV24" s="8"/>
      <c r="VOW24" s="8"/>
      <c r="VOX24" s="8"/>
      <c r="VOY24" s="8"/>
      <c r="VOZ24" s="8"/>
      <c r="VPA24" s="8"/>
      <c r="VPB24" s="8"/>
      <c r="VPC24" s="8"/>
      <c r="VPD24" s="8"/>
      <c r="VPE24" s="8"/>
      <c r="VPF24" s="8"/>
      <c r="VPG24" s="8"/>
      <c r="VPH24" s="8"/>
      <c r="VPI24" s="8"/>
      <c r="VPJ24" s="8"/>
      <c r="VPK24" s="8"/>
      <c r="VPL24" s="8"/>
      <c r="VPM24" s="8"/>
      <c r="VPN24" s="8"/>
      <c r="VPO24" s="8"/>
      <c r="VPP24" s="8"/>
      <c r="VPQ24" s="8"/>
      <c r="VPR24" s="8"/>
      <c r="VPS24" s="8"/>
      <c r="VPT24" s="8"/>
      <c r="VPU24" s="8"/>
      <c r="VPV24" s="8"/>
      <c r="VPW24" s="8"/>
      <c r="VPX24" s="8"/>
      <c r="VPY24" s="8"/>
      <c r="VPZ24" s="8"/>
      <c r="VQA24" s="8"/>
      <c r="VQB24" s="8"/>
      <c r="VQC24" s="8"/>
      <c r="VQD24" s="8"/>
      <c r="VQE24" s="8"/>
      <c r="VQF24" s="8"/>
      <c r="VQG24" s="8"/>
      <c r="VQH24" s="8"/>
      <c r="VQI24" s="8"/>
      <c r="VQJ24" s="8"/>
      <c r="VQK24" s="8"/>
      <c r="VQL24" s="8"/>
      <c r="VQM24" s="8"/>
      <c r="VQN24" s="8"/>
      <c r="VQO24" s="8"/>
      <c r="VQP24" s="8"/>
      <c r="VQQ24" s="8"/>
      <c r="VQR24" s="8"/>
      <c r="VQS24" s="8"/>
      <c r="VQT24" s="8"/>
      <c r="VQU24" s="8"/>
      <c r="VQV24" s="8"/>
      <c r="VQW24" s="8"/>
      <c r="VQX24" s="8"/>
      <c r="VQY24" s="8"/>
      <c r="VQZ24" s="8"/>
      <c r="VRA24" s="8"/>
      <c r="VRB24" s="8"/>
      <c r="VRC24" s="8"/>
      <c r="VRD24" s="8"/>
      <c r="VRE24" s="8"/>
      <c r="VRF24" s="8"/>
      <c r="VRG24" s="8"/>
      <c r="VRH24" s="8"/>
      <c r="VRI24" s="8"/>
      <c r="VRJ24" s="8"/>
      <c r="VRK24" s="8"/>
      <c r="VRL24" s="8"/>
      <c r="VRM24" s="8"/>
      <c r="VRN24" s="8"/>
      <c r="VRO24" s="8"/>
      <c r="VRP24" s="8"/>
      <c r="VRQ24" s="8"/>
      <c r="VRR24" s="8"/>
      <c r="VRS24" s="8"/>
      <c r="VRT24" s="8"/>
      <c r="VRU24" s="8"/>
      <c r="VRV24" s="8"/>
      <c r="VRW24" s="8"/>
      <c r="VRX24" s="8"/>
      <c r="VRY24" s="8"/>
      <c r="VRZ24" s="8"/>
      <c r="VSA24" s="8"/>
      <c r="VSB24" s="8"/>
      <c r="VSC24" s="8"/>
      <c r="VSD24" s="8"/>
      <c r="VSE24" s="8"/>
      <c r="VSF24" s="8"/>
      <c r="VSG24" s="8"/>
      <c r="VSH24" s="8"/>
      <c r="VSI24" s="8"/>
      <c r="VSJ24" s="8"/>
      <c r="VSK24" s="8"/>
      <c r="VSL24" s="8"/>
      <c r="VSM24" s="8"/>
      <c r="VSN24" s="8"/>
      <c r="VSO24" s="8"/>
      <c r="VSP24" s="8"/>
      <c r="VSQ24" s="8"/>
      <c r="VSR24" s="8"/>
      <c r="VSS24" s="8"/>
      <c r="VST24" s="8"/>
      <c r="VSU24" s="8"/>
      <c r="VSV24" s="8"/>
      <c r="VSW24" s="8"/>
      <c r="VSX24" s="8"/>
      <c r="VSY24" s="8"/>
      <c r="VSZ24" s="8"/>
      <c r="VTA24" s="8"/>
      <c r="VTB24" s="8"/>
      <c r="VTC24" s="8"/>
      <c r="VTD24" s="8"/>
      <c r="VTE24" s="8"/>
      <c r="VTF24" s="8"/>
      <c r="VTG24" s="8"/>
      <c r="VTH24" s="8"/>
      <c r="VTI24" s="8"/>
      <c r="VTJ24" s="8"/>
      <c r="VTK24" s="8"/>
      <c r="VTL24" s="8"/>
      <c r="VTM24" s="8"/>
      <c r="VTN24" s="8"/>
      <c r="VTO24" s="8"/>
      <c r="VTP24" s="8"/>
      <c r="VTQ24" s="8"/>
      <c r="VTR24" s="8"/>
      <c r="VTS24" s="8"/>
      <c r="VTT24" s="8"/>
      <c r="VTU24" s="8"/>
      <c r="VTV24" s="8"/>
      <c r="VTW24" s="8"/>
      <c r="VTX24" s="8"/>
      <c r="VTY24" s="8"/>
      <c r="VTZ24" s="8"/>
      <c r="VUA24" s="8"/>
      <c r="VUB24" s="8"/>
      <c r="VUC24" s="8"/>
      <c r="VUD24" s="8"/>
      <c r="VUE24" s="8"/>
      <c r="VUF24" s="8"/>
      <c r="VUG24" s="8"/>
      <c r="VUH24" s="8"/>
      <c r="VUI24" s="8"/>
      <c r="VUJ24" s="8"/>
      <c r="VUK24" s="8"/>
      <c r="VUL24" s="8"/>
      <c r="VUM24" s="8"/>
      <c r="VUN24" s="8"/>
      <c r="VUO24" s="8"/>
      <c r="VUP24" s="8"/>
      <c r="VUQ24" s="8"/>
      <c r="VUR24" s="8"/>
      <c r="VUS24" s="8"/>
      <c r="VUT24" s="8"/>
      <c r="VUU24" s="8"/>
      <c r="VUV24" s="8"/>
      <c r="VUW24" s="8"/>
      <c r="VUX24" s="8"/>
      <c r="VUY24" s="8"/>
      <c r="VUZ24" s="8"/>
      <c r="VVA24" s="8"/>
      <c r="VVB24" s="8"/>
      <c r="VVC24" s="8"/>
      <c r="VVD24" s="8"/>
      <c r="VVE24" s="8"/>
      <c r="VVF24" s="8"/>
      <c r="VVG24" s="8"/>
      <c r="VVH24" s="8"/>
      <c r="VVI24" s="8"/>
      <c r="VVJ24" s="8"/>
      <c r="VVK24" s="8"/>
      <c r="VVL24" s="8"/>
      <c r="VVM24" s="8"/>
      <c r="VVN24" s="8"/>
      <c r="VVO24" s="8"/>
      <c r="VVP24" s="8"/>
      <c r="VVQ24" s="8"/>
      <c r="VVR24" s="8"/>
      <c r="VVS24" s="8"/>
      <c r="VVT24" s="8"/>
      <c r="VVU24" s="8"/>
      <c r="VVV24" s="8"/>
      <c r="VVW24" s="8"/>
      <c r="VVX24" s="8"/>
      <c r="VVY24" s="8"/>
      <c r="VVZ24" s="8"/>
      <c r="VWA24" s="8"/>
      <c r="VWB24" s="8"/>
      <c r="VWC24" s="8"/>
      <c r="VWD24" s="8"/>
      <c r="VWE24" s="8"/>
      <c r="VWF24" s="8"/>
      <c r="VWG24" s="8"/>
      <c r="VWH24" s="8"/>
      <c r="VWI24" s="8"/>
      <c r="VWJ24" s="8"/>
      <c r="VWK24" s="8"/>
      <c r="VWL24" s="8"/>
      <c r="VWM24" s="8"/>
      <c r="VWN24" s="8"/>
      <c r="VWO24" s="8"/>
      <c r="VWP24" s="8"/>
      <c r="VWQ24" s="8"/>
      <c r="VWR24" s="8"/>
      <c r="VWS24" s="8"/>
      <c r="VWT24" s="8"/>
      <c r="VWU24" s="8"/>
      <c r="VWV24" s="8"/>
      <c r="VWW24" s="8"/>
      <c r="VWX24" s="8"/>
      <c r="VWY24" s="8"/>
      <c r="VWZ24" s="8"/>
      <c r="VXA24" s="8"/>
      <c r="VXB24" s="8"/>
      <c r="VXC24" s="8"/>
      <c r="VXD24" s="8"/>
      <c r="VXE24" s="8"/>
      <c r="VXF24" s="8"/>
      <c r="VXG24" s="8"/>
      <c r="VXH24" s="8"/>
      <c r="VXI24" s="8"/>
      <c r="VXJ24" s="8"/>
      <c r="VXK24" s="8"/>
      <c r="VXL24" s="8"/>
      <c r="VXM24" s="8"/>
      <c r="VXN24" s="8"/>
      <c r="VXO24" s="8"/>
      <c r="VXP24" s="8"/>
      <c r="VXQ24" s="8"/>
      <c r="VXR24" s="8"/>
      <c r="VXS24" s="8"/>
      <c r="VXT24" s="8"/>
      <c r="VXU24" s="8"/>
      <c r="VXV24" s="8"/>
      <c r="VXW24" s="8"/>
      <c r="VXX24" s="8"/>
      <c r="VXY24" s="8"/>
      <c r="VXZ24" s="8"/>
      <c r="VYA24" s="8"/>
      <c r="VYB24" s="8"/>
      <c r="VYC24" s="8"/>
      <c r="VYD24" s="8"/>
      <c r="VYE24" s="8"/>
      <c r="VYF24" s="8"/>
      <c r="VYG24" s="8"/>
      <c r="VYH24" s="8"/>
      <c r="VYI24" s="8"/>
      <c r="VYJ24" s="8"/>
      <c r="VYK24" s="8"/>
      <c r="VYL24" s="8"/>
      <c r="VYM24" s="8"/>
      <c r="VYN24" s="8"/>
      <c r="VYO24" s="8"/>
      <c r="VYP24" s="8"/>
      <c r="VYQ24" s="8"/>
      <c r="VYR24" s="8"/>
      <c r="VYS24" s="8"/>
      <c r="VYT24" s="8"/>
      <c r="VYU24" s="8"/>
      <c r="VYV24" s="8"/>
      <c r="VYW24" s="8"/>
      <c r="VYX24" s="8"/>
      <c r="VYY24" s="8"/>
      <c r="VYZ24" s="8"/>
      <c r="VZA24" s="8"/>
      <c r="VZB24" s="8"/>
      <c r="VZC24" s="8"/>
      <c r="VZD24" s="8"/>
      <c r="VZE24" s="8"/>
      <c r="VZF24" s="8"/>
      <c r="VZG24" s="8"/>
      <c r="VZH24" s="8"/>
      <c r="VZI24" s="8"/>
      <c r="VZJ24" s="8"/>
      <c r="VZK24" s="8"/>
      <c r="VZL24" s="8"/>
      <c r="VZM24" s="8"/>
      <c r="VZN24" s="8"/>
      <c r="VZO24" s="8"/>
      <c r="VZP24" s="8"/>
      <c r="VZQ24" s="8"/>
      <c r="VZR24" s="8"/>
      <c r="VZS24" s="8"/>
      <c r="VZT24" s="8"/>
      <c r="VZU24" s="8"/>
      <c r="VZV24" s="8"/>
      <c r="VZW24" s="8"/>
      <c r="VZX24" s="8"/>
      <c r="VZY24" s="8"/>
      <c r="VZZ24" s="8"/>
      <c r="WAA24" s="8"/>
      <c r="WAB24" s="8"/>
      <c r="WAC24" s="8"/>
      <c r="WAD24" s="8"/>
      <c r="WAE24" s="8"/>
      <c r="WAF24" s="8"/>
      <c r="WAG24" s="8"/>
      <c r="WAH24" s="8"/>
      <c r="WAI24" s="8"/>
      <c r="WAJ24" s="8"/>
      <c r="WAK24" s="8"/>
      <c r="WAL24" s="8"/>
      <c r="WAM24" s="8"/>
      <c r="WAN24" s="8"/>
      <c r="WAO24" s="8"/>
      <c r="WAP24" s="8"/>
      <c r="WAQ24" s="8"/>
      <c r="WAR24" s="8"/>
      <c r="WAS24" s="8"/>
      <c r="WAT24" s="8"/>
      <c r="WAU24" s="8"/>
      <c r="WAV24" s="8"/>
      <c r="WAW24" s="8"/>
      <c r="WAX24" s="8"/>
      <c r="WAY24" s="8"/>
      <c r="WAZ24" s="8"/>
      <c r="WBA24" s="8"/>
      <c r="WBB24" s="8"/>
      <c r="WBC24" s="8"/>
      <c r="WBD24" s="8"/>
      <c r="WBE24" s="8"/>
      <c r="WBF24" s="8"/>
      <c r="WBG24" s="8"/>
      <c r="WBH24" s="8"/>
      <c r="WBI24" s="8"/>
      <c r="WBJ24" s="8"/>
      <c r="WBK24" s="8"/>
      <c r="WBL24" s="8"/>
      <c r="WBM24" s="8"/>
      <c r="WBN24" s="8"/>
      <c r="WBO24" s="8"/>
      <c r="WBP24" s="8"/>
      <c r="WBQ24" s="8"/>
      <c r="WBR24" s="8"/>
      <c r="WBS24" s="8"/>
      <c r="WBT24" s="8"/>
      <c r="WBU24" s="8"/>
      <c r="WBV24" s="8"/>
      <c r="WBW24" s="8"/>
      <c r="WBX24" s="8"/>
      <c r="WBY24" s="8"/>
      <c r="WBZ24" s="8"/>
      <c r="WCA24" s="8"/>
      <c r="WCB24" s="8"/>
      <c r="WCC24" s="8"/>
      <c r="WCD24" s="8"/>
      <c r="WCE24" s="8"/>
      <c r="WCF24" s="8"/>
      <c r="WCG24" s="8"/>
      <c r="WCH24" s="8"/>
      <c r="WCI24" s="8"/>
      <c r="WCJ24" s="8"/>
      <c r="WCK24" s="8"/>
      <c r="WCL24" s="8"/>
      <c r="WCM24" s="8"/>
      <c r="WCN24" s="8"/>
      <c r="WCO24" s="8"/>
      <c r="WCP24" s="8"/>
      <c r="WCQ24" s="8"/>
      <c r="WCR24" s="8"/>
      <c r="WCS24" s="8"/>
      <c r="WCT24" s="8"/>
      <c r="WCU24" s="8"/>
      <c r="WCV24" s="8"/>
      <c r="WCW24" s="8"/>
      <c r="WCX24" s="8"/>
      <c r="WCY24" s="8"/>
      <c r="WCZ24" s="8"/>
      <c r="WDA24" s="8"/>
      <c r="WDB24" s="8"/>
      <c r="WDC24" s="8"/>
      <c r="WDD24" s="8"/>
      <c r="WDE24" s="8"/>
      <c r="WDF24" s="8"/>
      <c r="WDG24" s="8"/>
      <c r="WDH24" s="8"/>
      <c r="WDI24" s="8"/>
      <c r="WDJ24" s="8"/>
      <c r="WDK24" s="8"/>
      <c r="WDL24" s="8"/>
      <c r="WDM24" s="8"/>
      <c r="WDN24" s="8"/>
      <c r="WDO24" s="8"/>
      <c r="WDP24" s="8"/>
      <c r="WDQ24" s="8"/>
      <c r="WDR24" s="8"/>
      <c r="WDS24" s="8"/>
      <c r="WDT24" s="8"/>
      <c r="WDU24" s="8"/>
      <c r="WDV24" s="8"/>
      <c r="WDW24" s="8"/>
      <c r="WDX24" s="8"/>
      <c r="WDY24" s="8"/>
      <c r="WDZ24" s="8"/>
      <c r="WEA24" s="8"/>
      <c r="WEB24" s="8"/>
      <c r="WEC24" s="8"/>
      <c r="WED24" s="8"/>
      <c r="WEE24" s="8"/>
      <c r="WEF24" s="8"/>
      <c r="WEG24" s="8"/>
      <c r="WEH24" s="8"/>
      <c r="WEI24" s="8"/>
      <c r="WEJ24" s="8"/>
      <c r="WEK24" s="8"/>
      <c r="WEL24" s="8"/>
      <c r="WEM24" s="8"/>
      <c r="WEN24" s="8"/>
      <c r="WEO24" s="8"/>
      <c r="WEP24" s="8"/>
      <c r="WEQ24" s="8"/>
      <c r="WER24" s="8"/>
      <c r="WES24" s="8"/>
      <c r="WET24" s="8"/>
      <c r="WEU24" s="8"/>
      <c r="WEV24" s="8"/>
      <c r="WEW24" s="8"/>
      <c r="WEX24" s="8"/>
      <c r="WEY24" s="8"/>
      <c r="WEZ24" s="8"/>
      <c r="WFA24" s="8"/>
      <c r="WFB24" s="8"/>
      <c r="WFC24" s="8"/>
      <c r="WFD24" s="8"/>
      <c r="WFE24" s="8"/>
      <c r="WFF24" s="8"/>
      <c r="WFG24" s="8"/>
      <c r="WFH24" s="8"/>
      <c r="WFI24" s="8"/>
      <c r="WFJ24" s="8"/>
      <c r="WFK24" s="8"/>
      <c r="WFL24" s="8"/>
      <c r="WFM24" s="8"/>
      <c r="WFN24" s="8"/>
      <c r="WFO24" s="8"/>
      <c r="WFP24" s="8"/>
      <c r="WFQ24" s="8"/>
      <c r="WFR24" s="8"/>
      <c r="WFS24" s="8"/>
      <c r="WFT24" s="8"/>
      <c r="WFU24" s="8"/>
      <c r="WFV24" s="8"/>
      <c r="WFW24" s="8"/>
      <c r="WFX24" s="8"/>
      <c r="WFY24" s="8"/>
      <c r="WFZ24" s="8"/>
      <c r="WGA24" s="8"/>
      <c r="WGB24" s="8"/>
      <c r="WGC24" s="8"/>
      <c r="WGD24" s="8"/>
      <c r="WGE24" s="8"/>
      <c r="WGF24" s="8"/>
      <c r="WGG24" s="8"/>
      <c r="WGH24" s="8"/>
      <c r="WGI24" s="8"/>
      <c r="WGJ24" s="8"/>
      <c r="WGK24" s="8"/>
      <c r="WGL24" s="8"/>
      <c r="WGM24" s="8"/>
      <c r="WGN24" s="8"/>
      <c r="WGO24" s="8"/>
      <c r="WGP24" s="8"/>
      <c r="WGQ24" s="8"/>
      <c r="WGR24" s="8"/>
      <c r="WGS24" s="8"/>
      <c r="WGT24" s="8"/>
      <c r="WGU24" s="8"/>
      <c r="WGV24" s="8"/>
      <c r="WGW24" s="8"/>
      <c r="WGX24" s="8"/>
      <c r="WGY24" s="8"/>
      <c r="WGZ24" s="8"/>
      <c r="WHA24" s="8"/>
      <c r="WHB24" s="8"/>
      <c r="WHC24" s="8"/>
      <c r="WHD24" s="8"/>
      <c r="WHE24" s="8"/>
      <c r="WHF24" s="8"/>
      <c r="WHG24" s="8"/>
      <c r="WHH24" s="8"/>
      <c r="WHI24" s="8"/>
      <c r="WHJ24" s="8"/>
      <c r="WHK24" s="8"/>
      <c r="WHL24" s="8"/>
      <c r="WHM24" s="8"/>
      <c r="WHN24" s="8"/>
      <c r="WHO24" s="8"/>
      <c r="WHP24" s="8"/>
      <c r="WHQ24" s="8"/>
      <c r="WHR24" s="8"/>
      <c r="WHS24" s="8"/>
      <c r="WHT24" s="8"/>
      <c r="WHU24" s="8"/>
      <c r="WHV24" s="8"/>
      <c r="WHW24" s="8"/>
      <c r="WHX24" s="8"/>
      <c r="WHY24" s="8"/>
      <c r="WHZ24" s="8"/>
      <c r="WIA24" s="8"/>
      <c r="WIB24" s="8"/>
      <c r="WIC24" s="8"/>
      <c r="WID24" s="8"/>
      <c r="WIE24" s="8"/>
      <c r="WIF24" s="8"/>
      <c r="WIG24" s="8"/>
      <c r="WIH24" s="8"/>
      <c r="WII24" s="8"/>
      <c r="WIJ24" s="8"/>
      <c r="WIK24" s="8"/>
      <c r="WIL24" s="8"/>
      <c r="WIM24" s="8"/>
      <c r="WIN24" s="8"/>
      <c r="WIO24" s="8"/>
      <c r="WIP24" s="8"/>
      <c r="WIQ24" s="8"/>
      <c r="WIR24" s="8"/>
      <c r="WIS24" s="8"/>
      <c r="WIT24" s="8"/>
      <c r="WIU24" s="8"/>
      <c r="WIV24" s="8"/>
      <c r="WIW24" s="8"/>
      <c r="WIX24" s="8"/>
      <c r="WIY24" s="8"/>
      <c r="WIZ24" s="8"/>
      <c r="WJA24" s="8"/>
      <c r="WJB24" s="8"/>
      <c r="WJC24" s="8"/>
      <c r="WJD24" s="8"/>
      <c r="WJE24" s="8"/>
      <c r="WJF24" s="8"/>
      <c r="WJG24" s="8"/>
      <c r="WJH24" s="8"/>
      <c r="WJI24" s="8"/>
      <c r="WJJ24" s="8"/>
      <c r="WJK24" s="8"/>
      <c r="WJL24" s="8"/>
      <c r="WJM24" s="8"/>
      <c r="WJN24" s="8"/>
      <c r="WJO24" s="8"/>
      <c r="WJP24" s="8"/>
      <c r="WJQ24" s="8"/>
      <c r="WJR24" s="8"/>
      <c r="WJS24" s="8"/>
      <c r="WJT24" s="8"/>
      <c r="WJU24" s="8"/>
      <c r="WJV24" s="8"/>
      <c r="WJW24" s="8"/>
      <c r="WJX24" s="8"/>
      <c r="WJY24" s="8"/>
      <c r="WJZ24" s="8"/>
      <c r="WKA24" s="8"/>
      <c r="WKB24" s="8"/>
      <c r="WKC24" s="8"/>
      <c r="WKD24" s="8"/>
      <c r="WKE24" s="8"/>
      <c r="WKF24" s="8"/>
      <c r="WKG24" s="8"/>
      <c r="WKH24" s="8"/>
      <c r="WKI24" s="8"/>
      <c r="WKJ24" s="8"/>
      <c r="WKK24" s="8"/>
      <c r="WKL24" s="8"/>
      <c r="WKM24" s="8"/>
      <c r="WKN24" s="8"/>
      <c r="WKO24" s="8"/>
      <c r="WKP24" s="8"/>
      <c r="WKQ24" s="8"/>
      <c r="WKR24" s="8"/>
      <c r="WKS24" s="8"/>
      <c r="WKT24" s="8"/>
      <c r="WKU24" s="8"/>
      <c r="WKV24" s="8"/>
      <c r="WKW24" s="8"/>
      <c r="WKX24" s="8"/>
      <c r="WKY24" s="8"/>
      <c r="WKZ24" s="8"/>
      <c r="WLA24" s="8"/>
      <c r="WLB24" s="8"/>
      <c r="WLC24" s="8"/>
      <c r="WLD24" s="8"/>
      <c r="WLE24" s="8"/>
      <c r="WLF24" s="8"/>
      <c r="WLG24" s="8"/>
      <c r="WLH24" s="8"/>
      <c r="WLI24" s="8"/>
      <c r="WLJ24" s="8"/>
      <c r="WLK24" s="8"/>
      <c r="WLL24" s="8"/>
      <c r="WLM24" s="8"/>
      <c r="WLN24" s="8"/>
      <c r="WLO24" s="8"/>
      <c r="WLP24" s="8"/>
      <c r="WLQ24" s="8"/>
      <c r="WLR24" s="8"/>
      <c r="WLS24" s="8"/>
      <c r="WLT24" s="8"/>
      <c r="WLU24" s="8"/>
      <c r="WLV24" s="8"/>
      <c r="WLW24" s="8"/>
      <c r="WLX24" s="8"/>
      <c r="WLY24" s="8"/>
      <c r="WLZ24" s="8"/>
      <c r="WMA24" s="8"/>
      <c r="WMB24" s="8"/>
      <c r="WMC24" s="8"/>
      <c r="WMD24" s="8"/>
      <c r="WME24" s="8"/>
      <c r="WMF24" s="8"/>
      <c r="WMG24" s="8"/>
      <c r="WMH24" s="8"/>
      <c r="WMI24" s="8"/>
      <c r="WMJ24" s="8"/>
      <c r="WMK24" s="8"/>
      <c r="WML24" s="8"/>
      <c r="WMM24" s="8"/>
      <c r="WMN24" s="8"/>
      <c r="WMO24" s="8"/>
      <c r="WMP24" s="8"/>
      <c r="WMQ24" s="8"/>
      <c r="WMR24" s="8"/>
      <c r="WMS24" s="8"/>
      <c r="WMT24" s="8"/>
      <c r="WMU24" s="8"/>
      <c r="WMV24" s="8"/>
      <c r="WMW24" s="8"/>
      <c r="WMX24" s="8"/>
      <c r="WMY24" s="8"/>
      <c r="WMZ24" s="8"/>
      <c r="WNA24" s="8"/>
      <c r="WNB24" s="8"/>
      <c r="WNC24" s="8"/>
      <c r="WND24" s="8"/>
      <c r="WNE24" s="8"/>
      <c r="WNF24" s="8"/>
      <c r="WNG24" s="8"/>
      <c r="WNH24" s="8"/>
      <c r="WNI24" s="8"/>
      <c r="WNJ24" s="8"/>
      <c r="WNK24" s="8"/>
      <c r="WNL24" s="8"/>
      <c r="WNM24" s="8"/>
      <c r="WNN24" s="8"/>
      <c r="WNO24" s="8"/>
      <c r="WNP24" s="8"/>
      <c r="WNQ24" s="8"/>
      <c r="WNR24" s="8"/>
      <c r="WNS24" s="8"/>
      <c r="WNT24" s="8"/>
      <c r="WNU24" s="8"/>
      <c r="WNV24" s="8"/>
      <c r="WNW24" s="8"/>
      <c r="WNX24" s="8"/>
      <c r="WNY24" s="8"/>
      <c r="WNZ24" s="8"/>
      <c r="WOA24" s="8"/>
      <c r="WOB24" s="8"/>
      <c r="WOC24" s="8"/>
      <c r="WOD24" s="8"/>
      <c r="WOE24" s="8"/>
      <c r="WOF24" s="8"/>
      <c r="WOG24" s="8"/>
      <c r="WOH24" s="8"/>
      <c r="WOI24" s="8"/>
      <c r="WOJ24" s="8"/>
      <c r="WOK24" s="8"/>
      <c r="WOL24" s="8"/>
      <c r="WOM24" s="8"/>
      <c r="WON24" s="8"/>
      <c r="WOO24" s="8"/>
      <c r="WOP24" s="8"/>
      <c r="WOQ24" s="8"/>
      <c r="WOR24" s="8"/>
      <c r="WOS24" s="8"/>
      <c r="WOT24" s="8"/>
      <c r="WOU24" s="8"/>
      <c r="WOV24" s="8"/>
      <c r="WOW24" s="8"/>
      <c r="WOX24" s="8"/>
      <c r="WOY24" s="8"/>
      <c r="WOZ24" s="8"/>
      <c r="WPA24" s="8"/>
      <c r="WPB24" s="8"/>
      <c r="WPC24" s="8"/>
      <c r="WPD24" s="8"/>
      <c r="WPE24" s="8"/>
      <c r="WPF24" s="8"/>
      <c r="WPG24" s="8"/>
      <c r="WPH24" s="8"/>
      <c r="WPI24" s="8"/>
      <c r="WPJ24" s="8"/>
      <c r="WPK24" s="8"/>
      <c r="WPL24" s="8"/>
      <c r="WPM24" s="8"/>
      <c r="WPN24" s="8"/>
      <c r="WPO24" s="8"/>
      <c r="WPP24" s="8"/>
      <c r="WPQ24" s="8"/>
      <c r="WPR24" s="8"/>
      <c r="WPS24" s="8"/>
      <c r="WPT24" s="8"/>
      <c r="WPU24" s="8"/>
      <c r="WPV24" s="8"/>
      <c r="WPW24" s="8"/>
      <c r="WPX24" s="8"/>
      <c r="WPY24" s="8"/>
      <c r="WPZ24" s="8"/>
      <c r="WQA24" s="8"/>
      <c r="WQB24" s="8"/>
      <c r="WQC24" s="8"/>
      <c r="WQD24" s="8"/>
      <c r="WQE24" s="8"/>
      <c r="WQF24" s="8"/>
      <c r="WQG24" s="8"/>
      <c r="WQH24" s="8"/>
      <c r="WQI24" s="8"/>
      <c r="WQJ24" s="8"/>
      <c r="WQK24" s="8"/>
      <c r="WQL24" s="8"/>
      <c r="WQM24" s="8"/>
      <c r="WQN24" s="8"/>
      <c r="WQO24" s="8"/>
      <c r="WQP24" s="8"/>
      <c r="WQQ24" s="8"/>
      <c r="WQR24" s="8"/>
      <c r="WQS24" s="8"/>
      <c r="WQT24" s="8"/>
      <c r="WQU24" s="8"/>
      <c r="WQV24" s="8"/>
      <c r="WQW24" s="8"/>
      <c r="WQX24" s="8"/>
      <c r="WQY24" s="8"/>
      <c r="WQZ24" s="8"/>
      <c r="WRA24" s="8"/>
      <c r="WRB24" s="8"/>
      <c r="WRC24" s="8"/>
      <c r="WRD24" s="8"/>
      <c r="WRE24" s="8"/>
      <c r="WRF24" s="8"/>
      <c r="WRG24" s="8"/>
      <c r="WRH24" s="8"/>
      <c r="WRI24" s="8"/>
      <c r="WRJ24" s="8"/>
      <c r="WRK24" s="8"/>
      <c r="WRL24" s="8"/>
      <c r="WRM24" s="8"/>
      <c r="WRN24" s="8"/>
      <c r="WRO24" s="8"/>
      <c r="WRP24" s="8"/>
      <c r="WRQ24" s="8"/>
      <c r="WRR24" s="8"/>
      <c r="WRS24" s="8"/>
      <c r="WRT24" s="8"/>
      <c r="WRU24" s="8"/>
      <c r="WRV24" s="8"/>
      <c r="WRW24" s="8"/>
      <c r="WRX24" s="8"/>
      <c r="WRY24" s="8"/>
      <c r="WRZ24" s="8"/>
      <c r="WSA24" s="8"/>
      <c r="WSB24" s="8"/>
      <c r="WSC24" s="8"/>
      <c r="WSD24" s="8"/>
      <c r="WSE24" s="8"/>
      <c r="WSF24" s="8"/>
      <c r="WSG24" s="8"/>
      <c r="WSH24" s="8"/>
      <c r="WSI24" s="8"/>
      <c r="WSJ24" s="8"/>
      <c r="WSK24" s="8"/>
      <c r="WSL24" s="8"/>
      <c r="WSM24" s="8"/>
      <c r="WSN24" s="8"/>
      <c r="WSO24" s="8"/>
      <c r="WSP24" s="8"/>
      <c r="WSQ24" s="8"/>
      <c r="WSR24" s="8"/>
      <c r="WSS24" s="8"/>
      <c r="WST24" s="8"/>
      <c r="WSU24" s="8"/>
      <c r="WSV24" s="8"/>
      <c r="WSW24" s="8"/>
      <c r="WSX24" s="8"/>
      <c r="WSY24" s="8"/>
      <c r="WSZ24" s="8"/>
      <c r="WTA24" s="8"/>
      <c r="WTB24" s="8"/>
      <c r="WTC24" s="8"/>
      <c r="WTD24" s="8"/>
      <c r="WTE24" s="8"/>
      <c r="WTF24" s="8"/>
      <c r="WTG24" s="8"/>
      <c r="WTH24" s="8"/>
      <c r="WTI24" s="8"/>
      <c r="WTJ24" s="8"/>
      <c r="WTK24" s="8"/>
      <c r="WTL24" s="8"/>
      <c r="WTM24" s="8"/>
      <c r="WTN24" s="8"/>
      <c r="WTO24" s="8"/>
      <c r="WTP24" s="8"/>
      <c r="WTQ24" s="8"/>
      <c r="WTR24" s="8"/>
      <c r="WTS24" s="8"/>
      <c r="WTT24" s="8"/>
      <c r="WTU24" s="8"/>
      <c r="WTV24" s="8"/>
      <c r="WTW24" s="8"/>
      <c r="WTX24" s="8"/>
      <c r="WTY24" s="8"/>
      <c r="WTZ24" s="8"/>
      <c r="WUA24" s="8"/>
      <c r="WUB24" s="8"/>
      <c r="WUC24" s="8"/>
      <c r="WUD24" s="8"/>
      <c r="WUE24" s="8"/>
      <c r="WUF24" s="8"/>
      <c r="WUG24" s="8"/>
      <c r="WUH24" s="8"/>
      <c r="WUI24" s="8"/>
      <c r="WUJ24" s="8"/>
      <c r="WUK24" s="8"/>
      <c r="WUL24" s="8"/>
      <c r="WUM24" s="8"/>
      <c r="WUN24" s="8"/>
      <c r="WUO24" s="8"/>
      <c r="WUP24" s="8"/>
      <c r="WUQ24" s="8"/>
      <c r="WUR24" s="8"/>
      <c r="WUS24" s="8"/>
      <c r="WUT24" s="8"/>
      <c r="WUU24" s="8"/>
      <c r="WUV24" s="8"/>
      <c r="WUW24" s="8"/>
      <c r="WUX24" s="8"/>
      <c r="WUY24" s="8"/>
      <c r="WUZ24" s="8"/>
      <c r="WVA24" s="8"/>
      <c r="WVB24" s="8"/>
      <c r="WVC24" s="8"/>
      <c r="WVD24" s="8"/>
      <c r="WVE24" s="8"/>
      <c r="WVF24" s="8"/>
      <c r="WVG24" s="8"/>
      <c r="WVH24" s="8"/>
      <c r="WVI24" s="8"/>
      <c r="WVJ24" s="8"/>
      <c r="WVK24" s="8"/>
      <c r="WVL24" s="8"/>
      <c r="WVM24" s="8"/>
      <c r="WVN24" s="8"/>
      <c r="WVO24" s="8"/>
      <c r="WVP24" s="8"/>
      <c r="WVQ24" s="8"/>
      <c r="WVR24" s="8"/>
      <c r="WVS24" s="8"/>
      <c r="WVT24" s="8"/>
      <c r="WVU24" s="8"/>
      <c r="WVV24" s="8"/>
      <c r="WVW24" s="8"/>
      <c r="WVX24" s="8"/>
      <c r="WVY24" s="8"/>
      <c r="WVZ24" s="8"/>
      <c r="WWA24" s="8"/>
      <c r="WWB24" s="8"/>
      <c r="WWC24" s="8"/>
      <c r="WWD24" s="8"/>
      <c r="WWE24" s="8"/>
      <c r="WWF24" s="8"/>
      <c r="WWG24" s="8"/>
      <c r="WWH24" s="8"/>
      <c r="WWI24" s="8"/>
      <c r="WWJ24" s="8"/>
      <c r="WWK24" s="8"/>
      <c r="WWL24" s="8"/>
      <c r="WWM24" s="8"/>
      <c r="WWN24" s="8"/>
      <c r="WWO24" s="8"/>
      <c r="WWP24" s="8"/>
      <c r="WWQ24" s="8"/>
      <c r="WWR24" s="8"/>
      <c r="WWS24" s="8"/>
      <c r="WWT24" s="8"/>
      <c r="WWU24" s="8"/>
      <c r="WWV24" s="8"/>
      <c r="WWW24" s="8"/>
      <c r="WWX24" s="8"/>
      <c r="WWY24" s="8"/>
      <c r="WWZ24" s="8"/>
      <c r="WXA24" s="8"/>
      <c r="WXB24" s="8"/>
      <c r="WXC24" s="8"/>
      <c r="WXD24" s="8"/>
      <c r="WXE24" s="8"/>
      <c r="WXF24" s="8"/>
      <c r="WXG24" s="8"/>
      <c r="WXH24" s="8"/>
      <c r="WXI24" s="8"/>
      <c r="WXJ24" s="8"/>
      <c r="WXK24" s="8"/>
      <c r="WXL24" s="8"/>
      <c r="WXM24" s="8"/>
      <c r="WXN24" s="8"/>
      <c r="WXO24" s="8"/>
      <c r="WXP24" s="8"/>
      <c r="WXQ24" s="8"/>
      <c r="WXR24" s="8"/>
      <c r="WXS24" s="8"/>
      <c r="WXT24" s="8"/>
      <c r="WXU24" s="8"/>
      <c r="WXV24" s="8"/>
      <c r="WXW24" s="8"/>
      <c r="WXX24" s="8"/>
      <c r="WXY24" s="8"/>
      <c r="WXZ24" s="8"/>
      <c r="WYA24" s="8"/>
      <c r="WYB24" s="8"/>
      <c r="WYC24" s="8"/>
      <c r="WYD24" s="8"/>
      <c r="WYE24" s="8"/>
      <c r="WYF24" s="8"/>
      <c r="WYG24" s="8"/>
      <c r="WYH24" s="8"/>
      <c r="WYI24" s="8"/>
      <c r="WYJ24" s="8"/>
      <c r="WYK24" s="8"/>
      <c r="WYL24" s="8"/>
      <c r="WYM24" s="8"/>
      <c r="WYN24" s="8"/>
      <c r="WYO24" s="8"/>
      <c r="WYP24" s="8"/>
      <c r="WYQ24" s="8"/>
      <c r="WYR24" s="8"/>
      <c r="WYS24" s="8"/>
      <c r="WYT24" s="8"/>
      <c r="WYU24" s="8"/>
      <c r="WYV24" s="8"/>
      <c r="WYW24" s="8"/>
      <c r="WYX24" s="8"/>
      <c r="WYY24" s="8"/>
      <c r="WYZ24" s="8"/>
      <c r="WZA24" s="8"/>
      <c r="WZB24" s="8"/>
      <c r="WZC24" s="8"/>
      <c r="WZD24" s="8"/>
      <c r="WZE24" s="8"/>
      <c r="WZF24" s="8"/>
      <c r="WZG24" s="8"/>
      <c r="WZH24" s="8"/>
      <c r="WZI24" s="8"/>
      <c r="WZJ24" s="8"/>
      <c r="WZK24" s="8"/>
      <c r="WZL24" s="8"/>
      <c r="WZM24" s="8"/>
      <c r="WZN24" s="8"/>
      <c r="WZO24" s="8"/>
      <c r="WZP24" s="8"/>
      <c r="WZQ24" s="8"/>
      <c r="WZR24" s="8"/>
      <c r="WZS24" s="8"/>
      <c r="WZT24" s="8"/>
      <c r="WZU24" s="8"/>
      <c r="WZV24" s="8"/>
      <c r="WZW24" s="8"/>
      <c r="WZX24" s="8"/>
      <c r="WZY24" s="8"/>
      <c r="WZZ24" s="8"/>
      <c r="XAA24" s="8"/>
      <c r="XAB24" s="8"/>
      <c r="XAC24" s="8"/>
      <c r="XAD24" s="8"/>
      <c r="XAE24" s="8"/>
      <c r="XAF24" s="8"/>
      <c r="XAG24" s="8"/>
      <c r="XAH24" s="8"/>
      <c r="XAI24" s="8"/>
      <c r="XAJ24" s="8"/>
      <c r="XAK24" s="8"/>
      <c r="XAL24" s="8"/>
      <c r="XAM24" s="8"/>
      <c r="XAN24" s="8"/>
      <c r="XAO24" s="8"/>
      <c r="XAP24" s="8"/>
      <c r="XAQ24" s="8"/>
      <c r="XAR24" s="8"/>
      <c r="XAS24" s="8"/>
      <c r="XAT24" s="8"/>
      <c r="XAU24" s="8"/>
      <c r="XAV24" s="8"/>
      <c r="XAW24" s="8"/>
      <c r="XAX24" s="8"/>
      <c r="XAY24" s="8"/>
      <c r="XAZ24" s="8"/>
      <c r="XBA24" s="8"/>
      <c r="XBB24" s="8"/>
      <c r="XBC24" s="8"/>
      <c r="XBD24" s="8"/>
      <c r="XBE24" s="8"/>
      <c r="XBF24" s="8"/>
      <c r="XBG24" s="8"/>
      <c r="XBH24" s="8"/>
      <c r="XBI24" s="8"/>
      <c r="XBJ24" s="8"/>
      <c r="XBK24" s="8"/>
      <c r="XBL24" s="8"/>
      <c r="XBM24" s="8"/>
      <c r="XBN24" s="8"/>
      <c r="XBO24" s="8"/>
      <c r="XBP24" s="8"/>
      <c r="XBQ24" s="8"/>
      <c r="XBR24" s="8"/>
      <c r="XBS24" s="8"/>
      <c r="XBT24" s="8"/>
      <c r="XBU24" s="8"/>
      <c r="XBV24" s="8"/>
      <c r="XBW24" s="8"/>
      <c r="XBX24" s="8"/>
      <c r="XBY24" s="8"/>
      <c r="XBZ24" s="8"/>
      <c r="XCA24" s="8"/>
      <c r="XCB24" s="8"/>
      <c r="XCC24" s="8"/>
      <c r="XCD24" s="8"/>
      <c r="XCE24" s="8"/>
      <c r="XCF24" s="8"/>
      <c r="XCG24" s="8"/>
      <c r="XCH24" s="8"/>
      <c r="XCI24" s="8"/>
      <c r="XCJ24" s="8"/>
      <c r="XCK24" s="8"/>
      <c r="XCL24" s="8"/>
      <c r="XCM24" s="8"/>
      <c r="XCN24" s="8"/>
      <c r="XCO24" s="8"/>
      <c r="XCP24" s="8"/>
      <c r="XCQ24" s="8"/>
      <c r="XCR24" s="8"/>
      <c r="XCS24" s="8"/>
      <c r="XCT24" s="8"/>
      <c r="XCU24" s="8"/>
      <c r="XCV24" s="8"/>
      <c r="XCW24" s="8"/>
      <c r="XCX24" s="8"/>
      <c r="XCY24" s="8"/>
      <c r="XCZ24" s="8"/>
      <c r="XDA24" s="8"/>
      <c r="XDB24" s="8"/>
      <c r="XDC24" s="8"/>
      <c r="XDD24" s="8"/>
      <c r="XDE24" s="8"/>
      <c r="XDF24" s="8"/>
      <c r="XDG24" s="8"/>
      <c r="XDH24" s="8"/>
      <c r="XDI24" s="8"/>
      <c r="XDJ24" s="8"/>
      <c r="XDK24" s="8"/>
      <c r="XDL24" s="8"/>
      <c r="XDM24" s="8"/>
      <c r="XDN24" s="8"/>
      <c r="XDO24" s="8"/>
      <c r="XDP24" s="8"/>
      <c r="XDQ24" s="8"/>
      <c r="XDR24" s="8"/>
      <c r="XDS24" s="8"/>
      <c r="XDT24" s="8"/>
      <c r="XDU24" s="8"/>
      <c r="XDV24" s="8"/>
      <c r="XDW24" s="8"/>
      <c r="XDX24" s="8"/>
      <c r="XDY24" s="8"/>
      <c r="XDZ24" s="8"/>
      <c r="XEA24" s="8"/>
      <c r="XEB24" s="8"/>
      <c r="XEC24" s="8"/>
      <c r="XED24" s="8"/>
      <c r="XEE24" s="8"/>
      <c r="XEF24" s="8"/>
      <c r="XEG24" s="8"/>
      <c r="XEH24" s="8"/>
      <c r="XEI24" s="8"/>
      <c r="XEJ24" s="8"/>
      <c r="XEK24" s="8"/>
      <c r="XEL24" s="8"/>
      <c r="XEM24" s="8"/>
      <c r="XEN24" s="8"/>
      <c r="XEO24" s="8"/>
      <c r="XEP24" s="8"/>
      <c r="XEQ24" s="8"/>
      <c r="XER24" s="8"/>
      <c r="XES24" s="8"/>
      <c r="XET24" s="8"/>
      <c r="XEU24" s="8"/>
      <c r="XEV24" s="8"/>
      <c r="XEW24" s="8"/>
      <c r="XEX24" s="8"/>
      <c r="XEY24" s="8"/>
      <c r="XEZ24" s="8"/>
      <c r="XFA24" s="8"/>
      <c r="XFB24" s="8"/>
      <c r="XFC24" s="8"/>
      <c r="XFD24" s="8"/>
    </row>
    <row r="25" spans="1:16384" ht="13.95" customHeight="1" x14ac:dyDescent="0.25">
      <c r="A25" s="14" t="s">
        <v>157</v>
      </c>
      <c r="B25" s="96" t="s">
        <v>58</v>
      </c>
      <c r="C25" s="93" t="s">
        <v>158</v>
      </c>
      <c r="D25" s="93" t="s">
        <v>159</v>
      </c>
      <c r="E25" s="93">
        <v>1987</v>
      </c>
      <c r="F25" s="93">
        <v>100413</v>
      </c>
      <c r="G25" s="93" t="s">
        <v>10</v>
      </c>
      <c r="H25" s="111">
        <v>1</v>
      </c>
      <c r="I25" s="111">
        <v>1</v>
      </c>
      <c r="J25" s="111">
        <v>1</v>
      </c>
      <c r="K25" s="111">
        <v>0</v>
      </c>
      <c r="L25" s="111">
        <v>0</v>
      </c>
      <c r="M25" s="111">
        <v>0</v>
      </c>
      <c r="N25" s="111">
        <v>0</v>
      </c>
      <c r="O25" s="111">
        <v>0</v>
      </c>
      <c r="P25" s="111">
        <v>0</v>
      </c>
      <c r="Q25" s="111">
        <v>0</v>
      </c>
      <c r="R25" s="111">
        <v>0</v>
      </c>
      <c r="S25" s="111">
        <v>0</v>
      </c>
      <c r="T25" s="111">
        <v>0</v>
      </c>
      <c r="U25" s="111">
        <v>0</v>
      </c>
      <c r="V25" s="111">
        <v>0</v>
      </c>
      <c r="W25" s="111">
        <v>1</v>
      </c>
      <c r="X25" s="111">
        <v>0</v>
      </c>
      <c r="Y25" s="111">
        <v>0</v>
      </c>
      <c r="Z25" s="111">
        <v>0</v>
      </c>
      <c r="AA25" s="111">
        <v>0</v>
      </c>
      <c r="AB25" s="111">
        <v>0</v>
      </c>
      <c r="AC25" s="111">
        <v>0</v>
      </c>
      <c r="AD25" s="111">
        <v>0</v>
      </c>
      <c r="AE25" s="111">
        <v>0</v>
      </c>
      <c r="AF25" s="111">
        <v>0</v>
      </c>
      <c r="AG25" s="111">
        <v>0</v>
      </c>
      <c r="AH25" s="111">
        <v>0</v>
      </c>
      <c r="AI25" s="111">
        <v>0</v>
      </c>
      <c r="AJ25" s="111">
        <v>0</v>
      </c>
      <c r="AK25" s="111">
        <v>0</v>
      </c>
      <c r="AL25" s="111">
        <v>0</v>
      </c>
      <c r="AM25" s="111">
        <v>1</v>
      </c>
      <c r="AN25" s="111">
        <v>0</v>
      </c>
      <c r="AO25" s="111">
        <v>1</v>
      </c>
      <c r="AP25" s="111">
        <v>0</v>
      </c>
      <c r="AQ25" s="111">
        <v>0</v>
      </c>
      <c r="AR25" s="111">
        <v>0</v>
      </c>
      <c r="AS25" s="111">
        <v>0</v>
      </c>
      <c r="AT25" s="111">
        <v>1</v>
      </c>
      <c r="AU25" s="111">
        <v>1</v>
      </c>
      <c r="AV25" s="111">
        <v>1</v>
      </c>
      <c r="AW25" s="111">
        <v>0</v>
      </c>
      <c r="AX25" s="112" t="s">
        <v>22349</v>
      </c>
      <c r="AY25" s="112" t="s">
        <v>22350</v>
      </c>
      <c r="AZ25" s="112" t="s">
        <v>160</v>
      </c>
      <c r="BA25" s="112" t="s">
        <v>161</v>
      </c>
      <c r="BB25" s="107">
        <v>45884</v>
      </c>
      <c r="BC25" s="8"/>
      <c r="BD25" s="8"/>
      <c r="BE25" s="8"/>
      <c r="BF25" s="8"/>
      <c r="BG25" s="8"/>
      <c r="BH25" s="8"/>
      <c r="BI25" s="8"/>
      <c r="BJ25" s="8"/>
      <c r="BK25" s="8"/>
      <c r="BL25" s="8"/>
      <c r="BM25" s="8"/>
      <c r="BN25" s="8"/>
      <c r="BO25" s="8"/>
      <c r="BP25" s="8"/>
      <c r="BQ25" s="8"/>
      <c r="BR25" s="8"/>
      <c r="BS25" s="8"/>
      <c r="BT25" s="8"/>
      <c r="BU25" s="8"/>
      <c r="BV25" s="8"/>
      <c r="BW25" s="8"/>
      <c r="BX25" s="8"/>
      <c r="BY25" s="8"/>
      <c r="BZ25" s="8"/>
      <c r="CA25" s="8"/>
      <c r="CB25" s="8"/>
      <c r="CC25" s="8"/>
      <c r="CD25" s="8"/>
      <c r="CE25" s="8"/>
      <c r="CF25" s="8"/>
      <c r="CG25" s="8"/>
      <c r="CH25" s="8"/>
      <c r="CI25" s="8"/>
      <c r="CJ25" s="8"/>
      <c r="CK25" s="8"/>
      <c r="CL25" s="8"/>
      <c r="CM25" s="8"/>
      <c r="CN25" s="8"/>
      <c r="CO25" s="8"/>
      <c r="CP25" s="8"/>
      <c r="CQ25" s="8"/>
      <c r="CR25" s="8"/>
      <c r="CS25" s="8"/>
      <c r="CT25" s="8"/>
      <c r="CU25" s="8"/>
      <c r="CV25" s="8"/>
      <c r="CW25" s="8"/>
      <c r="CX25" s="8"/>
      <c r="CY25" s="8"/>
      <c r="CZ25" s="8"/>
      <c r="DA25" s="8"/>
      <c r="DB25" s="8"/>
      <c r="DC25" s="8"/>
      <c r="DD25" s="8"/>
      <c r="DE25" s="8"/>
      <c r="DF25" s="8"/>
      <c r="DG25" s="8"/>
      <c r="DH25" s="8"/>
      <c r="DI25" s="8"/>
      <c r="DJ25" s="8"/>
      <c r="DK25" s="8"/>
      <c r="DL25" s="8"/>
      <c r="DM25" s="8"/>
      <c r="DN25" s="8"/>
      <c r="DO25" s="8"/>
      <c r="DP25" s="8"/>
      <c r="DQ25" s="8"/>
      <c r="DR25" s="8"/>
      <c r="DS25" s="8"/>
      <c r="DT25" s="8"/>
      <c r="DU25" s="8"/>
      <c r="DV25" s="8"/>
      <c r="DW25" s="8"/>
      <c r="DX25" s="8"/>
      <c r="DY25" s="8"/>
      <c r="DZ25" s="8"/>
      <c r="EA25" s="8"/>
      <c r="EB25" s="8"/>
      <c r="EC25" s="8"/>
      <c r="ED25" s="8"/>
      <c r="EE25" s="8"/>
      <c r="EF25" s="8"/>
      <c r="EG25" s="8"/>
      <c r="EH25" s="8"/>
      <c r="EI25" s="8"/>
      <c r="EJ25" s="8"/>
      <c r="EK25" s="8"/>
      <c r="EL25" s="8"/>
      <c r="EM25" s="8"/>
      <c r="EN25" s="8"/>
      <c r="EO25" s="8"/>
      <c r="EP25" s="8"/>
      <c r="EQ25" s="8"/>
      <c r="ER25" s="8"/>
      <c r="ES25" s="8"/>
      <c r="ET25" s="8"/>
      <c r="EU25" s="8"/>
      <c r="EV25" s="8"/>
      <c r="EW25" s="8"/>
      <c r="EX25" s="8"/>
      <c r="EY25" s="8"/>
      <c r="EZ25" s="8"/>
      <c r="FA25" s="8"/>
      <c r="FB25" s="8"/>
      <c r="FC25" s="8"/>
      <c r="FD25" s="8"/>
      <c r="FE25" s="8"/>
      <c r="FF25" s="8"/>
      <c r="FG25" s="8"/>
      <c r="FH25" s="8"/>
      <c r="FI25" s="8"/>
      <c r="FJ25" s="8"/>
      <c r="FK25" s="8"/>
      <c r="FL25" s="8"/>
      <c r="FM25" s="8"/>
      <c r="FN25" s="8"/>
      <c r="FO25" s="8"/>
      <c r="FP25" s="8"/>
      <c r="FQ25" s="8"/>
      <c r="FR25" s="8"/>
      <c r="FS25" s="8"/>
      <c r="FT25" s="8"/>
      <c r="FU25" s="8"/>
      <c r="FV25" s="8"/>
      <c r="FW25" s="8"/>
      <c r="FX25" s="8"/>
      <c r="FY25" s="8"/>
      <c r="FZ25" s="8"/>
      <c r="GA25" s="8"/>
      <c r="GB25" s="8"/>
      <c r="GC25" s="8"/>
      <c r="GD25" s="8"/>
      <c r="GE25" s="8"/>
      <c r="GF25" s="8"/>
      <c r="GG25" s="8"/>
      <c r="GH25" s="8"/>
      <c r="GI25" s="8"/>
      <c r="GJ25" s="8"/>
      <c r="GK25" s="8"/>
      <c r="GL25" s="8"/>
      <c r="GM25" s="8"/>
      <c r="GN25" s="8"/>
      <c r="GO25" s="8"/>
      <c r="GP25" s="8"/>
      <c r="GQ25" s="8"/>
      <c r="GR25" s="8"/>
      <c r="GS25" s="8"/>
      <c r="GT25" s="8"/>
      <c r="GU25" s="8"/>
      <c r="GV25" s="8"/>
      <c r="GW25" s="8"/>
      <c r="GX25" s="8"/>
      <c r="GY25" s="8"/>
      <c r="GZ25" s="8"/>
      <c r="HA25" s="8"/>
      <c r="HB25" s="8"/>
      <c r="HC25" s="8"/>
      <c r="HD25" s="8"/>
      <c r="HE25" s="8"/>
      <c r="HF25" s="8"/>
      <c r="HG25" s="8"/>
      <c r="HH25" s="8"/>
      <c r="HI25" s="8"/>
      <c r="HJ25" s="8"/>
      <c r="HK25" s="8"/>
      <c r="HL25" s="8"/>
      <c r="HM25" s="8"/>
      <c r="HN25" s="8"/>
      <c r="HO25" s="8"/>
      <c r="HP25" s="8"/>
      <c r="HQ25" s="8"/>
      <c r="HR25" s="8"/>
      <c r="HS25" s="8"/>
      <c r="HT25" s="8"/>
      <c r="HU25" s="8"/>
      <c r="HV25" s="8"/>
      <c r="HW25" s="8"/>
      <c r="HX25" s="8"/>
      <c r="HY25" s="8"/>
      <c r="HZ25" s="8"/>
      <c r="IA25" s="8"/>
      <c r="IB25" s="8"/>
      <c r="IC25" s="8"/>
      <c r="ID25" s="8"/>
      <c r="IE25" s="8"/>
      <c r="IF25" s="8"/>
      <c r="IG25" s="8"/>
      <c r="IH25" s="8"/>
      <c r="II25" s="8"/>
      <c r="IJ25" s="8"/>
      <c r="IK25" s="8"/>
      <c r="IL25" s="8"/>
      <c r="IM25" s="8"/>
      <c r="IN25" s="8"/>
      <c r="IO25" s="8"/>
      <c r="IP25" s="8"/>
      <c r="IQ25" s="8"/>
      <c r="IR25" s="8"/>
      <c r="IS25" s="8"/>
      <c r="IT25" s="8"/>
      <c r="IU25" s="8"/>
      <c r="IV25" s="8"/>
      <c r="IW25" s="8"/>
      <c r="IX25" s="8"/>
      <c r="IY25" s="8"/>
      <c r="IZ25" s="8"/>
      <c r="JA25" s="8"/>
      <c r="JB25" s="8"/>
      <c r="JC25" s="8"/>
      <c r="JD25" s="8"/>
      <c r="JE25" s="8"/>
      <c r="JF25" s="8"/>
      <c r="JG25" s="8"/>
      <c r="JH25" s="8"/>
      <c r="JI25" s="8"/>
      <c r="JJ25" s="8"/>
      <c r="JK25" s="8"/>
      <c r="JL25" s="8"/>
      <c r="JM25" s="8"/>
      <c r="JN25" s="8"/>
      <c r="JO25" s="8"/>
      <c r="JP25" s="8"/>
      <c r="JQ25" s="8"/>
      <c r="JR25" s="8"/>
      <c r="JS25" s="8"/>
      <c r="JT25" s="8"/>
      <c r="JU25" s="8"/>
      <c r="JV25" s="8"/>
      <c r="JW25" s="8"/>
      <c r="JX25" s="8"/>
      <c r="JY25" s="8"/>
      <c r="JZ25" s="8"/>
      <c r="KA25" s="8"/>
      <c r="KB25" s="8"/>
      <c r="KC25" s="8"/>
      <c r="KD25" s="8"/>
      <c r="KE25" s="8"/>
      <c r="KF25" s="8"/>
      <c r="KG25" s="8"/>
      <c r="KH25" s="8"/>
      <c r="KI25" s="8"/>
      <c r="KJ25" s="8"/>
      <c r="KK25" s="8"/>
      <c r="KL25" s="8"/>
      <c r="KM25" s="8"/>
      <c r="KN25" s="8"/>
      <c r="KO25" s="8"/>
      <c r="KP25" s="8"/>
      <c r="KQ25" s="8"/>
      <c r="KR25" s="8"/>
      <c r="KS25" s="8"/>
      <c r="KT25" s="8"/>
      <c r="KU25" s="8"/>
      <c r="KV25" s="8"/>
      <c r="KW25" s="8"/>
      <c r="KX25" s="8"/>
      <c r="KY25" s="8"/>
      <c r="KZ25" s="8"/>
      <c r="LA25" s="8"/>
      <c r="LB25" s="8"/>
      <c r="LC25" s="8"/>
      <c r="LD25" s="8"/>
      <c r="LE25" s="8"/>
      <c r="LF25" s="8"/>
      <c r="LG25" s="8"/>
      <c r="LH25" s="8"/>
      <c r="LI25" s="8"/>
      <c r="LJ25" s="8"/>
      <c r="LK25" s="8"/>
      <c r="LL25" s="8"/>
      <c r="LM25" s="8"/>
      <c r="LN25" s="8"/>
      <c r="LO25" s="8"/>
      <c r="LP25" s="8"/>
      <c r="LQ25" s="8"/>
      <c r="LR25" s="8"/>
      <c r="LS25" s="8"/>
      <c r="LT25" s="8"/>
      <c r="LU25" s="8"/>
      <c r="LV25" s="8"/>
      <c r="LW25" s="8"/>
      <c r="LX25" s="8"/>
      <c r="LY25" s="8"/>
      <c r="LZ25" s="8"/>
      <c r="MA25" s="8"/>
      <c r="MB25" s="8"/>
      <c r="MC25" s="8"/>
      <c r="MD25" s="8"/>
      <c r="ME25" s="8"/>
      <c r="MF25" s="8"/>
      <c r="MG25" s="8"/>
      <c r="MH25" s="8"/>
      <c r="MI25" s="8"/>
      <c r="MJ25" s="8"/>
      <c r="MK25" s="8"/>
      <c r="ML25" s="8"/>
      <c r="MM25" s="8"/>
      <c r="MN25" s="8"/>
      <c r="MO25" s="8"/>
      <c r="MP25" s="8"/>
      <c r="MQ25" s="8"/>
      <c r="MR25" s="8"/>
      <c r="MS25" s="8"/>
      <c r="MT25" s="8"/>
      <c r="MU25" s="8"/>
      <c r="MV25" s="8"/>
      <c r="MW25" s="8"/>
      <c r="MX25" s="8"/>
      <c r="MY25" s="8"/>
      <c r="MZ25" s="8"/>
      <c r="NA25" s="8"/>
      <c r="NB25" s="8"/>
      <c r="NC25" s="8"/>
      <c r="ND25" s="8"/>
      <c r="NE25" s="8"/>
      <c r="NF25" s="8"/>
      <c r="NG25" s="8"/>
      <c r="NH25" s="8"/>
      <c r="NI25" s="8"/>
      <c r="NJ25" s="8"/>
      <c r="NK25" s="8"/>
      <c r="NL25" s="8"/>
      <c r="NM25" s="8"/>
      <c r="NN25" s="8"/>
      <c r="NO25" s="8"/>
      <c r="NP25" s="8"/>
      <c r="NQ25" s="8"/>
      <c r="NR25" s="8"/>
      <c r="NS25" s="8"/>
      <c r="NT25" s="8"/>
      <c r="NU25" s="8"/>
      <c r="NV25" s="8"/>
      <c r="NW25" s="8"/>
      <c r="NX25" s="8"/>
      <c r="NY25" s="8"/>
      <c r="NZ25" s="8"/>
      <c r="OA25" s="8"/>
      <c r="OB25" s="8"/>
      <c r="OC25" s="8"/>
      <c r="OD25" s="8"/>
      <c r="OE25" s="8"/>
      <c r="OF25" s="8"/>
      <c r="OG25" s="8"/>
      <c r="OH25" s="8"/>
      <c r="OI25" s="8"/>
      <c r="OJ25" s="8"/>
      <c r="OK25" s="8"/>
      <c r="OL25" s="8"/>
      <c r="OM25" s="8"/>
      <c r="ON25" s="8"/>
      <c r="OO25" s="8"/>
      <c r="OP25" s="8"/>
      <c r="OQ25" s="8"/>
      <c r="OR25" s="8"/>
      <c r="OS25" s="8"/>
      <c r="OT25" s="8"/>
      <c r="OU25" s="8"/>
      <c r="OV25" s="8"/>
      <c r="OW25" s="8"/>
      <c r="OX25" s="8"/>
      <c r="OY25" s="8"/>
      <c r="OZ25" s="8"/>
      <c r="PA25" s="8"/>
      <c r="PB25" s="8"/>
      <c r="PC25" s="8"/>
      <c r="PD25" s="8"/>
      <c r="PE25" s="8"/>
      <c r="PF25" s="8"/>
      <c r="PG25" s="8"/>
      <c r="PH25" s="8"/>
      <c r="PI25" s="8"/>
      <c r="PJ25" s="8"/>
      <c r="PK25" s="8"/>
      <c r="PL25" s="8"/>
      <c r="PM25" s="8"/>
      <c r="PN25" s="8"/>
      <c r="PO25" s="8"/>
      <c r="PP25" s="8"/>
      <c r="PQ25" s="8"/>
      <c r="PR25" s="8"/>
      <c r="PS25" s="8"/>
      <c r="PT25" s="8"/>
      <c r="PU25" s="8"/>
      <c r="PV25" s="8"/>
      <c r="PW25" s="8"/>
      <c r="PX25" s="8"/>
      <c r="PY25" s="8"/>
      <c r="PZ25" s="8"/>
      <c r="QA25" s="8"/>
      <c r="QB25" s="8"/>
      <c r="QC25" s="8"/>
      <c r="QD25" s="8"/>
      <c r="QE25" s="8"/>
      <c r="QF25" s="8"/>
      <c r="QG25" s="8"/>
      <c r="QH25" s="8"/>
      <c r="QI25" s="8"/>
      <c r="QJ25" s="8"/>
      <c r="QK25" s="8"/>
      <c r="QL25" s="8"/>
      <c r="QM25" s="8"/>
      <c r="QN25" s="8"/>
      <c r="QO25" s="8"/>
      <c r="QP25" s="8"/>
      <c r="QQ25" s="8"/>
      <c r="QR25" s="8"/>
      <c r="QS25" s="8"/>
      <c r="QT25" s="8"/>
      <c r="QU25" s="8"/>
      <c r="QV25" s="8"/>
      <c r="QW25" s="8"/>
      <c r="QX25" s="8"/>
      <c r="QY25" s="8"/>
      <c r="QZ25" s="8"/>
      <c r="RA25" s="8"/>
      <c r="RB25" s="8"/>
      <c r="RC25" s="8"/>
      <c r="RD25" s="8"/>
      <c r="RE25" s="8"/>
      <c r="RF25" s="8"/>
      <c r="RG25" s="8"/>
      <c r="RH25" s="8"/>
      <c r="RI25" s="8"/>
      <c r="RJ25" s="8"/>
      <c r="RK25" s="8"/>
      <c r="RL25" s="8"/>
      <c r="RM25" s="8"/>
      <c r="RN25" s="8"/>
      <c r="RO25" s="8"/>
      <c r="RP25" s="8"/>
      <c r="RQ25" s="8"/>
      <c r="RR25" s="8"/>
      <c r="RS25" s="8"/>
      <c r="RT25" s="8"/>
      <c r="RU25" s="8"/>
      <c r="RV25" s="8"/>
      <c r="RW25" s="8"/>
      <c r="RX25" s="8"/>
      <c r="RY25" s="8"/>
      <c r="RZ25" s="8"/>
      <c r="SA25" s="8"/>
      <c r="SB25" s="8"/>
      <c r="SC25" s="8"/>
      <c r="SD25" s="8"/>
      <c r="SE25" s="8"/>
      <c r="SF25" s="8"/>
      <c r="SG25" s="8"/>
      <c r="SH25" s="8"/>
      <c r="SI25" s="8"/>
      <c r="SJ25" s="8"/>
      <c r="SK25" s="8"/>
      <c r="SL25" s="8"/>
      <c r="SM25" s="8"/>
      <c r="SN25" s="8"/>
      <c r="SO25" s="8"/>
      <c r="SP25" s="8"/>
      <c r="SQ25" s="8"/>
      <c r="SR25" s="8"/>
      <c r="SS25" s="8"/>
      <c r="ST25" s="8"/>
      <c r="SU25" s="8"/>
      <c r="SV25" s="8"/>
      <c r="SW25" s="8"/>
      <c r="SX25" s="8"/>
      <c r="SY25" s="8"/>
      <c r="SZ25" s="8"/>
      <c r="TA25" s="8"/>
      <c r="TB25" s="8"/>
      <c r="TC25" s="8"/>
      <c r="TD25" s="8"/>
      <c r="TE25" s="8"/>
      <c r="TF25" s="8"/>
      <c r="TG25" s="8"/>
      <c r="TH25" s="8"/>
      <c r="TI25" s="8"/>
      <c r="TJ25" s="8"/>
      <c r="TK25" s="8"/>
      <c r="TL25" s="8"/>
      <c r="TM25" s="8"/>
      <c r="TN25" s="8"/>
      <c r="TO25" s="8"/>
      <c r="TP25" s="8"/>
      <c r="TQ25" s="8"/>
      <c r="TR25" s="8"/>
      <c r="TS25" s="8"/>
      <c r="TT25" s="8"/>
      <c r="TU25" s="8"/>
      <c r="TV25" s="8"/>
      <c r="TW25" s="8"/>
      <c r="TX25" s="8"/>
      <c r="TY25" s="8"/>
      <c r="TZ25" s="8"/>
      <c r="UA25" s="8"/>
      <c r="UB25" s="8"/>
      <c r="UC25" s="8"/>
      <c r="UD25" s="8"/>
      <c r="UE25" s="8"/>
      <c r="UF25" s="8"/>
      <c r="UG25" s="8"/>
      <c r="UH25" s="8"/>
      <c r="UI25" s="8"/>
      <c r="UJ25" s="8"/>
      <c r="UK25" s="8"/>
      <c r="UL25" s="8"/>
      <c r="UM25" s="8"/>
      <c r="UN25" s="8"/>
      <c r="UO25" s="8"/>
      <c r="UP25" s="8"/>
      <c r="UQ25" s="8"/>
      <c r="UR25" s="8"/>
      <c r="US25" s="8"/>
      <c r="UT25" s="8"/>
      <c r="UU25" s="8"/>
      <c r="UV25" s="8"/>
      <c r="UW25" s="8"/>
      <c r="UX25" s="8"/>
      <c r="UY25" s="8"/>
      <c r="UZ25" s="8"/>
      <c r="VA25" s="8"/>
      <c r="VB25" s="8"/>
      <c r="VC25" s="8"/>
      <c r="VD25" s="8"/>
      <c r="VE25" s="8"/>
      <c r="VF25" s="8"/>
      <c r="VG25" s="8"/>
      <c r="VH25" s="8"/>
      <c r="VI25" s="8"/>
      <c r="VJ25" s="8"/>
      <c r="VK25" s="8"/>
      <c r="VL25" s="8"/>
      <c r="VM25" s="8"/>
      <c r="VN25" s="8"/>
      <c r="VO25" s="8"/>
      <c r="VP25" s="8"/>
      <c r="VQ25" s="8"/>
      <c r="VR25" s="8"/>
      <c r="VS25" s="8"/>
      <c r="VT25" s="8"/>
      <c r="VU25" s="8"/>
      <c r="VV25" s="8"/>
      <c r="VW25" s="8"/>
      <c r="VX25" s="8"/>
      <c r="VY25" s="8"/>
      <c r="VZ25" s="8"/>
      <c r="WA25" s="8"/>
      <c r="WB25" s="8"/>
      <c r="WC25" s="8"/>
      <c r="WD25" s="8"/>
      <c r="WE25" s="8"/>
      <c r="WF25" s="8"/>
      <c r="WG25" s="8"/>
      <c r="WH25" s="8"/>
      <c r="WI25" s="8"/>
      <c r="WJ25" s="8"/>
      <c r="WK25" s="8"/>
      <c r="WL25" s="8"/>
      <c r="WM25" s="8"/>
      <c r="WN25" s="8"/>
      <c r="WO25" s="8"/>
      <c r="WP25" s="8"/>
      <c r="WQ25" s="8"/>
      <c r="WR25" s="8"/>
      <c r="WS25" s="8"/>
      <c r="WT25" s="8"/>
      <c r="WU25" s="8"/>
      <c r="WV25" s="8"/>
      <c r="WW25" s="8"/>
      <c r="WX25" s="8"/>
      <c r="WY25" s="8"/>
      <c r="WZ25" s="8"/>
      <c r="XA25" s="8"/>
      <c r="XB25" s="8"/>
      <c r="XC25" s="8"/>
      <c r="XD25" s="8"/>
      <c r="XE25" s="8"/>
      <c r="XF25" s="8"/>
      <c r="XG25" s="8"/>
      <c r="XH25" s="8"/>
      <c r="XI25" s="8"/>
      <c r="XJ25" s="8"/>
      <c r="XK25" s="8"/>
      <c r="XL25" s="8"/>
      <c r="XM25" s="8"/>
      <c r="XN25" s="8"/>
      <c r="XO25" s="8"/>
      <c r="XP25" s="8"/>
      <c r="XQ25" s="8"/>
      <c r="XR25" s="8"/>
      <c r="XS25" s="8"/>
      <c r="XT25" s="8"/>
      <c r="XU25" s="8"/>
      <c r="XV25" s="8"/>
      <c r="XW25" s="8"/>
      <c r="XX25" s="8"/>
      <c r="XY25" s="8"/>
      <c r="XZ25" s="8"/>
      <c r="YA25" s="8"/>
      <c r="YB25" s="8"/>
      <c r="YC25" s="8"/>
      <c r="YD25" s="8"/>
      <c r="YE25" s="8"/>
      <c r="YF25" s="8"/>
      <c r="YG25" s="8"/>
      <c r="YH25" s="8"/>
      <c r="YI25" s="8"/>
      <c r="YJ25" s="8"/>
      <c r="YK25" s="8"/>
      <c r="YL25" s="8"/>
      <c r="YM25" s="8"/>
      <c r="YN25" s="8"/>
      <c r="YO25" s="8"/>
      <c r="YP25" s="8"/>
      <c r="YQ25" s="8"/>
      <c r="YR25" s="8"/>
      <c r="YS25" s="8"/>
      <c r="YT25" s="8"/>
      <c r="YU25" s="8"/>
      <c r="YV25" s="8"/>
      <c r="YW25" s="8"/>
      <c r="YX25" s="8"/>
      <c r="YY25" s="8"/>
      <c r="YZ25" s="8"/>
      <c r="ZA25" s="8"/>
      <c r="ZB25" s="8"/>
      <c r="ZC25" s="8"/>
      <c r="ZD25" s="8"/>
      <c r="ZE25" s="8"/>
      <c r="ZF25" s="8"/>
      <c r="ZG25" s="8"/>
      <c r="ZH25" s="8"/>
      <c r="ZI25" s="8"/>
      <c r="ZJ25" s="8"/>
      <c r="ZK25" s="8"/>
      <c r="ZL25" s="8"/>
      <c r="ZM25" s="8"/>
      <c r="ZN25" s="8"/>
      <c r="ZO25" s="8"/>
      <c r="ZP25" s="8"/>
      <c r="ZQ25" s="8"/>
      <c r="ZR25" s="8"/>
      <c r="ZS25" s="8"/>
      <c r="ZT25" s="8"/>
      <c r="ZU25" s="8"/>
      <c r="ZV25" s="8"/>
      <c r="ZW25" s="8"/>
      <c r="ZX25" s="8"/>
      <c r="ZY25" s="8"/>
      <c r="ZZ25" s="8"/>
      <c r="AAA25" s="8"/>
      <c r="AAB25" s="8"/>
      <c r="AAC25" s="8"/>
      <c r="AAD25" s="8"/>
      <c r="AAE25" s="8"/>
      <c r="AAF25" s="8"/>
      <c r="AAG25" s="8"/>
      <c r="AAH25" s="8"/>
      <c r="AAI25" s="8"/>
      <c r="AAJ25" s="8"/>
      <c r="AAK25" s="8"/>
      <c r="AAL25" s="8"/>
      <c r="AAM25" s="8"/>
      <c r="AAN25" s="8"/>
      <c r="AAO25" s="8"/>
      <c r="AAP25" s="8"/>
      <c r="AAQ25" s="8"/>
      <c r="AAR25" s="8"/>
      <c r="AAS25" s="8"/>
      <c r="AAT25" s="8"/>
      <c r="AAU25" s="8"/>
      <c r="AAV25" s="8"/>
      <c r="AAW25" s="8"/>
      <c r="AAX25" s="8"/>
      <c r="AAY25" s="8"/>
      <c r="AAZ25" s="8"/>
      <c r="ABA25" s="8"/>
      <c r="ABB25" s="8"/>
      <c r="ABC25" s="8"/>
      <c r="ABD25" s="8"/>
      <c r="ABE25" s="8"/>
      <c r="ABF25" s="8"/>
      <c r="ABG25" s="8"/>
      <c r="ABH25" s="8"/>
      <c r="ABI25" s="8"/>
      <c r="ABJ25" s="8"/>
      <c r="ABK25" s="8"/>
      <c r="ABL25" s="8"/>
      <c r="ABM25" s="8"/>
      <c r="ABN25" s="8"/>
      <c r="ABO25" s="8"/>
      <c r="ABP25" s="8"/>
      <c r="ABQ25" s="8"/>
      <c r="ABR25" s="8"/>
      <c r="ABS25" s="8"/>
      <c r="ABT25" s="8"/>
      <c r="ABU25" s="8"/>
      <c r="ABV25" s="8"/>
      <c r="ABW25" s="8"/>
      <c r="ABX25" s="8"/>
      <c r="ABY25" s="8"/>
      <c r="ABZ25" s="8"/>
      <c r="ACA25" s="8"/>
      <c r="ACB25" s="8"/>
      <c r="ACC25" s="8"/>
      <c r="ACD25" s="8"/>
      <c r="ACE25" s="8"/>
      <c r="ACF25" s="8"/>
      <c r="ACG25" s="8"/>
      <c r="ACH25" s="8"/>
      <c r="ACI25" s="8"/>
      <c r="ACJ25" s="8"/>
      <c r="ACK25" s="8"/>
      <c r="ACL25" s="8"/>
      <c r="ACM25" s="8"/>
      <c r="ACN25" s="8"/>
      <c r="ACO25" s="8"/>
      <c r="ACP25" s="8"/>
      <c r="ACQ25" s="8"/>
      <c r="ACR25" s="8"/>
      <c r="ACS25" s="8"/>
      <c r="ACT25" s="8"/>
      <c r="ACU25" s="8"/>
      <c r="ACV25" s="8"/>
      <c r="ACW25" s="8"/>
      <c r="ACX25" s="8"/>
      <c r="ACY25" s="8"/>
      <c r="ACZ25" s="8"/>
      <c r="ADA25" s="8"/>
      <c r="ADB25" s="8"/>
      <c r="ADC25" s="8"/>
      <c r="ADD25" s="8"/>
      <c r="ADE25" s="8"/>
      <c r="ADF25" s="8"/>
      <c r="ADG25" s="8"/>
      <c r="ADH25" s="8"/>
      <c r="ADI25" s="8"/>
      <c r="ADJ25" s="8"/>
      <c r="ADK25" s="8"/>
      <c r="ADL25" s="8"/>
      <c r="ADM25" s="8"/>
      <c r="ADN25" s="8"/>
      <c r="ADO25" s="8"/>
      <c r="ADP25" s="8"/>
      <c r="ADQ25" s="8"/>
      <c r="ADR25" s="8"/>
      <c r="ADS25" s="8"/>
      <c r="ADT25" s="8"/>
      <c r="ADU25" s="8"/>
      <c r="ADV25" s="8"/>
      <c r="ADW25" s="8"/>
      <c r="ADX25" s="8"/>
      <c r="ADY25" s="8"/>
      <c r="ADZ25" s="8"/>
      <c r="AEA25" s="8"/>
      <c r="AEB25" s="8"/>
      <c r="AEC25" s="8"/>
      <c r="AED25" s="8"/>
      <c r="AEE25" s="8"/>
      <c r="AEF25" s="8"/>
      <c r="AEG25" s="8"/>
      <c r="AEH25" s="8"/>
      <c r="AEI25" s="8"/>
      <c r="AEJ25" s="8"/>
      <c r="AEK25" s="8"/>
      <c r="AEL25" s="8"/>
      <c r="AEM25" s="8"/>
      <c r="AEN25" s="8"/>
      <c r="AEO25" s="8"/>
      <c r="AEP25" s="8"/>
      <c r="AEQ25" s="8"/>
      <c r="AER25" s="8"/>
      <c r="AES25" s="8"/>
      <c r="AET25" s="8"/>
      <c r="AEU25" s="8"/>
      <c r="AEV25" s="8"/>
      <c r="AEW25" s="8"/>
      <c r="AEX25" s="8"/>
      <c r="AEY25" s="8"/>
      <c r="AEZ25" s="8"/>
      <c r="AFA25" s="8"/>
      <c r="AFB25" s="8"/>
      <c r="AFC25" s="8"/>
      <c r="AFD25" s="8"/>
      <c r="AFE25" s="8"/>
      <c r="AFF25" s="8"/>
      <c r="AFG25" s="8"/>
      <c r="AFH25" s="8"/>
      <c r="AFI25" s="8"/>
      <c r="AFJ25" s="8"/>
      <c r="AFK25" s="8"/>
      <c r="AFL25" s="8"/>
      <c r="AFM25" s="8"/>
      <c r="AFN25" s="8"/>
      <c r="AFO25" s="8"/>
      <c r="AFP25" s="8"/>
      <c r="AFQ25" s="8"/>
      <c r="AFR25" s="8"/>
      <c r="AFS25" s="8"/>
      <c r="AFT25" s="8"/>
      <c r="AFU25" s="8"/>
      <c r="AFV25" s="8"/>
      <c r="AFW25" s="8"/>
      <c r="AFX25" s="8"/>
      <c r="AFY25" s="8"/>
      <c r="AFZ25" s="8"/>
      <c r="AGA25" s="8"/>
      <c r="AGB25" s="8"/>
      <c r="AGC25" s="8"/>
      <c r="AGD25" s="8"/>
      <c r="AGE25" s="8"/>
      <c r="AGF25" s="8"/>
      <c r="AGG25" s="8"/>
      <c r="AGH25" s="8"/>
      <c r="AGI25" s="8"/>
      <c r="AGJ25" s="8"/>
      <c r="AGK25" s="8"/>
      <c r="AGL25" s="8"/>
      <c r="AGM25" s="8"/>
      <c r="AGN25" s="8"/>
      <c r="AGO25" s="8"/>
      <c r="AGP25" s="8"/>
      <c r="AGQ25" s="8"/>
      <c r="AGR25" s="8"/>
      <c r="AGS25" s="8"/>
      <c r="AGT25" s="8"/>
      <c r="AGU25" s="8"/>
      <c r="AGV25" s="8"/>
      <c r="AGW25" s="8"/>
      <c r="AGX25" s="8"/>
      <c r="AGY25" s="8"/>
      <c r="AGZ25" s="8"/>
      <c r="AHA25" s="8"/>
      <c r="AHB25" s="8"/>
      <c r="AHC25" s="8"/>
      <c r="AHD25" s="8"/>
      <c r="AHE25" s="8"/>
      <c r="AHF25" s="8"/>
      <c r="AHG25" s="8"/>
      <c r="AHH25" s="8"/>
      <c r="AHI25" s="8"/>
      <c r="AHJ25" s="8"/>
      <c r="AHK25" s="8"/>
      <c r="AHL25" s="8"/>
      <c r="AHM25" s="8"/>
      <c r="AHN25" s="8"/>
      <c r="AHO25" s="8"/>
      <c r="AHP25" s="8"/>
      <c r="AHQ25" s="8"/>
      <c r="AHR25" s="8"/>
      <c r="AHS25" s="8"/>
      <c r="AHT25" s="8"/>
      <c r="AHU25" s="8"/>
      <c r="AHV25" s="8"/>
      <c r="AHW25" s="8"/>
      <c r="AHX25" s="8"/>
      <c r="AHY25" s="8"/>
      <c r="AHZ25" s="8"/>
      <c r="AIA25" s="8"/>
      <c r="AIB25" s="8"/>
      <c r="AIC25" s="8"/>
      <c r="AID25" s="8"/>
      <c r="AIE25" s="8"/>
      <c r="AIF25" s="8"/>
      <c r="AIG25" s="8"/>
      <c r="AIH25" s="8"/>
      <c r="AII25" s="8"/>
      <c r="AIJ25" s="8"/>
      <c r="AIK25" s="8"/>
      <c r="AIL25" s="8"/>
      <c r="AIM25" s="8"/>
      <c r="AIN25" s="8"/>
      <c r="AIO25" s="8"/>
      <c r="AIP25" s="8"/>
      <c r="AIQ25" s="8"/>
      <c r="AIR25" s="8"/>
      <c r="AIS25" s="8"/>
      <c r="AIT25" s="8"/>
      <c r="AIU25" s="8"/>
      <c r="AIV25" s="8"/>
      <c r="AIW25" s="8"/>
      <c r="AIX25" s="8"/>
      <c r="AIY25" s="8"/>
      <c r="AIZ25" s="8"/>
      <c r="AJA25" s="8"/>
      <c r="AJB25" s="8"/>
      <c r="AJC25" s="8"/>
      <c r="AJD25" s="8"/>
      <c r="AJE25" s="8"/>
      <c r="AJF25" s="8"/>
      <c r="AJG25" s="8"/>
      <c r="AJH25" s="8"/>
      <c r="AJI25" s="8"/>
      <c r="AJJ25" s="8"/>
      <c r="AJK25" s="8"/>
      <c r="AJL25" s="8"/>
      <c r="AJM25" s="8"/>
      <c r="AJN25" s="8"/>
      <c r="AJO25" s="8"/>
      <c r="AJP25" s="8"/>
      <c r="AJQ25" s="8"/>
      <c r="AJR25" s="8"/>
      <c r="AJS25" s="8"/>
      <c r="AJT25" s="8"/>
      <c r="AJU25" s="8"/>
      <c r="AJV25" s="8"/>
      <c r="AJW25" s="8"/>
      <c r="AJX25" s="8"/>
      <c r="AJY25" s="8"/>
      <c r="AJZ25" s="8"/>
      <c r="AKA25" s="8"/>
      <c r="AKB25" s="8"/>
      <c r="AKC25" s="8"/>
      <c r="AKD25" s="8"/>
      <c r="AKE25" s="8"/>
      <c r="AKF25" s="8"/>
      <c r="AKG25" s="8"/>
      <c r="AKH25" s="8"/>
      <c r="AKI25" s="8"/>
      <c r="AKJ25" s="8"/>
      <c r="AKK25" s="8"/>
      <c r="AKL25" s="8"/>
      <c r="AKM25" s="8"/>
      <c r="AKN25" s="8"/>
      <c r="AKO25" s="8"/>
      <c r="AKP25" s="8"/>
      <c r="AKQ25" s="8"/>
      <c r="AKR25" s="8"/>
      <c r="AKS25" s="8"/>
      <c r="AKT25" s="8"/>
      <c r="AKU25" s="8"/>
      <c r="AKV25" s="8"/>
      <c r="AKW25" s="8"/>
      <c r="AKX25" s="8"/>
      <c r="AKY25" s="8"/>
      <c r="AKZ25" s="8"/>
      <c r="ALA25" s="8"/>
      <c r="ALB25" s="8"/>
      <c r="ALC25" s="8"/>
      <c r="ALD25" s="8"/>
      <c r="ALE25" s="8"/>
      <c r="ALF25" s="8"/>
      <c r="ALG25" s="8"/>
      <c r="ALH25" s="8"/>
      <c r="ALI25" s="8"/>
      <c r="ALJ25" s="8"/>
      <c r="ALK25" s="8"/>
      <c r="ALL25" s="8"/>
      <c r="ALM25" s="8"/>
      <c r="ALN25" s="8"/>
      <c r="ALO25" s="8"/>
      <c r="ALP25" s="8"/>
      <c r="ALQ25" s="8"/>
      <c r="ALR25" s="8"/>
      <c r="ALS25" s="8"/>
      <c r="ALT25" s="8"/>
      <c r="ALU25" s="8"/>
      <c r="ALV25" s="8"/>
      <c r="ALW25" s="8"/>
      <c r="ALX25" s="8"/>
      <c r="ALY25" s="8"/>
      <c r="ALZ25" s="8"/>
      <c r="AMA25" s="8"/>
      <c r="AMB25" s="8"/>
      <c r="AMC25" s="8"/>
      <c r="AMD25" s="8"/>
      <c r="AME25" s="8"/>
      <c r="AMF25" s="8"/>
      <c r="AMG25" s="8"/>
      <c r="AMH25" s="8"/>
      <c r="AMI25" s="8"/>
      <c r="AMJ25" s="8"/>
      <c r="AMK25" s="8"/>
      <c r="AML25" s="8"/>
      <c r="AMM25" s="8"/>
      <c r="AMN25" s="8"/>
      <c r="AMO25" s="8"/>
      <c r="AMP25" s="8"/>
      <c r="AMQ25" s="8"/>
      <c r="AMR25" s="8"/>
      <c r="AMS25" s="8"/>
      <c r="AMT25" s="8"/>
      <c r="AMU25" s="8"/>
      <c r="AMV25" s="8"/>
      <c r="AMW25" s="8"/>
      <c r="AMX25" s="8"/>
      <c r="AMY25" s="8"/>
      <c r="AMZ25" s="8"/>
      <c r="ANA25" s="8"/>
      <c r="ANB25" s="8"/>
      <c r="ANC25" s="8"/>
      <c r="AND25" s="8"/>
      <c r="ANE25" s="8"/>
      <c r="ANF25" s="8"/>
      <c r="ANG25" s="8"/>
      <c r="ANH25" s="8"/>
      <c r="ANI25" s="8"/>
      <c r="ANJ25" s="8"/>
      <c r="ANK25" s="8"/>
      <c r="ANL25" s="8"/>
      <c r="ANM25" s="8"/>
      <c r="ANN25" s="8"/>
      <c r="ANO25" s="8"/>
      <c r="ANP25" s="8"/>
      <c r="ANQ25" s="8"/>
      <c r="ANR25" s="8"/>
      <c r="ANS25" s="8"/>
      <c r="ANT25" s="8"/>
      <c r="ANU25" s="8"/>
      <c r="ANV25" s="8"/>
      <c r="ANW25" s="8"/>
      <c r="ANX25" s="8"/>
      <c r="ANY25" s="8"/>
      <c r="ANZ25" s="8"/>
      <c r="AOA25" s="8"/>
      <c r="AOB25" s="8"/>
      <c r="AOC25" s="8"/>
      <c r="AOD25" s="8"/>
      <c r="AOE25" s="8"/>
      <c r="AOF25" s="8"/>
      <c r="AOG25" s="8"/>
      <c r="AOH25" s="8"/>
      <c r="AOI25" s="8"/>
      <c r="AOJ25" s="8"/>
      <c r="AOK25" s="8"/>
      <c r="AOL25" s="8"/>
      <c r="AOM25" s="8"/>
      <c r="AON25" s="8"/>
      <c r="AOO25" s="8"/>
      <c r="AOP25" s="8"/>
      <c r="AOQ25" s="8"/>
      <c r="AOR25" s="8"/>
      <c r="AOS25" s="8"/>
      <c r="AOT25" s="8"/>
      <c r="AOU25" s="8"/>
      <c r="AOV25" s="8"/>
      <c r="AOW25" s="8"/>
      <c r="AOX25" s="8"/>
      <c r="AOY25" s="8"/>
      <c r="AOZ25" s="8"/>
      <c r="APA25" s="8"/>
      <c r="APB25" s="8"/>
      <c r="APC25" s="8"/>
      <c r="APD25" s="8"/>
      <c r="APE25" s="8"/>
      <c r="APF25" s="8"/>
      <c r="APG25" s="8"/>
      <c r="APH25" s="8"/>
      <c r="API25" s="8"/>
      <c r="APJ25" s="8"/>
      <c r="APK25" s="8"/>
      <c r="APL25" s="8"/>
      <c r="APM25" s="8"/>
      <c r="APN25" s="8"/>
      <c r="APO25" s="8"/>
      <c r="APP25" s="8"/>
      <c r="APQ25" s="8"/>
      <c r="APR25" s="8"/>
      <c r="APS25" s="8"/>
      <c r="APT25" s="8"/>
      <c r="APU25" s="8"/>
      <c r="APV25" s="8"/>
      <c r="APW25" s="8"/>
      <c r="APX25" s="8"/>
      <c r="APY25" s="8"/>
      <c r="APZ25" s="8"/>
      <c r="AQA25" s="8"/>
      <c r="AQB25" s="8"/>
      <c r="AQC25" s="8"/>
      <c r="AQD25" s="8"/>
      <c r="AQE25" s="8"/>
      <c r="AQF25" s="8"/>
      <c r="AQG25" s="8"/>
      <c r="AQH25" s="8"/>
      <c r="AQI25" s="8"/>
      <c r="AQJ25" s="8"/>
      <c r="AQK25" s="8"/>
      <c r="AQL25" s="8"/>
      <c r="AQM25" s="8"/>
      <c r="AQN25" s="8"/>
      <c r="AQO25" s="8"/>
      <c r="AQP25" s="8"/>
      <c r="AQQ25" s="8"/>
      <c r="AQR25" s="8"/>
      <c r="AQS25" s="8"/>
      <c r="AQT25" s="8"/>
      <c r="AQU25" s="8"/>
      <c r="AQV25" s="8"/>
      <c r="AQW25" s="8"/>
      <c r="AQX25" s="8"/>
      <c r="AQY25" s="8"/>
      <c r="AQZ25" s="8"/>
      <c r="ARA25" s="8"/>
      <c r="ARB25" s="8"/>
      <c r="ARC25" s="8"/>
      <c r="ARD25" s="8"/>
      <c r="ARE25" s="8"/>
      <c r="ARF25" s="8"/>
      <c r="ARG25" s="8"/>
      <c r="ARH25" s="8"/>
      <c r="ARI25" s="8"/>
      <c r="ARJ25" s="8"/>
      <c r="ARK25" s="8"/>
      <c r="ARL25" s="8"/>
      <c r="ARM25" s="8"/>
      <c r="ARN25" s="8"/>
      <c r="ARO25" s="8"/>
      <c r="ARP25" s="8"/>
      <c r="ARQ25" s="8"/>
      <c r="ARR25" s="8"/>
      <c r="ARS25" s="8"/>
      <c r="ART25" s="8"/>
      <c r="ARU25" s="8"/>
      <c r="ARV25" s="8"/>
      <c r="ARW25" s="8"/>
      <c r="ARX25" s="8"/>
      <c r="ARY25" s="8"/>
      <c r="ARZ25" s="8"/>
      <c r="ASA25" s="8"/>
      <c r="ASB25" s="8"/>
      <c r="ASC25" s="8"/>
      <c r="ASD25" s="8"/>
      <c r="ASE25" s="8"/>
      <c r="ASF25" s="8"/>
      <c r="ASG25" s="8"/>
      <c r="ASH25" s="8"/>
      <c r="ASI25" s="8"/>
      <c r="ASJ25" s="8"/>
      <c r="ASK25" s="8"/>
      <c r="ASL25" s="8"/>
      <c r="ASM25" s="8"/>
      <c r="ASN25" s="8"/>
      <c r="ASO25" s="8"/>
      <c r="ASP25" s="8"/>
      <c r="ASQ25" s="8"/>
      <c r="ASR25" s="8"/>
      <c r="ASS25" s="8"/>
      <c r="AST25" s="8"/>
      <c r="ASU25" s="8"/>
      <c r="ASV25" s="8"/>
      <c r="ASW25" s="8"/>
      <c r="ASX25" s="8"/>
      <c r="ASY25" s="8"/>
      <c r="ASZ25" s="8"/>
      <c r="ATA25" s="8"/>
      <c r="ATB25" s="8"/>
      <c r="ATC25" s="8"/>
      <c r="ATD25" s="8"/>
      <c r="ATE25" s="8"/>
      <c r="ATF25" s="8"/>
      <c r="ATG25" s="8"/>
      <c r="ATH25" s="8"/>
      <c r="ATI25" s="8"/>
      <c r="ATJ25" s="8"/>
      <c r="ATK25" s="8"/>
      <c r="ATL25" s="8"/>
      <c r="ATM25" s="8"/>
      <c r="ATN25" s="8"/>
      <c r="ATO25" s="8"/>
      <c r="ATP25" s="8"/>
      <c r="ATQ25" s="8"/>
      <c r="ATR25" s="8"/>
      <c r="ATS25" s="8"/>
      <c r="ATT25" s="8"/>
      <c r="ATU25" s="8"/>
      <c r="ATV25" s="8"/>
      <c r="ATW25" s="8"/>
      <c r="ATX25" s="8"/>
      <c r="ATY25" s="8"/>
      <c r="ATZ25" s="8"/>
      <c r="AUA25" s="8"/>
      <c r="AUB25" s="8"/>
      <c r="AUC25" s="8"/>
      <c r="AUD25" s="8"/>
      <c r="AUE25" s="8"/>
      <c r="AUF25" s="8"/>
      <c r="AUG25" s="8"/>
      <c r="AUH25" s="8"/>
      <c r="AUI25" s="8"/>
      <c r="AUJ25" s="8"/>
      <c r="AUK25" s="8"/>
      <c r="AUL25" s="8"/>
      <c r="AUM25" s="8"/>
      <c r="AUN25" s="8"/>
      <c r="AUO25" s="8"/>
      <c r="AUP25" s="8"/>
      <c r="AUQ25" s="8"/>
      <c r="AUR25" s="8"/>
      <c r="AUS25" s="8"/>
      <c r="AUT25" s="8"/>
      <c r="AUU25" s="8"/>
      <c r="AUV25" s="8"/>
      <c r="AUW25" s="8"/>
      <c r="AUX25" s="8"/>
      <c r="AUY25" s="8"/>
      <c r="AUZ25" s="8"/>
      <c r="AVA25" s="8"/>
      <c r="AVB25" s="8"/>
      <c r="AVC25" s="8"/>
      <c r="AVD25" s="8"/>
      <c r="AVE25" s="8"/>
      <c r="AVF25" s="8"/>
      <c r="AVG25" s="8"/>
      <c r="AVH25" s="8"/>
      <c r="AVI25" s="8"/>
      <c r="AVJ25" s="8"/>
      <c r="AVK25" s="8"/>
      <c r="AVL25" s="8"/>
      <c r="AVM25" s="8"/>
      <c r="AVN25" s="8"/>
      <c r="AVO25" s="8"/>
      <c r="AVP25" s="8"/>
      <c r="AVQ25" s="8"/>
      <c r="AVR25" s="8"/>
      <c r="AVS25" s="8"/>
      <c r="AVT25" s="8"/>
      <c r="AVU25" s="8"/>
      <c r="AVV25" s="8"/>
      <c r="AVW25" s="8"/>
      <c r="AVX25" s="8"/>
      <c r="AVY25" s="8"/>
      <c r="AVZ25" s="8"/>
      <c r="AWA25" s="8"/>
      <c r="AWB25" s="8"/>
      <c r="AWC25" s="8"/>
      <c r="AWD25" s="8"/>
      <c r="AWE25" s="8"/>
      <c r="AWF25" s="8"/>
      <c r="AWG25" s="8"/>
      <c r="AWH25" s="8"/>
      <c r="AWI25" s="8"/>
      <c r="AWJ25" s="8"/>
      <c r="AWK25" s="8"/>
      <c r="AWL25" s="8"/>
      <c r="AWM25" s="8"/>
      <c r="AWN25" s="8"/>
      <c r="AWO25" s="8"/>
      <c r="AWP25" s="8"/>
      <c r="AWQ25" s="8"/>
      <c r="AWR25" s="8"/>
      <c r="AWS25" s="8"/>
      <c r="AWT25" s="8"/>
      <c r="AWU25" s="8"/>
      <c r="AWV25" s="8"/>
      <c r="AWW25" s="8"/>
      <c r="AWX25" s="8"/>
      <c r="AWY25" s="8"/>
      <c r="AWZ25" s="8"/>
      <c r="AXA25" s="8"/>
      <c r="AXB25" s="8"/>
      <c r="AXC25" s="8"/>
      <c r="AXD25" s="8"/>
      <c r="AXE25" s="8"/>
      <c r="AXF25" s="8"/>
      <c r="AXG25" s="8"/>
      <c r="AXH25" s="8"/>
      <c r="AXI25" s="8"/>
      <c r="AXJ25" s="8"/>
      <c r="AXK25" s="8"/>
      <c r="AXL25" s="8"/>
      <c r="AXM25" s="8"/>
      <c r="AXN25" s="8"/>
      <c r="AXO25" s="8"/>
      <c r="AXP25" s="8"/>
      <c r="AXQ25" s="8"/>
      <c r="AXR25" s="8"/>
      <c r="AXS25" s="8"/>
      <c r="AXT25" s="8"/>
      <c r="AXU25" s="8"/>
      <c r="AXV25" s="8"/>
      <c r="AXW25" s="8"/>
      <c r="AXX25" s="8"/>
      <c r="AXY25" s="8"/>
      <c r="AXZ25" s="8"/>
      <c r="AYA25" s="8"/>
      <c r="AYB25" s="8"/>
      <c r="AYC25" s="8"/>
      <c r="AYD25" s="8"/>
      <c r="AYE25" s="8"/>
      <c r="AYF25" s="8"/>
      <c r="AYG25" s="8"/>
      <c r="AYH25" s="8"/>
      <c r="AYI25" s="8"/>
      <c r="AYJ25" s="8"/>
      <c r="AYK25" s="8"/>
      <c r="AYL25" s="8"/>
      <c r="AYM25" s="8"/>
      <c r="AYN25" s="8"/>
      <c r="AYO25" s="8"/>
      <c r="AYP25" s="8"/>
      <c r="AYQ25" s="8"/>
      <c r="AYR25" s="8"/>
      <c r="AYS25" s="8"/>
      <c r="AYT25" s="8"/>
      <c r="AYU25" s="8"/>
      <c r="AYV25" s="8"/>
      <c r="AYW25" s="8"/>
      <c r="AYX25" s="8"/>
      <c r="AYY25" s="8"/>
      <c r="AYZ25" s="8"/>
      <c r="AZA25" s="8"/>
      <c r="AZB25" s="8"/>
      <c r="AZC25" s="8"/>
      <c r="AZD25" s="8"/>
      <c r="AZE25" s="8"/>
      <c r="AZF25" s="8"/>
      <c r="AZG25" s="8"/>
      <c r="AZH25" s="8"/>
      <c r="AZI25" s="8"/>
      <c r="AZJ25" s="8"/>
      <c r="AZK25" s="8"/>
      <c r="AZL25" s="8"/>
      <c r="AZM25" s="8"/>
      <c r="AZN25" s="8"/>
      <c r="AZO25" s="8"/>
      <c r="AZP25" s="8"/>
      <c r="AZQ25" s="8"/>
      <c r="AZR25" s="8"/>
      <c r="AZS25" s="8"/>
      <c r="AZT25" s="8"/>
      <c r="AZU25" s="8"/>
      <c r="AZV25" s="8"/>
      <c r="AZW25" s="8"/>
      <c r="AZX25" s="8"/>
      <c r="AZY25" s="8"/>
      <c r="AZZ25" s="8"/>
      <c r="BAA25" s="8"/>
      <c r="BAB25" s="8"/>
      <c r="BAC25" s="8"/>
      <c r="BAD25" s="8"/>
      <c r="BAE25" s="8"/>
      <c r="BAF25" s="8"/>
      <c r="BAG25" s="8"/>
      <c r="BAH25" s="8"/>
      <c r="BAI25" s="8"/>
      <c r="BAJ25" s="8"/>
      <c r="BAK25" s="8"/>
      <c r="BAL25" s="8"/>
      <c r="BAM25" s="8"/>
      <c r="BAN25" s="8"/>
      <c r="BAO25" s="8"/>
      <c r="BAP25" s="8"/>
      <c r="BAQ25" s="8"/>
      <c r="BAR25" s="8"/>
      <c r="BAS25" s="8"/>
      <c r="BAT25" s="8"/>
      <c r="BAU25" s="8"/>
      <c r="BAV25" s="8"/>
      <c r="BAW25" s="8"/>
      <c r="BAX25" s="8"/>
      <c r="BAY25" s="8"/>
      <c r="BAZ25" s="8"/>
      <c r="BBA25" s="8"/>
      <c r="BBB25" s="8"/>
      <c r="BBC25" s="8"/>
      <c r="BBD25" s="8"/>
      <c r="BBE25" s="8"/>
      <c r="BBF25" s="8"/>
      <c r="BBG25" s="8"/>
      <c r="BBH25" s="8"/>
      <c r="BBI25" s="8"/>
      <c r="BBJ25" s="8"/>
      <c r="BBK25" s="8"/>
      <c r="BBL25" s="8"/>
      <c r="BBM25" s="8"/>
      <c r="BBN25" s="8"/>
      <c r="BBO25" s="8"/>
      <c r="BBP25" s="8"/>
      <c r="BBQ25" s="8"/>
      <c r="BBR25" s="8"/>
      <c r="BBS25" s="8"/>
      <c r="BBT25" s="8"/>
      <c r="BBU25" s="8"/>
      <c r="BBV25" s="8"/>
      <c r="BBW25" s="8"/>
      <c r="BBX25" s="8"/>
      <c r="BBY25" s="8"/>
      <c r="BBZ25" s="8"/>
      <c r="BCA25" s="8"/>
      <c r="BCB25" s="8"/>
      <c r="BCC25" s="8"/>
      <c r="BCD25" s="8"/>
      <c r="BCE25" s="8"/>
      <c r="BCF25" s="8"/>
      <c r="BCG25" s="8"/>
      <c r="BCH25" s="8"/>
      <c r="BCI25" s="8"/>
      <c r="BCJ25" s="8"/>
      <c r="BCK25" s="8"/>
      <c r="BCL25" s="8"/>
      <c r="BCM25" s="8"/>
      <c r="BCN25" s="8"/>
      <c r="BCO25" s="8"/>
      <c r="BCP25" s="8"/>
      <c r="BCQ25" s="8"/>
      <c r="BCR25" s="8"/>
      <c r="BCS25" s="8"/>
      <c r="BCT25" s="8"/>
      <c r="BCU25" s="8"/>
      <c r="BCV25" s="8"/>
      <c r="BCW25" s="8"/>
      <c r="BCX25" s="8"/>
      <c r="BCY25" s="8"/>
      <c r="BCZ25" s="8"/>
      <c r="BDA25" s="8"/>
      <c r="BDB25" s="8"/>
      <c r="BDC25" s="8"/>
      <c r="BDD25" s="8"/>
      <c r="BDE25" s="8"/>
      <c r="BDF25" s="8"/>
      <c r="BDG25" s="8"/>
      <c r="BDH25" s="8"/>
      <c r="BDI25" s="8"/>
      <c r="BDJ25" s="8"/>
      <c r="BDK25" s="8"/>
      <c r="BDL25" s="8"/>
      <c r="BDM25" s="8"/>
      <c r="BDN25" s="8"/>
      <c r="BDO25" s="8"/>
      <c r="BDP25" s="8"/>
      <c r="BDQ25" s="8"/>
      <c r="BDR25" s="8"/>
      <c r="BDS25" s="8"/>
      <c r="BDT25" s="8"/>
      <c r="BDU25" s="8"/>
      <c r="BDV25" s="8"/>
      <c r="BDW25" s="8"/>
      <c r="BDX25" s="8"/>
      <c r="BDY25" s="8"/>
      <c r="BDZ25" s="8"/>
      <c r="BEA25" s="8"/>
      <c r="BEB25" s="8"/>
      <c r="BEC25" s="8"/>
      <c r="BED25" s="8"/>
      <c r="BEE25" s="8"/>
      <c r="BEF25" s="8"/>
      <c r="BEG25" s="8"/>
      <c r="BEH25" s="8"/>
      <c r="BEI25" s="8"/>
      <c r="BEJ25" s="8"/>
      <c r="BEK25" s="8"/>
      <c r="BEL25" s="8"/>
      <c r="BEM25" s="8"/>
      <c r="BEN25" s="8"/>
      <c r="BEO25" s="8"/>
      <c r="BEP25" s="8"/>
      <c r="BEQ25" s="8"/>
      <c r="BER25" s="8"/>
      <c r="BES25" s="8"/>
      <c r="BET25" s="8"/>
      <c r="BEU25" s="8"/>
      <c r="BEV25" s="8"/>
      <c r="BEW25" s="8"/>
      <c r="BEX25" s="8"/>
      <c r="BEY25" s="8"/>
      <c r="BEZ25" s="8"/>
      <c r="BFA25" s="8"/>
      <c r="BFB25" s="8"/>
      <c r="BFC25" s="8"/>
      <c r="BFD25" s="8"/>
      <c r="BFE25" s="8"/>
      <c r="BFF25" s="8"/>
      <c r="BFG25" s="8"/>
      <c r="BFH25" s="8"/>
      <c r="BFI25" s="8"/>
      <c r="BFJ25" s="8"/>
      <c r="BFK25" s="8"/>
      <c r="BFL25" s="8"/>
      <c r="BFM25" s="8"/>
      <c r="BFN25" s="8"/>
      <c r="BFO25" s="8"/>
      <c r="BFP25" s="8"/>
      <c r="BFQ25" s="8"/>
      <c r="BFR25" s="8"/>
      <c r="BFS25" s="8"/>
      <c r="BFT25" s="8"/>
      <c r="BFU25" s="8"/>
      <c r="BFV25" s="8"/>
      <c r="BFW25" s="8"/>
      <c r="BFX25" s="8"/>
      <c r="BFY25" s="8"/>
      <c r="BFZ25" s="8"/>
      <c r="BGA25" s="8"/>
      <c r="BGB25" s="8"/>
      <c r="BGC25" s="8"/>
      <c r="BGD25" s="8"/>
      <c r="BGE25" s="8"/>
      <c r="BGF25" s="8"/>
      <c r="BGG25" s="8"/>
      <c r="BGH25" s="8"/>
      <c r="BGI25" s="8"/>
      <c r="BGJ25" s="8"/>
      <c r="BGK25" s="8"/>
      <c r="BGL25" s="8"/>
      <c r="BGM25" s="8"/>
      <c r="BGN25" s="8"/>
      <c r="BGO25" s="8"/>
      <c r="BGP25" s="8"/>
      <c r="BGQ25" s="8"/>
      <c r="BGR25" s="8"/>
      <c r="BGS25" s="8"/>
      <c r="BGT25" s="8"/>
      <c r="BGU25" s="8"/>
      <c r="BGV25" s="8"/>
      <c r="BGW25" s="8"/>
      <c r="BGX25" s="8"/>
      <c r="BGY25" s="8"/>
      <c r="BGZ25" s="8"/>
      <c r="BHA25" s="8"/>
      <c r="BHB25" s="8"/>
      <c r="BHC25" s="8"/>
      <c r="BHD25" s="8"/>
      <c r="BHE25" s="8"/>
      <c r="BHF25" s="8"/>
      <c r="BHG25" s="8"/>
      <c r="BHH25" s="8"/>
      <c r="BHI25" s="8"/>
      <c r="BHJ25" s="8"/>
      <c r="BHK25" s="8"/>
      <c r="BHL25" s="8"/>
      <c r="BHM25" s="8"/>
      <c r="BHN25" s="8"/>
      <c r="BHO25" s="8"/>
      <c r="BHP25" s="8"/>
      <c r="BHQ25" s="8"/>
      <c r="BHR25" s="8"/>
      <c r="BHS25" s="8"/>
      <c r="BHT25" s="8"/>
      <c r="BHU25" s="8"/>
      <c r="BHV25" s="8"/>
      <c r="BHW25" s="8"/>
      <c r="BHX25" s="8"/>
      <c r="BHY25" s="8"/>
      <c r="BHZ25" s="8"/>
      <c r="BIA25" s="8"/>
      <c r="BIB25" s="8"/>
      <c r="BIC25" s="8"/>
      <c r="BID25" s="8"/>
      <c r="BIE25" s="8"/>
      <c r="BIF25" s="8"/>
      <c r="BIG25" s="8"/>
      <c r="BIH25" s="8"/>
      <c r="BII25" s="8"/>
      <c r="BIJ25" s="8"/>
      <c r="BIK25" s="8"/>
      <c r="BIL25" s="8"/>
      <c r="BIM25" s="8"/>
      <c r="BIN25" s="8"/>
      <c r="BIO25" s="8"/>
      <c r="BIP25" s="8"/>
      <c r="BIQ25" s="8"/>
      <c r="BIR25" s="8"/>
      <c r="BIS25" s="8"/>
      <c r="BIT25" s="8"/>
      <c r="BIU25" s="8"/>
      <c r="BIV25" s="8"/>
      <c r="BIW25" s="8"/>
      <c r="BIX25" s="8"/>
      <c r="BIY25" s="8"/>
      <c r="BIZ25" s="8"/>
      <c r="BJA25" s="8"/>
      <c r="BJB25" s="8"/>
      <c r="BJC25" s="8"/>
      <c r="BJD25" s="8"/>
      <c r="BJE25" s="8"/>
      <c r="BJF25" s="8"/>
      <c r="BJG25" s="8"/>
      <c r="BJH25" s="8"/>
      <c r="BJI25" s="8"/>
      <c r="BJJ25" s="8"/>
      <c r="BJK25" s="8"/>
      <c r="BJL25" s="8"/>
      <c r="BJM25" s="8"/>
      <c r="BJN25" s="8"/>
      <c r="BJO25" s="8"/>
      <c r="BJP25" s="8"/>
      <c r="BJQ25" s="8"/>
      <c r="BJR25" s="8"/>
      <c r="BJS25" s="8"/>
      <c r="BJT25" s="8"/>
      <c r="BJU25" s="8"/>
      <c r="BJV25" s="8"/>
      <c r="BJW25" s="8"/>
      <c r="BJX25" s="8"/>
      <c r="BJY25" s="8"/>
      <c r="BJZ25" s="8"/>
      <c r="BKA25" s="8"/>
      <c r="BKB25" s="8"/>
      <c r="BKC25" s="8"/>
      <c r="BKD25" s="8"/>
      <c r="BKE25" s="8"/>
      <c r="BKF25" s="8"/>
      <c r="BKG25" s="8"/>
      <c r="BKH25" s="8"/>
      <c r="BKI25" s="8"/>
      <c r="BKJ25" s="8"/>
      <c r="BKK25" s="8"/>
      <c r="BKL25" s="8"/>
      <c r="BKM25" s="8"/>
      <c r="BKN25" s="8"/>
      <c r="BKO25" s="8"/>
      <c r="BKP25" s="8"/>
      <c r="BKQ25" s="8"/>
      <c r="BKR25" s="8"/>
      <c r="BKS25" s="8"/>
      <c r="BKT25" s="8"/>
      <c r="BKU25" s="8"/>
      <c r="BKV25" s="8"/>
      <c r="BKW25" s="8"/>
      <c r="BKX25" s="8"/>
      <c r="BKY25" s="8"/>
      <c r="BKZ25" s="8"/>
      <c r="BLA25" s="8"/>
      <c r="BLB25" s="8"/>
      <c r="BLC25" s="8"/>
      <c r="BLD25" s="8"/>
      <c r="BLE25" s="8"/>
      <c r="BLF25" s="8"/>
      <c r="BLG25" s="8"/>
      <c r="BLH25" s="8"/>
      <c r="BLI25" s="8"/>
      <c r="BLJ25" s="8"/>
      <c r="BLK25" s="8"/>
      <c r="BLL25" s="8"/>
      <c r="BLM25" s="8"/>
      <c r="BLN25" s="8"/>
      <c r="BLO25" s="8"/>
      <c r="BLP25" s="8"/>
      <c r="BLQ25" s="8"/>
      <c r="BLR25" s="8"/>
      <c r="BLS25" s="8"/>
      <c r="BLT25" s="8"/>
      <c r="BLU25" s="8"/>
      <c r="BLV25" s="8"/>
      <c r="BLW25" s="8"/>
      <c r="BLX25" s="8"/>
      <c r="BLY25" s="8"/>
      <c r="BLZ25" s="8"/>
      <c r="BMA25" s="8"/>
      <c r="BMB25" s="8"/>
      <c r="BMC25" s="8"/>
      <c r="BMD25" s="8"/>
      <c r="BME25" s="8"/>
      <c r="BMF25" s="8"/>
      <c r="BMG25" s="8"/>
      <c r="BMH25" s="8"/>
      <c r="BMI25" s="8"/>
      <c r="BMJ25" s="8"/>
      <c r="BMK25" s="8"/>
      <c r="BML25" s="8"/>
      <c r="BMM25" s="8"/>
      <c r="BMN25" s="8"/>
      <c r="BMO25" s="8"/>
      <c r="BMP25" s="8"/>
      <c r="BMQ25" s="8"/>
      <c r="BMR25" s="8"/>
      <c r="BMS25" s="8"/>
      <c r="BMT25" s="8"/>
      <c r="BMU25" s="8"/>
      <c r="BMV25" s="8"/>
      <c r="BMW25" s="8"/>
      <c r="BMX25" s="8"/>
      <c r="BMY25" s="8"/>
      <c r="BMZ25" s="8"/>
      <c r="BNA25" s="8"/>
      <c r="BNB25" s="8"/>
      <c r="BNC25" s="8"/>
      <c r="BND25" s="8"/>
      <c r="BNE25" s="8"/>
      <c r="BNF25" s="8"/>
      <c r="BNG25" s="8"/>
      <c r="BNH25" s="8"/>
      <c r="BNI25" s="8"/>
      <c r="BNJ25" s="8"/>
      <c r="BNK25" s="8"/>
      <c r="BNL25" s="8"/>
      <c r="BNM25" s="8"/>
      <c r="BNN25" s="8"/>
      <c r="BNO25" s="8"/>
      <c r="BNP25" s="8"/>
      <c r="BNQ25" s="8"/>
      <c r="BNR25" s="8"/>
      <c r="BNS25" s="8"/>
      <c r="BNT25" s="8"/>
      <c r="BNU25" s="8"/>
      <c r="BNV25" s="8"/>
      <c r="BNW25" s="8"/>
      <c r="BNX25" s="8"/>
      <c r="BNY25" s="8"/>
      <c r="BNZ25" s="8"/>
      <c r="BOA25" s="8"/>
      <c r="BOB25" s="8"/>
      <c r="BOC25" s="8"/>
      <c r="BOD25" s="8"/>
      <c r="BOE25" s="8"/>
      <c r="BOF25" s="8"/>
      <c r="BOG25" s="8"/>
      <c r="BOH25" s="8"/>
      <c r="BOI25" s="8"/>
      <c r="BOJ25" s="8"/>
      <c r="BOK25" s="8"/>
      <c r="BOL25" s="8"/>
      <c r="BOM25" s="8"/>
      <c r="BON25" s="8"/>
      <c r="BOO25" s="8"/>
      <c r="BOP25" s="8"/>
      <c r="BOQ25" s="8"/>
      <c r="BOR25" s="8"/>
      <c r="BOS25" s="8"/>
      <c r="BOT25" s="8"/>
      <c r="BOU25" s="8"/>
      <c r="BOV25" s="8"/>
      <c r="BOW25" s="8"/>
      <c r="BOX25" s="8"/>
      <c r="BOY25" s="8"/>
      <c r="BOZ25" s="8"/>
      <c r="BPA25" s="8"/>
      <c r="BPB25" s="8"/>
      <c r="BPC25" s="8"/>
      <c r="BPD25" s="8"/>
      <c r="BPE25" s="8"/>
      <c r="BPF25" s="8"/>
      <c r="BPG25" s="8"/>
      <c r="BPH25" s="8"/>
      <c r="BPI25" s="8"/>
      <c r="BPJ25" s="8"/>
      <c r="BPK25" s="8"/>
      <c r="BPL25" s="8"/>
      <c r="BPM25" s="8"/>
      <c r="BPN25" s="8"/>
      <c r="BPO25" s="8"/>
      <c r="BPP25" s="8"/>
      <c r="BPQ25" s="8"/>
      <c r="BPR25" s="8"/>
      <c r="BPS25" s="8"/>
      <c r="BPT25" s="8"/>
      <c r="BPU25" s="8"/>
      <c r="BPV25" s="8"/>
      <c r="BPW25" s="8"/>
      <c r="BPX25" s="8"/>
      <c r="BPY25" s="8"/>
      <c r="BPZ25" s="8"/>
      <c r="BQA25" s="8"/>
      <c r="BQB25" s="8"/>
      <c r="BQC25" s="8"/>
      <c r="BQD25" s="8"/>
      <c r="BQE25" s="8"/>
      <c r="BQF25" s="8"/>
      <c r="BQG25" s="8"/>
      <c r="BQH25" s="8"/>
      <c r="BQI25" s="8"/>
      <c r="BQJ25" s="8"/>
      <c r="BQK25" s="8"/>
      <c r="BQL25" s="8"/>
      <c r="BQM25" s="8"/>
      <c r="BQN25" s="8"/>
      <c r="BQO25" s="8"/>
      <c r="BQP25" s="8"/>
      <c r="BQQ25" s="8"/>
      <c r="BQR25" s="8"/>
      <c r="BQS25" s="8"/>
      <c r="BQT25" s="8"/>
      <c r="BQU25" s="8"/>
      <c r="BQV25" s="8"/>
      <c r="BQW25" s="8"/>
      <c r="BQX25" s="8"/>
      <c r="BQY25" s="8"/>
      <c r="BQZ25" s="8"/>
      <c r="BRA25" s="8"/>
      <c r="BRB25" s="8"/>
      <c r="BRC25" s="8"/>
      <c r="BRD25" s="8"/>
      <c r="BRE25" s="8"/>
      <c r="BRF25" s="8"/>
      <c r="BRG25" s="8"/>
      <c r="BRH25" s="8"/>
      <c r="BRI25" s="8"/>
      <c r="BRJ25" s="8"/>
      <c r="BRK25" s="8"/>
      <c r="BRL25" s="8"/>
      <c r="BRM25" s="8"/>
      <c r="BRN25" s="8"/>
      <c r="BRO25" s="8"/>
      <c r="BRP25" s="8"/>
      <c r="BRQ25" s="8"/>
      <c r="BRR25" s="8"/>
      <c r="BRS25" s="8"/>
      <c r="BRT25" s="8"/>
      <c r="BRU25" s="8"/>
      <c r="BRV25" s="8"/>
      <c r="BRW25" s="8"/>
      <c r="BRX25" s="8"/>
      <c r="BRY25" s="8"/>
      <c r="BRZ25" s="8"/>
      <c r="BSA25" s="8"/>
      <c r="BSB25" s="8"/>
      <c r="BSC25" s="8"/>
      <c r="BSD25" s="8"/>
      <c r="BSE25" s="8"/>
      <c r="BSF25" s="8"/>
      <c r="BSG25" s="8"/>
      <c r="BSH25" s="8"/>
      <c r="BSI25" s="8"/>
      <c r="BSJ25" s="8"/>
      <c r="BSK25" s="8"/>
      <c r="BSL25" s="8"/>
      <c r="BSM25" s="8"/>
      <c r="BSN25" s="8"/>
      <c r="BSO25" s="8"/>
      <c r="BSP25" s="8"/>
      <c r="BSQ25" s="8"/>
      <c r="BSR25" s="8"/>
      <c r="BSS25" s="8"/>
      <c r="BST25" s="8"/>
      <c r="BSU25" s="8"/>
      <c r="BSV25" s="8"/>
      <c r="BSW25" s="8"/>
      <c r="BSX25" s="8"/>
      <c r="BSY25" s="8"/>
      <c r="BSZ25" s="8"/>
      <c r="BTA25" s="8"/>
      <c r="BTB25" s="8"/>
      <c r="BTC25" s="8"/>
      <c r="BTD25" s="8"/>
      <c r="BTE25" s="8"/>
      <c r="BTF25" s="8"/>
      <c r="BTG25" s="8"/>
      <c r="BTH25" s="8"/>
      <c r="BTI25" s="8"/>
      <c r="BTJ25" s="8"/>
      <c r="BTK25" s="8"/>
      <c r="BTL25" s="8"/>
      <c r="BTM25" s="8"/>
      <c r="BTN25" s="8"/>
      <c r="BTO25" s="8"/>
      <c r="BTP25" s="8"/>
      <c r="BTQ25" s="8"/>
      <c r="BTR25" s="8"/>
      <c r="BTS25" s="8"/>
      <c r="BTT25" s="8"/>
      <c r="BTU25" s="8"/>
      <c r="BTV25" s="8"/>
      <c r="BTW25" s="8"/>
      <c r="BTX25" s="8"/>
      <c r="BTY25" s="8"/>
      <c r="BTZ25" s="8"/>
      <c r="BUA25" s="8"/>
      <c r="BUB25" s="8"/>
      <c r="BUC25" s="8"/>
      <c r="BUD25" s="8"/>
      <c r="BUE25" s="8"/>
      <c r="BUF25" s="8"/>
      <c r="BUG25" s="8"/>
      <c r="BUH25" s="8"/>
      <c r="BUI25" s="8"/>
      <c r="BUJ25" s="8"/>
      <c r="BUK25" s="8"/>
      <c r="BUL25" s="8"/>
      <c r="BUM25" s="8"/>
      <c r="BUN25" s="8"/>
      <c r="BUO25" s="8"/>
      <c r="BUP25" s="8"/>
      <c r="BUQ25" s="8"/>
      <c r="BUR25" s="8"/>
      <c r="BUS25" s="8"/>
      <c r="BUT25" s="8"/>
      <c r="BUU25" s="8"/>
      <c r="BUV25" s="8"/>
      <c r="BUW25" s="8"/>
      <c r="BUX25" s="8"/>
      <c r="BUY25" s="8"/>
      <c r="BUZ25" s="8"/>
      <c r="BVA25" s="8"/>
      <c r="BVB25" s="8"/>
      <c r="BVC25" s="8"/>
      <c r="BVD25" s="8"/>
      <c r="BVE25" s="8"/>
      <c r="BVF25" s="8"/>
      <c r="BVG25" s="8"/>
      <c r="BVH25" s="8"/>
      <c r="BVI25" s="8"/>
      <c r="BVJ25" s="8"/>
      <c r="BVK25" s="8"/>
      <c r="BVL25" s="8"/>
      <c r="BVM25" s="8"/>
      <c r="BVN25" s="8"/>
      <c r="BVO25" s="8"/>
      <c r="BVP25" s="8"/>
      <c r="BVQ25" s="8"/>
      <c r="BVR25" s="8"/>
      <c r="BVS25" s="8"/>
      <c r="BVT25" s="8"/>
      <c r="BVU25" s="8"/>
      <c r="BVV25" s="8"/>
      <c r="BVW25" s="8"/>
      <c r="BVX25" s="8"/>
      <c r="BVY25" s="8"/>
      <c r="BVZ25" s="8"/>
      <c r="BWA25" s="8"/>
      <c r="BWB25" s="8"/>
      <c r="BWC25" s="8"/>
      <c r="BWD25" s="8"/>
      <c r="BWE25" s="8"/>
      <c r="BWF25" s="8"/>
      <c r="BWG25" s="8"/>
      <c r="BWH25" s="8"/>
      <c r="BWI25" s="8"/>
      <c r="BWJ25" s="8"/>
      <c r="BWK25" s="8"/>
      <c r="BWL25" s="8"/>
      <c r="BWM25" s="8"/>
      <c r="BWN25" s="8"/>
      <c r="BWO25" s="8"/>
      <c r="BWP25" s="8"/>
      <c r="BWQ25" s="8"/>
      <c r="BWR25" s="8"/>
      <c r="BWS25" s="8"/>
      <c r="BWT25" s="8"/>
      <c r="BWU25" s="8"/>
      <c r="BWV25" s="8"/>
      <c r="BWW25" s="8"/>
      <c r="BWX25" s="8"/>
      <c r="BWY25" s="8"/>
      <c r="BWZ25" s="8"/>
      <c r="BXA25" s="8"/>
      <c r="BXB25" s="8"/>
      <c r="BXC25" s="8"/>
      <c r="BXD25" s="8"/>
      <c r="BXE25" s="8"/>
      <c r="BXF25" s="8"/>
      <c r="BXG25" s="8"/>
      <c r="BXH25" s="8"/>
      <c r="BXI25" s="8"/>
      <c r="BXJ25" s="8"/>
      <c r="BXK25" s="8"/>
      <c r="BXL25" s="8"/>
      <c r="BXM25" s="8"/>
      <c r="BXN25" s="8"/>
      <c r="BXO25" s="8"/>
      <c r="BXP25" s="8"/>
      <c r="BXQ25" s="8"/>
      <c r="BXR25" s="8"/>
      <c r="BXS25" s="8"/>
      <c r="BXT25" s="8"/>
      <c r="BXU25" s="8"/>
      <c r="BXV25" s="8"/>
      <c r="BXW25" s="8"/>
      <c r="BXX25" s="8"/>
      <c r="BXY25" s="8"/>
      <c r="BXZ25" s="8"/>
      <c r="BYA25" s="8"/>
      <c r="BYB25" s="8"/>
      <c r="BYC25" s="8"/>
      <c r="BYD25" s="8"/>
      <c r="BYE25" s="8"/>
      <c r="BYF25" s="8"/>
      <c r="BYG25" s="8"/>
      <c r="BYH25" s="8"/>
      <c r="BYI25" s="8"/>
      <c r="BYJ25" s="8"/>
      <c r="BYK25" s="8"/>
      <c r="BYL25" s="8"/>
      <c r="BYM25" s="8"/>
      <c r="BYN25" s="8"/>
      <c r="BYO25" s="8"/>
      <c r="BYP25" s="8"/>
      <c r="BYQ25" s="8"/>
      <c r="BYR25" s="8"/>
      <c r="BYS25" s="8"/>
      <c r="BYT25" s="8"/>
      <c r="BYU25" s="8"/>
      <c r="BYV25" s="8"/>
      <c r="BYW25" s="8"/>
      <c r="BYX25" s="8"/>
      <c r="BYY25" s="8"/>
      <c r="BYZ25" s="8"/>
      <c r="BZA25" s="8"/>
      <c r="BZB25" s="8"/>
      <c r="BZC25" s="8"/>
      <c r="BZD25" s="8"/>
      <c r="BZE25" s="8"/>
      <c r="BZF25" s="8"/>
      <c r="BZG25" s="8"/>
      <c r="BZH25" s="8"/>
      <c r="BZI25" s="8"/>
      <c r="BZJ25" s="8"/>
      <c r="BZK25" s="8"/>
      <c r="BZL25" s="8"/>
      <c r="BZM25" s="8"/>
      <c r="BZN25" s="8"/>
      <c r="BZO25" s="8"/>
      <c r="BZP25" s="8"/>
      <c r="BZQ25" s="8"/>
      <c r="BZR25" s="8"/>
      <c r="BZS25" s="8"/>
      <c r="BZT25" s="8"/>
      <c r="BZU25" s="8"/>
      <c r="BZV25" s="8"/>
      <c r="BZW25" s="8"/>
      <c r="BZX25" s="8"/>
      <c r="BZY25" s="8"/>
      <c r="BZZ25" s="8"/>
      <c r="CAA25" s="8"/>
      <c r="CAB25" s="8"/>
      <c r="CAC25" s="8"/>
      <c r="CAD25" s="8"/>
      <c r="CAE25" s="8"/>
      <c r="CAF25" s="8"/>
      <c r="CAG25" s="8"/>
      <c r="CAH25" s="8"/>
      <c r="CAI25" s="8"/>
      <c r="CAJ25" s="8"/>
      <c r="CAK25" s="8"/>
      <c r="CAL25" s="8"/>
      <c r="CAM25" s="8"/>
      <c r="CAN25" s="8"/>
      <c r="CAO25" s="8"/>
      <c r="CAP25" s="8"/>
      <c r="CAQ25" s="8"/>
      <c r="CAR25" s="8"/>
      <c r="CAS25" s="8"/>
      <c r="CAT25" s="8"/>
      <c r="CAU25" s="8"/>
      <c r="CAV25" s="8"/>
      <c r="CAW25" s="8"/>
      <c r="CAX25" s="8"/>
      <c r="CAY25" s="8"/>
      <c r="CAZ25" s="8"/>
      <c r="CBA25" s="8"/>
      <c r="CBB25" s="8"/>
      <c r="CBC25" s="8"/>
      <c r="CBD25" s="8"/>
      <c r="CBE25" s="8"/>
      <c r="CBF25" s="8"/>
      <c r="CBG25" s="8"/>
      <c r="CBH25" s="8"/>
      <c r="CBI25" s="8"/>
      <c r="CBJ25" s="8"/>
      <c r="CBK25" s="8"/>
      <c r="CBL25" s="8"/>
      <c r="CBM25" s="8"/>
      <c r="CBN25" s="8"/>
      <c r="CBO25" s="8"/>
      <c r="CBP25" s="8"/>
      <c r="CBQ25" s="8"/>
      <c r="CBR25" s="8"/>
      <c r="CBS25" s="8"/>
      <c r="CBT25" s="8"/>
      <c r="CBU25" s="8"/>
      <c r="CBV25" s="8"/>
      <c r="CBW25" s="8"/>
      <c r="CBX25" s="8"/>
      <c r="CBY25" s="8"/>
      <c r="CBZ25" s="8"/>
      <c r="CCA25" s="8"/>
      <c r="CCB25" s="8"/>
      <c r="CCC25" s="8"/>
      <c r="CCD25" s="8"/>
      <c r="CCE25" s="8"/>
      <c r="CCF25" s="8"/>
      <c r="CCG25" s="8"/>
      <c r="CCH25" s="8"/>
      <c r="CCI25" s="8"/>
      <c r="CCJ25" s="8"/>
      <c r="CCK25" s="8"/>
      <c r="CCL25" s="8"/>
      <c r="CCM25" s="8"/>
      <c r="CCN25" s="8"/>
      <c r="CCO25" s="8"/>
      <c r="CCP25" s="8"/>
      <c r="CCQ25" s="8"/>
      <c r="CCR25" s="8"/>
      <c r="CCS25" s="8"/>
      <c r="CCT25" s="8"/>
      <c r="CCU25" s="8"/>
      <c r="CCV25" s="8"/>
      <c r="CCW25" s="8"/>
      <c r="CCX25" s="8"/>
      <c r="CCY25" s="8"/>
      <c r="CCZ25" s="8"/>
      <c r="CDA25" s="8"/>
      <c r="CDB25" s="8"/>
      <c r="CDC25" s="8"/>
      <c r="CDD25" s="8"/>
      <c r="CDE25" s="8"/>
      <c r="CDF25" s="8"/>
      <c r="CDG25" s="8"/>
      <c r="CDH25" s="8"/>
      <c r="CDI25" s="8"/>
      <c r="CDJ25" s="8"/>
      <c r="CDK25" s="8"/>
      <c r="CDL25" s="8"/>
      <c r="CDM25" s="8"/>
      <c r="CDN25" s="8"/>
      <c r="CDO25" s="8"/>
      <c r="CDP25" s="8"/>
      <c r="CDQ25" s="8"/>
      <c r="CDR25" s="8"/>
      <c r="CDS25" s="8"/>
      <c r="CDT25" s="8"/>
      <c r="CDU25" s="8"/>
      <c r="CDV25" s="8"/>
      <c r="CDW25" s="8"/>
      <c r="CDX25" s="8"/>
      <c r="CDY25" s="8"/>
      <c r="CDZ25" s="8"/>
      <c r="CEA25" s="8"/>
      <c r="CEB25" s="8"/>
      <c r="CEC25" s="8"/>
      <c r="CED25" s="8"/>
      <c r="CEE25" s="8"/>
      <c r="CEF25" s="8"/>
      <c r="CEG25" s="8"/>
      <c r="CEH25" s="8"/>
      <c r="CEI25" s="8"/>
      <c r="CEJ25" s="8"/>
      <c r="CEK25" s="8"/>
      <c r="CEL25" s="8"/>
      <c r="CEM25" s="8"/>
      <c r="CEN25" s="8"/>
      <c r="CEO25" s="8"/>
      <c r="CEP25" s="8"/>
      <c r="CEQ25" s="8"/>
      <c r="CER25" s="8"/>
      <c r="CES25" s="8"/>
      <c r="CET25" s="8"/>
      <c r="CEU25" s="8"/>
      <c r="CEV25" s="8"/>
      <c r="CEW25" s="8"/>
      <c r="CEX25" s="8"/>
      <c r="CEY25" s="8"/>
      <c r="CEZ25" s="8"/>
      <c r="CFA25" s="8"/>
      <c r="CFB25" s="8"/>
      <c r="CFC25" s="8"/>
      <c r="CFD25" s="8"/>
      <c r="CFE25" s="8"/>
      <c r="CFF25" s="8"/>
      <c r="CFG25" s="8"/>
      <c r="CFH25" s="8"/>
      <c r="CFI25" s="8"/>
      <c r="CFJ25" s="8"/>
      <c r="CFK25" s="8"/>
      <c r="CFL25" s="8"/>
      <c r="CFM25" s="8"/>
      <c r="CFN25" s="8"/>
      <c r="CFO25" s="8"/>
      <c r="CFP25" s="8"/>
      <c r="CFQ25" s="8"/>
      <c r="CFR25" s="8"/>
      <c r="CFS25" s="8"/>
      <c r="CFT25" s="8"/>
      <c r="CFU25" s="8"/>
      <c r="CFV25" s="8"/>
      <c r="CFW25" s="8"/>
      <c r="CFX25" s="8"/>
      <c r="CFY25" s="8"/>
      <c r="CFZ25" s="8"/>
      <c r="CGA25" s="8"/>
      <c r="CGB25" s="8"/>
      <c r="CGC25" s="8"/>
      <c r="CGD25" s="8"/>
      <c r="CGE25" s="8"/>
      <c r="CGF25" s="8"/>
      <c r="CGG25" s="8"/>
      <c r="CGH25" s="8"/>
      <c r="CGI25" s="8"/>
      <c r="CGJ25" s="8"/>
      <c r="CGK25" s="8"/>
      <c r="CGL25" s="8"/>
      <c r="CGM25" s="8"/>
      <c r="CGN25" s="8"/>
      <c r="CGO25" s="8"/>
      <c r="CGP25" s="8"/>
      <c r="CGQ25" s="8"/>
      <c r="CGR25" s="8"/>
      <c r="CGS25" s="8"/>
      <c r="CGT25" s="8"/>
      <c r="CGU25" s="8"/>
      <c r="CGV25" s="8"/>
      <c r="CGW25" s="8"/>
      <c r="CGX25" s="8"/>
      <c r="CGY25" s="8"/>
      <c r="CGZ25" s="8"/>
      <c r="CHA25" s="8"/>
      <c r="CHB25" s="8"/>
      <c r="CHC25" s="8"/>
      <c r="CHD25" s="8"/>
      <c r="CHE25" s="8"/>
      <c r="CHF25" s="8"/>
      <c r="CHG25" s="8"/>
      <c r="CHH25" s="8"/>
      <c r="CHI25" s="8"/>
      <c r="CHJ25" s="8"/>
      <c r="CHK25" s="8"/>
      <c r="CHL25" s="8"/>
      <c r="CHM25" s="8"/>
      <c r="CHN25" s="8"/>
      <c r="CHO25" s="8"/>
      <c r="CHP25" s="8"/>
      <c r="CHQ25" s="8"/>
      <c r="CHR25" s="8"/>
      <c r="CHS25" s="8"/>
      <c r="CHT25" s="8"/>
      <c r="CHU25" s="8"/>
      <c r="CHV25" s="8"/>
      <c r="CHW25" s="8"/>
      <c r="CHX25" s="8"/>
      <c r="CHY25" s="8"/>
      <c r="CHZ25" s="8"/>
      <c r="CIA25" s="8"/>
      <c r="CIB25" s="8"/>
      <c r="CIC25" s="8"/>
      <c r="CID25" s="8"/>
      <c r="CIE25" s="8"/>
      <c r="CIF25" s="8"/>
      <c r="CIG25" s="8"/>
      <c r="CIH25" s="8"/>
      <c r="CII25" s="8"/>
      <c r="CIJ25" s="8"/>
      <c r="CIK25" s="8"/>
      <c r="CIL25" s="8"/>
      <c r="CIM25" s="8"/>
      <c r="CIN25" s="8"/>
      <c r="CIO25" s="8"/>
      <c r="CIP25" s="8"/>
      <c r="CIQ25" s="8"/>
      <c r="CIR25" s="8"/>
      <c r="CIS25" s="8"/>
      <c r="CIT25" s="8"/>
      <c r="CIU25" s="8"/>
      <c r="CIV25" s="8"/>
      <c r="CIW25" s="8"/>
      <c r="CIX25" s="8"/>
      <c r="CIY25" s="8"/>
      <c r="CIZ25" s="8"/>
      <c r="CJA25" s="8"/>
      <c r="CJB25" s="8"/>
      <c r="CJC25" s="8"/>
      <c r="CJD25" s="8"/>
      <c r="CJE25" s="8"/>
      <c r="CJF25" s="8"/>
      <c r="CJG25" s="8"/>
      <c r="CJH25" s="8"/>
      <c r="CJI25" s="8"/>
      <c r="CJJ25" s="8"/>
      <c r="CJK25" s="8"/>
      <c r="CJL25" s="8"/>
      <c r="CJM25" s="8"/>
      <c r="CJN25" s="8"/>
      <c r="CJO25" s="8"/>
      <c r="CJP25" s="8"/>
      <c r="CJQ25" s="8"/>
      <c r="CJR25" s="8"/>
      <c r="CJS25" s="8"/>
      <c r="CJT25" s="8"/>
      <c r="CJU25" s="8"/>
      <c r="CJV25" s="8"/>
      <c r="CJW25" s="8"/>
      <c r="CJX25" s="8"/>
      <c r="CJY25" s="8"/>
      <c r="CJZ25" s="8"/>
      <c r="CKA25" s="8"/>
      <c r="CKB25" s="8"/>
      <c r="CKC25" s="8"/>
      <c r="CKD25" s="8"/>
      <c r="CKE25" s="8"/>
      <c r="CKF25" s="8"/>
      <c r="CKG25" s="8"/>
      <c r="CKH25" s="8"/>
      <c r="CKI25" s="8"/>
      <c r="CKJ25" s="8"/>
      <c r="CKK25" s="8"/>
      <c r="CKL25" s="8"/>
      <c r="CKM25" s="8"/>
      <c r="CKN25" s="8"/>
      <c r="CKO25" s="8"/>
      <c r="CKP25" s="8"/>
      <c r="CKQ25" s="8"/>
      <c r="CKR25" s="8"/>
      <c r="CKS25" s="8"/>
      <c r="CKT25" s="8"/>
      <c r="CKU25" s="8"/>
      <c r="CKV25" s="8"/>
      <c r="CKW25" s="8"/>
      <c r="CKX25" s="8"/>
      <c r="CKY25" s="8"/>
      <c r="CKZ25" s="8"/>
      <c r="CLA25" s="8"/>
      <c r="CLB25" s="8"/>
      <c r="CLC25" s="8"/>
      <c r="CLD25" s="8"/>
      <c r="CLE25" s="8"/>
      <c r="CLF25" s="8"/>
      <c r="CLG25" s="8"/>
      <c r="CLH25" s="8"/>
      <c r="CLI25" s="8"/>
      <c r="CLJ25" s="8"/>
      <c r="CLK25" s="8"/>
      <c r="CLL25" s="8"/>
      <c r="CLM25" s="8"/>
      <c r="CLN25" s="8"/>
      <c r="CLO25" s="8"/>
      <c r="CLP25" s="8"/>
      <c r="CLQ25" s="8"/>
      <c r="CLR25" s="8"/>
      <c r="CLS25" s="8"/>
      <c r="CLT25" s="8"/>
      <c r="CLU25" s="8"/>
      <c r="CLV25" s="8"/>
      <c r="CLW25" s="8"/>
      <c r="CLX25" s="8"/>
      <c r="CLY25" s="8"/>
      <c r="CLZ25" s="8"/>
      <c r="CMA25" s="8"/>
      <c r="CMB25" s="8"/>
      <c r="CMC25" s="8"/>
      <c r="CMD25" s="8"/>
      <c r="CME25" s="8"/>
      <c r="CMF25" s="8"/>
      <c r="CMG25" s="8"/>
      <c r="CMH25" s="8"/>
      <c r="CMI25" s="8"/>
      <c r="CMJ25" s="8"/>
      <c r="CMK25" s="8"/>
      <c r="CML25" s="8"/>
      <c r="CMM25" s="8"/>
      <c r="CMN25" s="8"/>
      <c r="CMO25" s="8"/>
      <c r="CMP25" s="8"/>
      <c r="CMQ25" s="8"/>
      <c r="CMR25" s="8"/>
      <c r="CMS25" s="8"/>
      <c r="CMT25" s="8"/>
      <c r="CMU25" s="8"/>
      <c r="CMV25" s="8"/>
      <c r="CMW25" s="8"/>
      <c r="CMX25" s="8"/>
      <c r="CMY25" s="8"/>
      <c r="CMZ25" s="8"/>
      <c r="CNA25" s="8"/>
      <c r="CNB25" s="8"/>
      <c r="CNC25" s="8"/>
      <c r="CND25" s="8"/>
      <c r="CNE25" s="8"/>
      <c r="CNF25" s="8"/>
      <c r="CNG25" s="8"/>
      <c r="CNH25" s="8"/>
      <c r="CNI25" s="8"/>
      <c r="CNJ25" s="8"/>
      <c r="CNK25" s="8"/>
      <c r="CNL25" s="8"/>
      <c r="CNM25" s="8"/>
      <c r="CNN25" s="8"/>
      <c r="CNO25" s="8"/>
      <c r="CNP25" s="8"/>
      <c r="CNQ25" s="8"/>
      <c r="CNR25" s="8"/>
      <c r="CNS25" s="8"/>
      <c r="CNT25" s="8"/>
      <c r="CNU25" s="8"/>
      <c r="CNV25" s="8"/>
      <c r="CNW25" s="8"/>
      <c r="CNX25" s="8"/>
      <c r="CNY25" s="8"/>
      <c r="CNZ25" s="8"/>
      <c r="COA25" s="8"/>
      <c r="COB25" s="8"/>
      <c r="COC25" s="8"/>
      <c r="COD25" s="8"/>
      <c r="COE25" s="8"/>
      <c r="COF25" s="8"/>
      <c r="COG25" s="8"/>
      <c r="COH25" s="8"/>
      <c r="COI25" s="8"/>
      <c r="COJ25" s="8"/>
      <c r="COK25" s="8"/>
      <c r="COL25" s="8"/>
      <c r="COM25" s="8"/>
      <c r="CON25" s="8"/>
      <c r="COO25" s="8"/>
      <c r="COP25" s="8"/>
      <c r="COQ25" s="8"/>
      <c r="COR25" s="8"/>
      <c r="COS25" s="8"/>
      <c r="COT25" s="8"/>
      <c r="COU25" s="8"/>
      <c r="COV25" s="8"/>
      <c r="COW25" s="8"/>
      <c r="COX25" s="8"/>
      <c r="COY25" s="8"/>
      <c r="COZ25" s="8"/>
      <c r="CPA25" s="8"/>
      <c r="CPB25" s="8"/>
      <c r="CPC25" s="8"/>
      <c r="CPD25" s="8"/>
      <c r="CPE25" s="8"/>
      <c r="CPF25" s="8"/>
      <c r="CPG25" s="8"/>
      <c r="CPH25" s="8"/>
      <c r="CPI25" s="8"/>
      <c r="CPJ25" s="8"/>
      <c r="CPK25" s="8"/>
      <c r="CPL25" s="8"/>
      <c r="CPM25" s="8"/>
      <c r="CPN25" s="8"/>
      <c r="CPO25" s="8"/>
      <c r="CPP25" s="8"/>
      <c r="CPQ25" s="8"/>
      <c r="CPR25" s="8"/>
      <c r="CPS25" s="8"/>
      <c r="CPT25" s="8"/>
      <c r="CPU25" s="8"/>
      <c r="CPV25" s="8"/>
      <c r="CPW25" s="8"/>
      <c r="CPX25" s="8"/>
      <c r="CPY25" s="8"/>
      <c r="CPZ25" s="8"/>
      <c r="CQA25" s="8"/>
      <c r="CQB25" s="8"/>
      <c r="CQC25" s="8"/>
      <c r="CQD25" s="8"/>
      <c r="CQE25" s="8"/>
      <c r="CQF25" s="8"/>
      <c r="CQG25" s="8"/>
      <c r="CQH25" s="8"/>
      <c r="CQI25" s="8"/>
      <c r="CQJ25" s="8"/>
      <c r="CQK25" s="8"/>
      <c r="CQL25" s="8"/>
      <c r="CQM25" s="8"/>
      <c r="CQN25" s="8"/>
      <c r="CQO25" s="8"/>
      <c r="CQP25" s="8"/>
      <c r="CQQ25" s="8"/>
      <c r="CQR25" s="8"/>
      <c r="CQS25" s="8"/>
      <c r="CQT25" s="8"/>
      <c r="CQU25" s="8"/>
      <c r="CQV25" s="8"/>
      <c r="CQW25" s="8"/>
      <c r="CQX25" s="8"/>
      <c r="CQY25" s="8"/>
      <c r="CQZ25" s="8"/>
      <c r="CRA25" s="8"/>
      <c r="CRB25" s="8"/>
      <c r="CRC25" s="8"/>
      <c r="CRD25" s="8"/>
      <c r="CRE25" s="8"/>
      <c r="CRF25" s="8"/>
      <c r="CRG25" s="8"/>
      <c r="CRH25" s="8"/>
      <c r="CRI25" s="8"/>
      <c r="CRJ25" s="8"/>
      <c r="CRK25" s="8"/>
      <c r="CRL25" s="8"/>
      <c r="CRM25" s="8"/>
      <c r="CRN25" s="8"/>
      <c r="CRO25" s="8"/>
      <c r="CRP25" s="8"/>
      <c r="CRQ25" s="8"/>
      <c r="CRR25" s="8"/>
      <c r="CRS25" s="8"/>
      <c r="CRT25" s="8"/>
      <c r="CRU25" s="8"/>
      <c r="CRV25" s="8"/>
      <c r="CRW25" s="8"/>
      <c r="CRX25" s="8"/>
      <c r="CRY25" s="8"/>
      <c r="CRZ25" s="8"/>
      <c r="CSA25" s="8"/>
      <c r="CSB25" s="8"/>
      <c r="CSC25" s="8"/>
      <c r="CSD25" s="8"/>
      <c r="CSE25" s="8"/>
      <c r="CSF25" s="8"/>
      <c r="CSG25" s="8"/>
      <c r="CSH25" s="8"/>
      <c r="CSI25" s="8"/>
      <c r="CSJ25" s="8"/>
      <c r="CSK25" s="8"/>
      <c r="CSL25" s="8"/>
      <c r="CSM25" s="8"/>
      <c r="CSN25" s="8"/>
      <c r="CSO25" s="8"/>
      <c r="CSP25" s="8"/>
      <c r="CSQ25" s="8"/>
      <c r="CSR25" s="8"/>
      <c r="CSS25" s="8"/>
      <c r="CST25" s="8"/>
      <c r="CSU25" s="8"/>
      <c r="CSV25" s="8"/>
      <c r="CSW25" s="8"/>
      <c r="CSX25" s="8"/>
      <c r="CSY25" s="8"/>
      <c r="CSZ25" s="8"/>
      <c r="CTA25" s="8"/>
      <c r="CTB25" s="8"/>
      <c r="CTC25" s="8"/>
      <c r="CTD25" s="8"/>
      <c r="CTE25" s="8"/>
      <c r="CTF25" s="8"/>
      <c r="CTG25" s="8"/>
      <c r="CTH25" s="8"/>
      <c r="CTI25" s="8"/>
      <c r="CTJ25" s="8"/>
      <c r="CTK25" s="8"/>
      <c r="CTL25" s="8"/>
      <c r="CTM25" s="8"/>
      <c r="CTN25" s="8"/>
      <c r="CTO25" s="8"/>
      <c r="CTP25" s="8"/>
      <c r="CTQ25" s="8"/>
      <c r="CTR25" s="8"/>
      <c r="CTS25" s="8"/>
      <c r="CTT25" s="8"/>
      <c r="CTU25" s="8"/>
      <c r="CTV25" s="8"/>
      <c r="CTW25" s="8"/>
      <c r="CTX25" s="8"/>
      <c r="CTY25" s="8"/>
      <c r="CTZ25" s="8"/>
      <c r="CUA25" s="8"/>
      <c r="CUB25" s="8"/>
      <c r="CUC25" s="8"/>
      <c r="CUD25" s="8"/>
      <c r="CUE25" s="8"/>
      <c r="CUF25" s="8"/>
      <c r="CUG25" s="8"/>
      <c r="CUH25" s="8"/>
      <c r="CUI25" s="8"/>
      <c r="CUJ25" s="8"/>
      <c r="CUK25" s="8"/>
      <c r="CUL25" s="8"/>
      <c r="CUM25" s="8"/>
      <c r="CUN25" s="8"/>
      <c r="CUO25" s="8"/>
      <c r="CUP25" s="8"/>
      <c r="CUQ25" s="8"/>
      <c r="CUR25" s="8"/>
      <c r="CUS25" s="8"/>
      <c r="CUT25" s="8"/>
      <c r="CUU25" s="8"/>
      <c r="CUV25" s="8"/>
      <c r="CUW25" s="8"/>
      <c r="CUX25" s="8"/>
      <c r="CUY25" s="8"/>
      <c r="CUZ25" s="8"/>
      <c r="CVA25" s="8"/>
      <c r="CVB25" s="8"/>
      <c r="CVC25" s="8"/>
      <c r="CVD25" s="8"/>
      <c r="CVE25" s="8"/>
      <c r="CVF25" s="8"/>
      <c r="CVG25" s="8"/>
      <c r="CVH25" s="8"/>
      <c r="CVI25" s="8"/>
      <c r="CVJ25" s="8"/>
      <c r="CVK25" s="8"/>
      <c r="CVL25" s="8"/>
      <c r="CVM25" s="8"/>
      <c r="CVN25" s="8"/>
      <c r="CVO25" s="8"/>
      <c r="CVP25" s="8"/>
      <c r="CVQ25" s="8"/>
      <c r="CVR25" s="8"/>
      <c r="CVS25" s="8"/>
      <c r="CVT25" s="8"/>
      <c r="CVU25" s="8"/>
      <c r="CVV25" s="8"/>
      <c r="CVW25" s="8"/>
      <c r="CVX25" s="8"/>
      <c r="CVY25" s="8"/>
      <c r="CVZ25" s="8"/>
      <c r="CWA25" s="8"/>
      <c r="CWB25" s="8"/>
      <c r="CWC25" s="8"/>
      <c r="CWD25" s="8"/>
      <c r="CWE25" s="8"/>
      <c r="CWF25" s="8"/>
      <c r="CWG25" s="8"/>
      <c r="CWH25" s="8"/>
      <c r="CWI25" s="8"/>
      <c r="CWJ25" s="8"/>
      <c r="CWK25" s="8"/>
      <c r="CWL25" s="8"/>
      <c r="CWM25" s="8"/>
      <c r="CWN25" s="8"/>
      <c r="CWO25" s="8"/>
      <c r="CWP25" s="8"/>
      <c r="CWQ25" s="8"/>
      <c r="CWR25" s="8"/>
      <c r="CWS25" s="8"/>
      <c r="CWT25" s="8"/>
      <c r="CWU25" s="8"/>
      <c r="CWV25" s="8"/>
      <c r="CWW25" s="8"/>
      <c r="CWX25" s="8"/>
      <c r="CWY25" s="8"/>
      <c r="CWZ25" s="8"/>
      <c r="CXA25" s="8"/>
      <c r="CXB25" s="8"/>
      <c r="CXC25" s="8"/>
      <c r="CXD25" s="8"/>
      <c r="CXE25" s="8"/>
      <c r="CXF25" s="8"/>
      <c r="CXG25" s="8"/>
      <c r="CXH25" s="8"/>
      <c r="CXI25" s="8"/>
      <c r="CXJ25" s="8"/>
      <c r="CXK25" s="8"/>
      <c r="CXL25" s="8"/>
      <c r="CXM25" s="8"/>
      <c r="CXN25" s="8"/>
      <c r="CXO25" s="8"/>
      <c r="CXP25" s="8"/>
      <c r="CXQ25" s="8"/>
      <c r="CXR25" s="8"/>
      <c r="CXS25" s="8"/>
      <c r="CXT25" s="8"/>
      <c r="CXU25" s="8"/>
      <c r="CXV25" s="8"/>
      <c r="CXW25" s="8"/>
      <c r="CXX25" s="8"/>
      <c r="CXY25" s="8"/>
      <c r="CXZ25" s="8"/>
      <c r="CYA25" s="8"/>
      <c r="CYB25" s="8"/>
      <c r="CYC25" s="8"/>
      <c r="CYD25" s="8"/>
      <c r="CYE25" s="8"/>
      <c r="CYF25" s="8"/>
      <c r="CYG25" s="8"/>
      <c r="CYH25" s="8"/>
      <c r="CYI25" s="8"/>
      <c r="CYJ25" s="8"/>
      <c r="CYK25" s="8"/>
      <c r="CYL25" s="8"/>
      <c r="CYM25" s="8"/>
      <c r="CYN25" s="8"/>
      <c r="CYO25" s="8"/>
      <c r="CYP25" s="8"/>
      <c r="CYQ25" s="8"/>
      <c r="CYR25" s="8"/>
      <c r="CYS25" s="8"/>
      <c r="CYT25" s="8"/>
      <c r="CYU25" s="8"/>
      <c r="CYV25" s="8"/>
      <c r="CYW25" s="8"/>
      <c r="CYX25" s="8"/>
      <c r="CYY25" s="8"/>
      <c r="CYZ25" s="8"/>
      <c r="CZA25" s="8"/>
      <c r="CZB25" s="8"/>
      <c r="CZC25" s="8"/>
      <c r="CZD25" s="8"/>
      <c r="CZE25" s="8"/>
      <c r="CZF25" s="8"/>
      <c r="CZG25" s="8"/>
      <c r="CZH25" s="8"/>
      <c r="CZI25" s="8"/>
      <c r="CZJ25" s="8"/>
      <c r="CZK25" s="8"/>
      <c r="CZL25" s="8"/>
      <c r="CZM25" s="8"/>
      <c r="CZN25" s="8"/>
      <c r="CZO25" s="8"/>
      <c r="CZP25" s="8"/>
      <c r="CZQ25" s="8"/>
      <c r="CZR25" s="8"/>
      <c r="CZS25" s="8"/>
      <c r="CZT25" s="8"/>
      <c r="CZU25" s="8"/>
      <c r="CZV25" s="8"/>
      <c r="CZW25" s="8"/>
      <c r="CZX25" s="8"/>
      <c r="CZY25" s="8"/>
      <c r="CZZ25" s="8"/>
      <c r="DAA25" s="8"/>
      <c r="DAB25" s="8"/>
      <c r="DAC25" s="8"/>
      <c r="DAD25" s="8"/>
      <c r="DAE25" s="8"/>
      <c r="DAF25" s="8"/>
      <c r="DAG25" s="8"/>
      <c r="DAH25" s="8"/>
      <c r="DAI25" s="8"/>
      <c r="DAJ25" s="8"/>
      <c r="DAK25" s="8"/>
      <c r="DAL25" s="8"/>
      <c r="DAM25" s="8"/>
      <c r="DAN25" s="8"/>
      <c r="DAO25" s="8"/>
      <c r="DAP25" s="8"/>
      <c r="DAQ25" s="8"/>
      <c r="DAR25" s="8"/>
      <c r="DAS25" s="8"/>
      <c r="DAT25" s="8"/>
      <c r="DAU25" s="8"/>
      <c r="DAV25" s="8"/>
      <c r="DAW25" s="8"/>
      <c r="DAX25" s="8"/>
      <c r="DAY25" s="8"/>
      <c r="DAZ25" s="8"/>
      <c r="DBA25" s="8"/>
      <c r="DBB25" s="8"/>
      <c r="DBC25" s="8"/>
      <c r="DBD25" s="8"/>
      <c r="DBE25" s="8"/>
      <c r="DBF25" s="8"/>
      <c r="DBG25" s="8"/>
      <c r="DBH25" s="8"/>
      <c r="DBI25" s="8"/>
      <c r="DBJ25" s="8"/>
      <c r="DBK25" s="8"/>
      <c r="DBL25" s="8"/>
      <c r="DBM25" s="8"/>
      <c r="DBN25" s="8"/>
      <c r="DBO25" s="8"/>
      <c r="DBP25" s="8"/>
      <c r="DBQ25" s="8"/>
      <c r="DBR25" s="8"/>
      <c r="DBS25" s="8"/>
      <c r="DBT25" s="8"/>
      <c r="DBU25" s="8"/>
      <c r="DBV25" s="8"/>
      <c r="DBW25" s="8"/>
      <c r="DBX25" s="8"/>
      <c r="DBY25" s="8"/>
      <c r="DBZ25" s="8"/>
      <c r="DCA25" s="8"/>
      <c r="DCB25" s="8"/>
      <c r="DCC25" s="8"/>
      <c r="DCD25" s="8"/>
      <c r="DCE25" s="8"/>
      <c r="DCF25" s="8"/>
      <c r="DCG25" s="8"/>
      <c r="DCH25" s="8"/>
      <c r="DCI25" s="8"/>
      <c r="DCJ25" s="8"/>
      <c r="DCK25" s="8"/>
      <c r="DCL25" s="8"/>
      <c r="DCM25" s="8"/>
      <c r="DCN25" s="8"/>
      <c r="DCO25" s="8"/>
      <c r="DCP25" s="8"/>
      <c r="DCQ25" s="8"/>
      <c r="DCR25" s="8"/>
      <c r="DCS25" s="8"/>
      <c r="DCT25" s="8"/>
      <c r="DCU25" s="8"/>
      <c r="DCV25" s="8"/>
      <c r="DCW25" s="8"/>
      <c r="DCX25" s="8"/>
      <c r="DCY25" s="8"/>
      <c r="DCZ25" s="8"/>
      <c r="DDA25" s="8"/>
      <c r="DDB25" s="8"/>
      <c r="DDC25" s="8"/>
      <c r="DDD25" s="8"/>
      <c r="DDE25" s="8"/>
      <c r="DDF25" s="8"/>
      <c r="DDG25" s="8"/>
      <c r="DDH25" s="8"/>
      <c r="DDI25" s="8"/>
      <c r="DDJ25" s="8"/>
      <c r="DDK25" s="8"/>
      <c r="DDL25" s="8"/>
      <c r="DDM25" s="8"/>
      <c r="DDN25" s="8"/>
      <c r="DDO25" s="8"/>
      <c r="DDP25" s="8"/>
      <c r="DDQ25" s="8"/>
      <c r="DDR25" s="8"/>
      <c r="DDS25" s="8"/>
      <c r="DDT25" s="8"/>
      <c r="DDU25" s="8"/>
      <c r="DDV25" s="8"/>
      <c r="DDW25" s="8"/>
      <c r="DDX25" s="8"/>
      <c r="DDY25" s="8"/>
      <c r="DDZ25" s="8"/>
      <c r="DEA25" s="8"/>
      <c r="DEB25" s="8"/>
      <c r="DEC25" s="8"/>
      <c r="DED25" s="8"/>
      <c r="DEE25" s="8"/>
      <c r="DEF25" s="8"/>
      <c r="DEG25" s="8"/>
      <c r="DEH25" s="8"/>
      <c r="DEI25" s="8"/>
      <c r="DEJ25" s="8"/>
      <c r="DEK25" s="8"/>
      <c r="DEL25" s="8"/>
      <c r="DEM25" s="8"/>
      <c r="DEN25" s="8"/>
      <c r="DEO25" s="8"/>
      <c r="DEP25" s="8"/>
      <c r="DEQ25" s="8"/>
      <c r="DER25" s="8"/>
      <c r="DES25" s="8"/>
      <c r="DET25" s="8"/>
      <c r="DEU25" s="8"/>
      <c r="DEV25" s="8"/>
      <c r="DEW25" s="8"/>
      <c r="DEX25" s="8"/>
      <c r="DEY25" s="8"/>
      <c r="DEZ25" s="8"/>
      <c r="DFA25" s="8"/>
      <c r="DFB25" s="8"/>
      <c r="DFC25" s="8"/>
      <c r="DFD25" s="8"/>
      <c r="DFE25" s="8"/>
      <c r="DFF25" s="8"/>
      <c r="DFG25" s="8"/>
      <c r="DFH25" s="8"/>
      <c r="DFI25" s="8"/>
      <c r="DFJ25" s="8"/>
      <c r="DFK25" s="8"/>
      <c r="DFL25" s="8"/>
      <c r="DFM25" s="8"/>
      <c r="DFN25" s="8"/>
      <c r="DFO25" s="8"/>
      <c r="DFP25" s="8"/>
      <c r="DFQ25" s="8"/>
      <c r="DFR25" s="8"/>
      <c r="DFS25" s="8"/>
      <c r="DFT25" s="8"/>
      <c r="DFU25" s="8"/>
      <c r="DFV25" s="8"/>
      <c r="DFW25" s="8"/>
      <c r="DFX25" s="8"/>
      <c r="DFY25" s="8"/>
      <c r="DFZ25" s="8"/>
      <c r="DGA25" s="8"/>
      <c r="DGB25" s="8"/>
      <c r="DGC25" s="8"/>
      <c r="DGD25" s="8"/>
      <c r="DGE25" s="8"/>
      <c r="DGF25" s="8"/>
      <c r="DGG25" s="8"/>
      <c r="DGH25" s="8"/>
      <c r="DGI25" s="8"/>
      <c r="DGJ25" s="8"/>
      <c r="DGK25" s="8"/>
      <c r="DGL25" s="8"/>
      <c r="DGM25" s="8"/>
      <c r="DGN25" s="8"/>
      <c r="DGO25" s="8"/>
      <c r="DGP25" s="8"/>
      <c r="DGQ25" s="8"/>
      <c r="DGR25" s="8"/>
      <c r="DGS25" s="8"/>
      <c r="DGT25" s="8"/>
      <c r="DGU25" s="8"/>
      <c r="DGV25" s="8"/>
      <c r="DGW25" s="8"/>
      <c r="DGX25" s="8"/>
      <c r="DGY25" s="8"/>
      <c r="DGZ25" s="8"/>
      <c r="DHA25" s="8"/>
      <c r="DHB25" s="8"/>
      <c r="DHC25" s="8"/>
      <c r="DHD25" s="8"/>
      <c r="DHE25" s="8"/>
      <c r="DHF25" s="8"/>
      <c r="DHG25" s="8"/>
      <c r="DHH25" s="8"/>
      <c r="DHI25" s="8"/>
      <c r="DHJ25" s="8"/>
      <c r="DHK25" s="8"/>
      <c r="DHL25" s="8"/>
      <c r="DHM25" s="8"/>
      <c r="DHN25" s="8"/>
      <c r="DHO25" s="8"/>
      <c r="DHP25" s="8"/>
      <c r="DHQ25" s="8"/>
      <c r="DHR25" s="8"/>
      <c r="DHS25" s="8"/>
      <c r="DHT25" s="8"/>
      <c r="DHU25" s="8"/>
      <c r="DHV25" s="8"/>
      <c r="DHW25" s="8"/>
      <c r="DHX25" s="8"/>
      <c r="DHY25" s="8"/>
      <c r="DHZ25" s="8"/>
      <c r="DIA25" s="8"/>
      <c r="DIB25" s="8"/>
      <c r="DIC25" s="8"/>
      <c r="DID25" s="8"/>
      <c r="DIE25" s="8"/>
      <c r="DIF25" s="8"/>
      <c r="DIG25" s="8"/>
      <c r="DIH25" s="8"/>
      <c r="DII25" s="8"/>
      <c r="DIJ25" s="8"/>
      <c r="DIK25" s="8"/>
      <c r="DIL25" s="8"/>
      <c r="DIM25" s="8"/>
      <c r="DIN25" s="8"/>
      <c r="DIO25" s="8"/>
      <c r="DIP25" s="8"/>
      <c r="DIQ25" s="8"/>
      <c r="DIR25" s="8"/>
      <c r="DIS25" s="8"/>
      <c r="DIT25" s="8"/>
      <c r="DIU25" s="8"/>
      <c r="DIV25" s="8"/>
      <c r="DIW25" s="8"/>
      <c r="DIX25" s="8"/>
      <c r="DIY25" s="8"/>
      <c r="DIZ25" s="8"/>
      <c r="DJA25" s="8"/>
      <c r="DJB25" s="8"/>
      <c r="DJC25" s="8"/>
      <c r="DJD25" s="8"/>
      <c r="DJE25" s="8"/>
      <c r="DJF25" s="8"/>
      <c r="DJG25" s="8"/>
      <c r="DJH25" s="8"/>
      <c r="DJI25" s="8"/>
      <c r="DJJ25" s="8"/>
      <c r="DJK25" s="8"/>
      <c r="DJL25" s="8"/>
      <c r="DJM25" s="8"/>
      <c r="DJN25" s="8"/>
      <c r="DJO25" s="8"/>
      <c r="DJP25" s="8"/>
      <c r="DJQ25" s="8"/>
      <c r="DJR25" s="8"/>
      <c r="DJS25" s="8"/>
      <c r="DJT25" s="8"/>
      <c r="DJU25" s="8"/>
      <c r="DJV25" s="8"/>
      <c r="DJW25" s="8"/>
      <c r="DJX25" s="8"/>
      <c r="DJY25" s="8"/>
      <c r="DJZ25" s="8"/>
      <c r="DKA25" s="8"/>
      <c r="DKB25" s="8"/>
      <c r="DKC25" s="8"/>
      <c r="DKD25" s="8"/>
      <c r="DKE25" s="8"/>
      <c r="DKF25" s="8"/>
      <c r="DKG25" s="8"/>
      <c r="DKH25" s="8"/>
      <c r="DKI25" s="8"/>
      <c r="DKJ25" s="8"/>
      <c r="DKK25" s="8"/>
      <c r="DKL25" s="8"/>
      <c r="DKM25" s="8"/>
      <c r="DKN25" s="8"/>
      <c r="DKO25" s="8"/>
      <c r="DKP25" s="8"/>
      <c r="DKQ25" s="8"/>
      <c r="DKR25" s="8"/>
      <c r="DKS25" s="8"/>
      <c r="DKT25" s="8"/>
      <c r="DKU25" s="8"/>
      <c r="DKV25" s="8"/>
      <c r="DKW25" s="8"/>
      <c r="DKX25" s="8"/>
      <c r="DKY25" s="8"/>
      <c r="DKZ25" s="8"/>
      <c r="DLA25" s="8"/>
      <c r="DLB25" s="8"/>
      <c r="DLC25" s="8"/>
      <c r="DLD25" s="8"/>
      <c r="DLE25" s="8"/>
      <c r="DLF25" s="8"/>
      <c r="DLG25" s="8"/>
      <c r="DLH25" s="8"/>
      <c r="DLI25" s="8"/>
      <c r="DLJ25" s="8"/>
      <c r="DLK25" s="8"/>
      <c r="DLL25" s="8"/>
      <c r="DLM25" s="8"/>
      <c r="DLN25" s="8"/>
      <c r="DLO25" s="8"/>
      <c r="DLP25" s="8"/>
      <c r="DLQ25" s="8"/>
      <c r="DLR25" s="8"/>
      <c r="DLS25" s="8"/>
      <c r="DLT25" s="8"/>
      <c r="DLU25" s="8"/>
      <c r="DLV25" s="8"/>
      <c r="DLW25" s="8"/>
      <c r="DLX25" s="8"/>
      <c r="DLY25" s="8"/>
      <c r="DLZ25" s="8"/>
      <c r="DMA25" s="8"/>
      <c r="DMB25" s="8"/>
      <c r="DMC25" s="8"/>
      <c r="DMD25" s="8"/>
      <c r="DME25" s="8"/>
      <c r="DMF25" s="8"/>
      <c r="DMG25" s="8"/>
      <c r="DMH25" s="8"/>
      <c r="DMI25" s="8"/>
      <c r="DMJ25" s="8"/>
      <c r="DMK25" s="8"/>
      <c r="DML25" s="8"/>
      <c r="DMM25" s="8"/>
      <c r="DMN25" s="8"/>
      <c r="DMO25" s="8"/>
      <c r="DMP25" s="8"/>
      <c r="DMQ25" s="8"/>
      <c r="DMR25" s="8"/>
      <c r="DMS25" s="8"/>
      <c r="DMT25" s="8"/>
      <c r="DMU25" s="8"/>
      <c r="DMV25" s="8"/>
      <c r="DMW25" s="8"/>
      <c r="DMX25" s="8"/>
      <c r="DMY25" s="8"/>
      <c r="DMZ25" s="8"/>
      <c r="DNA25" s="8"/>
      <c r="DNB25" s="8"/>
      <c r="DNC25" s="8"/>
      <c r="DND25" s="8"/>
      <c r="DNE25" s="8"/>
      <c r="DNF25" s="8"/>
      <c r="DNG25" s="8"/>
      <c r="DNH25" s="8"/>
      <c r="DNI25" s="8"/>
      <c r="DNJ25" s="8"/>
      <c r="DNK25" s="8"/>
      <c r="DNL25" s="8"/>
      <c r="DNM25" s="8"/>
      <c r="DNN25" s="8"/>
      <c r="DNO25" s="8"/>
      <c r="DNP25" s="8"/>
      <c r="DNQ25" s="8"/>
      <c r="DNR25" s="8"/>
      <c r="DNS25" s="8"/>
      <c r="DNT25" s="8"/>
      <c r="DNU25" s="8"/>
      <c r="DNV25" s="8"/>
      <c r="DNW25" s="8"/>
      <c r="DNX25" s="8"/>
      <c r="DNY25" s="8"/>
      <c r="DNZ25" s="8"/>
      <c r="DOA25" s="8"/>
      <c r="DOB25" s="8"/>
      <c r="DOC25" s="8"/>
      <c r="DOD25" s="8"/>
      <c r="DOE25" s="8"/>
      <c r="DOF25" s="8"/>
      <c r="DOG25" s="8"/>
      <c r="DOH25" s="8"/>
      <c r="DOI25" s="8"/>
      <c r="DOJ25" s="8"/>
      <c r="DOK25" s="8"/>
      <c r="DOL25" s="8"/>
      <c r="DOM25" s="8"/>
      <c r="DON25" s="8"/>
      <c r="DOO25" s="8"/>
      <c r="DOP25" s="8"/>
      <c r="DOQ25" s="8"/>
      <c r="DOR25" s="8"/>
      <c r="DOS25" s="8"/>
      <c r="DOT25" s="8"/>
      <c r="DOU25" s="8"/>
      <c r="DOV25" s="8"/>
      <c r="DOW25" s="8"/>
      <c r="DOX25" s="8"/>
      <c r="DOY25" s="8"/>
      <c r="DOZ25" s="8"/>
      <c r="DPA25" s="8"/>
      <c r="DPB25" s="8"/>
      <c r="DPC25" s="8"/>
      <c r="DPD25" s="8"/>
      <c r="DPE25" s="8"/>
      <c r="DPF25" s="8"/>
      <c r="DPG25" s="8"/>
      <c r="DPH25" s="8"/>
      <c r="DPI25" s="8"/>
      <c r="DPJ25" s="8"/>
      <c r="DPK25" s="8"/>
      <c r="DPL25" s="8"/>
      <c r="DPM25" s="8"/>
      <c r="DPN25" s="8"/>
      <c r="DPO25" s="8"/>
      <c r="DPP25" s="8"/>
      <c r="DPQ25" s="8"/>
      <c r="DPR25" s="8"/>
      <c r="DPS25" s="8"/>
      <c r="DPT25" s="8"/>
      <c r="DPU25" s="8"/>
      <c r="DPV25" s="8"/>
      <c r="DPW25" s="8"/>
      <c r="DPX25" s="8"/>
      <c r="DPY25" s="8"/>
      <c r="DPZ25" s="8"/>
      <c r="DQA25" s="8"/>
      <c r="DQB25" s="8"/>
      <c r="DQC25" s="8"/>
      <c r="DQD25" s="8"/>
      <c r="DQE25" s="8"/>
      <c r="DQF25" s="8"/>
      <c r="DQG25" s="8"/>
      <c r="DQH25" s="8"/>
      <c r="DQI25" s="8"/>
      <c r="DQJ25" s="8"/>
      <c r="DQK25" s="8"/>
      <c r="DQL25" s="8"/>
      <c r="DQM25" s="8"/>
      <c r="DQN25" s="8"/>
      <c r="DQO25" s="8"/>
      <c r="DQP25" s="8"/>
      <c r="DQQ25" s="8"/>
      <c r="DQR25" s="8"/>
      <c r="DQS25" s="8"/>
      <c r="DQT25" s="8"/>
      <c r="DQU25" s="8"/>
      <c r="DQV25" s="8"/>
      <c r="DQW25" s="8"/>
      <c r="DQX25" s="8"/>
      <c r="DQY25" s="8"/>
      <c r="DQZ25" s="8"/>
      <c r="DRA25" s="8"/>
      <c r="DRB25" s="8"/>
      <c r="DRC25" s="8"/>
      <c r="DRD25" s="8"/>
      <c r="DRE25" s="8"/>
      <c r="DRF25" s="8"/>
      <c r="DRG25" s="8"/>
      <c r="DRH25" s="8"/>
      <c r="DRI25" s="8"/>
      <c r="DRJ25" s="8"/>
      <c r="DRK25" s="8"/>
      <c r="DRL25" s="8"/>
      <c r="DRM25" s="8"/>
      <c r="DRN25" s="8"/>
      <c r="DRO25" s="8"/>
      <c r="DRP25" s="8"/>
      <c r="DRQ25" s="8"/>
      <c r="DRR25" s="8"/>
      <c r="DRS25" s="8"/>
      <c r="DRT25" s="8"/>
      <c r="DRU25" s="8"/>
      <c r="DRV25" s="8"/>
      <c r="DRW25" s="8"/>
      <c r="DRX25" s="8"/>
      <c r="DRY25" s="8"/>
      <c r="DRZ25" s="8"/>
      <c r="DSA25" s="8"/>
      <c r="DSB25" s="8"/>
      <c r="DSC25" s="8"/>
      <c r="DSD25" s="8"/>
      <c r="DSE25" s="8"/>
      <c r="DSF25" s="8"/>
      <c r="DSG25" s="8"/>
      <c r="DSH25" s="8"/>
      <c r="DSI25" s="8"/>
      <c r="DSJ25" s="8"/>
      <c r="DSK25" s="8"/>
      <c r="DSL25" s="8"/>
      <c r="DSM25" s="8"/>
      <c r="DSN25" s="8"/>
      <c r="DSO25" s="8"/>
      <c r="DSP25" s="8"/>
      <c r="DSQ25" s="8"/>
      <c r="DSR25" s="8"/>
      <c r="DSS25" s="8"/>
      <c r="DST25" s="8"/>
      <c r="DSU25" s="8"/>
      <c r="DSV25" s="8"/>
      <c r="DSW25" s="8"/>
      <c r="DSX25" s="8"/>
      <c r="DSY25" s="8"/>
      <c r="DSZ25" s="8"/>
      <c r="DTA25" s="8"/>
      <c r="DTB25" s="8"/>
      <c r="DTC25" s="8"/>
      <c r="DTD25" s="8"/>
      <c r="DTE25" s="8"/>
      <c r="DTF25" s="8"/>
      <c r="DTG25" s="8"/>
      <c r="DTH25" s="8"/>
      <c r="DTI25" s="8"/>
      <c r="DTJ25" s="8"/>
      <c r="DTK25" s="8"/>
      <c r="DTL25" s="8"/>
      <c r="DTM25" s="8"/>
      <c r="DTN25" s="8"/>
      <c r="DTO25" s="8"/>
      <c r="DTP25" s="8"/>
      <c r="DTQ25" s="8"/>
      <c r="DTR25" s="8"/>
      <c r="DTS25" s="8"/>
      <c r="DTT25" s="8"/>
      <c r="DTU25" s="8"/>
      <c r="DTV25" s="8"/>
      <c r="DTW25" s="8"/>
      <c r="DTX25" s="8"/>
      <c r="DTY25" s="8"/>
      <c r="DTZ25" s="8"/>
      <c r="DUA25" s="8"/>
      <c r="DUB25" s="8"/>
      <c r="DUC25" s="8"/>
      <c r="DUD25" s="8"/>
      <c r="DUE25" s="8"/>
      <c r="DUF25" s="8"/>
      <c r="DUG25" s="8"/>
      <c r="DUH25" s="8"/>
      <c r="DUI25" s="8"/>
      <c r="DUJ25" s="8"/>
      <c r="DUK25" s="8"/>
      <c r="DUL25" s="8"/>
      <c r="DUM25" s="8"/>
      <c r="DUN25" s="8"/>
      <c r="DUO25" s="8"/>
      <c r="DUP25" s="8"/>
      <c r="DUQ25" s="8"/>
      <c r="DUR25" s="8"/>
      <c r="DUS25" s="8"/>
      <c r="DUT25" s="8"/>
      <c r="DUU25" s="8"/>
      <c r="DUV25" s="8"/>
      <c r="DUW25" s="8"/>
      <c r="DUX25" s="8"/>
      <c r="DUY25" s="8"/>
      <c r="DUZ25" s="8"/>
      <c r="DVA25" s="8"/>
      <c r="DVB25" s="8"/>
      <c r="DVC25" s="8"/>
      <c r="DVD25" s="8"/>
      <c r="DVE25" s="8"/>
      <c r="DVF25" s="8"/>
      <c r="DVG25" s="8"/>
      <c r="DVH25" s="8"/>
      <c r="DVI25" s="8"/>
      <c r="DVJ25" s="8"/>
      <c r="DVK25" s="8"/>
      <c r="DVL25" s="8"/>
      <c r="DVM25" s="8"/>
      <c r="DVN25" s="8"/>
      <c r="DVO25" s="8"/>
      <c r="DVP25" s="8"/>
      <c r="DVQ25" s="8"/>
      <c r="DVR25" s="8"/>
      <c r="DVS25" s="8"/>
      <c r="DVT25" s="8"/>
      <c r="DVU25" s="8"/>
      <c r="DVV25" s="8"/>
      <c r="DVW25" s="8"/>
      <c r="DVX25" s="8"/>
      <c r="DVY25" s="8"/>
      <c r="DVZ25" s="8"/>
      <c r="DWA25" s="8"/>
      <c r="DWB25" s="8"/>
      <c r="DWC25" s="8"/>
      <c r="DWD25" s="8"/>
      <c r="DWE25" s="8"/>
      <c r="DWF25" s="8"/>
      <c r="DWG25" s="8"/>
      <c r="DWH25" s="8"/>
      <c r="DWI25" s="8"/>
      <c r="DWJ25" s="8"/>
      <c r="DWK25" s="8"/>
      <c r="DWL25" s="8"/>
      <c r="DWM25" s="8"/>
      <c r="DWN25" s="8"/>
      <c r="DWO25" s="8"/>
      <c r="DWP25" s="8"/>
      <c r="DWQ25" s="8"/>
      <c r="DWR25" s="8"/>
      <c r="DWS25" s="8"/>
      <c r="DWT25" s="8"/>
      <c r="DWU25" s="8"/>
      <c r="DWV25" s="8"/>
      <c r="DWW25" s="8"/>
      <c r="DWX25" s="8"/>
      <c r="DWY25" s="8"/>
      <c r="DWZ25" s="8"/>
      <c r="DXA25" s="8"/>
      <c r="DXB25" s="8"/>
      <c r="DXC25" s="8"/>
      <c r="DXD25" s="8"/>
      <c r="DXE25" s="8"/>
      <c r="DXF25" s="8"/>
      <c r="DXG25" s="8"/>
      <c r="DXH25" s="8"/>
      <c r="DXI25" s="8"/>
      <c r="DXJ25" s="8"/>
      <c r="DXK25" s="8"/>
      <c r="DXL25" s="8"/>
      <c r="DXM25" s="8"/>
      <c r="DXN25" s="8"/>
      <c r="DXO25" s="8"/>
      <c r="DXP25" s="8"/>
      <c r="DXQ25" s="8"/>
      <c r="DXR25" s="8"/>
      <c r="DXS25" s="8"/>
      <c r="DXT25" s="8"/>
      <c r="DXU25" s="8"/>
      <c r="DXV25" s="8"/>
      <c r="DXW25" s="8"/>
      <c r="DXX25" s="8"/>
      <c r="DXY25" s="8"/>
      <c r="DXZ25" s="8"/>
      <c r="DYA25" s="8"/>
      <c r="DYB25" s="8"/>
      <c r="DYC25" s="8"/>
      <c r="DYD25" s="8"/>
      <c r="DYE25" s="8"/>
      <c r="DYF25" s="8"/>
      <c r="DYG25" s="8"/>
      <c r="DYH25" s="8"/>
      <c r="DYI25" s="8"/>
      <c r="DYJ25" s="8"/>
      <c r="DYK25" s="8"/>
      <c r="DYL25" s="8"/>
      <c r="DYM25" s="8"/>
      <c r="DYN25" s="8"/>
      <c r="DYO25" s="8"/>
      <c r="DYP25" s="8"/>
      <c r="DYQ25" s="8"/>
      <c r="DYR25" s="8"/>
      <c r="DYS25" s="8"/>
      <c r="DYT25" s="8"/>
      <c r="DYU25" s="8"/>
      <c r="DYV25" s="8"/>
      <c r="DYW25" s="8"/>
      <c r="DYX25" s="8"/>
      <c r="DYY25" s="8"/>
      <c r="DYZ25" s="8"/>
      <c r="DZA25" s="8"/>
      <c r="DZB25" s="8"/>
      <c r="DZC25" s="8"/>
      <c r="DZD25" s="8"/>
      <c r="DZE25" s="8"/>
      <c r="DZF25" s="8"/>
      <c r="DZG25" s="8"/>
      <c r="DZH25" s="8"/>
      <c r="DZI25" s="8"/>
      <c r="DZJ25" s="8"/>
      <c r="DZK25" s="8"/>
      <c r="DZL25" s="8"/>
      <c r="DZM25" s="8"/>
      <c r="DZN25" s="8"/>
      <c r="DZO25" s="8"/>
      <c r="DZP25" s="8"/>
      <c r="DZQ25" s="8"/>
      <c r="DZR25" s="8"/>
      <c r="DZS25" s="8"/>
      <c r="DZT25" s="8"/>
      <c r="DZU25" s="8"/>
      <c r="DZV25" s="8"/>
      <c r="DZW25" s="8"/>
      <c r="DZX25" s="8"/>
      <c r="DZY25" s="8"/>
      <c r="DZZ25" s="8"/>
      <c r="EAA25" s="8"/>
      <c r="EAB25" s="8"/>
      <c r="EAC25" s="8"/>
      <c r="EAD25" s="8"/>
      <c r="EAE25" s="8"/>
      <c r="EAF25" s="8"/>
      <c r="EAG25" s="8"/>
      <c r="EAH25" s="8"/>
      <c r="EAI25" s="8"/>
      <c r="EAJ25" s="8"/>
      <c r="EAK25" s="8"/>
      <c r="EAL25" s="8"/>
      <c r="EAM25" s="8"/>
      <c r="EAN25" s="8"/>
      <c r="EAO25" s="8"/>
      <c r="EAP25" s="8"/>
      <c r="EAQ25" s="8"/>
      <c r="EAR25" s="8"/>
      <c r="EAS25" s="8"/>
      <c r="EAT25" s="8"/>
      <c r="EAU25" s="8"/>
      <c r="EAV25" s="8"/>
      <c r="EAW25" s="8"/>
      <c r="EAX25" s="8"/>
      <c r="EAY25" s="8"/>
      <c r="EAZ25" s="8"/>
      <c r="EBA25" s="8"/>
      <c r="EBB25" s="8"/>
      <c r="EBC25" s="8"/>
      <c r="EBD25" s="8"/>
      <c r="EBE25" s="8"/>
      <c r="EBF25" s="8"/>
      <c r="EBG25" s="8"/>
      <c r="EBH25" s="8"/>
      <c r="EBI25" s="8"/>
      <c r="EBJ25" s="8"/>
      <c r="EBK25" s="8"/>
      <c r="EBL25" s="8"/>
      <c r="EBM25" s="8"/>
      <c r="EBN25" s="8"/>
      <c r="EBO25" s="8"/>
      <c r="EBP25" s="8"/>
      <c r="EBQ25" s="8"/>
      <c r="EBR25" s="8"/>
      <c r="EBS25" s="8"/>
      <c r="EBT25" s="8"/>
      <c r="EBU25" s="8"/>
      <c r="EBV25" s="8"/>
      <c r="EBW25" s="8"/>
      <c r="EBX25" s="8"/>
      <c r="EBY25" s="8"/>
      <c r="EBZ25" s="8"/>
      <c r="ECA25" s="8"/>
      <c r="ECB25" s="8"/>
      <c r="ECC25" s="8"/>
      <c r="ECD25" s="8"/>
      <c r="ECE25" s="8"/>
      <c r="ECF25" s="8"/>
      <c r="ECG25" s="8"/>
      <c r="ECH25" s="8"/>
      <c r="ECI25" s="8"/>
      <c r="ECJ25" s="8"/>
      <c r="ECK25" s="8"/>
      <c r="ECL25" s="8"/>
      <c r="ECM25" s="8"/>
      <c r="ECN25" s="8"/>
      <c r="ECO25" s="8"/>
      <c r="ECP25" s="8"/>
      <c r="ECQ25" s="8"/>
      <c r="ECR25" s="8"/>
      <c r="ECS25" s="8"/>
      <c r="ECT25" s="8"/>
      <c r="ECU25" s="8"/>
      <c r="ECV25" s="8"/>
      <c r="ECW25" s="8"/>
      <c r="ECX25" s="8"/>
      <c r="ECY25" s="8"/>
      <c r="ECZ25" s="8"/>
      <c r="EDA25" s="8"/>
      <c r="EDB25" s="8"/>
      <c r="EDC25" s="8"/>
      <c r="EDD25" s="8"/>
      <c r="EDE25" s="8"/>
      <c r="EDF25" s="8"/>
      <c r="EDG25" s="8"/>
      <c r="EDH25" s="8"/>
      <c r="EDI25" s="8"/>
      <c r="EDJ25" s="8"/>
      <c r="EDK25" s="8"/>
      <c r="EDL25" s="8"/>
      <c r="EDM25" s="8"/>
      <c r="EDN25" s="8"/>
      <c r="EDO25" s="8"/>
      <c r="EDP25" s="8"/>
      <c r="EDQ25" s="8"/>
      <c r="EDR25" s="8"/>
      <c r="EDS25" s="8"/>
      <c r="EDT25" s="8"/>
      <c r="EDU25" s="8"/>
      <c r="EDV25" s="8"/>
      <c r="EDW25" s="8"/>
      <c r="EDX25" s="8"/>
      <c r="EDY25" s="8"/>
      <c r="EDZ25" s="8"/>
      <c r="EEA25" s="8"/>
      <c r="EEB25" s="8"/>
      <c r="EEC25" s="8"/>
      <c r="EED25" s="8"/>
      <c r="EEE25" s="8"/>
      <c r="EEF25" s="8"/>
      <c r="EEG25" s="8"/>
      <c r="EEH25" s="8"/>
      <c r="EEI25" s="8"/>
      <c r="EEJ25" s="8"/>
      <c r="EEK25" s="8"/>
      <c r="EEL25" s="8"/>
      <c r="EEM25" s="8"/>
      <c r="EEN25" s="8"/>
      <c r="EEO25" s="8"/>
      <c r="EEP25" s="8"/>
      <c r="EEQ25" s="8"/>
      <c r="EER25" s="8"/>
      <c r="EES25" s="8"/>
      <c r="EET25" s="8"/>
      <c r="EEU25" s="8"/>
      <c r="EEV25" s="8"/>
      <c r="EEW25" s="8"/>
      <c r="EEX25" s="8"/>
      <c r="EEY25" s="8"/>
      <c r="EEZ25" s="8"/>
      <c r="EFA25" s="8"/>
      <c r="EFB25" s="8"/>
      <c r="EFC25" s="8"/>
      <c r="EFD25" s="8"/>
      <c r="EFE25" s="8"/>
      <c r="EFF25" s="8"/>
      <c r="EFG25" s="8"/>
      <c r="EFH25" s="8"/>
      <c r="EFI25" s="8"/>
      <c r="EFJ25" s="8"/>
      <c r="EFK25" s="8"/>
      <c r="EFL25" s="8"/>
      <c r="EFM25" s="8"/>
      <c r="EFN25" s="8"/>
      <c r="EFO25" s="8"/>
      <c r="EFP25" s="8"/>
      <c r="EFQ25" s="8"/>
      <c r="EFR25" s="8"/>
      <c r="EFS25" s="8"/>
      <c r="EFT25" s="8"/>
      <c r="EFU25" s="8"/>
      <c r="EFV25" s="8"/>
      <c r="EFW25" s="8"/>
      <c r="EFX25" s="8"/>
      <c r="EFY25" s="8"/>
      <c r="EFZ25" s="8"/>
      <c r="EGA25" s="8"/>
      <c r="EGB25" s="8"/>
      <c r="EGC25" s="8"/>
      <c r="EGD25" s="8"/>
      <c r="EGE25" s="8"/>
      <c r="EGF25" s="8"/>
      <c r="EGG25" s="8"/>
      <c r="EGH25" s="8"/>
      <c r="EGI25" s="8"/>
      <c r="EGJ25" s="8"/>
      <c r="EGK25" s="8"/>
      <c r="EGL25" s="8"/>
      <c r="EGM25" s="8"/>
      <c r="EGN25" s="8"/>
      <c r="EGO25" s="8"/>
      <c r="EGP25" s="8"/>
      <c r="EGQ25" s="8"/>
      <c r="EGR25" s="8"/>
      <c r="EGS25" s="8"/>
      <c r="EGT25" s="8"/>
      <c r="EGU25" s="8"/>
      <c r="EGV25" s="8"/>
      <c r="EGW25" s="8"/>
      <c r="EGX25" s="8"/>
      <c r="EGY25" s="8"/>
      <c r="EGZ25" s="8"/>
      <c r="EHA25" s="8"/>
      <c r="EHB25" s="8"/>
      <c r="EHC25" s="8"/>
      <c r="EHD25" s="8"/>
      <c r="EHE25" s="8"/>
      <c r="EHF25" s="8"/>
      <c r="EHG25" s="8"/>
      <c r="EHH25" s="8"/>
      <c r="EHI25" s="8"/>
      <c r="EHJ25" s="8"/>
      <c r="EHK25" s="8"/>
      <c r="EHL25" s="8"/>
      <c r="EHM25" s="8"/>
      <c r="EHN25" s="8"/>
      <c r="EHO25" s="8"/>
      <c r="EHP25" s="8"/>
      <c r="EHQ25" s="8"/>
      <c r="EHR25" s="8"/>
      <c r="EHS25" s="8"/>
      <c r="EHT25" s="8"/>
      <c r="EHU25" s="8"/>
      <c r="EHV25" s="8"/>
      <c r="EHW25" s="8"/>
      <c r="EHX25" s="8"/>
      <c r="EHY25" s="8"/>
      <c r="EHZ25" s="8"/>
      <c r="EIA25" s="8"/>
      <c r="EIB25" s="8"/>
      <c r="EIC25" s="8"/>
      <c r="EID25" s="8"/>
      <c r="EIE25" s="8"/>
      <c r="EIF25" s="8"/>
      <c r="EIG25" s="8"/>
      <c r="EIH25" s="8"/>
      <c r="EII25" s="8"/>
      <c r="EIJ25" s="8"/>
      <c r="EIK25" s="8"/>
      <c r="EIL25" s="8"/>
      <c r="EIM25" s="8"/>
      <c r="EIN25" s="8"/>
      <c r="EIO25" s="8"/>
      <c r="EIP25" s="8"/>
      <c r="EIQ25" s="8"/>
      <c r="EIR25" s="8"/>
      <c r="EIS25" s="8"/>
      <c r="EIT25" s="8"/>
      <c r="EIU25" s="8"/>
      <c r="EIV25" s="8"/>
      <c r="EIW25" s="8"/>
      <c r="EIX25" s="8"/>
      <c r="EIY25" s="8"/>
      <c r="EIZ25" s="8"/>
      <c r="EJA25" s="8"/>
      <c r="EJB25" s="8"/>
      <c r="EJC25" s="8"/>
      <c r="EJD25" s="8"/>
      <c r="EJE25" s="8"/>
      <c r="EJF25" s="8"/>
      <c r="EJG25" s="8"/>
      <c r="EJH25" s="8"/>
      <c r="EJI25" s="8"/>
      <c r="EJJ25" s="8"/>
      <c r="EJK25" s="8"/>
      <c r="EJL25" s="8"/>
      <c r="EJM25" s="8"/>
      <c r="EJN25" s="8"/>
      <c r="EJO25" s="8"/>
      <c r="EJP25" s="8"/>
      <c r="EJQ25" s="8"/>
      <c r="EJR25" s="8"/>
      <c r="EJS25" s="8"/>
      <c r="EJT25" s="8"/>
      <c r="EJU25" s="8"/>
      <c r="EJV25" s="8"/>
      <c r="EJW25" s="8"/>
      <c r="EJX25" s="8"/>
      <c r="EJY25" s="8"/>
      <c r="EJZ25" s="8"/>
      <c r="EKA25" s="8"/>
      <c r="EKB25" s="8"/>
      <c r="EKC25" s="8"/>
      <c r="EKD25" s="8"/>
      <c r="EKE25" s="8"/>
      <c r="EKF25" s="8"/>
      <c r="EKG25" s="8"/>
      <c r="EKH25" s="8"/>
      <c r="EKI25" s="8"/>
      <c r="EKJ25" s="8"/>
      <c r="EKK25" s="8"/>
      <c r="EKL25" s="8"/>
      <c r="EKM25" s="8"/>
      <c r="EKN25" s="8"/>
      <c r="EKO25" s="8"/>
      <c r="EKP25" s="8"/>
      <c r="EKQ25" s="8"/>
      <c r="EKR25" s="8"/>
      <c r="EKS25" s="8"/>
      <c r="EKT25" s="8"/>
      <c r="EKU25" s="8"/>
      <c r="EKV25" s="8"/>
      <c r="EKW25" s="8"/>
      <c r="EKX25" s="8"/>
      <c r="EKY25" s="8"/>
      <c r="EKZ25" s="8"/>
      <c r="ELA25" s="8"/>
      <c r="ELB25" s="8"/>
      <c r="ELC25" s="8"/>
      <c r="ELD25" s="8"/>
      <c r="ELE25" s="8"/>
      <c r="ELF25" s="8"/>
      <c r="ELG25" s="8"/>
      <c r="ELH25" s="8"/>
      <c r="ELI25" s="8"/>
      <c r="ELJ25" s="8"/>
      <c r="ELK25" s="8"/>
      <c r="ELL25" s="8"/>
      <c r="ELM25" s="8"/>
      <c r="ELN25" s="8"/>
      <c r="ELO25" s="8"/>
      <c r="ELP25" s="8"/>
      <c r="ELQ25" s="8"/>
      <c r="ELR25" s="8"/>
      <c r="ELS25" s="8"/>
      <c r="ELT25" s="8"/>
      <c r="ELU25" s="8"/>
      <c r="ELV25" s="8"/>
      <c r="ELW25" s="8"/>
      <c r="ELX25" s="8"/>
      <c r="ELY25" s="8"/>
      <c r="ELZ25" s="8"/>
      <c r="EMA25" s="8"/>
      <c r="EMB25" s="8"/>
      <c r="EMC25" s="8"/>
      <c r="EMD25" s="8"/>
      <c r="EME25" s="8"/>
      <c r="EMF25" s="8"/>
      <c r="EMG25" s="8"/>
      <c r="EMH25" s="8"/>
      <c r="EMI25" s="8"/>
      <c r="EMJ25" s="8"/>
      <c r="EMK25" s="8"/>
      <c r="EML25" s="8"/>
      <c r="EMM25" s="8"/>
      <c r="EMN25" s="8"/>
      <c r="EMO25" s="8"/>
      <c r="EMP25" s="8"/>
      <c r="EMQ25" s="8"/>
      <c r="EMR25" s="8"/>
      <c r="EMS25" s="8"/>
      <c r="EMT25" s="8"/>
      <c r="EMU25" s="8"/>
      <c r="EMV25" s="8"/>
      <c r="EMW25" s="8"/>
      <c r="EMX25" s="8"/>
      <c r="EMY25" s="8"/>
      <c r="EMZ25" s="8"/>
      <c r="ENA25" s="8"/>
      <c r="ENB25" s="8"/>
      <c r="ENC25" s="8"/>
      <c r="END25" s="8"/>
      <c r="ENE25" s="8"/>
      <c r="ENF25" s="8"/>
      <c r="ENG25" s="8"/>
      <c r="ENH25" s="8"/>
      <c r="ENI25" s="8"/>
      <c r="ENJ25" s="8"/>
      <c r="ENK25" s="8"/>
      <c r="ENL25" s="8"/>
      <c r="ENM25" s="8"/>
      <c r="ENN25" s="8"/>
      <c r="ENO25" s="8"/>
      <c r="ENP25" s="8"/>
      <c r="ENQ25" s="8"/>
      <c r="ENR25" s="8"/>
      <c r="ENS25" s="8"/>
      <c r="ENT25" s="8"/>
      <c r="ENU25" s="8"/>
      <c r="ENV25" s="8"/>
      <c r="ENW25" s="8"/>
      <c r="ENX25" s="8"/>
      <c r="ENY25" s="8"/>
      <c r="ENZ25" s="8"/>
      <c r="EOA25" s="8"/>
      <c r="EOB25" s="8"/>
      <c r="EOC25" s="8"/>
      <c r="EOD25" s="8"/>
      <c r="EOE25" s="8"/>
      <c r="EOF25" s="8"/>
      <c r="EOG25" s="8"/>
      <c r="EOH25" s="8"/>
      <c r="EOI25" s="8"/>
      <c r="EOJ25" s="8"/>
      <c r="EOK25" s="8"/>
      <c r="EOL25" s="8"/>
      <c r="EOM25" s="8"/>
      <c r="EON25" s="8"/>
      <c r="EOO25" s="8"/>
      <c r="EOP25" s="8"/>
      <c r="EOQ25" s="8"/>
      <c r="EOR25" s="8"/>
      <c r="EOS25" s="8"/>
      <c r="EOT25" s="8"/>
      <c r="EOU25" s="8"/>
      <c r="EOV25" s="8"/>
      <c r="EOW25" s="8"/>
      <c r="EOX25" s="8"/>
      <c r="EOY25" s="8"/>
      <c r="EOZ25" s="8"/>
      <c r="EPA25" s="8"/>
      <c r="EPB25" s="8"/>
      <c r="EPC25" s="8"/>
      <c r="EPD25" s="8"/>
      <c r="EPE25" s="8"/>
      <c r="EPF25" s="8"/>
      <c r="EPG25" s="8"/>
      <c r="EPH25" s="8"/>
      <c r="EPI25" s="8"/>
      <c r="EPJ25" s="8"/>
      <c r="EPK25" s="8"/>
      <c r="EPL25" s="8"/>
      <c r="EPM25" s="8"/>
      <c r="EPN25" s="8"/>
      <c r="EPO25" s="8"/>
      <c r="EPP25" s="8"/>
      <c r="EPQ25" s="8"/>
      <c r="EPR25" s="8"/>
      <c r="EPS25" s="8"/>
      <c r="EPT25" s="8"/>
      <c r="EPU25" s="8"/>
      <c r="EPV25" s="8"/>
      <c r="EPW25" s="8"/>
      <c r="EPX25" s="8"/>
      <c r="EPY25" s="8"/>
      <c r="EPZ25" s="8"/>
      <c r="EQA25" s="8"/>
      <c r="EQB25" s="8"/>
      <c r="EQC25" s="8"/>
      <c r="EQD25" s="8"/>
      <c r="EQE25" s="8"/>
      <c r="EQF25" s="8"/>
      <c r="EQG25" s="8"/>
      <c r="EQH25" s="8"/>
      <c r="EQI25" s="8"/>
      <c r="EQJ25" s="8"/>
      <c r="EQK25" s="8"/>
      <c r="EQL25" s="8"/>
      <c r="EQM25" s="8"/>
      <c r="EQN25" s="8"/>
      <c r="EQO25" s="8"/>
      <c r="EQP25" s="8"/>
      <c r="EQQ25" s="8"/>
      <c r="EQR25" s="8"/>
      <c r="EQS25" s="8"/>
      <c r="EQT25" s="8"/>
      <c r="EQU25" s="8"/>
      <c r="EQV25" s="8"/>
      <c r="EQW25" s="8"/>
      <c r="EQX25" s="8"/>
      <c r="EQY25" s="8"/>
      <c r="EQZ25" s="8"/>
      <c r="ERA25" s="8"/>
      <c r="ERB25" s="8"/>
      <c r="ERC25" s="8"/>
      <c r="ERD25" s="8"/>
      <c r="ERE25" s="8"/>
      <c r="ERF25" s="8"/>
      <c r="ERG25" s="8"/>
      <c r="ERH25" s="8"/>
      <c r="ERI25" s="8"/>
      <c r="ERJ25" s="8"/>
      <c r="ERK25" s="8"/>
      <c r="ERL25" s="8"/>
      <c r="ERM25" s="8"/>
      <c r="ERN25" s="8"/>
      <c r="ERO25" s="8"/>
      <c r="ERP25" s="8"/>
      <c r="ERQ25" s="8"/>
      <c r="ERR25" s="8"/>
      <c r="ERS25" s="8"/>
      <c r="ERT25" s="8"/>
      <c r="ERU25" s="8"/>
      <c r="ERV25" s="8"/>
      <c r="ERW25" s="8"/>
      <c r="ERX25" s="8"/>
      <c r="ERY25" s="8"/>
      <c r="ERZ25" s="8"/>
      <c r="ESA25" s="8"/>
      <c r="ESB25" s="8"/>
      <c r="ESC25" s="8"/>
      <c r="ESD25" s="8"/>
      <c r="ESE25" s="8"/>
      <c r="ESF25" s="8"/>
      <c r="ESG25" s="8"/>
      <c r="ESH25" s="8"/>
      <c r="ESI25" s="8"/>
      <c r="ESJ25" s="8"/>
      <c r="ESK25" s="8"/>
      <c r="ESL25" s="8"/>
      <c r="ESM25" s="8"/>
      <c r="ESN25" s="8"/>
      <c r="ESO25" s="8"/>
      <c r="ESP25" s="8"/>
      <c r="ESQ25" s="8"/>
      <c r="ESR25" s="8"/>
      <c r="ESS25" s="8"/>
      <c r="EST25" s="8"/>
      <c r="ESU25" s="8"/>
      <c r="ESV25" s="8"/>
      <c r="ESW25" s="8"/>
      <c r="ESX25" s="8"/>
      <c r="ESY25" s="8"/>
      <c r="ESZ25" s="8"/>
      <c r="ETA25" s="8"/>
      <c r="ETB25" s="8"/>
      <c r="ETC25" s="8"/>
      <c r="ETD25" s="8"/>
      <c r="ETE25" s="8"/>
      <c r="ETF25" s="8"/>
      <c r="ETG25" s="8"/>
      <c r="ETH25" s="8"/>
      <c r="ETI25" s="8"/>
      <c r="ETJ25" s="8"/>
      <c r="ETK25" s="8"/>
      <c r="ETL25" s="8"/>
      <c r="ETM25" s="8"/>
      <c r="ETN25" s="8"/>
      <c r="ETO25" s="8"/>
      <c r="ETP25" s="8"/>
      <c r="ETQ25" s="8"/>
      <c r="ETR25" s="8"/>
      <c r="ETS25" s="8"/>
      <c r="ETT25" s="8"/>
      <c r="ETU25" s="8"/>
      <c r="ETV25" s="8"/>
      <c r="ETW25" s="8"/>
      <c r="ETX25" s="8"/>
      <c r="ETY25" s="8"/>
      <c r="ETZ25" s="8"/>
      <c r="EUA25" s="8"/>
      <c r="EUB25" s="8"/>
      <c r="EUC25" s="8"/>
      <c r="EUD25" s="8"/>
      <c r="EUE25" s="8"/>
      <c r="EUF25" s="8"/>
      <c r="EUG25" s="8"/>
      <c r="EUH25" s="8"/>
      <c r="EUI25" s="8"/>
      <c r="EUJ25" s="8"/>
      <c r="EUK25" s="8"/>
      <c r="EUL25" s="8"/>
      <c r="EUM25" s="8"/>
      <c r="EUN25" s="8"/>
      <c r="EUO25" s="8"/>
      <c r="EUP25" s="8"/>
      <c r="EUQ25" s="8"/>
      <c r="EUR25" s="8"/>
      <c r="EUS25" s="8"/>
      <c r="EUT25" s="8"/>
      <c r="EUU25" s="8"/>
      <c r="EUV25" s="8"/>
      <c r="EUW25" s="8"/>
      <c r="EUX25" s="8"/>
      <c r="EUY25" s="8"/>
      <c r="EUZ25" s="8"/>
      <c r="EVA25" s="8"/>
      <c r="EVB25" s="8"/>
      <c r="EVC25" s="8"/>
      <c r="EVD25" s="8"/>
      <c r="EVE25" s="8"/>
      <c r="EVF25" s="8"/>
      <c r="EVG25" s="8"/>
      <c r="EVH25" s="8"/>
      <c r="EVI25" s="8"/>
      <c r="EVJ25" s="8"/>
      <c r="EVK25" s="8"/>
      <c r="EVL25" s="8"/>
      <c r="EVM25" s="8"/>
      <c r="EVN25" s="8"/>
      <c r="EVO25" s="8"/>
      <c r="EVP25" s="8"/>
      <c r="EVQ25" s="8"/>
      <c r="EVR25" s="8"/>
      <c r="EVS25" s="8"/>
      <c r="EVT25" s="8"/>
      <c r="EVU25" s="8"/>
      <c r="EVV25" s="8"/>
      <c r="EVW25" s="8"/>
      <c r="EVX25" s="8"/>
      <c r="EVY25" s="8"/>
      <c r="EVZ25" s="8"/>
      <c r="EWA25" s="8"/>
      <c r="EWB25" s="8"/>
      <c r="EWC25" s="8"/>
      <c r="EWD25" s="8"/>
      <c r="EWE25" s="8"/>
      <c r="EWF25" s="8"/>
      <c r="EWG25" s="8"/>
      <c r="EWH25" s="8"/>
      <c r="EWI25" s="8"/>
      <c r="EWJ25" s="8"/>
      <c r="EWK25" s="8"/>
      <c r="EWL25" s="8"/>
      <c r="EWM25" s="8"/>
      <c r="EWN25" s="8"/>
      <c r="EWO25" s="8"/>
      <c r="EWP25" s="8"/>
      <c r="EWQ25" s="8"/>
      <c r="EWR25" s="8"/>
      <c r="EWS25" s="8"/>
      <c r="EWT25" s="8"/>
      <c r="EWU25" s="8"/>
      <c r="EWV25" s="8"/>
      <c r="EWW25" s="8"/>
      <c r="EWX25" s="8"/>
      <c r="EWY25" s="8"/>
      <c r="EWZ25" s="8"/>
      <c r="EXA25" s="8"/>
      <c r="EXB25" s="8"/>
      <c r="EXC25" s="8"/>
      <c r="EXD25" s="8"/>
      <c r="EXE25" s="8"/>
      <c r="EXF25" s="8"/>
      <c r="EXG25" s="8"/>
      <c r="EXH25" s="8"/>
      <c r="EXI25" s="8"/>
      <c r="EXJ25" s="8"/>
      <c r="EXK25" s="8"/>
      <c r="EXL25" s="8"/>
      <c r="EXM25" s="8"/>
      <c r="EXN25" s="8"/>
      <c r="EXO25" s="8"/>
      <c r="EXP25" s="8"/>
      <c r="EXQ25" s="8"/>
      <c r="EXR25" s="8"/>
      <c r="EXS25" s="8"/>
      <c r="EXT25" s="8"/>
      <c r="EXU25" s="8"/>
      <c r="EXV25" s="8"/>
      <c r="EXW25" s="8"/>
      <c r="EXX25" s="8"/>
      <c r="EXY25" s="8"/>
      <c r="EXZ25" s="8"/>
      <c r="EYA25" s="8"/>
      <c r="EYB25" s="8"/>
      <c r="EYC25" s="8"/>
      <c r="EYD25" s="8"/>
      <c r="EYE25" s="8"/>
      <c r="EYF25" s="8"/>
      <c r="EYG25" s="8"/>
      <c r="EYH25" s="8"/>
      <c r="EYI25" s="8"/>
      <c r="EYJ25" s="8"/>
      <c r="EYK25" s="8"/>
      <c r="EYL25" s="8"/>
      <c r="EYM25" s="8"/>
      <c r="EYN25" s="8"/>
      <c r="EYO25" s="8"/>
      <c r="EYP25" s="8"/>
      <c r="EYQ25" s="8"/>
      <c r="EYR25" s="8"/>
      <c r="EYS25" s="8"/>
      <c r="EYT25" s="8"/>
      <c r="EYU25" s="8"/>
      <c r="EYV25" s="8"/>
      <c r="EYW25" s="8"/>
      <c r="EYX25" s="8"/>
      <c r="EYY25" s="8"/>
      <c r="EYZ25" s="8"/>
      <c r="EZA25" s="8"/>
      <c r="EZB25" s="8"/>
      <c r="EZC25" s="8"/>
      <c r="EZD25" s="8"/>
      <c r="EZE25" s="8"/>
      <c r="EZF25" s="8"/>
      <c r="EZG25" s="8"/>
      <c r="EZH25" s="8"/>
      <c r="EZI25" s="8"/>
      <c r="EZJ25" s="8"/>
      <c r="EZK25" s="8"/>
      <c r="EZL25" s="8"/>
      <c r="EZM25" s="8"/>
      <c r="EZN25" s="8"/>
      <c r="EZO25" s="8"/>
      <c r="EZP25" s="8"/>
      <c r="EZQ25" s="8"/>
      <c r="EZR25" s="8"/>
      <c r="EZS25" s="8"/>
      <c r="EZT25" s="8"/>
      <c r="EZU25" s="8"/>
      <c r="EZV25" s="8"/>
      <c r="EZW25" s="8"/>
      <c r="EZX25" s="8"/>
      <c r="EZY25" s="8"/>
      <c r="EZZ25" s="8"/>
      <c r="FAA25" s="8"/>
      <c r="FAB25" s="8"/>
      <c r="FAC25" s="8"/>
      <c r="FAD25" s="8"/>
      <c r="FAE25" s="8"/>
      <c r="FAF25" s="8"/>
      <c r="FAG25" s="8"/>
      <c r="FAH25" s="8"/>
      <c r="FAI25" s="8"/>
      <c r="FAJ25" s="8"/>
      <c r="FAK25" s="8"/>
      <c r="FAL25" s="8"/>
      <c r="FAM25" s="8"/>
      <c r="FAN25" s="8"/>
      <c r="FAO25" s="8"/>
      <c r="FAP25" s="8"/>
      <c r="FAQ25" s="8"/>
      <c r="FAR25" s="8"/>
      <c r="FAS25" s="8"/>
      <c r="FAT25" s="8"/>
      <c r="FAU25" s="8"/>
      <c r="FAV25" s="8"/>
      <c r="FAW25" s="8"/>
      <c r="FAX25" s="8"/>
      <c r="FAY25" s="8"/>
      <c r="FAZ25" s="8"/>
      <c r="FBA25" s="8"/>
      <c r="FBB25" s="8"/>
      <c r="FBC25" s="8"/>
      <c r="FBD25" s="8"/>
      <c r="FBE25" s="8"/>
      <c r="FBF25" s="8"/>
      <c r="FBG25" s="8"/>
      <c r="FBH25" s="8"/>
      <c r="FBI25" s="8"/>
      <c r="FBJ25" s="8"/>
      <c r="FBK25" s="8"/>
      <c r="FBL25" s="8"/>
      <c r="FBM25" s="8"/>
      <c r="FBN25" s="8"/>
      <c r="FBO25" s="8"/>
      <c r="FBP25" s="8"/>
      <c r="FBQ25" s="8"/>
      <c r="FBR25" s="8"/>
      <c r="FBS25" s="8"/>
      <c r="FBT25" s="8"/>
      <c r="FBU25" s="8"/>
      <c r="FBV25" s="8"/>
      <c r="FBW25" s="8"/>
      <c r="FBX25" s="8"/>
      <c r="FBY25" s="8"/>
      <c r="FBZ25" s="8"/>
      <c r="FCA25" s="8"/>
      <c r="FCB25" s="8"/>
      <c r="FCC25" s="8"/>
      <c r="FCD25" s="8"/>
      <c r="FCE25" s="8"/>
      <c r="FCF25" s="8"/>
      <c r="FCG25" s="8"/>
      <c r="FCH25" s="8"/>
      <c r="FCI25" s="8"/>
      <c r="FCJ25" s="8"/>
      <c r="FCK25" s="8"/>
      <c r="FCL25" s="8"/>
      <c r="FCM25" s="8"/>
      <c r="FCN25" s="8"/>
      <c r="FCO25" s="8"/>
      <c r="FCP25" s="8"/>
      <c r="FCQ25" s="8"/>
      <c r="FCR25" s="8"/>
      <c r="FCS25" s="8"/>
      <c r="FCT25" s="8"/>
      <c r="FCU25" s="8"/>
      <c r="FCV25" s="8"/>
      <c r="FCW25" s="8"/>
      <c r="FCX25" s="8"/>
      <c r="FCY25" s="8"/>
      <c r="FCZ25" s="8"/>
      <c r="FDA25" s="8"/>
      <c r="FDB25" s="8"/>
      <c r="FDC25" s="8"/>
      <c r="FDD25" s="8"/>
      <c r="FDE25" s="8"/>
      <c r="FDF25" s="8"/>
      <c r="FDG25" s="8"/>
      <c r="FDH25" s="8"/>
      <c r="FDI25" s="8"/>
      <c r="FDJ25" s="8"/>
      <c r="FDK25" s="8"/>
      <c r="FDL25" s="8"/>
      <c r="FDM25" s="8"/>
      <c r="FDN25" s="8"/>
      <c r="FDO25" s="8"/>
      <c r="FDP25" s="8"/>
      <c r="FDQ25" s="8"/>
      <c r="FDR25" s="8"/>
      <c r="FDS25" s="8"/>
      <c r="FDT25" s="8"/>
      <c r="FDU25" s="8"/>
      <c r="FDV25" s="8"/>
      <c r="FDW25" s="8"/>
      <c r="FDX25" s="8"/>
      <c r="FDY25" s="8"/>
      <c r="FDZ25" s="8"/>
      <c r="FEA25" s="8"/>
      <c r="FEB25" s="8"/>
      <c r="FEC25" s="8"/>
      <c r="FED25" s="8"/>
      <c r="FEE25" s="8"/>
      <c r="FEF25" s="8"/>
      <c r="FEG25" s="8"/>
      <c r="FEH25" s="8"/>
      <c r="FEI25" s="8"/>
      <c r="FEJ25" s="8"/>
      <c r="FEK25" s="8"/>
      <c r="FEL25" s="8"/>
      <c r="FEM25" s="8"/>
      <c r="FEN25" s="8"/>
      <c r="FEO25" s="8"/>
      <c r="FEP25" s="8"/>
      <c r="FEQ25" s="8"/>
      <c r="FER25" s="8"/>
      <c r="FES25" s="8"/>
      <c r="FET25" s="8"/>
      <c r="FEU25" s="8"/>
      <c r="FEV25" s="8"/>
      <c r="FEW25" s="8"/>
      <c r="FEX25" s="8"/>
      <c r="FEY25" s="8"/>
      <c r="FEZ25" s="8"/>
      <c r="FFA25" s="8"/>
      <c r="FFB25" s="8"/>
      <c r="FFC25" s="8"/>
      <c r="FFD25" s="8"/>
      <c r="FFE25" s="8"/>
      <c r="FFF25" s="8"/>
      <c r="FFG25" s="8"/>
      <c r="FFH25" s="8"/>
      <c r="FFI25" s="8"/>
      <c r="FFJ25" s="8"/>
      <c r="FFK25" s="8"/>
      <c r="FFL25" s="8"/>
      <c r="FFM25" s="8"/>
      <c r="FFN25" s="8"/>
      <c r="FFO25" s="8"/>
      <c r="FFP25" s="8"/>
      <c r="FFQ25" s="8"/>
      <c r="FFR25" s="8"/>
      <c r="FFS25" s="8"/>
      <c r="FFT25" s="8"/>
      <c r="FFU25" s="8"/>
      <c r="FFV25" s="8"/>
      <c r="FFW25" s="8"/>
      <c r="FFX25" s="8"/>
      <c r="FFY25" s="8"/>
      <c r="FFZ25" s="8"/>
      <c r="FGA25" s="8"/>
      <c r="FGB25" s="8"/>
      <c r="FGC25" s="8"/>
      <c r="FGD25" s="8"/>
      <c r="FGE25" s="8"/>
      <c r="FGF25" s="8"/>
      <c r="FGG25" s="8"/>
      <c r="FGH25" s="8"/>
      <c r="FGI25" s="8"/>
      <c r="FGJ25" s="8"/>
      <c r="FGK25" s="8"/>
      <c r="FGL25" s="8"/>
      <c r="FGM25" s="8"/>
      <c r="FGN25" s="8"/>
      <c r="FGO25" s="8"/>
      <c r="FGP25" s="8"/>
      <c r="FGQ25" s="8"/>
      <c r="FGR25" s="8"/>
      <c r="FGS25" s="8"/>
      <c r="FGT25" s="8"/>
      <c r="FGU25" s="8"/>
      <c r="FGV25" s="8"/>
      <c r="FGW25" s="8"/>
      <c r="FGX25" s="8"/>
      <c r="FGY25" s="8"/>
      <c r="FGZ25" s="8"/>
      <c r="FHA25" s="8"/>
      <c r="FHB25" s="8"/>
      <c r="FHC25" s="8"/>
      <c r="FHD25" s="8"/>
      <c r="FHE25" s="8"/>
      <c r="FHF25" s="8"/>
      <c r="FHG25" s="8"/>
      <c r="FHH25" s="8"/>
      <c r="FHI25" s="8"/>
      <c r="FHJ25" s="8"/>
      <c r="FHK25" s="8"/>
      <c r="FHL25" s="8"/>
      <c r="FHM25" s="8"/>
      <c r="FHN25" s="8"/>
      <c r="FHO25" s="8"/>
      <c r="FHP25" s="8"/>
      <c r="FHQ25" s="8"/>
      <c r="FHR25" s="8"/>
      <c r="FHS25" s="8"/>
      <c r="FHT25" s="8"/>
      <c r="FHU25" s="8"/>
      <c r="FHV25" s="8"/>
      <c r="FHW25" s="8"/>
      <c r="FHX25" s="8"/>
      <c r="FHY25" s="8"/>
      <c r="FHZ25" s="8"/>
      <c r="FIA25" s="8"/>
      <c r="FIB25" s="8"/>
      <c r="FIC25" s="8"/>
      <c r="FID25" s="8"/>
      <c r="FIE25" s="8"/>
      <c r="FIF25" s="8"/>
      <c r="FIG25" s="8"/>
      <c r="FIH25" s="8"/>
      <c r="FII25" s="8"/>
      <c r="FIJ25" s="8"/>
      <c r="FIK25" s="8"/>
      <c r="FIL25" s="8"/>
      <c r="FIM25" s="8"/>
      <c r="FIN25" s="8"/>
      <c r="FIO25" s="8"/>
      <c r="FIP25" s="8"/>
      <c r="FIQ25" s="8"/>
      <c r="FIR25" s="8"/>
      <c r="FIS25" s="8"/>
      <c r="FIT25" s="8"/>
      <c r="FIU25" s="8"/>
      <c r="FIV25" s="8"/>
      <c r="FIW25" s="8"/>
      <c r="FIX25" s="8"/>
      <c r="FIY25" s="8"/>
      <c r="FIZ25" s="8"/>
      <c r="FJA25" s="8"/>
      <c r="FJB25" s="8"/>
      <c r="FJC25" s="8"/>
      <c r="FJD25" s="8"/>
      <c r="FJE25" s="8"/>
      <c r="FJF25" s="8"/>
      <c r="FJG25" s="8"/>
      <c r="FJH25" s="8"/>
      <c r="FJI25" s="8"/>
      <c r="FJJ25" s="8"/>
      <c r="FJK25" s="8"/>
      <c r="FJL25" s="8"/>
      <c r="FJM25" s="8"/>
      <c r="FJN25" s="8"/>
      <c r="FJO25" s="8"/>
      <c r="FJP25" s="8"/>
      <c r="FJQ25" s="8"/>
      <c r="FJR25" s="8"/>
      <c r="FJS25" s="8"/>
      <c r="FJT25" s="8"/>
      <c r="FJU25" s="8"/>
      <c r="FJV25" s="8"/>
      <c r="FJW25" s="8"/>
      <c r="FJX25" s="8"/>
      <c r="FJY25" s="8"/>
      <c r="FJZ25" s="8"/>
      <c r="FKA25" s="8"/>
      <c r="FKB25" s="8"/>
      <c r="FKC25" s="8"/>
      <c r="FKD25" s="8"/>
      <c r="FKE25" s="8"/>
      <c r="FKF25" s="8"/>
      <c r="FKG25" s="8"/>
      <c r="FKH25" s="8"/>
      <c r="FKI25" s="8"/>
      <c r="FKJ25" s="8"/>
      <c r="FKK25" s="8"/>
      <c r="FKL25" s="8"/>
      <c r="FKM25" s="8"/>
      <c r="FKN25" s="8"/>
      <c r="FKO25" s="8"/>
      <c r="FKP25" s="8"/>
      <c r="FKQ25" s="8"/>
      <c r="FKR25" s="8"/>
      <c r="FKS25" s="8"/>
      <c r="FKT25" s="8"/>
      <c r="FKU25" s="8"/>
      <c r="FKV25" s="8"/>
      <c r="FKW25" s="8"/>
      <c r="FKX25" s="8"/>
      <c r="FKY25" s="8"/>
      <c r="FKZ25" s="8"/>
      <c r="FLA25" s="8"/>
      <c r="FLB25" s="8"/>
      <c r="FLC25" s="8"/>
      <c r="FLD25" s="8"/>
      <c r="FLE25" s="8"/>
      <c r="FLF25" s="8"/>
      <c r="FLG25" s="8"/>
      <c r="FLH25" s="8"/>
      <c r="FLI25" s="8"/>
      <c r="FLJ25" s="8"/>
      <c r="FLK25" s="8"/>
      <c r="FLL25" s="8"/>
      <c r="FLM25" s="8"/>
      <c r="FLN25" s="8"/>
      <c r="FLO25" s="8"/>
      <c r="FLP25" s="8"/>
      <c r="FLQ25" s="8"/>
      <c r="FLR25" s="8"/>
      <c r="FLS25" s="8"/>
      <c r="FLT25" s="8"/>
      <c r="FLU25" s="8"/>
      <c r="FLV25" s="8"/>
      <c r="FLW25" s="8"/>
      <c r="FLX25" s="8"/>
      <c r="FLY25" s="8"/>
      <c r="FLZ25" s="8"/>
      <c r="FMA25" s="8"/>
      <c r="FMB25" s="8"/>
      <c r="FMC25" s="8"/>
      <c r="FMD25" s="8"/>
      <c r="FME25" s="8"/>
      <c r="FMF25" s="8"/>
      <c r="FMG25" s="8"/>
      <c r="FMH25" s="8"/>
      <c r="FMI25" s="8"/>
      <c r="FMJ25" s="8"/>
      <c r="FMK25" s="8"/>
      <c r="FML25" s="8"/>
      <c r="FMM25" s="8"/>
      <c r="FMN25" s="8"/>
      <c r="FMO25" s="8"/>
      <c r="FMP25" s="8"/>
      <c r="FMQ25" s="8"/>
      <c r="FMR25" s="8"/>
      <c r="FMS25" s="8"/>
      <c r="FMT25" s="8"/>
      <c r="FMU25" s="8"/>
      <c r="FMV25" s="8"/>
      <c r="FMW25" s="8"/>
      <c r="FMX25" s="8"/>
      <c r="FMY25" s="8"/>
      <c r="FMZ25" s="8"/>
      <c r="FNA25" s="8"/>
      <c r="FNB25" s="8"/>
      <c r="FNC25" s="8"/>
      <c r="FND25" s="8"/>
      <c r="FNE25" s="8"/>
      <c r="FNF25" s="8"/>
      <c r="FNG25" s="8"/>
      <c r="FNH25" s="8"/>
      <c r="FNI25" s="8"/>
      <c r="FNJ25" s="8"/>
      <c r="FNK25" s="8"/>
      <c r="FNL25" s="8"/>
      <c r="FNM25" s="8"/>
      <c r="FNN25" s="8"/>
      <c r="FNO25" s="8"/>
      <c r="FNP25" s="8"/>
      <c r="FNQ25" s="8"/>
      <c r="FNR25" s="8"/>
      <c r="FNS25" s="8"/>
      <c r="FNT25" s="8"/>
      <c r="FNU25" s="8"/>
      <c r="FNV25" s="8"/>
      <c r="FNW25" s="8"/>
      <c r="FNX25" s="8"/>
      <c r="FNY25" s="8"/>
      <c r="FNZ25" s="8"/>
      <c r="FOA25" s="8"/>
      <c r="FOB25" s="8"/>
      <c r="FOC25" s="8"/>
      <c r="FOD25" s="8"/>
      <c r="FOE25" s="8"/>
      <c r="FOF25" s="8"/>
      <c r="FOG25" s="8"/>
      <c r="FOH25" s="8"/>
      <c r="FOI25" s="8"/>
      <c r="FOJ25" s="8"/>
      <c r="FOK25" s="8"/>
      <c r="FOL25" s="8"/>
      <c r="FOM25" s="8"/>
      <c r="FON25" s="8"/>
      <c r="FOO25" s="8"/>
      <c r="FOP25" s="8"/>
      <c r="FOQ25" s="8"/>
      <c r="FOR25" s="8"/>
      <c r="FOS25" s="8"/>
      <c r="FOT25" s="8"/>
      <c r="FOU25" s="8"/>
      <c r="FOV25" s="8"/>
      <c r="FOW25" s="8"/>
      <c r="FOX25" s="8"/>
      <c r="FOY25" s="8"/>
      <c r="FOZ25" s="8"/>
      <c r="FPA25" s="8"/>
      <c r="FPB25" s="8"/>
      <c r="FPC25" s="8"/>
      <c r="FPD25" s="8"/>
      <c r="FPE25" s="8"/>
      <c r="FPF25" s="8"/>
      <c r="FPG25" s="8"/>
      <c r="FPH25" s="8"/>
      <c r="FPI25" s="8"/>
      <c r="FPJ25" s="8"/>
      <c r="FPK25" s="8"/>
      <c r="FPL25" s="8"/>
      <c r="FPM25" s="8"/>
      <c r="FPN25" s="8"/>
      <c r="FPO25" s="8"/>
      <c r="FPP25" s="8"/>
      <c r="FPQ25" s="8"/>
      <c r="FPR25" s="8"/>
      <c r="FPS25" s="8"/>
      <c r="FPT25" s="8"/>
      <c r="FPU25" s="8"/>
      <c r="FPV25" s="8"/>
      <c r="FPW25" s="8"/>
      <c r="FPX25" s="8"/>
      <c r="FPY25" s="8"/>
      <c r="FPZ25" s="8"/>
      <c r="FQA25" s="8"/>
      <c r="FQB25" s="8"/>
      <c r="FQC25" s="8"/>
      <c r="FQD25" s="8"/>
      <c r="FQE25" s="8"/>
      <c r="FQF25" s="8"/>
      <c r="FQG25" s="8"/>
      <c r="FQH25" s="8"/>
      <c r="FQI25" s="8"/>
      <c r="FQJ25" s="8"/>
      <c r="FQK25" s="8"/>
      <c r="FQL25" s="8"/>
      <c r="FQM25" s="8"/>
      <c r="FQN25" s="8"/>
      <c r="FQO25" s="8"/>
      <c r="FQP25" s="8"/>
      <c r="FQQ25" s="8"/>
      <c r="FQR25" s="8"/>
      <c r="FQS25" s="8"/>
      <c r="FQT25" s="8"/>
      <c r="FQU25" s="8"/>
      <c r="FQV25" s="8"/>
      <c r="FQW25" s="8"/>
      <c r="FQX25" s="8"/>
      <c r="FQY25" s="8"/>
      <c r="FQZ25" s="8"/>
      <c r="FRA25" s="8"/>
      <c r="FRB25" s="8"/>
      <c r="FRC25" s="8"/>
      <c r="FRD25" s="8"/>
      <c r="FRE25" s="8"/>
      <c r="FRF25" s="8"/>
      <c r="FRG25" s="8"/>
      <c r="FRH25" s="8"/>
      <c r="FRI25" s="8"/>
      <c r="FRJ25" s="8"/>
      <c r="FRK25" s="8"/>
      <c r="FRL25" s="8"/>
      <c r="FRM25" s="8"/>
      <c r="FRN25" s="8"/>
      <c r="FRO25" s="8"/>
      <c r="FRP25" s="8"/>
      <c r="FRQ25" s="8"/>
      <c r="FRR25" s="8"/>
      <c r="FRS25" s="8"/>
      <c r="FRT25" s="8"/>
      <c r="FRU25" s="8"/>
      <c r="FRV25" s="8"/>
      <c r="FRW25" s="8"/>
      <c r="FRX25" s="8"/>
      <c r="FRY25" s="8"/>
      <c r="FRZ25" s="8"/>
      <c r="FSA25" s="8"/>
      <c r="FSB25" s="8"/>
      <c r="FSC25" s="8"/>
      <c r="FSD25" s="8"/>
      <c r="FSE25" s="8"/>
      <c r="FSF25" s="8"/>
      <c r="FSG25" s="8"/>
      <c r="FSH25" s="8"/>
      <c r="FSI25" s="8"/>
      <c r="FSJ25" s="8"/>
      <c r="FSK25" s="8"/>
      <c r="FSL25" s="8"/>
      <c r="FSM25" s="8"/>
      <c r="FSN25" s="8"/>
      <c r="FSO25" s="8"/>
      <c r="FSP25" s="8"/>
      <c r="FSQ25" s="8"/>
      <c r="FSR25" s="8"/>
      <c r="FSS25" s="8"/>
      <c r="FST25" s="8"/>
      <c r="FSU25" s="8"/>
      <c r="FSV25" s="8"/>
      <c r="FSW25" s="8"/>
      <c r="FSX25" s="8"/>
      <c r="FSY25" s="8"/>
      <c r="FSZ25" s="8"/>
      <c r="FTA25" s="8"/>
      <c r="FTB25" s="8"/>
      <c r="FTC25" s="8"/>
      <c r="FTD25" s="8"/>
      <c r="FTE25" s="8"/>
      <c r="FTF25" s="8"/>
      <c r="FTG25" s="8"/>
      <c r="FTH25" s="8"/>
      <c r="FTI25" s="8"/>
      <c r="FTJ25" s="8"/>
      <c r="FTK25" s="8"/>
      <c r="FTL25" s="8"/>
      <c r="FTM25" s="8"/>
      <c r="FTN25" s="8"/>
      <c r="FTO25" s="8"/>
      <c r="FTP25" s="8"/>
      <c r="FTQ25" s="8"/>
      <c r="FTR25" s="8"/>
      <c r="FTS25" s="8"/>
      <c r="FTT25" s="8"/>
      <c r="FTU25" s="8"/>
      <c r="FTV25" s="8"/>
      <c r="FTW25" s="8"/>
      <c r="FTX25" s="8"/>
      <c r="FTY25" s="8"/>
      <c r="FTZ25" s="8"/>
      <c r="FUA25" s="8"/>
      <c r="FUB25" s="8"/>
      <c r="FUC25" s="8"/>
      <c r="FUD25" s="8"/>
      <c r="FUE25" s="8"/>
      <c r="FUF25" s="8"/>
      <c r="FUG25" s="8"/>
      <c r="FUH25" s="8"/>
      <c r="FUI25" s="8"/>
      <c r="FUJ25" s="8"/>
      <c r="FUK25" s="8"/>
      <c r="FUL25" s="8"/>
      <c r="FUM25" s="8"/>
      <c r="FUN25" s="8"/>
      <c r="FUO25" s="8"/>
      <c r="FUP25" s="8"/>
      <c r="FUQ25" s="8"/>
      <c r="FUR25" s="8"/>
      <c r="FUS25" s="8"/>
      <c r="FUT25" s="8"/>
      <c r="FUU25" s="8"/>
      <c r="FUV25" s="8"/>
      <c r="FUW25" s="8"/>
      <c r="FUX25" s="8"/>
      <c r="FUY25" s="8"/>
      <c r="FUZ25" s="8"/>
      <c r="FVA25" s="8"/>
      <c r="FVB25" s="8"/>
      <c r="FVC25" s="8"/>
      <c r="FVD25" s="8"/>
      <c r="FVE25" s="8"/>
      <c r="FVF25" s="8"/>
      <c r="FVG25" s="8"/>
      <c r="FVH25" s="8"/>
      <c r="FVI25" s="8"/>
      <c r="FVJ25" s="8"/>
      <c r="FVK25" s="8"/>
      <c r="FVL25" s="8"/>
      <c r="FVM25" s="8"/>
      <c r="FVN25" s="8"/>
      <c r="FVO25" s="8"/>
      <c r="FVP25" s="8"/>
      <c r="FVQ25" s="8"/>
      <c r="FVR25" s="8"/>
      <c r="FVS25" s="8"/>
      <c r="FVT25" s="8"/>
      <c r="FVU25" s="8"/>
      <c r="FVV25" s="8"/>
      <c r="FVW25" s="8"/>
      <c r="FVX25" s="8"/>
      <c r="FVY25" s="8"/>
      <c r="FVZ25" s="8"/>
      <c r="FWA25" s="8"/>
      <c r="FWB25" s="8"/>
      <c r="FWC25" s="8"/>
      <c r="FWD25" s="8"/>
      <c r="FWE25" s="8"/>
      <c r="FWF25" s="8"/>
      <c r="FWG25" s="8"/>
      <c r="FWH25" s="8"/>
      <c r="FWI25" s="8"/>
      <c r="FWJ25" s="8"/>
      <c r="FWK25" s="8"/>
      <c r="FWL25" s="8"/>
      <c r="FWM25" s="8"/>
      <c r="FWN25" s="8"/>
      <c r="FWO25" s="8"/>
      <c r="FWP25" s="8"/>
      <c r="FWQ25" s="8"/>
      <c r="FWR25" s="8"/>
      <c r="FWS25" s="8"/>
      <c r="FWT25" s="8"/>
      <c r="FWU25" s="8"/>
      <c r="FWV25" s="8"/>
      <c r="FWW25" s="8"/>
      <c r="FWX25" s="8"/>
      <c r="FWY25" s="8"/>
      <c r="FWZ25" s="8"/>
      <c r="FXA25" s="8"/>
      <c r="FXB25" s="8"/>
      <c r="FXC25" s="8"/>
      <c r="FXD25" s="8"/>
      <c r="FXE25" s="8"/>
      <c r="FXF25" s="8"/>
      <c r="FXG25" s="8"/>
      <c r="FXH25" s="8"/>
      <c r="FXI25" s="8"/>
      <c r="FXJ25" s="8"/>
      <c r="FXK25" s="8"/>
      <c r="FXL25" s="8"/>
      <c r="FXM25" s="8"/>
      <c r="FXN25" s="8"/>
      <c r="FXO25" s="8"/>
      <c r="FXP25" s="8"/>
      <c r="FXQ25" s="8"/>
      <c r="FXR25" s="8"/>
      <c r="FXS25" s="8"/>
      <c r="FXT25" s="8"/>
      <c r="FXU25" s="8"/>
      <c r="FXV25" s="8"/>
      <c r="FXW25" s="8"/>
      <c r="FXX25" s="8"/>
      <c r="FXY25" s="8"/>
      <c r="FXZ25" s="8"/>
      <c r="FYA25" s="8"/>
      <c r="FYB25" s="8"/>
      <c r="FYC25" s="8"/>
      <c r="FYD25" s="8"/>
      <c r="FYE25" s="8"/>
      <c r="FYF25" s="8"/>
      <c r="FYG25" s="8"/>
      <c r="FYH25" s="8"/>
      <c r="FYI25" s="8"/>
      <c r="FYJ25" s="8"/>
      <c r="FYK25" s="8"/>
      <c r="FYL25" s="8"/>
      <c r="FYM25" s="8"/>
      <c r="FYN25" s="8"/>
      <c r="FYO25" s="8"/>
      <c r="FYP25" s="8"/>
      <c r="FYQ25" s="8"/>
      <c r="FYR25" s="8"/>
      <c r="FYS25" s="8"/>
      <c r="FYT25" s="8"/>
      <c r="FYU25" s="8"/>
      <c r="FYV25" s="8"/>
      <c r="FYW25" s="8"/>
      <c r="FYX25" s="8"/>
      <c r="FYY25" s="8"/>
      <c r="FYZ25" s="8"/>
      <c r="FZA25" s="8"/>
      <c r="FZB25" s="8"/>
      <c r="FZC25" s="8"/>
      <c r="FZD25" s="8"/>
      <c r="FZE25" s="8"/>
      <c r="FZF25" s="8"/>
      <c r="FZG25" s="8"/>
      <c r="FZH25" s="8"/>
      <c r="FZI25" s="8"/>
      <c r="FZJ25" s="8"/>
      <c r="FZK25" s="8"/>
      <c r="FZL25" s="8"/>
      <c r="FZM25" s="8"/>
      <c r="FZN25" s="8"/>
      <c r="FZO25" s="8"/>
      <c r="FZP25" s="8"/>
      <c r="FZQ25" s="8"/>
      <c r="FZR25" s="8"/>
      <c r="FZS25" s="8"/>
      <c r="FZT25" s="8"/>
      <c r="FZU25" s="8"/>
      <c r="FZV25" s="8"/>
      <c r="FZW25" s="8"/>
      <c r="FZX25" s="8"/>
      <c r="FZY25" s="8"/>
      <c r="FZZ25" s="8"/>
      <c r="GAA25" s="8"/>
      <c r="GAB25" s="8"/>
      <c r="GAC25" s="8"/>
      <c r="GAD25" s="8"/>
      <c r="GAE25" s="8"/>
      <c r="GAF25" s="8"/>
      <c r="GAG25" s="8"/>
      <c r="GAH25" s="8"/>
      <c r="GAI25" s="8"/>
      <c r="GAJ25" s="8"/>
      <c r="GAK25" s="8"/>
      <c r="GAL25" s="8"/>
      <c r="GAM25" s="8"/>
      <c r="GAN25" s="8"/>
      <c r="GAO25" s="8"/>
      <c r="GAP25" s="8"/>
      <c r="GAQ25" s="8"/>
      <c r="GAR25" s="8"/>
      <c r="GAS25" s="8"/>
      <c r="GAT25" s="8"/>
      <c r="GAU25" s="8"/>
      <c r="GAV25" s="8"/>
      <c r="GAW25" s="8"/>
      <c r="GAX25" s="8"/>
      <c r="GAY25" s="8"/>
      <c r="GAZ25" s="8"/>
      <c r="GBA25" s="8"/>
      <c r="GBB25" s="8"/>
      <c r="GBC25" s="8"/>
      <c r="GBD25" s="8"/>
      <c r="GBE25" s="8"/>
      <c r="GBF25" s="8"/>
      <c r="GBG25" s="8"/>
      <c r="GBH25" s="8"/>
      <c r="GBI25" s="8"/>
      <c r="GBJ25" s="8"/>
      <c r="GBK25" s="8"/>
      <c r="GBL25" s="8"/>
      <c r="GBM25" s="8"/>
      <c r="GBN25" s="8"/>
      <c r="GBO25" s="8"/>
      <c r="GBP25" s="8"/>
      <c r="GBQ25" s="8"/>
      <c r="GBR25" s="8"/>
      <c r="GBS25" s="8"/>
      <c r="GBT25" s="8"/>
      <c r="GBU25" s="8"/>
      <c r="GBV25" s="8"/>
      <c r="GBW25" s="8"/>
      <c r="GBX25" s="8"/>
      <c r="GBY25" s="8"/>
      <c r="GBZ25" s="8"/>
      <c r="GCA25" s="8"/>
      <c r="GCB25" s="8"/>
      <c r="GCC25" s="8"/>
      <c r="GCD25" s="8"/>
      <c r="GCE25" s="8"/>
      <c r="GCF25" s="8"/>
      <c r="GCG25" s="8"/>
      <c r="GCH25" s="8"/>
      <c r="GCI25" s="8"/>
      <c r="GCJ25" s="8"/>
      <c r="GCK25" s="8"/>
      <c r="GCL25" s="8"/>
      <c r="GCM25" s="8"/>
      <c r="GCN25" s="8"/>
      <c r="GCO25" s="8"/>
      <c r="GCP25" s="8"/>
      <c r="GCQ25" s="8"/>
      <c r="GCR25" s="8"/>
      <c r="GCS25" s="8"/>
      <c r="GCT25" s="8"/>
      <c r="GCU25" s="8"/>
      <c r="GCV25" s="8"/>
      <c r="GCW25" s="8"/>
      <c r="GCX25" s="8"/>
      <c r="GCY25" s="8"/>
      <c r="GCZ25" s="8"/>
      <c r="GDA25" s="8"/>
      <c r="GDB25" s="8"/>
      <c r="GDC25" s="8"/>
      <c r="GDD25" s="8"/>
      <c r="GDE25" s="8"/>
      <c r="GDF25" s="8"/>
      <c r="GDG25" s="8"/>
      <c r="GDH25" s="8"/>
      <c r="GDI25" s="8"/>
      <c r="GDJ25" s="8"/>
      <c r="GDK25" s="8"/>
      <c r="GDL25" s="8"/>
      <c r="GDM25" s="8"/>
      <c r="GDN25" s="8"/>
      <c r="GDO25" s="8"/>
      <c r="GDP25" s="8"/>
      <c r="GDQ25" s="8"/>
      <c r="GDR25" s="8"/>
      <c r="GDS25" s="8"/>
      <c r="GDT25" s="8"/>
      <c r="GDU25" s="8"/>
      <c r="GDV25" s="8"/>
      <c r="GDW25" s="8"/>
      <c r="GDX25" s="8"/>
      <c r="GDY25" s="8"/>
      <c r="GDZ25" s="8"/>
      <c r="GEA25" s="8"/>
      <c r="GEB25" s="8"/>
      <c r="GEC25" s="8"/>
      <c r="GED25" s="8"/>
      <c r="GEE25" s="8"/>
      <c r="GEF25" s="8"/>
      <c r="GEG25" s="8"/>
      <c r="GEH25" s="8"/>
      <c r="GEI25" s="8"/>
      <c r="GEJ25" s="8"/>
      <c r="GEK25" s="8"/>
      <c r="GEL25" s="8"/>
      <c r="GEM25" s="8"/>
      <c r="GEN25" s="8"/>
      <c r="GEO25" s="8"/>
      <c r="GEP25" s="8"/>
      <c r="GEQ25" s="8"/>
      <c r="GER25" s="8"/>
      <c r="GES25" s="8"/>
      <c r="GET25" s="8"/>
      <c r="GEU25" s="8"/>
      <c r="GEV25" s="8"/>
      <c r="GEW25" s="8"/>
      <c r="GEX25" s="8"/>
      <c r="GEY25" s="8"/>
      <c r="GEZ25" s="8"/>
      <c r="GFA25" s="8"/>
      <c r="GFB25" s="8"/>
      <c r="GFC25" s="8"/>
      <c r="GFD25" s="8"/>
      <c r="GFE25" s="8"/>
      <c r="GFF25" s="8"/>
      <c r="GFG25" s="8"/>
      <c r="GFH25" s="8"/>
      <c r="GFI25" s="8"/>
      <c r="GFJ25" s="8"/>
      <c r="GFK25" s="8"/>
      <c r="GFL25" s="8"/>
      <c r="GFM25" s="8"/>
      <c r="GFN25" s="8"/>
      <c r="GFO25" s="8"/>
      <c r="GFP25" s="8"/>
      <c r="GFQ25" s="8"/>
      <c r="GFR25" s="8"/>
      <c r="GFS25" s="8"/>
      <c r="GFT25" s="8"/>
      <c r="GFU25" s="8"/>
      <c r="GFV25" s="8"/>
      <c r="GFW25" s="8"/>
      <c r="GFX25" s="8"/>
      <c r="GFY25" s="8"/>
      <c r="GFZ25" s="8"/>
      <c r="GGA25" s="8"/>
      <c r="GGB25" s="8"/>
      <c r="GGC25" s="8"/>
      <c r="GGD25" s="8"/>
      <c r="GGE25" s="8"/>
      <c r="GGF25" s="8"/>
      <c r="GGG25" s="8"/>
      <c r="GGH25" s="8"/>
      <c r="GGI25" s="8"/>
      <c r="GGJ25" s="8"/>
      <c r="GGK25" s="8"/>
      <c r="GGL25" s="8"/>
      <c r="GGM25" s="8"/>
      <c r="GGN25" s="8"/>
      <c r="GGO25" s="8"/>
      <c r="GGP25" s="8"/>
      <c r="GGQ25" s="8"/>
      <c r="GGR25" s="8"/>
      <c r="GGS25" s="8"/>
      <c r="GGT25" s="8"/>
      <c r="GGU25" s="8"/>
      <c r="GGV25" s="8"/>
      <c r="GGW25" s="8"/>
      <c r="GGX25" s="8"/>
      <c r="GGY25" s="8"/>
      <c r="GGZ25" s="8"/>
      <c r="GHA25" s="8"/>
      <c r="GHB25" s="8"/>
      <c r="GHC25" s="8"/>
      <c r="GHD25" s="8"/>
      <c r="GHE25" s="8"/>
      <c r="GHF25" s="8"/>
      <c r="GHG25" s="8"/>
      <c r="GHH25" s="8"/>
      <c r="GHI25" s="8"/>
      <c r="GHJ25" s="8"/>
      <c r="GHK25" s="8"/>
      <c r="GHL25" s="8"/>
      <c r="GHM25" s="8"/>
      <c r="GHN25" s="8"/>
      <c r="GHO25" s="8"/>
      <c r="GHP25" s="8"/>
      <c r="GHQ25" s="8"/>
      <c r="GHR25" s="8"/>
      <c r="GHS25" s="8"/>
      <c r="GHT25" s="8"/>
      <c r="GHU25" s="8"/>
      <c r="GHV25" s="8"/>
      <c r="GHW25" s="8"/>
      <c r="GHX25" s="8"/>
      <c r="GHY25" s="8"/>
      <c r="GHZ25" s="8"/>
      <c r="GIA25" s="8"/>
      <c r="GIB25" s="8"/>
      <c r="GIC25" s="8"/>
      <c r="GID25" s="8"/>
      <c r="GIE25" s="8"/>
      <c r="GIF25" s="8"/>
      <c r="GIG25" s="8"/>
      <c r="GIH25" s="8"/>
      <c r="GII25" s="8"/>
      <c r="GIJ25" s="8"/>
      <c r="GIK25" s="8"/>
      <c r="GIL25" s="8"/>
      <c r="GIM25" s="8"/>
      <c r="GIN25" s="8"/>
      <c r="GIO25" s="8"/>
      <c r="GIP25" s="8"/>
      <c r="GIQ25" s="8"/>
      <c r="GIR25" s="8"/>
      <c r="GIS25" s="8"/>
      <c r="GIT25" s="8"/>
      <c r="GIU25" s="8"/>
      <c r="GIV25" s="8"/>
      <c r="GIW25" s="8"/>
      <c r="GIX25" s="8"/>
      <c r="GIY25" s="8"/>
      <c r="GIZ25" s="8"/>
      <c r="GJA25" s="8"/>
      <c r="GJB25" s="8"/>
      <c r="GJC25" s="8"/>
      <c r="GJD25" s="8"/>
      <c r="GJE25" s="8"/>
      <c r="GJF25" s="8"/>
      <c r="GJG25" s="8"/>
      <c r="GJH25" s="8"/>
      <c r="GJI25" s="8"/>
      <c r="GJJ25" s="8"/>
      <c r="GJK25" s="8"/>
      <c r="GJL25" s="8"/>
      <c r="GJM25" s="8"/>
      <c r="GJN25" s="8"/>
      <c r="GJO25" s="8"/>
      <c r="GJP25" s="8"/>
      <c r="GJQ25" s="8"/>
      <c r="GJR25" s="8"/>
      <c r="GJS25" s="8"/>
      <c r="GJT25" s="8"/>
      <c r="GJU25" s="8"/>
      <c r="GJV25" s="8"/>
      <c r="GJW25" s="8"/>
      <c r="GJX25" s="8"/>
      <c r="GJY25" s="8"/>
      <c r="GJZ25" s="8"/>
      <c r="GKA25" s="8"/>
      <c r="GKB25" s="8"/>
      <c r="GKC25" s="8"/>
      <c r="GKD25" s="8"/>
      <c r="GKE25" s="8"/>
      <c r="GKF25" s="8"/>
      <c r="GKG25" s="8"/>
      <c r="GKH25" s="8"/>
      <c r="GKI25" s="8"/>
      <c r="GKJ25" s="8"/>
      <c r="GKK25" s="8"/>
      <c r="GKL25" s="8"/>
      <c r="GKM25" s="8"/>
      <c r="GKN25" s="8"/>
      <c r="GKO25" s="8"/>
      <c r="GKP25" s="8"/>
      <c r="GKQ25" s="8"/>
      <c r="GKR25" s="8"/>
      <c r="GKS25" s="8"/>
      <c r="GKT25" s="8"/>
      <c r="GKU25" s="8"/>
      <c r="GKV25" s="8"/>
      <c r="GKW25" s="8"/>
      <c r="GKX25" s="8"/>
      <c r="GKY25" s="8"/>
      <c r="GKZ25" s="8"/>
      <c r="GLA25" s="8"/>
      <c r="GLB25" s="8"/>
      <c r="GLC25" s="8"/>
      <c r="GLD25" s="8"/>
      <c r="GLE25" s="8"/>
      <c r="GLF25" s="8"/>
      <c r="GLG25" s="8"/>
      <c r="GLH25" s="8"/>
      <c r="GLI25" s="8"/>
      <c r="GLJ25" s="8"/>
      <c r="GLK25" s="8"/>
      <c r="GLL25" s="8"/>
      <c r="GLM25" s="8"/>
      <c r="GLN25" s="8"/>
      <c r="GLO25" s="8"/>
      <c r="GLP25" s="8"/>
      <c r="GLQ25" s="8"/>
      <c r="GLR25" s="8"/>
      <c r="GLS25" s="8"/>
      <c r="GLT25" s="8"/>
      <c r="GLU25" s="8"/>
      <c r="GLV25" s="8"/>
      <c r="GLW25" s="8"/>
      <c r="GLX25" s="8"/>
      <c r="GLY25" s="8"/>
      <c r="GLZ25" s="8"/>
      <c r="GMA25" s="8"/>
      <c r="GMB25" s="8"/>
      <c r="GMC25" s="8"/>
      <c r="GMD25" s="8"/>
      <c r="GME25" s="8"/>
      <c r="GMF25" s="8"/>
      <c r="GMG25" s="8"/>
      <c r="GMH25" s="8"/>
      <c r="GMI25" s="8"/>
      <c r="GMJ25" s="8"/>
      <c r="GMK25" s="8"/>
      <c r="GML25" s="8"/>
      <c r="GMM25" s="8"/>
      <c r="GMN25" s="8"/>
      <c r="GMO25" s="8"/>
      <c r="GMP25" s="8"/>
      <c r="GMQ25" s="8"/>
      <c r="GMR25" s="8"/>
      <c r="GMS25" s="8"/>
      <c r="GMT25" s="8"/>
      <c r="GMU25" s="8"/>
      <c r="GMV25" s="8"/>
      <c r="GMW25" s="8"/>
      <c r="GMX25" s="8"/>
      <c r="GMY25" s="8"/>
      <c r="GMZ25" s="8"/>
      <c r="GNA25" s="8"/>
      <c r="GNB25" s="8"/>
      <c r="GNC25" s="8"/>
      <c r="GND25" s="8"/>
      <c r="GNE25" s="8"/>
      <c r="GNF25" s="8"/>
      <c r="GNG25" s="8"/>
      <c r="GNH25" s="8"/>
      <c r="GNI25" s="8"/>
      <c r="GNJ25" s="8"/>
      <c r="GNK25" s="8"/>
      <c r="GNL25" s="8"/>
      <c r="GNM25" s="8"/>
      <c r="GNN25" s="8"/>
      <c r="GNO25" s="8"/>
      <c r="GNP25" s="8"/>
      <c r="GNQ25" s="8"/>
      <c r="GNR25" s="8"/>
      <c r="GNS25" s="8"/>
      <c r="GNT25" s="8"/>
      <c r="GNU25" s="8"/>
      <c r="GNV25" s="8"/>
      <c r="GNW25" s="8"/>
      <c r="GNX25" s="8"/>
      <c r="GNY25" s="8"/>
      <c r="GNZ25" s="8"/>
      <c r="GOA25" s="8"/>
      <c r="GOB25" s="8"/>
      <c r="GOC25" s="8"/>
      <c r="GOD25" s="8"/>
      <c r="GOE25" s="8"/>
      <c r="GOF25" s="8"/>
      <c r="GOG25" s="8"/>
      <c r="GOH25" s="8"/>
      <c r="GOI25" s="8"/>
      <c r="GOJ25" s="8"/>
      <c r="GOK25" s="8"/>
      <c r="GOL25" s="8"/>
      <c r="GOM25" s="8"/>
      <c r="GON25" s="8"/>
      <c r="GOO25" s="8"/>
      <c r="GOP25" s="8"/>
      <c r="GOQ25" s="8"/>
      <c r="GOR25" s="8"/>
      <c r="GOS25" s="8"/>
      <c r="GOT25" s="8"/>
      <c r="GOU25" s="8"/>
      <c r="GOV25" s="8"/>
      <c r="GOW25" s="8"/>
      <c r="GOX25" s="8"/>
      <c r="GOY25" s="8"/>
      <c r="GOZ25" s="8"/>
      <c r="GPA25" s="8"/>
      <c r="GPB25" s="8"/>
      <c r="GPC25" s="8"/>
      <c r="GPD25" s="8"/>
      <c r="GPE25" s="8"/>
      <c r="GPF25" s="8"/>
      <c r="GPG25" s="8"/>
      <c r="GPH25" s="8"/>
      <c r="GPI25" s="8"/>
      <c r="GPJ25" s="8"/>
      <c r="GPK25" s="8"/>
      <c r="GPL25" s="8"/>
      <c r="GPM25" s="8"/>
      <c r="GPN25" s="8"/>
      <c r="GPO25" s="8"/>
      <c r="GPP25" s="8"/>
      <c r="GPQ25" s="8"/>
      <c r="GPR25" s="8"/>
      <c r="GPS25" s="8"/>
      <c r="GPT25" s="8"/>
      <c r="GPU25" s="8"/>
      <c r="GPV25" s="8"/>
      <c r="GPW25" s="8"/>
      <c r="GPX25" s="8"/>
      <c r="GPY25" s="8"/>
      <c r="GPZ25" s="8"/>
      <c r="GQA25" s="8"/>
      <c r="GQB25" s="8"/>
      <c r="GQC25" s="8"/>
      <c r="GQD25" s="8"/>
      <c r="GQE25" s="8"/>
      <c r="GQF25" s="8"/>
      <c r="GQG25" s="8"/>
      <c r="GQH25" s="8"/>
      <c r="GQI25" s="8"/>
      <c r="GQJ25" s="8"/>
      <c r="GQK25" s="8"/>
      <c r="GQL25" s="8"/>
      <c r="GQM25" s="8"/>
      <c r="GQN25" s="8"/>
      <c r="GQO25" s="8"/>
      <c r="GQP25" s="8"/>
      <c r="GQQ25" s="8"/>
      <c r="GQR25" s="8"/>
      <c r="GQS25" s="8"/>
      <c r="GQT25" s="8"/>
      <c r="GQU25" s="8"/>
      <c r="GQV25" s="8"/>
      <c r="GQW25" s="8"/>
      <c r="GQX25" s="8"/>
      <c r="GQY25" s="8"/>
      <c r="GQZ25" s="8"/>
      <c r="GRA25" s="8"/>
      <c r="GRB25" s="8"/>
      <c r="GRC25" s="8"/>
      <c r="GRD25" s="8"/>
      <c r="GRE25" s="8"/>
      <c r="GRF25" s="8"/>
      <c r="GRG25" s="8"/>
      <c r="GRH25" s="8"/>
      <c r="GRI25" s="8"/>
      <c r="GRJ25" s="8"/>
      <c r="GRK25" s="8"/>
      <c r="GRL25" s="8"/>
      <c r="GRM25" s="8"/>
      <c r="GRN25" s="8"/>
      <c r="GRO25" s="8"/>
      <c r="GRP25" s="8"/>
      <c r="GRQ25" s="8"/>
      <c r="GRR25" s="8"/>
      <c r="GRS25" s="8"/>
      <c r="GRT25" s="8"/>
      <c r="GRU25" s="8"/>
      <c r="GRV25" s="8"/>
      <c r="GRW25" s="8"/>
      <c r="GRX25" s="8"/>
      <c r="GRY25" s="8"/>
      <c r="GRZ25" s="8"/>
      <c r="GSA25" s="8"/>
      <c r="GSB25" s="8"/>
      <c r="GSC25" s="8"/>
      <c r="GSD25" s="8"/>
      <c r="GSE25" s="8"/>
      <c r="GSF25" s="8"/>
      <c r="GSG25" s="8"/>
      <c r="GSH25" s="8"/>
      <c r="GSI25" s="8"/>
      <c r="GSJ25" s="8"/>
      <c r="GSK25" s="8"/>
      <c r="GSL25" s="8"/>
      <c r="GSM25" s="8"/>
      <c r="GSN25" s="8"/>
      <c r="GSO25" s="8"/>
      <c r="GSP25" s="8"/>
      <c r="GSQ25" s="8"/>
      <c r="GSR25" s="8"/>
      <c r="GSS25" s="8"/>
      <c r="GST25" s="8"/>
      <c r="GSU25" s="8"/>
      <c r="GSV25" s="8"/>
      <c r="GSW25" s="8"/>
      <c r="GSX25" s="8"/>
      <c r="GSY25" s="8"/>
      <c r="GSZ25" s="8"/>
      <c r="GTA25" s="8"/>
      <c r="GTB25" s="8"/>
      <c r="GTC25" s="8"/>
      <c r="GTD25" s="8"/>
      <c r="GTE25" s="8"/>
      <c r="GTF25" s="8"/>
      <c r="GTG25" s="8"/>
      <c r="GTH25" s="8"/>
      <c r="GTI25" s="8"/>
      <c r="GTJ25" s="8"/>
      <c r="GTK25" s="8"/>
      <c r="GTL25" s="8"/>
      <c r="GTM25" s="8"/>
      <c r="GTN25" s="8"/>
      <c r="GTO25" s="8"/>
      <c r="GTP25" s="8"/>
      <c r="GTQ25" s="8"/>
      <c r="GTR25" s="8"/>
      <c r="GTS25" s="8"/>
      <c r="GTT25" s="8"/>
      <c r="GTU25" s="8"/>
      <c r="GTV25" s="8"/>
      <c r="GTW25" s="8"/>
      <c r="GTX25" s="8"/>
      <c r="GTY25" s="8"/>
      <c r="GTZ25" s="8"/>
      <c r="GUA25" s="8"/>
      <c r="GUB25" s="8"/>
      <c r="GUC25" s="8"/>
      <c r="GUD25" s="8"/>
      <c r="GUE25" s="8"/>
      <c r="GUF25" s="8"/>
      <c r="GUG25" s="8"/>
      <c r="GUH25" s="8"/>
      <c r="GUI25" s="8"/>
      <c r="GUJ25" s="8"/>
      <c r="GUK25" s="8"/>
      <c r="GUL25" s="8"/>
      <c r="GUM25" s="8"/>
      <c r="GUN25" s="8"/>
      <c r="GUO25" s="8"/>
      <c r="GUP25" s="8"/>
      <c r="GUQ25" s="8"/>
      <c r="GUR25" s="8"/>
      <c r="GUS25" s="8"/>
      <c r="GUT25" s="8"/>
      <c r="GUU25" s="8"/>
      <c r="GUV25" s="8"/>
      <c r="GUW25" s="8"/>
      <c r="GUX25" s="8"/>
      <c r="GUY25" s="8"/>
      <c r="GUZ25" s="8"/>
      <c r="GVA25" s="8"/>
      <c r="GVB25" s="8"/>
      <c r="GVC25" s="8"/>
      <c r="GVD25" s="8"/>
      <c r="GVE25" s="8"/>
      <c r="GVF25" s="8"/>
      <c r="GVG25" s="8"/>
      <c r="GVH25" s="8"/>
      <c r="GVI25" s="8"/>
      <c r="GVJ25" s="8"/>
      <c r="GVK25" s="8"/>
      <c r="GVL25" s="8"/>
      <c r="GVM25" s="8"/>
      <c r="GVN25" s="8"/>
      <c r="GVO25" s="8"/>
      <c r="GVP25" s="8"/>
      <c r="GVQ25" s="8"/>
      <c r="GVR25" s="8"/>
      <c r="GVS25" s="8"/>
      <c r="GVT25" s="8"/>
      <c r="GVU25" s="8"/>
      <c r="GVV25" s="8"/>
      <c r="GVW25" s="8"/>
      <c r="GVX25" s="8"/>
      <c r="GVY25" s="8"/>
      <c r="GVZ25" s="8"/>
      <c r="GWA25" s="8"/>
      <c r="GWB25" s="8"/>
      <c r="GWC25" s="8"/>
      <c r="GWD25" s="8"/>
      <c r="GWE25" s="8"/>
      <c r="GWF25" s="8"/>
      <c r="GWG25" s="8"/>
      <c r="GWH25" s="8"/>
      <c r="GWI25" s="8"/>
      <c r="GWJ25" s="8"/>
      <c r="GWK25" s="8"/>
      <c r="GWL25" s="8"/>
      <c r="GWM25" s="8"/>
      <c r="GWN25" s="8"/>
      <c r="GWO25" s="8"/>
      <c r="GWP25" s="8"/>
      <c r="GWQ25" s="8"/>
      <c r="GWR25" s="8"/>
      <c r="GWS25" s="8"/>
      <c r="GWT25" s="8"/>
      <c r="GWU25" s="8"/>
      <c r="GWV25" s="8"/>
      <c r="GWW25" s="8"/>
      <c r="GWX25" s="8"/>
      <c r="GWY25" s="8"/>
      <c r="GWZ25" s="8"/>
      <c r="GXA25" s="8"/>
      <c r="GXB25" s="8"/>
      <c r="GXC25" s="8"/>
      <c r="GXD25" s="8"/>
      <c r="GXE25" s="8"/>
      <c r="GXF25" s="8"/>
      <c r="GXG25" s="8"/>
      <c r="GXH25" s="8"/>
      <c r="GXI25" s="8"/>
      <c r="GXJ25" s="8"/>
      <c r="GXK25" s="8"/>
      <c r="GXL25" s="8"/>
      <c r="GXM25" s="8"/>
      <c r="GXN25" s="8"/>
      <c r="GXO25" s="8"/>
      <c r="GXP25" s="8"/>
      <c r="GXQ25" s="8"/>
      <c r="GXR25" s="8"/>
      <c r="GXS25" s="8"/>
      <c r="GXT25" s="8"/>
      <c r="GXU25" s="8"/>
      <c r="GXV25" s="8"/>
      <c r="GXW25" s="8"/>
      <c r="GXX25" s="8"/>
      <c r="GXY25" s="8"/>
      <c r="GXZ25" s="8"/>
      <c r="GYA25" s="8"/>
      <c r="GYB25" s="8"/>
      <c r="GYC25" s="8"/>
      <c r="GYD25" s="8"/>
      <c r="GYE25" s="8"/>
      <c r="GYF25" s="8"/>
      <c r="GYG25" s="8"/>
      <c r="GYH25" s="8"/>
      <c r="GYI25" s="8"/>
      <c r="GYJ25" s="8"/>
      <c r="GYK25" s="8"/>
      <c r="GYL25" s="8"/>
      <c r="GYM25" s="8"/>
      <c r="GYN25" s="8"/>
      <c r="GYO25" s="8"/>
      <c r="GYP25" s="8"/>
      <c r="GYQ25" s="8"/>
      <c r="GYR25" s="8"/>
      <c r="GYS25" s="8"/>
      <c r="GYT25" s="8"/>
      <c r="GYU25" s="8"/>
      <c r="GYV25" s="8"/>
      <c r="GYW25" s="8"/>
      <c r="GYX25" s="8"/>
      <c r="GYY25" s="8"/>
      <c r="GYZ25" s="8"/>
      <c r="GZA25" s="8"/>
      <c r="GZB25" s="8"/>
      <c r="GZC25" s="8"/>
      <c r="GZD25" s="8"/>
      <c r="GZE25" s="8"/>
      <c r="GZF25" s="8"/>
      <c r="GZG25" s="8"/>
      <c r="GZH25" s="8"/>
      <c r="GZI25" s="8"/>
      <c r="GZJ25" s="8"/>
      <c r="GZK25" s="8"/>
      <c r="GZL25" s="8"/>
      <c r="GZM25" s="8"/>
      <c r="GZN25" s="8"/>
      <c r="GZO25" s="8"/>
      <c r="GZP25" s="8"/>
      <c r="GZQ25" s="8"/>
      <c r="GZR25" s="8"/>
      <c r="GZS25" s="8"/>
      <c r="GZT25" s="8"/>
      <c r="GZU25" s="8"/>
      <c r="GZV25" s="8"/>
      <c r="GZW25" s="8"/>
      <c r="GZX25" s="8"/>
      <c r="GZY25" s="8"/>
      <c r="GZZ25" s="8"/>
      <c r="HAA25" s="8"/>
      <c r="HAB25" s="8"/>
      <c r="HAC25" s="8"/>
      <c r="HAD25" s="8"/>
      <c r="HAE25" s="8"/>
      <c r="HAF25" s="8"/>
      <c r="HAG25" s="8"/>
      <c r="HAH25" s="8"/>
      <c r="HAI25" s="8"/>
      <c r="HAJ25" s="8"/>
      <c r="HAK25" s="8"/>
      <c r="HAL25" s="8"/>
      <c r="HAM25" s="8"/>
      <c r="HAN25" s="8"/>
      <c r="HAO25" s="8"/>
      <c r="HAP25" s="8"/>
      <c r="HAQ25" s="8"/>
      <c r="HAR25" s="8"/>
      <c r="HAS25" s="8"/>
      <c r="HAT25" s="8"/>
      <c r="HAU25" s="8"/>
      <c r="HAV25" s="8"/>
      <c r="HAW25" s="8"/>
      <c r="HAX25" s="8"/>
      <c r="HAY25" s="8"/>
      <c r="HAZ25" s="8"/>
      <c r="HBA25" s="8"/>
      <c r="HBB25" s="8"/>
      <c r="HBC25" s="8"/>
      <c r="HBD25" s="8"/>
      <c r="HBE25" s="8"/>
      <c r="HBF25" s="8"/>
      <c r="HBG25" s="8"/>
      <c r="HBH25" s="8"/>
      <c r="HBI25" s="8"/>
      <c r="HBJ25" s="8"/>
      <c r="HBK25" s="8"/>
      <c r="HBL25" s="8"/>
      <c r="HBM25" s="8"/>
      <c r="HBN25" s="8"/>
      <c r="HBO25" s="8"/>
      <c r="HBP25" s="8"/>
      <c r="HBQ25" s="8"/>
      <c r="HBR25" s="8"/>
      <c r="HBS25" s="8"/>
      <c r="HBT25" s="8"/>
      <c r="HBU25" s="8"/>
      <c r="HBV25" s="8"/>
      <c r="HBW25" s="8"/>
      <c r="HBX25" s="8"/>
      <c r="HBY25" s="8"/>
      <c r="HBZ25" s="8"/>
      <c r="HCA25" s="8"/>
      <c r="HCB25" s="8"/>
      <c r="HCC25" s="8"/>
      <c r="HCD25" s="8"/>
      <c r="HCE25" s="8"/>
      <c r="HCF25" s="8"/>
      <c r="HCG25" s="8"/>
      <c r="HCH25" s="8"/>
      <c r="HCI25" s="8"/>
      <c r="HCJ25" s="8"/>
      <c r="HCK25" s="8"/>
      <c r="HCL25" s="8"/>
      <c r="HCM25" s="8"/>
      <c r="HCN25" s="8"/>
      <c r="HCO25" s="8"/>
      <c r="HCP25" s="8"/>
      <c r="HCQ25" s="8"/>
      <c r="HCR25" s="8"/>
      <c r="HCS25" s="8"/>
      <c r="HCT25" s="8"/>
      <c r="HCU25" s="8"/>
      <c r="HCV25" s="8"/>
      <c r="HCW25" s="8"/>
      <c r="HCX25" s="8"/>
      <c r="HCY25" s="8"/>
      <c r="HCZ25" s="8"/>
      <c r="HDA25" s="8"/>
      <c r="HDB25" s="8"/>
      <c r="HDC25" s="8"/>
      <c r="HDD25" s="8"/>
      <c r="HDE25" s="8"/>
      <c r="HDF25" s="8"/>
      <c r="HDG25" s="8"/>
      <c r="HDH25" s="8"/>
      <c r="HDI25" s="8"/>
      <c r="HDJ25" s="8"/>
      <c r="HDK25" s="8"/>
      <c r="HDL25" s="8"/>
      <c r="HDM25" s="8"/>
      <c r="HDN25" s="8"/>
      <c r="HDO25" s="8"/>
      <c r="HDP25" s="8"/>
      <c r="HDQ25" s="8"/>
      <c r="HDR25" s="8"/>
      <c r="HDS25" s="8"/>
      <c r="HDT25" s="8"/>
      <c r="HDU25" s="8"/>
      <c r="HDV25" s="8"/>
      <c r="HDW25" s="8"/>
      <c r="HDX25" s="8"/>
      <c r="HDY25" s="8"/>
      <c r="HDZ25" s="8"/>
      <c r="HEA25" s="8"/>
      <c r="HEB25" s="8"/>
      <c r="HEC25" s="8"/>
      <c r="HED25" s="8"/>
      <c r="HEE25" s="8"/>
      <c r="HEF25" s="8"/>
      <c r="HEG25" s="8"/>
      <c r="HEH25" s="8"/>
      <c r="HEI25" s="8"/>
      <c r="HEJ25" s="8"/>
      <c r="HEK25" s="8"/>
      <c r="HEL25" s="8"/>
      <c r="HEM25" s="8"/>
      <c r="HEN25" s="8"/>
      <c r="HEO25" s="8"/>
      <c r="HEP25" s="8"/>
      <c r="HEQ25" s="8"/>
      <c r="HER25" s="8"/>
      <c r="HES25" s="8"/>
      <c r="HET25" s="8"/>
      <c r="HEU25" s="8"/>
      <c r="HEV25" s="8"/>
      <c r="HEW25" s="8"/>
      <c r="HEX25" s="8"/>
      <c r="HEY25" s="8"/>
      <c r="HEZ25" s="8"/>
      <c r="HFA25" s="8"/>
      <c r="HFB25" s="8"/>
      <c r="HFC25" s="8"/>
      <c r="HFD25" s="8"/>
      <c r="HFE25" s="8"/>
      <c r="HFF25" s="8"/>
      <c r="HFG25" s="8"/>
      <c r="HFH25" s="8"/>
      <c r="HFI25" s="8"/>
      <c r="HFJ25" s="8"/>
      <c r="HFK25" s="8"/>
      <c r="HFL25" s="8"/>
      <c r="HFM25" s="8"/>
      <c r="HFN25" s="8"/>
      <c r="HFO25" s="8"/>
      <c r="HFP25" s="8"/>
      <c r="HFQ25" s="8"/>
      <c r="HFR25" s="8"/>
      <c r="HFS25" s="8"/>
      <c r="HFT25" s="8"/>
      <c r="HFU25" s="8"/>
      <c r="HFV25" s="8"/>
      <c r="HFW25" s="8"/>
      <c r="HFX25" s="8"/>
      <c r="HFY25" s="8"/>
      <c r="HFZ25" s="8"/>
      <c r="HGA25" s="8"/>
      <c r="HGB25" s="8"/>
      <c r="HGC25" s="8"/>
      <c r="HGD25" s="8"/>
      <c r="HGE25" s="8"/>
      <c r="HGF25" s="8"/>
      <c r="HGG25" s="8"/>
      <c r="HGH25" s="8"/>
      <c r="HGI25" s="8"/>
      <c r="HGJ25" s="8"/>
      <c r="HGK25" s="8"/>
      <c r="HGL25" s="8"/>
      <c r="HGM25" s="8"/>
      <c r="HGN25" s="8"/>
      <c r="HGO25" s="8"/>
      <c r="HGP25" s="8"/>
      <c r="HGQ25" s="8"/>
      <c r="HGR25" s="8"/>
      <c r="HGS25" s="8"/>
      <c r="HGT25" s="8"/>
      <c r="HGU25" s="8"/>
      <c r="HGV25" s="8"/>
      <c r="HGW25" s="8"/>
      <c r="HGX25" s="8"/>
      <c r="HGY25" s="8"/>
      <c r="HGZ25" s="8"/>
      <c r="HHA25" s="8"/>
      <c r="HHB25" s="8"/>
      <c r="HHC25" s="8"/>
      <c r="HHD25" s="8"/>
      <c r="HHE25" s="8"/>
      <c r="HHF25" s="8"/>
      <c r="HHG25" s="8"/>
      <c r="HHH25" s="8"/>
      <c r="HHI25" s="8"/>
      <c r="HHJ25" s="8"/>
      <c r="HHK25" s="8"/>
      <c r="HHL25" s="8"/>
      <c r="HHM25" s="8"/>
      <c r="HHN25" s="8"/>
      <c r="HHO25" s="8"/>
      <c r="HHP25" s="8"/>
      <c r="HHQ25" s="8"/>
      <c r="HHR25" s="8"/>
      <c r="HHS25" s="8"/>
      <c r="HHT25" s="8"/>
      <c r="HHU25" s="8"/>
      <c r="HHV25" s="8"/>
      <c r="HHW25" s="8"/>
      <c r="HHX25" s="8"/>
      <c r="HHY25" s="8"/>
      <c r="HHZ25" s="8"/>
      <c r="HIA25" s="8"/>
      <c r="HIB25" s="8"/>
      <c r="HIC25" s="8"/>
      <c r="HID25" s="8"/>
      <c r="HIE25" s="8"/>
      <c r="HIF25" s="8"/>
      <c r="HIG25" s="8"/>
      <c r="HIH25" s="8"/>
      <c r="HII25" s="8"/>
      <c r="HIJ25" s="8"/>
      <c r="HIK25" s="8"/>
      <c r="HIL25" s="8"/>
      <c r="HIM25" s="8"/>
      <c r="HIN25" s="8"/>
      <c r="HIO25" s="8"/>
      <c r="HIP25" s="8"/>
      <c r="HIQ25" s="8"/>
      <c r="HIR25" s="8"/>
      <c r="HIS25" s="8"/>
      <c r="HIT25" s="8"/>
      <c r="HIU25" s="8"/>
      <c r="HIV25" s="8"/>
      <c r="HIW25" s="8"/>
      <c r="HIX25" s="8"/>
      <c r="HIY25" s="8"/>
      <c r="HIZ25" s="8"/>
      <c r="HJA25" s="8"/>
      <c r="HJB25" s="8"/>
      <c r="HJC25" s="8"/>
      <c r="HJD25" s="8"/>
      <c r="HJE25" s="8"/>
      <c r="HJF25" s="8"/>
      <c r="HJG25" s="8"/>
      <c r="HJH25" s="8"/>
      <c r="HJI25" s="8"/>
      <c r="HJJ25" s="8"/>
      <c r="HJK25" s="8"/>
      <c r="HJL25" s="8"/>
      <c r="HJM25" s="8"/>
      <c r="HJN25" s="8"/>
      <c r="HJO25" s="8"/>
      <c r="HJP25" s="8"/>
      <c r="HJQ25" s="8"/>
      <c r="HJR25" s="8"/>
      <c r="HJS25" s="8"/>
      <c r="HJT25" s="8"/>
      <c r="HJU25" s="8"/>
      <c r="HJV25" s="8"/>
      <c r="HJW25" s="8"/>
      <c r="HJX25" s="8"/>
      <c r="HJY25" s="8"/>
      <c r="HJZ25" s="8"/>
      <c r="HKA25" s="8"/>
      <c r="HKB25" s="8"/>
      <c r="HKC25" s="8"/>
      <c r="HKD25" s="8"/>
      <c r="HKE25" s="8"/>
      <c r="HKF25" s="8"/>
      <c r="HKG25" s="8"/>
      <c r="HKH25" s="8"/>
      <c r="HKI25" s="8"/>
      <c r="HKJ25" s="8"/>
      <c r="HKK25" s="8"/>
      <c r="HKL25" s="8"/>
      <c r="HKM25" s="8"/>
      <c r="HKN25" s="8"/>
      <c r="HKO25" s="8"/>
      <c r="HKP25" s="8"/>
      <c r="HKQ25" s="8"/>
      <c r="HKR25" s="8"/>
      <c r="HKS25" s="8"/>
      <c r="HKT25" s="8"/>
      <c r="HKU25" s="8"/>
      <c r="HKV25" s="8"/>
      <c r="HKW25" s="8"/>
      <c r="HKX25" s="8"/>
      <c r="HKY25" s="8"/>
      <c r="HKZ25" s="8"/>
      <c r="HLA25" s="8"/>
      <c r="HLB25" s="8"/>
      <c r="HLC25" s="8"/>
      <c r="HLD25" s="8"/>
      <c r="HLE25" s="8"/>
      <c r="HLF25" s="8"/>
      <c r="HLG25" s="8"/>
      <c r="HLH25" s="8"/>
      <c r="HLI25" s="8"/>
      <c r="HLJ25" s="8"/>
      <c r="HLK25" s="8"/>
      <c r="HLL25" s="8"/>
      <c r="HLM25" s="8"/>
      <c r="HLN25" s="8"/>
      <c r="HLO25" s="8"/>
      <c r="HLP25" s="8"/>
      <c r="HLQ25" s="8"/>
      <c r="HLR25" s="8"/>
      <c r="HLS25" s="8"/>
      <c r="HLT25" s="8"/>
      <c r="HLU25" s="8"/>
      <c r="HLV25" s="8"/>
      <c r="HLW25" s="8"/>
      <c r="HLX25" s="8"/>
      <c r="HLY25" s="8"/>
      <c r="HLZ25" s="8"/>
      <c r="HMA25" s="8"/>
      <c r="HMB25" s="8"/>
      <c r="HMC25" s="8"/>
      <c r="HMD25" s="8"/>
      <c r="HME25" s="8"/>
      <c r="HMF25" s="8"/>
      <c r="HMG25" s="8"/>
      <c r="HMH25" s="8"/>
      <c r="HMI25" s="8"/>
      <c r="HMJ25" s="8"/>
      <c r="HMK25" s="8"/>
      <c r="HML25" s="8"/>
      <c r="HMM25" s="8"/>
      <c r="HMN25" s="8"/>
      <c r="HMO25" s="8"/>
      <c r="HMP25" s="8"/>
      <c r="HMQ25" s="8"/>
      <c r="HMR25" s="8"/>
      <c r="HMS25" s="8"/>
      <c r="HMT25" s="8"/>
      <c r="HMU25" s="8"/>
      <c r="HMV25" s="8"/>
      <c r="HMW25" s="8"/>
      <c r="HMX25" s="8"/>
      <c r="HMY25" s="8"/>
      <c r="HMZ25" s="8"/>
      <c r="HNA25" s="8"/>
      <c r="HNB25" s="8"/>
      <c r="HNC25" s="8"/>
      <c r="HND25" s="8"/>
      <c r="HNE25" s="8"/>
      <c r="HNF25" s="8"/>
      <c r="HNG25" s="8"/>
      <c r="HNH25" s="8"/>
      <c r="HNI25" s="8"/>
      <c r="HNJ25" s="8"/>
      <c r="HNK25" s="8"/>
      <c r="HNL25" s="8"/>
      <c r="HNM25" s="8"/>
      <c r="HNN25" s="8"/>
      <c r="HNO25" s="8"/>
      <c r="HNP25" s="8"/>
      <c r="HNQ25" s="8"/>
      <c r="HNR25" s="8"/>
      <c r="HNS25" s="8"/>
      <c r="HNT25" s="8"/>
      <c r="HNU25" s="8"/>
      <c r="HNV25" s="8"/>
      <c r="HNW25" s="8"/>
      <c r="HNX25" s="8"/>
      <c r="HNY25" s="8"/>
      <c r="HNZ25" s="8"/>
      <c r="HOA25" s="8"/>
      <c r="HOB25" s="8"/>
      <c r="HOC25" s="8"/>
      <c r="HOD25" s="8"/>
      <c r="HOE25" s="8"/>
      <c r="HOF25" s="8"/>
      <c r="HOG25" s="8"/>
      <c r="HOH25" s="8"/>
      <c r="HOI25" s="8"/>
      <c r="HOJ25" s="8"/>
      <c r="HOK25" s="8"/>
      <c r="HOL25" s="8"/>
      <c r="HOM25" s="8"/>
      <c r="HON25" s="8"/>
      <c r="HOO25" s="8"/>
      <c r="HOP25" s="8"/>
      <c r="HOQ25" s="8"/>
      <c r="HOR25" s="8"/>
      <c r="HOS25" s="8"/>
      <c r="HOT25" s="8"/>
      <c r="HOU25" s="8"/>
      <c r="HOV25" s="8"/>
      <c r="HOW25" s="8"/>
      <c r="HOX25" s="8"/>
      <c r="HOY25" s="8"/>
      <c r="HOZ25" s="8"/>
      <c r="HPA25" s="8"/>
      <c r="HPB25" s="8"/>
      <c r="HPC25" s="8"/>
      <c r="HPD25" s="8"/>
      <c r="HPE25" s="8"/>
      <c r="HPF25" s="8"/>
      <c r="HPG25" s="8"/>
      <c r="HPH25" s="8"/>
      <c r="HPI25" s="8"/>
      <c r="HPJ25" s="8"/>
      <c r="HPK25" s="8"/>
      <c r="HPL25" s="8"/>
      <c r="HPM25" s="8"/>
      <c r="HPN25" s="8"/>
      <c r="HPO25" s="8"/>
      <c r="HPP25" s="8"/>
      <c r="HPQ25" s="8"/>
      <c r="HPR25" s="8"/>
      <c r="HPS25" s="8"/>
      <c r="HPT25" s="8"/>
      <c r="HPU25" s="8"/>
      <c r="HPV25" s="8"/>
      <c r="HPW25" s="8"/>
      <c r="HPX25" s="8"/>
      <c r="HPY25" s="8"/>
      <c r="HPZ25" s="8"/>
      <c r="HQA25" s="8"/>
      <c r="HQB25" s="8"/>
      <c r="HQC25" s="8"/>
      <c r="HQD25" s="8"/>
      <c r="HQE25" s="8"/>
      <c r="HQF25" s="8"/>
      <c r="HQG25" s="8"/>
      <c r="HQH25" s="8"/>
      <c r="HQI25" s="8"/>
      <c r="HQJ25" s="8"/>
      <c r="HQK25" s="8"/>
      <c r="HQL25" s="8"/>
      <c r="HQM25" s="8"/>
      <c r="HQN25" s="8"/>
      <c r="HQO25" s="8"/>
      <c r="HQP25" s="8"/>
      <c r="HQQ25" s="8"/>
      <c r="HQR25" s="8"/>
      <c r="HQS25" s="8"/>
      <c r="HQT25" s="8"/>
      <c r="HQU25" s="8"/>
      <c r="HQV25" s="8"/>
      <c r="HQW25" s="8"/>
      <c r="HQX25" s="8"/>
      <c r="HQY25" s="8"/>
      <c r="HQZ25" s="8"/>
      <c r="HRA25" s="8"/>
      <c r="HRB25" s="8"/>
      <c r="HRC25" s="8"/>
      <c r="HRD25" s="8"/>
      <c r="HRE25" s="8"/>
      <c r="HRF25" s="8"/>
      <c r="HRG25" s="8"/>
      <c r="HRH25" s="8"/>
      <c r="HRI25" s="8"/>
      <c r="HRJ25" s="8"/>
      <c r="HRK25" s="8"/>
      <c r="HRL25" s="8"/>
      <c r="HRM25" s="8"/>
      <c r="HRN25" s="8"/>
      <c r="HRO25" s="8"/>
      <c r="HRP25" s="8"/>
      <c r="HRQ25" s="8"/>
      <c r="HRR25" s="8"/>
      <c r="HRS25" s="8"/>
      <c r="HRT25" s="8"/>
      <c r="HRU25" s="8"/>
      <c r="HRV25" s="8"/>
      <c r="HRW25" s="8"/>
      <c r="HRX25" s="8"/>
      <c r="HRY25" s="8"/>
      <c r="HRZ25" s="8"/>
      <c r="HSA25" s="8"/>
      <c r="HSB25" s="8"/>
      <c r="HSC25" s="8"/>
      <c r="HSD25" s="8"/>
      <c r="HSE25" s="8"/>
      <c r="HSF25" s="8"/>
      <c r="HSG25" s="8"/>
      <c r="HSH25" s="8"/>
      <c r="HSI25" s="8"/>
      <c r="HSJ25" s="8"/>
      <c r="HSK25" s="8"/>
      <c r="HSL25" s="8"/>
      <c r="HSM25" s="8"/>
      <c r="HSN25" s="8"/>
      <c r="HSO25" s="8"/>
      <c r="HSP25" s="8"/>
      <c r="HSQ25" s="8"/>
      <c r="HSR25" s="8"/>
      <c r="HSS25" s="8"/>
      <c r="HST25" s="8"/>
      <c r="HSU25" s="8"/>
      <c r="HSV25" s="8"/>
      <c r="HSW25" s="8"/>
      <c r="HSX25" s="8"/>
      <c r="HSY25" s="8"/>
      <c r="HSZ25" s="8"/>
      <c r="HTA25" s="8"/>
      <c r="HTB25" s="8"/>
      <c r="HTC25" s="8"/>
      <c r="HTD25" s="8"/>
      <c r="HTE25" s="8"/>
      <c r="HTF25" s="8"/>
      <c r="HTG25" s="8"/>
      <c r="HTH25" s="8"/>
      <c r="HTI25" s="8"/>
      <c r="HTJ25" s="8"/>
      <c r="HTK25" s="8"/>
      <c r="HTL25" s="8"/>
      <c r="HTM25" s="8"/>
      <c r="HTN25" s="8"/>
      <c r="HTO25" s="8"/>
      <c r="HTP25" s="8"/>
      <c r="HTQ25" s="8"/>
      <c r="HTR25" s="8"/>
      <c r="HTS25" s="8"/>
      <c r="HTT25" s="8"/>
      <c r="HTU25" s="8"/>
      <c r="HTV25" s="8"/>
      <c r="HTW25" s="8"/>
      <c r="HTX25" s="8"/>
      <c r="HTY25" s="8"/>
      <c r="HTZ25" s="8"/>
      <c r="HUA25" s="8"/>
      <c r="HUB25" s="8"/>
      <c r="HUC25" s="8"/>
      <c r="HUD25" s="8"/>
      <c r="HUE25" s="8"/>
      <c r="HUF25" s="8"/>
      <c r="HUG25" s="8"/>
      <c r="HUH25" s="8"/>
      <c r="HUI25" s="8"/>
      <c r="HUJ25" s="8"/>
      <c r="HUK25" s="8"/>
      <c r="HUL25" s="8"/>
      <c r="HUM25" s="8"/>
      <c r="HUN25" s="8"/>
      <c r="HUO25" s="8"/>
      <c r="HUP25" s="8"/>
      <c r="HUQ25" s="8"/>
      <c r="HUR25" s="8"/>
      <c r="HUS25" s="8"/>
      <c r="HUT25" s="8"/>
      <c r="HUU25" s="8"/>
      <c r="HUV25" s="8"/>
      <c r="HUW25" s="8"/>
      <c r="HUX25" s="8"/>
      <c r="HUY25" s="8"/>
      <c r="HUZ25" s="8"/>
      <c r="HVA25" s="8"/>
      <c r="HVB25" s="8"/>
      <c r="HVC25" s="8"/>
      <c r="HVD25" s="8"/>
      <c r="HVE25" s="8"/>
      <c r="HVF25" s="8"/>
      <c r="HVG25" s="8"/>
      <c r="HVH25" s="8"/>
      <c r="HVI25" s="8"/>
      <c r="HVJ25" s="8"/>
      <c r="HVK25" s="8"/>
      <c r="HVL25" s="8"/>
      <c r="HVM25" s="8"/>
      <c r="HVN25" s="8"/>
      <c r="HVO25" s="8"/>
      <c r="HVP25" s="8"/>
      <c r="HVQ25" s="8"/>
      <c r="HVR25" s="8"/>
      <c r="HVS25" s="8"/>
      <c r="HVT25" s="8"/>
      <c r="HVU25" s="8"/>
      <c r="HVV25" s="8"/>
      <c r="HVW25" s="8"/>
      <c r="HVX25" s="8"/>
      <c r="HVY25" s="8"/>
      <c r="HVZ25" s="8"/>
      <c r="HWA25" s="8"/>
      <c r="HWB25" s="8"/>
      <c r="HWC25" s="8"/>
      <c r="HWD25" s="8"/>
      <c r="HWE25" s="8"/>
      <c r="HWF25" s="8"/>
      <c r="HWG25" s="8"/>
      <c r="HWH25" s="8"/>
      <c r="HWI25" s="8"/>
      <c r="HWJ25" s="8"/>
      <c r="HWK25" s="8"/>
      <c r="HWL25" s="8"/>
      <c r="HWM25" s="8"/>
      <c r="HWN25" s="8"/>
      <c r="HWO25" s="8"/>
      <c r="HWP25" s="8"/>
      <c r="HWQ25" s="8"/>
      <c r="HWR25" s="8"/>
      <c r="HWS25" s="8"/>
      <c r="HWT25" s="8"/>
      <c r="HWU25" s="8"/>
      <c r="HWV25" s="8"/>
      <c r="HWW25" s="8"/>
      <c r="HWX25" s="8"/>
      <c r="HWY25" s="8"/>
      <c r="HWZ25" s="8"/>
      <c r="HXA25" s="8"/>
      <c r="HXB25" s="8"/>
      <c r="HXC25" s="8"/>
      <c r="HXD25" s="8"/>
      <c r="HXE25" s="8"/>
      <c r="HXF25" s="8"/>
      <c r="HXG25" s="8"/>
      <c r="HXH25" s="8"/>
      <c r="HXI25" s="8"/>
      <c r="HXJ25" s="8"/>
      <c r="HXK25" s="8"/>
      <c r="HXL25" s="8"/>
      <c r="HXM25" s="8"/>
      <c r="HXN25" s="8"/>
      <c r="HXO25" s="8"/>
      <c r="HXP25" s="8"/>
      <c r="HXQ25" s="8"/>
      <c r="HXR25" s="8"/>
      <c r="HXS25" s="8"/>
      <c r="HXT25" s="8"/>
      <c r="HXU25" s="8"/>
      <c r="HXV25" s="8"/>
      <c r="HXW25" s="8"/>
      <c r="HXX25" s="8"/>
      <c r="HXY25" s="8"/>
      <c r="HXZ25" s="8"/>
      <c r="HYA25" s="8"/>
      <c r="HYB25" s="8"/>
      <c r="HYC25" s="8"/>
      <c r="HYD25" s="8"/>
      <c r="HYE25" s="8"/>
      <c r="HYF25" s="8"/>
      <c r="HYG25" s="8"/>
      <c r="HYH25" s="8"/>
      <c r="HYI25" s="8"/>
      <c r="HYJ25" s="8"/>
      <c r="HYK25" s="8"/>
      <c r="HYL25" s="8"/>
      <c r="HYM25" s="8"/>
      <c r="HYN25" s="8"/>
      <c r="HYO25" s="8"/>
      <c r="HYP25" s="8"/>
      <c r="HYQ25" s="8"/>
      <c r="HYR25" s="8"/>
      <c r="HYS25" s="8"/>
      <c r="HYT25" s="8"/>
      <c r="HYU25" s="8"/>
      <c r="HYV25" s="8"/>
      <c r="HYW25" s="8"/>
      <c r="HYX25" s="8"/>
      <c r="HYY25" s="8"/>
      <c r="HYZ25" s="8"/>
      <c r="HZA25" s="8"/>
      <c r="HZB25" s="8"/>
      <c r="HZC25" s="8"/>
      <c r="HZD25" s="8"/>
      <c r="HZE25" s="8"/>
      <c r="HZF25" s="8"/>
      <c r="HZG25" s="8"/>
      <c r="HZH25" s="8"/>
      <c r="HZI25" s="8"/>
      <c r="HZJ25" s="8"/>
      <c r="HZK25" s="8"/>
      <c r="HZL25" s="8"/>
      <c r="HZM25" s="8"/>
      <c r="HZN25" s="8"/>
      <c r="HZO25" s="8"/>
      <c r="HZP25" s="8"/>
      <c r="HZQ25" s="8"/>
      <c r="HZR25" s="8"/>
      <c r="HZS25" s="8"/>
      <c r="HZT25" s="8"/>
      <c r="HZU25" s="8"/>
      <c r="HZV25" s="8"/>
      <c r="HZW25" s="8"/>
      <c r="HZX25" s="8"/>
      <c r="HZY25" s="8"/>
      <c r="HZZ25" s="8"/>
      <c r="IAA25" s="8"/>
      <c r="IAB25" s="8"/>
      <c r="IAC25" s="8"/>
      <c r="IAD25" s="8"/>
      <c r="IAE25" s="8"/>
      <c r="IAF25" s="8"/>
      <c r="IAG25" s="8"/>
      <c r="IAH25" s="8"/>
      <c r="IAI25" s="8"/>
      <c r="IAJ25" s="8"/>
      <c r="IAK25" s="8"/>
      <c r="IAL25" s="8"/>
      <c r="IAM25" s="8"/>
      <c r="IAN25" s="8"/>
      <c r="IAO25" s="8"/>
      <c r="IAP25" s="8"/>
      <c r="IAQ25" s="8"/>
      <c r="IAR25" s="8"/>
      <c r="IAS25" s="8"/>
      <c r="IAT25" s="8"/>
      <c r="IAU25" s="8"/>
      <c r="IAV25" s="8"/>
      <c r="IAW25" s="8"/>
      <c r="IAX25" s="8"/>
      <c r="IAY25" s="8"/>
      <c r="IAZ25" s="8"/>
      <c r="IBA25" s="8"/>
      <c r="IBB25" s="8"/>
      <c r="IBC25" s="8"/>
      <c r="IBD25" s="8"/>
      <c r="IBE25" s="8"/>
      <c r="IBF25" s="8"/>
      <c r="IBG25" s="8"/>
      <c r="IBH25" s="8"/>
      <c r="IBI25" s="8"/>
      <c r="IBJ25" s="8"/>
      <c r="IBK25" s="8"/>
      <c r="IBL25" s="8"/>
      <c r="IBM25" s="8"/>
      <c r="IBN25" s="8"/>
      <c r="IBO25" s="8"/>
      <c r="IBP25" s="8"/>
      <c r="IBQ25" s="8"/>
      <c r="IBR25" s="8"/>
      <c r="IBS25" s="8"/>
      <c r="IBT25" s="8"/>
      <c r="IBU25" s="8"/>
      <c r="IBV25" s="8"/>
      <c r="IBW25" s="8"/>
      <c r="IBX25" s="8"/>
      <c r="IBY25" s="8"/>
      <c r="IBZ25" s="8"/>
      <c r="ICA25" s="8"/>
      <c r="ICB25" s="8"/>
      <c r="ICC25" s="8"/>
      <c r="ICD25" s="8"/>
      <c r="ICE25" s="8"/>
      <c r="ICF25" s="8"/>
      <c r="ICG25" s="8"/>
      <c r="ICH25" s="8"/>
      <c r="ICI25" s="8"/>
      <c r="ICJ25" s="8"/>
      <c r="ICK25" s="8"/>
      <c r="ICL25" s="8"/>
      <c r="ICM25" s="8"/>
      <c r="ICN25" s="8"/>
      <c r="ICO25" s="8"/>
      <c r="ICP25" s="8"/>
      <c r="ICQ25" s="8"/>
      <c r="ICR25" s="8"/>
      <c r="ICS25" s="8"/>
      <c r="ICT25" s="8"/>
      <c r="ICU25" s="8"/>
      <c r="ICV25" s="8"/>
      <c r="ICW25" s="8"/>
      <c r="ICX25" s="8"/>
      <c r="ICY25" s="8"/>
      <c r="ICZ25" s="8"/>
      <c r="IDA25" s="8"/>
      <c r="IDB25" s="8"/>
      <c r="IDC25" s="8"/>
      <c r="IDD25" s="8"/>
      <c r="IDE25" s="8"/>
      <c r="IDF25" s="8"/>
      <c r="IDG25" s="8"/>
      <c r="IDH25" s="8"/>
      <c r="IDI25" s="8"/>
      <c r="IDJ25" s="8"/>
      <c r="IDK25" s="8"/>
      <c r="IDL25" s="8"/>
      <c r="IDM25" s="8"/>
      <c r="IDN25" s="8"/>
      <c r="IDO25" s="8"/>
      <c r="IDP25" s="8"/>
      <c r="IDQ25" s="8"/>
      <c r="IDR25" s="8"/>
      <c r="IDS25" s="8"/>
      <c r="IDT25" s="8"/>
      <c r="IDU25" s="8"/>
      <c r="IDV25" s="8"/>
      <c r="IDW25" s="8"/>
      <c r="IDX25" s="8"/>
      <c r="IDY25" s="8"/>
      <c r="IDZ25" s="8"/>
      <c r="IEA25" s="8"/>
      <c r="IEB25" s="8"/>
      <c r="IEC25" s="8"/>
      <c r="IED25" s="8"/>
      <c r="IEE25" s="8"/>
      <c r="IEF25" s="8"/>
      <c r="IEG25" s="8"/>
      <c r="IEH25" s="8"/>
      <c r="IEI25" s="8"/>
      <c r="IEJ25" s="8"/>
      <c r="IEK25" s="8"/>
      <c r="IEL25" s="8"/>
      <c r="IEM25" s="8"/>
      <c r="IEN25" s="8"/>
      <c r="IEO25" s="8"/>
      <c r="IEP25" s="8"/>
      <c r="IEQ25" s="8"/>
      <c r="IER25" s="8"/>
      <c r="IES25" s="8"/>
      <c r="IET25" s="8"/>
      <c r="IEU25" s="8"/>
      <c r="IEV25" s="8"/>
      <c r="IEW25" s="8"/>
      <c r="IEX25" s="8"/>
      <c r="IEY25" s="8"/>
      <c r="IEZ25" s="8"/>
      <c r="IFA25" s="8"/>
      <c r="IFB25" s="8"/>
      <c r="IFC25" s="8"/>
      <c r="IFD25" s="8"/>
      <c r="IFE25" s="8"/>
      <c r="IFF25" s="8"/>
      <c r="IFG25" s="8"/>
      <c r="IFH25" s="8"/>
      <c r="IFI25" s="8"/>
      <c r="IFJ25" s="8"/>
      <c r="IFK25" s="8"/>
      <c r="IFL25" s="8"/>
      <c r="IFM25" s="8"/>
      <c r="IFN25" s="8"/>
      <c r="IFO25" s="8"/>
      <c r="IFP25" s="8"/>
      <c r="IFQ25" s="8"/>
      <c r="IFR25" s="8"/>
      <c r="IFS25" s="8"/>
      <c r="IFT25" s="8"/>
      <c r="IFU25" s="8"/>
      <c r="IFV25" s="8"/>
      <c r="IFW25" s="8"/>
      <c r="IFX25" s="8"/>
      <c r="IFY25" s="8"/>
      <c r="IFZ25" s="8"/>
      <c r="IGA25" s="8"/>
      <c r="IGB25" s="8"/>
      <c r="IGC25" s="8"/>
      <c r="IGD25" s="8"/>
      <c r="IGE25" s="8"/>
      <c r="IGF25" s="8"/>
      <c r="IGG25" s="8"/>
      <c r="IGH25" s="8"/>
      <c r="IGI25" s="8"/>
      <c r="IGJ25" s="8"/>
      <c r="IGK25" s="8"/>
      <c r="IGL25" s="8"/>
      <c r="IGM25" s="8"/>
      <c r="IGN25" s="8"/>
      <c r="IGO25" s="8"/>
      <c r="IGP25" s="8"/>
      <c r="IGQ25" s="8"/>
      <c r="IGR25" s="8"/>
      <c r="IGS25" s="8"/>
      <c r="IGT25" s="8"/>
      <c r="IGU25" s="8"/>
      <c r="IGV25" s="8"/>
      <c r="IGW25" s="8"/>
      <c r="IGX25" s="8"/>
      <c r="IGY25" s="8"/>
      <c r="IGZ25" s="8"/>
      <c r="IHA25" s="8"/>
      <c r="IHB25" s="8"/>
      <c r="IHC25" s="8"/>
      <c r="IHD25" s="8"/>
      <c r="IHE25" s="8"/>
      <c r="IHF25" s="8"/>
      <c r="IHG25" s="8"/>
      <c r="IHH25" s="8"/>
      <c r="IHI25" s="8"/>
      <c r="IHJ25" s="8"/>
      <c r="IHK25" s="8"/>
      <c r="IHL25" s="8"/>
      <c r="IHM25" s="8"/>
      <c r="IHN25" s="8"/>
      <c r="IHO25" s="8"/>
      <c r="IHP25" s="8"/>
      <c r="IHQ25" s="8"/>
      <c r="IHR25" s="8"/>
      <c r="IHS25" s="8"/>
      <c r="IHT25" s="8"/>
      <c r="IHU25" s="8"/>
      <c r="IHV25" s="8"/>
      <c r="IHW25" s="8"/>
      <c r="IHX25" s="8"/>
      <c r="IHY25" s="8"/>
      <c r="IHZ25" s="8"/>
      <c r="IIA25" s="8"/>
      <c r="IIB25" s="8"/>
      <c r="IIC25" s="8"/>
      <c r="IID25" s="8"/>
      <c r="IIE25" s="8"/>
      <c r="IIF25" s="8"/>
      <c r="IIG25" s="8"/>
      <c r="IIH25" s="8"/>
      <c r="III25" s="8"/>
      <c r="IIJ25" s="8"/>
      <c r="IIK25" s="8"/>
      <c r="IIL25" s="8"/>
      <c r="IIM25" s="8"/>
      <c r="IIN25" s="8"/>
      <c r="IIO25" s="8"/>
      <c r="IIP25" s="8"/>
      <c r="IIQ25" s="8"/>
      <c r="IIR25" s="8"/>
      <c r="IIS25" s="8"/>
      <c r="IIT25" s="8"/>
      <c r="IIU25" s="8"/>
      <c r="IIV25" s="8"/>
      <c r="IIW25" s="8"/>
      <c r="IIX25" s="8"/>
      <c r="IIY25" s="8"/>
      <c r="IIZ25" s="8"/>
      <c r="IJA25" s="8"/>
      <c r="IJB25" s="8"/>
      <c r="IJC25" s="8"/>
      <c r="IJD25" s="8"/>
      <c r="IJE25" s="8"/>
      <c r="IJF25" s="8"/>
      <c r="IJG25" s="8"/>
      <c r="IJH25" s="8"/>
      <c r="IJI25" s="8"/>
      <c r="IJJ25" s="8"/>
      <c r="IJK25" s="8"/>
      <c r="IJL25" s="8"/>
      <c r="IJM25" s="8"/>
      <c r="IJN25" s="8"/>
      <c r="IJO25" s="8"/>
      <c r="IJP25" s="8"/>
      <c r="IJQ25" s="8"/>
      <c r="IJR25" s="8"/>
      <c r="IJS25" s="8"/>
      <c r="IJT25" s="8"/>
      <c r="IJU25" s="8"/>
      <c r="IJV25" s="8"/>
      <c r="IJW25" s="8"/>
      <c r="IJX25" s="8"/>
      <c r="IJY25" s="8"/>
      <c r="IJZ25" s="8"/>
      <c r="IKA25" s="8"/>
      <c r="IKB25" s="8"/>
      <c r="IKC25" s="8"/>
      <c r="IKD25" s="8"/>
      <c r="IKE25" s="8"/>
      <c r="IKF25" s="8"/>
      <c r="IKG25" s="8"/>
      <c r="IKH25" s="8"/>
      <c r="IKI25" s="8"/>
      <c r="IKJ25" s="8"/>
      <c r="IKK25" s="8"/>
      <c r="IKL25" s="8"/>
      <c r="IKM25" s="8"/>
      <c r="IKN25" s="8"/>
      <c r="IKO25" s="8"/>
      <c r="IKP25" s="8"/>
      <c r="IKQ25" s="8"/>
      <c r="IKR25" s="8"/>
      <c r="IKS25" s="8"/>
      <c r="IKT25" s="8"/>
      <c r="IKU25" s="8"/>
      <c r="IKV25" s="8"/>
      <c r="IKW25" s="8"/>
      <c r="IKX25" s="8"/>
      <c r="IKY25" s="8"/>
      <c r="IKZ25" s="8"/>
      <c r="ILA25" s="8"/>
      <c r="ILB25" s="8"/>
      <c r="ILC25" s="8"/>
      <c r="ILD25" s="8"/>
      <c r="ILE25" s="8"/>
      <c r="ILF25" s="8"/>
      <c r="ILG25" s="8"/>
      <c r="ILH25" s="8"/>
      <c r="ILI25" s="8"/>
      <c r="ILJ25" s="8"/>
      <c r="ILK25" s="8"/>
      <c r="ILL25" s="8"/>
      <c r="ILM25" s="8"/>
      <c r="ILN25" s="8"/>
      <c r="ILO25" s="8"/>
      <c r="ILP25" s="8"/>
      <c r="ILQ25" s="8"/>
      <c r="ILR25" s="8"/>
      <c r="ILS25" s="8"/>
      <c r="ILT25" s="8"/>
      <c r="ILU25" s="8"/>
      <c r="ILV25" s="8"/>
      <c r="ILW25" s="8"/>
      <c r="ILX25" s="8"/>
      <c r="ILY25" s="8"/>
      <c r="ILZ25" s="8"/>
      <c r="IMA25" s="8"/>
      <c r="IMB25" s="8"/>
      <c r="IMC25" s="8"/>
      <c r="IMD25" s="8"/>
      <c r="IME25" s="8"/>
      <c r="IMF25" s="8"/>
      <c r="IMG25" s="8"/>
      <c r="IMH25" s="8"/>
      <c r="IMI25" s="8"/>
      <c r="IMJ25" s="8"/>
      <c r="IMK25" s="8"/>
      <c r="IML25" s="8"/>
      <c r="IMM25" s="8"/>
      <c r="IMN25" s="8"/>
      <c r="IMO25" s="8"/>
      <c r="IMP25" s="8"/>
      <c r="IMQ25" s="8"/>
      <c r="IMR25" s="8"/>
      <c r="IMS25" s="8"/>
      <c r="IMT25" s="8"/>
      <c r="IMU25" s="8"/>
      <c r="IMV25" s="8"/>
      <c r="IMW25" s="8"/>
      <c r="IMX25" s="8"/>
      <c r="IMY25" s="8"/>
      <c r="IMZ25" s="8"/>
      <c r="INA25" s="8"/>
      <c r="INB25" s="8"/>
      <c r="INC25" s="8"/>
      <c r="IND25" s="8"/>
      <c r="INE25" s="8"/>
      <c r="INF25" s="8"/>
      <c r="ING25" s="8"/>
      <c r="INH25" s="8"/>
      <c r="INI25" s="8"/>
      <c r="INJ25" s="8"/>
      <c r="INK25" s="8"/>
      <c r="INL25" s="8"/>
      <c r="INM25" s="8"/>
      <c r="INN25" s="8"/>
      <c r="INO25" s="8"/>
      <c r="INP25" s="8"/>
      <c r="INQ25" s="8"/>
      <c r="INR25" s="8"/>
      <c r="INS25" s="8"/>
      <c r="INT25" s="8"/>
      <c r="INU25" s="8"/>
      <c r="INV25" s="8"/>
      <c r="INW25" s="8"/>
      <c r="INX25" s="8"/>
      <c r="INY25" s="8"/>
      <c r="INZ25" s="8"/>
      <c r="IOA25" s="8"/>
      <c r="IOB25" s="8"/>
      <c r="IOC25" s="8"/>
      <c r="IOD25" s="8"/>
      <c r="IOE25" s="8"/>
      <c r="IOF25" s="8"/>
      <c r="IOG25" s="8"/>
      <c r="IOH25" s="8"/>
      <c r="IOI25" s="8"/>
      <c r="IOJ25" s="8"/>
      <c r="IOK25" s="8"/>
      <c r="IOL25" s="8"/>
      <c r="IOM25" s="8"/>
      <c r="ION25" s="8"/>
      <c r="IOO25" s="8"/>
      <c r="IOP25" s="8"/>
      <c r="IOQ25" s="8"/>
      <c r="IOR25" s="8"/>
      <c r="IOS25" s="8"/>
      <c r="IOT25" s="8"/>
      <c r="IOU25" s="8"/>
      <c r="IOV25" s="8"/>
      <c r="IOW25" s="8"/>
      <c r="IOX25" s="8"/>
      <c r="IOY25" s="8"/>
      <c r="IOZ25" s="8"/>
      <c r="IPA25" s="8"/>
      <c r="IPB25" s="8"/>
      <c r="IPC25" s="8"/>
      <c r="IPD25" s="8"/>
      <c r="IPE25" s="8"/>
      <c r="IPF25" s="8"/>
      <c r="IPG25" s="8"/>
      <c r="IPH25" s="8"/>
      <c r="IPI25" s="8"/>
      <c r="IPJ25" s="8"/>
      <c r="IPK25" s="8"/>
      <c r="IPL25" s="8"/>
      <c r="IPM25" s="8"/>
      <c r="IPN25" s="8"/>
      <c r="IPO25" s="8"/>
      <c r="IPP25" s="8"/>
      <c r="IPQ25" s="8"/>
      <c r="IPR25" s="8"/>
      <c r="IPS25" s="8"/>
      <c r="IPT25" s="8"/>
      <c r="IPU25" s="8"/>
      <c r="IPV25" s="8"/>
      <c r="IPW25" s="8"/>
      <c r="IPX25" s="8"/>
      <c r="IPY25" s="8"/>
      <c r="IPZ25" s="8"/>
      <c r="IQA25" s="8"/>
      <c r="IQB25" s="8"/>
      <c r="IQC25" s="8"/>
      <c r="IQD25" s="8"/>
      <c r="IQE25" s="8"/>
      <c r="IQF25" s="8"/>
      <c r="IQG25" s="8"/>
      <c r="IQH25" s="8"/>
      <c r="IQI25" s="8"/>
      <c r="IQJ25" s="8"/>
      <c r="IQK25" s="8"/>
      <c r="IQL25" s="8"/>
      <c r="IQM25" s="8"/>
      <c r="IQN25" s="8"/>
      <c r="IQO25" s="8"/>
      <c r="IQP25" s="8"/>
      <c r="IQQ25" s="8"/>
      <c r="IQR25" s="8"/>
      <c r="IQS25" s="8"/>
      <c r="IQT25" s="8"/>
      <c r="IQU25" s="8"/>
      <c r="IQV25" s="8"/>
      <c r="IQW25" s="8"/>
      <c r="IQX25" s="8"/>
      <c r="IQY25" s="8"/>
      <c r="IQZ25" s="8"/>
      <c r="IRA25" s="8"/>
      <c r="IRB25" s="8"/>
      <c r="IRC25" s="8"/>
      <c r="IRD25" s="8"/>
      <c r="IRE25" s="8"/>
      <c r="IRF25" s="8"/>
      <c r="IRG25" s="8"/>
      <c r="IRH25" s="8"/>
      <c r="IRI25" s="8"/>
      <c r="IRJ25" s="8"/>
      <c r="IRK25" s="8"/>
      <c r="IRL25" s="8"/>
      <c r="IRM25" s="8"/>
      <c r="IRN25" s="8"/>
      <c r="IRO25" s="8"/>
      <c r="IRP25" s="8"/>
      <c r="IRQ25" s="8"/>
      <c r="IRR25" s="8"/>
      <c r="IRS25" s="8"/>
      <c r="IRT25" s="8"/>
      <c r="IRU25" s="8"/>
      <c r="IRV25" s="8"/>
      <c r="IRW25" s="8"/>
      <c r="IRX25" s="8"/>
      <c r="IRY25" s="8"/>
      <c r="IRZ25" s="8"/>
      <c r="ISA25" s="8"/>
      <c r="ISB25" s="8"/>
      <c r="ISC25" s="8"/>
      <c r="ISD25" s="8"/>
      <c r="ISE25" s="8"/>
      <c r="ISF25" s="8"/>
      <c r="ISG25" s="8"/>
      <c r="ISH25" s="8"/>
      <c r="ISI25" s="8"/>
      <c r="ISJ25" s="8"/>
      <c r="ISK25" s="8"/>
      <c r="ISL25" s="8"/>
      <c r="ISM25" s="8"/>
      <c r="ISN25" s="8"/>
      <c r="ISO25" s="8"/>
      <c r="ISP25" s="8"/>
      <c r="ISQ25" s="8"/>
      <c r="ISR25" s="8"/>
      <c r="ISS25" s="8"/>
      <c r="IST25" s="8"/>
      <c r="ISU25" s="8"/>
      <c r="ISV25" s="8"/>
      <c r="ISW25" s="8"/>
      <c r="ISX25" s="8"/>
      <c r="ISY25" s="8"/>
      <c r="ISZ25" s="8"/>
      <c r="ITA25" s="8"/>
      <c r="ITB25" s="8"/>
      <c r="ITC25" s="8"/>
      <c r="ITD25" s="8"/>
      <c r="ITE25" s="8"/>
      <c r="ITF25" s="8"/>
      <c r="ITG25" s="8"/>
      <c r="ITH25" s="8"/>
      <c r="ITI25" s="8"/>
      <c r="ITJ25" s="8"/>
      <c r="ITK25" s="8"/>
      <c r="ITL25" s="8"/>
      <c r="ITM25" s="8"/>
      <c r="ITN25" s="8"/>
      <c r="ITO25" s="8"/>
      <c r="ITP25" s="8"/>
      <c r="ITQ25" s="8"/>
      <c r="ITR25" s="8"/>
      <c r="ITS25" s="8"/>
      <c r="ITT25" s="8"/>
      <c r="ITU25" s="8"/>
      <c r="ITV25" s="8"/>
      <c r="ITW25" s="8"/>
      <c r="ITX25" s="8"/>
      <c r="ITY25" s="8"/>
      <c r="ITZ25" s="8"/>
      <c r="IUA25" s="8"/>
      <c r="IUB25" s="8"/>
      <c r="IUC25" s="8"/>
      <c r="IUD25" s="8"/>
      <c r="IUE25" s="8"/>
      <c r="IUF25" s="8"/>
      <c r="IUG25" s="8"/>
      <c r="IUH25" s="8"/>
      <c r="IUI25" s="8"/>
      <c r="IUJ25" s="8"/>
      <c r="IUK25" s="8"/>
      <c r="IUL25" s="8"/>
      <c r="IUM25" s="8"/>
      <c r="IUN25" s="8"/>
      <c r="IUO25" s="8"/>
      <c r="IUP25" s="8"/>
      <c r="IUQ25" s="8"/>
      <c r="IUR25" s="8"/>
      <c r="IUS25" s="8"/>
      <c r="IUT25" s="8"/>
      <c r="IUU25" s="8"/>
      <c r="IUV25" s="8"/>
      <c r="IUW25" s="8"/>
      <c r="IUX25" s="8"/>
      <c r="IUY25" s="8"/>
      <c r="IUZ25" s="8"/>
      <c r="IVA25" s="8"/>
      <c r="IVB25" s="8"/>
      <c r="IVC25" s="8"/>
      <c r="IVD25" s="8"/>
      <c r="IVE25" s="8"/>
      <c r="IVF25" s="8"/>
      <c r="IVG25" s="8"/>
      <c r="IVH25" s="8"/>
      <c r="IVI25" s="8"/>
      <c r="IVJ25" s="8"/>
      <c r="IVK25" s="8"/>
      <c r="IVL25" s="8"/>
      <c r="IVM25" s="8"/>
      <c r="IVN25" s="8"/>
      <c r="IVO25" s="8"/>
      <c r="IVP25" s="8"/>
      <c r="IVQ25" s="8"/>
      <c r="IVR25" s="8"/>
      <c r="IVS25" s="8"/>
      <c r="IVT25" s="8"/>
      <c r="IVU25" s="8"/>
      <c r="IVV25" s="8"/>
      <c r="IVW25" s="8"/>
      <c r="IVX25" s="8"/>
      <c r="IVY25" s="8"/>
      <c r="IVZ25" s="8"/>
      <c r="IWA25" s="8"/>
      <c r="IWB25" s="8"/>
      <c r="IWC25" s="8"/>
      <c r="IWD25" s="8"/>
      <c r="IWE25" s="8"/>
      <c r="IWF25" s="8"/>
      <c r="IWG25" s="8"/>
      <c r="IWH25" s="8"/>
      <c r="IWI25" s="8"/>
      <c r="IWJ25" s="8"/>
      <c r="IWK25" s="8"/>
      <c r="IWL25" s="8"/>
      <c r="IWM25" s="8"/>
      <c r="IWN25" s="8"/>
      <c r="IWO25" s="8"/>
      <c r="IWP25" s="8"/>
      <c r="IWQ25" s="8"/>
      <c r="IWR25" s="8"/>
      <c r="IWS25" s="8"/>
      <c r="IWT25" s="8"/>
      <c r="IWU25" s="8"/>
      <c r="IWV25" s="8"/>
      <c r="IWW25" s="8"/>
      <c r="IWX25" s="8"/>
      <c r="IWY25" s="8"/>
      <c r="IWZ25" s="8"/>
      <c r="IXA25" s="8"/>
      <c r="IXB25" s="8"/>
      <c r="IXC25" s="8"/>
      <c r="IXD25" s="8"/>
      <c r="IXE25" s="8"/>
      <c r="IXF25" s="8"/>
      <c r="IXG25" s="8"/>
      <c r="IXH25" s="8"/>
      <c r="IXI25" s="8"/>
      <c r="IXJ25" s="8"/>
      <c r="IXK25" s="8"/>
      <c r="IXL25" s="8"/>
      <c r="IXM25" s="8"/>
      <c r="IXN25" s="8"/>
      <c r="IXO25" s="8"/>
      <c r="IXP25" s="8"/>
      <c r="IXQ25" s="8"/>
      <c r="IXR25" s="8"/>
      <c r="IXS25" s="8"/>
      <c r="IXT25" s="8"/>
      <c r="IXU25" s="8"/>
      <c r="IXV25" s="8"/>
      <c r="IXW25" s="8"/>
      <c r="IXX25" s="8"/>
      <c r="IXY25" s="8"/>
      <c r="IXZ25" s="8"/>
      <c r="IYA25" s="8"/>
      <c r="IYB25" s="8"/>
      <c r="IYC25" s="8"/>
      <c r="IYD25" s="8"/>
      <c r="IYE25" s="8"/>
      <c r="IYF25" s="8"/>
      <c r="IYG25" s="8"/>
      <c r="IYH25" s="8"/>
      <c r="IYI25" s="8"/>
      <c r="IYJ25" s="8"/>
      <c r="IYK25" s="8"/>
      <c r="IYL25" s="8"/>
      <c r="IYM25" s="8"/>
      <c r="IYN25" s="8"/>
      <c r="IYO25" s="8"/>
      <c r="IYP25" s="8"/>
      <c r="IYQ25" s="8"/>
      <c r="IYR25" s="8"/>
      <c r="IYS25" s="8"/>
      <c r="IYT25" s="8"/>
      <c r="IYU25" s="8"/>
      <c r="IYV25" s="8"/>
      <c r="IYW25" s="8"/>
      <c r="IYX25" s="8"/>
      <c r="IYY25" s="8"/>
      <c r="IYZ25" s="8"/>
      <c r="IZA25" s="8"/>
      <c r="IZB25" s="8"/>
      <c r="IZC25" s="8"/>
      <c r="IZD25" s="8"/>
      <c r="IZE25" s="8"/>
      <c r="IZF25" s="8"/>
      <c r="IZG25" s="8"/>
      <c r="IZH25" s="8"/>
      <c r="IZI25" s="8"/>
      <c r="IZJ25" s="8"/>
      <c r="IZK25" s="8"/>
      <c r="IZL25" s="8"/>
      <c r="IZM25" s="8"/>
      <c r="IZN25" s="8"/>
      <c r="IZO25" s="8"/>
      <c r="IZP25" s="8"/>
      <c r="IZQ25" s="8"/>
      <c r="IZR25" s="8"/>
      <c r="IZS25" s="8"/>
      <c r="IZT25" s="8"/>
      <c r="IZU25" s="8"/>
      <c r="IZV25" s="8"/>
      <c r="IZW25" s="8"/>
      <c r="IZX25" s="8"/>
      <c r="IZY25" s="8"/>
      <c r="IZZ25" s="8"/>
      <c r="JAA25" s="8"/>
      <c r="JAB25" s="8"/>
      <c r="JAC25" s="8"/>
      <c r="JAD25" s="8"/>
      <c r="JAE25" s="8"/>
      <c r="JAF25" s="8"/>
      <c r="JAG25" s="8"/>
      <c r="JAH25" s="8"/>
      <c r="JAI25" s="8"/>
      <c r="JAJ25" s="8"/>
      <c r="JAK25" s="8"/>
      <c r="JAL25" s="8"/>
      <c r="JAM25" s="8"/>
      <c r="JAN25" s="8"/>
      <c r="JAO25" s="8"/>
      <c r="JAP25" s="8"/>
      <c r="JAQ25" s="8"/>
      <c r="JAR25" s="8"/>
      <c r="JAS25" s="8"/>
      <c r="JAT25" s="8"/>
      <c r="JAU25" s="8"/>
      <c r="JAV25" s="8"/>
      <c r="JAW25" s="8"/>
      <c r="JAX25" s="8"/>
      <c r="JAY25" s="8"/>
      <c r="JAZ25" s="8"/>
      <c r="JBA25" s="8"/>
      <c r="JBB25" s="8"/>
      <c r="JBC25" s="8"/>
      <c r="JBD25" s="8"/>
      <c r="JBE25" s="8"/>
      <c r="JBF25" s="8"/>
      <c r="JBG25" s="8"/>
      <c r="JBH25" s="8"/>
      <c r="JBI25" s="8"/>
      <c r="JBJ25" s="8"/>
      <c r="JBK25" s="8"/>
      <c r="JBL25" s="8"/>
      <c r="JBM25" s="8"/>
      <c r="JBN25" s="8"/>
      <c r="JBO25" s="8"/>
      <c r="JBP25" s="8"/>
      <c r="JBQ25" s="8"/>
      <c r="JBR25" s="8"/>
      <c r="JBS25" s="8"/>
      <c r="JBT25" s="8"/>
      <c r="JBU25" s="8"/>
      <c r="JBV25" s="8"/>
      <c r="JBW25" s="8"/>
      <c r="JBX25" s="8"/>
      <c r="JBY25" s="8"/>
      <c r="JBZ25" s="8"/>
      <c r="JCA25" s="8"/>
      <c r="JCB25" s="8"/>
      <c r="JCC25" s="8"/>
      <c r="JCD25" s="8"/>
      <c r="JCE25" s="8"/>
      <c r="JCF25" s="8"/>
      <c r="JCG25" s="8"/>
      <c r="JCH25" s="8"/>
      <c r="JCI25" s="8"/>
      <c r="JCJ25" s="8"/>
      <c r="JCK25" s="8"/>
      <c r="JCL25" s="8"/>
      <c r="JCM25" s="8"/>
      <c r="JCN25" s="8"/>
      <c r="JCO25" s="8"/>
      <c r="JCP25" s="8"/>
      <c r="JCQ25" s="8"/>
      <c r="JCR25" s="8"/>
      <c r="JCS25" s="8"/>
      <c r="JCT25" s="8"/>
      <c r="JCU25" s="8"/>
      <c r="JCV25" s="8"/>
      <c r="JCW25" s="8"/>
      <c r="JCX25" s="8"/>
      <c r="JCY25" s="8"/>
      <c r="JCZ25" s="8"/>
      <c r="JDA25" s="8"/>
      <c r="JDB25" s="8"/>
      <c r="JDC25" s="8"/>
      <c r="JDD25" s="8"/>
      <c r="JDE25" s="8"/>
      <c r="JDF25" s="8"/>
      <c r="JDG25" s="8"/>
      <c r="JDH25" s="8"/>
      <c r="JDI25" s="8"/>
      <c r="JDJ25" s="8"/>
      <c r="JDK25" s="8"/>
      <c r="JDL25" s="8"/>
      <c r="JDM25" s="8"/>
      <c r="JDN25" s="8"/>
      <c r="JDO25" s="8"/>
      <c r="JDP25" s="8"/>
      <c r="JDQ25" s="8"/>
      <c r="JDR25" s="8"/>
      <c r="JDS25" s="8"/>
      <c r="JDT25" s="8"/>
      <c r="JDU25" s="8"/>
      <c r="JDV25" s="8"/>
      <c r="JDW25" s="8"/>
      <c r="JDX25" s="8"/>
      <c r="JDY25" s="8"/>
      <c r="JDZ25" s="8"/>
      <c r="JEA25" s="8"/>
      <c r="JEB25" s="8"/>
      <c r="JEC25" s="8"/>
      <c r="JED25" s="8"/>
      <c r="JEE25" s="8"/>
      <c r="JEF25" s="8"/>
      <c r="JEG25" s="8"/>
      <c r="JEH25" s="8"/>
      <c r="JEI25" s="8"/>
      <c r="JEJ25" s="8"/>
      <c r="JEK25" s="8"/>
      <c r="JEL25" s="8"/>
      <c r="JEM25" s="8"/>
      <c r="JEN25" s="8"/>
      <c r="JEO25" s="8"/>
      <c r="JEP25" s="8"/>
      <c r="JEQ25" s="8"/>
      <c r="JER25" s="8"/>
      <c r="JES25" s="8"/>
      <c r="JET25" s="8"/>
      <c r="JEU25" s="8"/>
      <c r="JEV25" s="8"/>
      <c r="JEW25" s="8"/>
      <c r="JEX25" s="8"/>
      <c r="JEY25" s="8"/>
      <c r="JEZ25" s="8"/>
      <c r="JFA25" s="8"/>
      <c r="JFB25" s="8"/>
      <c r="JFC25" s="8"/>
      <c r="JFD25" s="8"/>
      <c r="JFE25" s="8"/>
      <c r="JFF25" s="8"/>
      <c r="JFG25" s="8"/>
      <c r="JFH25" s="8"/>
      <c r="JFI25" s="8"/>
      <c r="JFJ25" s="8"/>
      <c r="JFK25" s="8"/>
      <c r="JFL25" s="8"/>
      <c r="JFM25" s="8"/>
      <c r="JFN25" s="8"/>
      <c r="JFO25" s="8"/>
      <c r="JFP25" s="8"/>
      <c r="JFQ25" s="8"/>
      <c r="JFR25" s="8"/>
      <c r="JFS25" s="8"/>
      <c r="JFT25" s="8"/>
      <c r="JFU25" s="8"/>
      <c r="JFV25" s="8"/>
      <c r="JFW25" s="8"/>
      <c r="JFX25" s="8"/>
      <c r="JFY25" s="8"/>
      <c r="JFZ25" s="8"/>
      <c r="JGA25" s="8"/>
      <c r="JGB25" s="8"/>
      <c r="JGC25" s="8"/>
      <c r="JGD25" s="8"/>
      <c r="JGE25" s="8"/>
      <c r="JGF25" s="8"/>
      <c r="JGG25" s="8"/>
      <c r="JGH25" s="8"/>
      <c r="JGI25" s="8"/>
      <c r="JGJ25" s="8"/>
      <c r="JGK25" s="8"/>
      <c r="JGL25" s="8"/>
      <c r="JGM25" s="8"/>
      <c r="JGN25" s="8"/>
      <c r="JGO25" s="8"/>
      <c r="JGP25" s="8"/>
      <c r="JGQ25" s="8"/>
      <c r="JGR25" s="8"/>
      <c r="JGS25" s="8"/>
      <c r="JGT25" s="8"/>
      <c r="JGU25" s="8"/>
      <c r="JGV25" s="8"/>
      <c r="JGW25" s="8"/>
      <c r="JGX25" s="8"/>
      <c r="JGY25" s="8"/>
      <c r="JGZ25" s="8"/>
      <c r="JHA25" s="8"/>
      <c r="JHB25" s="8"/>
      <c r="JHC25" s="8"/>
      <c r="JHD25" s="8"/>
      <c r="JHE25" s="8"/>
      <c r="JHF25" s="8"/>
      <c r="JHG25" s="8"/>
      <c r="JHH25" s="8"/>
      <c r="JHI25" s="8"/>
      <c r="JHJ25" s="8"/>
      <c r="JHK25" s="8"/>
      <c r="JHL25" s="8"/>
      <c r="JHM25" s="8"/>
      <c r="JHN25" s="8"/>
      <c r="JHO25" s="8"/>
      <c r="JHP25" s="8"/>
      <c r="JHQ25" s="8"/>
      <c r="JHR25" s="8"/>
      <c r="JHS25" s="8"/>
      <c r="JHT25" s="8"/>
      <c r="JHU25" s="8"/>
      <c r="JHV25" s="8"/>
      <c r="JHW25" s="8"/>
      <c r="JHX25" s="8"/>
      <c r="JHY25" s="8"/>
      <c r="JHZ25" s="8"/>
      <c r="JIA25" s="8"/>
      <c r="JIB25" s="8"/>
      <c r="JIC25" s="8"/>
      <c r="JID25" s="8"/>
      <c r="JIE25" s="8"/>
      <c r="JIF25" s="8"/>
      <c r="JIG25" s="8"/>
      <c r="JIH25" s="8"/>
      <c r="JII25" s="8"/>
      <c r="JIJ25" s="8"/>
      <c r="JIK25" s="8"/>
      <c r="JIL25" s="8"/>
      <c r="JIM25" s="8"/>
      <c r="JIN25" s="8"/>
      <c r="JIO25" s="8"/>
      <c r="JIP25" s="8"/>
      <c r="JIQ25" s="8"/>
      <c r="JIR25" s="8"/>
      <c r="JIS25" s="8"/>
      <c r="JIT25" s="8"/>
      <c r="JIU25" s="8"/>
      <c r="JIV25" s="8"/>
      <c r="JIW25" s="8"/>
      <c r="JIX25" s="8"/>
      <c r="JIY25" s="8"/>
      <c r="JIZ25" s="8"/>
      <c r="JJA25" s="8"/>
      <c r="JJB25" s="8"/>
      <c r="JJC25" s="8"/>
      <c r="JJD25" s="8"/>
      <c r="JJE25" s="8"/>
      <c r="JJF25" s="8"/>
      <c r="JJG25" s="8"/>
      <c r="JJH25" s="8"/>
      <c r="JJI25" s="8"/>
      <c r="JJJ25" s="8"/>
      <c r="JJK25" s="8"/>
      <c r="JJL25" s="8"/>
      <c r="JJM25" s="8"/>
      <c r="JJN25" s="8"/>
      <c r="JJO25" s="8"/>
      <c r="JJP25" s="8"/>
      <c r="JJQ25" s="8"/>
      <c r="JJR25" s="8"/>
      <c r="JJS25" s="8"/>
      <c r="JJT25" s="8"/>
      <c r="JJU25" s="8"/>
      <c r="JJV25" s="8"/>
      <c r="JJW25" s="8"/>
      <c r="JJX25" s="8"/>
      <c r="JJY25" s="8"/>
      <c r="JJZ25" s="8"/>
      <c r="JKA25" s="8"/>
      <c r="JKB25" s="8"/>
      <c r="JKC25" s="8"/>
      <c r="JKD25" s="8"/>
      <c r="JKE25" s="8"/>
      <c r="JKF25" s="8"/>
      <c r="JKG25" s="8"/>
      <c r="JKH25" s="8"/>
      <c r="JKI25" s="8"/>
      <c r="JKJ25" s="8"/>
      <c r="JKK25" s="8"/>
      <c r="JKL25" s="8"/>
      <c r="JKM25" s="8"/>
      <c r="JKN25" s="8"/>
      <c r="JKO25" s="8"/>
      <c r="JKP25" s="8"/>
      <c r="JKQ25" s="8"/>
      <c r="JKR25" s="8"/>
      <c r="JKS25" s="8"/>
      <c r="JKT25" s="8"/>
      <c r="JKU25" s="8"/>
      <c r="JKV25" s="8"/>
      <c r="JKW25" s="8"/>
      <c r="JKX25" s="8"/>
      <c r="JKY25" s="8"/>
      <c r="JKZ25" s="8"/>
      <c r="JLA25" s="8"/>
      <c r="JLB25" s="8"/>
      <c r="JLC25" s="8"/>
      <c r="JLD25" s="8"/>
      <c r="JLE25" s="8"/>
      <c r="JLF25" s="8"/>
      <c r="JLG25" s="8"/>
      <c r="JLH25" s="8"/>
      <c r="JLI25" s="8"/>
      <c r="JLJ25" s="8"/>
      <c r="JLK25" s="8"/>
      <c r="JLL25" s="8"/>
      <c r="JLM25" s="8"/>
      <c r="JLN25" s="8"/>
      <c r="JLO25" s="8"/>
      <c r="JLP25" s="8"/>
      <c r="JLQ25" s="8"/>
      <c r="JLR25" s="8"/>
      <c r="JLS25" s="8"/>
      <c r="JLT25" s="8"/>
      <c r="JLU25" s="8"/>
      <c r="JLV25" s="8"/>
      <c r="JLW25" s="8"/>
      <c r="JLX25" s="8"/>
      <c r="JLY25" s="8"/>
      <c r="JLZ25" s="8"/>
      <c r="JMA25" s="8"/>
      <c r="JMB25" s="8"/>
      <c r="JMC25" s="8"/>
      <c r="JMD25" s="8"/>
      <c r="JME25" s="8"/>
      <c r="JMF25" s="8"/>
      <c r="JMG25" s="8"/>
      <c r="JMH25" s="8"/>
      <c r="JMI25" s="8"/>
      <c r="JMJ25" s="8"/>
      <c r="JMK25" s="8"/>
      <c r="JML25" s="8"/>
      <c r="JMM25" s="8"/>
      <c r="JMN25" s="8"/>
      <c r="JMO25" s="8"/>
      <c r="JMP25" s="8"/>
      <c r="JMQ25" s="8"/>
      <c r="JMR25" s="8"/>
      <c r="JMS25" s="8"/>
      <c r="JMT25" s="8"/>
      <c r="JMU25" s="8"/>
      <c r="JMV25" s="8"/>
      <c r="JMW25" s="8"/>
      <c r="JMX25" s="8"/>
      <c r="JMY25" s="8"/>
      <c r="JMZ25" s="8"/>
      <c r="JNA25" s="8"/>
      <c r="JNB25" s="8"/>
      <c r="JNC25" s="8"/>
      <c r="JND25" s="8"/>
      <c r="JNE25" s="8"/>
      <c r="JNF25" s="8"/>
      <c r="JNG25" s="8"/>
      <c r="JNH25" s="8"/>
      <c r="JNI25" s="8"/>
      <c r="JNJ25" s="8"/>
      <c r="JNK25" s="8"/>
      <c r="JNL25" s="8"/>
      <c r="JNM25" s="8"/>
      <c r="JNN25" s="8"/>
      <c r="JNO25" s="8"/>
      <c r="JNP25" s="8"/>
      <c r="JNQ25" s="8"/>
      <c r="JNR25" s="8"/>
      <c r="JNS25" s="8"/>
      <c r="JNT25" s="8"/>
      <c r="JNU25" s="8"/>
      <c r="JNV25" s="8"/>
      <c r="JNW25" s="8"/>
      <c r="JNX25" s="8"/>
      <c r="JNY25" s="8"/>
      <c r="JNZ25" s="8"/>
      <c r="JOA25" s="8"/>
      <c r="JOB25" s="8"/>
      <c r="JOC25" s="8"/>
      <c r="JOD25" s="8"/>
      <c r="JOE25" s="8"/>
      <c r="JOF25" s="8"/>
      <c r="JOG25" s="8"/>
      <c r="JOH25" s="8"/>
      <c r="JOI25" s="8"/>
      <c r="JOJ25" s="8"/>
      <c r="JOK25" s="8"/>
      <c r="JOL25" s="8"/>
      <c r="JOM25" s="8"/>
      <c r="JON25" s="8"/>
      <c r="JOO25" s="8"/>
      <c r="JOP25" s="8"/>
      <c r="JOQ25" s="8"/>
      <c r="JOR25" s="8"/>
      <c r="JOS25" s="8"/>
      <c r="JOT25" s="8"/>
      <c r="JOU25" s="8"/>
      <c r="JOV25" s="8"/>
      <c r="JOW25" s="8"/>
      <c r="JOX25" s="8"/>
      <c r="JOY25" s="8"/>
      <c r="JOZ25" s="8"/>
      <c r="JPA25" s="8"/>
      <c r="JPB25" s="8"/>
      <c r="JPC25" s="8"/>
      <c r="JPD25" s="8"/>
      <c r="JPE25" s="8"/>
      <c r="JPF25" s="8"/>
      <c r="JPG25" s="8"/>
      <c r="JPH25" s="8"/>
      <c r="JPI25" s="8"/>
      <c r="JPJ25" s="8"/>
      <c r="JPK25" s="8"/>
      <c r="JPL25" s="8"/>
      <c r="JPM25" s="8"/>
      <c r="JPN25" s="8"/>
      <c r="JPO25" s="8"/>
      <c r="JPP25" s="8"/>
      <c r="JPQ25" s="8"/>
      <c r="JPR25" s="8"/>
      <c r="JPS25" s="8"/>
      <c r="JPT25" s="8"/>
      <c r="JPU25" s="8"/>
      <c r="JPV25" s="8"/>
      <c r="JPW25" s="8"/>
      <c r="JPX25" s="8"/>
      <c r="JPY25" s="8"/>
      <c r="JPZ25" s="8"/>
      <c r="JQA25" s="8"/>
      <c r="JQB25" s="8"/>
      <c r="JQC25" s="8"/>
      <c r="JQD25" s="8"/>
      <c r="JQE25" s="8"/>
      <c r="JQF25" s="8"/>
      <c r="JQG25" s="8"/>
      <c r="JQH25" s="8"/>
      <c r="JQI25" s="8"/>
      <c r="JQJ25" s="8"/>
      <c r="JQK25" s="8"/>
      <c r="JQL25" s="8"/>
      <c r="JQM25" s="8"/>
      <c r="JQN25" s="8"/>
      <c r="JQO25" s="8"/>
      <c r="JQP25" s="8"/>
      <c r="JQQ25" s="8"/>
      <c r="JQR25" s="8"/>
      <c r="JQS25" s="8"/>
      <c r="JQT25" s="8"/>
      <c r="JQU25" s="8"/>
      <c r="JQV25" s="8"/>
      <c r="JQW25" s="8"/>
      <c r="JQX25" s="8"/>
      <c r="JQY25" s="8"/>
      <c r="JQZ25" s="8"/>
      <c r="JRA25" s="8"/>
      <c r="JRB25" s="8"/>
      <c r="JRC25" s="8"/>
      <c r="JRD25" s="8"/>
      <c r="JRE25" s="8"/>
      <c r="JRF25" s="8"/>
      <c r="JRG25" s="8"/>
      <c r="JRH25" s="8"/>
      <c r="JRI25" s="8"/>
      <c r="JRJ25" s="8"/>
      <c r="JRK25" s="8"/>
      <c r="JRL25" s="8"/>
      <c r="JRM25" s="8"/>
      <c r="JRN25" s="8"/>
      <c r="JRO25" s="8"/>
      <c r="JRP25" s="8"/>
      <c r="JRQ25" s="8"/>
      <c r="JRR25" s="8"/>
      <c r="JRS25" s="8"/>
      <c r="JRT25" s="8"/>
      <c r="JRU25" s="8"/>
      <c r="JRV25" s="8"/>
      <c r="JRW25" s="8"/>
      <c r="JRX25" s="8"/>
      <c r="JRY25" s="8"/>
      <c r="JRZ25" s="8"/>
      <c r="JSA25" s="8"/>
      <c r="JSB25" s="8"/>
      <c r="JSC25" s="8"/>
      <c r="JSD25" s="8"/>
      <c r="JSE25" s="8"/>
      <c r="JSF25" s="8"/>
      <c r="JSG25" s="8"/>
      <c r="JSH25" s="8"/>
      <c r="JSI25" s="8"/>
      <c r="JSJ25" s="8"/>
      <c r="JSK25" s="8"/>
      <c r="JSL25" s="8"/>
      <c r="JSM25" s="8"/>
      <c r="JSN25" s="8"/>
      <c r="JSO25" s="8"/>
      <c r="JSP25" s="8"/>
      <c r="JSQ25" s="8"/>
      <c r="JSR25" s="8"/>
      <c r="JSS25" s="8"/>
      <c r="JST25" s="8"/>
      <c r="JSU25" s="8"/>
      <c r="JSV25" s="8"/>
      <c r="JSW25" s="8"/>
      <c r="JSX25" s="8"/>
      <c r="JSY25" s="8"/>
      <c r="JSZ25" s="8"/>
      <c r="JTA25" s="8"/>
      <c r="JTB25" s="8"/>
      <c r="JTC25" s="8"/>
      <c r="JTD25" s="8"/>
      <c r="JTE25" s="8"/>
      <c r="JTF25" s="8"/>
      <c r="JTG25" s="8"/>
      <c r="JTH25" s="8"/>
      <c r="JTI25" s="8"/>
      <c r="JTJ25" s="8"/>
      <c r="JTK25" s="8"/>
      <c r="JTL25" s="8"/>
      <c r="JTM25" s="8"/>
      <c r="JTN25" s="8"/>
      <c r="JTO25" s="8"/>
      <c r="JTP25" s="8"/>
      <c r="JTQ25" s="8"/>
      <c r="JTR25" s="8"/>
      <c r="JTS25" s="8"/>
      <c r="JTT25" s="8"/>
      <c r="JTU25" s="8"/>
      <c r="JTV25" s="8"/>
      <c r="JTW25" s="8"/>
      <c r="JTX25" s="8"/>
      <c r="JTY25" s="8"/>
      <c r="JTZ25" s="8"/>
      <c r="JUA25" s="8"/>
      <c r="JUB25" s="8"/>
      <c r="JUC25" s="8"/>
      <c r="JUD25" s="8"/>
      <c r="JUE25" s="8"/>
      <c r="JUF25" s="8"/>
      <c r="JUG25" s="8"/>
      <c r="JUH25" s="8"/>
      <c r="JUI25" s="8"/>
      <c r="JUJ25" s="8"/>
      <c r="JUK25" s="8"/>
      <c r="JUL25" s="8"/>
      <c r="JUM25" s="8"/>
      <c r="JUN25" s="8"/>
      <c r="JUO25" s="8"/>
      <c r="JUP25" s="8"/>
      <c r="JUQ25" s="8"/>
      <c r="JUR25" s="8"/>
      <c r="JUS25" s="8"/>
      <c r="JUT25" s="8"/>
      <c r="JUU25" s="8"/>
      <c r="JUV25" s="8"/>
      <c r="JUW25" s="8"/>
      <c r="JUX25" s="8"/>
      <c r="JUY25" s="8"/>
      <c r="JUZ25" s="8"/>
      <c r="JVA25" s="8"/>
      <c r="JVB25" s="8"/>
      <c r="JVC25" s="8"/>
      <c r="JVD25" s="8"/>
      <c r="JVE25" s="8"/>
      <c r="JVF25" s="8"/>
      <c r="JVG25" s="8"/>
      <c r="JVH25" s="8"/>
      <c r="JVI25" s="8"/>
      <c r="JVJ25" s="8"/>
      <c r="JVK25" s="8"/>
      <c r="JVL25" s="8"/>
      <c r="JVM25" s="8"/>
      <c r="JVN25" s="8"/>
      <c r="JVO25" s="8"/>
      <c r="JVP25" s="8"/>
      <c r="JVQ25" s="8"/>
      <c r="JVR25" s="8"/>
      <c r="JVS25" s="8"/>
      <c r="JVT25" s="8"/>
      <c r="JVU25" s="8"/>
      <c r="JVV25" s="8"/>
      <c r="JVW25" s="8"/>
      <c r="JVX25" s="8"/>
      <c r="JVY25" s="8"/>
      <c r="JVZ25" s="8"/>
      <c r="JWA25" s="8"/>
      <c r="JWB25" s="8"/>
      <c r="JWC25" s="8"/>
      <c r="JWD25" s="8"/>
      <c r="JWE25" s="8"/>
      <c r="JWF25" s="8"/>
      <c r="JWG25" s="8"/>
      <c r="JWH25" s="8"/>
      <c r="JWI25" s="8"/>
      <c r="JWJ25" s="8"/>
      <c r="JWK25" s="8"/>
      <c r="JWL25" s="8"/>
      <c r="JWM25" s="8"/>
      <c r="JWN25" s="8"/>
      <c r="JWO25" s="8"/>
      <c r="JWP25" s="8"/>
      <c r="JWQ25" s="8"/>
      <c r="JWR25" s="8"/>
      <c r="JWS25" s="8"/>
      <c r="JWT25" s="8"/>
      <c r="JWU25" s="8"/>
      <c r="JWV25" s="8"/>
      <c r="JWW25" s="8"/>
      <c r="JWX25" s="8"/>
      <c r="JWY25" s="8"/>
      <c r="JWZ25" s="8"/>
      <c r="JXA25" s="8"/>
      <c r="JXB25" s="8"/>
      <c r="JXC25" s="8"/>
      <c r="JXD25" s="8"/>
      <c r="JXE25" s="8"/>
      <c r="JXF25" s="8"/>
      <c r="JXG25" s="8"/>
      <c r="JXH25" s="8"/>
      <c r="JXI25" s="8"/>
      <c r="JXJ25" s="8"/>
      <c r="JXK25" s="8"/>
      <c r="JXL25" s="8"/>
      <c r="JXM25" s="8"/>
      <c r="JXN25" s="8"/>
      <c r="JXO25" s="8"/>
      <c r="JXP25" s="8"/>
      <c r="JXQ25" s="8"/>
      <c r="JXR25" s="8"/>
      <c r="JXS25" s="8"/>
      <c r="JXT25" s="8"/>
      <c r="JXU25" s="8"/>
      <c r="JXV25" s="8"/>
      <c r="JXW25" s="8"/>
      <c r="JXX25" s="8"/>
      <c r="JXY25" s="8"/>
      <c r="JXZ25" s="8"/>
      <c r="JYA25" s="8"/>
      <c r="JYB25" s="8"/>
      <c r="JYC25" s="8"/>
      <c r="JYD25" s="8"/>
      <c r="JYE25" s="8"/>
      <c r="JYF25" s="8"/>
      <c r="JYG25" s="8"/>
      <c r="JYH25" s="8"/>
      <c r="JYI25" s="8"/>
      <c r="JYJ25" s="8"/>
      <c r="JYK25" s="8"/>
      <c r="JYL25" s="8"/>
      <c r="JYM25" s="8"/>
      <c r="JYN25" s="8"/>
      <c r="JYO25" s="8"/>
      <c r="JYP25" s="8"/>
      <c r="JYQ25" s="8"/>
      <c r="JYR25" s="8"/>
      <c r="JYS25" s="8"/>
      <c r="JYT25" s="8"/>
      <c r="JYU25" s="8"/>
      <c r="JYV25" s="8"/>
      <c r="JYW25" s="8"/>
      <c r="JYX25" s="8"/>
      <c r="JYY25" s="8"/>
      <c r="JYZ25" s="8"/>
      <c r="JZA25" s="8"/>
      <c r="JZB25" s="8"/>
      <c r="JZC25" s="8"/>
      <c r="JZD25" s="8"/>
      <c r="JZE25" s="8"/>
      <c r="JZF25" s="8"/>
      <c r="JZG25" s="8"/>
      <c r="JZH25" s="8"/>
      <c r="JZI25" s="8"/>
      <c r="JZJ25" s="8"/>
      <c r="JZK25" s="8"/>
      <c r="JZL25" s="8"/>
      <c r="JZM25" s="8"/>
      <c r="JZN25" s="8"/>
      <c r="JZO25" s="8"/>
      <c r="JZP25" s="8"/>
      <c r="JZQ25" s="8"/>
      <c r="JZR25" s="8"/>
      <c r="JZS25" s="8"/>
      <c r="JZT25" s="8"/>
      <c r="JZU25" s="8"/>
      <c r="JZV25" s="8"/>
      <c r="JZW25" s="8"/>
      <c r="JZX25" s="8"/>
      <c r="JZY25" s="8"/>
      <c r="JZZ25" s="8"/>
      <c r="KAA25" s="8"/>
      <c r="KAB25" s="8"/>
      <c r="KAC25" s="8"/>
      <c r="KAD25" s="8"/>
      <c r="KAE25" s="8"/>
      <c r="KAF25" s="8"/>
      <c r="KAG25" s="8"/>
      <c r="KAH25" s="8"/>
      <c r="KAI25" s="8"/>
      <c r="KAJ25" s="8"/>
      <c r="KAK25" s="8"/>
      <c r="KAL25" s="8"/>
      <c r="KAM25" s="8"/>
      <c r="KAN25" s="8"/>
      <c r="KAO25" s="8"/>
      <c r="KAP25" s="8"/>
      <c r="KAQ25" s="8"/>
      <c r="KAR25" s="8"/>
      <c r="KAS25" s="8"/>
      <c r="KAT25" s="8"/>
      <c r="KAU25" s="8"/>
      <c r="KAV25" s="8"/>
      <c r="KAW25" s="8"/>
      <c r="KAX25" s="8"/>
      <c r="KAY25" s="8"/>
      <c r="KAZ25" s="8"/>
      <c r="KBA25" s="8"/>
      <c r="KBB25" s="8"/>
      <c r="KBC25" s="8"/>
      <c r="KBD25" s="8"/>
      <c r="KBE25" s="8"/>
      <c r="KBF25" s="8"/>
      <c r="KBG25" s="8"/>
      <c r="KBH25" s="8"/>
      <c r="KBI25" s="8"/>
      <c r="KBJ25" s="8"/>
      <c r="KBK25" s="8"/>
      <c r="KBL25" s="8"/>
      <c r="KBM25" s="8"/>
      <c r="KBN25" s="8"/>
      <c r="KBO25" s="8"/>
      <c r="KBP25" s="8"/>
      <c r="KBQ25" s="8"/>
      <c r="KBR25" s="8"/>
      <c r="KBS25" s="8"/>
      <c r="KBT25" s="8"/>
      <c r="KBU25" s="8"/>
      <c r="KBV25" s="8"/>
      <c r="KBW25" s="8"/>
      <c r="KBX25" s="8"/>
      <c r="KBY25" s="8"/>
      <c r="KBZ25" s="8"/>
      <c r="KCA25" s="8"/>
      <c r="KCB25" s="8"/>
      <c r="KCC25" s="8"/>
      <c r="KCD25" s="8"/>
      <c r="KCE25" s="8"/>
      <c r="KCF25" s="8"/>
      <c r="KCG25" s="8"/>
      <c r="KCH25" s="8"/>
      <c r="KCI25" s="8"/>
      <c r="KCJ25" s="8"/>
      <c r="KCK25" s="8"/>
      <c r="KCL25" s="8"/>
      <c r="KCM25" s="8"/>
      <c r="KCN25" s="8"/>
      <c r="KCO25" s="8"/>
      <c r="KCP25" s="8"/>
      <c r="KCQ25" s="8"/>
      <c r="KCR25" s="8"/>
      <c r="KCS25" s="8"/>
      <c r="KCT25" s="8"/>
      <c r="KCU25" s="8"/>
      <c r="KCV25" s="8"/>
      <c r="KCW25" s="8"/>
      <c r="KCX25" s="8"/>
      <c r="KCY25" s="8"/>
      <c r="KCZ25" s="8"/>
      <c r="KDA25" s="8"/>
      <c r="KDB25" s="8"/>
      <c r="KDC25" s="8"/>
      <c r="KDD25" s="8"/>
      <c r="KDE25" s="8"/>
      <c r="KDF25" s="8"/>
      <c r="KDG25" s="8"/>
      <c r="KDH25" s="8"/>
      <c r="KDI25" s="8"/>
      <c r="KDJ25" s="8"/>
      <c r="KDK25" s="8"/>
      <c r="KDL25" s="8"/>
      <c r="KDM25" s="8"/>
      <c r="KDN25" s="8"/>
      <c r="KDO25" s="8"/>
      <c r="KDP25" s="8"/>
      <c r="KDQ25" s="8"/>
      <c r="KDR25" s="8"/>
      <c r="KDS25" s="8"/>
      <c r="KDT25" s="8"/>
      <c r="KDU25" s="8"/>
      <c r="KDV25" s="8"/>
      <c r="KDW25" s="8"/>
      <c r="KDX25" s="8"/>
      <c r="KDY25" s="8"/>
      <c r="KDZ25" s="8"/>
      <c r="KEA25" s="8"/>
      <c r="KEB25" s="8"/>
      <c r="KEC25" s="8"/>
      <c r="KED25" s="8"/>
      <c r="KEE25" s="8"/>
      <c r="KEF25" s="8"/>
      <c r="KEG25" s="8"/>
      <c r="KEH25" s="8"/>
      <c r="KEI25" s="8"/>
      <c r="KEJ25" s="8"/>
      <c r="KEK25" s="8"/>
      <c r="KEL25" s="8"/>
      <c r="KEM25" s="8"/>
      <c r="KEN25" s="8"/>
      <c r="KEO25" s="8"/>
      <c r="KEP25" s="8"/>
      <c r="KEQ25" s="8"/>
      <c r="KER25" s="8"/>
      <c r="KES25" s="8"/>
      <c r="KET25" s="8"/>
      <c r="KEU25" s="8"/>
      <c r="KEV25" s="8"/>
      <c r="KEW25" s="8"/>
      <c r="KEX25" s="8"/>
      <c r="KEY25" s="8"/>
      <c r="KEZ25" s="8"/>
      <c r="KFA25" s="8"/>
      <c r="KFB25" s="8"/>
      <c r="KFC25" s="8"/>
      <c r="KFD25" s="8"/>
      <c r="KFE25" s="8"/>
      <c r="KFF25" s="8"/>
      <c r="KFG25" s="8"/>
      <c r="KFH25" s="8"/>
      <c r="KFI25" s="8"/>
      <c r="KFJ25" s="8"/>
      <c r="KFK25" s="8"/>
      <c r="KFL25" s="8"/>
      <c r="KFM25" s="8"/>
      <c r="KFN25" s="8"/>
      <c r="KFO25" s="8"/>
      <c r="KFP25" s="8"/>
      <c r="KFQ25" s="8"/>
      <c r="KFR25" s="8"/>
      <c r="KFS25" s="8"/>
      <c r="KFT25" s="8"/>
      <c r="KFU25" s="8"/>
      <c r="KFV25" s="8"/>
      <c r="KFW25" s="8"/>
      <c r="KFX25" s="8"/>
      <c r="KFY25" s="8"/>
      <c r="KFZ25" s="8"/>
      <c r="KGA25" s="8"/>
      <c r="KGB25" s="8"/>
      <c r="KGC25" s="8"/>
      <c r="KGD25" s="8"/>
      <c r="KGE25" s="8"/>
      <c r="KGF25" s="8"/>
      <c r="KGG25" s="8"/>
      <c r="KGH25" s="8"/>
      <c r="KGI25" s="8"/>
      <c r="KGJ25" s="8"/>
      <c r="KGK25" s="8"/>
      <c r="KGL25" s="8"/>
      <c r="KGM25" s="8"/>
      <c r="KGN25" s="8"/>
      <c r="KGO25" s="8"/>
      <c r="KGP25" s="8"/>
      <c r="KGQ25" s="8"/>
      <c r="KGR25" s="8"/>
      <c r="KGS25" s="8"/>
      <c r="KGT25" s="8"/>
      <c r="KGU25" s="8"/>
      <c r="KGV25" s="8"/>
      <c r="KGW25" s="8"/>
      <c r="KGX25" s="8"/>
      <c r="KGY25" s="8"/>
      <c r="KGZ25" s="8"/>
      <c r="KHA25" s="8"/>
      <c r="KHB25" s="8"/>
      <c r="KHC25" s="8"/>
      <c r="KHD25" s="8"/>
      <c r="KHE25" s="8"/>
      <c r="KHF25" s="8"/>
      <c r="KHG25" s="8"/>
      <c r="KHH25" s="8"/>
      <c r="KHI25" s="8"/>
      <c r="KHJ25" s="8"/>
      <c r="KHK25" s="8"/>
      <c r="KHL25" s="8"/>
      <c r="KHM25" s="8"/>
      <c r="KHN25" s="8"/>
      <c r="KHO25" s="8"/>
      <c r="KHP25" s="8"/>
      <c r="KHQ25" s="8"/>
      <c r="KHR25" s="8"/>
      <c r="KHS25" s="8"/>
      <c r="KHT25" s="8"/>
      <c r="KHU25" s="8"/>
      <c r="KHV25" s="8"/>
      <c r="KHW25" s="8"/>
      <c r="KHX25" s="8"/>
      <c r="KHY25" s="8"/>
      <c r="KHZ25" s="8"/>
      <c r="KIA25" s="8"/>
      <c r="KIB25" s="8"/>
      <c r="KIC25" s="8"/>
      <c r="KID25" s="8"/>
      <c r="KIE25" s="8"/>
      <c r="KIF25" s="8"/>
      <c r="KIG25" s="8"/>
      <c r="KIH25" s="8"/>
      <c r="KII25" s="8"/>
      <c r="KIJ25" s="8"/>
      <c r="KIK25" s="8"/>
      <c r="KIL25" s="8"/>
      <c r="KIM25" s="8"/>
      <c r="KIN25" s="8"/>
      <c r="KIO25" s="8"/>
      <c r="KIP25" s="8"/>
      <c r="KIQ25" s="8"/>
      <c r="KIR25" s="8"/>
      <c r="KIS25" s="8"/>
      <c r="KIT25" s="8"/>
      <c r="KIU25" s="8"/>
      <c r="KIV25" s="8"/>
      <c r="KIW25" s="8"/>
      <c r="KIX25" s="8"/>
      <c r="KIY25" s="8"/>
      <c r="KIZ25" s="8"/>
      <c r="KJA25" s="8"/>
      <c r="KJB25" s="8"/>
      <c r="KJC25" s="8"/>
      <c r="KJD25" s="8"/>
      <c r="KJE25" s="8"/>
      <c r="KJF25" s="8"/>
      <c r="KJG25" s="8"/>
      <c r="KJH25" s="8"/>
      <c r="KJI25" s="8"/>
      <c r="KJJ25" s="8"/>
      <c r="KJK25" s="8"/>
      <c r="KJL25" s="8"/>
      <c r="KJM25" s="8"/>
      <c r="KJN25" s="8"/>
      <c r="KJO25" s="8"/>
      <c r="KJP25" s="8"/>
      <c r="KJQ25" s="8"/>
      <c r="KJR25" s="8"/>
      <c r="KJS25" s="8"/>
      <c r="KJT25" s="8"/>
      <c r="KJU25" s="8"/>
      <c r="KJV25" s="8"/>
      <c r="KJW25" s="8"/>
      <c r="KJX25" s="8"/>
      <c r="KJY25" s="8"/>
      <c r="KJZ25" s="8"/>
      <c r="KKA25" s="8"/>
      <c r="KKB25" s="8"/>
      <c r="KKC25" s="8"/>
      <c r="KKD25" s="8"/>
      <c r="KKE25" s="8"/>
      <c r="KKF25" s="8"/>
      <c r="KKG25" s="8"/>
      <c r="KKH25" s="8"/>
      <c r="KKI25" s="8"/>
      <c r="KKJ25" s="8"/>
      <c r="KKK25" s="8"/>
      <c r="KKL25" s="8"/>
      <c r="KKM25" s="8"/>
      <c r="KKN25" s="8"/>
      <c r="KKO25" s="8"/>
      <c r="KKP25" s="8"/>
      <c r="KKQ25" s="8"/>
      <c r="KKR25" s="8"/>
      <c r="KKS25" s="8"/>
      <c r="KKT25" s="8"/>
      <c r="KKU25" s="8"/>
      <c r="KKV25" s="8"/>
      <c r="KKW25" s="8"/>
      <c r="KKX25" s="8"/>
      <c r="KKY25" s="8"/>
      <c r="KKZ25" s="8"/>
      <c r="KLA25" s="8"/>
      <c r="KLB25" s="8"/>
      <c r="KLC25" s="8"/>
      <c r="KLD25" s="8"/>
      <c r="KLE25" s="8"/>
      <c r="KLF25" s="8"/>
      <c r="KLG25" s="8"/>
      <c r="KLH25" s="8"/>
      <c r="KLI25" s="8"/>
      <c r="KLJ25" s="8"/>
      <c r="KLK25" s="8"/>
      <c r="KLL25" s="8"/>
      <c r="KLM25" s="8"/>
      <c r="KLN25" s="8"/>
      <c r="KLO25" s="8"/>
      <c r="KLP25" s="8"/>
      <c r="KLQ25" s="8"/>
      <c r="KLR25" s="8"/>
      <c r="KLS25" s="8"/>
      <c r="KLT25" s="8"/>
      <c r="KLU25" s="8"/>
      <c r="KLV25" s="8"/>
      <c r="KLW25" s="8"/>
      <c r="KLX25" s="8"/>
      <c r="KLY25" s="8"/>
      <c r="KLZ25" s="8"/>
      <c r="KMA25" s="8"/>
      <c r="KMB25" s="8"/>
      <c r="KMC25" s="8"/>
      <c r="KMD25" s="8"/>
      <c r="KME25" s="8"/>
      <c r="KMF25" s="8"/>
      <c r="KMG25" s="8"/>
      <c r="KMH25" s="8"/>
      <c r="KMI25" s="8"/>
      <c r="KMJ25" s="8"/>
      <c r="KMK25" s="8"/>
      <c r="KML25" s="8"/>
      <c r="KMM25" s="8"/>
      <c r="KMN25" s="8"/>
      <c r="KMO25" s="8"/>
      <c r="KMP25" s="8"/>
      <c r="KMQ25" s="8"/>
      <c r="KMR25" s="8"/>
      <c r="KMS25" s="8"/>
      <c r="KMT25" s="8"/>
      <c r="KMU25" s="8"/>
      <c r="KMV25" s="8"/>
      <c r="KMW25" s="8"/>
      <c r="KMX25" s="8"/>
      <c r="KMY25" s="8"/>
      <c r="KMZ25" s="8"/>
      <c r="KNA25" s="8"/>
      <c r="KNB25" s="8"/>
      <c r="KNC25" s="8"/>
      <c r="KND25" s="8"/>
      <c r="KNE25" s="8"/>
      <c r="KNF25" s="8"/>
      <c r="KNG25" s="8"/>
      <c r="KNH25" s="8"/>
      <c r="KNI25" s="8"/>
      <c r="KNJ25" s="8"/>
      <c r="KNK25" s="8"/>
      <c r="KNL25" s="8"/>
      <c r="KNM25" s="8"/>
      <c r="KNN25" s="8"/>
      <c r="KNO25" s="8"/>
      <c r="KNP25" s="8"/>
      <c r="KNQ25" s="8"/>
      <c r="KNR25" s="8"/>
      <c r="KNS25" s="8"/>
      <c r="KNT25" s="8"/>
      <c r="KNU25" s="8"/>
      <c r="KNV25" s="8"/>
      <c r="KNW25" s="8"/>
      <c r="KNX25" s="8"/>
      <c r="KNY25" s="8"/>
      <c r="KNZ25" s="8"/>
      <c r="KOA25" s="8"/>
      <c r="KOB25" s="8"/>
      <c r="KOC25" s="8"/>
      <c r="KOD25" s="8"/>
      <c r="KOE25" s="8"/>
      <c r="KOF25" s="8"/>
      <c r="KOG25" s="8"/>
      <c r="KOH25" s="8"/>
      <c r="KOI25" s="8"/>
      <c r="KOJ25" s="8"/>
      <c r="KOK25" s="8"/>
      <c r="KOL25" s="8"/>
      <c r="KOM25" s="8"/>
      <c r="KON25" s="8"/>
      <c r="KOO25" s="8"/>
      <c r="KOP25" s="8"/>
      <c r="KOQ25" s="8"/>
      <c r="KOR25" s="8"/>
      <c r="KOS25" s="8"/>
      <c r="KOT25" s="8"/>
      <c r="KOU25" s="8"/>
      <c r="KOV25" s="8"/>
      <c r="KOW25" s="8"/>
      <c r="KOX25" s="8"/>
      <c r="KOY25" s="8"/>
      <c r="KOZ25" s="8"/>
      <c r="KPA25" s="8"/>
      <c r="KPB25" s="8"/>
      <c r="KPC25" s="8"/>
      <c r="KPD25" s="8"/>
      <c r="KPE25" s="8"/>
      <c r="KPF25" s="8"/>
      <c r="KPG25" s="8"/>
      <c r="KPH25" s="8"/>
      <c r="KPI25" s="8"/>
      <c r="KPJ25" s="8"/>
      <c r="KPK25" s="8"/>
      <c r="KPL25" s="8"/>
      <c r="KPM25" s="8"/>
      <c r="KPN25" s="8"/>
      <c r="KPO25" s="8"/>
      <c r="KPP25" s="8"/>
      <c r="KPQ25" s="8"/>
      <c r="KPR25" s="8"/>
      <c r="KPS25" s="8"/>
      <c r="KPT25" s="8"/>
      <c r="KPU25" s="8"/>
      <c r="KPV25" s="8"/>
      <c r="KPW25" s="8"/>
      <c r="KPX25" s="8"/>
      <c r="KPY25" s="8"/>
      <c r="KPZ25" s="8"/>
      <c r="KQA25" s="8"/>
      <c r="KQB25" s="8"/>
      <c r="KQC25" s="8"/>
      <c r="KQD25" s="8"/>
      <c r="KQE25" s="8"/>
      <c r="KQF25" s="8"/>
      <c r="KQG25" s="8"/>
      <c r="KQH25" s="8"/>
      <c r="KQI25" s="8"/>
      <c r="KQJ25" s="8"/>
      <c r="KQK25" s="8"/>
      <c r="KQL25" s="8"/>
      <c r="KQM25" s="8"/>
      <c r="KQN25" s="8"/>
      <c r="KQO25" s="8"/>
      <c r="KQP25" s="8"/>
      <c r="KQQ25" s="8"/>
      <c r="KQR25" s="8"/>
      <c r="KQS25" s="8"/>
      <c r="KQT25" s="8"/>
      <c r="KQU25" s="8"/>
      <c r="KQV25" s="8"/>
      <c r="KQW25" s="8"/>
      <c r="KQX25" s="8"/>
      <c r="KQY25" s="8"/>
      <c r="KQZ25" s="8"/>
      <c r="KRA25" s="8"/>
      <c r="KRB25" s="8"/>
      <c r="KRC25" s="8"/>
      <c r="KRD25" s="8"/>
      <c r="KRE25" s="8"/>
      <c r="KRF25" s="8"/>
      <c r="KRG25" s="8"/>
      <c r="KRH25" s="8"/>
      <c r="KRI25" s="8"/>
      <c r="KRJ25" s="8"/>
      <c r="KRK25" s="8"/>
      <c r="KRL25" s="8"/>
      <c r="KRM25" s="8"/>
      <c r="KRN25" s="8"/>
      <c r="KRO25" s="8"/>
      <c r="KRP25" s="8"/>
      <c r="KRQ25" s="8"/>
      <c r="KRR25" s="8"/>
      <c r="KRS25" s="8"/>
      <c r="KRT25" s="8"/>
      <c r="KRU25" s="8"/>
      <c r="KRV25" s="8"/>
      <c r="KRW25" s="8"/>
      <c r="KRX25" s="8"/>
      <c r="KRY25" s="8"/>
      <c r="KRZ25" s="8"/>
      <c r="KSA25" s="8"/>
      <c r="KSB25" s="8"/>
      <c r="KSC25" s="8"/>
      <c r="KSD25" s="8"/>
      <c r="KSE25" s="8"/>
      <c r="KSF25" s="8"/>
      <c r="KSG25" s="8"/>
      <c r="KSH25" s="8"/>
      <c r="KSI25" s="8"/>
      <c r="KSJ25" s="8"/>
      <c r="KSK25" s="8"/>
      <c r="KSL25" s="8"/>
      <c r="KSM25" s="8"/>
      <c r="KSN25" s="8"/>
      <c r="KSO25" s="8"/>
      <c r="KSP25" s="8"/>
      <c r="KSQ25" s="8"/>
      <c r="KSR25" s="8"/>
      <c r="KSS25" s="8"/>
      <c r="KST25" s="8"/>
      <c r="KSU25" s="8"/>
      <c r="KSV25" s="8"/>
      <c r="KSW25" s="8"/>
      <c r="KSX25" s="8"/>
      <c r="KSY25" s="8"/>
      <c r="KSZ25" s="8"/>
      <c r="KTA25" s="8"/>
      <c r="KTB25" s="8"/>
      <c r="KTC25" s="8"/>
      <c r="KTD25" s="8"/>
      <c r="KTE25" s="8"/>
      <c r="KTF25" s="8"/>
      <c r="KTG25" s="8"/>
      <c r="KTH25" s="8"/>
      <c r="KTI25" s="8"/>
      <c r="KTJ25" s="8"/>
      <c r="KTK25" s="8"/>
      <c r="KTL25" s="8"/>
      <c r="KTM25" s="8"/>
      <c r="KTN25" s="8"/>
      <c r="KTO25" s="8"/>
      <c r="KTP25" s="8"/>
      <c r="KTQ25" s="8"/>
      <c r="KTR25" s="8"/>
      <c r="KTS25" s="8"/>
      <c r="KTT25" s="8"/>
      <c r="KTU25" s="8"/>
      <c r="KTV25" s="8"/>
      <c r="KTW25" s="8"/>
      <c r="KTX25" s="8"/>
      <c r="KTY25" s="8"/>
      <c r="KTZ25" s="8"/>
      <c r="KUA25" s="8"/>
      <c r="KUB25" s="8"/>
      <c r="KUC25" s="8"/>
      <c r="KUD25" s="8"/>
      <c r="KUE25" s="8"/>
      <c r="KUF25" s="8"/>
      <c r="KUG25" s="8"/>
      <c r="KUH25" s="8"/>
      <c r="KUI25" s="8"/>
      <c r="KUJ25" s="8"/>
      <c r="KUK25" s="8"/>
      <c r="KUL25" s="8"/>
      <c r="KUM25" s="8"/>
      <c r="KUN25" s="8"/>
      <c r="KUO25" s="8"/>
      <c r="KUP25" s="8"/>
      <c r="KUQ25" s="8"/>
      <c r="KUR25" s="8"/>
      <c r="KUS25" s="8"/>
      <c r="KUT25" s="8"/>
      <c r="KUU25" s="8"/>
      <c r="KUV25" s="8"/>
      <c r="KUW25" s="8"/>
      <c r="KUX25" s="8"/>
      <c r="KUY25" s="8"/>
      <c r="KUZ25" s="8"/>
      <c r="KVA25" s="8"/>
      <c r="KVB25" s="8"/>
      <c r="KVC25" s="8"/>
      <c r="KVD25" s="8"/>
      <c r="KVE25" s="8"/>
      <c r="KVF25" s="8"/>
      <c r="KVG25" s="8"/>
      <c r="KVH25" s="8"/>
      <c r="KVI25" s="8"/>
      <c r="KVJ25" s="8"/>
      <c r="KVK25" s="8"/>
      <c r="KVL25" s="8"/>
      <c r="KVM25" s="8"/>
      <c r="KVN25" s="8"/>
      <c r="KVO25" s="8"/>
      <c r="KVP25" s="8"/>
      <c r="KVQ25" s="8"/>
      <c r="KVR25" s="8"/>
      <c r="KVS25" s="8"/>
      <c r="KVT25" s="8"/>
      <c r="KVU25" s="8"/>
      <c r="KVV25" s="8"/>
      <c r="KVW25" s="8"/>
      <c r="KVX25" s="8"/>
      <c r="KVY25" s="8"/>
      <c r="KVZ25" s="8"/>
      <c r="KWA25" s="8"/>
      <c r="KWB25" s="8"/>
      <c r="KWC25" s="8"/>
      <c r="KWD25" s="8"/>
      <c r="KWE25" s="8"/>
      <c r="KWF25" s="8"/>
      <c r="KWG25" s="8"/>
      <c r="KWH25" s="8"/>
      <c r="KWI25" s="8"/>
      <c r="KWJ25" s="8"/>
      <c r="KWK25" s="8"/>
      <c r="KWL25" s="8"/>
      <c r="KWM25" s="8"/>
      <c r="KWN25" s="8"/>
      <c r="KWO25" s="8"/>
      <c r="KWP25" s="8"/>
      <c r="KWQ25" s="8"/>
      <c r="KWR25" s="8"/>
      <c r="KWS25" s="8"/>
      <c r="KWT25" s="8"/>
      <c r="KWU25" s="8"/>
      <c r="KWV25" s="8"/>
      <c r="KWW25" s="8"/>
      <c r="KWX25" s="8"/>
      <c r="KWY25" s="8"/>
      <c r="KWZ25" s="8"/>
      <c r="KXA25" s="8"/>
      <c r="KXB25" s="8"/>
      <c r="KXC25" s="8"/>
      <c r="KXD25" s="8"/>
      <c r="KXE25" s="8"/>
      <c r="KXF25" s="8"/>
      <c r="KXG25" s="8"/>
      <c r="KXH25" s="8"/>
      <c r="KXI25" s="8"/>
      <c r="KXJ25" s="8"/>
      <c r="KXK25" s="8"/>
      <c r="KXL25" s="8"/>
      <c r="KXM25" s="8"/>
      <c r="KXN25" s="8"/>
      <c r="KXO25" s="8"/>
      <c r="KXP25" s="8"/>
      <c r="KXQ25" s="8"/>
      <c r="KXR25" s="8"/>
      <c r="KXS25" s="8"/>
      <c r="KXT25" s="8"/>
      <c r="KXU25" s="8"/>
      <c r="KXV25" s="8"/>
      <c r="KXW25" s="8"/>
      <c r="KXX25" s="8"/>
      <c r="KXY25" s="8"/>
      <c r="KXZ25" s="8"/>
      <c r="KYA25" s="8"/>
      <c r="KYB25" s="8"/>
      <c r="KYC25" s="8"/>
      <c r="KYD25" s="8"/>
      <c r="KYE25" s="8"/>
      <c r="KYF25" s="8"/>
      <c r="KYG25" s="8"/>
      <c r="KYH25" s="8"/>
      <c r="KYI25" s="8"/>
      <c r="KYJ25" s="8"/>
      <c r="KYK25" s="8"/>
      <c r="KYL25" s="8"/>
      <c r="KYM25" s="8"/>
      <c r="KYN25" s="8"/>
      <c r="KYO25" s="8"/>
      <c r="KYP25" s="8"/>
      <c r="KYQ25" s="8"/>
      <c r="KYR25" s="8"/>
      <c r="KYS25" s="8"/>
      <c r="KYT25" s="8"/>
      <c r="KYU25" s="8"/>
      <c r="KYV25" s="8"/>
      <c r="KYW25" s="8"/>
      <c r="KYX25" s="8"/>
      <c r="KYY25" s="8"/>
      <c r="KYZ25" s="8"/>
      <c r="KZA25" s="8"/>
      <c r="KZB25" s="8"/>
      <c r="KZC25" s="8"/>
      <c r="KZD25" s="8"/>
      <c r="KZE25" s="8"/>
      <c r="KZF25" s="8"/>
      <c r="KZG25" s="8"/>
      <c r="KZH25" s="8"/>
      <c r="KZI25" s="8"/>
      <c r="KZJ25" s="8"/>
      <c r="KZK25" s="8"/>
      <c r="KZL25" s="8"/>
      <c r="KZM25" s="8"/>
      <c r="KZN25" s="8"/>
      <c r="KZO25" s="8"/>
      <c r="KZP25" s="8"/>
      <c r="KZQ25" s="8"/>
      <c r="KZR25" s="8"/>
      <c r="KZS25" s="8"/>
      <c r="KZT25" s="8"/>
      <c r="KZU25" s="8"/>
      <c r="KZV25" s="8"/>
      <c r="KZW25" s="8"/>
      <c r="KZX25" s="8"/>
      <c r="KZY25" s="8"/>
      <c r="KZZ25" s="8"/>
      <c r="LAA25" s="8"/>
      <c r="LAB25" s="8"/>
      <c r="LAC25" s="8"/>
      <c r="LAD25" s="8"/>
      <c r="LAE25" s="8"/>
      <c r="LAF25" s="8"/>
      <c r="LAG25" s="8"/>
      <c r="LAH25" s="8"/>
      <c r="LAI25" s="8"/>
      <c r="LAJ25" s="8"/>
      <c r="LAK25" s="8"/>
      <c r="LAL25" s="8"/>
      <c r="LAM25" s="8"/>
      <c r="LAN25" s="8"/>
      <c r="LAO25" s="8"/>
      <c r="LAP25" s="8"/>
      <c r="LAQ25" s="8"/>
      <c r="LAR25" s="8"/>
      <c r="LAS25" s="8"/>
      <c r="LAT25" s="8"/>
      <c r="LAU25" s="8"/>
      <c r="LAV25" s="8"/>
      <c r="LAW25" s="8"/>
      <c r="LAX25" s="8"/>
      <c r="LAY25" s="8"/>
      <c r="LAZ25" s="8"/>
      <c r="LBA25" s="8"/>
      <c r="LBB25" s="8"/>
      <c r="LBC25" s="8"/>
      <c r="LBD25" s="8"/>
      <c r="LBE25" s="8"/>
      <c r="LBF25" s="8"/>
      <c r="LBG25" s="8"/>
      <c r="LBH25" s="8"/>
      <c r="LBI25" s="8"/>
      <c r="LBJ25" s="8"/>
      <c r="LBK25" s="8"/>
      <c r="LBL25" s="8"/>
      <c r="LBM25" s="8"/>
      <c r="LBN25" s="8"/>
      <c r="LBO25" s="8"/>
      <c r="LBP25" s="8"/>
      <c r="LBQ25" s="8"/>
      <c r="LBR25" s="8"/>
      <c r="LBS25" s="8"/>
      <c r="LBT25" s="8"/>
      <c r="LBU25" s="8"/>
      <c r="LBV25" s="8"/>
      <c r="LBW25" s="8"/>
      <c r="LBX25" s="8"/>
      <c r="LBY25" s="8"/>
      <c r="LBZ25" s="8"/>
      <c r="LCA25" s="8"/>
      <c r="LCB25" s="8"/>
      <c r="LCC25" s="8"/>
      <c r="LCD25" s="8"/>
      <c r="LCE25" s="8"/>
      <c r="LCF25" s="8"/>
      <c r="LCG25" s="8"/>
      <c r="LCH25" s="8"/>
      <c r="LCI25" s="8"/>
      <c r="LCJ25" s="8"/>
      <c r="LCK25" s="8"/>
      <c r="LCL25" s="8"/>
      <c r="LCM25" s="8"/>
      <c r="LCN25" s="8"/>
      <c r="LCO25" s="8"/>
      <c r="LCP25" s="8"/>
      <c r="LCQ25" s="8"/>
      <c r="LCR25" s="8"/>
      <c r="LCS25" s="8"/>
      <c r="LCT25" s="8"/>
      <c r="LCU25" s="8"/>
      <c r="LCV25" s="8"/>
      <c r="LCW25" s="8"/>
      <c r="LCX25" s="8"/>
      <c r="LCY25" s="8"/>
      <c r="LCZ25" s="8"/>
      <c r="LDA25" s="8"/>
      <c r="LDB25" s="8"/>
      <c r="LDC25" s="8"/>
      <c r="LDD25" s="8"/>
      <c r="LDE25" s="8"/>
      <c r="LDF25" s="8"/>
      <c r="LDG25" s="8"/>
      <c r="LDH25" s="8"/>
      <c r="LDI25" s="8"/>
      <c r="LDJ25" s="8"/>
      <c r="LDK25" s="8"/>
      <c r="LDL25" s="8"/>
      <c r="LDM25" s="8"/>
      <c r="LDN25" s="8"/>
      <c r="LDO25" s="8"/>
      <c r="LDP25" s="8"/>
      <c r="LDQ25" s="8"/>
      <c r="LDR25" s="8"/>
      <c r="LDS25" s="8"/>
      <c r="LDT25" s="8"/>
      <c r="LDU25" s="8"/>
      <c r="LDV25" s="8"/>
      <c r="LDW25" s="8"/>
      <c r="LDX25" s="8"/>
      <c r="LDY25" s="8"/>
      <c r="LDZ25" s="8"/>
      <c r="LEA25" s="8"/>
      <c r="LEB25" s="8"/>
      <c r="LEC25" s="8"/>
      <c r="LED25" s="8"/>
      <c r="LEE25" s="8"/>
      <c r="LEF25" s="8"/>
      <c r="LEG25" s="8"/>
      <c r="LEH25" s="8"/>
      <c r="LEI25" s="8"/>
      <c r="LEJ25" s="8"/>
      <c r="LEK25" s="8"/>
      <c r="LEL25" s="8"/>
      <c r="LEM25" s="8"/>
      <c r="LEN25" s="8"/>
      <c r="LEO25" s="8"/>
      <c r="LEP25" s="8"/>
      <c r="LEQ25" s="8"/>
      <c r="LER25" s="8"/>
      <c r="LES25" s="8"/>
      <c r="LET25" s="8"/>
      <c r="LEU25" s="8"/>
      <c r="LEV25" s="8"/>
      <c r="LEW25" s="8"/>
      <c r="LEX25" s="8"/>
      <c r="LEY25" s="8"/>
      <c r="LEZ25" s="8"/>
      <c r="LFA25" s="8"/>
      <c r="LFB25" s="8"/>
      <c r="LFC25" s="8"/>
      <c r="LFD25" s="8"/>
      <c r="LFE25" s="8"/>
      <c r="LFF25" s="8"/>
      <c r="LFG25" s="8"/>
      <c r="LFH25" s="8"/>
      <c r="LFI25" s="8"/>
      <c r="LFJ25" s="8"/>
      <c r="LFK25" s="8"/>
      <c r="LFL25" s="8"/>
      <c r="LFM25" s="8"/>
      <c r="LFN25" s="8"/>
      <c r="LFO25" s="8"/>
      <c r="LFP25" s="8"/>
      <c r="LFQ25" s="8"/>
      <c r="LFR25" s="8"/>
      <c r="LFS25" s="8"/>
      <c r="LFT25" s="8"/>
      <c r="LFU25" s="8"/>
      <c r="LFV25" s="8"/>
      <c r="LFW25" s="8"/>
      <c r="LFX25" s="8"/>
      <c r="LFY25" s="8"/>
      <c r="LFZ25" s="8"/>
      <c r="LGA25" s="8"/>
      <c r="LGB25" s="8"/>
      <c r="LGC25" s="8"/>
      <c r="LGD25" s="8"/>
      <c r="LGE25" s="8"/>
      <c r="LGF25" s="8"/>
      <c r="LGG25" s="8"/>
      <c r="LGH25" s="8"/>
      <c r="LGI25" s="8"/>
      <c r="LGJ25" s="8"/>
      <c r="LGK25" s="8"/>
      <c r="LGL25" s="8"/>
      <c r="LGM25" s="8"/>
      <c r="LGN25" s="8"/>
      <c r="LGO25" s="8"/>
      <c r="LGP25" s="8"/>
      <c r="LGQ25" s="8"/>
      <c r="LGR25" s="8"/>
      <c r="LGS25" s="8"/>
      <c r="LGT25" s="8"/>
      <c r="LGU25" s="8"/>
      <c r="LGV25" s="8"/>
      <c r="LGW25" s="8"/>
      <c r="LGX25" s="8"/>
      <c r="LGY25" s="8"/>
      <c r="LGZ25" s="8"/>
      <c r="LHA25" s="8"/>
      <c r="LHB25" s="8"/>
      <c r="LHC25" s="8"/>
      <c r="LHD25" s="8"/>
      <c r="LHE25" s="8"/>
      <c r="LHF25" s="8"/>
      <c r="LHG25" s="8"/>
      <c r="LHH25" s="8"/>
      <c r="LHI25" s="8"/>
      <c r="LHJ25" s="8"/>
      <c r="LHK25" s="8"/>
      <c r="LHL25" s="8"/>
      <c r="LHM25" s="8"/>
      <c r="LHN25" s="8"/>
      <c r="LHO25" s="8"/>
      <c r="LHP25" s="8"/>
      <c r="LHQ25" s="8"/>
      <c r="LHR25" s="8"/>
      <c r="LHS25" s="8"/>
      <c r="LHT25" s="8"/>
      <c r="LHU25" s="8"/>
      <c r="LHV25" s="8"/>
      <c r="LHW25" s="8"/>
      <c r="LHX25" s="8"/>
      <c r="LHY25" s="8"/>
      <c r="LHZ25" s="8"/>
      <c r="LIA25" s="8"/>
      <c r="LIB25" s="8"/>
      <c r="LIC25" s="8"/>
      <c r="LID25" s="8"/>
      <c r="LIE25" s="8"/>
      <c r="LIF25" s="8"/>
      <c r="LIG25" s="8"/>
      <c r="LIH25" s="8"/>
      <c r="LII25" s="8"/>
      <c r="LIJ25" s="8"/>
      <c r="LIK25" s="8"/>
      <c r="LIL25" s="8"/>
      <c r="LIM25" s="8"/>
      <c r="LIN25" s="8"/>
      <c r="LIO25" s="8"/>
      <c r="LIP25" s="8"/>
      <c r="LIQ25" s="8"/>
      <c r="LIR25" s="8"/>
      <c r="LIS25" s="8"/>
      <c r="LIT25" s="8"/>
      <c r="LIU25" s="8"/>
      <c r="LIV25" s="8"/>
      <c r="LIW25" s="8"/>
      <c r="LIX25" s="8"/>
      <c r="LIY25" s="8"/>
      <c r="LIZ25" s="8"/>
      <c r="LJA25" s="8"/>
      <c r="LJB25" s="8"/>
      <c r="LJC25" s="8"/>
      <c r="LJD25" s="8"/>
      <c r="LJE25" s="8"/>
      <c r="LJF25" s="8"/>
      <c r="LJG25" s="8"/>
      <c r="LJH25" s="8"/>
      <c r="LJI25" s="8"/>
      <c r="LJJ25" s="8"/>
      <c r="LJK25" s="8"/>
      <c r="LJL25" s="8"/>
      <c r="LJM25" s="8"/>
      <c r="LJN25" s="8"/>
      <c r="LJO25" s="8"/>
      <c r="LJP25" s="8"/>
      <c r="LJQ25" s="8"/>
      <c r="LJR25" s="8"/>
      <c r="LJS25" s="8"/>
      <c r="LJT25" s="8"/>
      <c r="LJU25" s="8"/>
      <c r="LJV25" s="8"/>
      <c r="LJW25" s="8"/>
      <c r="LJX25" s="8"/>
      <c r="LJY25" s="8"/>
      <c r="LJZ25" s="8"/>
      <c r="LKA25" s="8"/>
      <c r="LKB25" s="8"/>
      <c r="LKC25" s="8"/>
      <c r="LKD25" s="8"/>
      <c r="LKE25" s="8"/>
      <c r="LKF25" s="8"/>
      <c r="LKG25" s="8"/>
      <c r="LKH25" s="8"/>
      <c r="LKI25" s="8"/>
      <c r="LKJ25" s="8"/>
      <c r="LKK25" s="8"/>
      <c r="LKL25" s="8"/>
      <c r="LKM25" s="8"/>
      <c r="LKN25" s="8"/>
      <c r="LKO25" s="8"/>
      <c r="LKP25" s="8"/>
      <c r="LKQ25" s="8"/>
      <c r="LKR25" s="8"/>
      <c r="LKS25" s="8"/>
      <c r="LKT25" s="8"/>
      <c r="LKU25" s="8"/>
      <c r="LKV25" s="8"/>
      <c r="LKW25" s="8"/>
      <c r="LKX25" s="8"/>
      <c r="LKY25" s="8"/>
      <c r="LKZ25" s="8"/>
      <c r="LLA25" s="8"/>
      <c r="LLB25" s="8"/>
      <c r="LLC25" s="8"/>
      <c r="LLD25" s="8"/>
      <c r="LLE25" s="8"/>
      <c r="LLF25" s="8"/>
      <c r="LLG25" s="8"/>
      <c r="LLH25" s="8"/>
      <c r="LLI25" s="8"/>
      <c r="LLJ25" s="8"/>
      <c r="LLK25" s="8"/>
      <c r="LLL25" s="8"/>
      <c r="LLM25" s="8"/>
      <c r="LLN25" s="8"/>
      <c r="LLO25" s="8"/>
      <c r="LLP25" s="8"/>
      <c r="LLQ25" s="8"/>
      <c r="LLR25" s="8"/>
      <c r="LLS25" s="8"/>
      <c r="LLT25" s="8"/>
      <c r="LLU25" s="8"/>
      <c r="LLV25" s="8"/>
      <c r="LLW25" s="8"/>
      <c r="LLX25" s="8"/>
      <c r="LLY25" s="8"/>
      <c r="LLZ25" s="8"/>
      <c r="LMA25" s="8"/>
      <c r="LMB25" s="8"/>
      <c r="LMC25" s="8"/>
      <c r="LMD25" s="8"/>
      <c r="LME25" s="8"/>
      <c r="LMF25" s="8"/>
      <c r="LMG25" s="8"/>
      <c r="LMH25" s="8"/>
      <c r="LMI25" s="8"/>
      <c r="LMJ25" s="8"/>
      <c r="LMK25" s="8"/>
      <c r="LML25" s="8"/>
      <c r="LMM25" s="8"/>
      <c r="LMN25" s="8"/>
      <c r="LMO25" s="8"/>
      <c r="LMP25" s="8"/>
      <c r="LMQ25" s="8"/>
      <c r="LMR25" s="8"/>
      <c r="LMS25" s="8"/>
      <c r="LMT25" s="8"/>
      <c r="LMU25" s="8"/>
      <c r="LMV25" s="8"/>
      <c r="LMW25" s="8"/>
      <c r="LMX25" s="8"/>
      <c r="LMY25" s="8"/>
      <c r="LMZ25" s="8"/>
      <c r="LNA25" s="8"/>
      <c r="LNB25" s="8"/>
      <c r="LNC25" s="8"/>
      <c r="LND25" s="8"/>
      <c r="LNE25" s="8"/>
      <c r="LNF25" s="8"/>
      <c r="LNG25" s="8"/>
      <c r="LNH25" s="8"/>
      <c r="LNI25" s="8"/>
      <c r="LNJ25" s="8"/>
      <c r="LNK25" s="8"/>
      <c r="LNL25" s="8"/>
      <c r="LNM25" s="8"/>
      <c r="LNN25" s="8"/>
      <c r="LNO25" s="8"/>
      <c r="LNP25" s="8"/>
      <c r="LNQ25" s="8"/>
      <c r="LNR25" s="8"/>
      <c r="LNS25" s="8"/>
      <c r="LNT25" s="8"/>
      <c r="LNU25" s="8"/>
      <c r="LNV25" s="8"/>
      <c r="LNW25" s="8"/>
      <c r="LNX25" s="8"/>
      <c r="LNY25" s="8"/>
      <c r="LNZ25" s="8"/>
      <c r="LOA25" s="8"/>
      <c r="LOB25" s="8"/>
      <c r="LOC25" s="8"/>
      <c r="LOD25" s="8"/>
      <c r="LOE25" s="8"/>
      <c r="LOF25" s="8"/>
      <c r="LOG25" s="8"/>
      <c r="LOH25" s="8"/>
      <c r="LOI25" s="8"/>
      <c r="LOJ25" s="8"/>
      <c r="LOK25" s="8"/>
      <c r="LOL25" s="8"/>
      <c r="LOM25" s="8"/>
      <c r="LON25" s="8"/>
      <c r="LOO25" s="8"/>
      <c r="LOP25" s="8"/>
      <c r="LOQ25" s="8"/>
      <c r="LOR25" s="8"/>
      <c r="LOS25" s="8"/>
      <c r="LOT25" s="8"/>
      <c r="LOU25" s="8"/>
      <c r="LOV25" s="8"/>
      <c r="LOW25" s="8"/>
      <c r="LOX25" s="8"/>
      <c r="LOY25" s="8"/>
      <c r="LOZ25" s="8"/>
      <c r="LPA25" s="8"/>
      <c r="LPB25" s="8"/>
      <c r="LPC25" s="8"/>
      <c r="LPD25" s="8"/>
      <c r="LPE25" s="8"/>
      <c r="LPF25" s="8"/>
      <c r="LPG25" s="8"/>
      <c r="LPH25" s="8"/>
      <c r="LPI25" s="8"/>
      <c r="LPJ25" s="8"/>
      <c r="LPK25" s="8"/>
      <c r="LPL25" s="8"/>
      <c r="LPM25" s="8"/>
      <c r="LPN25" s="8"/>
      <c r="LPO25" s="8"/>
      <c r="LPP25" s="8"/>
      <c r="LPQ25" s="8"/>
      <c r="LPR25" s="8"/>
      <c r="LPS25" s="8"/>
      <c r="LPT25" s="8"/>
      <c r="LPU25" s="8"/>
      <c r="LPV25" s="8"/>
      <c r="LPW25" s="8"/>
      <c r="LPX25" s="8"/>
      <c r="LPY25" s="8"/>
      <c r="LPZ25" s="8"/>
      <c r="LQA25" s="8"/>
      <c r="LQB25" s="8"/>
      <c r="LQC25" s="8"/>
      <c r="LQD25" s="8"/>
      <c r="LQE25" s="8"/>
      <c r="LQF25" s="8"/>
      <c r="LQG25" s="8"/>
      <c r="LQH25" s="8"/>
      <c r="LQI25" s="8"/>
      <c r="LQJ25" s="8"/>
      <c r="LQK25" s="8"/>
      <c r="LQL25" s="8"/>
      <c r="LQM25" s="8"/>
      <c r="LQN25" s="8"/>
      <c r="LQO25" s="8"/>
      <c r="LQP25" s="8"/>
      <c r="LQQ25" s="8"/>
      <c r="LQR25" s="8"/>
      <c r="LQS25" s="8"/>
      <c r="LQT25" s="8"/>
      <c r="LQU25" s="8"/>
      <c r="LQV25" s="8"/>
      <c r="LQW25" s="8"/>
      <c r="LQX25" s="8"/>
      <c r="LQY25" s="8"/>
      <c r="LQZ25" s="8"/>
      <c r="LRA25" s="8"/>
      <c r="LRB25" s="8"/>
      <c r="LRC25" s="8"/>
      <c r="LRD25" s="8"/>
      <c r="LRE25" s="8"/>
      <c r="LRF25" s="8"/>
      <c r="LRG25" s="8"/>
      <c r="LRH25" s="8"/>
      <c r="LRI25" s="8"/>
      <c r="LRJ25" s="8"/>
      <c r="LRK25" s="8"/>
      <c r="LRL25" s="8"/>
      <c r="LRM25" s="8"/>
      <c r="LRN25" s="8"/>
      <c r="LRO25" s="8"/>
      <c r="LRP25" s="8"/>
      <c r="LRQ25" s="8"/>
      <c r="LRR25" s="8"/>
      <c r="LRS25" s="8"/>
      <c r="LRT25" s="8"/>
      <c r="LRU25" s="8"/>
      <c r="LRV25" s="8"/>
      <c r="LRW25" s="8"/>
      <c r="LRX25" s="8"/>
      <c r="LRY25" s="8"/>
      <c r="LRZ25" s="8"/>
      <c r="LSA25" s="8"/>
      <c r="LSB25" s="8"/>
      <c r="LSC25" s="8"/>
      <c r="LSD25" s="8"/>
      <c r="LSE25" s="8"/>
      <c r="LSF25" s="8"/>
      <c r="LSG25" s="8"/>
      <c r="LSH25" s="8"/>
      <c r="LSI25" s="8"/>
      <c r="LSJ25" s="8"/>
      <c r="LSK25" s="8"/>
      <c r="LSL25" s="8"/>
      <c r="LSM25" s="8"/>
      <c r="LSN25" s="8"/>
      <c r="LSO25" s="8"/>
      <c r="LSP25" s="8"/>
      <c r="LSQ25" s="8"/>
      <c r="LSR25" s="8"/>
      <c r="LSS25" s="8"/>
      <c r="LST25" s="8"/>
      <c r="LSU25" s="8"/>
      <c r="LSV25" s="8"/>
      <c r="LSW25" s="8"/>
      <c r="LSX25" s="8"/>
      <c r="LSY25" s="8"/>
      <c r="LSZ25" s="8"/>
      <c r="LTA25" s="8"/>
      <c r="LTB25" s="8"/>
      <c r="LTC25" s="8"/>
      <c r="LTD25" s="8"/>
      <c r="LTE25" s="8"/>
      <c r="LTF25" s="8"/>
      <c r="LTG25" s="8"/>
      <c r="LTH25" s="8"/>
      <c r="LTI25" s="8"/>
      <c r="LTJ25" s="8"/>
      <c r="LTK25" s="8"/>
      <c r="LTL25" s="8"/>
      <c r="LTM25" s="8"/>
      <c r="LTN25" s="8"/>
      <c r="LTO25" s="8"/>
      <c r="LTP25" s="8"/>
      <c r="LTQ25" s="8"/>
      <c r="LTR25" s="8"/>
      <c r="LTS25" s="8"/>
      <c r="LTT25" s="8"/>
      <c r="LTU25" s="8"/>
      <c r="LTV25" s="8"/>
      <c r="LTW25" s="8"/>
      <c r="LTX25" s="8"/>
      <c r="LTY25" s="8"/>
      <c r="LTZ25" s="8"/>
      <c r="LUA25" s="8"/>
      <c r="LUB25" s="8"/>
      <c r="LUC25" s="8"/>
      <c r="LUD25" s="8"/>
      <c r="LUE25" s="8"/>
      <c r="LUF25" s="8"/>
      <c r="LUG25" s="8"/>
      <c r="LUH25" s="8"/>
      <c r="LUI25" s="8"/>
      <c r="LUJ25" s="8"/>
      <c r="LUK25" s="8"/>
      <c r="LUL25" s="8"/>
      <c r="LUM25" s="8"/>
      <c r="LUN25" s="8"/>
      <c r="LUO25" s="8"/>
      <c r="LUP25" s="8"/>
      <c r="LUQ25" s="8"/>
      <c r="LUR25" s="8"/>
      <c r="LUS25" s="8"/>
      <c r="LUT25" s="8"/>
      <c r="LUU25" s="8"/>
      <c r="LUV25" s="8"/>
      <c r="LUW25" s="8"/>
      <c r="LUX25" s="8"/>
      <c r="LUY25" s="8"/>
      <c r="LUZ25" s="8"/>
      <c r="LVA25" s="8"/>
      <c r="LVB25" s="8"/>
      <c r="LVC25" s="8"/>
      <c r="LVD25" s="8"/>
      <c r="LVE25" s="8"/>
      <c r="LVF25" s="8"/>
      <c r="LVG25" s="8"/>
      <c r="LVH25" s="8"/>
      <c r="LVI25" s="8"/>
      <c r="LVJ25" s="8"/>
      <c r="LVK25" s="8"/>
      <c r="LVL25" s="8"/>
      <c r="LVM25" s="8"/>
      <c r="LVN25" s="8"/>
      <c r="LVO25" s="8"/>
      <c r="LVP25" s="8"/>
      <c r="LVQ25" s="8"/>
      <c r="LVR25" s="8"/>
      <c r="LVS25" s="8"/>
      <c r="LVT25" s="8"/>
      <c r="LVU25" s="8"/>
      <c r="LVV25" s="8"/>
      <c r="LVW25" s="8"/>
      <c r="LVX25" s="8"/>
      <c r="LVY25" s="8"/>
      <c r="LVZ25" s="8"/>
      <c r="LWA25" s="8"/>
      <c r="LWB25" s="8"/>
      <c r="LWC25" s="8"/>
      <c r="LWD25" s="8"/>
      <c r="LWE25" s="8"/>
      <c r="LWF25" s="8"/>
      <c r="LWG25" s="8"/>
      <c r="LWH25" s="8"/>
      <c r="LWI25" s="8"/>
      <c r="LWJ25" s="8"/>
      <c r="LWK25" s="8"/>
      <c r="LWL25" s="8"/>
      <c r="LWM25" s="8"/>
      <c r="LWN25" s="8"/>
      <c r="LWO25" s="8"/>
      <c r="LWP25" s="8"/>
      <c r="LWQ25" s="8"/>
      <c r="LWR25" s="8"/>
      <c r="LWS25" s="8"/>
      <c r="LWT25" s="8"/>
      <c r="LWU25" s="8"/>
      <c r="LWV25" s="8"/>
      <c r="LWW25" s="8"/>
      <c r="LWX25" s="8"/>
      <c r="LWY25" s="8"/>
      <c r="LWZ25" s="8"/>
      <c r="LXA25" s="8"/>
      <c r="LXB25" s="8"/>
      <c r="LXC25" s="8"/>
      <c r="LXD25" s="8"/>
      <c r="LXE25" s="8"/>
      <c r="LXF25" s="8"/>
      <c r="LXG25" s="8"/>
      <c r="LXH25" s="8"/>
      <c r="LXI25" s="8"/>
      <c r="LXJ25" s="8"/>
      <c r="LXK25" s="8"/>
      <c r="LXL25" s="8"/>
      <c r="LXM25" s="8"/>
      <c r="LXN25" s="8"/>
      <c r="LXO25" s="8"/>
      <c r="LXP25" s="8"/>
      <c r="LXQ25" s="8"/>
      <c r="LXR25" s="8"/>
      <c r="LXS25" s="8"/>
      <c r="LXT25" s="8"/>
      <c r="LXU25" s="8"/>
      <c r="LXV25" s="8"/>
      <c r="LXW25" s="8"/>
      <c r="LXX25" s="8"/>
      <c r="LXY25" s="8"/>
      <c r="LXZ25" s="8"/>
      <c r="LYA25" s="8"/>
      <c r="LYB25" s="8"/>
      <c r="LYC25" s="8"/>
      <c r="LYD25" s="8"/>
      <c r="LYE25" s="8"/>
      <c r="LYF25" s="8"/>
      <c r="LYG25" s="8"/>
      <c r="LYH25" s="8"/>
      <c r="LYI25" s="8"/>
      <c r="LYJ25" s="8"/>
      <c r="LYK25" s="8"/>
      <c r="LYL25" s="8"/>
      <c r="LYM25" s="8"/>
      <c r="LYN25" s="8"/>
      <c r="LYO25" s="8"/>
      <c r="LYP25" s="8"/>
      <c r="LYQ25" s="8"/>
      <c r="LYR25" s="8"/>
      <c r="LYS25" s="8"/>
      <c r="LYT25" s="8"/>
      <c r="LYU25" s="8"/>
      <c r="LYV25" s="8"/>
      <c r="LYW25" s="8"/>
      <c r="LYX25" s="8"/>
      <c r="LYY25" s="8"/>
      <c r="LYZ25" s="8"/>
      <c r="LZA25" s="8"/>
      <c r="LZB25" s="8"/>
      <c r="LZC25" s="8"/>
      <c r="LZD25" s="8"/>
      <c r="LZE25" s="8"/>
      <c r="LZF25" s="8"/>
      <c r="LZG25" s="8"/>
      <c r="LZH25" s="8"/>
      <c r="LZI25" s="8"/>
      <c r="LZJ25" s="8"/>
      <c r="LZK25" s="8"/>
      <c r="LZL25" s="8"/>
      <c r="LZM25" s="8"/>
      <c r="LZN25" s="8"/>
      <c r="LZO25" s="8"/>
      <c r="LZP25" s="8"/>
      <c r="LZQ25" s="8"/>
      <c r="LZR25" s="8"/>
      <c r="LZS25" s="8"/>
      <c r="LZT25" s="8"/>
      <c r="LZU25" s="8"/>
      <c r="LZV25" s="8"/>
      <c r="LZW25" s="8"/>
      <c r="LZX25" s="8"/>
      <c r="LZY25" s="8"/>
      <c r="LZZ25" s="8"/>
      <c r="MAA25" s="8"/>
      <c r="MAB25" s="8"/>
      <c r="MAC25" s="8"/>
      <c r="MAD25" s="8"/>
      <c r="MAE25" s="8"/>
      <c r="MAF25" s="8"/>
      <c r="MAG25" s="8"/>
      <c r="MAH25" s="8"/>
      <c r="MAI25" s="8"/>
      <c r="MAJ25" s="8"/>
      <c r="MAK25" s="8"/>
      <c r="MAL25" s="8"/>
      <c r="MAM25" s="8"/>
      <c r="MAN25" s="8"/>
      <c r="MAO25" s="8"/>
      <c r="MAP25" s="8"/>
      <c r="MAQ25" s="8"/>
      <c r="MAR25" s="8"/>
      <c r="MAS25" s="8"/>
      <c r="MAT25" s="8"/>
      <c r="MAU25" s="8"/>
      <c r="MAV25" s="8"/>
      <c r="MAW25" s="8"/>
      <c r="MAX25" s="8"/>
      <c r="MAY25" s="8"/>
      <c r="MAZ25" s="8"/>
      <c r="MBA25" s="8"/>
      <c r="MBB25" s="8"/>
      <c r="MBC25" s="8"/>
      <c r="MBD25" s="8"/>
      <c r="MBE25" s="8"/>
      <c r="MBF25" s="8"/>
      <c r="MBG25" s="8"/>
      <c r="MBH25" s="8"/>
      <c r="MBI25" s="8"/>
      <c r="MBJ25" s="8"/>
      <c r="MBK25" s="8"/>
      <c r="MBL25" s="8"/>
      <c r="MBM25" s="8"/>
      <c r="MBN25" s="8"/>
      <c r="MBO25" s="8"/>
      <c r="MBP25" s="8"/>
      <c r="MBQ25" s="8"/>
      <c r="MBR25" s="8"/>
      <c r="MBS25" s="8"/>
      <c r="MBT25" s="8"/>
      <c r="MBU25" s="8"/>
      <c r="MBV25" s="8"/>
      <c r="MBW25" s="8"/>
      <c r="MBX25" s="8"/>
      <c r="MBY25" s="8"/>
      <c r="MBZ25" s="8"/>
      <c r="MCA25" s="8"/>
      <c r="MCB25" s="8"/>
      <c r="MCC25" s="8"/>
      <c r="MCD25" s="8"/>
      <c r="MCE25" s="8"/>
      <c r="MCF25" s="8"/>
      <c r="MCG25" s="8"/>
      <c r="MCH25" s="8"/>
      <c r="MCI25" s="8"/>
      <c r="MCJ25" s="8"/>
      <c r="MCK25" s="8"/>
      <c r="MCL25" s="8"/>
      <c r="MCM25" s="8"/>
      <c r="MCN25" s="8"/>
      <c r="MCO25" s="8"/>
      <c r="MCP25" s="8"/>
      <c r="MCQ25" s="8"/>
      <c r="MCR25" s="8"/>
      <c r="MCS25" s="8"/>
      <c r="MCT25" s="8"/>
      <c r="MCU25" s="8"/>
      <c r="MCV25" s="8"/>
      <c r="MCW25" s="8"/>
      <c r="MCX25" s="8"/>
      <c r="MCY25" s="8"/>
      <c r="MCZ25" s="8"/>
      <c r="MDA25" s="8"/>
      <c r="MDB25" s="8"/>
      <c r="MDC25" s="8"/>
      <c r="MDD25" s="8"/>
      <c r="MDE25" s="8"/>
      <c r="MDF25" s="8"/>
      <c r="MDG25" s="8"/>
      <c r="MDH25" s="8"/>
      <c r="MDI25" s="8"/>
      <c r="MDJ25" s="8"/>
      <c r="MDK25" s="8"/>
      <c r="MDL25" s="8"/>
      <c r="MDM25" s="8"/>
      <c r="MDN25" s="8"/>
      <c r="MDO25" s="8"/>
      <c r="MDP25" s="8"/>
      <c r="MDQ25" s="8"/>
      <c r="MDR25" s="8"/>
      <c r="MDS25" s="8"/>
      <c r="MDT25" s="8"/>
      <c r="MDU25" s="8"/>
      <c r="MDV25" s="8"/>
      <c r="MDW25" s="8"/>
      <c r="MDX25" s="8"/>
      <c r="MDY25" s="8"/>
      <c r="MDZ25" s="8"/>
      <c r="MEA25" s="8"/>
      <c r="MEB25" s="8"/>
      <c r="MEC25" s="8"/>
      <c r="MED25" s="8"/>
      <c r="MEE25" s="8"/>
      <c r="MEF25" s="8"/>
      <c r="MEG25" s="8"/>
      <c r="MEH25" s="8"/>
      <c r="MEI25" s="8"/>
      <c r="MEJ25" s="8"/>
      <c r="MEK25" s="8"/>
      <c r="MEL25" s="8"/>
      <c r="MEM25" s="8"/>
      <c r="MEN25" s="8"/>
      <c r="MEO25" s="8"/>
      <c r="MEP25" s="8"/>
      <c r="MEQ25" s="8"/>
      <c r="MER25" s="8"/>
      <c r="MES25" s="8"/>
      <c r="MET25" s="8"/>
      <c r="MEU25" s="8"/>
      <c r="MEV25" s="8"/>
      <c r="MEW25" s="8"/>
      <c r="MEX25" s="8"/>
      <c r="MEY25" s="8"/>
      <c r="MEZ25" s="8"/>
      <c r="MFA25" s="8"/>
      <c r="MFB25" s="8"/>
      <c r="MFC25" s="8"/>
      <c r="MFD25" s="8"/>
      <c r="MFE25" s="8"/>
      <c r="MFF25" s="8"/>
      <c r="MFG25" s="8"/>
      <c r="MFH25" s="8"/>
      <c r="MFI25" s="8"/>
      <c r="MFJ25" s="8"/>
      <c r="MFK25" s="8"/>
      <c r="MFL25" s="8"/>
      <c r="MFM25" s="8"/>
      <c r="MFN25" s="8"/>
      <c r="MFO25" s="8"/>
      <c r="MFP25" s="8"/>
      <c r="MFQ25" s="8"/>
      <c r="MFR25" s="8"/>
      <c r="MFS25" s="8"/>
      <c r="MFT25" s="8"/>
      <c r="MFU25" s="8"/>
      <c r="MFV25" s="8"/>
      <c r="MFW25" s="8"/>
      <c r="MFX25" s="8"/>
      <c r="MFY25" s="8"/>
      <c r="MFZ25" s="8"/>
      <c r="MGA25" s="8"/>
      <c r="MGB25" s="8"/>
      <c r="MGC25" s="8"/>
      <c r="MGD25" s="8"/>
      <c r="MGE25" s="8"/>
      <c r="MGF25" s="8"/>
      <c r="MGG25" s="8"/>
      <c r="MGH25" s="8"/>
      <c r="MGI25" s="8"/>
      <c r="MGJ25" s="8"/>
      <c r="MGK25" s="8"/>
      <c r="MGL25" s="8"/>
      <c r="MGM25" s="8"/>
      <c r="MGN25" s="8"/>
      <c r="MGO25" s="8"/>
      <c r="MGP25" s="8"/>
      <c r="MGQ25" s="8"/>
      <c r="MGR25" s="8"/>
      <c r="MGS25" s="8"/>
      <c r="MGT25" s="8"/>
      <c r="MGU25" s="8"/>
      <c r="MGV25" s="8"/>
      <c r="MGW25" s="8"/>
      <c r="MGX25" s="8"/>
      <c r="MGY25" s="8"/>
      <c r="MGZ25" s="8"/>
      <c r="MHA25" s="8"/>
      <c r="MHB25" s="8"/>
      <c r="MHC25" s="8"/>
      <c r="MHD25" s="8"/>
      <c r="MHE25" s="8"/>
      <c r="MHF25" s="8"/>
      <c r="MHG25" s="8"/>
      <c r="MHH25" s="8"/>
      <c r="MHI25" s="8"/>
      <c r="MHJ25" s="8"/>
      <c r="MHK25" s="8"/>
      <c r="MHL25" s="8"/>
      <c r="MHM25" s="8"/>
      <c r="MHN25" s="8"/>
      <c r="MHO25" s="8"/>
      <c r="MHP25" s="8"/>
      <c r="MHQ25" s="8"/>
      <c r="MHR25" s="8"/>
      <c r="MHS25" s="8"/>
      <c r="MHT25" s="8"/>
      <c r="MHU25" s="8"/>
      <c r="MHV25" s="8"/>
      <c r="MHW25" s="8"/>
      <c r="MHX25" s="8"/>
      <c r="MHY25" s="8"/>
      <c r="MHZ25" s="8"/>
      <c r="MIA25" s="8"/>
      <c r="MIB25" s="8"/>
      <c r="MIC25" s="8"/>
      <c r="MID25" s="8"/>
      <c r="MIE25" s="8"/>
      <c r="MIF25" s="8"/>
      <c r="MIG25" s="8"/>
      <c r="MIH25" s="8"/>
      <c r="MII25" s="8"/>
      <c r="MIJ25" s="8"/>
      <c r="MIK25" s="8"/>
      <c r="MIL25" s="8"/>
      <c r="MIM25" s="8"/>
      <c r="MIN25" s="8"/>
      <c r="MIO25" s="8"/>
      <c r="MIP25" s="8"/>
      <c r="MIQ25" s="8"/>
      <c r="MIR25" s="8"/>
      <c r="MIS25" s="8"/>
      <c r="MIT25" s="8"/>
      <c r="MIU25" s="8"/>
      <c r="MIV25" s="8"/>
      <c r="MIW25" s="8"/>
      <c r="MIX25" s="8"/>
      <c r="MIY25" s="8"/>
      <c r="MIZ25" s="8"/>
      <c r="MJA25" s="8"/>
      <c r="MJB25" s="8"/>
      <c r="MJC25" s="8"/>
      <c r="MJD25" s="8"/>
      <c r="MJE25" s="8"/>
      <c r="MJF25" s="8"/>
      <c r="MJG25" s="8"/>
      <c r="MJH25" s="8"/>
      <c r="MJI25" s="8"/>
      <c r="MJJ25" s="8"/>
      <c r="MJK25" s="8"/>
      <c r="MJL25" s="8"/>
      <c r="MJM25" s="8"/>
      <c r="MJN25" s="8"/>
      <c r="MJO25" s="8"/>
      <c r="MJP25" s="8"/>
      <c r="MJQ25" s="8"/>
      <c r="MJR25" s="8"/>
      <c r="MJS25" s="8"/>
      <c r="MJT25" s="8"/>
      <c r="MJU25" s="8"/>
      <c r="MJV25" s="8"/>
      <c r="MJW25" s="8"/>
      <c r="MJX25" s="8"/>
      <c r="MJY25" s="8"/>
      <c r="MJZ25" s="8"/>
      <c r="MKA25" s="8"/>
      <c r="MKB25" s="8"/>
      <c r="MKC25" s="8"/>
      <c r="MKD25" s="8"/>
      <c r="MKE25" s="8"/>
      <c r="MKF25" s="8"/>
      <c r="MKG25" s="8"/>
      <c r="MKH25" s="8"/>
      <c r="MKI25" s="8"/>
      <c r="MKJ25" s="8"/>
      <c r="MKK25" s="8"/>
      <c r="MKL25" s="8"/>
      <c r="MKM25" s="8"/>
      <c r="MKN25" s="8"/>
      <c r="MKO25" s="8"/>
      <c r="MKP25" s="8"/>
      <c r="MKQ25" s="8"/>
      <c r="MKR25" s="8"/>
      <c r="MKS25" s="8"/>
      <c r="MKT25" s="8"/>
      <c r="MKU25" s="8"/>
      <c r="MKV25" s="8"/>
      <c r="MKW25" s="8"/>
      <c r="MKX25" s="8"/>
      <c r="MKY25" s="8"/>
      <c r="MKZ25" s="8"/>
      <c r="MLA25" s="8"/>
      <c r="MLB25" s="8"/>
      <c r="MLC25" s="8"/>
      <c r="MLD25" s="8"/>
      <c r="MLE25" s="8"/>
      <c r="MLF25" s="8"/>
      <c r="MLG25" s="8"/>
      <c r="MLH25" s="8"/>
      <c r="MLI25" s="8"/>
      <c r="MLJ25" s="8"/>
      <c r="MLK25" s="8"/>
      <c r="MLL25" s="8"/>
      <c r="MLM25" s="8"/>
      <c r="MLN25" s="8"/>
      <c r="MLO25" s="8"/>
      <c r="MLP25" s="8"/>
      <c r="MLQ25" s="8"/>
      <c r="MLR25" s="8"/>
      <c r="MLS25" s="8"/>
      <c r="MLT25" s="8"/>
      <c r="MLU25" s="8"/>
      <c r="MLV25" s="8"/>
      <c r="MLW25" s="8"/>
      <c r="MLX25" s="8"/>
      <c r="MLY25" s="8"/>
      <c r="MLZ25" s="8"/>
      <c r="MMA25" s="8"/>
      <c r="MMB25" s="8"/>
      <c r="MMC25" s="8"/>
      <c r="MMD25" s="8"/>
      <c r="MME25" s="8"/>
      <c r="MMF25" s="8"/>
      <c r="MMG25" s="8"/>
      <c r="MMH25" s="8"/>
      <c r="MMI25" s="8"/>
      <c r="MMJ25" s="8"/>
      <c r="MMK25" s="8"/>
      <c r="MML25" s="8"/>
      <c r="MMM25" s="8"/>
      <c r="MMN25" s="8"/>
      <c r="MMO25" s="8"/>
      <c r="MMP25" s="8"/>
      <c r="MMQ25" s="8"/>
      <c r="MMR25" s="8"/>
      <c r="MMS25" s="8"/>
      <c r="MMT25" s="8"/>
      <c r="MMU25" s="8"/>
      <c r="MMV25" s="8"/>
      <c r="MMW25" s="8"/>
      <c r="MMX25" s="8"/>
      <c r="MMY25" s="8"/>
      <c r="MMZ25" s="8"/>
      <c r="MNA25" s="8"/>
      <c r="MNB25" s="8"/>
      <c r="MNC25" s="8"/>
      <c r="MND25" s="8"/>
      <c r="MNE25" s="8"/>
      <c r="MNF25" s="8"/>
      <c r="MNG25" s="8"/>
      <c r="MNH25" s="8"/>
      <c r="MNI25" s="8"/>
      <c r="MNJ25" s="8"/>
      <c r="MNK25" s="8"/>
      <c r="MNL25" s="8"/>
      <c r="MNM25" s="8"/>
      <c r="MNN25" s="8"/>
      <c r="MNO25" s="8"/>
      <c r="MNP25" s="8"/>
      <c r="MNQ25" s="8"/>
      <c r="MNR25" s="8"/>
      <c r="MNS25" s="8"/>
      <c r="MNT25" s="8"/>
      <c r="MNU25" s="8"/>
      <c r="MNV25" s="8"/>
      <c r="MNW25" s="8"/>
      <c r="MNX25" s="8"/>
      <c r="MNY25" s="8"/>
      <c r="MNZ25" s="8"/>
      <c r="MOA25" s="8"/>
      <c r="MOB25" s="8"/>
      <c r="MOC25" s="8"/>
      <c r="MOD25" s="8"/>
      <c r="MOE25" s="8"/>
      <c r="MOF25" s="8"/>
      <c r="MOG25" s="8"/>
      <c r="MOH25" s="8"/>
      <c r="MOI25" s="8"/>
      <c r="MOJ25" s="8"/>
      <c r="MOK25" s="8"/>
      <c r="MOL25" s="8"/>
      <c r="MOM25" s="8"/>
      <c r="MON25" s="8"/>
      <c r="MOO25" s="8"/>
      <c r="MOP25" s="8"/>
      <c r="MOQ25" s="8"/>
      <c r="MOR25" s="8"/>
      <c r="MOS25" s="8"/>
      <c r="MOT25" s="8"/>
      <c r="MOU25" s="8"/>
      <c r="MOV25" s="8"/>
      <c r="MOW25" s="8"/>
      <c r="MOX25" s="8"/>
      <c r="MOY25" s="8"/>
      <c r="MOZ25" s="8"/>
      <c r="MPA25" s="8"/>
      <c r="MPB25" s="8"/>
      <c r="MPC25" s="8"/>
      <c r="MPD25" s="8"/>
      <c r="MPE25" s="8"/>
      <c r="MPF25" s="8"/>
      <c r="MPG25" s="8"/>
      <c r="MPH25" s="8"/>
      <c r="MPI25" s="8"/>
      <c r="MPJ25" s="8"/>
      <c r="MPK25" s="8"/>
      <c r="MPL25" s="8"/>
      <c r="MPM25" s="8"/>
      <c r="MPN25" s="8"/>
      <c r="MPO25" s="8"/>
      <c r="MPP25" s="8"/>
      <c r="MPQ25" s="8"/>
      <c r="MPR25" s="8"/>
      <c r="MPS25" s="8"/>
      <c r="MPT25" s="8"/>
      <c r="MPU25" s="8"/>
      <c r="MPV25" s="8"/>
      <c r="MPW25" s="8"/>
      <c r="MPX25" s="8"/>
      <c r="MPY25" s="8"/>
      <c r="MPZ25" s="8"/>
      <c r="MQA25" s="8"/>
      <c r="MQB25" s="8"/>
      <c r="MQC25" s="8"/>
      <c r="MQD25" s="8"/>
      <c r="MQE25" s="8"/>
      <c r="MQF25" s="8"/>
      <c r="MQG25" s="8"/>
      <c r="MQH25" s="8"/>
      <c r="MQI25" s="8"/>
      <c r="MQJ25" s="8"/>
      <c r="MQK25" s="8"/>
      <c r="MQL25" s="8"/>
      <c r="MQM25" s="8"/>
      <c r="MQN25" s="8"/>
      <c r="MQO25" s="8"/>
      <c r="MQP25" s="8"/>
      <c r="MQQ25" s="8"/>
      <c r="MQR25" s="8"/>
      <c r="MQS25" s="8"/>
      <c r="MQT25" s="8"/>
      <c r="MQU25" s="8"/>
      <c r="MQV25" s="8"/>
      <c r="MQW25" s="8"/>
      <c r="MQX25" s="8"/>
      <c r="MQY25" s="8"/>
      <c r="MQZ25" s="8"/>
      <c r="MRA25" s="8"/>
      <c r="MRB25" s="8"/>
      <c r="MRC25" s="8"/>
      <c r="MRD25" s="8"/>
      <c r="MRE25" s="8"/>
      <c r="MRF25" s="8"/>
      <c r="MRG25" s="8"/>
      <c r="MRH25" s="8"/>
      <c r="MRI25" s="8"/>
      <c r="MRJ25" s="8"/>
      <c r="MRK25" s="8"/>
      <c r="MRL25" s="8"/>
      <c r="MRM25" s="8"/>
      <c r="MRN25" s="8"/>
      <c r="MRO25" s="8"/>
      <c r="MRP25" s="8"/>
      <c r="MRQ25" s="8"/>
      <c r="MRR25" s="8"/>
      <c r="MRS25" s="8"/>
      <c r="MRT25" s="8"/>
      <c r="MRU25" s="8"/>
      <c r="MRV25" s="8"/>
      <c r="MRW25" s="8"/>
      <c r="MRX25" s="8"/>
      <c r="MRY25" s="8"/>
      <c r="MRZ25" s="8"/>
      <c r="MSA25" s="8"/>
      <c r="MSB25" s="8"/>
      <c r="MSC25" s="8"/>
      <c r="MSD25" s="8"/>
      <c r="MSE25" s="8"/>
      <c r="MSF25" s="8"/>
      <c r="MSG25" s="8"/>
      <c r="MSH25" s="8"/>
      <c r="MSI25" s="8"/>
      <c r="MSJ25" s="8"/>
      <c r="MSK25" s="8"/>
      <c r="MSL25" s="8"/>
      <c r="MSM25" s="8"/>
      <c r="MSN25" s="8"/>
      <c r="MSO25" s="8"/>
      <c r="MSP25" s="8"/>
      <c r="MSQ25" s="8"/>
      <c r="MSR25" s="8"/>
      <c r="MSS25" s="8"/>
      <c r="MST25" s="8"/>
      <c r="MSU25" s="8"/>
      <c r="MSV25" s="8"/>
      <c r="MSW25" s="8"/>
      <c r="MSX25" s="8"/>
      <c r="MSY25" s="8"/>
      <c r="MSZ25" s="8"/>
      <c r="MTA25" s="8"/>
      <c r="MTB25" s="8"/>
      <c r="MTC25" s="8"/>
      <c r="MTD25" s="8"/>
      <c r="MTE25" s="8"/>
      <c r="MTF25" s="8"/>
      <c r="MTG25" s="8"/>
      <c r="MTH25" s="8"/>
      <c r="MTI25" s="8"/>
      <c r="MTJ25" s="8"/>
      <c r="MTK25" s="8"/>
      <c r="MTL25" s="8"/>
      <c r="MTM25" s="8"/>
      <c r="MTN25" s="8"/>
      <c r="MTO25" s="8"/>
      <c r="MTP25" s="8"/>
      <c r="MTQ25" s="8"/>
      <c r="MTR25" s="8"/>
      <c r="MTS25" s="8"/>
      <c r="MTT25" s="8"/>
      <c r="MTU25" s="8"/>
      <c r="MTV25" s="8"/>
      <c r="MTW25" s="8"/>
      <c r="MTX25" s="8"/>
      <c r="MTY25" s="8"/>
      <c r="MTZ25" s="8"/>
      <c r="MUA25" s="8"/>
      <c r="MUB25" s="8"/>
      <c r="MUC25" s="8"/>
      <c r="MUD25" s="8"/>
      <c r="MUE25" s="8"/>
      <c r="MUF25" s="8"/>
      <c r="MUG25" s="8"/>
      <c r="MUH25" s="8"/>
      <c r="MUI25" s="8"/>
      <c r="MUJ25" s="8"/>
      <c r="MUK25" s="8"/>
      <c r="MUL25" s="8"/>
      <c r="MUM25" s="8"/>
      <c r="MUN25" s="8"/>
      <c r="MUO25" s="8"/>
      <c r="MUP25" s="8"/>
      <c r="MUQ25" s="8"/>
      <c r="MUR25" s="8"/>
      <c r="MUS25" s="8"/>
      <c r="MUT25" s="8"/>
      <c r="MUU25" s="8"/>
      <c r="MUV25" s="8"/>
      <c r="MUW25" s="8"/>
      <c r="MUX25" s="8"/>
      <c r="MUY25" s="8"/>
      <c r="MUZ25" s="8"/>
      <c r="MVA25" s="8"/>
      <c r="MVB25" s="8"/>
      <c r="MVC25" s="8"/>
      <c r="MVD25" s="8"/>
      <c r="MVE25" s="8"/>
      <c r="MVF25" s="8"/>
      <c r="MVG25" s="8"/>
      <c r="MVH25" s="8"/>
      <c r="MVI25" s="8"/>
      <c r="MVJ25" s="8"/>
      <c r="MVK25" s="8"/>
      <c r="MVL25" s="8"/>
      <c r="MVM25" s="8"/>
      <c r="MVN25" s="8"/>
      <c r="MVO25" s="8"/>
      <c r="MVP25" s="8"/>
      <c r="MVQ25" s="8"/>
      <c r="MVR25" s="8"/>
      <c r="MVS25" s="8"/>
      <c r="MVT25" s="8"/>
      <c r="MVU25" s="8"/>
      <c r="MVV25" s="8"/>
      <c r="MVW25" s="8"/>
      <c r="MVX25" s="8"/>
      <c r="MVY25" s="8"/>
      <c r="MVZ25" s="8"/>
      <c r="MWA25" s="8"/>
      <c r="MWB25" s="8"/>
      <c r="MWC25" s="8"/>
      <c r="MWD25" s="8"/>
      <c r="MWE25" s="8"/>
      <c r="MWF25" s="8"/>
      <c r="MWG25" s="8"/>
      <c r="MWH25" s="8"/>
      <c r="MWI25" s="8"/>
      <c r="MWJ25" s="8"/>
      <c r="MWK25" s="8"/>
      <c r="MWL25" s="8"/>
      <c r="MWM25" s="8"/>
      <c r="MWN25" s="8"/>
      <c r="MWO25" s="8"/>
      <c r="MWP25" s="8"/>
      <c r="MWQ25" s="8"/>
      <c r="MWR25" s="8"/>
      <c r="MWS25" s="8"/>
      <c r="MWT25" s="8"/>
      <c r="MWU25" s="8"/>
      <c r="MWV25" s="8"/>
      <c r="MWW25" s="8"/>
      <c r="MWX25" s="8"/>
      <c r="MWY25" s="8"/>
      <c r="MWZ25" s="8"/>
      <c r="MXA25" s="8"/>
      <c r="MXB25" s="8"/>
      <c r="MXC25" s="8"/>
      <c r="MXD25" s="8"/>
      <c r="MXE25" s="8"/>
      <c r="MXF25" s="8"/>
      <c r="MXG25" s="8"/>
      <c r="MXH25" s="8"/>
      <c r="MXI25" s="8"/>
      <c r="MXJ25" s="8"/>
      <c r="MXK25" s="8"/>
      <c r="MXL25" s="8"/>
      <c r="MXM25" s="8"/>
      <c r="MXN25" s="8"/>
      <c r="MXO25" s="8"/>
      <c r="MXP25" s="8"/>
      <c r="MXQ25" s="8"/>
      <c r="MXR25" s="8"/>
      <c r="MXS25" s="8"/>
      <c r="MXT25" s="8"/>
      <c r="MXU25" s="8"/>
      <c r="MXV25" s="8"/>
      <c r="MXW25" s="8"/>
      <c r="MXX25" s="8"/>
      <c r="MXY25" s="8"/>
      <c r="MXZ25" s="8"/>
      <c r="MYA25" s="8"/>
      <c r="MYB25" s="8"/>
      <c r="MYC25" s="8"/>
      <c r="MYD25" s="8"/>
      <c r="MYE25" s="8"/>
      <c r="MYF25" s="8"/>
      <c r="MYG25" s="8"/>
      <c r="MYH25" s="8"/>
      <c r="MYI25" s="8"/>
      <c r="MYJ25" s="8"/>
      <c r="MYK25" s="8"/>
      <c r="MYL25" s="8"/>
      <c r="MYM25" s="8"/>
      <c r="MYN25" s="8"/>
      <c r="MYO25" s="8"/>
      <c r="MYP25" s="8"/>
      <c r="MYQ25" s="8"/>
      <c r="MYR25" s="8"/>
      <c r="MYS25" s="8"/>
      <c r="MYT25" s="8"/>
      <c r="MYU25" s="8"/>
      <c r="MYV25" s="8"/>
      <c r="MYW25" s="8"/>
      <c r="MYX25" s="8"/>
      <c r="MYY25" s="8"/>
      <c r="MYZ25" s="8"/>
      <c r="MZA25" s="8"/>
      <c r="MZB25" s="8"/>
      <c r="MZC25" s="8"/>
      <c r="MZD25" s="8"/>
      <c r="MZE25" s="8"/>
      <c r="MZF25" s="8"/>
      <c r="MZG25" s="8"/>
      <c r="MZH25" s="8"/>
      <c r="MZI25" s="8"/>
      <c r="MZJ25" s="8"/>
      <c r="MZK25" s="8"/>
      <c r="MZL25" s="8"/>
      <c r="MZM25" s="8"/>
      <c r="MZN25" s="8"/>
      <c r="MZO25" s="8"/>
      <c r="MZP25" s="8"/>
      <c r="MZQ25" s="8"/>
      <c r="MZR25" s="8"/>
      <c r="MZS25" s="8"/>
      <c r="MZT25" s="8"/>
      <c r="MZU25" s="8"/>
      <c r="MZV25" s="8"/>
      <c r="MZW25" s="8"/>
      <c r="MZX25" s="8"/>
      <c r="MZY25" s="8"/>
      <c r="MZZ25" s="8"/>
      <c r="NAA25" s="8"/>
      <c r="NAB25" s="8"/>
      <c r="NAC25" s="8"/>
      <c r="NAD25" s="8"/>
      <c r="NAE25" s="8"/>
      <c r="NAF25" s="8"/>
      <c r="NAG25" s="8"/>
      <c r="NAH25" s="8"/>
      <c r="NAI25" s="8"/>
      <c r="NAJ25" s="8"/>
      <c r="NAK25" s="8"/>
      <c r="NAL25" s="8"/>
      <c r="NAM25" s="8"/>
      <c r="NAN25" s="8"/>
      <c r="NAO25" s="8"/>
      <c r="NAP25" s="8"/>
      <c r="NAQ25" s="8"/>
      <c r="NAR25" s="8"/>
      <c r="NAS25" s="8"/>
      <c r="NAT25" s="8"/>
      <c r="NAU25" s="8"/>
      <c r="NAV25" s="8"/>
      <c r="NAW25" s="8"/>
      <c r="NAX25" s="8"/>
      <c r="NAY25" s="8"/>
      <c r="NAZ25" s="8"/>
      <c r="NBA25" s="8"/>
      <c r="NBB25" s="8"/>
      <c r="NBC25" s="8"/>
      <c r="NBD25" s="8"/>
      <c r="NBE25" s="8"/>
      <c r="NBF25" s="8"/>
      <c r="NBG25" s="8"/>
      <c r="NBH25" s="8"/>
      <c r="NBI25" s="8"/>
      <c r="NBJ25" s="8"/>
      <c r="NBK25" s="8"/>
      <c r="NBL25" s="8"/>
      <c r="NBM25" s="8"/>
      <c r="NBN25" s="8"/>
      <c r="NBO25" s="8"/>
      <c r="NBP25" s="8"/>
      <c r="NBQ25" s="8"/>
      <c r="NBR25" s="8"/>
      <c r="NBS25" s="8"/>
      <c r="NBT25" s="8"/>
      <c r="NBU25" s="8"/>
      <c r="NBV25" s="8"/>
      <c r="NBW25" s="8"/>
      <c r="NBX25" s="8"/>
      <c r="NBY25" s="8"/>
      <c r="NBZ25" s="8"/>
      <c r="NCA25" s="8"/>
      <c r="NCB25" s="8"/>
      <c r="NCC25" s="8"/>
      <c r="NCD25" s="8"/>
      <c r="NCE25" s="8"/>
      <c r="NCF25" s="8"/>
      <c r="NCG25" s="8"/>
      <c r="NCH25" s="8"/>
      <c r="NCI25" s="8"/>
      <c r="NCJ25" s="8"/>
      <c r="NCK25" s="8"/>
      <c r="NCL25" s="8"/>
      <c r="NCM25" s="8"/>
      <c r="NCN25" s="8"/>
      <c r="NCO25" s="8"/>
      <c r="NCP25" s="8"/>
      <c r="NCQ25" s="8"/>
      <c r="NCR25" s="8"/>
      <c r="NCS25" s="8"/>
      <c r="NCT25" s="8"/>
      <c r="NCU25" s="8"/>
      <c r="NCV25" s="8"/>
      <c r="NCW25" s="8"/>
      <c r="NCX25" s="8"/>
      <c r="NCY25" s="8"/>
      <c r="NCZ25" s="8"/>
      <c r="NDA25" s="8"/>
      <c r="NDB25" s="8"/>
      <c r="NDC25" s="8"/>
      <c r="NDD25" s="8"/>
      <c r="NDE25" s="8"/>
      <c r="NDF25" s="8"/>
      <c r="NDG25" s="8"/>
      <c r="NDH25" s="8"/>
      <c r="NDI25" s="8"/>
      <c r="NDJ25" s="8"/>
      <c r="NDK25" s="8"/>
      <c r="NDL25" s="8"/>
      <c r="NDM25" s="8"/>
      <c r="NDN25" s="8"/>
      <c r="NDO25" s="8"/>
      <c r="NDP25" s="8"/>
      <c r="NDQ25" s="8"/>
      <c r="NDR25" s="8"/>
      <c r="NDS25" s="8"/>
      <c r="NDT25" s="8"/>
      <c r="NDU25" s="8"/>
      <c r="NDV25" s="8"/>
      <c r="NDW25" s="8"/>
      <c r="NDX25" s="8"/>
      <c r="NDY25" s="8"/>
      <c r="NDZ25" s="8"/>
      <c r="NEA25" s="8"/>
      <c r="NEB25" s="8"/>
      <c r="NEC25" s="8"/>
      <c r="NED25" s="8"/>
      <c r="NEE25" s="8"/>
      <c r="NEF25" s="8"/>
      <c r="NEG25" s="8"/>
      <c r="NEH25" s="8"/>
      <c r="NEI25" s="8"/>
      <c r="NEJ25" s="8"/>
      <c r="NEK25" s="8"/>
      <c r="NEL25" s="8"/>
      <c r="NEM25" s="8"/>
      <c r="NEN25" s="8"/>
      <c r="NEO25" s="8"/>
      <c r="NEP25" s="8"/>
      <c r="NEQ25" s="8"/>
      <c r="NER25" s="8"/>
      <c r="NES25" s="8"/>
      <c r="NET25" s="8"/>
      <c r="NEU25" s="8"/>
      <c r="NEV25" s="8"/>
      <c r="NEW25" s="8"/>
      <c r="NEX25" s="8"/>
      <c r="NEY25" s="8"/>
      <c r="NEZ25" s="8"/>
      <c r="NFA25" s="8"/>
      <c r="NFB25" s="8"/>
      <c r="NFC25" s="8"/>
      <c r="NFD25" s="8"/>
      <c r="NFE25" s="8"/>
      <c r="NFF25" s="8"/>
      <c r="NFG25" s="8"/>
      <c r="NFH25" s="8"/>
      <c r="NFI25" s="8"/>
      <c r="NFJ25" s="8"/>
      <c r="NFK25" s="8"/>
      <c r="NFL25" s="8"/>
      <c r="NFM25" s="8"/>
      <c r="NFN25" s="8"/>
      <c r="NFO25" s="8"/>
      <c r="NFP25" s="8"/>
      <c r="NFQ25" s="8"/>
      <c r="NFR25" s="8"/>
      <c r="NFS25" s="8"/>
      <c r="NFT25" s="8"/>
      <c r="NFU25" s="8"/>
      <c r="NFV25" s="8"/>
      <c r="NFW25" s="8"/>
      <c r="NFX25" s="8"/>
      <c r="NFY25" s="8"/>
      <c r="NFZ25" s="8"/>
      <c r="NGA25" s="8"/>
      <c r="NGB25" s="8"/>
      <c r="NGC25" s="8"/>
      <c r="NGD25" s="8"/>
      <c r="NGE25" s="8"/>
      <c r="NGF25" s="8"/>
      <c r="NGG25" s="8"/>
      <c r="NGH25" s="8"/>
      <c r="NGI25" s="8"/>
      <c r="NGJ25" s="8"/>
      <c r="NGK25" s="8"/>
      <c r="NGL25" s="8"/>
      <c r="NGM25" s="8"/>
      <c r="NGN25" s="8"/>
      <c r="NGO25" s="8"/>
      <c r="NGP25" s="8"/>
      <c r="NGQ25" s="8"/>
      <c r="NGR25" s="8"/>
      <c r="NGS25" s="8"/>
      <c r="NGT25" s="8"/>
      <c r="NGU25" s="8"/>
      <c r="NGV25" s="8"/>
      <c r="NGW25" s="8"/>
      <c r="NGX25" s="8"/>
      <c r="NGY25" s="8"/>
      <c r="NGZ25" s="8"/>
      <c r="NHA25" s="8"/>
      <c r="NHB25" s="8"/>
      <c r="NHC25" s="8"/>
      <c r="NHD25" s="8"/>
      <c r="NHE25" s="8"/>
      <c r="NHF25" s="8"/>
      <c r="NHG25" s="8"/>
      <c r="NHH25" s="8"/>
      <c r="NHI25" s="8"/>
      <c r="NHJ25" s="8"/>
      <c r="NHK25" s="8"/>
      <c r="NHL25" s="8"/>
      <c r="NHM25" s="8"/>
      <c r="NHN25" s="8"/>
      <c r="NHO25" s="8"/>
      <c r="NHP25" s="8"/>
      <c r="NHQ25" s="8"/>
      <c r="NHR25" s="8"/>
      <c r="NHS25" s="8"/>
      <c r="NHT25" s="8"/>
      <c r="NHU25" s="8"/>
      <c r="NHV25" s="8"/>
      <c r="NHW25" s="8"/>
      <c r="NHX25" s="8"/>
      <c r="NHY25" s="8"/>
      <c r="NHZ25" s="8"/>
      <c r="NIA25" s="8"/>
      <c r="NIB25" s="8"/>
      <c r="NIC25" s="8"/>
      <c r="NID25" s="8"/>
      <c r="NIE25" s="8"/>
      <c r="NIF25" s="8"/>
      <c r="NIG25" s="8"/>
      <c r="NIH25" s="8"/>
      <c r="NII25" s="8"/>
      <c r="NIJ25" s="8"/>
      <c r="NIK25" s="8"/>
      <c r="NIL25" s="8"/>
      <c r="NIM25" s="8"/>
      <c r="NIN25" s="8"/>
      <c r="NIO25" s="8"/>
      <c r="NIP25" s="8"/>
      <c r="NIQ25" s="8"/>
      <c r="NIR25" s="8"/>
      <c r="NIS25" s="8"/>
      <c r="NIT25" s="8"/>
      <c r="NIU25" s="8"/>
      <c r="NIV25" s="8"/>
      <c r="NIW25" s="8"/>
      <c r="NIX25" s="8"/>
      <c r="NIY25" s="8"/>
      <c r="NIZ25" s="8"/>
      <c r="NJA25" s="8"/>
      <c r="NJB25" s="8"/>
      <c r="NJC25" s="8"/>
      <c r="NJD25" s="8"/>
      <c r="NJE25" s="8"/>
      <c r="NJF25" s="8"/>
      <c r="NJG25" s="8"/>
      <c r="NJH25" s="8"/>
      <c r="NJI25" s="8"/>
      <c r="NJJ25" s="8"/>
      <c r="NJK25" s="8"/>
      <c r="NJL25" s="8"/>
      <c r="NJM25" s="8"/>
      <c r="NJN25" s="8"/>
      <c r="NJO25" s="8"/>
      <c r="NJP25" s="8"/>
      <c r="NJQ25" s="8"/>
      <c r="NJR25" s="8"/>
      <c r="NJS25" s="8"/>
      <c r="NJT25" s="8"/>
      <c r="NJU25" s="8"/>
      <c r="NJV25" s="8"/>
      <c r="NJW25" s="8"/>
      <c r="NJX25" s="8"/>
      <c r="NJY25" s="8"/>
      <c r="NJZ25" s="8"/>
      <c r="NKA25" s="8"/>
      <c r="NKB25" s="8"/>
      <c r="NKC25" s="8"/>
      <c r="NKD25" s="8"/>
      <c r="NKE25" s="8"/>
      <c r="NKF25" s="8"/>
      <c r="NKG25" s="8"/>
      <c r="NKH25" s="8"/>
      <c r="NKI25" s="8"/>
      <c r="NKJ25" s="8"/>
      <c r="NKK25" s="8"/>
      <c r="NKL25" s="8"/>
      <c r="NKM25" s="8"/>
      <c r="NKN25" s="8"/>
      <c r="NKO25" s="8"/>
      <c r="NKP25" s="8"/>
      <c r="NKQ25" s="8"/>
      <c r="NKR25" s="8"/>
      <c r="NKS25" s="8"/>
      <c r="NKT25" s="8"/>
      <c r="NKU25" s="8"/>
      <c r="NKV25" s="8"/>
      <c r="NKW25" s="8"/>
      <c r="NKX25" s="8"/>
      <c r="NKY25" s="8"/>
      <c r="NKZ25" s="8"/>
      <c r="NLA25" s="8"/>
      <c r="NLB25" s="8"/>
      <c r="NLC25" s="8"/>
      <c r="NLD25" s="8"/>
      <c r="NLE25" s="8"/>
      <c r="NLF25" s="8"/>
      <c r="NLG25" s="8"/>
      <c r="NLH25" s="8"/>
      <c r="NLI25" s="8"/>
      <c r="NLJ25" s="8"/>
      <c r="NLK25" s="8"/>
      <c r="NLL25" s="8"/>
      <c r="NLM25" s="8"/>
      <c r="NLN25" s="8"/>
      <c r="NLO25" s="8"/>
      <c r="NLP25" s="8"/>
      <c r="NLQ25" s="8"/>
      <c r="NLR25" s="8"/>
      <c r="NLS25" s="8"/>
      <c r="NLT25" s="8"/>
      <c r="NLU25" s="8"/>
      <c r="NLV25" s="8"/>
      <c r="NLW25" s="8"/>
      <c r="NLX25" s="8"/>
      <c r="NLY25" s="8"/>
      <c r="NLZ25" s="8"/>
      <c r="NMA25" s="8"/>
      <c r="NMB25" s="8"/>
      <c r="NMC25" s="8"/>
      <c r="NMD25" s="8"/>
      <c r="NME25" s="8"/>
      <c r="NMF25" s="8"/>
      <c r="NMG25" s="8"/>
      <c r="NMH25" s="8"/>
      <c r="NMI25" s="8"/>
      <c r="NMJ25" s="8"/>
      <c r="NMK25" s="8"/>
      <c r="NML25" s="8"/>
      <c r="NMM25" s="8"/>
      <c r="NMN25" s="8"/>
      <c r="NMO25" s="8"/>
      <c r="NMP25" s="8"/>
      <c r="NMQ25" s="8"/>
      <c r="NMR25" s="8"/>
      <c r="NMS25" s="8"/>
      <c r="NMT25" s="8"/>
      <c r="NMU25" s="8"/>
      <c r="NMV25" s="8"/>
      <c r="NMW25" s="8"/>
      <c r="NMX25" s="8"/>
      <c r="NMY25" s="8"/>
      <c r="NMZ25" s="8"/>
      <c r="NNA25" s="8"/>
      <c r="NNB25" s="8"/>
      <c r="NNC25" s="8"/>
      <c r="NND25" s="8"/>
      <c r="NNE25" s="8"/>
      <c r="NNF25" s="8"/>
      <c r="NNG25" s="8"/>
      <c r="NNH25" s="8"/>
      <c r="NNI25" s="8"/>
      <c r="NNJ25" s="8"/>
      <c r="NNK25" s="8"/>
      <c r="NNL25" s="8"/>
      <c r="NNM25" s="8"/>
      <c r="NNN25" s="8"/>
      <c r="NNO25" s="8"/>
      <c r="NNP25" s="8"/>
      <c r="NNQ25" s="8"/>
      <c r="NNR25" s="8"/>
      <c r="NNS25" s="8"/>
      <c r="NNT25" s="8"/>
      <c r="NNU25" s="8"/>
      <c r="NNV25" s="8"/>
      <c r="NNW25" s="8"/>
      <c r="NNX25" s="8"/>
      <c r="NNY25" s="8"/>
      <c r="NNZ25" s="8"/>
      <c r="NOA25" s="8"/>
      <c r="NOB25" s="8"/>
      <c r="NOC25" s="8"/>
      <c r="NOD25" s="8"/>
      <c r="NOE25" s="8"/>
      <c r="NOF25" s="8"/>
      <c r="NOG25" s="8"/>
      <c r="NOH25" s="8"/>
      <c r="NOI25" s="8"/>
      <c r="NOJ25" s="8"/>
      <c r="NOK25" s="8"/>
      <c r="NOL25" s="8"/>
      <c r="NOM25" s="8"/>
      <c r="NON25" s="8"/>
      <c r="NOO25" s="8"/>
      <c r="NOP25" s="8"/>
      <c r="NOQ25" s="8"/>
      <c r="NOR25" s="8"/>
      <c r="NOS25" s="8"/>
      <c r="NOT25" s="8"/>
      <c r="NOU25" s="8"/>
      <c r="NOV25" s="8"/>
      <c r="NOW25" s="8"/>
      <c r="NOX25" s="8"/>
      <c r="NOY25" s="8"/>
      <c r="NOZ25" s="8"/>
      <c r="NPA25" s="8"/>
      <c r="NPB25" s="8"/>
      <c r="NPC25" s="8"/>
      <c r="NPD25" s="8"/>
      <c r="NPE25" s="8"/>
      <c r="NPF25" s="8"/>
      <c r="NPG25" s="8"/>
      <c r="NPH25" s="8"/>
      <c r="NPI25" s="8"/>
      <c r="NPJ25" s="8"/>
      <c r="NPK25" s="8"/>
      <c r="NPL25" s="8"/>
      <c r="NPM25" s="8"/>
      <c r="NPN25" s="8"/>
      <c r="NPO25" s="8"/>
      <c r="NPP25" s="8"/>
      <c r="NPQ25" s="8"/>
      <c r="NPR25" s="8"/>
      <c r="NPS25" s="8"/>
      <c r="NPT25" s="8"/>
      <c r="NPU25" s="8"/>
      <c r="NPV25" s="8"/>
      <c r="NPW25" s="8"/>
      <c r="NPX25" s="8"/>
      <c r="NPY25" s="8"/>
      <c r="NPZ25" s="8"/>
      <c r="NQA25" s="8"/>
      <c r="NQB25" s="8"/>
      <c r="NQC25" s="8"/>
      <c r="NQD25" s="8"/>
      <c r="NQE25" s="8"/>
      <c r="NQF25" s="8"/>
      <c r="NQG25" s="8"/>
      <c r="NQH25" s="8"/>
      <c r="NQI25" s="8"/>
      <c r="NQJ25" s="8"/>
      <c r="NQK25" s="8"/>
      <c r="NQL25" s="8"/>
      <c r="NQM25" s="8"/>
      <c r="NQN25" s="8"/>
      <c r="NQO25" s="8"/>
      <c r="NQP25" s="8"/>
      <c r="NQQ25" s="8"/>
      <c r="NQR25" s="8"/>
      <c r="NQS25" s="8"/>
      <c r="NQT25" s="8"/>
      <c r="NQU25" s="8"/>
      <c r="NQV25" s="8"/>
      <c r="NQW25" s="8"/>
      <c r="NQX25" s="8"/>
      <c r="NQY25" s="8"/>
      <c r="NQZ25" s="8"/>
      <c r="NRA25" s="8"/>
      <c r="NRB25" s="8"/>
      <c r="NRC25" s="8"/>
      <c r="NRD25" s="8"/>
      <c r="NRE25" s="8"/>
      <c r="NRF25" s="8"/>
      <c r="NRG25" s="8"/>
      <c r="NRH25" s="8"/>
      <c r="NRI25" s="8"/>
      <c r="NRJ25" s="8"/>
      <c r="NRK25" s="8"/>
      <c r="NRL25" s="8"/>
      <c r="NRM25" s="8"/>
      <c r="NRN25" s="8"/>
      <c r="NRO25" s="8"/>
      <c r="NRP25" s="8"/>
      <c r="NRQ25" s="8"/>
      <c r="NRR25" s="8"/>
      <c r="NRS25" s="8"/>
      <c r="NRT25" s="8"/>
      <c r="NRU25" s="8"/>
      <c r="NRV25" s="8"/>
      <c r="NRW25" s="8"/>
      <c r="NRX25" s="8"/>
      <c r="NRY25" s="8"/>
      <c r="NRZ25" s="8"/>
      <c r="NSA25" s="8"/>
      <c r="NSB25" s="8"/>
      <c r="NSC25" s="8"/>
      <c r="NSD25" s="8"/>
      <c r="NSE25" s="8"/>
      <c r="NSF25" s="8"/>
      <c r="NSG25" s="8"/>
      <c r="NSH25" s="8"/>
      <c r="NSI25" s="8"/>
      <c r="NSJ25" s="8"/>
      <c r="NSK25" s="8"/>
      <c r="NSL25" s="8"/>
      <c r="NSM25" s="8"/>
      <c r="NSN25" s="8"/>
      <c r="NSO25" s="8"/>
      <c r="NSP25" s="8"/>
      <c r="NSQ25" s="8"/>
      <c r="NSR25" s="8"/>
      <c r="NSS25" s="8"/>
      <c r="NST25" s="8"/>
      <c r="NSU25" s="8"/>
      <c r="NSV25" s="8"/>
      <c r="NSW25" s="8"/>
      <c r="NSX25" s="8"/>
      <c r="NSY25" s="8"/>
      <c r="NSZ25" s="8"/>
      <c r="NTA25" s="8"/>
      <c r="NTB25" s="8"/>
      <c r="NTC25" s="8"/>
      <c r="NTD25" s="8"/>
      <c r="NTE25" s="8"/>
      <c r="NTF25" s="8"/>
      <c r="NTG25" s="8"/>
      <c r="NTH25" s="8"/>
      <c r="NTI25" s="8"/>
      <c r="NTJ25" s="8"/>
      <c r="NTK25" s="8"/>
      <c r="NTL25" s="8"/>
      <c r="NTM25" s="8"/>
      <c r="NTN25" s="8"/>
      <c r="NTO25" s="8"/>
      <c r="NTP25" s="8"/>
      <c r="NTQ25" s="8"/>
      <c r="NTR25" s="8"/>
      <c r="NTS25" s="8"/>
      <c r="NTT25" s="8"/>
      <c r="NTU25" s="8"/>
      <c r="NTV25" s="8"/>
      <c r="NTW25" s="8"/>
      <c r="NTX25" s="8"/>
      <c r="NTY25" s="8"/>
      <c r="NTZ25" s="8"/>
      <c r="NUA25" s="8"/>
      <c r="NUB25" s="8"/>
      <c r="NUC25" s="8"/>
      <c r="NUD25" s="8"/>
      <c r="NUE25" s="8"/>
      <c r="NUF25" s="8"/>
      <c r="NUG25" s="8"/>
      <c r="NUH25" s="8"/>
      <c r="NUI25" s="8"/>
      <c r="NUJ25" s="8"/>
      <c r="NUK25" s="8"/>
      <c r="NUL25" s="8"/>
      <c r="NUM25" s="8"/>
      <c r="NUN25" s="8"/>
      <c r="NUO25" s="8"/>
      <c r="NUP25" s="8"/>
      <c r="NUQ25" s="8"/>
      <c r="NUR25" s="8"/>
      <c r="NUS25" s="8"/>
      <c r="NUT25" s="8"/>
      <c r="NUU25" s="8"/>
      <c r="NUV25" s="8"/>
      <c r="NUW25" s="8"/>
      <c r="NUX25" s="8"/>
      <c r="NUY25" s="8"/>
      <c r="NUZ25" s="8"/>
      <c r="NVA25" s="8"/>
      <c r="NVB25" s="8"/>
      <c r="NVC25" s="8"/>
      <c r="NVD25" s="8"/>
      <c r="NVE25" s="8"/>
      <c r="NVF25" s="8"/>
      <c r="NVG25" s="8"/>
      <c r="NVH25" s="8"/>
      <c r="NVI25" s="8"/>
      <c r="NVJ25" s="8"/>
      <c r="NVK25" s="8"/>
      <c r="NVL25" s="8"/>
      <c r="NVM25" s="8"/>
      <c r="NVN25" s="8"/>
      <c r="NVO25" s="8"/>
      <c r="NVP25" s="8"/>
      <c r="NVQ25" s="8"/>
      <c r="NVR25" s="8"/>
      <c r="NVS25" s="8"/>
      <c r="NVT25" s="8"/>
      <c r="NVU25" s="8"/>
      <c r="NVV25" s="8"/>
      <c r="NVW25" s="8"/>
      <c r="NVX25" s="8"/>
      <c r="NVY25" s="8"/>
      <c r="NVZ25" s="8"/>
      <c r="NWA25" s="8"/>
      <c r="NWB25" s="8"/>
      <c r="NWC25" s="8"/>
      <c r="NWD25" s="8"/>
      <c r="NWE25" s="8"/>
      <c r="NWF25" s="8"/>
      <c r="NWG25" s="8"/>
      <c r="NWH25" s="8"/>
      <c r="NWI25" s="8"/>
      <c r="NWJ25" s="8"/>
      <c r="NWK25" s="8"/>
      <c r="NWL25" s="8"/>
      <c r="NWM25" s="8"/>
      <c r="NWN25" s="8"/>
      <c r="NWO25" s="8"/>
      <c r="NWP25" s="8"/>
      <c r="NWQ25" s="8"/>
      <c r="NWR25" s="8"/>
      <c r="NWS25" s="8"/>
      <c r="NWT25" s="8"/>
      <c r="NWU25" s="8"/>
      <c r="NWV25" s="8"/>
      <c r="NWW25" s="8"/>
      <c r="NWX25" s="8"/>
      <c r="NWY25" s="8"/>
      <c r="NWZ25" s="8"/>
      <c r="NXA25" s="8"/>
      <c r="NXB25" s="8"/>
      <c r="NXC25" s="8"/>
      <c r="NXD25" s="8"/>
      <c r="NXE25" s="8"/>
      <c r="NXF25" s="8"/>
      <c r="NXG25" s="8"/>
      <c r="NXH25" s="8"/>
      <c r="NXI25" s="8"/>
      <c r="NXJ25" s="8"/>
      <c r="NXK25" s="8"/>
      <c r="NXL25" s="8"/>
      <c r="NXM25" s="8"/>
      <c r="NXN25" s="8"/>
      <c r="NXO25" s="8"/>
      <c r="NXP25" s="8"/>
      <c r="NXQ25" s="8"/>
      <c r="NXR25" s="8"/>
      <c r="NXS25" s="8"/>
      <c r="NXT25" s="8"/>
      <c r="NXU25" s="8"/>
      <c r="NXV25" s="8"/>
      <c r="NXW25" s="8"/>
      <c r="NXX25" s="8"/>
      <c r="NXY25" s="8"/>
      <c r="NXZ25" s="8"/>
      <c r="NYA25" s="8"/>
      <c r="NYB25" s="8"/>
      <c r="NYC25" s="8"/>
      <c r="NYD25" s="8"/>
      <c r="NYE25" s="8"/>
      <c r="NYF25" s="8"/>
      <c r="NYG25" s="8"/>
      <c r="NYH25" s="8"/>
      <c r="NYI25" s="8"/>
      <c r="NYJ25" s="8"/>
      <c r="NYK25" s="8"/>
      <c r="NYL25" s="8"/>
      <c r="NYM25" s="8"/>
      <c r="NYN25" s="8"/>
      <c r="NYO25" s="8"/>
      <c r="NYP25" s="8"/>
      <c r="NYQ25" s="8"/>
      <c r="NYR25" s="8"/>
      <c r="NYS25" s="8"/>
      <c r="NYT25" s="8"/>
      <c r="NYU25" s="8"/>
      <c r="NYV25" s="8"/>
      <c r="NYW25" s="8"/>
      <c r="NYX25" s="8"/>
      <c r="NYY25" s="8"/>
      <c r="NYZ25" s="8"/>
      <c r="NZA25" s="8"/>
      <c r="NZB25" s="8"/>
      <c r="NZC25" s="8"/>
      <c r="NZD25" s="8"/>
      <c r="NZE25" s="8"/>
      <c r="NZF25" s="8"/>
      <c r="NZG25" s="8"/>
      <c r="NZH25" s="8"/>
      <c r="NZI25" s="8"/>
      <c r="NZJ25" s="8"/>
      <c r="NZK25" s="8"/>
      <c r="NZL25" s="8"/>
      <c r="NZM25" s="8"/>
      <c r="NZN25" s="8"/>
      <c r="NZO25" s="8"/>
      <c r="NZP25" s="8"/>
      <c r="NZQ25" s="8"/>
      <c r="NZR25" s="8"/>
      <c r="NZS25" s="8"/>
      <c r="NZT25" s="8"/>
      <c r="NZU25" s="8"/>
      <c r="NZV25" s="8"/>
      <c r="NZW25" s="8"/>
      <c r="NZX25" s="8"/>
      <c r="NZY25" s="8"/>
      <c r="NZZ25" s="8"/>
      <c r="OAA25" s="8"/>
      <c r="OAB25" s="8"/>
      <c r="OAC25" s="8"/>
      <c r="OAD25" s="8"/>
      <c r="OAE25" s="8"/>
      <c r="OAF25" s="8"/>
      <c r="OAG25" s="8"/>
      <c r="OAH25" s="8"/>
      <c r="OAI25" s="8"/>
      <c r="OAJ25" s="8"/>
      <c r="OAK25" s="8"/>
      <c r="OAL25" s="8"/>
      <c r="OAM25" s="8"/>
      <c r="OAN25" s="8"/>
      <c r="OAO25" s="8"/>
      <c r="OAP25" s="8"/>
      <c r="OAQ25" s="8"/>
      <c r="OAR25" s="8"/>
      <c r="OAS25" s="8"/>
      <c r="OAT25" s="8"/>
      <c r="OAU25" s="8"/>
      <c r="OAV25" s="8"/>
      <c r="OAW25" s="8"/>
      <c r="OAX25" s="8"/>
      <c r="OAY25" s="8"/>
      <c r="OAZ25" s="8"/>
      <c r="OBA25" s="8"/>
      <c r="OBB25" s="8"/>
      <c r="OBC25" s="8"/>
      <c r="OBD25" s="8"/>
      <c r="OBE25" s="8"/>
      <c r="OBF25" s="8"/>
      <c r="OBG25" s="8"/>
      <c r="OBH25" s="8"/>
      <c r="OBI25" s="8"/>
      <c r="OBJ25" s="8"/>
      <c r="OBK25" s="8"/>
      <c r="OBL25" s="8"/>
      <c r="OBM25" s="8"/>
      <c r="OBN25" s="8"/>
      <c r="OBO25" s="8"/>
      <c r="OBP25" s="8"/>
      <c r="OBQ25" s="8"/>
      <c r="OBR25" s="8"/>
      <c r="OBS25" s="8"/>
      <c r="OBT25" s="8"/>
      <c r="OBU25" s="8"/>
      <c r="OBV25" s="8"/>
      <c r="OBW25" s="8"/>
      <c r="OBX25" s="8"/>
      <c r="OBY25" s="8"/>
      <c r="OBZ25" s="8"/>
      <c r="OCA25" s="8"/>
      <c r="OCB25" s="8"/>
      <c r="OCC25" s="8"/>
      <c r="OCD25" s="8"/>
      <c r="OCE25" s="8"/>
      <c r="OCF25" s="8"/>
      <c r="OCG25" s="8"/>
      <c r="OCH25" s="8"/>
      <c r="OCI25" s="8"/>
      <c r="OCJ25" s="8"/>
      <c r="OCK25" s="8"/>
      <c r="OCL25" s="8"/>
      <c r="OCM25" s="8"/>
      <c r="OCN25" s="8"/>
      <c r="OCO25" s="8"/>
      <c r="OCP25" s="8"/>
      <c r="OCQ25" s="8"/>
      <c r="OCR25" s="8"/>
      <c r="OCS25" s="8"/>
      <c r="OCT25" s="8"/>
      <c r="OCU25" s="8"/>
      <c r="OCV25" s="8"/>
      <c r="OCW25" s="8"/>
      <c r="OCX25" s="8"/>
      <c r="OCY25" s="8"/>
      <c r="OCZ25" s="8"/>
      <c r="ODA25" s="8"/>
      <c r="ODB25" s="8"/>
      <c r="ODC25" s="8"/>
      <c r="ODD25" s="8"/>
      <c r="ODE25" s="8"/>
      <c r="ODF25" s="8"/>
      <c r="ODG25" s="8"/>
      <c r="ODH25" s="8"/>
      <c r="ODI25" s="8"/>
      <c r="ODJ25" s="8"/>
      <c r="ODK25" s="8"/>
      <c r="ODL25" s="8"/>
      <c r="ODM25" s="8"/>
      <c r="ODN25" s="8"/>
      <c r="ODO25" s="8"/>
      <c r="ODP25" s="8"/>
      <c r="ODQ25" s="8"/>
      <c r="ODR25" s="8"/>
      <c r="ODS25" s="8"/>
      <c r="ODT25" s="8"/>
      <c r="ODU25" s="8"/>
      <c r="ODV25" s="8"/>
      <c r="ODW25" s="8"/>
      <c r="ODX25" s="8"/>
      <c r="ODY25" s="8"/>
      <c r="ODZ25" s="8"/>
      <c r="OEA25" s="8"/>
      <c r="OEB25" s="8"/>
      <c r="OEC25" s="8"/>
      <c r="OED25" s="8"/>
      <c r="OEE25" s="8"/>
      <c r="OEF25" s="8"/>
      <c r="OEG25" s="8"/>
      <c r="OEH25" s="8"/>
      <c r="OEI25" s="8"/>
      <c r="OEJ25" s="8"/>
      <c r="OEK25" s="8"/>
      <c r="OEL25" s="8"/>
      <c r="OEM25" s="8"/>
      <c r="OEN25" s="8"/>
      <c r="OEO25" s="8"/>
      <c r="OEP25" s="8"/>
      <c r="OEQ25" s="8"/>
      <c r="OER25" s="8"/>
      <c r="OES25" s="8"/>
      <c r="OET25" s="8"/>
      <c r="OEU25" s="8"/>
      <c r="OEV25" s="8"/>
      <c r="OEW25" s="8"/>
      <c r="OEX25" s="8"/>
      <c r="OEY25" s="8"/>
      <c r="OEZ25" s="8"/>
      <c r="OFA25" s="8"/>
      <c r="OFB25" s="8"/>
      <c r="OFC25" s="8"/>
      <c r="OFD25" s="8"/>
      <c r="OFE25" s="8"/>
      <c r="OFF25" s="8"/>
      <c r="OFG25" s="8"/>
      <c r="OFH25" s="8"/>
      <c r="OFI25" s="8"/>
      <c r="OFJ25" s="8"/>
      <c r="OFK25" s="8"/>
      <c r="OFL25" s="8"/>
      <c r="OFM25" s="8"/>
      <c r="OFN25" s="8"/>
      <c r="OFO25" s="8"/>
      <c r="OFP25" s="8"/>
      <c r="OFQ25" s="8"/>
      <c r="OFR25" s="8"/>
      <c r="OFS25" s="8"/>
      <c r="OFT25" s="8"/>
      <c r="OFU25" s="8"/>
      <c r="OFV25" s="8"/>
      <c r="OFW25" s="8"/>
      <c r="OFX25" s="8"/>
      <c r="OFY25" s="8"/>
      <c r="OFZ25" s="8"/>
      <c r="OGA25" s="8"/>
      <c r="OGB25" s="8"/>
      <c r="OGC25" s="8"/>
      <c r="OGD25" s="8"/>
      <c r="OGE25" s="8"/>
      <c r="OGF25" s="8"/>
      <c r="OGG25" s="8"/>
      <c r="OGH25" s="8"/>
      <c r="OGI25" s="8"/>
      <c r="OGJ25" s="8"/>
      <c r="OGK25" s="8"/>
      <c r="OGL25" s="8"/>
      <c r="OGM25" s="8"/>
      <c r="OGN25" s="8"/>
      <c r="OGO25" s="8"/>
      <c r="OGP25" s="8"/>
      <c r="OGQ25" s="8"/>
      <c r="OGR25" s="8"/>
      <c r="OGS25" s="8"/>
      <c r="OGT25" s="8"/>
      <c r="OGU25" s="8"/>
      <c r="OGV25" s="8"/>
      <c r="OGW25" s="8"/>
      <c r="OGX25" s="8"/>
      <c r="OGY25" s="8"/>
      <c r="OGZ25" s="8"/>
      <c r="OHA25" s="8"/>
      <c r="OHB25" s="8"/>
      <c r="OHC25" s="8"/>
      <c r="OHD25" s="8"/>
      <c r="OHE25" s="8"/>
      <c r="OHF25" s="8"/>
      <c r="OHG25" s="8"/>
      <c r="OHH25" s="8"/>
      <c r="OHI25" s="8"/>
      <c r="OHJ25" s="8"/>
      <c r="OHK25" s="8"/>
      <c r="OHL25" s="8"/>
      <c r="OHM25" s="8"/>
      <c r="OHN25" s="8"/>
      <c r="OHO25" s="8"/>
      <c r="OHP25" s="8"/>
      <c r="OHQ25" s="8"/>
      <c r="OHR25" s="8"/>
      <c r="OHS25" s="8"/>
      <c r="OHT25" s="8"/>
      <c r="OHU25" s="8"/>
      <c r="OHV25" s="8"/>
      <c r="OHW25" s="8"/>
      <c r="OHX25" s="8"/>
      <c r="OHY25" s="8"/>
      <c r="OHZ25" s="8"/>
      <c r="OIA25" s="8"/>
      <c r="OIB25" s="8"/>
      <c r="OIC25" s="8"/>
      <c r="OID25" s="8"/>
      <c r="OIE25" s="8"/>
      <c r="OIF25" s="8"/>
      <c r="OIG25" s="8"/>
      <c r="OIH25" s="8"/>
      <c r="OII25" s="8"/>
      <c r="OIJ25" s="8"/>
      <c r="OIK25" s="8"/>
      <c r="OIL25" s="8"/>
      <c r="OIM25" s="8"/>
      <c r="OIN25" s="8"/>
      <c r="OIO25" s="8"/>
      <c r="OIP25" s="8"/>
      <c r="OIQ25" s="8"/>
      <c r="OIR25" s="8"/>
      <c r="OIS25" s="8"/>
      <c r="OIT25" s="8"/>
      <c r="OIU25" s="8"/>
      <c r="OIV25" s="8"/>
      <c r="OIW25" s="8"/>
      <c r="OIX25" s="8"/>
      <c r="OIY25" s="8"/>
      <c r="OIZ25" s="8"/>
      <c r="OJA25" s="8"/>
      <c r="OJB25" s="8"/>
      <c r="OJC25" s="8"/>
      <c r="OJD25" s="8"/>
      <c r="OJE25" s="8"/>
      <c r="OJF25" s="8"/>
      <c r="OJG25" s="8"/>
      <c r="OJH25" s="8"/>
      <c r="OJI25" s="8"/>
      <c r="OJJ25" s="8"/>
      <c r="OJK25" s="8"/>
      <c r="OJL25" s="8"/>
      <c r="OJM25" s="8"/>
      <c r="OJN25" s="8"/>
      <c r="OJO25" s="8"/>
      <c r="OJP25" s="8"/>
      <c r="OJQ25" s="8"/>
      <c r="OJR25" s="8"/>
      <c r="OJS25" s="8"/>
      <c r="OJT25" s="8"/>
      <c r="OJU25" s="8"/>
      <c r="OJV25" s="8"/>
      <c r="OJW25" s="8"/>
      <c r="OJX25" s="8"/>
      <c r="OJY25" s="8"/>
      <c r="OJZ25" s="8"/>
      <c r="OKA25" s="8"/>
      <c r="OKB25" s="8"/>
      <c r="OKC25" s="8"/>
      <c r="OKD25" s="8"/>
      <c r="OKE25" s="8"/>
      <c r="OKF25" s="8"/>
      <c r="OKG25" s="8"/>
      <c r="OKH25" s="8"/>
      <c r="OKI25" s="8"/>
      <c r="OKJ25" s="8"/>
      <c r="OKK25" s="8"/>
      <c r="OKL25" s="8"/>
      <c r="OKM25" s="8"/>
      <c r="OKN25" s="8"/>
      <c r="OKO25" s="8"/>
      <c r="OKP25" s="8"/>
      <c r="OKQ25" s="8"/>
      <c r="OKR25" s="8"/>
      <c r="OKS25" s="8"/>
      <c r="OKT25" s="8"/>
      <c r="OKU25" s="8"/>
      <c r="OKV25" s="8"/>
      <c r="OKW25" s="8"/>
      <c r="OKX25" s="8"/>
      <c r="OKY25" s="8"/>
      <c r="OKZ25" s="8"/>
      <c r="OLA25" s="8"/>
      <c r="OLB25" s="8"/>
      <c r="OLC25" s="8"/>
      <c r="OLD25" s="8"/>
      <c r="OLE25" s="8"/>
      <c r="OLF25" s="8"/>
      <c r="OLG25" s="8"/>
      <c r="OLH25" s="8"/>
      <c r="OLI25" s="8"/>
      <c r="OLJ25" s="8"/>
      <c r="OLK25" s="8"/>
      <c r="OLL25" s="8"/>
      <c r="OLM25" s="8"/>
      <c r="OLN25" s="8"/>
      <c r="OLO25" s="8"/>
      <c r="OLP25" s="8"/>
      <c r="OLQ25" s="8"/>
      <c r="OLR25" s="8"/>
      <c r="OLS25" s="8"/>
      <c r="OLT25" s="8"/>
      <c r="OLU25" s="8"/>
      <c r="OLV25" s="8"/>
      <c r="OLW25" s="8"/>
      <c r="OLX25" s="8"/>
      <c r="OLY25" s="8"/>
      <c r="OLZ25" s="8"/>
      <c r="OMA25" s="8"/>
      <c r="OMB25" s="8"/>
      <c r="OMC25" s="8"/>
      <c r="OMD25" s="8"/>
      <c r="OME25" s="8"/>
      <c r="OMF25" s="8"/>
      <c r="OMG25" s="8"/>
      <c r="OMH25" s="8"/>
      <c r="OMI25" s="8"/>
      <c r="OMJ25" s="8"/>
      <c r="OMK25" s="8"/>
      <c r="OML25" s="8"/>
      <c r="OMM25" s="8"/>
      <c r="OMN25" s="8"/>
      <c r="OMO25" s="8"/>
      <c r="OMP25" s="8"/>
      <c r="OMQ25" s="8"/>
      <c r="OMR25" s="8"/>
      <c r="OMS25" s="8"/>
      <c r="OMT25" s="8"/>
      <c r="OMU25" s="8"/>
      <c r="OMV25" s="8"/>
      <c r="OMW25" s="8"/>
      <c r="OMX25" s="8"/>
      <c r="OMY25" s="8"/>
      <c r="OMZ25" s="8"/>
      <c r="ONA25" s="8"/>
      <c r="ONB25" s="8"/>
      <c r="ONC25" s="8"/>
      <c r="OND25" s="8"/>
      <c r="ONE25" s="8"/>
      <c r="ONF25" s="8"/>
      <c r="ONG25" s="8"/>
      <c r="ONH25" s="8"/>
      <c r="ONI25" s="8"/>
      <c r="ONJ25" s="8"/>
      <c r="ONK25" s="8"/>
      <c r="ONL25" s="8"/>
      <c r="ONM25" s="8"/>
      <c r="ONN25" s="8"/>
      <c r="ONO25" s="8"/>
      <c r="ONP25" s="8"/>
      <c r="ONQ25" s="8"/>
      <c r="ONR25" s="8"/>
      <c r="ONS25" s="8"/>
      <c r="ONT25" s="8"/>
      <c r="ONU25" s="8"/>
      <c r="ONV25" s="8"/>
      <c r="ONW25" s="8"/>
      <c r="ONX25" s="8"/>
      <c r="ONY25" s="8"/>
      <c r="ONZ25" s="8"/>
      <c r="OOA25" s="8"/>
      <c r="OOB25" s="8"/>
      <c r="OOC25" s="8"/>
      <c r="OOD25" s="8"/>
      <c r="OOE25" s="8"/>
      <c r="OOF25" s="8"/>
      <c r="OOG25" s="8"/>
      <c r="OOH25" s="8"/>
      <c r="OOI25" s="8"/>
      <c r="OOJ25" s="8"/>
      <c r="OOK25" s="8"/>
      <c r="OOL25" s="8"/>
      <c r="OOM25" s="8"/>
      <c r="OON25" s="8"/>
      <c r="OOO25" s="8"/>
      <c r="OOP25" s="8"/>
      <c r="OOQ25" s="8"/>
      <c r="OOR25" s="8"/>
      <c r="OOS25" s="8"/>
      <c r="OOT25" s="8"/>
      <c r="OOU25" s="8"/>
      <c r="OOV25" s="8"/>
      <c r="OOW25" s="8"/>
      <c r="OOX25" s="8"/>
      <c r="OOY25" s="8"/>
      <c r="OOZ25" s="8"/>
      <c r="OPA25" s="8"/>
      <c r="OPB25" s="8"/>
      <c r="OPC25" s="8"/>
      <c r="OPD25" s="8"/>
      <c r="OPE25" s="8"/>
      <c r="OPF25" s="8"/>
      <c r="OPG25" s="8"/>
      <c r="OPH25" s="8"/>
      <c r="OPI25" s="8"/>
      <c r="OPJ25" s="8"/>
      <c r="OPK25" s="8"/>
      <c r="OPL25" s="8"/>
      <c r="OPM25" s="8"/>
      <c r="OPN25" s="8"/>
      <c r="OPO25" s="8"/>
      <c r="OPP25" s="8"/>
      <c r="OPQ25" s="8"/>
      <c r="OPR25" s="8"/>
      <c r="OPS25" s="8"/>
      <c r="OPT25" s="8"/>
      <c r="OPU25" s="8"/>
      <c r="OPV25" s="8"/>
      <c r="OPW25" s="8"/>
      <c r="OPX25" s="8"/>
      <c r="OPY25" s="8"/>
      <c r="OPZ25" s="8"/>
      <c r="OQA25" s="8"/>
      <c r="OQB25" s="8"/>
      <c r="OQC25" s="8"/>
      <c r="OQD25" s="8"/>
      <c r="OQE25" s="8"/>
      <c r="OQF25" s="8"/>
      <c r="OQG25" s="8"/>
      <c r="OQH25" s="8"/>
      <c r="OQI25" s="8"/>
      <c r="OQJ25" s="8"/>
      <c r="OQK25" s="8"/>
      <c r="OQL25" s="8"/>
      <c r="OQM25" s="8"/>
      <c r="OQN25" s="8"/>
      <c r="OQO25" s="8"/>
      <c r="OQP25" s="8"/>
      <c r="OQQ25" s="8"/>
      <c r="OQR25" s="8"/>
      <c r="OQS25" s="8"/>
      <c r="OQT25" s="8"/>
      <c r="OQU25" s="8"/>
      <c r="OQV25" s="8"/>
      <c r="OQW25" s="8"/>
      <c r="OQX25" s="8"/>
      <c r="OQY25" s="8"/>
      <c r="OQZ25" s="8"/>
      <c r="ORA25" s="8"/>
      <c r="ORB25" s="8"/>
      <c r="ORC25" s="8"/>
      <c r="ORD25" s="8"/>
      <c r="ORE25" s="8"/>
      <c r="ORF25" s="8"/>
      <c r="ORG25" s="8"/>
      <c r="ORH25" s="8"/>
      <c r="ORI25" s="8"/>
      <c r="ORJ25" s="8"/>
      <c r="ORK25" s="8"/>
      <c r="ORL25" s="8"/>
      <c r="ORM25" s="8"/>
      <c r="ORN25" s="8"/>
      <c r="ORO25" s="8"/>
      <c r="ORP25" s="8"/>
      <c r="ORQ25" s="8"/>
      <c r="ORR25" s="8"/>
      <c r="ORS25" s="8"/>
      <c r="ORT25" s="8"/>
      <c r="ORU25" s="8"/>
      <c r="ORV25" s="8"/>
      <c r="ORW25" s="8"/>
      <c r="ORX25" s="8"/>
      <c r="ORY25" s="8"/>
      <c r="ORZ25" s="8"/>
      <c r="OSA25" s="8"/>
      <c r="OSB25" s="8"/>
      <c r="OSC25" s="8"/>
      <c r="OSD25" s="8"/>
      <c r="OSE25" s="8"/>
      <c r="OSF25" s="8"/>
      <c r="OSG25" s="8"/>
      <c r="OSH25" s="8"/>
      <c r="OSI25" s="8"/>
      <c r="OSJ25" s="8"/>
      <c r="OSK25" s="8"/>
      <c r="OSL25" s="8"/>
      <c r="OSM25" s="8"/>
      <c r="OSN25" s="8"/>
      <c r="OSO25" s="8"/>
      <c r="OSP25" s="8"/>
      <c r="OSQ25" s="8"/>
      <c r="OSR25" s="8"/>
      <c r="OSS25" s="8"/>
      <c r="OST25" s="8"/>
      <c r="OSU25" s="8"/>
      <c r="OSV25" s="8"/>
      <c r="OSW25" s="8"/>
      <c r="OSX25" s="8"/>
      <c r="OSY25" s="8"/>
      <c r="OSZ25" s="8"/>
      <c r="OTA25" s="8"/>
      <c r="OTB25" s="8"/>
      <c r="OTC25" s="8"/>
      <c r="OTD25" s="8"/>
      <c r="OTE25" s="8"/>
      <c r="OTF25" s="8"/>
      <c r="OTG25" s="8"/>
      <c r="OTH25" s="8"/>
      <c r="OTI25" s="8"/>
      <c r="OTJ25" s="8"/>
      <c r="OTK25" s="8"/>
      <c r="OTL25" s="8"/>
      <c r="OTM25" s="8"/>
      <c r="OTN25" s="8"/>
      <c r="OTO25" s="8"/>
      <c r="OTP25" s="8"/>
      <c r="OTQ25" s="8"/>
      <c r="OTR25" s="8"/>
      <c r="OTS25" s="8"/>
      <c r="OTT25" s="8"/>
      <c r="OTU25" s="8"/>
      <c r="OTV25" s="8"/>
      <c r="OTW25" s="8"/>
      <c r="OTX25" s="8"/>
      <c r="OTY25" s="8"/>
      <c r="OTZ25" s="8"/>
      <c r="OUA25" s="8"/>
      <c r="OUB25" s="8"/>
      <c r="OUC25" s="8"/>
      <c r="OUD25" s="8"/>
      <c r="OUE25" s="8"/>
      <c r="OUF25" s="8"/>
      <c r="OUG25" s="8"/>
      <c r="OUH25" s="8"/>
      <c r="OUI25" s="8"/>
      <c r="OUJ25" s="8"/>
      <c r="OUK25" s="8"/>
      <c r="OUL25" s="8"/>
      <c r="OUM25" s="8"/>
      <c r="OUN25" s="8"/>
      <c r="OUO25" s="8"/>
      <c r="OUP25" s="8"/>
      <c r="OUQ25" s="8"/>
      <c r="OUR25" s="8"/>
      <c r="OUS25" s="8"/>
      <c r="OUT25" s="8"/>
      <c r="OUU25" s="8"/>
      <c r="OUV25" s="8"/>
      <c r="OUW25" s="8"/>
      <c r="OUX25" s="8"/>
      <c r="OUY25" s="8"/>
      <c r="OUZ25" s="8"/>
      <c r="OVA25" s="8"/>
      <c r="OVB25" s="8"/>
      <c r="OVC25" s="8"/>
      <c r="OVD25" s="8"/>
      <c r="OVE25" s="8"/>
      <c r="OVF25" s="8"/>
      <c r="OVG25" s="8"/>
      <c r="OVH25" s="8"/>
      <c r="OVI25" s="8"/>
      <c r="OVJ25" s="8"/>
      <c r="OVK25" s="8"/>
      <c r="OVL25" s="8"/>
      <c r="OVM25" s="8"/>
      <c r="OVN25" s="8"/>
      <c r="OVO25" s="8"/>
      <c r="OVP25" s="8"/>
      <c r="OVQ25" s="8"/>
      <c r="OVR25" s="8"/>
      <c r="OVS25" s="8"/>
      <c r="OVT25" s="8"/>
      <c r="OVU25" s="8"/>
      <c r="OVV25" s="8"/>
      <c r="OVW25" s="8"/>
      <c r="OVX25" s="8"/>
      <c r="OVY25" s="8"/>
      <c r="OVZ25" s="8"/>
      <c r="OWA25" s="8"/>
      <c r="OWB25" s="8"/>
      <c r="OWC25" s="8"/>
      <c r="OWD25" s="8"/>
      <c r="OWE25" s="8"/>
      <c r="OWF25" s="8"/>
      <c r="OWG25" s="8"/>
      <c r="OWH25" s="8"/>
      <c r="OWI25" s="8"/>
      <c r="OWJ25" s="8"/>
      <c r="OWK25" s="8"/>
      <c r="OWL25" s="8"/>
      <c r="OWM25" s="8"/>
      <c r="OWN25" s="8"/>
      <c r="OWO25" s="8"/>
      <c r="OWP25" s="8"/>
      <c r="OWQ25" s="8"/>
      <c r="OWR25" s="8"/>
      <c r="OWS25" s="8"/>
      <c r="OWT25" s="8"/>
      <c r="OWU25" s="8"/>
      <c r="OWV25" s="8"/>
      <c r="OWW25" s="8"/>
      <c r="OWX25" s="8"/>
      <c r="OWY25" s="8"/>
      <c r="OWZ25" s="8"/>
      <c r="OXA25" s="8"/>
      <c r="OXB25" s="8"/>
      <c r="OXC25" s="8"/>
      <c r="OXD25" s="8"/>
      <c r="OXE25" s="8"/>
      <c r="OXF25" s="8"/>
      <c r="OXG25" s="8"/>
      <c r="OXH25" s="8"/>
      <c r="OXI25" s="8"/>
      <c r="OXJ25" s="8"/>
      <c r="OXK25" s="8"/>
      <c r="OXL25" s="8"/>
      <c r="OXM25" s="8"/>
      <c r="OXN25" s="8"/>
      <c r="OXO25" s="8"/>
      <c r="OXP25" s="8"/>
      <c r="OXQ25" s="8"/>
      <c r="OXR25" s="8"/>
      <c r="OXS25" s="8"/>
      <c r="OXT25" s="8"/>
      <c r="OXU25" s="8"/>
      <c r="OXV25" s="8"/>
      <c r="OXW25" s="8"/>
      <c r="OXX25" s="8"/>
      <c r="OXY25" s="8"/>
      <c r="OXZ25" s="8"/>
      <c r="OYA25" s="8"/>
      <c r="OYB25" s="8"/>
      <c r="OYC25" s="8"/>
      <c r="OYD25" s="8"/>
      <c r="OYE25" s="8"/>
      <c r="OYF25" s="8"/>
      <c r="OYG25" s="8"/>
      <c r="OYH25" s="8"/>
      <c r="OYI25" s="8"/>
      <c r="OYJ25" s="8"/>
      <c r="OYK25" s="8"/>
      <c r="OYL25" s="8"/>
      <c r="OYM25" s="8"/>
      <c r="OYN25" s="8"/>
      <c r="OYO25" s="8"/>
      <c r="OYP25" s="8"/>
      <c r="OYQ25" s="8"/>
      <c r="OYR25" s="8"/>
      <c r="OYS25" s="8"/>
      <c r="OYT25" s="8"/>
      <c r="OYU25" s="8"/>
      <c r="OYV25" s="8"/>
      <c r="OYW25" s="8"/>
      <c r="OYX25" s="8"/>
      <c r="OYY25" s="8"/>
      <c r="OYZ25" s="8"/>
      <c r="OZA25" s="8"/>
      <c r="OZB25" s="8"/>
      <c r="OZC25" s="8"/>
      <c r="OZD25" s="8"/>
      <c r="OZE25" s="8"/>
      <c r="OZF25" s="8"/>
      <c r="OZG25" s="8"/>
      <c r="OZH25" s="8"/>
      <c r="OZI25" s="8"/>
      <c r="OZJ25" s="8"/>
      <c r="OZK25" s="8"/>
      <c r="OZL25" s="8"/>
      <c r="OZM25" s="8"/>
      <c r="OZN25" s="8"/>
      <c r="OZO25" s="8"/>
      <c r="OZP25" s="8"/>
      <c r="OZQ25" s="8"/>
      <c r="OZR25" s="8"/>
      <c r="OZS25" s="8"/>
      <c r="OZT25" s="8"/>
      <c r="OZU25" s="8"/>
      <c r="OZV25" s="8"/>
      <c r="OZW25" s="8"/>
      <c r="OZX25" s="8"/>
      <c r="OZY25" s="8"/>
      <c r="OZZ25" s="8"/>
      <c r="PAA25" s="8"/>
      <c r="PAB25" s="8"/>
      <c r="PAC25" s="8"/>
      <c r="PAD25" s="8"/>
      <c r="PAE25" s="8"/>
      <c r="PAF25" s="8"/>
      <c r="PAG25" s="8"/>
      <c r="PAH25" s="8"/>
      <c r="PAI25" s="8"/>
      <c r="PAJ25" s="8"/>
      <c r="PAK25" s="8"/>
      <c r="PAL25" s="8"/>
      <c r="PAM25" s="8"/>
      <c r="PAN25" s="8"/>
      <c r="PAO25" s="8"/>
      <c r="PAP25" s="8"/>
      <c r="PAQ25" s="8"/>
      <c r="PAR25" s="8"/>
      <c r="PAS25" s="8"/>
      <c r="PAT25" s="8"/>
      <c r="PAU25" s="8"/>
      <c r="PAV25" s="8"/>
      <c r="PAW25" s="8"/>
      <c r="PAX25" s="8"/>
      <c r="PAY25" s="8"/>
      <c r="PAZ25" s="8"/>
      <c r="PBA25" s="8"/>
      <c r="PBB25" s="8"/>
      <c r="PBC25" s="8"/>
      <c r="PBD25" s="8"/>
      <c r="PBE25" s="8"/>
      <c r="PBF25" s="8"/>
      <c r="PBG25" s="8"/>
      <c r="PBH25" s="8"/>
      <c r="PBI25" s="8"/>
      <c r="PBJ25" s="8"/>
      <c r="PBK25" s="8"/>
      <c r="PBL25" s="8"/>
      <c r="PBM25" s="8"/>
      <c r="PBN25" s="8"/>
      <c r="PBO25" s="8"/>
      <c r="PBP25" s="8"/>
      <c r="PBQ25" s="8"/>
      <c r="PBR25" s="8"/>
      <c r="PBS25" s="8"/>
      <c r="PBT25" s="8"/>
      <c r="PBU25" s="8"/>
      <c r="PBV25" s="8"/>
      <c r="PBW25" s="8"/>
      <c r="PBX25" s="8"/>
      <c r="PBY25" s="8"/>
      <c r="PBZ25" s="8"/>
      <c r="PCA25" s="8"/>
      <c r="PCB25" s="8"/>
      <c r="PCC25" s="8"/>
      <c r="PCD25" s="8"/>
      <c r="PCE25" s="8"/>
      <c r="PCF25" s="8"/>
      <c r="PCG25" s="8"/>
      <c r="PCH25" s="8"/>
      <c r="PCI25" s="8"/>
      <c r="PCJ25" s="8"/>
      <c r="PCK25" s="8"/>
      <c r="PCL25" s="8"/>
      <c r="PCM25" s="8"/>
      <c r="PCN25" s="8"/>
      <c r="PCO25" s="8"/>
      <c r="PCP25" s="8"/>
      <c r="PCQ25" s="8"/>
      <c r="PCR25" s="8"/>
      <c r="PCS25" s="8"/>
      <c r="PCT25" s="8"/>
      <c r="PCU25" s="8"/>
      <c r="PCV25" s="8"/>
      <c r="PCW25" s="8"/>
      <c r="PCX25" s="8"/>
      <c r="PCY25" s="8"/>
      <c r="PCZ25" s="8"/>
      <c r="PDA25" s="8"/>
      <c r="PDB25" s="8"/>
      <c r="PDC25" s="8"/>
      <c r="PDD25" s="8"/>
      <c r="PDE25" s="8"/>
      <c r="PDF25" s="8"/>
      <c r="PDG25" s="8"/>
      <c r="PDH25" s="8"/>
      <c r="PDI25" s="8"/>
      <c r="PDJ25" s="8"/>
      <c r="PDK25" s="8"/>
      <c r="PDL25" s="8"/>
      <c r="PDM25" s="8"/>
      <c r="PDN25" s="8"/>
      <c r="PDO25" s="8"/>
      <c r="PDP25" s="8"/>
      <c r="PDQ25" s="8"/>
      <c r="PDR25" s="8"/>
      <c r="PDS25" s="8"/>
      <c r="PDT25" s="8"/>
      <c r="PDU25" s="8"/>
      <c r="PDV25" s="8"/>
      <c r="PDW25" s="8"/>
      <c r="PDX25" s="8"/>
      <c r="PDY25" s="8"/>
      <c r="PDZ25" s="8"/>
      <c r="PEA25" s="8"/>
      <c r="PEB25" s="8"/>
      <c r="PEC25" s="8"/>
      <c r="PED25" s="8"/>
      <c r="PEE25" s="8"/>
      <c r="PEF25" s="8"/>
      <c r="PEG25" s="8"/>
      <c r="PEH25" s="8"/>
      <c r="PEI25" s="8"/>
      <c r="PEJ25" s="8"/>
      <c r="PEK25" s="8"/>
      <c r="PEL25" s="8"/>
      <c r="PEM25" s="8"/>
      <c r="PEN25" s="8"/>
      <c r="PEO25" s="8"/>
      <c r="PEP25" s="8"/>
      <c r="PEQ25" s="8"/>
      <c r="PER25" s="8"/>
      <c r="PES25" s="8"/>
      <c r="PET25" s="8"/>
      <c r="PEU25" s="8"/>
      <c r="PEV25" s="8"/>
      <c r="PEW25" s="8"/>
      <c r="PEX25" s="8"/>
      <c r="PEY25" s="8"/>
      <c r="PEZ25" s="8"/>
      <c r="PFA25" s="8"/>
      <c r="PFB25" s="8"/>
      <c r="PFC25" s="8"/>
      <c r="PFD25" s="8"/>
      <c r="PFE25" s="8"/>
      <c r="PFF25" s="8"/>
      <c r="PFG25" s="8"/>
      <c r="PFH25" s="8"/>
      <c r="PFI25" s="8"/>
      <c r="PFJ25" s="8"/>
      <c r="PFK25" s="8"/>
      <c r="PFL25" s="8"/>
      <c r="PFM25" s="8"/>
      <c r="PFN25" s="8"/>
      <c r="PFO25" s="8"/>
      <c r="PFP25" s="8"/>
      <c r="PFQ25" s="8"/>
      <c r="PFR25" s="8"/>
      <c r="PFS25" s="8"/>
      <c r="PFT25" s="8"/>
      <c r="PFU25" s="8"/>
      <c r="PFV25" s="8"/>
      <c r="PFW25" s="8"/>
      <c r="PFX25" s="8"/>
      <c r="PFY25" s="8"/>
      <c r="PFZ25" s="8"/>
      <c r="PGA25" s="8"/>
      <c r="PGB25" s="8"/>
      <c r="PGC25" s="8"/>
      <c r="PGD25" s="8"/>
      <c r="PGE25" s="8"/>
      <c r="PGF25" s="8"/>
      <c r="PGG25" s="8"/>
      <c r="PGH25" s="8"/>
      <c r="PGI25" s="8"/>
      <c r="PGJ25" s="8"/>
      <c r="PGK25" s="8"/>
      <c r="PGL25" s="8"/>
      <c r="PGM25" s="8"/>
      <c r="PGN25" s="8"/>
      <c r="PGO25" s="8"/>
      <c r="PGP25" s="8"/>
      <c r="PGQ25" s="8"/>
      <c r="PGR25" s="8"/>
      <c r="PGS25" s="8"/>
      <c r="PGT25" s="8"/>
      <c r="PGU25" s="8"/>
      <c r="PGV25" s="8"/>
      <c r="PGW25" s="8"/>
      <c r="PGX25" s="8"/>
      <c r="PGY25" s="8"/>
      <c r="PGZ25" s="8"/>
      <c r="PHA25" s="8"/>
      <c r="PHB25" s="8"/>
      <c r="PHC25" s="8"/>
      <c r="PHD25" s="8"/>
      <c r="PHE25" s="8"/>
      <c r="PHF25" s="8"/>
      <c r="PHG25" s="8"/>
      <c r="PHH25" s="8"/>
      <c r="PHI25" s="8"/>
      <c r="PHJ25" s="8"/>
      <c r="PHK25" s="8"/>
      <c r="PHL25" s="8"/>
      <c r="PHM25" s="8"/>
      <c r="PHN25" s="8"/>
      <c r="PHO25" s="8"/>
      <c r="PHP25" s="8"/>
      <c r="PHQ25" s="8"/>
      <c r="PHR25" s="8"/>
      <c r="PHS25" s="8"/>
      <c r="PHT25" s="8"/>
      <c r="PHU25" s="8"/>
      <c r="PHV25" s="8"/>
      <c r="PHW25" s="8"/>
      <c r="PHX25" s="8"/>
      <c r="PHY25" s="8"/>
      <c r="PHZ25" s="8"/>
      <c r="PIA25" s="8"/>
      <c r="PIB25" s="8"/>
      <c r="PIC25" s="8"/>
      <c r="PID25" s="8"/>
      <c r="PIE25" s="8"/>
      <c r="PIF25" s="8"/>
      <c r="PIG25" s="8"/>
      <c r="PIH25" s="8"/>
      <c r="PII25" s="8"/>
      <c r="PIJ25" s="8"/>
      <c r="PIK25" s="8"/>
      <c r="PIL25" s="8"/>
      <c r="PIM25" s="8"/>
      <c r="PIN25" s="8"/>
      <c r="PIO25" s="8"/>
      <c r="PIP25" s="8"/>
      <c r="PIQ25" s="8"/>
      <c r="PIR25" s="8"/>
      <c r="PIS25" s="8"/>
      <c r="PIT25" s="8"/>
      <c r="PIU25" s="8"/>
      <c r="PIV25" s="8"/>
      <c r="PIW25" s="8"/>
      <c r="PIX25" s="8"/>
      <c r="PIY25" s="8"/>
      <c r="PIZ25" s="8"/>
      <c r="PJA25" s="8"/>
      <c r="PJB25" s="8"/>
      <c r="PJC25" s="8"/>
      <c r="PJD25" s="8"/>
      <c r="PJE25" s="8"/>
      <c r="PJF25" s="8"/>
      <c r="PJG25" s="8"/>
      <c r="PJH25" s="8"/>
      <c r="PJI25" s="8"/>
      <c r="PJJ25" s="8"/>
      <c r="PJK25" s="8"/>
      <c r="PJL25" s="8"/>
      <c r="PJM25" s="8"/>
      <c r="PJN25" s="8"/>
      <c r="PJO25" s="8"/>
      <c r="PJP25" s="8"/>
      <c r="PJQ25" s="8"/>
      <c r="PJR25" s="8"/>
      <c r="PJS25" s="8"/>
      <c r="PJT25" s="8"/>
      <c r="PJU25" s="8"/>
      <c r="PJV25" s="8"/>
      <c r="PJW25" s="8"/>
      <c r="PJX25" s="8"/>
      <c r="PJY25" s="8"/>
      <c r="PJZ25" s="8"/>
      <c r="PKA25" s="8"/>
      <c r="PKB25" s="8"/>
      <c r="PKC25" s="8"/>
      <c r="PKD25" s="8"/>
      <c r="PKE25" s="8"/>
      <c r="PKF25" s="8"/>
      <c r="PKG25" s="8"/>
      <c r="PKH25" s="8"/>
      <c r="PKI25" s="8"/>
      <c r="PKJ25" s="8"/>
      <c r="PKK25" s="8"/>
      <c r="PKL25" s="8"/>
      <c r="PKM25" s="8"/>
      <c r="PKN25" s="8"/>
      <c r="PKO25" s="8"/>
      <c r="PKP25" s="8"/>
      <c r="PKQ25" s="8"/>
      <c r="PKR25" s="8"/>
      <c r="PKS25" s="8"/>
      <c r="PKT25" s="8"/>
      <c r="PKU25" s="8"/>
      <c r="PKV25" s="8"/>
      <c r="PKW25" s="8"/>
      <c r="PKX25" s="8"/>
      <c r="PKY25" s="8"/>
      <c r="PKZ25" s="8"/>
      <c r="PLA25" s="8"/>
      <c r="PLB25" s="8"/>
      <c r="PLC25" s="8"/>
      <c r="PLD25" s="8"/>
      <c r="PLE25" s="8"/>
      <c r="PLF25" s="8"/>
      <c r="PLG25" s="8"/>
      <c r="PLH25" s="8"/>
      <c r="PLI25" s="8"/>
      <c r="PLJ25" s="8"/>
      <c r="PLK25" s="8"/>
      <c r="PLL25" s="8"/>
      <c r="PLM25" s="8"/>
      <c r="PLN25" s="8"/>
      <c r="PLO25" s="8"/>
      <c r="PLP25" s="8"/>
      <c r="PLQ25" s="8"/>
      <c r="PLR25" s="8"/>
      <c r="PLS25" s="8"/>
      <c r="PLT25" s="8"/>
      <c r="PLU25" s="8"/>
      <c r="PLV25" s="8"/>
      <c r="PLW25" s="8"/>
      <c r="PLX25" s="8"/>
      <c r="PLY25" s="8"/>
      <c r="PLZ25" s="8"/>
      <c r="PMA25" s="8"/>
      <c r="PMB25" s="8"/>
      <c r="PMC25" s="8"/>
      <c r="PMD25" s="8"/>
      <c r="PME25" s="8"/>
      <c r="PMF25" s="8"/>
      <c r="PMG25" s="8"/>
      <c r="PMH25" s="8"/>
      <c r="PMI25" s="8"/>
      <c r="PMJ25" s="8"/>
      <c r="PMK25" s="8"/>
      <c r="PML25" s="8"/>
      <c r="PMM25" s="8"/>
      <c r="PMN25" s="8"/>
      <c r="PMO25" s="8"/>
      <c r="PMP25" s="8"/>
      <c r="PMQ25" s="8"/>
      <c r="PMR25" s="8"/>
      <c r="PMS25" s="8"/>
      <c r="PMT25" s="8"/>
      <c r="PMU25" s="8"/>
      <c r="PMV25" s="8"/>
      <c r="PMW25" s="8"/>
      <c r="PMX25" s="8"/>
      <c r="PMY25" s="8"/>
      <c r="PMZ25" s="8"/>
      <c r="PNA25" s="8"/>
      <c r="PNB25" s="8"/>
      <c r="PNC25" s="8"/>
      <c r="PND25" s="8"/>
      <c r="PNE25" s="8"/>
      <c r="PNF25" s="8"/>
      <c r="PNG25" s="8"/>
      <c r="PNH25" s="8"/>
      <c r="PNI25" s="8"/>
      <c r="PNJ25" s="8"/>
      <c r="PNK25" s="8"/>
      <c r="PNL25" s="8"/>
      <c r="PNM25" s="8"/>
      <c r="PNN25" s="8"/>
      <c r="PNO25" s="8"/>
      <c r="PNP25" s="8"/>
      <c r="PNQ25" s="8"/>
      <c r="PNR25" s="8"/>
      <c r="PNS25" s="8"/>
      <c r="PNT25" s="8"/>
      <c r="PNU25" s="8"/>
      <c r="PNV25" s="8"/>
      <c r="PNW25" s="8"/>
      <c r="PNX25" s="8"/>
      <c r="PNY25" s="8"/>
      <c r="PNZ25" s="8"/>
      <c r="POA25" s="8"/>
      <c r="POB25" s="8"/>
      <c r="POC25" s="8"/>
      <c r="POD25" s="8"/>
      <c r="POE25" s="8"/>
      <c r="POF25" s="8"/>
      <c r="POG25" s="8"/>
      <c r="POH25" s="8"/>
      <c r="POI25" s="8"/>
      <c r="POJ25" s="8"/>
      <c r="POK25" s="8"/>
      <c r="POL25" s="8"/>
      <c r="POM25" s="8"/>
      <c r="PON25" s="8"/>
      <c r="POO25" s="8"/>
      <c r="POP25" s="8"/>
      <c r="POQ25" s="8"/>
      <c r="POR25" s="8"/>
      <c r="POS25" s="8"/>
      <c r="POT25" s="8"/>
      <c r="POU25" s="8"/>
      <c r="POV25" s="8"/>
      <c r="POW25" s="8"/>
      <c r="POX25" s="8"/>
      <c r="POY25" s="8"/>
      <c r="POZ25" s="8"/>
      <c r="PPA25" s="8"/>
      <c r="PPB25" s="8"/>
      <c r="PPC25" s="8"/>
      <c r="PPD25" s="8"/>
      <c r="PPE25" s="8"/>
      <c r="PPF25" s="8"/>
      <c r="PPG25" s="8"/>
      <c r="PPH25" s="8"/>
      <c r="PPI25" s="8"/>
      <c r="PPJ25" s="8"/>
      <c r="PPK25" s="8"/>
      <c r="PPL25" s="8"/>
      <c r="PPM25" s="8"/>
      <c r="PPN25" s="8"/>
      <c r="PPO25" s="8"/>
      <c r="PPP25" s="8"/>
      <c r="PPQ25" s="8"/>
      <c r="PPR25" s="8"/>
      <c r="PPS25" s="8"/>
      <c r="PPT25" s="8"/>
      <c r="PPU25" s="8"/>
      <c r="PPV25" s="8"/>
      <c r="PPW25" s="8"/>
      <c r="PPX25" s="8"/>
      <c r="PPY25" s="8"/>
      <c r="PPZ25" s="8"/>
      <c r="PQA25" s="8"/>
      <c r="PQB25" s="8"/>
      <c r="PQC25" s="8"/>
      <c r="PQD25" s="8"/>
      <c r="PQE25" s="8"/>
      <c r="PQF25" s="8"/>
      <c r="PQG25" s="8"/>
      <c r="PQH25" s="8"/>
      <c r="PQI25" s="8"/>
      <c r="PQJ25" s="8"/>
      <c r="PQK25" s="8"/>
      <c r="PQL25" s="8"/>
      <c r="PQM25" s="8"/>
      <c r="PQN25" s="8"/>
      <c r="PQO25" s="8"/>
      <c r="PQP25" s="8"/>
      <c r="PQQ25" s="8"/>
      <c r="PQR25" s="8"/>
      <c r="PQS25" s="8"/>
      <c r="PQT25" s="8"/>
      <c r="PQU25" s="8"/>
      <c r="PQV25" s="8"/>
      <c r="PQW25" s="8"/>
      <c r="PQX25" s="8"/>
      <c r="PQY25" s="8"/>
      <c r="PQZ25" s="8"/>
      <c r="PRA25" s="8"/>
      <c r="PRB25" s="8"/>
      <c r="PRC25" s="8"/>
      <c r="PRD25" s="8"/>
      <c r="PRE25" s="8"/>
      <c r="PRF25" s="8"/>
      <c r="PRG25" s="8"/>
      <c r="PRH25" s="8"/>
      <c r="PRI25" s="8"/>
      <c r="PRJ25" s="8"/>
      <c r="PRK25" s="8"/>
      <c r="PRL25" s="8"/>
      <c r="PRM25" s="8"/>
      <c r="PRN25" s="8"/>
      <c r="PRO25" s="8"/>
      <c r="PRP25" s="8"/>
      <c r="PRQ25" s="8"/>
      <c r="PRR25" s="8"/>
      <c r="PRS25" s="8"/>
      <c r="PRT25" s="8"/>
      <c r="PRU25" s="8"/>
      <c r="PRV25" s="8"/>
      <c r="PRW25" s="8"/>
      <c r="PRX25" s="8"/>
      <c r="PRY25" s="8"/>
      <c r="PRZ25" s="8"/>
      <c r="PSA25" s="8"/>
      <c r="PSB25" s="8"/>
      <c r="PSC25" s="8"/>
      <c r="PSD25" s="8"/>
      <c r="PSE25" s="8"/>
      <c r="PSF25" s="8"/>
      <c r="PSG25" s="8"/>
      <c r="PSH25" s="8"/>
      <c r="PSI25" s="8"/>
      <c r="PSJ25" s="8"/>
      <c r="PSK25" s="8"/>
      <c r="PSL25" s="8"/>
      <c r="PSM25" s="8"/>
      <c r="PSN25" s="8"/>
      <c r="PSO25" s="8"/>
      <c r="PSP25" s="8"/>
      <c r="PSQ25" s="8"/>
      <c r="PSR25" s="8"/>
      <c r="PSS25" s="8"/>
      <c r="PST25" s="8"/>
      <c r="PSU25" s="8"/>
      <c r="PSV25" s="8"/>
      <c r="PSW25" s="8"/>
      <c r="PSX25" s="8"/>
      <c r="PSY25" s="8"/>
      <c r="PSZ25" s="8"/>
      <c r="PTA25" s="8"/>
      <c r="PTB25" s="8"/>
      <c r="PTC25" s="8"/>
      <c r="PTD25" s="8"/>
      <c r="PTE25" s="8"/>
      <c r="PTF25" s="8"/>
      <c r="PTG25" s="8"/>
      <c r="PTH25" s="8"/>
      <c r="PTI25" s="8"/>
      <c r="PTJ25" s="8"/>
      <c r="PTK25" s="8"/>
      <c r="PTL25" s="8"/>
      <c r="PTM25" s="8"/>
      <c r="PTN25" s="8"/>
      <c r="PTO25" s="8"/>
      <c r="PTP25" s="8"/>
      <c r="PTQ25" s="8"/>
      <c r="PTR25" s="8"/>
      <c r="PTS25" s="8"/>
      <c r="PTT25" s="8"/>
      <c r="PTU25" s="8"/>
      <c r="PTV25" s="8"/>
      <c r="PTW25" s="8"/>
      <c r="PTX25" s="8"/>
      <c r="PTY25" s="8"/>
      <c r="PTZ25" s="8"/>
      <c r="PUA25" s="8"/>
      <c r="PUB25" s="8"/>
      <c r="PUC25" s="8"/>
      <c r="PUD25" s="8"/>
      <c r="PUE25" s="8"/>
      <c r="PUF25" s="8"/>
      <c r="PUG25" s="8"/>
      <c r="PUH25" s="8"/>
      <c r="PUI25" s="8"/>
      <c r="PUJ25" s="8"/>
      <c r="PUK25" s="8"/>
      <c r="PUL25" s="8"/>
      <c r="PUM25" s="8"/>
      <c r="PUN25" s="8"/>
      <c r="PUO25" s="8"/>
      <c r="PUP25" s="8"/>
      <c r="PUQ25" s="8"/>
      <c r="PUR25" s="8"/>
      <c r="PUS25" s="8"/>
      <c r="PUT25" s="8"/>
      <c r="PUU25" s="8"/>
      <c r="PUV25" s="8"/>
      <c r="PUW25" s="8"/>
      <c r="PUX25" s="8"/>
      <c r="PUY25" s="8"/>
      <c r="PUZ25" s="8"/>
      <c r="PVA25" s="8"/>
      <c r="PVB25" s="8"/>
      <c r="PVC25" s="8"/>
      <c r="PVD25" s="8"/>
      <c r="PVE25" s="8"/>
      <c r="PVF25" s="8"/>
      <c r="PVG25" s="8"/>
      <c r="PVH25" s="8"/>
      <c r="PVI25" s="8"/>
      <c r="PVJ25" s="8"/>
      <c r="PVK25" s="8"/>
      <c r="PVL25" s="8"/>
      <c r="PVM25" s="8"/>
      <c r="PVN25" s="8"/>
      <c r="PVO25" s="8"/>
      <c r="PVP25" s="8"/>
      <c r="PVQ25" s="8"/>
      <c r="PVR25" s="8"/>
      <c r="PVS25" s="8"/>
      <c r="PVT25" s="8"/>
      <c r="PVU25" s="8"/>
      <c r="PVV25" s="8"/>
      <c r="PVW25" s="8"/>
      <c r="PVX25" s="8"/>
      <c r="PVY25" s="8"/>
      <c r="PVZ25" s="8"/>
      <c r="PWA25" s="8"/>
      <c r="PWB25" s="8"/>
      <c r="PWC25" s="8"/>
      <c r="PWD25" s="8"/>
      <c r="PWE25" s="8"/>
      <c r="PWF25" s="8"/>
      <c r="PWG25" s="8"/>
      <c r="PWH25" s="8"/>
      <c r="PWI25" s="8"/>
      <c r="PWJ25" s="8"/>
      <c r="PWK25" s="8"/>
      <c r="PWL25" s="8"/>
      <c r="PWM25" s="8"/>
      <c r="PWN25" s="8"/>
      <c r="PWO25" s="8"/>
      <c r="PWP25" s="8"/>
      <c r="PWQ25" s="8"/>
      <c r="PWR25" s="8"/>
      <c r="PWS25" s="8"/>
      <c r="PWT25" s="8"/>
      <c r="PWU25" s="8"/>
      <c r="PWV25" s="8"/>
      <c r="PWW25" s="8"/>
      <c r="PWX25" s="8"/>
      <c r="PWY25" s="8"/>
      <c r="PWZ25" s="8"/>
      <c r="PXA25" s="8"/>
      <c r="PXB25" s="8"/>
      <c r="PXC25" s="8"/>
      <c r="PXD25" s="8"/>
      <c r="PXE25" s="8"/>
      <c r="PXF25" s="8"/>
      <c r="PXG25" s="8"/>
      <c r="PXH25" s="8"/>
      <c r="PXI25" s="8"/>
      <c r="PXJ25" s="8"/>
      <c r="PXK25" s="8"/>
      <c r="PXL25" s="8"/>
      <c r="PXM25" s="8"/>
      <c r="PXN25" s="8"/>
      <c r="PXO25" s="8"/>
      <c r="PXP25" s="8"/>
      <c r="PXQ25" s="8"/>
      <c r="PXR25" s="8"/>
      <c r="PXS25" s="8"/>
      <c r="PXT25" s="8"/>
      <c r="PXU25" s="8"/>
      <c r="PXV25" s="8"/>
      <c r="PXW25" s="8"/>
      <c r="PXX25" s="8"/>
      <c r="PXY25" s="8"/>
      <c r="PXZ25" s="8"/>
      <c r="PYA25" s="8"/>
      <c r="PYB25" s="8"/>
      <c r="PYC25" s="8"/>
      <c r="PYD25" s="8"/>
      <c r="PYE25" s="8"/>
      <c r="PYF25" s="8"/>
      <c r="PYG25" s="8"/>
      <c r="PYH25" s="8"/>
      <c r="PYI25" s="8"/>
      <c r="PYJ25" s="8"/>
      <c r="PYK25" s="8"/>
      <c r="PYL25" s="8"/>
      <c r="PYM25" s="8"/>
      <c r="PYN25" s="8"/>
      <c r="PYO25" s="8"/>
      <c r="PYP25" s="8"/>
      <c r="PYQ25" s="8"/>
      <c r="PYR25" s="8"/>
      <c r="PYS25" s="8"/>
      <c r="PYT25" s="8"/>
      <c r="PYU25" s="8"/>
      <c r="PYV25" s="8"/>
      <c r="PYW25" s="8"/>
      <c r="PYX25" s="8"/>
      <c r="PYY25" s="8"/>
      <c r="PYZ25" s="8"/>
      <c r="PZA25" s="8"/>
      <c r="PZB25" s="8"/>
      <c r="PZC25" s="8"/>
      <c r="PZD25" s="8"/>
      <c r="PZE25" s="8"/>
      <c r="PZF25" s="8"/>
      <c r="PZG25" s="8"/>
      <c r="PZH25" s="8"/>
      <c r="PZI25" s="8"/>
      <c r="PZJ25" s="8"/>
      <c r="PZK25" s="8"/>
      <c r="PZL25" s="8"/>
      <c r="PZM25" s="8"/>
      <c r="PZN25" s="8"/>
      <c r="PZO25" s="8"/>
      <c r="PZP25" s="8"/>
      <c r="PZQ25" s="8"/>
      <c r="PZR25" s="8"/>
      <c r="PZS25" s="8"/>
      <c r="PZT25" s="8"/>
      <c r="PZU25" s="8"/>
      <c r="PZV25" s="8"/>
      <c r="PZW25" s="8"/>
      <c r="PZX25" s="8"/>
      <c r="PZY25" s="8"/>
      <c r="PZZ25" s="8"/>
      <c r="QAA25" s="8"/>
      <c r="QAB25" s="8"/>
      <c r="QAC25" s="8"/>
      <c r="QAD25" s="8"/>
      <c r="QAE25" s="8"/>
      <c r="QAF25" s="8"/>
      <c r="QAG25" s="8"/>
      <c r="QAH25" s="8"/>
      <c r="QAI25" s="8"/>
      <c r="QAJ25" s="8"/>
      <c r="QAK25" s="8"/>
      <c r="QAL25" s="8"/>
      <c r="QAM25" s="8"/>
      <c r="QAN25" s="8"/>
      <c r="QAO25" s="8"/>
      <c r="QAP25" s="8"/>
      <c r="QAQ25" s="8"/>
      <c r="QAR25" s="8"/>
      <c r="QAS25" s="8"/>
      <c r="QAT25" s="8"/>
      <c r="QAU25" s="8"/>
      <c r="QAV25" s="8"/>
      <c r="QAW25" s="8"/>
      <c r="QAX25" s="8"/>
      <c r="QAY25" s="8"/>
      <c r="QAZ25" s="8"/>
      <c r="QBA25" s="8"/>
      <c r="QBB25" s="8"/>
      <c r="QBC25" s="8"/>
      <c r="QBD25" s="8"/>
      <c r="QBE25" s="8"/>
      <c r="QBF25" s="8"/>
      <c r="QBG25" s="8"/>
      <c r="QBH25" s="8"/>
      <c r="QBI25" s="8"/>
      <c r="QBJ25" s="8"/>
      <c r="QBK25" s="8"/>
      <c r="QBL25" s="8"/>
      <c r="QBM25" s="8"/>
      <c r="QBN25" s="8"/>
      <c r="QBO25" s="8"/>
      <c r="QBP25" s="8"/>
      <c r="QBQ25" s="8"/>
      <c r="QBR25" s="8"/>
      <c r="QBS25" s="8"/>
      <c r="QBT25" s="8"/>
      <c r="QBU25" s="8"/>
      <c r="QBV25" s="8"/>
      <c r="QBW25" s="8"/>
      <c r="QBX25" s="8"/>
      <c r="QBY25" s="8"/>
      <c r="QBZ25" s="8"/>
      <c r="QCA25" s="8"/>
      <c r="QCB25" s="8"/>
      <c r="QCC25" s="8"/>
      <c r="QCD25" s="8"/>
      <c r="QCE25" s="8"/>
      <c r="QCF25" s="8"/>
      <c r="QCG25" s="8"/>
      <c r="QCH25" s="8"/>
      <c r="QCI25" s="8"/>
      <c r="QCJ25" s="8"/>
      <c r="QCK25" s="8"/>
      <c r="QCL25" s="8"/>
      <c r="QCM25" s="8"/>
      <c r="QCN25" s="8"/>
      <c r="QCO25" s="8"/>
      <c r="QCP25" s="8"/>
      <c r="QCQ25" s="8"/>
      <c r="QCR25" s="8"/>
      <c r="QCS25" s="8"/>
      <c r="QCT25" s="8"/>
      <c r="QCU25" s="8"/>
      <c r="QCV25" s="8"/>
      <c r="QCW25" s="8"/>
      <c r="QCX25" s="8"/>
      <c r="QCY25" s="8"/>
      <c r="QCZ25" s="8"/>
      <c r="QDA25" s="8"/>
      <c r="QDB25" s="8"/>
      <c r="QDC25" s="8"/>
      <c r="QDD25" s="8"/>
      <c r="QDE25" s="8"/>
      <c r="QDF25" s="8"/>
      <c r="QDG25" s="8"/>
      <c r="QDH25" s="8"/>
      <c r="QDI25" s="8"/>
      <c r="QDJ25" s="8"/>
      <c r="QDK25" s="8"/>
      <c r="QDL25" s="8"/>
      <c r="QDM25" s="8"/>
      <c r="QDN25" s="8"/>
      <c r="QDO25" s="8"/>
      <c r="QDP25" s="8"/>
      <c r="QDQ25" s="8"/>
      <c r="QDR25" s="8"/>
      <c r="QDS25" s="8"/>
      <c r="QDT25" s="8"/>
      <c r="QDU25" s="8"/>
      <c r="QDV25" s="8"/>
      <c r="QDW25" s="8"/>
      <c r="QDX25" s="8"/>
      <c r="QDY25" s="8"/>
      <c r="QDZ25" s="8"/>
      <c r="QEA25" s="8"/>
      <c r="QEB25" s="8"/>
      <c r="QEC25" s="8"/>
      <c r="QED25" s="8"/>
      <c r="QEE25" s="8"/>
      <c r="QEF25" s="8"/>
      <c r="QEG25" s="8"/>
      <c r="QEH25" s="8"/>
      <c r="QEI25" s="8"/>
      <c r="QEJ25" s="8"/>
      <c r="QEK25" s="8"/>
      <c r="QEL25" s="8"/>
      <c r="QEM25" s="8"/>
      <c r="QEN25" s="8"/>
      <c r="QEO25" s="8"/>
      <c r="QEP25" s="8"/>
      <c r="QEQ25" s="8"/>
      <c r="QER25" s="8"/>
      <c r="QES25" s="8"/>
      <c r="QET25" s="8"/>
      <c r="QEU25" s="8"/>
      <c r="QEV25" s="8"/>
      <c r="QEW25" s="8"/>
      <c r="QEX25" s="8"/>
      <c r="QEY25" s="8"/>
      <c r="QEZ25" s="8"/>
      <c r="QFA25" s="8"/>
      <c r="QFB25" s="8"/>
      <c r="QFC25" s="8"/>
      <c r="QFD25" s="8"/>
      <c r="QFE25" s="8"/>
      <c r="QFF25" s="8"/>
      <c r="QFG25" s="8"/>
      <c r="QFH25" s="8"/>
      <c r="QFI25" s="8"/>
      <c r="QFJ25" s="8"/>
      <c r="QFK25" s="8"/>
      <c r="QFL25" s="8"/>
      <c r="QFM25" s="8"/>
      <c r="QFN25" s="8"/>
      <c r="QFO25" s="8"/>
      <c r="QFP25" s="8"/>
      <c r="QFQ25" s="8"/>
      <c r="QFR25" s="8"/>
      <c r="QFS25" s="8"/>
      <c r="QFT25" s="8"/>
      <c r="QFU25" s="8"/>
      <c r="QFV25" s="8"/>
      <c r="QFW25" s="8"/>
      <c r="QFX25" s="8"/>
      <c r="QFY25" s="8"/>
      <c r="QFZ25" s="8"/>
      <c r="QGA25" s="8"/>
      <c r="QGB25" s="8"/>
      <c r="QGC25" s="8"/>
      <c r="QGD25" s="8"/>
      <c r="QGE25" s="8"/>
      <c r="QGF25" s="8"/>
      <c r="QGG25" s="8"/>
      <c r="QGH25" s="8"/>
      <c r="QGI25" s="8"/>
      <c r="QGJ25" s="8"/>
      <c r="QGK25" s="8"/>
      <c r="QGL25" s="8"/>
      <c r="QGM25" s="8"/>
      <c r="QGN25" s="8"/>
      <c r="QGO25" s="8"/>
      <c r="QGP25" s="8"/>
      <c r="QGQ25" s="8"/>
      <c r="QGR25" s="8"/>
      <c r="QGS25" s="8"/>
      <c r="QGT25" s="8"/>
      <c r="QGU25" s="8"/>
      <c r="QGV25" s="8"/>
      <c r="QGW25" s="8"/>
      <c r="QGX25" s="8"/>
      <c r="QGY25" s="8"/>
      <c r="QGZ25" s="8"/>
      <c r="QHA25" s="8"/>
      <c r="QHB25" s="8"/>
      <c r="QHC25" s="8"/>
      <c r="QHD25" s="8"/>
      <c r="QHE25" s="8"/>
      <c r="QHF25" s="8"/>
      <c r="QHG25" s="8"/>
      <c r="QHH25" s="8"/>
      <c r="QHI25" s="8"/>
      <c r="QHJ25" s="8"/>
      <c r="QHK25" s="8"/>
      <c r="QHL25" s="8"/>
      <c r="QHM25" s="8"/>
      <c r="QHN25" s="8"/>
      <c r="QHO25" s="8"/>
      <c r="QHP25" s="8"/>
      <c r="QHQ25" s="8"/>
      <c r="QHR25" s="8"/>
      <c r="QHS25" s="8"/>
      <c r="QHT25" s="8"/>
      <c r="QHU25" s="8"/>
      <c r="QHV25" s="8"/>
      <c r="QHW25" s="8"/>
      <c r="QHX25" s="8"/>
      <c r="QHY25" s="8"/>
      <c r="QHZ25" s="8"/>
      <c r="QIA25" s="8"/>
      <c r="QIB25" s="8"/>
      <c r="QIC25" s="8"/>
      <c r="QID25" s="8"/>
      <c r="QIE25" s="8"/>
      <c r="QIF25" s="8"/>
      <c r="QIG25" s="8"/>
      <c r="QIH25" s="8"/>
      <c r="QII25" s="8"/>
      <c r="QIJ25" s="8"/>
      <c r="QIK25" s="8"/>
      <c r="QIL25" s="8"/>
      <c r="QIM25" s="8"/>
      <c r="QIN25" s="8"/>
      <c r="QIO25" s="8"/>
      <c r="QIP25" s="8"/>
      <c r="QIQ25" s="8"/>
      <c r="QIR25" s="8"/>
      <c r="QIS25" s="8"/>
      <c r="QIT25" s="8"/>
      <c r="QIU25" s="8"/>
      <c r="QIV25" s="8"/>
      <c r="QIW25" s="8"/>
      <c r="QIX25" s="8"/>
      <c r="QIY25" s="8"/>
      <c r="QIZ25" s="8"/>
      <c r="QJA25" s="8"/>
      <c r="QJB25" s="8"/>
      <c r="QJC25" s="8"/>
      <c r="QJD25" s="8"/>
      <c r="QJE25" s="8"/>
      <c r="QJF25" s="8"/>
      <c r="QJG25" s="8"/>
      <c r="QJH25" s="8"/>
      <c r="QJI25" s="8"/>
      <c r="QJJ25" s="8"/>
      <c r="QJK25" s="8"/>
      <c r="QJL25" s="8"/>
      <c r="QJM25" s="8"/>
      <c r="QJN25" s="8"/>
      <c r="QJO25" s="8"/>
      <c r="QJP25" s="8"/>
      <c r="QJQ25" s="8"/>
      <c r="QJR25" s="8"/>
      <c r="QJS25" s="8"/>
      <c r="QJT25" s="8"/>
      <c r="QJU25" s="8"/>
      <c r="QJV25" s="8"/>
      <c r="QJW25" s="8"/>
      <c r="QJX25" s="8"/>
      <c r="QJY25" s="8"/>
      <c r="QJZ25" s="8"/>
      <c r="QKA25" s="8"/>
      <c r="QKB25" s="8"/>
      <c r="QKC25" s="8"/>
      <c r="QKD25" s="8"/>
      <c r="QKE25" s="8"/>
      <c r="QKF25" s="8"/>
      <c r="QKG25" s="8"/>
      <c r="QKH25" s="8"/>
      <c r="QKI25" s="8"/>
      <c r="QKJ25" s="8"/>
      <c r="QKK25" s="8"/>
      <c r="QKL25" s="8"/>
      <c r="QKM25" s="8"/>
      <c r="QKN25" s="8"/>
      <c r="QKO25" s="8"/>
      <c r="QKP25" s="8"/>
      <c r="QKQ25" s="8"/>
      <c r="QKR25" s="8"/>
      <c r="QKS25" s="8"/>
      <c r="QKT25" s="8"/>
      <c r="QKU25" s="8"/>
      <c r="QKV25" s="8"/>
      <c r="QKW25" s="8"/>
      <c r="QKX25" s="8"/>
      <c r="QKY25" s="8"/>
      <c r="QKZ25" s="8"/>
      <c r="QLA25" s="8"/>
      <c r="QLB25" s="8"/>
      <c r="QLC25" s="8"/>
      <c r="QLD25" s="8"/>
      <c r="QLE25" s="8"/>
      <c r="QLF25" s="8"/>
      <c r="QLG25" s="8"/>
      <c r="QLH25" s="8"/>
      <c r="QLI25" s="8"/>
      <c r="QLJ25" s="8"/>
      <c r="QLK25" s="8"/>
      <c r="QLL25" s="8"/>
      <c r="QLM25" s="8"/>
      <c r="QLN25" s="8"/>
      <c r="QLO25" s="8"/>
      <c r="QLP25" s="8"/>
      <c r="QLQ25" s="8"/>
      <c r="QLR25" s="8"/>
      <c r="QLS25" s="8"/>
      <c r="QLT25" s="8"/>
      <c r="QLU25" s="8"/>
      <c r="QLV25" s="8"/>
      <c r="QLW25" s="8"/>
      <c r="QLX25" s="8"/>
      <c r="QLY25" s="8"/>
      <c r="QLZ25" s="8"/>
      <c r="QMA25" s="8"/>
      <c r="QMB25" s="8"/>
      <c r="QMC25" s="8"/>
      <c r="QMD25" s="8"/>
      <c r="QME25" s="8"/>
      <c r="QMF25" s="8"/>
      <c r="QMG25" s="8"/>
      <c r="QMH25" s="8"/>
      <c r="QMI25" s="8"/>
      <c r="QMJ25" s="8"/>
      <c r="QMK25" s="8"/>
      <c r="QML25" s="8"/>
      <c r="QMM25" s="8"/>
      <c r="QMN25" s="8"/>
      <c r="QMO25" s="8"/>
      <c r="QMP25" s="8"/>
      <c r="QMQ25" s="8"/>
      <c r="QMR25" s="8"/>
      <c r="QMS25" s="8"/>
      <c r="QMT25" s="8"/>
      <c r="QMU25" s="8"/>
      <c r="QMV25" s="8"/>
      <c r="QMW25" s="8"/>
      <c r="QMX25" s="8"/>
      <c r="QMY25" s="8"/>
      <c r="QMZ25" s="8"/>
      <c r="QNA25" s="8"/>
      <c r="QNB25" s="8"/>
      <c r="QNC25" s="8"/>
      <c r="QND25" s="8"/>
      <c r="QNE25" s="8"/>
      <c r="QNF25" s="8"/>
      <c r="QNG25" s="8"/>
      <c r="QNH25" s="8"/>
      <c r="QNI25" s="8"/>
      <c r="QNJ25" s="8"/>
      <c r="QNK25" s="8"/>
      <c r="QNL25" s="8"/>
      <c r="QNM25" s="8"/>
      <c r="QNN25" s="8"/>
      <c r="QNO25" s="8"/>
      <c r="QNP25" s="8"/>
      <c r="QNQ25" s="8"/>
      <c r="QNR25" s="8"/>
      <c r="QNS25" s="8"/>
      <c r="QNT25" s="8"/>
      <c r="QNU25" s="8"/>
      <c r="QNV25" s="8"/>
      <c r="QNW25" s="8"/>
      <c r="QNX25" s="8"/>
      <c r="QNY25" s="8"/>
      <c r="QNZ25" s="8"/>
      <c r="QOA25" s="8"/>
      <c r="QOB25" s="8"/>
      <c r="QOC25" s="8"/>
      <c r="QOD25" s="8"/>
      <c r="QOE25" s="8"/>
      <c r="QOF25" s="8"/>
      <c r="QOG25" s="8"/>
      <c r="QOH25" s="8"/>
      <c r="QOI25" s="8"/>
      <c r="QOJ25" s="8"/>
      <c r="QOK25" s="8"/>
      <c r="QOL25" s="8"/>
      <c r="QOM25" s="8"/>
      <c r="QON25" s="8"/>
      <c r="QOO25" s="8"/>
      <c r="QOP25" s="8"/>
      <c r="QOQ25" s="8"/>
      <c r="QOR25" s="8"/>
      <c r="QOS25" s="8"/>
      <c r="QOT25" s="8"/>
      <c r="QOU25" s="8"/>
      <c r="QOV25" s="8"/>
      <c r="QOW25" s="8"/>
      <c r="QOX25" s="8"/>
      <c r="QOY25" s="8"/>
      <c r="QOZ25" s="8"/>
      <c r="QPA25" s="8"/>
      <c r="QPB25" s="8"/>
      <c r="QPC25" s="8"/>
      <c r="QPD25" s="8"/>
      <c r="QPE25" s="8"/>
      <c r="QPF25" s="8"/>
      <c r="QPG25" s="8"/>
      <c r="QPH25" s="8"/>
      <c r="QPI25" s="8"/>
      <c r="QPJ25" s="8"/>
      <c r="QPK25" s="8"/>
      <c r="QPL25" s="8"/>
      <c r="QPM25" s="8"/>
      <c r="QPN25" s="8"/>
      <c r="QPO25" s="8"/>
      <c r="QPP25" s="8"/>
      <c r="QPQ25" s="8"/>
      <c r="QPR25" s="8"/>
      <c r="QPS25" s="8"/>
      <c r="QPT25" s="8"/>
      <c r="QPU25" s="8"/>
      <c r="QPV25" s="8"/>
      <c r="QPW25" s="8"/>
      <c r="QPX25" s="8"/>
      <c r="QPY25" s="8"/>
      <c r="QPZ25" s="8"/>
      <c r="QQA25" s="8"/>
      <c r="QQB25" s="8"/>
      <c r="QQC25" s="8"/>
      <c r="QQD25" s="8"/>
      <c r="QQE25" s="8"/>
      <c r="QQF25" s="8"/>
      <c r="QQG25" s="8"/>
      <c r="QQH25" s="8"/>
      <c r="QQI25" s="8"/>
      <c r="QQJ25" s="8"/>
      <c r="QQK25" s="8"/>
      <c r="QQL25" s="8"/>
      <c r="QQM25" s="8"/>
      <c r="QQN25" s="8"/>
      <c r="QQO25" s="8"/>
      <c r="QQP25" s="8"/>
      <c r="QQQ25" s="8"/>
      <c r="QQR25" s="8"/>
      <c r="QQS25" s="8"/>
      <c r="QQT25" s="8"/>
      <c r="QQU25" s="8"/>
      <c r="QQV25" s="8"/>
      <c r="QQW25" s="8"/>
      <c r="QQX25" s="8"/>
      <c r="QQY25" s="8"/>
      <c r="QQZ25" s="8"/>
      <c r="QRA25" s="8"/>
      <c r="QRB25" s="8"/>
      <c r="QRC25" s="8"/>
      <c r="QRD25" s="8"/>
      <c r="QRE25" s="8"/>
      <c r="QRF25" s="8"/>
      <c r="QRG25" s="8"/>
      <c r="QRH25" s="8"/>
      <c r="QRI25" s="8"/>
      <c r="QRJ25" s="8"/>
      <c r="QRK25" s="8"/>
      <c r="QRL25" s="8"/>
      <c r="QRM25" s="8"/>
      <c r="QRN25" s="8"/>
      <c r="QRO25" s="8"/>
      <c r="QRP25" s="8"/>
      <c r="QRQ25" s="8"/>
      <c r="QRR25" s="8"/>
      <c r="QRS25" s="8"/>
      <c r="QRT25" s="8"/>
      <c r="QRU25" s="8"/>
      <c r="QRV25" s="8"/>
      <c r="QRW25" s="8"/>
      <c r="QRX25" s="8"/>
      <c r="QRY25" s="8"/>
      <c r="QRZ25" s="8"/>
      <c r="QSA25" s="8"/>
      <c r="QSB25" s="8"/>
      <c r="QSC25" s="8"/>
      <c r="QSD25" s="8"/>
      <c r="QSE25" s="8"/>
      <c r="QSF25" s="8"/>
      <c r="QSG25" s="8"/>
      <c r="QSH25" s="8"/>
      <c r="QSI25" s="8"/>
      <c r="QSJ25" s="8"/>
      <c r="QSK25" s="8"/>
      <c r="QSL25" s="8"/>
      <c r="QSM25" s="8"/>
      <c r="QSN25" s="8"/>
      <c r="QSO25" s="8"/>
      <c r="QSP25" s="8"/>
      <c r="QSQ25" s="8"/>
      <c r="QSR25" s="8"/>
      <c r="QSS25" s="8"/>
      <c r="QST25" s="8"/>
      <c r="QSU25" s="8"/>
      <c r="QSV25" s="8"/>
      <c r="QSW25" s="8"/>
      <c r="QSX25" s="8"/>
      <c r="QSY25" s="8"/>
      <c r="QSZ25" s="8"/>
      <c r="QTA25" s="8"/>
      <c r="QTB25" s="8"/>
      <c r="QTC25" s="8"/>
      <c r="QTD25" s="8"/>
      <c r="QTE25" s="8"/>
      <c r="QTF25" s="8"/>
      <c r="QTG25" s="8"/>
      <c r="QTH25" s="8"/>
      <c r="QTI25" s="8"/>
      <c r="QTJ25" s="8"/>
      <c r="QTK25" s="8"/>
      <c r="QTL25" s="8"/>
      <c r="QTM25" s="8"/>
      <c r="QTN25" s="8"/>
      <c r="QTO25" s="8"/>
      <c r="QTP25" s="8"/>
      <c r="QTQ25" s="8"/>
      <c r="QTR25" s="8"/>
      <c r="QTS25" s="8"/>
      <c r="QTT25" s="8"/>
      <c r="QTU25" s="8"/>
      <c r="QTV25" s="8"/>
      <c r="QTW25" s="8"/>
      <c r="QTX25" s="8"/>
      <c r="QTY25" s="8"/>
      <c r="QTZ25" s="8"/>
      <c r="QUA25" s="8"/>
      <c r="QUB25" s="8"/>
      <c r="QUC25" s="8"/>
      <c r="QUD25" s="8"/>
      <c r="QUE25" s="8"/>
      <c r="QUF25" s="8"/>
      <c r="QUG25" s="8"/>
      <c r="QUH25" s="8"/>
      <c r="QUI25" s="8"/>
      <c r="QUJ25" s="8"/>
      <c r="QUK25" s="8"/>
      <c r="QUL25" s="8"/>
      <c r="QUM25" s="8"/>
      <c r="QUN25" s="8"/>
      <c r="QUO25" s="8"/>
      <c r="QUP25" s="8"/>
      <c r="QUQ25" s="8"/>
      <c r="QUR25" s="8"/>
      <c r="QUS25" s="8"/>
      <c r="QUT25" s="8"/>
      <c r="QUU25" s="8"/>
      <c r="QUV25" s="8"/>
      <c r="QUW25" s="8"/>
      <c r="QUX25" s="8"/>
      <c r="QUY25" s="8"/>
      <c r="QUZ25" s="8"/>
      <c r="QVA25" s="8"/>
      <c r="QVB25" s="8"/>
      <c r="QVC25" s="8"/>
      <c r="QVD25" s="8"/>
      <c r="QVE25" s="8"/>
      <c r="QVF25" s="8"/>
      <c r="QVG25" s="8"/>
      <c r="QVH25" s="8"/>
      <c r="QVI25" s="8"/>
      <c r="QVJ25" s="8"/>
      <c r="QVK25" s="8"/>
      <c r="QVL25" s="8"/>
      <c r="QVM25" s="8"/>
      <c r="QVN25" s="8"/>
      <c r="QVO25" s="8"/>
      <c r="QVP25" s="8"/>
      <c r="QVQ25" s="8"/>
      <c r="QVR25" s="8"/>
      <c r="QVS25" s="8"/>
      <c r="QVT25" s="8"/>
      <c r="QVU25" s="8"/>
      <c r="QVV25" s="8"/>
      <c r="QVW25" s="8"/>
      <c r="QVX25" s="8"/>
      <c r="QVY25" s="8"/>
      <c r="QVZ25" s="8"/>
      <c r="QWA25" s="8"/>
      <c r="QWB25" s="8"/>
      <c r="QWC25" s="8"/>
      <c r="QWD25" s="8"/>
      <c r="QWE25" s="8"/>
      <c r="QWF25" s="8"/>
      <c r="QWG25" s="8"/>
      <c r="QWH25" s="8"/>
      <c r="QWI25" s="8"/>
      <c r="QWJ25" s="8"/>
      <c r="QWK25" s="8"/>
      <c r="QWL25" s="8"/>
      <c r="QWM25" s="8"/>
      <c r="QWN25" s="8"/>
      <c r="QWO25" s="8"/>
      <c r="QWP25" s="8"/>
      <c r="QWQ25" s="8"/>
      <c r="QWR25" s="8"/>
      <c r="QWS25" s="8"/>
      <c r="QWT25" s="8"/>
      <c r="QWU25" s="8"/>
      <c r="QWV25" s="8"/>
      <c r="QWW25" s="8"/>
      <c r="QWX25" s="8"/>
      <c r="QWY25" s="8"/>
      <c r="QWZ25" s="8"/>
      <c r="QXA25" s="8"/>
      <c r="QXB25" s="8"/>
      <c r="QXC25" s="8"/>
      <c r="QXD25" s="8"/>
      <c r="QXE25" s="8"/>
      <c r="QXF25" s="8"/>
      <c r="QXG25" s="8"/>
      <c r="QXH25" s="8"/>
      <c r="QXI25" s="8"/>
      <c r="QXJ25" s="8"/>
      <c r="QXK25" s="8"/>
      <c r="QXL25" s="8"/>
      <c r="QXM25" s="8"/>
      <c r="QXN25" s="8"/>
      <c r="QXO25" s="8"/>
      <c r="QXP25" s="8"/>
      <c r="QXQ25" s="8"/>
      <c r="QXR25" s="8"/>
      <c r="QXS25" s="8"/>
      <c r="QXT25" s="8"/>
      <c r="QXU25" s="8"/>
      <c r="QXV25" s="8"/>
      <c r="QXW25" s="8"/>
      <c r="QXX25" s="8"/>
      <c r="QXY25" s="8"/>
      <c r="QXZ25" s="8"/>
      <c r="QYA25" s="8"/>
      <c r="QYB25" s="8"/>
      <c r="QYC25" s="8"/>
      <c r="QYD25" s="8"/>
      <c r="QYE25" s="8"/>
      <c r="QYF25" s="8"/>
      <c r="QYG25" s="8"/>
      <c r="QYH25" s="8"/>
      <c r="QYI25" s="8"/>
      <c r="QYJ25" s="8"/>
      <c r="QYK25" s="8"/>
      <c r="QYL25" s="8"/>
      <c r="QYM25" s="8"/>
      <c r="QYN25" s="8"/>
      <c r="QYO25" s="8"/>
      <c r="QYP25" s="8"/>
      <c r="QYQ25" s="8"/>
      <c r="QYR25" s="8"/>
      <c r="QYS25" s="8"/>
      <c r="QYT25" s="8"/>
      <c r="QYU25" s="8"/>
      <c r="QYV25" s="8"/>
      <c r="QYW25" s="8"/>
      <c r="QYX25" s="8"/>
      <c r="QYY25" s="8"/>
      <c r="QYZ25" s="8"/>
      <c r="QZA25" s="8"/>
      <c r="QZB25" s="8"/>
      <c r="QZC25" s="8"/>
      <c r="QZD25" s="8"/>
      <c r="QZE25" s="8"/>
      <c r="QZF25" s="8"/>
      <c r="QZG25" s="8"/>
      <c r="QZH25" s="8"/>
      <c r="QZI25" s="8"/>
      <c r="QZJ25" s="8"/>
      <c r="QZK25" s="8"/>
      <c r="QZL25" s="8"/>
      <c r="QZM25" s="8"/>
      <c r="QZN25" s="8"/>
      <c r="QZO25" s="8"/>
      <c r="QZP25" s="8"/>
      <c r="QZQ25" s="8"/>
      <c r="QZR25" s="8"/>
      <c r="QZS25" s="8"/>
      <c r="QZT25" s="8"/>
      <c r="QZU25" s="8"/>
      <c r="QZV25" s="8"/>
      <c r="QZW25" s="8"/>
      <c r="QZX25" s="8"/>
      <c r="QZY25" s="8"/>
      <c r="QZZ25" s="8"/>
      <c r="RAA25" s="8"/>
      <c r="RAB25" s="8"/>
      <c r="RAC25" s="8"/>
      <c r="RAD25" s="8"/>
      <c r="RAE25" s="8"/>
      <c r="RAF25" s="8"/>
      <c r="RAG25" s="8"/>
      <c r="RAH25" s="8"/>
      <c r="RAI25" s="8"/>
      <c r="RAJ25" s="8"/>
      <c r="RAK25" s="8"/>
      <c r="RAL25" s="8"/>
      <c r="RAM25" s="8"/>
      <c r="RAN25" s="8"/>
      <c r="RAO25" s="8"/>
      <c r="RAP25" s="8"/>
      <c r="RAQ25" s="8"/>
      <c r="RAR25" s="8"/>
      <c r="RAS25" s="8"/>
      <c r="RAT25" s="8"/>
      <c r="RAU25" s="8"/>
      <c r="RAV25" s="8"/>
      <c r="RAW25" s="8"/>
      <c r="RAX25" s="8"/>
      <c r="RAY25" s="8"/>
      <c r="RAZ25" s="8"/>
      <c r="RBA25" s="8"/>
      <c r="RBB25" s="8"/>
      <c r="RBC25" s="8"/>
      <c r="RBD25" s="8"/>
      <c r="RBE25" s="8"/>
      <c r="RBF25" s="8"/>
      <c r="RBG25" s="8"/>
      <c r="RBH25" s="8"/>
      <c r="RBI25" s="8"/>
      <c r="RBJ25" s="8"/>
      <c r="RBK25" s="8"/>
      <c r="RBL25" s="8"/>
      <c r="RBM25" s="8"/>
      <c r="RBN25" s="8"/>
      <c r="RBO25" s="8"/>
      <c r="RBP25" s="8"/>
      <c r="RBQ25" s="8"/>
      <c r="RBR25" s="8"/>
      <c r="RBS25" s="8"/>
      <c r="RBT25" s="8"/>
      <c r="RBU25" s="8"/>
      <c r="RBV25" s="8"/>
      <c r="RBW25" s="8"/>
      <c r="RBX25" s="8"/>
      <c r="RBY25" s="8"/>
      <c r="RBZ25" s="8"/>
      <c r="RCA25" s="8"/>
      <c r="RCB25" s="8"/>
      <c r="RCC25" s="8"/>
      <c r="RCD25" s="8"/>
      <c r="RCE25" s="8"/>
      <c r="RCF25" s="8"/>
      <c r="RCG25" s="8"/>
      <c r="RCH25" s="8"/>
      <c r="RCI25" s="8"/>
      <c r="RCJ25" s="8"/>
      <c r="RCK25" s="8"/>
      <c r="RCL25" s="8"/>
      <c r="RCM25" s="8"/>
      <c r="RCN25" s="8"/>
      <c r="RCO25" s="8"/>
      <c r="RCP25" s="8"/>
      <c r="RCQ25" s="8"/>
      <c r="RCR25" s="8"/>
      <c r="RCS25" s="8"/>
      <c r="RCT25" s="8"/>
      <c r="RCU25" s="8"/>
      <c r="RCV25" s="8"/>
      <c r="RCW25" s="8"/>
      <c r="RCX25" s="8"/>
      <c r="RCY25" s="8"/>
      <c r="RCZ25" s="8"/>
      <c r="RDA25" s="8"/>
      <c r="RDB25" s="8"/>
      <c r="RDC25" s="8"/>
      <c r="RDD25" s="8"/>
      <c r="RDE25" s="8"/>
      <c r="RDF25" s="8"/>
      <c r="RDG25" s="8"/>
      <c r="RDH25" s="8"/>
      <c r="RDI25" s="8"/>
      <c r="RDJ25" s="8"/>
      <c r="RDK25" s="8"/>
      <c r="RDL25" s="8"/>
      <c r="RDM25" s="8"/>
      <c r="RDN25" s="8"/>
      <c r="RDO25" s="8"/>
      <c r="RDP25" s="8"/>
      <c r="RDQ25" s="8"/>
      <c r="RDR25" s="8"/>
      <c r="RDS25" s="8"/>
      <c r="RDT25" s="8"/>
      <c r="RDU25" s="8"/>
      <c r="RDV25" s="8"/>
      <c r="RDW25" s="8"/>
      <c r="RDX25" s="8"/>
      <c r="RDY25" s="8"/>
      <c r="RDZ25" s="8"/>
      <c r="REA25" s="8"/>
      <c r="REB25" s="8"/>
      <c r="REC25" s="8"/>
      <c r="RED25" s="8"/>
      <c r="REE25" s="8"/>
      <c r="REF25" s="8"/>
      <c r="REG25" s="8"/>
      <c r="REH25" s="8"/>
      <c r="REI25" s="8"/>
      <c r="REJ25" s="8"/>
      <c r="REK25" s="8"/>
      <c r="REL25" s="8"/>
      <c r="REM25" s="8"/>
      <c r="REN25" s="8"/>
      <c r="REO25" s="8"/>
      <c r="REP25" s="8"/>
      <c r="REQ25" s="8"/>
      <c r="RER25" s="8"/>
      <c r="RES25" s="8"/>
      <c r="RET25" s="8"/>
      <c r="REU25" s="8"/>
      <c r="REV25" s="8"/>
      <c r="REW25" s="8"/>
      <c r="REX25" s="8"/>
      <c r="REY25" s="8"/>
      <c r="REZ25" s="8"/>
      <c r="RFA25" s="8"/>
      <c r="RFB25" s="8"/>
      <c r="RFC25" s="8"/>
      <c r="RFD25" s="8"/>
      <c r="RFE25" s="8"/>
      <c r="RFF25" s="8"/>
      <c r="RFG25" s="8"/>
      <c r="RFH25" s="8"/>
      <c r="RFI25" s="8"/>
      <c r="RFJ25" s="8"/>
      <c r="RFK25" s="8"/>
      <c r="RFL25" s="8"/>
      <c r="RFM25" s="8"/>
      <c r="RFN25" s="8"/>
      <c r="RFO25" s="8"/>
      <c r="RFP25" s="8"/>
      <c r="RFQ25" s="8"/>
      <c r="RFR25" s="8"/>
      <c r="RFS25" s="8"/>
      <c r="RFT25" s="8"/>
      <c r="RFU25" s="8"/>
      <c r="RFV25" s="8"/>
      <c r="RFW25" s="8"/>
      <c r="RFX25" s="8"/>
      <c r="RFY25" s="8"/>
      <c r="RFZ25" s="8"/>
      <c r="RGA25" s="8"/>
      <c r="RGB25" s="8"/>
      <c r="RGC25" s="8"/>
      <c r="RGD25" s="8"/>
      <c r="RGE25" s="8"/>
      <c r="RGF25" s="8"/>
      <c r="RGG25" s="8"/>
      <c r="RGH25" s="8"/>
      <c r="RGI25" s="8"/>
      <c r="RGJ25" s="8"/>
      <c r="RGK25" s="8"/>
      <c r="RGL25" s="8"/>
      <c r="RGM25" s="8"/>
      <c r="RGN25" s="8"/>
      <c r="RGO25" s="8"/>
      <c r="RGP25" s="8"/>
      <c r="RGQ25" s="8"/>
      <c r="RGR25" s="8"/>
      <c r="RGS25" s="8"/>
      <c r="RGT25" s="8"/>
      <c r="RGU25" s="8"/>
      <c r="RGV25" s="8"/>
      <c r="RGW25" s="8"/>
      <c r="RGX25" s="8"/>
      <c r="RGY25" s="8"/>
      <c r="RGZ25" s="8"/>
      <c r="RHA25" s="8"/>
      <c r="RHB25" s="8"/>
      <c r="RHC25" s="8"/>
      <c r="RHD25" s="8"/>
      <c r="RHE25" s="8"/>
      <c r="RHF25" s="8"/>
      <c r="RHG25" s="8"/>
      <c r="RHH25" s="8"/>
      <c r="RHI25" s="8"/>
      <c r="RHJ25" s="8"/>
      <c r="RHK25" s="8"/>
      <c r="RHL25" s="8"/>
      <c r="RHM25" s="8"/>
      <c r="RHN25" s="8"/>
      <c r="RHO25" s="8"/>
      <c r="RHP25" s="8"/>
      <c r="RHQ25" s="8"/>
      <c r="RHR25" s="8"/>
      <c r="RHS25" s="8"/>
      <c r="RHT25" s="8"/>
      <c r="RHU25" s="8"/>
      <c r="RHV25" s="8"/>
      <c r="RHW25" s="8"/>
      <c r="RHX25" s="8"/>
      <c r="RHY25" s="8"/>
      <c r="RHZ25" s="8"/>
      <c r="RIA25" s="8"/>
      <c r="RIB25" s="8"/>
      <c r="RIC25" s="8"/>
      <c r="RID25" s="8"/>
      <c r="RIE25" s="8"/>
      <c r="RIF25" s="8"/>
      <c r="RIG25" s="8"/>
      <c r="RIH25" s="8"/>
      <c r="RII25" s="8"/>
      <c r="RIJ25" s="8"/>
      <c r="RIK25" s="8"/>
      <c r="RIL25" s="8"/>
      <c r="RIM25" s="8"/>
      <c r="RIN25" s="8"/>
      <c r="RIO25" s="8"/>
      <c r="RIP25" s="8"/>
      <c r="RIQ25" s="8"/>
      <c r="RIR25" s="8"/>
      <c r="RIS25" s="8"/>
      <c r="RIT25" s="8"/>
      <c r="RIU25" s="8"/>
      <c r="RIV25" s="8"/>
      <c r="RIW25" s="8"/>
      <c r="RIX25" s="8"/>
      <c r="RIY25" s="8"/>
      <c r="RIZ25" s="8"/>
      <c r="RJA25" s="8"/>
      <c r="RJB25" s="8"/>
      <c r="RJC25" s="8"/>
      <c r="RJD25" s="8"/>
      <c r="RJE25" s="8"/>
      <c r="RJF25" s="8"/>
      <c r="RJG25" s="8"/>
      <c r="RJH25" s="8"/>
      <c r="RJI25" s="8"/>
      <c r="RJJ25" s="8"/>
      <c r="RJK25" s="8"/>
      <c r="RJL25" s="8"/>
      <c r="RJM25" s="8"/>
      <c r="RJN25" s="8"/>
      <c r="RJO25" s="8"/>
      <c r="RJP25" s="8"/>
      <c r="RJQ25" s="8"/>
      <c r="RJR25" s="8"/>
      <c r="RJS25" s="8"/>
      <c r="RJT25" s="8"/>
      <c r="RJU25" s="8"/>
      <c r="RJV25" s="8"/>
      <c r="RJW25" s="8"/>
      <c r="RJX25" s="8"/>
      <c r="RJY25" s="8"/>
      <c r="RJZ25" s="8"/>
      <c r="RKA25" s="8"/>
      <c r="RKB25" s="8"/>
      <c r="RKC25" s="8"/>
      <c r="RKD25" s="8"/>
      <c r="RKE25" s="8"/>
      <c r="RKF25" s="8"/>
      <c r="RKG25" s="8"/>
      <c r="RKH25" s="8"/>
      <c r="RKI25" s="8"/>
      <c r="RKJ25" s="8"/>
      <c r="RKK25" s="8"/>
      <c r="RKL25" s="8"/>
      <c r="RKM25" s="8"/>
      <c r="RKN25" s="8"/>
      <c r="RKO25" s="8"/>
      <c r="RKP25" s="8"/>
      <c r="RKQ25" s="8"/>
      <c r="RKR25" s="8"/>
      <c r="RKS25" s="8"/>
      <c r="RKT25" s="8"/>
      <c r="RKU25" s="8"/>
      <c r="RKV25" s="8"/>
      <c r="RKW25" s="8"/>
      <c r="RKX25" s="8"/>
      <c r="RKY25" s="8"/>
      <c r="RKZ25" s="8"/>
      <c r="RLA25" s="8"/>
      <c r="RLB25" s="8"/>
      <c r="RLC25" s="8"/>
      <c r="RLD25" s="8"/>
      <c r="RLE25" s="8"/>
      <c r="RLF25" s="8"/>
      <c r="RLG25" s="8"/>
      <c r="RLH25" s="8"/>
      <c r="RLI25" s="8"/>
      <c r="RLJ25" s="8"/>
      <c r="RLK25" s="8"/>
      <c r="RLL25" s="8"/>
      <c r="RLM25" s="8"/>
      <c r="RLN25" s="8"/>
      <c r="RLO25" s="8"/>
      <c r="RLP25" s="8"/>
      <c r="RLQ25" s="8"/>
      <c r="RLR25" s="8"/>
      <c r="RLS25" s="8"/>
      <c r="RLT25" s="8"/>
      <c r="RLU25" s="8"/>
      <c r="RLV25" s="8"/>
      <c r="RLW25" s="8"/>
      <c r="RLX25" s="8"/>
      <c r="RLY25" s="8"/>
      <c r="RLZ25" s="8"/>
      <c r="RMA25" s="8"/>
      <c r="RMB25" s="8"/>
      <c r="RMC25" s="8"/>
      <c r="RMD25" s="8"/>
      <c r="RME25" s="8"/>
      <c r="RMF25" s="8"/>
      <c r="RMG25" s="8"/>
      <c r="RMH25" s="8"/>
      <c r="RMI25" s="8"/>
      <c r="RMJ25" s="8"/>
      <c r="RMK25" s="8"/>
      <c r="RML25" s="8"/>
      <c r="RMM25" s="8"/>
      <c r="RMN25" s="8"/>
      <c r="RMO25" s="8"/>
      <c r="RMP25" s="8"/>
      <c r="RMQ25" s="8"/>
      <c r="RMR25" s="8"/>
      <c r="RMS25" s="8"/>
      <c r="RMT25" s="8"/>
      <c r="RMU25" s="8"/>
      <c r="RMV25" s="8"/>
      <c r="RMW25" s="8"/>
      <c r="RMX25" s="8"/>
      <c r="RMY25" s="8"/>
      <c r="RMZ25" s="8"/>
      <c r="RNA25" s="8"/>
      <c r="RNB25" s="8"/>
      <c r="RNC25" s="8"/>
      <c r="RND25" s="8"/>
      <c r="RNE25" s="8"/>
      <c r="RNF25" s="8"/>
      <c r="RNG25" s="8"/>
      <c r="RNH25" s="8"/>
      <c r="RNI25" s="8"/>
      <c r="RNJ25" s="8"/>
      <c r="RNK25" s="8"/>
      <c r="RNL25" s="8"/>
      <c r="RNM25" s="8"/>
      <c r="RNN25" s="8"/>
      <c r="RNO25" s="8"/>
      <c r="RNP25" s="8"/>
      <c r="RNQ25" s="8"/>
      <c r="RNR25" s="8"/>
      <c r="RNS25" s="8"/>
      <c r="RNT25" s="8"/>
      <c r="RNU25" s="8"/>
      <c r="RNV25" s="8"/>
      <c r="RNW25" s="8"/>
      <c r="RNX25" s="8"/>
      <c r="RNY25" s="8"/>
      <c r="RNZ25" s="8"/>
      <c r="ROA25" s="8"/>
      <c r="ROB25" s="8"/>
      <c r="ROC25" s="8"/>
      <c r="ROD25" s="8"/>
      <c r="ROE25" s="8"/>
      <c r="ROF25" s="8"/>
      <c r="ROG25" s="8"/>
      <c r="ROH25" s="8"/>
      <c r="ROI25" s="8"/>
      <c r="ROJ25" s="8"/>
      <c r="ROK25" s="8"/>
      <c r="ROL25" s="8"/>
      <c r="ROM25" s="8"/>
      <c r="RON25" s="8"/>
      <c r="ROO25" s="8"/>
      <c r="ROP25" s="8"/>
      <c r="ROQ25" s="8"/>
      <c r="ROR25" s="8"/>
      <c r="ROS25" s="8"/>
      <c r="ROT25" s="8"/>
      <c r="ROU25" s="8"/>
      <c r="ROV25" s="8"/>
      <c r="ROW25" s="8"/>
      <c r="ROX25" s="8"/>
      <c r="ROY25" s="8"/>
      <c r="ROZ25" s="8"/>
      <c r="RPA25" s="8"/>
      <c r="RPB25" s="8"/>
      <c r="RPC25" s="8"/>
      <c r="RPD25" s="8"/>
      <c r="RPE25" s="8"/>
      <c r="RPF25" s="8"/>
      <c r="RPG25" s="8"/>
      <c r="RPH25" s="8"/>
      <c r="RPI25" s="8"/>
      <c r="RPJ25" s="8"/>
      <c r="RPK25" s="8"/>
      <c r="RPL25" s="8"/>
      <c r="RPM25" s="8"/>
      <c r="RPN25" s="8"/>
      <c r="RPO25" s="8"/>
      <c r="RPP25" s="8"/>
      <c r="RPQ25" s="8"/>
      <c r="RPR25" s="8"/>
      <c r="RPS25" s="8"/>
      <c r="RPT25" s="8"/>
      <c r="RPU25" s="8"/>
      <c r="RPV25" s="8"/>
      <c r="RPW25" s="8"/>
      <c r="RPX25" s="8"/>
      <c r="RPY25" s="8"/>
      <c r="RPZ25" s="8"/>
      <c r="RQA25" s="8"/>
      <c r="RQB25" s="8"/>
      <c r="RQC25" s="8"/>
      <c r="RQD25" s="8"/>
      <c r="RQE25" s="8"/>
      <c r="RQF25" s="8"/>
      <c r="RQG25" s="8"/>
      <c r="RQH25" s="8"/>
      <c r="RQI25" s="8"/>
      <c r="RQJ25" s="8"/>
      <c r="RQK25" s="8"/>
      <c r="RQL25" s="8"/>
      <c r="RQM25" s="8"/>
      <c r="RQN25" s="8"/>
      <c r="RQO25" s="8"/>
      <c r="RQP25" s="8"/>
      <c r="RQQ25" s="8"/>
      <c r="RQR25" s="8"/>
      <c r="RQS25" s="8"/>
      <c r="RQT25" s="8"/>
      <c r="RQU25" s="8"/>
      <c r="RQV25" s="8"/>
      <c r="RQW25" s="8"/>
      <c r="RQX25" s="8"/>
      <c r="RQY25" s="8"/>
      <c r="RQZ25" s="8"/>
      <c r="RRA25" s="8"/>
      <c r="RRB25" s="8"/>
      <c r="RRC25" s="8"/>
      <c r="RRD25" s="8"/>
      <c r="RRE25" s="8"/>
      <c r="RRF25" s="8"/>
      <c r="RRG25" s="8"/>
      <c r="RRH25" s="8"/>
      <c r="RRI25" s="8"/>
      <c r="RRJ25" s="8"/>
      <c r="RRK25" s="8"/>
      <c r="RRL25" s="8"/>
      <c r="RRM25" s="8"/>
      <c r="RRN25" s="8"/>
      <c r="RRO25" s="8"/>
      <c r="RRP25" s="8"/>
      <c r="RRQ25" s="8"/>
      <c r="RRR25" s="8"/>
      <c r="RRS25" s="8"/>
      <c r="RRT25" s="8"/>
      <c r="RRU25" s="8"/>
      <c r="RRV25" s="8"/>
      <c r="RRW25" s="8"/>
      <c r="RRX25" s="8"/>
      <c r="RRY25" s="8"/>
      <c r="RRZ25" s="8"/>
      <c r="RSA25" s="8"/>
      <c r="RSB25" s="8"/>
      <c r="RSC25" s="8"/>
      <c r="RSD25" s="8"/>
      <c r="RSE25" s="8"/>
      <c r="RSF25" s="8"/>
      <c r="RSG25" s="8"/>
      <c r="RSH25" s="8"/>
      <c r="RSI25" s="8"/>
      <c r="RSJ25" s="8"/>
      <c r="RSK25" s="8"/>
      <c r="RSL25" s="8"/>
      <c r="RSM25" s="8"/>
      <c r="RSN25" s="8"/>
      <c r="RSO25" s="8"/>
      <c r="RSP25" s="8"/>
      <c r="RSQ25" s="8"/>
      <c r="RSR25" s="8"/>
      <c r="RSS25" s="8"/>
      <c r="RST25" s="8"/>
      <c r="RSU25" s="8"/>
      <c r="RSV25" s="8"/>
      <c r="RSW25" s="8"/>
      <c r="RSX25" s="8"/>
      <c r="RSY25" s="8"/>
      <c r="RSZ25" s="8"/>
      <c r="RTA25" s="8"/>
      <c r="RTB25" s="8"/>
      <c r="RTC25" s="8"/>
      <c r="RTD25" s="8"/>
      <c r="RTE25" s="8"/>
      <c r="RTF25" s="8"/>
      <c r="RTG25" s="8"/>
      <c r="RTH25" s="8"/>
      <c r="RTI25" s="8"/>
      <c r="RTJ25" s="8"/>
      <c r="RTK25" s="8"/>
      <c r="RTL25" s="8"/>
      <c r="RTM25" s="8"/>
      <c r="RTN25" s="8"/>
      <c r="RTO25" s="8"/>
      <c r="RTP25" s="8"/>
      <c r="RTQ25" s="8"/>
      <c r="RTR25" s="8"/>
      <c r="RTS25" s="8"/>
      <c r="RTT25" s="8"/>
      <c r="RTU25" s="8"/>
      <c r="RTV25" s="8"/>
      <c r="RTW25" s="8"/>
      <c r="RTX25" s="8"/>
      <c r="RTY25" s="8"/>
      <c r="RTZ25" s="8"/>
      <c r="RUA25" s="8"/>
      <c r="RUB25" s="8"/>
      <c r="RUC25" s="8"/>
      <c r="RUD25" s="8"/>
      <c r="RUE25" s="8"/>
      <c r="RUF25" s="8"/>
      <c r="RUG25" s="8"/>
      <c r="RUH25" s="8"/>
      <c r="RUI25" s="8"/>
      <c r="RUJ25" s="8"/>
      <c r="RUK25" s="8"/>
      <c r="RUL25" s="8"/>
      <c r="RUM25" s="8"/>
      <c r="RUN25" s="8"/>
      <c r="RUO25" s="8"/>
      <c r="RUP25" s="8"/>
      <c r="RUQ25" s="8"/>
      <c r="RUR25" s="8"/>
      <c r="RUS25" s="8"/>
      <c r="RUT25" s="8"/>
      <c r="RUU25" s="8"/>
      <c r="RUV25" s="8"/>
      <c r="RUW25" s="8"/>
      <c r="RUX25" s="8"/>
      <c r="RUY25" s="8"/>
      <c r="RUZ25" s="8"/>
      <c r="RVA25" s="8"/>
      <c r="RVB25" s="8"/>
      <c r="RVC25" s="8"/>
      <c r="RVD25" s="8"/>
      <c r="RVE25" s="8"/>
      <c r="RVF25" s="8"/>
      <c r="RVG25" s="8"/>
      <c r="RVH25" s="8"/>
      <c r="RVI25" s="8"/>
      <c r="RVJ25" s="8"/>
      <c r="RVK25" s="8"/>
      <c r="RVL25" s="8"/>
      <c r="RVM25" s="8"/>
      <c r="RVN25" s="8"/>
      <c r="RVO25" s="8"/>
      <c r="RVP25" s="8"/>
      <c r="RVQ25" s="8"/>
      <c r="RVR25" s="8"/>
      <c r="RVS25" s="8"/>
      <c r="RVT25" s="8"/>
      <c r="RVU25" s="8"/>
      <c r="RVV25" s="8"/>
      <c r="RVW25" s="8"/>
      <c r="RVX25" s="8"/>
      <c r="RVY25" s="8"/>
      <c r="RVZ25" s="8"/>
      <c r="RWA25" s="8"/>
      <c r="RWB25" s="8"/>
      <c r="RWC25" s="8"/>
      <c r="RWD25" s="8"/>
      <c r="RWE25" s="8"/>
      <c r="RWF25" s="8"/>
      <c r="RWG25" s="8"/>
      <c r="RWH25" s="8"/>
      <c r="RWI25" s="8"/>
      <c r="RWJ25" s="8"/>
      <c r="RWK25" s="8"/>
      <c r="RWL25" s="8"/>
      <c r="RWM25" s="8"/>
      <c r="RWN25" s="8"/>
      <c r="RWO25" s="8"/>
      <c r="RWP25" s="8"/>
      <c r="RWQ25" s="8"/>
      <c r="RWR25" s="8"/>
      <c r="RWS25" s="8"/>
      <c r="RWT25" s="8"/>
      <c r="RWU25" s="8"/>
      <c r="RWV25" s="8"/>
      <c r="RWW25" s="8"/>
      <c r="RWX25" s="8"/>
      <c r="RWY25" s="8"/>
      <c r="RWZ25" s="8"/>
      <c r="RXA25" s="8"/>
      <c r="RXB25" s="8"/>
      <c r="RXC25" s="8"/>
      <c r="RXD25" s="8"/>
      <c r="RXE25" s="8"/>
      <c r="RXF25" s="8"/>
      <c r="RXG25" s="8"/>
      <c r="RXH25" s="8"/>
      <c r="RXI25" s="8"/>
      <c r="RXJ25" s="8"/>
      <c r="RXK25" s="8"/>
      <c r="RXL25" s="8"/>
      <c r="RXM25" s="8"/>
      <c r="RXN25" s="8"/>
      <c r="RXO25" s="8"/>
      <c r="RXP25" s="8"/>
      <c r="RXQ25" s="8"/>
      <c r="RXR25" s="8"/>
      <c r="RXS25" s="8"/>
      <c r="RXT25" s="8"/>
      <c r="RXU25" s="8"/>
      <c r="RXV25" s="8"/>
      <c r="RXW25" s="8"/>
      <c r="RXX25" s="8"/>
      <c r="RXY25" s="8"/>
      <c r="RXZ25" s="8"/>
      <c r="RYA25" s="8"/>
      <c r="RYB25" s="8"/>
      <c r="RYC25" s="8"/>
      <c r="RYD25" s="8"/>
      <c r="RYE25" s="8"/>
      <c r="RYF25" s="8"/>
      <c r="RYG25" s="8"/>
      <c r="RYH25" s="8"/>
      <c r="RYI25" s="8"/>
      <c r="RYJ25" s="8"/>
      <c r="RYK25" s="8"/>
      <c r="RYL25" s="8"/>
      <c r="RYM25" s="8"/>
      <c r="RYN25" s="8"/>
      <c r="RYO25" s="8"/>
      <c r="RYP25" s="8"/>
      <c r="RYQ25" s="8"/>
      <c r="RYR25" s="8"/>
      <c r="RYS25" s="8"/>
      <c r="RYT25" s="8"/>
      <c r="RYU25" s="8"/>
      <c r="RYV25" s="8"/>
      <c r="RYW25" s="8"/>
      <c r="RYX25" s="8"/>
      <c r="RYY25" s="8"/>
      <c r="RYZ25" s="8"/>
      <c r="RZA25" s="8"/>
      <c r="RZB25" s="8"/>
      <c r="RZC25" s="8"/>
      <c r="RZD25" s="8"/>
      <c r="RZE25" s="8"/>
      <c r="RZF25" s="8"/>
      <c r="RZG25" s="8"/>
      <c r="RZH25" s="8"/>
      <c r="RZI25" s="8"/>
      <c r="RZJ25" s="8"/>
      <c r="RZK25" s="8"/>
      <c r="RZL25" s="8"/>
      <c r="RZM25" s="8"/>
      <c r="RZN25" s="8"/>
      <c r="RZO25" s="8"/>
      <c r="RZP25" s="8"/>
      <c r="RZQ25" s="8"/>
      <c r="RZR25" s="8"/>
      <c r="RZS25" s="8"/>
      <c r="RZT25" s="8"/>
      <c r="RZU25" s="8"/>
      <c r="RZV25" s="8"/>
      <c r="RZW25" s="8"/>
      <c r="RZX25" s="8"/>
      <c r="RZY25" s="8"/>
      <c r="RZZ25" s="8"/>
      <c r="SAA25" s="8"/>
      <c r="SAB25" s="8"/>
      <c r="SAC25" s="8"/>
      <c r="SAD25" s="8"/>
      <c r="SAE25" s="8"/>
      <c r="SAF25" s="8"/>
      <c r="SAG25" s="8"/>
      <c r="SAH25" s="8"/>
      <c r="SAI25" s="8"/>
      <c r="SAJ25" s="8"/>
      <c r="SAK25" s="8"/>
      <c r="SAL25" s="8"/>
      <c r="SAM25" s="8"/>
      <c r="SAN25" s="8"/>
      <c r="SAO25" s="8"/>
      <c r="SAP25" s="8"/>
      <c r="SAQ25" s="8"/>
      <c r="SAR25" s="8"/>
      <c r="SAS25" s="8"/>
      <c r="SAT25" s="8"/>
      <c r="SAU25" s="8"/>
      <c r="SAV25" s="8"/>
      <c r="SAW25" s="8"/>
      <c r="SAX25" s="8"/>
      <c r="SAY25" s="8"/>
      <c r="SAZ25" s="8"/>
      <c r="SBA25" s="8"/>
      <c r="SBB25" s="8"/>
      <c r="SBC25" s="8"/>
      <c r="SBD25" s="8"/>
      <c r="SBE25" s="8"/>
      <c r="SBF25" s="8"/>
      <c r="SBG25" s="8"/>
      <c r="SBH25" s="8"/>
      <c r="SBI25" s="8"/>
      <c r="SBJ25" s="8"/>
      <c r="SBK25" s="8"/>
      <c r="SBL25" s="8"/>
      <c r="SBM25" s="8"/>
      <c r="SBN25" s="8"/>
      <c r="SBO25" s="8"/>
      <c r="SBP25" s="8"/>
      <c r="SBQ25" s="8"/>
      <c r="SBR25" s="8"/>
      <c r="SBS25" s="8"/>
      <c r="SBT25" s="8"/>
      <c r="SBU25" s="8"/>
      <c r="SBV25" s="8"/>
      <c r="SBW25" s="8"/>
      <c r="SBX25" s="8"/>
      <c r="SBY25" s="8"/>
      <c r="SBZ25" s="8"/>
      <c r="SCA25" s="8"/>
      <c r="SCB25" s="8"/>
      <c r="SCC25" s="8"/>
      <c r="SCD25" s="8"/>
      <c r="SCE25" s="8"/>
      <c r="SCF25" s="8"/>
      <c r="SCG25" s="8"/>
      <c r="SCH25" s="8"/>
      <c r="SCI25" s="8"/>
      <c r="SCJ25" s="8"/>
      <c r="SCK25" s="8"/>
      <c r="SCL25" s="8"/>
      <c r="SCM25" s="8"/>
      <c r="SCN25" s="8"/>
      <c r="SCO25" s="8"/>
      <c r="SCP25" s="8"/>
      <c r="SCQ25" s="8"/>
      <c r="SCR25" s="8"/>
      <c r="SCS25" s="8"/>
      <c r="SCT25" s="8"/>
      <c r="SCU25" s="8"/>
      <c r="SCV25" s="8"/>
      <c r="SCW25" s="8"/>
      <c r="SCX25" s="8"/>
      <c r="SCY25" s="8"/>
      <c r="SCZ25" s="8"/>
      <c r="SDA25" s="8"/>
      <c r="SDB25" s="8"/>
      <c r="SDC25" s="8"/>
      <c r="SDD25" s="8"/>
      <c r="SDE25" s="8"/>
      <c r="SDF25" s="8"/>
      <c r="SDG25" s="8"/>
      <c r="SDH25" s="8"/>
      <c r="SDI25" s="8"/>
      <c r="SDJ25" s="8"/>
      <c r="SDK25" s="8"/>
      <c r="SDL25" s="8"/>
      <c r="SDM25" s="8"/>
      <c r="SDN25" s="8"/>
      <c r="SDO25" s="8"/>
      <c r="SDP25" s="8"/>
      <c r="SDQ25" s="8"/>
      <c r="SDR25" s="8"/>
      <c r="SDS25" s="8"/>
      <c r="SDT25" s="8"/>
      <c r="SDU25" s="8"/>
      <c r="SDV25" s="8"/>
      <c r="SDW25" s="8"/>
      <c r="SDX25" s="8"/>
      <c r="SDY25" s="8"/>
      <c r="SDZ25" s="8"/>
      <c r="SEA25" s="8"/>
      <c r="SEB25" s="8"/>
      <c r="SEC25" s="8"/>
      <c r="SED25" s="8"/>
      <c r="SEE25" s="8"/>
      <c r="SEF25" s="8"/>
      <c r="SEG25" s="8"/>
      <c r="SEH25" s="8"/>
      <c r="SEI25" s="8"/>
      <c r="SEJ25" s="8"/>
      <c r="SEK25" s="8"/>
      <c r="SEL25" s="8"/>
      <c r="SEM25" s="8"/>
      <c r="SEN25" s="8"/>
      <c r="SEO25" s="8"/>
      <c r="SEP25" s="8"/>
      <c r="SEQ25" s="8"/>
      <c r="SER25" s="8"/>
      <c r="SES25" s="8"/>
      <c r="SET25" s="8"/>
      <c r="SEU25" s="8"/>
      <c r="SEV25" s="8"/>
      <c r="SEW25" s="8"/>
      <c r="SEX25" s="8"/>
      <c r="SEY25" s="8"/>
      <c r="SEZ25" s="8"/>
      <c r="SFA25" s="8"/>
      <c r="SFB25" s="8"/>
      <c r="SFC25" s="8"/>
      <c r="SFD25" s="8"/>
      <c r="SFE25" s="8"/>
      <c r="SFF25" s="8"/>
      <c r="SFG25" s="8"/>
      <c r="SFH25" s="8"/>
      <c r="SFI25" s="8"/>
      <c r="SFJ25" s="8"/>
      <c r="SFK25" s="8"/>
      <c r="SFL25" s="8"/>
      <c r="SFM25" s="8"/>
      <c r="SFN25" s="8"/>
      <c r="SFO25" s="8"/>
      <c r="SFP25" s="8"/>
      <c r="SFQ25" s="8"/>
      <c r="SFR25" s="8"/>
      <c r="SFS25" s="8"/>
      <c r="SFT25" s="8"/>
      <c r="SFU25" s="8"/>
      <c r="SFV25" s="8"/>
      <c r="SFW25" s="8"/>
      <c r="SFX25" s="8"/>
      <c r="SFY25" s="8"/>
      <c r="SFZ25" s="8"/>
      <c r="SGA25" s="8"/>
      <c r="SGB25" s="8"/>
      <c r="SGC25" s="8"/>
      <c r="SGD25" s="8"/>
      <c r="SGE25" s="8"/>
      <c r="SGF25" s="8"/>
      <c r="SGG25" s="8"/>
      <c r="SGH25" s="8"/>
      <c r="SGI25" s="8"/>
      <c r="SGJ25" s="8"/>
      <c r="SGK25" s="8"/>
      <c r="SGL25" s="8"/>
      <c r="SGM25" s="8"/>
      <c r="SGN25" s="8"/>
      <c r="SGO25" s="8"/>
      <c r="SGP25" s="8"/>
      <c r="SGQ25" s="8"/>
      <c r="SGR25" s="8"/>
      <c r="SGS25" s="8"/>
      <c r="SGT25" s="8"/>
      <c r="SGU25" s="8"/>
      <c r="SGV25" s="8"/>
      <c r="SGW25" s="8"/>
      <c r="SGX25" s="8"/>
      <c r="SGY25" s="8"/>
      <c r="SGZ25" s="8"/>
      <c r="SHA25" s="8"/>
      <c r="SHB25" s="8"/>
      <c r="SHC25" s="8"/>
      <c r="SHD25" s="8"/>
      <c r="SHE25" s="8"/>
      <c r="SHF25" s="8"/>
      <c r="SHG25" s="8"/>
      <c r="SHH25" s="8"/>
      <c r="SHI25" s="8"/>
      <c r="SHJ25" s="8"/>
      <c r="SHK25" s="8"/>
      <c r="SHL25" s="8"/>
      <c r="SHM25" s="8"/>
      <c r="SHN25" s="8"/>
      <c r="SHO25" s="8"/>
      <c r="SHP25" s="8"/>
      <c r="SHQ25" s="8"/>
      <c r="SHR25" s="8"/>
      <c r="SHS25" s="8"/>
      <c r="SHT25" s="8"/>
      <c r="SHU25" s="8"/>
      <c r="SHV25" s="8"/>
      <c r="SHW25" s="8"/>
      <c r="SHX25" s="8"/>
      <c r="SHY25" s="8"/>
      <c r="SHZ25" s="8"/>
      <c r="SIA25" s="8"/>
      <c r="SIB25" s="8"/>
      <c r="SIC25" s="8"/>
      <c r="SID25" s="8"/>
      <c r="SIE25" s="8"/>
      <c r="SIF25" s="8"/>
      <c r="SIG25" s="8"/>
      <c r="SIH25" s="8"/>
      <c r="SII25" s="8"/>
      <c r="SIJ25" s="8"/>
      <c r="SIK25" s="8"/>
      <c r="SIL25" s="8"/>
      <c r="SIM25" s="8"/>
      <c r="SIN25" s="8"/>
      <c r="SIO25" s="8"/>
      <c r="SIP25" s="8"/>
      <c r="SIQ25" s="8"/>
      <c r="SIR25" s="8"/>
      <c r="SIS25" s="8"/>
      <c r="SIT25" s="8"/>
      <c r="SIU25" s="8"/>
      <c r="SIV25" s="8"/>
      <c r="SIW25" s="8"/>
      <c r="SIX25" s="8"/>
      <c r="SIY25" s="8"/>
      <c r="SIZ25" s="8"/>
      <c r="SJA25" s="8"/>
      <c r="SJB25" s="8"/>
      <c r="SJC25" s="8"/>
      <c r="SJD25" s="8"/>
      <c r="SJE25" s="8"/>
      <c r="SJF25" s="8"/>
      <c r="SJG25" s="8"/>
      <c r="SJH25" s="8"/>
      <c r="SJI25" s="8"/>
      <c r="SJJ25" s="8"/>
      <c r="SJK25" s="8"/>
      <c r="SJL25" s="8"/>
      <c r="SJM25" s="8"/>
      <c r="SJN25" s="8"/>
      <c r="SJO25" s="8"/>
      <c r="SJP25" s="8"/>
      <c r="SJQ25" s="8"/>
      <c r="SJR25" s="8"/>
      <c r="SJS25" s="8"/>
      <c r="SJT25" s="8"/>
      <c r="SJU25" s="8"/>
      <c r="SJV25" s="8"/>
      <c r="SJW25" s="8"/>
      <c r="SJX25" s="8"/>
      <c r="SJY25" s="8"/>
      <c r="SJZ25" s="8"/>
      <c r="SKA25" s="8"/>
      <c r="SKB25" s="8"/>
      <c r="SKC25" s="8"/>
      <c r="SKD25" s="8"/>
      <c r="SKE25" s="8"/>
      <c r="SKF25" s="8"/>
      <c r="SKG25" s="8"/>
      <c r="SKH25" s="8"/>
      <c r="SKI25" s="8"/>
      <c r="SKJ25" s="8"/>
      <c r="SKK25" s="8"/>
      <c r="SKL25" s="8"/>
      <c r="SKM25" s="8"/>
      <c r="SKN25" s="8"/>
      <c r="SKO25" s="8"/>
      <c r="SKP25" s="8"/>
      <c r="SKQ25" s="8"/>
      <c r="SKR25" s="8"/>
      <c r="SKS25" s="8"/>
      <c r="SKT25" s="8"/>
      <c r="SKU25" s="8"/>
      <c r="SKV25" s="8"/>
      <c r="SKW25" s="8"/>
      <c r="SKX25" s="8"/>
      <c r="SKY25" s="8"/>
      <c r="SKZ25" s="8"/>
      <c r="SLA25" s="8"/>
      <c r="SLB25" s="8"/>
      <c r="SLC25" s="8"/>
      <c r="SLD25" s="8"/>
      <c r="SLE25" s="8"/>
      <c r="SLF25" s="8"/>
      <c r="SLG25" s="8"/>
      <c r="SLH25" s="8"/>
      <c r="SLI25" s="8"/>
      <c r="SLJ25" s="8"/>
      <c r="SLK25" s="8"/>
      <c r="SLL25" s="8"/>
      <c r="SLM25" s="8"/>
      <c r="SLN25" s="8"/>
      <c r="SLO25" s="8"/>
      <c r="SLP25" s="8"/>
      <c r="SLQ25" s="8"/>
      <c r="SLR25" s="8"/>
      <c r="SLS25" s="8"/>
      <c r="SLT25" s="8"/>
      <c r="SLU25" s="8"/>
      <c r="SLV25" s="8"/>
      <c r="SLW25" s="8"/>
      <c r="SLX25" s="8"/>
      <c r="SLY25" s="8"/>
      <c r="SLZ25" s="8"/>
      <c r="SMA25" s="8"/>
      <c r="SMB25" s="8"/>
      <c r="SMC25" s="8"/>
      <c r="SMD25" s="8"/>
      <c r="SME25" s="8"/>
      <c r="SMF25" s="8"/>
      <c r="SMG25" s="8"/>
      <c r="SMH25" s="8"/>
      <c r="SMI25" s="8"/>
      <c r="SMJ25" s="8"/>
      <c r="SMK25" s="8"/>
      <c r="SML25" s="8"/>
      <c r="SMM25" s="8"/>
      <c r="SMN25" s="8"/>
      <c r="SMO25" s="8"/>
      <c r="SMP25" s="8"/>
      <c r="SMQ25" s="8"/>
      <c r="SMR25" s="8"/>
      <c r="SMS25" s="8"/>
      <c r="SMT25" s="8"/>
      <c r="SMU25" s="8"/>
      <c r="SMV25" s="8"/>
      <c r="SMW25" s="8"/>
      <c r="SMX25" s="8"/>
      <c r="SMY25" s="8"/>
      <c r="SMZ25" s="8"/>
      <c r="SNA25" s="8"/>
      <c r="SNB25" s="8"/>
      <c r="SNC25" s="8"/>
      <c r="SND25" s="8"/>
      <c r="SNE25" s="8"/>
      <c r="SNF25" s="8"/>
      <c r="SNG25" s="8"/>
      <c r="SNH25" s="8"/>
      <c r="SNI25" s="8"/>
      <c r="SNJ25" s="8"/>
      <c r="SNK25" s="8"/>
      <c r="SNL25" s="8"/>
      <c r="SNM25" s="8"/>
      <c r="SNN25" s="8"/>
      <c r="SNO25" s="8"/>
      <c r="SNP25" s="8"/>
      <c r="SNQ25" s="8"/>
      <c r="SNR25" s="8"/>
      <c r="SNS25" s="8"/>
      <c r="SNT25" s="8"/>
      <c r="SNU25" s="8"/>
      <c r="SNV25" s="8"/>
      <c r="SNW25" s="8"/>
      <c r="SNX25" s="8"/>
      <c r="SNY25" s="8"/>
      <c r="SNZ25" s="8"/>
      <c r="SOA25" s="8"/>
      <c r="SOB25" s="8"/>
      <c r="SOC25" s="8"/>
      <c r="SOD25" s="8"/>
      <c r="SOE25" s="8"/>
      <c r="SOF25" s="8"/>
      <c r="SOG25" s="8"/>
      <c r="SOH25" s="8"/>
      <c r="SOI25" s="8"/>
      <c r="SOJ25" s="8"/>
      <c r="SOK25" s="8"/>
      <c r="SOL25" s="8"/>
      <c r="SOM25" s="8"/>
      <c r="SON25" s="8"/>
      <c r="SOO25" s="8"/>
      <c r="SOP25" s="8"/>
      <c r="SOQ25" s="8"/>
      <c r="SOR25" s="8"/>
      <c r="SOS25" s="8"/>
      <c r="SOT25" s="8"/>
      <c r="SOU25" s="8"/>
      <c r="SOV25" s="8"/>
      <c r="SOW25" s="8"/>
      <c r="SOX25" s="8"/>
      <c r="SOY25" s="8"/>
      <c r="SOZ25" s="8"/>
      <c r="SPA25" s="8"/>
      <c r="SPB25" s="8"/>
      <c r="SPC25" s="8"/>
      <c r="SPD25" s="8"/>
      <c r="SPE25" s="8"/>
      <c r="SPF25" s="8"/>
      <c r="SPG25" s="8"/>
      <c r="SPH25" s="8"/>
      <c r="SPI25" s="8"/>
      <c r="SPJ25" s="8"/>
      <c r="SPK25" s="8"/>
      <c r="SPL25" s="8"/>
      <c r="SPM25" s="8"/>
      <c r="SPN25" s="8"/>
      <c r="SPO25" s="8"/>
      <c r="SPP25" s="8"/>
      <c r="SPQ25" s="8"/>
      <c r="SPR25" s="8"/>
      <c r="SPS25" s="8"/>
      <c r="SPT25" s="8"/>
      <c r="SPU25" s="8"/>
      <c r="SPV25" s="8"/>
      <c r="SPW25" s="8"/>
      <c r="SPX25" s="8"/>
      <c r="SPY25" s="8"/>
      <c r="SPZ25" s="8"/>
      <c r="SQA25" s="8"/>
      <c r="SQB25" s="8"/>
      <c r="SQC25" s="8"/>
      <c r="SQD25" s="8"/>
      <c r="SQE25" s="8"/>
      <c r="SQF25" s="8"/>
      <c r="SQG25" s="8"/>
      <c r="SQH25" s="8"/>
      <c r="SQI25" s="8"/>
      <c r="SQJ25" s="8"/>
      <c r="SQK25" s="8"/>
      <c r="SQL25" s="8"/>
      <c r="SQM25" s="8"/>
      <c r="SQN25" s="8"/>
      <c r="SQO25" s="8"/>
      <c r="SQP25" s="8"/>
      <c r="SQQ25" s="8"/>
      <c r="SQR25" s="8"/>
      <c r="SQS25" s="8"/>
      <c r="SQT25" s="8"/>
      <c r="SQU25" s="8"/>
      <c r="SQV25" s="8"/>
      <c r="SQW25" s="8"/>
      <c r="SQX25" s="8"/>
      <c r="SQY25" s="8"/>
      <c r="SQZ25" s="8"/>
      <c r="SRA25" s="8"/>
      <c r="SRB25" s="8"/>
      <c r="SRC25" s="8"/>
      <c r="SRD25" s="8"/>
      <c r="SRE25" s="8"/>
      <c r="SRF25" s="8"/>
      <c r="SRG25" s="8"/>
      <c r="SRH25" s="8"/>
      <c r="SRI25" s="8"/>
      <c r="SRJ25" s="8"/>
      <c r="SRK25" s="8"/>
      <c r="SRL25" s="8"/>
      <c r="SRM25" s="8"/>
      <c r="SRN25" s="8"/>
      <c r="SRO25" s="8"/>
      <c r="SRP25" s="8"/>
      <c r="SRQ25" s="8"/>
      <c r="SRR25" s="8"/>
      <c r="SRS25" s="8"/>
      <c r="SRT25" s="8"/>
      <c r="SRU25" s="8"/>
      <c r="SRV25" s="8"/>
      <c r="SRW25" s="8"/>
      <c r="SRX25" s="8"/>
      <c r="SRY25" s="8"/>
      <c r="SRZ25" s="8"/>
      <c r="SSA25" s="8"/>
      <c r="SSB25" s="8"/>
      <c r="SSC25" s="8"/>
      <c r="SSD25" s="8"/>
      <c r="SSE25" s="8"/>
      <c r="SSF25" s="8"/>
      <c r="SSG25" s="8"/>
      <c r="SSH25" s="8"/>
      <c r="SSI25" s="8"/>
      <c r="SSJ25" s="8"/>
      <c r="SSK25" s="8"/>
      <c r="SSL25" s="8"/>
      <c r="SSM25" s="8"/>
      <c r="SSN25" s="8"/>
      <c r="SSO25" s="8"/>
      <c r="SSP25" s="8"/>
      <c r="SSQ25" s="8"/>
      <c r="SSR25" s="8"/>
      <c r="SSS25" s="8"/>
      <c r="SST25" s="8"/>
      <c r="SSU25" s="8"/>
      <c r="SSV25" s="8"/>
      <c r="SSW25" s="8"/>
      <c r="SSX25" s="8"/>
      <c r="SSY25" s="8"/>
      <c r="SSZ25" s="8"/>
      <c r="STA25" s="8"/>
      <c r="STB25" s="8"/>
      <c r="STC25" s="8"/>
      <c r="STD25" s="8"/>
      <c r="STE25" s="8"/>
      <c r="STF25" s="8"/>
      <c r="STG25" s="8"/>
      <c r="STH25" s="8"/>
      <c r="STI25" s="8"/>
      <c r="STJ25" s="8"/>
      <c r="STK25" s="8"/>
      <c r="STL25" s="8"/>
      <c r="STM25" s="8"/>
      <c r="STN25" s="8"/>
      <c r="STO25" s="8"/>
      <c r="STP25" s="8"/>
      <c r="STQ25" s="8"/>
      <c r="STR25" s="8"/>
      <c r="STS25" s="8"/>
      <c r="STT25" s="8"/>
      <c r="STU25" s="8"/>
      <c r="STV25" s="8"/>
      <c r="STW25" s="8"/>
      <c r="STX25" s="8"/>
      <c r="STY25" s="8"/>
      <c r="STZ25" s="8"/>
      <c r="SUA25" s="8"/>
      <c r="SUB25" s="8"/>
      <c r="SUC25" s="8"/>
      <c r="SUD25" s="8"/>
      <c r="SUE25" s="8"/>
      <c r="SUF25" s="8"/>
      <c r="SUG25" s="8"/>
      <c r="SUH25" s="8"/>
      <c r="SUI25" s="8"/>
      <c r="SUJ25" s="8"/>
      <c r="SUK25" s="8"/>
      <c r="SUL25" s="8"/>
      <c r="SUM25" s="8"/>
      <c r="SUN25" s="8"/>
      <c r="SUO25" s="8"/>
      <c r="SUP25" s="8"/>
      <c r="SUQ25" s="8"/>
      <c r="SUR25" s="8"/>
      <c r="SUS25" s="8"/>
      <c r="SUT25" s="8"/>
      <c r="SUU25" s="8"/>
      <c r="SUV25" s="8"/>
      <c r="SUW25" s="8"/>
      <c r="SUX25" s="8"/>
      <c r="SUY25" s="8"/>
      <c r="SUZ25" s="8"/>
      <c r="SVA25" s="8"/>
      <c r="SVB25" s="8"/>
      <c r="SVC25" s="8"/>
      <c r="SVD25" s="8"/>
      <c r="SVE25" s="8"/>
      <c r="SVF25" s="8"/>
      <c r="SVG25" s="8"/>
      <c r="SVH25" s="8"/>
      <c r="SVI25" s="8"/>
      <c r="SVJ25" s="8"/>
      <c r="SVK25" s="8"/>
      <c r="SVL25" s="8"/>
      <c r="SVM25" s="8"/>
      <c r="SVN25" s="8"/>
      <c r="SVO25" s="8"/>
      <c r="SVP25" s="8"/>
      <c r="SVQ25" s="8"/>
      <c r="SVR25" s="8"/>
      <c r="SVS25" s="8"/>
      <c r="SVT25" s="8"/>
      <c r="SVU25" s="8"/>
      <c r="SVV25" s="8"/>
      <c r="SVW25" s="8"/>
      <c r="SVX25" s="8"/>
      <c r="SVY25" s="8"/>
      <c r="SVZ25" s="8"/>
      <c r="SWA25" s="8"/>
      <c r="SWB25" s="8"/>
      <c r="SWC25" s="8"/>
      <c r="SWD25" s="8"/>
      <c r="SWE25" s="8"/>
      <c r="SWF25" s="8"/>
      <c r="SWG25" s="8"/>
      <c r="SWH25" s="8"/>
      <c r="SWI25" s="8"/>
      <c r="SWJ25" s="8"/>
      <c r="SWK25" s="8"/>
      <c r="SWL25" s="8"/>
      <c r="SWM25" s="8"/>
      <c r="SWN25" s="8"/>
      <c r="SWO25" s="8"/>
      <c r="SWP25" s="8"/>
      <c r="SWQ25" s="8"/>
      <c r="SWR25" s="8"/>
      <c r="SWS25" s="8"/>
      <c r="SWT25" s="8"/>
      <c r="SWU25" s="8"/>
      <c r="SWV25" s="8"/>
      <c r="SWW25" s="8"/>
      <c r="SWX25" s="8"/>
      <c r="SWY25" s="8"/>
      <c r="SWZ25" s="8"/>
      <c r="SXA25" s="8"/>
      <c r="SXB25" s="8"/>
      <c r="SXC25" s="8"/>
      <c r="SXD25" s="8"/>
      <c r="SXE25" s="8"/>
      <c r="SXF25" s="8"/>
      <c r="SXG25" s="8"/>
      <c r="SXH25" s="8"/>
      <c r="SXI25" s="8"/>
      <c r="SXJ25" s="8"/>
      <c r="SXK25" s="8"/>
      <c r="SXL25" s="8"/>
      <c r="SXM25" s="8"/>
      <c r="SXN25" s="8"/>
      <c r="SXO25" s="8"/>
      <c r="SXP25" s="8"/>
      <c r="SXQ25" s="8"/>
      <c r="SXR25" s="8"/>
      <c r="SXS25" s="8"/>
      <c r="SXT25" s="8"/>
      <c r="SXU25" s="8"/>
      <c r="SXV25" s="8"/>
      <c r="SXW25" s="8"/>
      <c r="SXX25" s="8"/>
      <c r="SXY25" s="8"/>
      <c r="SXZ25" s="8"/>
      <c r="SYA25" s="8"/>
      <c r="SYB25" s="8"/>
      <c r="SYC25" s="8"/>
      <c r="SYD25" s="8"/>
      <c r="SYE25" s="8"/>
      <c r="SYF25" s="8"/>
      <c r="SYG25" s="8"/>
      <c r="SYH25" s="8"/>
      <c r="SYI25" s="8"/>
      <c r="SYJ25" s="8"/>
      <c r="SYK25" s="8"/>
      <c r="SYL25" s="8"/>
      <c r="SYM25" s="8"/>
      <c r="SYN25" s="8"/>
      <c r="SYO25" s="8"/>
      <c r="SYP25" s="8"/>
      <c r="SYQ25" s="8"/>
      <c r="SYR25" s="8"/>
      <c r="SYS25" s="8"/>
      <c r="SYT25" s="8"/>
      <c r="SYU25" s="8"/>
      <c r="SYV25" s="8"/>
      <c r="SYW25" s="8"/>
      <c r="SYX25" s="8"/>
      <c r="SYY25" s="8"/>
      <c r="SYZ25" s="8"/>
      <c r="SZA25" s="8"/>
      <c r="SZB25" s="8"/>
      <c r="SZC25" s="8"/>
      <c r="SZD25" s="8"/>
      <c r="SZE25" s="8"/>
      <c r="SZF25" s="8"/>
      <c r="SZG25" s="8"/>
      <c r="SZH25" s="8"/>
      <c r="SZI25" s="8"/>
      <c r="SZJ25" s="8"/>
      <c r="SZK25" s="8"/>
      <c r="SZL25" s="8"/>
      <c r="SZM25" s="8"/>
      <c r="SZN25" s="8"/>
      <c r="SZO25" s="8"/>
      <c r="SZP25" s="8"/>
      <c r="SZQ25" s="8"/>
      <c r="SZR25" s="8"/>
      <c r="SZS25" s="8"/>
      <c r="SZT25" s="8"/>
      <c r="SZU25" s="8"/>
      <c r="SZV25" s="8"/>
      <c r="SZW25" s="8"/>
      <c r="SZX25" s="8"/>
      <c r="SZY25" s="8"/>
      <c r="SZZ25" s="8"/>
      <c r="TAA25" s="8"/>
      <c r="TAB25" s="8"/>
      <c r="TAC25" s="8"/>
      <c r="TAD25" s="8"/>
      <c r="TAE25" s="8"/>
      <c r="TAF25" s="8"/>
      <c r="TAG25" s="8"/>
      <c r="TAH25" s="8"/>
      <c r="TAI25" s="8"/>
      <c r="TAJ25" s="8"/>
      <c r="TAK25" s="8"/>
      <c r="TAL25" s="8"/>
      <c r="TAM25" s="8"/>
      <c r="TAN25" s="8"/>
      <c r="TAO25" s="8"/>
      <c r="TAP25" s="8"/>
      <c r="TAQ25" s="8"/>
      <c r="TAR25" s="8"/>
      <c r="TAS25" s="8"/>
      <c r="TAT25" s="8"/>
      <c r="TAU25" s="8"/>
      <c r="TAV25" s="8"/>
      <c r="TAW25" s="8"/>
      <c r="TAX25" s="8"/>
      <c r="TAY25" s="8"/>
      <c r="TAZ25" s="8"/>
      <c r="TBA25" s="8"/>
      <c r="TBB25" s="8"/>
      <c r="TBC25" s="8"/>
      <c r="TBD25" s="8"/>
      <c r="TBE25" s="8"/>
      <c r="TBF25" s="8"/>
      <c r="TBG25" s="8"/>
      <c r="TBH25" s="8"/>
      <c r="TBI25" s="8"/>
      <c r="TBJ25" s="8"/>
      <c r="TBK25" s="8"/>
      <c r="TBL25" s="8"/>
      <c r="TBM25" s="8"/>
      <c r="TBN25" s="8"/>
      <c r="TBO25" s="8"/>
      <c r="TBP25" s="8"/>
      <c r="TBQ25" s="8"/>
      <c r="TBR25" s="8"/>
      <c r="TBS25" s="8"/>
      <c r="TBT25" s="8"/>
      <c r="TBU25" s="8"/>
      <c r="TBV25" s="8"/>
      <c r="TBW25" s="8"/>
      <c r="TBX25" s="8"/>
      <c r="TBY25" s="8"/>
      <c r="TBZ25" s="8"/>
      <c r="TCA25" s="8"/>
      <c r="TCB25" s="8"/>
      <c r="TCC25" s="8"/>
      <c r="TCD25" s="8"/>
      <c r="TCE25" s="8"/>
      <c r="TCF25" s="8"/>
      <c r="TCG25" s="8"/>
      <c r="TCH25" s="8"/>
      <c r="TCI25" s="8"/>
      <c r="TCJ25" s="8"/>
      <c r="TCK25" s="8"/>
      <c r="TCL25" s="8"/>
      <c r="TCM25" s="8"/>
      <c r="TCN25" s="8"/>
      <c r="TCO25" s="8"/>
      <c r="TCP25" s="8"/>
      <c r="TCQ25" s="8"/>
      <c r="TCR25" s="8"/>
      <c r="TCS25" s="8"/>
      <c r="TCT25" s="8"/>
      <c r="TCU25" s="8"/>
      <c r="TCV25" s="8"/>
      <c r="TCW25" s="8"/>
      <c r="TCX25" s="8"/>
      <c r="TCY25" s="8"/>
      <c r="TCZ25" s="8"/>
      <c r="TDA25" s="8"/>
      <c r="TDB25" s="8"/>
      <c r="TDC25" s="8"/>
      <c r="TDD25" s="8"/>
      <c r="TDE25" s="8"/>
      <c r="TDF25" s="8"/>
      <c r="TDG25" s="8"/>
      <c r="TDH25" s="8"/>
      <c r="TDI25" s="8"/>
      <c r="TDJ25" s="8"/>
      <c r="TDK25" s="8"/>
      <c r="TDL25" s="8"/>
      <c r="TDM25" s="8"/>
      <c r="TDN25" s="8"/>
      <c r="TDO25" s="8"/>
      <c r="TDP25" s="8"/>
      <c r="TDQ25" s="8"/>
      <c r="TDR25" s="8"/>
      <c r="TDS25" s="8"/>
      <c r="TDT25" s="8"/>
      <c r="TDU25" s="8"/>
      <c r="TDV25" s="8"/>
      <c r="TDW25" s="8"/>
      <c r="TDX25" s="8"/>
      <c r="TDY25" s="8"/>
      <c r="TDZ25" s="8"/>
      <c r="TEA25" s="8"/>
      <c r="TEB25" s="8"/>
      <c r="TEC25" s="8"/>
      <c r="TED25" s="8"/>
      <c r="TEE25" s="8"/>
      <c r="TEF25" s="8"/>
      <c r="TEG25" s="8"/>
      <c r="TEH25" s="8"/>
      <c r="TEI25" s="8"/>
      <c r="TEJ25" s="8"/>
      <c r="TEK25" s="8"/>
      <c r="TEL25" s="8"/>
      <c r="TEM25" s="8"/>
      <c r="TEN25" s="8"/>
      <c r="TEO25" s="8"/>
      <c r="TEP25" s="8"/>
      <c r="TEQ25" s="8"/>
      <c r="TER25" s="8"/>
      <c r="TES25" s="8"/>
      <c r="TET25" s="8"/>
      <c r="TEU25" s="8"/>
      <c r="TEV25" s="8"/>
      <c r="TEW25" s="8"/>
      <c r="TEX25" s="8"/>
      <c r="TEY25" s="8"/>
      <c r="TEZ25" s="8"/>
      <c r="TFA25" s="8"/>
      <c r="TFB25" s="8"/>
      <c r="TFC25" s="8"/>
      <c r="TFD25" s="8"/>
      <c r="TFE25" s="8"/>
      <c r="TFF25" s="8"/>
      <c r="TFG25" s="8"/>
      <c r="TFH25" s="8"/>
      <c r="TFI25" s="8"/>
      <c r="TFJ25" s="8"/>
      <c r="TFK25" s="8"/>
      <c r="TFL25" s="8"/>
      <c r="TFM25" s="8"/>
      <c r="TFN25" s="8"/>
      <c r="TFO25" s="8"/>
      <c r="TFP25" s="8"/>
      <c r="TFQ25" s="8"/>
      <c r="TFR25" s="8"/>
      <c r="TFS25" s="8"/>
      <c r="TFT25" s="8"/>
      <c r="TFU25" s="8"/>
      <c r="TFV25" s="8"/>
      <c r="TFW25" s="8"/>
      <c r="TFX25" s="8"/>
      <c r="TFY25" s="8"/>
      <c r="TFZ25" s="8"/>
      <c r="TGA25" s="8"/>
      <c r="TGB25" s="8"/>
      <c r="TGC25" s="8"/>
      <c r="TGD25" s="8"/>
      <c r="TGE25" s="8"/>
      <c r="TGF25" s="8"/>
      <c r="TGG25" s="8"/>
      <c r="TGH25" s="8"/>
      <c r="TGI25" s="8"/>
      <c r="TGJ25" s="8"/>
      <c r="TGK25" s="8"/>
      <c r="TGL25" s="8"/>
      <c r="TGM25" s="8"/>
      <c r="TGN25" s="8"/>
      <c r="TGO25" s="8"/>
      <c r="TGP25" s="8"/>
      <c r="TGQ25" s="8"/>
      <c r="TGR25" s="8"/>
      <c r="TGS25" s="8"/>
      <c r="TGT25" s="8"/>
      <c r="TGU25" s="8"/>
      <c r="TGV25" s="8"/>
      <c r="TGW25" s="8"/>
      <c r="TGX25" s="8"/>
      <c r="TGY25" s="8"/>
      <c r="TGZ25" s="8"/>
      <c r="THA25" s="8"/>
      <c r="THB25" s="8"/>
      <c r="THC25" s="8"/>
      <c r="THD25" s="8"/>
      <c r="THE25" s="8"/>
      <c r="THF25" s="8"/>
      <c r="THG25" s="8"/>
      <c r="THH25" s="8"/>
      <c r="THI25" s="8"/>
      <c r="THJ25" s="8"/>
      <c r="THK25" s="8"/>
      <c r="THL25" s="8"/>
      <c r="THM25" s="8"/>
      <c r="THN25" s="8"/>
      <c r="THO25" s="8"/>
      <c r="THP25" s="8"/>
      <c r="THQ25" s="8"/>
      <c r="THR25" s="8"/>
      <c r="THS25" s="8"/>
      <c r="THT25" s="8"/>
      <c r="THU25" s="8"/>
      <c r="THV25" s="8"/>
      <c r="THW25" s="8"/>
      <c r="THX25" s="8"/>
      <c r="THY25" s="8"/>
      <c r="THZ25" s="8"/>
      <c r="TIA25" s="8"/>
      <c r="TIB25" s="8"/>
      <c r="TIC25" s="8"/>
      <c r="TID25" s="8"/>
      <c r="TIE25" s="8"/>
      <c r="TIF25" s="8"/>
      <c r="TIG25" s="8"/>
      <c r="TIH25" s="8"/>
      <c r="TII25" s="8"/>
      <c r="TIJ25" s="8"/>
      <c r="TIK25" s="8"/>
      <c r="TIL25" s="8"/>
      <c r="TIM25" s="8"/>
      <c r="TIN25" s="8"/>
      <c r="TIO25" s="8"/>
      <c r="TIP25" s="8"/>
      <c r="TIQ25" s="8"/>
      <c r="TIR25" s="8"/>
      <c r="TIS25" s="8"/>
      <c r="TIT25" s="8"/>
      <c r="TIU25" s="8"/>
      <c r="TIV25" s="8"/>
      <c r="TIW25" s="8"/>
      <c r="TIX25" s="8"/>
      <c r="TIY25" s="8"/>
      <c r="TIZ25" s="8"/>
      <c r="TJA25" s="8"/>
      <c r="TJB25" s="8"/>
      <c r="TJC25" s="8"/>
      <c r="TJD25" s="8"/>
      <c r="TJE25" s="8"/>
      <c r="TJF25" s="8"/>
      <c r="TJG25" s="8"/>
      <c r="TJH25" s="8"/>
      <c r="TJI25" s="8"/>
      <c r="TJJ25" s="8"/>
      <c r="TJK25" s="8"/>
      <c r="TJL25" s="8"/>
      <c r="TJM25" s="8"/>
      <c r="TJN25" s="8"/>
      <c r="TJO25" s="8"/>
      <c r="TJP25" s="8"/>
      <c r="TJQ25" s="8"/>
      <c r="TJR25" s="8"/>
      <c r="TJS25" s="8"/>
      <c r="TJT25" s="8"/>
      <c r="TJU25" s="8"/>
      <c r="TJV25" s="8"/>
      <c r="TJW25" s="8"/>
      <c r="TJX25" s="8"/>
      <c r="TJY25" s="8"/>
      <c r="TJZ25" s="8"/>
      <c r="TKA25" s="8"/>
      <c r="TKB25" s="8"/>
      <c r="TKC25" s="8"/>
      <c r="TKD25" s="8"/>
      <c r="TKE25" s="8"/>
      <c r="TKF25" s="8"/>
      <c r="TKG25" s="8"/>
      <c r="TKH25" s="8"/>
      <c r="TKI25" s="8"/>
      <c r="TKJ25" s="8"/>
      <c r="TKK25" s="8"/>
      <c r="TKL25" s="8"/>
      <c r="TKM25" s="8"/>
      <c r="TKN25" s="8"/>
      <c r="TKO25" s="8"/>
      <c r="TKP25" s="8"/>
      <c r="TKQ25" s="8"/>
      <c r="TKR25" s="8"/>
      <c r="TKS25" s="8"/>
      <c r="TKT25" s="8"/>
      <c r="TKU25" s="8"/>
      <c r="TKV25" s="8"/>
      <c r="TKW25" s="8"/>
      <c r="TKX25" s="8"/>
      <c r="TKY25" s="8"/>
      <c r="TKZ25" s="8"/>
      <c r="TLA25" s="8"/>
      <c r="TLB25" s="8"/>
      <c r="TLC25" s="8"/>
      <c r="TLD25" s="8"/>
      <c r="TLE25" s="8"/>
      <c r="TLF25" s="8"/>
      <c r="TLG25" s="8"/>
      <c r="TLH25" s="8"/>
      <c r="TLI25" s="8"/>
      <c r="TLJ25" s="8"/>
      <c r="TLK25" s="8"/>
      <c r="TLL25" s="8"/>
      <c r="TLM25" s="8"/>
      <c r="TLN25" s="8"/>
      <c r="TLO25" s="8"/>
      <c r="TLP25" s="8"/>
      <c r="TLQ25" s="8"/>
      <c r="TLR25" s="8"/>
      <c r="TLS25" s="8"/>
      <c r="TLT25" s="8"/>
      <c r="TLU25" s="8"/>
      <c r="TLV25" s="8"/>
      <c r="TLW25" s="8"/>
      <c r="TLX25" s="8"/>
      <c r="TLY25" s="8"/>
      <c r="TLZ25" s="8"/>
      <c r="TMA25" s="8"/>
      <c r="TMB25" s="8"/>
      <c r="TMC25" s="8"/>
      <c r="TMD25" s="8"/>
      <c r="TME25" s="8"/>
      <c r="TMF25" s="8"/>
      <c r="TMG25" s="8"/>
      <c r="TMH25" s="8"/>
      <c r="TMI25" s="8"/>
      <c r="TMJ25" s="8"/>
      <c r="TMK25" s="8"/>
      <c r="TML25" s="8"/>
      <c r="TMM25" s="8"/>
      <c r="TMN25" s="8"/>
      <c r="TMO25" s="8"/>
      <c r="TMP25" s="8"/>
      <c r="TMQ25" s="8"/>
      <c r="TMR25" s="8"/>
      <c r="TMS25" s="8"/>
      <c r="TMT25" s="8"/>
      <c r="TMU25" s="8"/>
      <c r="TMV25" s="8"/>
      <c r="TMW25" s="8"/>
      <c r="TMX25" s="8"/>
      <c r="TMY25" s="8"/>
      <c r="TMZ25" s="8"/>
      <c r="TNA25" s="8"/>
      <c r="TNB25" s="8"/>
      <c r="TNC25" s="8"/>
      <c r="TND25" s="8"/>
      <c r="TNE25" s="8"/>
      <c r="TNF25" s="8"/>
      <c r="TNG25" s="8"/>
      <c r="TNH25" s="8"/>
      <c r="TNI25" s="8"/>
      <c r="TNJ25" s="8"/>
      <c r="TNK25" s="8"/>
      <c r="TNL25" s="8"/>
      <c r="TNM25" s="8"/>
      <c r="TNN25" s="8"/>
      <c r="TNO25" s="8"/>
      <c r="TNP25" s="8"/>
      <c r="TNQ25" s="8"/>
      <c r="TNR25" s="8"/>
      <c r="TNS25" s="8"/>
      <c r="TNT25" s="8"/>
      <c r="TNU25" s="8"/>
      <c r="TNV25" s="8"/>
      <c r="TNW25" s="8"/>
      <c r="TNX25" s="8"/>
      <c r="TNY25" s="8"/>
      <c r="TNZ25" s="8"/>
      <c r="TOA25" s="8"/>
      <c r="TOB25" s="8"/>
      <c r="TOC25" s="8"/>
      <c r="TOD25" s="8"/>
      <c r="TOE25" s="8"/>
      <c r="TOF25" s="8"/>
      <c r="TOG25" s="8"/>
      <c r="TOH25" s="8"/>
      <c r="TOI25" s="8"/>
      <c r="TOJ25" s="8"/>
      <c r="TOK25" s="8"/>
      <c r="TOL25" s="8"/>
      <c r="TOM25" s="8"/>
      <c r="TON25" s="8"/>
      <c r="TOO25" s="8"/>
      <c r="TOP25" s="8"/>
      <c r="TOQ25" s="8"/>
      <c r="TOR25" s="8"/>
      <c r="TOS25" s="8"/>
      <c r="TOT25" s="8"/>
      <c r="TOU25" s="8"/>
      <c r="TOV25" s="8"/>
      <c r="TOW25" s="8"/>
      <c r="TOX25" s="8"/>
      <c r="TOY25" s="8"/>
      <c r="TOZ25" s="8"/>
      <c r="TPA25" s="8"/>
      <c r="TPB25" s="8"/>
      <c r="TPC25" s="8"/>
      <c r="TPD25" s="8"/>
      <c r="TPE25" s="8"/>
      <c r="TPF25" s="8"/>
      <c r="TPG25" s="8"/>
      <c r="TPH25" s="8"/>
      <c r="TPI25" s="8"/>
      <c r="TPJ25" s="8"/>
      <c r="TPK25" s="8"/>
      <c r="TPL25" s="8"/>
      <c r="TPM25" s="8"/>
      <c r="TPN25" s="8"/>
      <c r="TPO25" s="8"/>
      <c r="TPP25" s="8"/>
      <c r="TPQ25" s="8"/>
      <c r="TPR25" s="8"/>
      <c r="TPS25" s="8"/>
      <c r="TPT25" s="8"/>
      <c r="TPU25" s="8"/>
      <c r="TPV25" s="8"/>
      <c r="TPW25" s="8"/>
      <c r="TPX25" s="8"/>
      <c r="TPY25" s="8"/>
      <c r="TPZ25" s="8"/>
      <c r="TQA25" s="8"/>
      <c r="TQB25" s="8"/>
      <c r="TQC25" s="8"/>
      <c r="TQD25" s="8"/>
      <c r="TQE25" s="8"/>
      <c r="TQF25" s="8"/>
      <c r="TQG25" s="8"/>
      <c r="TQH25" s="8"/>
      <c r="TQI25" s="8"/>
      <c r="TQJ25" s="8"/>
      <c r="TQK25" s="8"/>
      <c r="TQL25" s="8"/>
      <c r="TQM25" s="8"/>
      <c r="TQN25" s="8"/>
      <c r="TQO25" s="8"/>
      <c r="TQP25" s="8"/>
      <c r="TQQ25" s="8"/>
      <c r="TQR25" s="8"/>
      <c r="TQS25" s="8"/>
      <c r="TQT25" s="8"/>
      <c r="TQU25" s="8"/>
      <c r="TQV25" s="8"/>
      <c r="TQW25" s="8"/>
      <c r="TQX25" s="8"/>
      <c r="TQY25" s="8"/>
      <c r="TQZ25" s="8"/>
      <c r="TRA25" s="8"/>
      <c r="TRB25" s="8"/>
      <c r="TRC25" s="8"/>
      <c r="TRD25" s="8"/>
      <c r="TRE25" s="8"/>
      <c r="TRF25" s="8"/>
      <c r="TRG25" s="8"/>
      <c r="TRH25" s="8"/>
      <c r="TRI25" s="8"/>
      <c r="TRJ25" s="8"/>
      <c r="TRK25" s="8"/>
      <c r="TRL25" s="8"/>
      <c r="TRM25" s="8"/>
      <c r="TRN25" s="8"/>
      <c r="TRO25" s="8"/>
      <c r="TRP25" s="8"/>
      <c r="TRQ25" s="8"/>
      <c r="TRR25" s="8"/>
      <c r="TRS25" s="8"/>
      <c r="TRT25" s="8"/>
      <c r="TRU25" s="8"/>
      <c r="TRV25" s="8"/>
      <c r="TRW25" s="8"/>
      <c r="TRX25" s="8"/>
      <c r="TRY25" s="8"/>
      <c r="TRZ25" s="8"/>
      <c r="TSA25" s="8"/>
      <c r="TSB25" s="8"/>
      <c r="TSC25" s="8"/>
      <c r="TSD25" s="8"/>
      <c r="TSE25" s="8"/>
      <c r="TSF25" s="8"/>
      <c r="TSG25" s="8"/>
      <c r="TSH25" s="8"/>
      <c r="TSI25" s="8"/>
      <c r="TSJ25" s="8"/>
      <c r="TSK25" s="8"/>
      <c r="TSL25" s="8"/>
      <c r="TSM25" s="8"/>
      <c r="TSN25" s="8"/>
      <c r="TSO25" s="8"/>
      <c r="TSP25" s="8"/>
      <c r="TSQ25" s="8"/>
      <c r="TSR25" s="8"/>
      <c r="TSS25" s="8"/>
      <c r="TST25" s="8"/>
      <c r="TSU25" s="8"/>
      <c r="TSV25" s="8"/>
      <c r="TSW25" s="8"/>
      <c r="TSX25" s="8"/>
      <c r="TSY25" s="8"/>
      <c r="TSZ25" s="8"/>
      <c r="TTA25" s="8"/>
      <c r="TTB25" s="8"/>
      <c r="TTC25" s="8"/>
      <c r="TTD25" s="8"/>
      <c r="TTE25" s="8"/>
      <c r="TTF25" s="8"/>
      <c r="TTG25" s="8"/>
      <c r="TTH25" s="8"/>
      <c r="TTI25" s="8"/>
      <c r="TTJ25" s="8"/>
      <c r="TTK25" s="8"/>
      <c r="TTL25" s="8"/>
      <c r="TTM25" s="8"/>
      <c r="TTN25" s="8"/>
      <c r="TTO25" s="8"/>
      <c r="TTP25" s="8"/>
      <c r="TTQ25" s="8"/>
      <c r="TTR25" s="8"/>
      <c r="TTS25" s="8"/>
      <c r="TTT25" s="8"/>
      <c r="TTU25" s="8"/>
      <c r="TTV25" s="8"/>
      <c r="TTW25" s="8"/>
      <c r="TTX25" s="8"/>
      <c r="TTY25" s="8"/>
      <c r="TTZ25" s="8"/>
      <c r="TUA25" s="8"/>
      <c r="TUB25" s="8"/>
      <c r="TUC25" s="8"/>
      <c r="TUD25" s="8"/>
      <c r="TUE25" s="8"/>
      <c r="TUF25" s="8"/>
      <c r="TUG25" s="8"/>
      <c r="TUH25" s="8"/>
      <c r="TUI25" s="8"/>
      <c r="TUJ25" s="8"/>
      <c r="TUK25" s="8"/>
      <c r="TUL25" s="8"/>
      <c r="TUM25" s="8"/>
      <c r="TUN25" s="8"/>
      <c r="TUO25" s="8"/>
      <c r="TUP25" s="8"/>
      <c r="TUQ25" s="8"/>
      <c r="TUR25" s="8"/>
      <c r="TUS25" s="8"/>
      <c r="TUT25" s="8"/>
      <c r="TUU25" s="8"/>
      <c r="TUV25" s="8"/>
      <c r="TUW25" s="8"/>
      <c r="TUX25" s="8"/>
      <c r="TUY25" s="8"/>
      <c r="TUZ25" s="8"/>
      <c r="TVA25" s="8"/>
      <c r="TVB25" s="8"/>
      <c r="TVC25" s="8"/>
      <c r="TVD25" s="8"/>
      <c r="TVE25" s="8"/>
      <c r="TVF25" s="8"/>
      <c r="TVG25" s="8"/>
      <c r="TVH25" s="8"/>
      <c r="TVI25" s="8"/>
      <c r="TVJ25" s="8"/>
      <c r="TVK25" s="8"/>
      <c r="TVL25" s="8"/>
      <c r="TVM25" s="8"/>
      <c r="TVN25" s="8"/>
      <c r="TVO25" s="8"/>
      <c r="TVP25" s="8"/>
      <c r="TVQ25" s="8"/>
      <c r="TVR25" s="8"/>
      <c r="TVS25" s="8"/>
      <c r="TVT25" s="8"/>
      <c r="TVU25" s="8"/>
      <c r="TVV25" s="8"/>
      <c r="TVW25" s="8"/>
      <c r="TVX25" s="8"/>
      <c r="TVY25" s="8"/>
      <c r="TVZ25" s="8"/>
      <c r="TWA25" s="8"/>
      <c r="TWB25" s="8"/>
      <c r="TWC25" s="8"/>
      <c r="TWD25" s="8"/>
      <c r="TWE25" s="8"/>
      <c r="TWF25" s="8"/>
      <c r="TWG25" s="8"/>
      <c r="TWH25" s="8"/>
      <c r="TWI25" s="8"/>
      <c r="TWJ25" s="8"/>
      <c r="TWK25" s="8"/>
      <c r="TWL25" s="8"/>
      <c r="TWM25" s="8"/>
      <c r="TWN25" s="8"/>
      <c r="TWO25" s="8"/>
      <c r="TWP25" s="8"/>
      <c r="TWQ25" s="8"/>
      <c r="TWR25" s="8"/>
      <c r="TWS25" s="8"/>
      <c r="TWT25" s="8"/>
      <c r="TWU25" s="8"/>
      <c r="TWV25" s="8"/>
      <c r="TWW25" s="8"/>
      <c r="TWX25" s="8"/>
      <c r="TWY25" s="8"/>
      <c r="TWZ25" s="8"/>
      <c r="TXA25" s="8"/>
      <c r="TXB25" s="8"/>
      <c r="TXC25" s="8"/>
      <c r="TXD25" s="8"/>
      <c r="TXE25" s="8"/>
      <c r="TXF25" s="8"/>
      <c r="TXG25" s="8"/>
      <c r="TXH25" s="8"/>
      <c r="TXI25" s="8"/>
      <c r="TXJ25" s="8"/>
      <c r="TXK25" s="8"/>
      <c r="TXL25" s="8"/>
      <c r="TXM25" s="8"/>
      <c r="TXN25" s="8"/>
      <c r="TXO25" s="8"/>
      <c r="TXP25" s="8"/>
      <c r="TXQ25" s="8"/>
      <c r="TXR25" s="8"/>
      <c r="TXS25" s="8"/>
      <c r="TXT25" s="8"/>
      <c r="TXU25" s="8"/>
      <c r="TXV25" s="8"/>
      <c r="TXW25" s="8"/>
      <c r="TXX25" s="8"/>
      <c r="TXY25" s="8"/>
      <c r="TXZ25" s="8"/>
      <c r="TYA25" s="8"/>
      <c r="TYB25" s="8"/>
      <c r="TYC25" s="8"/>
      <c r="TYD25" s="8"/>
      <c r="TYE25" s="8"/>
      <c r="TYF25" s="8"/>
      <c r="TYG25" s="8"/>
      <c r="TYH25" s="8"/>
      <c r="TYI25" s="8"/>
      <c r="TYJ25" s="8"/>
      <c r="TYK25" s="8"/>
      <c r="TYL25" s="8"/>
      <c r="TYM25" s="8"/>
      <c r="TYN25" s="8"/>
      <c r="TYO25" s="8"/>
      <c r="TYP25" s="8"/>
      <c r="TYQ25" s="8"/>
      <c r="TYR25" s="8"/>
      <c r="TYS25" s="8"/>
      <c r="TYT25" s="8"/>
      <c r="TYU25" s="8"/>
      <c r="TYV25" s="8"/>
      <c r="TYW25" s="8"/>
      <c r="TYX25" s="8"/>
      <c r="TYY25" s="8"/>
      <c r="TYZ25" s="8"/>
      <c r="TZA25" s="8"/>
      <c r="TZB25" s="8"/>
      <c r="TZC25" s="8"/>
      <c r="TZD25" s="8"/>
      <c r="TZE25" s="8"/>
      <c r="TZF25" s="8"/>
      <c r="TZG25" s="8"/>
      <c r="TZH25" s="8"/>
      <c r="TZI25" s="8"/>
      <c r="TZJ25" s="8"/>
      <c r="TZK25" s="8"/>
      <c r="TZL25" s="8"/>
      <c r="TZM25" s="8"/>
      <c r="TZN25" s="8"/>
      <c r="TZO25" s="8"/>
      <c r="TZP25" s="8"/>
      <c r="TZQ25" s="8"/>
      <c r="TZR25" s="8"/>
      <c r="TZS25" s="8"/>
      <c r="TZT25" s="8"/>
      <c r="TZU25" s="8"/>
      <c r="TZV25" s="8"/>
      <c r="TZW25" s="8"/>
      <c r="TZX25" s="8"/>
      <c r="TZY25" s="8"/>
      <c r="TZZ25" s="8"/>
      <c r="UAA25" s="8"/>
      <c r="UAB25" s="8"/>
      <c r="UAC25" s="8"/>
      <c r="UAD25" s="8"/>
      <c r="UAE25" s="8"/>
      <c r="UAF25" s="8"/>
      <c r="UAG25" s="8"/>
      <c r="UAH25" s="8"/>
      <c r="UAI25" s="8"/>
      <c r="UAJ25" s="8"/>
      <c r="UAK25" s="8"/>
      <c r="UAL25" s="8"/>
      <c r="UAM25" s="8"/>
      <c r="UAN25" s="8"/>
      <c r="UAO25" s="8"/>
      <c r="UAP25" s="8"/>
      <c r="UAQ25" s="8"/>
      <c r="UAR25" s="8"/>
      <c r="UAS25" s="8"/>
      <c r="UAT25" s="8"/>
      <c r="UAU25" s="8"/>
      <c r="UAV25" s="8"/>
      <c r="UAW25" s="8"/>
      <c r="UAX25" s="8"/>
      <c r="UAY25" s="8"/>
      <c r="UAZ25" s="8"/>
      <c r="UBA25" s="8"/>
      <c r="UBB25" s="8"/>
      <c r="UBC25" s="8"/>
      <c r="UBD25" s="8"/>
      <c r="UBE25" s="8"/>
      <c r="UBF25" s="8"/>
      <c r="UBG25" s="8"/>
      <c r="UBH25" s="8"/>
      <c r="UBI25" s="8"/>
      <c r="UBJ25" s="8"/>
      <c r="UBK25" s="8"/>
      <c r="UBL25" s="8"/>
      <c r="UBM25" s="8"/>
      <c r="UBN25" s="8"/>
      <c r="UBO25" s="8"/>
      <c r="UBP25" s="8"/>
      <c r="UBQ25" s="8"/>
      <c r="UBR25" s="8"/>
      <c r="UBS25" s="8"/>
      <c r="UBT25" s="8"/>
      <c r="UBU25" s="8"/>
      <c r="UBV25" s="8"/>
      <c r="UBW25" s="8"/>
      <c r="UBX25" s="8"/>
      <c r="UBY25" s="8"/>
      <c r="UBZ25" s="8"/>
      <c r="UCA25" s="8"/>
      <c r="UCB25" s="8"/>
      <c r="UCC25" s="8"/>
      <c r="UCD25" s="8"/>
      <c r="UCE25" s="8"/>
      <c r="UCF25" s="8"/>
      <c r="UCG25" s="8"/>
      <c r="UCH25" s="8"/>
      <c r="UCI25" s="8"/>
      <c r="UCJ25" s="8"/>
      <c r="UCK25" s="8"/>
      <c r="UCL25" s="8"/>
      <c r="UCM25" s="8"/>
      <c r="UCN25" s="8"/>
      <c r="UCO25" s="8"/>
      <c r="UCP25" s="8"/>
      <c r="UCQ25" s="8"/>
      <c r="UCR25" s="8"/>
      <c r="UCS25" s="8"/>
      <c r="UCT25" s="8"/>
      <c r="UCU25" s="8"/>
      <c r="UCV25" s="8"/>
      <c r="UCW25" s="8"/>
      <c r="UCX25" s="8"/>
      <c r="UCY25" s="8"/>
      <c r="UCZ25" s="8"/>
      <c r="UDA25" s="8"/>
      <c r="UDB25" s="8"/>
      <c r="UDC25" s="8"/>
      <c r="UDD25" s="8"/>
      <c r="UDE25" s="8"/>
      <c r="UDF25" s="8"/>
      <c r="UDG25" s="8"/>
      <c r="UDH25" s="8"/>
      <c r="UDI25" s="8"/>
      <c r="UDJ25" s="8"/>
      <c r="UDK25" s="8"/>
      <c r="UDL25" s="8"/>
      <c r="UDM25" s="8"/>
      <c r="UDN25" s="8"/>
      <c r="UDO25" s="8"/>
      <c r="UDP25" s="8"/>
      <c r="UDQ25" s="8"/>
      <c r="UDR25" s="8"/>
      <c r="UDS25" s="8"/>
      <c r="UDT25" s="8"/>
      <c r="UDU25" s="8"/>
      <c r="UDV25" s="8"/>
      <c r="UDW25" s="8"/>
      <c r="UDX25" s="8"/>
      <c r="UDY25" s="8"/>
      <c r="UDZ25" s="8"/>
      <c r="UEA25" s="8"/>
      <c r="UEB25" s="8"/>
      <c r="UEC25" s="8"/>
      <c r="UED25" s="8"/>
      <c r="UEE25" s="8"/>
      <c r="UEF25" s="8"/>
      <c r="UEG25" s="8"/>
      <c r="UEH25" s="8"/>
      <c r="UEI25" s="8"/>
      <c r="UEJ25" s="8"/>
      <c r="UEK25" s="8"/>
      <c r="UEL25" s="8"/>
      <c r="UEM25" s="8"/>
      <c r="UEN25" s="8"/>
      <c r="UEO25" s="8"/>
      <c r="UEP25" s="8"/>
      <c r="UEQ25" s="8"/>
      <c r="UER25" s="8"/>
      <c r="UES25" s="8"/>
      <c r="UET25" s="8"/>
      <c r="UEU25" s="8"/>
      <c r="UEV25" s="8"/>
      <c r="UEW25" s="8"/>
      <c r="UEX25" s="8"/>
      <c r="UEY25" s="8"/>
      <c r="UEZ25" s="8"/>
      <c r="UFA25" s="8"/>
      <c r="UFB25" s="8"/>
      <c r="UFC25" s="8"/>
      <c r="UFD25" s="8"/>
      <c r="UFE25" s="8"/>
      <c r="UFF25" s="8"/>
      <c r="UFG25" s="8"/>
      <c r="UFH25" s="8"/>
      <c r="UFI25" s="8"/>
      <c r="UFJ25" s="8"/>
      <c r="UFK25" s="8"/>
      <c r="UFL25" s="8"/>
      <c r="UFM25" s="8"/>
      <c r="UFN25" s="8"/>
      <c r="UFO25" s="8"/>
      <c r="UFP25" s="8"/>
      <c r="UFQ25" s="8"/>
      <c r="UFR25" s="8"/>
      <c r="UFS25" s="8"/>
      <c r="UFT25" s="8"/>
      <c r="UFU25" s="8"/>
      <c r="UFV25" s="8"/>
      <c r="UFW25" s="8"/>
      <c r="UFX25" s="8"/>
      <c r="UFY25" s="8"/>
      <c r="UFZ25" s="8"/>
      <c r="UGA25" s="8"/>
      <c r="UGB25" s="8"/>
      <c r="UGC25" s="8"/>
      <c r="UGD25" s="8"/>
      <c r="UGE25" s="8"/>
      <c r="UGF25" s="8"/>
      <c r="UGG25" s="8"/>
      <c r="UGH25" s="8"/>
      <c r="UGI25" s="8"/>
      <c r="UGJ25" s="8"/>
      <c r="UGK25" s="8"/>
      <c r="UGL25" s="8"/>
      <c r="UGM25" s="8"/>
      <c r="UGN25" s="8"/>
      <c r="UGO25" s="8"/>
      <c r="UGP25" s="8"/>
      <c r="UGQ25" s="8"/>
      <c r="UGR25" s="8"/>
      <c r="UGS25" s="8"/>
      <c r="UGT25" s="8"/>
      <c r="UGU25" s="8"/>
      <c r="UGV25" s="8"/>
      <c r="UGW25" s="8"/>
      <c r="UGX25" s="8"/>
      <c r="UGY25" s="8"/>
      <c r="UGZ25" s="8"/>
      <c r="UHA25" s="8"/>
      <c r="UHB25" s="8"/>
      <c r="UHC25" s="8"/>
      <c r="UHD25" s="8"/>
      <c r="UHE25" s="8"/>
      <c r="UHF25" s="8"/>
      <c r="UHG25" s="8"/>
      <c r="UHH25" s="8"/>
      <c r="UHI25" s="8"/>
      <c r="UHJ25" s="8"/>
      <c r="UHK25" s="8"/>
      <c r="UHL25" s="8"/>
      <c r="UHM25" s="8"/>
      <c r="UHN25" s="8"/>
      <c r="UHO25" s="8"/>
      <c r="UHP25" s="8"/>
      <c r="UHQ25" s="8"/>
      <c r="UHR25" s="8"/>
      <c r="UHS25" s="8"/>
      <c r="UHT25" s="8"/>
      <c r="UHU25" s="8"/>
      <c r="UHV25" s="8"/>
      <c r="UHW25" s="8"/>
      <c r="UHX25" s="8"/>
      <c r="UHY25" s="8"/>
      <c r="UHZ25" s="8"/>
      <c r="UIA25" s="8"/>
      <c r="UIB25" s="8"/>
      <c r="UIC25" s="8"/>
      <c r="UID25" s="8"/>
      <c r="UIE25" s="8"/>
      <c r="UIF25" s="8"/>
      <c r="UIG25" s="8"/>
      <c r="UIH25" s="8"/>
      <c r="UII25" s="8"/>
      <c r="UIJ25" s="8"/>
      <c r="UIK25" s="8"/>
      <c r="UIL25" s="8"/>
      <c r="UIM25" s="8"/>
      <c r="UIN25" s="8"/>
      <c r="UIO25" s="8"/>
      <c r="UIP25" s="8"/>
      <c r="UIQ25" s="8"/>
      <c r="UIR25" s="8"/>
      <c r="UIS25" s="8"/>
      <c r="UIT25" s="8"/>
      <c r="UIU25" s="8"/>
      <c r="UIV25" s="8"/>
      <c r="UIW25" s="8"/>
      <c r="UIX25" s="8"/>
      <c r="UIY25" s="8"/>
      <c r="UIZ25" s="8"/>
      <c r="UJA25" s="8"/>
      <c r="UJB25" s="8"/>
      <c r="UJC25" s="8"/>
      <c r="UJD25" s="8"/>
      <c r="UJE25" s="8"/>
      <c r="UJF25" s="8"/>
      <c r="UJG25" s="8"/>
      <c r="UJH25" s="8"/>
      <c r="UJI25" s="8"/>
      <c r="UJJ25" s="8"/>
      <c r="UJK25" s="8"/>
      <c r="UJL25" s="8"/>
      <c r="UJM25" s="8"/>
      <c r="UJN25" s="8"/>
      <c r="UJO25" s="8"/>
      <c r="UJP25" s="8"/>
      <c r="UJQ25" s="8"/>
      <c r="UJR25" s="8"/>
      <c r="UJS25" s="8"/>
      <c r="UJT25" s="8"/>
      <c r="UJU25" s="8"/>
      <c r="UJV25" s="8"/>
      <c r="UJW25" s="8"/>
      <c r="UJX25" s="8"/>
      <c r="UJY25" s="8"/>
      <c r="UJZ25" s="8"/>
      <c r="UKA25" s="8"/>
      <c r="UKB25" s="8"/>
      <c r="UKC25" s="8"/>
      <c r="UKD25" s="8"/>
      <c r="UKE25" s="8"/>
      <c r="UKF25" s="8"/>
      <c r="UKG25" s="8"/>
      <c r="UKH25" s="8"/>
      <c r="UKI25" s="8"/>
      <c r="UKJ25" s="8"/>
      <c r="UKK25" s="8"/>
      <c r="UKL25" s="8"/>
      <c r="UKM25" s="8"/>
      <c r="UKN25" s="8"/>
      <c r="UKO25" s="8"/>
      <c r="UKP25" s="8"/>
      <c r="UKQ25" s="8"/>
      <c r="UKR25" s="8"/>
      <c r="UKS25" s="8"/>
      <c r="UKT25" s="8"/>
      <c r="UKU25" s="8"/>
      <c r="UKV25" s="8"/>
      <c r="UKW25" s="8"/>
      <c r="UKX25" s="8"/>
      <c r="UKY25" s="8"/>
      <c r="UKZ25" s="8"/>
      <c r="ULA25" s="8"/>
      <c r="ULB25" s="8"/>
      <c r="ULC25" s="8"/>
      <c r="ULD25" s="8"/>
      <c r="ULE25" s="8"/>
      <c r="ULF25" s="8"/>
      <c r="ULG25" s="8"/>
      <c r="ULH25" s="8"/>
      <c r="ULI25" s="8"/>
      <c r="ULJ25" s="8"/>
      <c r="ULK25" s="8"/>
      <c r="ULL25" s="8"/>
      <c r="ULM25" s="8"/>
      <c r="ULN25" s="8"/>
      <c r="ULO25" s="8"/>
      <c r="ULP25" s="8"/>
      <c r="ULQ25" s="8"/>
      <c r="ULR25" s="8"/>
      <c r="ULS25" s="8"/>
      <c r="ULT25" s="8"/>
      <c r="ULU25" s="8"/>
      <c r="ULV25" s="8"/>
      <c r="ULW25" s="8"/>
      <c r="ULX25" s="8"/>
      <c r="ULY25" s="8"/>
      <c r="ULZ25" s="8"/>
      <c r="UMA25" s="8"/>
      <c r="UMB25" s="8"/>
      <c r="UMC25" s="8"/>
      <c r="UMD25" s="8"/>
      <c r="UME25" s="8"/>
      <c r="UMF25" s="8"/>
      <c r="UMG25" s="8"/>
      <c r="UMH25" s="8"/>
      <c r="UMI25" s="8"/>
      <c r="UMJ25" s="8"/>
      <c r="UMK25" s="8"/>
      <c r="UML25" s="8"/>
      <c r="UMM25" s="8"/>
      <c r="UMN25" s="8"/>
      <c r="UMO25" s="8"/>
      <c r="UMP25" s="8"/>
      <c r="UMQ25" s="8"/>
      <c r="UMR25" s="8"/>
      <c r="UMS25" s="8"/>
      <c r="UMT25" s="8"/>
      <c r="UMU25" s="8"/>
      <c r="UMV25" s="8"/>
      <c r="UMW25" s="8"/>
      <c r="UMX25" s="8"/>
      <c r="UMY25" s="8"/>
      <c r="UMZ25" s="8"/>
      <c r="UNA25" s="8"/>
      <c r="UNB25" s="8"/>
      <c r="UNC25" s="8"/>
      <c r="UND25" s="8"/>
      <c r="UNE25" s="8"/>
      <c r="UNF25" s="8"/>
      <c r="UNG25" s="8"/>
      <c r="UNH25" s="8"/>
      <c r="UNI25" s="8"/>
      <c r="UNJ25" s="8"/>
      <c r="UNK25" s="8"/>
      <c r="UNL25" s="8"/>
      <c r="UNM25" s="8"/>
      <c r="UNN25" s="8"/>
      <c r="UNO25" s="8"/>
      <c r="UNP25" s="8"/>
      <c r="UNQ25" s="8"/>
      <c r="UNR25" s="8"/>
      <c r="UNS25" s="8"/>
      <c r="UNT25" s="8"/>
      <c r="UNU25" s="8"/>
      <c r="UNV25" s="8"/>
      <c r="UNW25" s="8"/>
      <c r="UNX25" s="8"/>
      <c r="UNY25" s="8"/>
      <c r="UNZ25" s="8"/>
      <c r="UOA25" s="8"/>
      <c r="UOB25" s="8"/>
      <c r="UOC25" s="8"/>
      <c r="UOD25" s="8"/>
      <c r="UOE25" s="8"/>
      <c r="UOF25" s="8"/>
      <c r="UOG25" s="8"/>
      <c r="UOH25" s="8"/>
      <c r="UOI25" s="8"/>
      <c r="UOJ25" s="8"/>
      <c r="UOK25" s="8"/>
      <c r="UOL25" s="8"/>
      <c r="UOM25" s="8"/>
      <c r="UON25" s="8"/>
      <c r="UOO25" s="8"/>
      <c r="UOP25" s="8"/>
      <c r="UOQ25" s="8"/>
      <c r="UOR25" s="8"/>
      <c r="UOS25" s="8"/>
      <c r="UOT25" s="8"/>
      <c r="UOU25" s="8"/>
      <c r="UOV25" s="8"/>
      <c r="UOW25" s="8"/>
      <c r="UOX25" s="8"/>
      <c r="UOY25" s="8"/>
      <c r="UOZ25" s="8"/>
      <c r="UPA25" s="8"/>
      <c r="UPB25" s="8"/>
      <c r="UPC25" s="8"/>
      <c r="UPD25" s="8"/>
      <c r="UPE25" s="8"/>
      <c r="UPF25" s="8"/>
      <c r="UPG25" s="8"/>
      <c r="UPH25" s="8"/>
      <c r="UPI25" s="8"/>
      <c r="UPJ25" s="8"/>
      <c r="UPK25" s="8"/>
      <c r="UPL25" s="8"/>
      <c r="UPM25" s="8"/>
      <c r="UPN25" s="8"/>
      <c r="UPO25" s="8"/>
      <c r="UPP25" s="8"/>
      <c r="UPQ25" s="8"/>
      <c r="UPR25" s="8"/>
      <c r="UPS25" s="8"/>
      <c r="UPT25" s="8"/>
      <c r="UPU25" s="8"/>
      <c r="UPV25" s="8"/>
      <c r="UPW25" s="8"/>
      <c r="UPX25" s="8"/>
      <c r="UPY25" s="8"/>
      <c r="UPZ25" s="8"/>
      <c r="UQA25" s="8"/>
      <c r="UQB25" s="8"/>
      <c r="UQC25" s="8"/>
      <c r="UQD25" s="8"/>
      <c r="UQE25" s="8"/>
      <c r="UQF25" s="8"/>
      <c r="UQG25" s="8"/>
      <c r="UQH25" s="8"/>
      <c r="UQI25" s="8"/>
      <c r="UQJ25" s="8"/>
      <c r="UQK25" s="8"/>
      <c r="UQL25" s="8"/>
      <c r="UQM25" s="8"/>
      <c r="UQN25" s="8"/>
      <c r="UQO25" s="8"/>
      <c r="UQP25" s="8"/>
      <c r="UQQ25" s="8"/>
      <c r="UQR25" s="8"/>
      <c r="UQS25" s="8"/>
      <c r="UQT25" s="8"/>
      <c r="UQU25" s="8"/>
      <c r="UQV25" s="8"/>
      <c r="UQW25" s="8"/>
      <c r="UQX25" s="8"/>
      <c r="UQY25" s="8"/>
      <c r="UQZ25" s="8"/>
      <c r="URA25" s="8"/>
      <c r="URB25" s="8"/>
      <c r="URC25" s="8"/>
      <c r="URD25" s="8"/>
      <c r="URE25" s="8"/>
      <c r="URF25" s="8"/>
      <c r="URG25" s="8"/>
      <c r="URH25" s="8"/>
      <c r="URI25" s="8"/>
      <c r="URJ25" s="8"/>
      <c r="URK25" s="8"/>
      <c r="URL25" s="8"/>
      <c r="URM25" s="8"/>
      <c r="URN25" s="8"/>
      <c r="URO25" s="8"/>
      <c r="URP25" s="8"/>
      <c r="URQ25" s="8"/>
      <c r="URR25" s="8"/>
      <c r="URS25" s="8"/>
      <c r="URT25" s="8"/>
      <c r="URU25" s="8"/>
      <c r="URV25" s="8"/>
      <c r="URW25" s="8"/>
      <c r="URX25" s="8"/>
      <c r="URY25" s="8"/>
      <c r="URZ25" s="8"/>
      <c r="USA25" s="8"/>
      <c r="USB25" s="8"/>
      <c r="USC25" s="8"/>
      <c r="USD25" s="8"/>
      <c r="USE25" s="8"/>
      <c r="USF25" s="8"/>
      <c r="USG25" s="8"/>
      <c r="USH25" s="8"/>
      <c r="USI25" s="8"/>
      <c r="USJ25" s="8"/>
      <c r="USK25" s="8"/>
      <c r="USL25" s="8"/>
      <c r="USM25" s="8"/>
      <c r="USN25" s="8"/>
      <c r="USO25" s="8"/>
      <c r="USP25" s="8"/>
      <c r="USQ25" s="8"/>
      <c r="USR25" s="8"/>
      <c r="USS25" s="8"/>
      <c r="UST25" s="8"/>
      <c r="USU25" s="8"/>
      <c r="USV25" s="8"/>
      <c r="USW25" s="8"/>
      <c r="USX25" s="8"/>
      <c r="USY25" s="8"/>
      <c r="USZ25" s="8"/>
      <c r="UTA25" s="8"/>
      <c r="UTB25" s="8"/>
      <c r="UTC25" s="8"/>
      <c r="UTD25" s="8"/>
      <c r="UTE25" s="8"/>
      <c r="UTF25" s="8"/>
      <c r="UTG25" s="8"/>
      <c r="UTH25" s="8"/>
      <c r="UTI25" s="8"/>
      <c r="UTJ25" s="8"/>
      <c r="UTK25" s="8"/>
      <c r="UTL25" s="8"/>
      <c r="UTM25" s="8"/>
      <c r="UTN25" s="8"/>
      <c r="UTO25" s="8"/>
      <c r="UTP25" s="8"/>
      <c r="UTQ25" s="8"/>
      <c r="UTR25" s="8"/>
      <c r="UTS25" s="8"/>
      <c r="UTT25" s="8"/>
      <c r="UTU25" s="8"/>
      <c r="UTV25" s="8"/>
      <c r="UTW25" s="8"/>
      <c r="UTX25" s="8"/>
      <c r="UTY25" s="8"/>
      <c r="UTZ25" s="8"/>
      <c r="UUA25" s="8"/>
      <c r="UUB25" s="8"/>
      <c r="UUC25" s="8"/>
      <c r="UUD25" s="8"/>
      <c r="UUE25" s="8"/>
      <c r="UUF25" s="8"/>
      <c r="UUG25" s="8"/>
      <c r="UUH25" s="8"/>
      <c r="UUI25" s="8"/>
      <c r="UUJ25" s="8"/>
      <c r="UUK25" s="8"/>
      <c r="UUL25" s="8"/>
      <c r="UUM25" s="8"/>
      <c r="UUN25" s="8"/>
      <c r="UUO25" s="8"/>
      <c r="UUP25" s="8"/>
      <c r="UUQ25" s="8"/>
      <c r="UUR25" s="8"/>
      <c r="UUS25" s="8"/>
      <c r="UUT25" s="8"/>
      <c r="UUU25" s="8"/>
      <c r="UUV25" s="8"/>
      <c r="UUW25" s="8"/>
      <c r="UUX25" s="8"/>
      <c r="UUY25" s="8"/>
      <c r="UUZ25" s="8"/>
      <c r="UVA25" s="8"/>
      <c r="UVB25" s="8"/>
      <c r="UVC25" s="8"/>
      <c r="UVD25" s="8"/>
      <c r="UVE25" s="8"/>
      <c r="UVF25" s="8"/>
      <c r="UVG25" s="8"/>
      <c r="UVH25" s="8"/>
      <c r="UVI25" s="8"/>
      <c r="UVJ25" s="8"/>
      <c r="UVK25" s="8"/>
      <c r="UVL25" s="8"/>
      <c r="UVM25" s="8"/>
      <c r="UVN25" s="8"/>
      <c r="UVO25" s="8"/>
      <c r="UVP25" s="8"/>
      <c r="UVQ25" s="8"/>
      <c r="UVR25" s="8"/>
      <c r="UVS25" s="8"/>
      <c r="UVT25" s="8"/>
      <c r="UVU25" s="8"/>
      <c r="UVV25" s="8"/>
      <c r="UVW25" s="8"/>
      <c r="UVX25" s="8"/>
      <c r="UVY25" s="8"/>
      <c r="UVZ25" s="8"/>
      <c r="UWA25" s="8"/>
      <c r="UWB25" s="8"/>
      <c r="UWC25" s="8"/>
      <c r="UWD25" s="8"/>
      <c r="UWE25" s="8"/>
      <c r="UWF25" s="8"/>
      <c r="UWG25" s="8"/>
      <c r="UWH25" s="8"/>
      <c r="UWI25" s="8"/>
      <c r="UWJ25" s="8"/>
      <c r="UWK25" s="8"/>
      <c r="UWL25" s="8"/>
      <c r="UWM25" s="8"/>
      <c r="UWN25" s="8"/>
      <c r="UWO25" s="8"/>
      <c r="UWP25" s="8"/>
      <c r="UWQ25" s="8"/>
      <c r="UWR25" s="8"/>
      <c r="UWS25" s="8"/>
      <c r="UWT25" s="8"/>
      <c r="UWU25" s="8"/>
      <c r="UWV25" s="8"/>
      <c r="UWW25" s="8"/>
      <c r="UWX25" s="8"/>
      <c r="UWY25" s="8"/>
      <c r="UWZ25" s="8"/>
      <c r="UXA25" s="8"/>
      <c r="UXB25" s="8"/>
      <c r="UXC25" s="8"/>
      <c r="UXD25" s="8"/>
      <c r="UXE25" s="8"/>
      <c r="UXF25" s="8"/>
      <c r="UXG25" s="8"/>
      <c r="UXH25" s="8"/>
      <c r="UXI25" s="8"/>
      <c r="UXJ25" s="8"/>
      <c r="UXK25" s="8"/>
      <c r="UXL25" s="8"/>
      <c r="UXM25" s="8"/>
      <c r="UXN25" s="8"/>
      <c r="UXO25" s="8"/>
      <c r="UXP25" s="8"/>
      <c r="UXQ25" s="8"/>
      <c r="UXR25" s="8"/>
      <c r="UXS25" s="8"/>
      <c r="UXT25" s="8"/>
      <c r="UXU25" s="8"/>
      <c r="UXV25" s="8"/>
      <c r="UXW25" s="8"/>
      <c r="UXX25" s="8"/>
      <c r="UXY25" s="8"/>
      <c r="UXZ25" s="8"/>
      <c r="UYA25" s="8"/>
      <c r="UYB25" s="8"/>
      <c r="UYC25" s="8"/>
      <c r="UYD25" s="8"/>
      <c r="UYE25" s="8"/>
      <c r="UYF25" s="8"/>
      <c r="UYG25" s="8"/>
      <c r="UYH25" s="8"/>
      <c r="UYI25" s="8"/>
      <c r="UYJ25" s="8"/>
      <c r="UYK25" s="8"/>
      <c r="UYL25" s="8"/>
      <c r="UYM25" s="8"/>
      <c r="UYN25" s="8"/>
      <c r="UYO25" s="8"/>
      <c r="UYP25" s="8"/>
      <c r="UYQ25" s="8"/>
      <c r="UYR25" s="8"/>
      <c r="UYS25" s="8"/>
      <c r="UYT25" s="8"/>
      <c r="UYU25" s="8"/>
      <c r="UYV25" s="8"/>
      <c r="UYW25" s="8"/>
      <c r="UYX25" s="8"/>
      <c r="UYY25" s="8"/>
      <c r="UYZ25" s="8"/>
      <c r="UZA25" s="8"/>
      <c r="UZB25" s="8"/>
      <c r="UZC25" s="8"/>
      <c r="UZD25" s="8"/>
      <c r="UZE25" s="8"/>
      <c r="UZF25" s="8"/>
      <c r="UZG25" s="8"/>
      <c r="UZH25" s="8"/>
      <c r="UZI25" s="8"/>
      <c r="UZJ25" s="8"/>
      <c r="UZK25" s="8"/>
      <c r="UZL25" s="8"/>
      <c r="UZM25" s="8"/>
      <c r="UZN25" s="8"/>
      <c r="UZO25" s="8"/>
      <c r="UZP25" s="8"/>
      <c r="UZQ25" s="8"/>
      <c r="UZR25" s="8"/>
      <c r="UZS25" s="8"/>
      <c r="UZT25" s="8"/>
      <c r="UZU25" s="8"/>
      <c r="UZV25" s="8"/>
      <c r="UZW25" s="8"/>
      <c r="UZX25" s="8"/>
      <c r="UZY25" s="8"/>
      <c r="UZZ25" s="8"/>
      <c r="VAA25" s="8"/>
      <c r="VAB25" s="8"/>
      <c r="VAC25" s="8"/>
      <c r="VAD25" s="8"/>
      <c r="VAE25" s="8"/>
      <c r="VAF25" s="8"/>
      <c r="VAG25" s="8"/>
      <c r="VAH25" s="8"/>
      <c r="VAI25" s="8"/>
      <c r="VAJ25" s="8"/>
      <c r="VAK25" s="8"/>
      <c r="VAL25" s="8"/>
      <c r="VAM25" s="8"/>
      <c r="VAN25" s="8"/>
      <c r="VAO25" s="8"/>
      <c r="VAP25" s="8"/>
      <c r="VAQ25" s="8"/>
      <c r="VAR25" s="8"/>
      <c r="VAS25" s="8"/>
      <c r="VAT25" s="8"/>
      <c r="VAU25" s="8"/>
      <c r="VAV25" s="8"/>
      <c r="VAW25" s="8"/>
      <c r="VAX25" s="8"/>
      <c r="VAY25" s="8"/>
      <c r="VAZ25" s="8"/>
      <c r="VBA25" s="8"/>
      <c r="VBB25" s="8"/>
      <c r="VBC25" s="8"/>
      <c r="VBD25" s="8"/>
      <c r="VBE25" s="8"/>
      <c r="VBF25" s="8"/>
      <c r="VBG25" s="8"/>
      <c r="VBH25" s="8"/>
      <c r="VBI25" s="8"/>
      <c r="VBJ25" s="8"/>
      <c r="VBK25" s="8"/>
      <c r="VBL25" s="8"/>
      <c r="VBM25" s="8"/>
      <c r="VBN25" s="8"/>
      <c r="VBO25" s="8"/>
      <c r="VBP25" s="8"/>
      <c r="VBQ25" s="8"/>
      <c r="VBR25" s="8"/>
      <c r="VBS25" s="8"/>
      <c r="VBT25" s="8"/>
      <c r="VBU25" s="8"/>
      <c r="VBV25" s="8"/>
      <c r="VBW25" s="8"/>
      <c r="VBX25" s="8"/>
      <c r="VBY25" s="8"/>
      <c r="VBZ25" s="8"/>
      <c r="VCA25" s="8"/>
      <c r="VCB25" s="8"/>
      <c r="VCC25" s="8"/>
      <c r="VCD25" s="8"/>
      <c r="VCE25" s="8"/>
      <c r="VCF25" s="8"/>
      <c r="VCG25" s="8"/>
      <c r="VCH25" s="8"/>
      <c r="VCI25" s="8"/>
      <c r="VCJ25" s="8"/>
      <c r="VCK25" s="8"/>
      <c r="VCL25" s="8"/>
      <c r="VCM25" s="8"/>
      <c r="VCN25" s="8"/>
      <c r="VCO25" s="8"/>
      <c r="VCP25" s="8"/>
      <c r="VCQ25" s="8"/>
      <c r="VCR25" s="8"/>
      <c r="VCS25" s="8"/>
      <c r="VCT25" s="8"/>
      <c r="VCU25" s="8"/>
      <c r="VCV25" s="8"/>
      <c r="VCW25" s="8"/>
      <c r="VCX25" s="8"/>
      <c r="VCY25" s="8"/>
      <c r="VCZ25" s="8"/>
      <c r="VDA25" s="8"/>
      <c r="VDB25" s="8"/>
      <c r="VDC25" s="8"/>
      <c r="VDD25" s="8"/>
      <c r="VDE25" s="8"/>
      <c r="VDF25" s="8"/>
      <c r="VDG25" s="8"/>
      <c r="VDH25" s="8"/>
      <c r="VDI25" s="8"/>
      <c r="VDJ25" s="8"/>
      <c r="VDK25" s="8"/>
      <c r="VDL25" s="8"/>
      <c r="VDM25" s="8"/>
      <c r="VDN25" s="8"/>
      <c r="VDO25" s="8"/>
      <c r="VDP25" s="8"/>
      <c r="VDQ25" s="8"/>
      <c r="VDR25" s="8"/>
      <c r="VDS25" s="8"/>
      <c r="VDT25" s="8"/>
      <c r="VDU25" s="8"/>
      <c r="VDV25" s="8"/>
      <c r="VDW25" s="8"/>
      <c r="VDX25" s="8"/>
      <c r="VDY25" s="8"/>
      <c r="VDZ25" s="8"/>
      <c r="VEA25" s="8"/>
      <c r="VEB25" s="8"/>
      <c r="VEC25" s="8"/>
      <c r="VED25" s="8"/>
      <c r="VEE25" s="8"/>
      <c r="VEF25" s="8"/>
      <c r="VEG25" s="8"/>
      <c r="VEH25" s="8"/>
      <c r="VEI25" s="8"/>
      <c r="VEJ25" s="8"/>
      <c r="VEK25" s="8"/>
      <c r="VEL25" s="8"/>
      <c r="VEM25" s="8"/>
      <c r="VEN25" s="8"/>
      <c r="VEO25" s="8"/>
      <c r="VEP25" s="8"/>
      <c r="VEQ25" s="8"/>
      <c r="VER25" s="8"/>
      <c r="VES25" s="8"/>
      <c r="VET25" s="8"/>
      <c r="VEU25" s="8"/>
      <c r="VEV25" s="8"/>
      <c r="VEW25" s="8"/>
      <c r="VEX25" s="8"/>
      <c r="VEY25" s="8"/>
      <c r="VEZ25" s="8"/>
      <c r="VFA25" s="8"/>
      <c r="VFB25" s="8"/>
      <c r="VFC25" s="8"/>
      <c r="VFD25" s="8"/>
      <c r="VFE25" s="8"/>
      <c r="VFF25" s="8"/>
      <c r="VFG25" s="8"/>
      <c r="VFH25" s="8"/>
      <c r="VFI25" s="8"/>
      <c r="VFJ25" s="8"/>
      <c r="VFK25" s="8"/>
      <c r="VFL25" s="8"/>
      <c r="VFM25" s="8"/>
      <c r="VFN25" s="8"/>
      <c r="VFO25" s="8"/>
      <c r="VFP25" s="8"/>
      <c r="VFQ25" s="8"/>
      <c r="VFR25" s="8"/>
      <c r="VFS25" s="8"/>
      <c r="VFT25" s="8"/>
      <c r="VFU25" s="8"/>
      <c r="VFV25" s="8"/>
      <c r="VFW25" s="8"/>
      <c r="VFX25" s="8"/>
      <c r="VFY25" s="8"/>
      <c r="VFZ25" s="8"/>
      <c r="VGA25" s="8"/>
      <c r="VGB25" s="8"/>
      <c r="VGC25" s="8"/>
      <c r="VGD25" s="8"/>
      <c r="VGE25" s="8"/>
      <c r="VGF25" s="8"/>
      <c r="VGG25" s="8"/>
      <c r="VGH25" s="8"/>
      <c r="VGI25" s="8"/>
      <c r="VGJ25" s="8"/>
      <c r="VGK25" s="8"/>
      <c r="VGL25" s="8"/>
      <c r="VGM25" s="8"/>
      <c r="VGN25" s="8"/>
      <c r="VGO25" s="8"/>
      <c r="VGP25" s="8"/>
      <c r="VGQ25" s="8"/>
      <c r="VGR25" s="8"/>
      <c r="VGS25" s="8"/>
      <c r="VGT25" s="8"/>
      <c r="VGU25" s="8"/>
      <c r="VGV25" s="8"/>
      <c r="VGW25" s="8"/>
      <c r="VGX25" s="8"/>
      <c r="VGY25" s="8"/>
      <c r="VGZ25" s="8"/>
      <c r="VHA25" s="8"/>
      <c r="VHB25" s="8"/>
      <c r="VHC25" s="8"/>
      <c r="VHD25" s="8"/>
      <c r="VHE25" s="8"/>
      <c r="VHF25" s="8"/>
      <c r="VHG25" s="8"/>
      <c r="VHH25" s="8"/>
      <c r="VHI25" s="8"/>
      <c r="VHJ25" s="8"/>
      <c r="VHK25" s="8"/>
      <c r="VHL25" s="8"/>
      <c r="VHM25" s="8"/>
      <c r="VHN25" s="8"/>
      <c r="VHO25" s="8"/>
      <c r="VHP25" s="8"/>
      <c r="VHQ25" s="8"/>
      <c r="VHR25" s="8"/>
      <c r="VHS25" s="8"/>
      <c r="VHT25" s="8"/>
      <c r="VHU25" s="8"/>
      <c r="VHV25" s="8"/>
      <c r="VHW25" s="8"/>
      <c r="VHX25" s="8"/>
      <c r="VHY25" s="8"/>
      <c r="VHZ25" s="8"/>
      <c r="VIA25" s="8"/>
      <c r="VIB25" s="8"/>
      <c r="VIC25" s="8"/>
      <c r="VID25" s="8"/>
      <c r="VIE25" s="8"/>
      <c r="VIF25" s="8"/>
      <c r="VIG25" s="8"/>
      <c r="VIH25" s="8"/>
      <c r="VII25" s="8"/>
      <c r="VIJ25" s="8"/>
      <c r="VIK25" s="8"/>
      <c r="VIL25" s="8"/>
      <c r="VIM25" s="8"/>
      <c r="VIN25" s="8"/>
      <c r="VIO25" s="8"/>
      <c r="VIP25" s="8"/>
      <c r="VIQ25" s="8"/>
      <c r="VIR25" s="8"/>
      <c r="VIS25" s="8"/>
      <c r="VIT25" s="8"/>
      <c r="VIU25" s="8"/>
      <c r="VIV25" s="8"/>
      <c r="VIW25" s="8"/>
      <c r="VIX25" s="8"/>
      <c r="VIY25" s="8"/>
      <c r="VIZ25" s="8"/>
      <c r="VJA25" s="8"/>
      <c r="VJB25" s="8"/>
      <c r="VJC25" s="8"/>
      <c r="VJD25" s="8"/>
      <c r="VJE25" s="8"/>
      <c r="VJF25" s="8"/>
      <c r="VJG25" s="8"/>
      <c r="VJH25" s="8"/>
      <c r="VJI25" s="8"/>
      <c r="VJJ25" s="8"/>
      <c r="VJK25" s="8"/>
      <c r="VJL25" s="8"/>
      <c r="VJM25" s="8"/>
      <c r="VJN25" s="8"/>
      <c r="VJO25" s="8"/>
      <c r="VJP25" s="8"/>
      <c r="VJQ25" s="8"/>
      <c r="VJR25" s="8"/>
      <c r="VJS25" s="8"/>
      <c r="VJT25" s="8"/>
      <c r="VJU25" s="8"/>
      <c r="VJV25" s="8"/>
      <c r="VJW25" s="8"/>
      <c r="VJX25" s="8"/>
      <c r="VJY25" s="8"/>
      <c r="VJZ25" s="8"/>
      <c r="VKA25" s="8"/>
      <c r="VKB25" s="8"/>
      <c r="VKC25" s="8"/>
      <c r="VKD25" s="8"/>
      <c r="VKE25" s="8"/>
      <c r="VKF25" s="8"/>
      <c r="VKG25" s="8"/>
      <c r="VKH25" s="8"/>
      <c r="VKI25" s="8"/>
      <c r="VKJ25" s="8"/>
      <c r="VKK25" s="8"/>
      <c r="VKL25" s="8"/>
      <c r="VKM25" s="8"/>
      <c r="VKN25" s="8"/>
      <c r="VKO25" s="8"/>
      <c r="VKP25" s="8"/>
      <c r="VKQ25" s="8"/>
      <c r="VKR25" s="8"/>
      <c r="VKS25" s="8"/>
      <c r="VKT25" s="8"/>
      <c r="VKU25" s="8"/>
      <c r="VKV25" s="8"/>
      <c r="VKW25" s="8"/>
      <c r="VKX25" s="8"/>
      <c r="VKY25" s="8"/>
      <c r="VKZ25" s="8"/>
      <c r="VLA25" s="8"/>
      <c r="VLB25" s="8"/>
      <c r="VLC25" s="8"/>
      <c r="VLD25" s="8"/>
      <c r="VLE25" s="8"/>
      <c r="VLF25" s="8"/>
      <c r="VLG25" s="8"/>
      <c r="VLH25" s="8"/>
      <c r="VLI25" s="8"/>
      <c r="VLJ25" s="8"/>
      <c r="VLK25" s="8"/>
      <c r="VLL25" s="8"/>
      <c r="VLM25" s="8"/>
      <c r="VLN25" s="8"/>
      <c r="VLO25" s="8"/>
      <c r="VLP25" s="8"/>
      <c r="VLQ25" s="8"/>
      <c r="VLR25" s="8"/>
      <c r="VLS25" s="8"/>
      <c r="VLT25" s="8"/>
      <c r="VLU25" s="8"/>
      <c r="VLV25" s="8"/>
      <c r="VLW25" s="8"/>
      <c r="VLX25" s="8"/>
      <c r="VLY25" s="8"/>
      <c r="VLZ25" s="8"/>
      <c r="VMA25" s="8"/>
      <c r="VMB25" s="8"/>
      <c r="VMC25" s="8"/>
      <c r="VMD25" s="8"/>
      <c r="VME25" s="8"/>
      <c r="VMF25" s="8"/>
      <c r="VMG25" s="8"/>
      <c r="VMH25" s="8"/>
      <c r="VMI25" s="8"/>
      <c r="VMJ25" s="8"/>
      <c r="VMK25" s="8"/>
      <c r="VML25" s="8"/>
      <c r="VMM25" s="8"/>
      <c r="VMN25" s="8"/>
      <c r="VMO25" s="8"/>
      <c r="VMP25" s="8"/>
      <c r="VMQ25" s="8"/>
      <c r="VMR25" s="8"/>
      <c r="VMS25" s="8"/>
      <c r="VMT25" s="8"/>
      <c r="VMU25" s="8"/>
      <c r="VMV25" s="8"/>
      <c r="VMW25" s="8"/>
      <c r="VMX25" s="8"/>
      <c r="VMY25" s="8"/>
      <c r="VMZ25" s="8"/>
      <c r="VNA25" s="8"/>
      <c r="VNB25" s="8"/>
      <c r="VNC25" s="8"/>
      <c r="VND25" s="8"/>
      <c r="VNE25" s="8"/>
      <c r="VNF25" s="8"/>
      <c r="VNG25" s="8"/>
      <c r="VNH25" s="8"/>
      <c r="VNI25" s="8"/>
      <c r="VNJ25" s="8"/>
      <c r="VNK25" s="8"/>
      <c r="VNL25" s="8"/>
      <c r="VNM25" s="8"/>
      <c r="VNN25" s="8"/>
      <c r="VNO25" s="8"/>
      <c r="VNP25" s="8"/>
      <c r="VNQ25" s="8"/>
      <c r="VNR25" s="8"/>
      <c r="VNS25" s="8"/>
      <c r="VNT25" s="8"/>
      <c r="VNU25" s="8"/>
      <c r="VNV25" s="8"/>
      <c r="VNW25" s="8"/>
      <c r="VNX25" s="8"/>
      <c r="VNY25" s="8"/>
      <c r="VNZ25" s="8"/>
      <c r="VOA25" s="8"/>
      <c r="VOB25" s="8"/>
      <c r="VOC25" s="8"/>
      <c r="VOD25" s="8"/>
      <c r="VOE25" s="8"/>
      <c r="VOF25" s="8"/>
      <c r="VOG25" s="8"/>
      <c r="VOH25" s="8"/>
      <c r="VOI25" s="8"/>
      <c r="VOJ25" s="8"/>
      <c r="VOK25" s="8"/>
      <c r="VOL25" s="8"/>
      <c r="VOM25" s="8"/>
      <c r="VON25" s="8"/>
      <c r="VOO25" s="8"/>
      <c r="VOP25" s="8"/>
      <c r="VOQ25" s="8"/>
      <c r="VOR25" s="8"/>
      <c r="VOS25" s="8"/>
      <c r="VOT25" s="8"/>
      <c r="VOU25" s="8"/>
      <c r="VOV25" s="8"/>
      <c r="VOW25" s="8"/>
      <c r="VOX25" s="8"/>
      <c r="VOY25" s="8"/>
      <c r="VOZ25" s="8"/>
      <c r="VPA25" s="8"/>
      <c r="VPB25" s="8"/>
      <c r="VPC25" s="8"/>
      <c r="VPD25" s="8"/>
      <c r="VPE25" s="8"/>
      <c r="VPF25" s="8"/>
      <c r="VPG25" s="8"/>
      <c r="VPH25" s="8"/>
      <c r="VPI25" s="8"/>
      <c r="VPJ25" s="8"/>
      <c r="VPK25" s="8"/>
      <c r="VPL25" s="8"/>
      <c r="VPM25" s="8"/>
      <c r="VPN25" s="8"/>
      <c r="VPO25" s="8"/>
      <c r="VPP25" s="8"/>
      <c r="VPQ25" s="8"/>
      <c r="VPR25" s="8"/>
      <c r="VPS25" s="8"/>
      <c r="VPT25" s="8"/>
      <c r="VPU25" s="8"/>
      <c r="VPV25" s="8"/>
      <c r="VPW25" s="8"/>
      <c r="VPX25" s="8"/>
      <c r="VPY25" s="8"/>
      <c r="VPZ25" s="8"/>
      <c r="VQA25" s="8"/>
      <c r="VQB25" s="8"/>
      <c r="VQC25" s="8"/>
      <c r="VQD25" s="8"/>
      <c r="VQE25" s="8"/>
      <c r="VQF25" s="8"/>
      <c r="VQG25" s="8"/>
      <c r="VQH25" s="8"/>
      <c r="VQI25" s="8"/>
      <c r="VQJ25" s="8"/>
      <c r="VQK25" s="8"/>
      <c r="VQL25" s="8"/>
      <c r="VQM25" s="8"/>
      <c r="VQN25" s="8"/>
      <c r="VQO25" s="8"/>
      <c r="VQP25" s="8"/>
      <c r="VQQ25" s="8"/>
      <c r="VQR25" s="8"/>
      <c r="VQS25" s="8"/>
      <c r="VQT25" s="8"/>
      <c r="VQU25" s="8"/>
      <c r="VQV25" s="8"/>
      <c r="VQW25" s="8"/>
      <c r="VQX25" s="8"/>
      <c r="VQY25" s="8"/>
      <c r="VQZ25" s="8"/>
      <c r="VRA25" s="8"/>
      <c r="VRB25" s="8"/>
      <c r="VRC25" s="8"/>
      <c r="VRD25" s="8"/>
      <c r="VRE25" s="8"/>
      <c r="VRF25" s="8"/>
      <c r="VRG25" s="8"/>
      <c r="VRH25" s="8"/>
      <c r="VRI25" s="8"/>
      <c r="VRJ25" s="8"/>
      <c r="VRK25" s="8"/>
      <c r="VRL25" s="8"/>
      <c r="VRM25" s="8"/>
      <c r="VRN25" s="8"/>
      <c r="VRO25" s="8"/>
      <c r="VRP25" s="8"/>
      <c r="VRQ25" s="8"/>
      <c r="VRR25" s="8"/>
      <c r="VRS25" s="8"/>
      <c r="VRT25" s="8"/>
      <c r="VRU25" s="8"/>
      <c r="VRV25" s="8"/>
      <c r="VRW25" s="8"/>
      <c r="VRX25" s="8"/>
      <c r="VRY25" s="8"/>
      <c r="VRZ25" s="8"/>
      <c r="VSA25" s="8"/>
      <c r="VSB25" s="8"/>
      <c r="VSC25" s="8"/>
      <c r="VSD25" s="8"/>
      <c r="VSE25" s="8"/>
      <c r="VSF25" s="8"/>
      <c r="VSG25" s="8"/>
      <c r="VSH25" s="8"/>
      <c r="VSI25" s="8"/>
      <c r="VSJ25" s="8"/>
      <c r="VSK25" s="8"/>
      <c r="VSL25" s="8"/>
      <c r="VSM25" s="8"/>
      <c r="VSN25" s="8"/>
      <c r="VSO25" s="8"/>
      <c r="VSP25" s="8"/>
      <c r="VSQ25" s="8"/>
      <c r="VSR25" s="8"/>
      <c r="VSS25" s="8"/>
      <c r="VST25" s="8"/>
      <c r="VSU25" s="8"/>
      <c r="VSV25" s="8"/>
      <c r="VSW25" s="8"/>
      <c r="VSX25" s="8"/>
      <c r="VSY25" s="8"/>
      <c r="VSZ25" s="8"/>
      <c r="VTA25" s="8"/>
      <c r="VTB25" s="8"/>
      <c r="VTC25" s="8"/>
      <c r="VTD25" s="8"/>
      <c r="VTE25" s="8"/>
      <c r="VTF25" s="8"/>
      <c r="VTG25" s="8"/>
      <c r="VTH25" s="8"/>
      <c r="VTI25" s="8"/>
      <c r="VTJ25" s="8"/>
      <c r="VTK25" s="8"/>
      <c r="VTL25" s="8"/>
      <c r="VTM25" s="8"/>
      <c r="VTN25" s="8"/>
      <c r="VTO25" s="8"/>
      <c r="VTP25" s="8"/>
      <c r="VTQ25" s="8"/>
      <c r="VTR25" s="8"/>
      <c r="VTS25" s="8"/>
      <c r="VTT25" s="8"/>
      <c r="VTU25" s="8"/>
      <c r="VTV25" s="8"/>
      <c r="VTW25" s="8"/>
      <c r="VTX25" s="8"/>
      <c r="VTY25" s="8"/>
      <c r="VTZ25" s="8"/>
      <c r="VUA25" s="8"/>
      <c r="VUB25" s="8"/>
      <c r="VUC25" s="8"/>
      <c r="VUD25" s="8"/>
      <c r="VUE25" s="8"/>
      <c r="VUF25" s="8"/>
      <c r="VUG25" s="8"/>
      <c r="VUH25" s="8"/>
      <c r="VUI25" s="8"/>
      <c r="VUJ25" s="8"/>
      <c r="VUK25" s="8"/>
      <c r="VUL25" s="8"/>
      <c r="VUM25" s="8"/>
      <c r="VUN25" s="8"/>
      <c r="VUO25" s="8"/>
      <c r="VUP25" s="8"/>
      <c r="VUQ25" s="8"/>
      <c r="VUR25" s="8"/>
      <c r="VUS25" s="8"/>
      <c r="VUT25" s="8"/>
      <c r="VUU25" s="8"/>
      <c r="VUV25" s="8"/>
      <c r="VUW25" s="8"/>
      <c r="VUX25" s="8"/>
      <c r="VUY25" s="8"/>
      <c r="VUZ25" s="8"/>
      <c r="VVA25" s="8"/>
      <c r="VVB25" s="8"/>
      <c r="VVC25" s="8"/>
      <c r="VVD25" s="8"/>
      <c r="VVE25" s="8"/>
      <c r="VVF25" s="8"/>
      <c r="VVG25" s="8"/>
      <c r="VVH25" s="8"/>
      <c r="VVI25" s="8"/>
      <c r="VVJ25" s="8"/>
      <c r="VVK25" s="8"/>
      <c r="VVL25" s="8"/>
      <c r="VVM25" s="8"/>
      <c r="VVN25" s="8"/>
      <c r="VVO25" s="8"/>
      <c r="VVP25" s="8"/>
      <c r="VVQ25" s="8"/>
      <c r="VVR25" s="8"/>
      <c r="VVS25" s="8"/>
      <c r="VVT25" s="8"/>
      <c r="VVU25" s="8"/>
      <c r="VVV25" s="8"/>
      <c r="VVW25" s="8"/>
      <c r="VVX25" s="8"/>
      <c r="VVY25" s="8"/>
      <c r="VVZ25" s="8"/>
      <c r="VWA25" s="8"/>
      <c r="VWB25" s="8"/>
      <c r="VWC25" s="8"/>
      <c r="VWD25" s="8"/>
      <c r="VWE25" s="8"/>
      <c r="VWF25" s="8"/>
      <c r="VWG25" s="8"/>
      <c r="VWH25" s="8"/>
      <c r="VWI25" s="8"/>
      <c r="VWJ25" s="8"/>
      <c r="VWK25" s="8"/>
      <c r="VWL25" s="8"/>
      <c r="VWM25" s="8"/>
      <c r="VWN25" s="8"/>
      <c r="VWO25" s="8"/>
      <c r="VWP25" s="8"/>
      <c r="VWQ25" s="8"/>
      <c r="VWR25" s="8"/>
      <c r="VWS25" s="8"/>
      <c r="VWT25" s="8"/>
      <c r="VWU25" s="8"/>
      <c r="VWV25" s="8"/>
      <c r="VWW25" s="8"/>
      <c r="VWX25" s="8"/>
      <c r="VWY25" s="8"/>
      <c r="VWZ25" s="8"/>
      <c r="VXA25" s="8"/>
      <c r="VXB25" s="8"/>
      <c r="VXC25" s="8"/>
      <c r="VXD25" s="8"/>
      <c r="VXE25" s="8"/>
      <c r="VXF25" s="8"/>
      <c r="VXG25" s="8"/>
      <c r="VXH25" s="8"/>
      <c r="VXI25" s="8"/>
      <c r="VXJ25" s="8"/>
      <c r="VXK25" s="8"/>
      <c r="VXL25" s="8"/>
      <c r="VXM25" s="8"/>
      <c r="VXN25" s="8"/>
      <c r="VXO25" s="8"/>
      <c r="VXP25" s="8"/>
      <c r="VXQ25" s="8"/>
      <c r="VXR25" s="8"/>
      <c r="VXS25" s="8"/>
      <c r="VXT25" s="8"/>
      <c r="VXU25" s="8"/>
      <c r="VXV25" s="8"/>
      <c r="VXW25" s="8"/>
      <c r="VXX25" s="8"/>
      <c r="VXY25" s="8"/>
      <c r="VXZ25" s="8"/>
      <c r="VYA25" s="8"/>
      <c r="VYB25" s="8"/>
      <c r="VYC25" s="8"/>
      <c r="VYD25" s="8"/>
      <c r="VYE25" s="8"/>
      <c r="VYF25" s="8"/>
      <c r="VYG25" s="8"/>
      <c r="VYH25" s="8"/>
      <c r="VYI25" s="8"/>
      <c r="VYJ25" s="8"/>
      <c r="VYK25" s="8"/>
      <c r="VYL25" s="8"/>
      <c r="VYM25" s="8"/>
      <c r="VYN25" s="8"/>
      <c r="VYO25" s="8"/>
      <c r="VYP25" s="8"/>
      <c r="VYQ25" s="8"/>
      <c r="VYR25" s="8"/>
      <c r="VYS25" s="8"/>
      <c r="VYT25" s="8"/>
      <c r="VYU25" s="8"/>
      <c r="VYV25" s="8"/>
      <c r="VYW25" s="8"/>
      <c r="VYX25" s="8"/>
      <c r="VYY25" s="8"/>
      <c r="VYZ25" s="8"/>
      <c r="VZA25" s="8"/>
      <c r="VZB25" s="8"/>
      <c r="VZC25" s="8"/>
      <c r="VZD25" s="8"/>
      <c r="VZE25" s="8"/>
      <c r="VZF25" s="8"/>
      <c r="VZG25" s="8"/>
      <c r="VZH25" s="8"/>
      <c r="VZI25" s="8"/>
      <c r="VZJ25" s="8"/>
      <c r="VZK25" s="8"/>
      <c r="VZL25" s="8"/>
      <c r="VZM25" s="8"/>
      <c r="VZN25" s="8"/>
      <c r="VZO25" s="8"/>
      <c r="VZP25" s="8"/>
      <c r="VZQ25" s="8"/>
      <c r="VZR25" s="8"/>
      <c r="VZS25" s="8"/>
      <c r="VZT25" s="8"/>
      <c r="VZU25" s="8"/>
      <c r="VZV25" s="8"/>
      <c r="VZW25" s="8"/>
      <c r="VZX25" s="8"/>
      <c r="VZY25" s="8"/>
      <c r="VZZ25" s="8"/>
      <c r="WAA25" s="8"/>
      <c r="WAB25" s="8"/>
      <c r="WAC25" s="8"/>
      <c r="WAD25" s="8"/>
      <c r="WAE25" s="8"/>
      <c r="WAF25" s="8"/>
      <c r="WAG25" s="8"/>
      <c r="WAH25" s="8"/>
      <c r="WAI25" s="8"/>
      <c r="WAJ25" s="8"/>
      <c r="WAK25" s="8"/>
      <c r="WAL25" s="8"/>
      <c r="WAM25" s="8"/>
      <c r="WAN25" s="8"/>
      <c r="WAO25" s="8"/>
      <c r="WAP25" s="8"/>
      <c r="WAQ25" s="8"/>
      <c r="WAR25" s="8"/>
      <c r="WAS25" s="8"/>
      <c r="WAT25" s="8"/>
      <c r="WAU25" s="8"/>
      <c r="WAV25" s="8"/>
      <c r="WAW25" s="8"/>
      <c r="WAX25" s="8"/>
      <c r="WAY25" s="8"/>
      <c r="WAZ25" s="8"/>
      <c r="WBA25" s="8"/>
      <c r="WBB25" s="8"/>
      <c r="WBC25" s="8"/>
      <c r="WBD25" s="8"/>
      <c r="WBE25" s="8"/>
      <c r="WBF25" s="8"/>
      <c r="WBG25" s="8"/>
      <c r="WBH25" s="8"/>
      <c r="WBI25" s="8"/>
      <c r="WBJ25" s="8"/>
      <c r="WBK25" s="8"/>
      <c r="WBL25" s="8"/>
      <c r="WBM25" s="8"/>
      <c r="WBN25" s="8"/>
      <c r="WBO25" s="8"/>
      <c r="WBP25" s="8"/>
      <c r="WBQ25" s="8"/>
      <c r="WBR25" s="8"/>
      <c r="WBS25" s="8"/>
      <c r="WBT25" s="8"/>
      <c r="WBU25" s="8"/>
      <c r="WBV25" s="8"/>
      <c r="WBW25" s="8"/>
      <c r="WBX25" s="8"/>
      <c r="WBY25" s="8"/>
      <c r="WBZ25" s="8"/>
      <c r="WCA25" s="8"/>
      <c r="WCB25" s="8"/>
      <c r="WCC25" s="8"/>
      <c r="WCD25" s="8"/>
      <c r="WCE25" s="8"/>
      <c r="WCF25" s="8"/>
      <c r="WCG25" s="8"/>
      <c r="WCH25" s="8"/>
      <c r="WCI25" s="8"/>
      <c r="WCJ25" s="8"/>
      <c r="WCK25" s="8"/>
      <c r="WCL25" s="8"/>
      <c r="WCM25" s="8"/>
      <c r="WCN25" s="8"/>
      <c r="WCO25" s="8"/>
      <c r="WCP25" s="8"/>
      <c r="WCQ25" s="8"/>
      <c r="WCR25" s="8"/>
      <c r="WCS25" s="8"/>
      <c r="WCT25" s="8"/>
      <c r="WCU25" s="8"/>
      <c r="WCV25" s="8"/>
      <c r="WCW25" s="8"/>
      <c r="WCX25" s="8"/>
      <c r="WCY25" s="8"/>
      <c r="WCZ25" s="8"/>
      <c r="WDA25" s="8"/>
      <c r="WDB25" s="8"/>
      <c r="WDC25" s="8"/>
      <c r="WDD25" s="8"/>
      <c r="WDE25" s="8"/>
      <c r="WDF25" s="8"/>
      <c r="WDG25" s="8"/>
      <c r="WDH25" s="8"/>
      <c r="WDI25" s="8"/>
      <c r="WDJ25" s="8"/>
      <c r="WDK25" s="8"/>
      <c r="WDL25" s="8"/>
      <c r="WDM25" s="8"/>
      <c r="WDN25" s="8"/>
      <c r="WDO25" s="8"/>
      <c r="WDP25" s="8"/>
      <c r="WDQ25" s="8"/>
      <c r="WDR25" s="8"/>
      <c r="WDS25" s="8"/>
      <c r="WDT25" s="8"/>
      <c r="WDU25" s="8"/>
      <c r="WDV25" s="8"/>
      <c r="WDW25" s="8"/>
      <c r="WDX25" s="8"/>
      <c r="WDY25" s="8"/>
      <c r="WDZ25" s="8"/>
      <c r="WEA25" s="8"/>
      <c r="WEB25" s="8"/>
      <c r="WEC25" s="8"/>
      <c r="WED25" s="8"/>
      <c r="WEE25" s="8"/>
      <c r="WEF25" s="8"/>
      <c r="WEG25" s="8"/>
      <c r="WEH25" s="8"/>
      <c r="WEI25" s="8"/>
      <c r="WEJ25" s="8"/>
      <c r="WEK25" s="8"/>
      <c r="WEL25" s="8"/>
      <c r="WEM25" s="8"/>
      <c r="WEN25" s="8"/>
      <c r="WEO25" s="8"/>
      <c r="WEP25" s="8"/>
      <c r="WEQ25" s="8"/>
      <c r="WER25" s="8"/>
      <c r="WES25" s="8"/>
      <c r="WET25" s="8"/>
      <c r="WEU25" s="8"/>
      <c r="WEV25" s="8"/>
      <c r="WEW25" s="8"/>
      <c r="WEX25" s="8"/>
      <c r="WEY25" s="8"/>
      <c r="WEZ25" s="8"/>
      <c r="WFA25" s="8"/>
      <c r="WFB25" s="8"/>
      <c r="WFC25" s="8"/>
      <c r="WFD25" s="8"/>
      <c r="WFE25" s="8"/>
      <c r="WFF25" s="8"/>
      <c r="WFG25" s="8"/>
      <c r="WFH25" s="8"/>
      <c r="WFI25" s="8"/>
      <c r="WFJ25" s="8"/>
      <c r="WFK25" s="8"/>
      <c r="WFL25" s="8"/>
      <c r="WFM25" s="8"/>
      <c r="WFN25" s="8"/>
      <c r="WFO25" s="8"/>
      <c r="WFP25" s="8"/>
      <c r="WFQ25" s="8"/>
      <c r="WFR25" s="8"/>
      <c r="WFS25" s="8"/>
      <c r="WFT25" s="8"/>
      <c r="WFU25" s="8"/>
      <c r="WFV25" s="8"/>
      <c r="WFW25" s="8"/>
      <c r="WFX25" s="8"/>
      <c r="WFY25" s="8"/>
      <c r="WFZ25" s="8"/>
      <c r="WGA25" s="8"/>
      <c r="WGB25" s="8"/>
      <c r="WGC25" s="8"/>
      <c r="WGD25" s="8"/>
      <c r="WGE25" s="8"/>
      <c r="WGF25" s="8"/>
      <c r="WGG25" s="8"/>
      <c r="WGH25" s="8"/>
      <c r="WGI25" s="8"/>
      <c r="WGJ25" s="8"/>
      <c r="WGK25" s="8"/>
      <c r="WGL25" s="8"/>
      <c r="WGM25" s="8"/>
      <c r="WGN25" s="8"/>
      <c r="WGO25" s="8"/>
      <c r="WGP25" s="8"/>
      <c r="WGQ25" s="8"/>
      <c r="WGR25" s="8"/>
      <c r="WGS25" s="8"/>
      <c r="WGT25" s="8"/>
      <c r="WGU25" s="8"/>
      <c r="WGV25" s="8"/>
      <c r="WGW25" s="8"/>
      <c r="WGX25" s="8"/>
      <c r="WGY25" s="8"/>
      <c r="WGZ25" s="8"/>
      <c r="WHA25" s="8"/>
      <c r="WHB25" s="8"/>
      <c r="WHC25" s="8"/>
      <c r="WHD25" s="8"/>
      <c r="WHE25" s="8"/>
      <c r="WHF25" s="8"/>
      <c r="WHG25" s="8"/>
      <c r="WHH25" s="8"/>
      <c r="WHI25" s="8"/>
      <c r="WHJ25" s="8"/>
      <c r="WHK25" s="8"/>
      <c r="WHL25" s="8"/>
      <c r="WHM25" s="8"/>
      <c r="WHN25" s="8"/>
      <c r="WHO25" s="8"/>
      <c r="WHP25" s="8"/>
      <c r="WHQ25" s="8"/>
      <c r="WHR25" s="8"/>
      <c r="WHS25" s="8"/>
      <c r="WHT25" s="8"/>
      <c r="WHU25" s="8"/>
      <c r="WHV25" s="8"/>
      <c r="WHW25" s="8"/>
      <c r="WHX25" s="8"/>
      <c r="WHY25" s="8"/>
      <c r="WHZ25" s="8"/>
      <c r="WIA25" s="8"/>
      <c r="WIB25" s="8"/>
      <c r="WIC25" s="8"/>
      <c r="WID25" s="8"/>
      <c r="WIE25" s="8"/>
      <c r="WIF25" s="8"/>
      <c r="WIG25" s="8"/>
      <c r="WIH25" s="8"/>
      <c r="WII25" s="8"/>
      <c r="WIJ25" s="8"/>
      <c r="WIK25" s="8"/>
      <c r="WIL25" s="8"/>
      <c r="WIM25" s="8"/>
      <c r="WIN25" s="8"/>
      <c r="WIO25" s="8"/>
      <c r="WIP25" s="8"/>
      <c r="WIQ25" s="8"/>
      <c r="WIR25" s="8"/>
      <c r="WIS25" s="8"/>
      <c r="WIT25" s="8"/>
      <c r="WIU25" s="8"/>
      <c r="WIV25" s="8"/>
      <c r="WIW25" s="8"/>
      <c r="WIX25" s="8"/>
      <c r="WIY25" s="8"/>
      <c r="WIZ25" s="8"/>
      <c r="WJA25" s="8"/>
      <c r="WJB25" s="8"/>
      <c r="WJC25" s="8"/>
      <c r="WJD25" s="8"/>
      <c r="WJE25" s="8"/>
      <c r="WJF25" s="8"/>
      <c r="WJG25" s="8"/>
      <c r="WJH25" s="8"/>
      <c r="WJI25" s="8"/>
      <c r="WJJ25" s="8"/>
      <c r="WJK25" s="8"/>
      <c r="WJL25" s="8"/>
      <c r="WJM25" s="8"/>
      <c r="WJN25" s="8"/>
      <c r="WJO25" s="8"/>
      <c r="WJP25" s="8"/>
      <c r="WJQ25" s="8"/>
      <c r="WJR25" s="8"/>
      <c r="WJS25" s="8"/>
      <c r="WJT25" s="8"/>
      <c r="WJU25" s="8"/>
      <c r="WJV25" s="8"/>
      <c r="WJW25" s="8"/>
      <c r="WJX25" s="8"/>
      <c r="WJY25" s="8"/>
      <c r="WJZ25" s="8"/>
      <c r="WKA25" s="8"/>
      <c r="WKB25" s="8"/>
      <c r="WKC25" s="8"/>
      <c r="WKD25" s="8"/>
      <c r="WKE25" s="8"/>
      <c r="WKF25" s="8"/>
      <c r="WKG25" s="8"/>
      <c r="WKH25" s="8"/>
      <c r="WKI25" s="8"/>
      <c r="WKJ25" s="8"/>
      <c r="WKK25" s="8"/>
      <c r="WKL25" s="8"/>
      <c r="WKM25" s="8"/>
      <c r="WKN25" s="8"/>
      <c r="WKO25" s="8"/>
      <c r="WKP25" s="8"/>
      <c r="WKQ25" s="8"/>
      <c r="WKR25" s="8"/>
      <c r="WKS25" s="8"/>
      <c r="WKT25" s="8"/>
      <c r="WKU25" s="8"/>
      <c r="WKV25" s="8"/>
      <c r="WKW25" s="8"/>
      <c r="WKX25" s="8"/>
      <c r="WKY25" s="8"/>
      <c r="WKZ25" s="8"/>
      <c r="WLA25" s="8"/>
      <c r="WLB25" s="8"/>
      <c r="WLC25" s="8"/>
      <c r="WLD25" s="8"/>
      <c r="WLE25" s="8"/>
      <c r="WLF25" s="8"/>
      <c r="WLG25" s="8"/>
      <c r="WLH25" s="8"/>
      <c r="WLI25" s="8"/>
      <c r="WLJ25" s="8"/>
      <c r="WLK25" s="8"/>
      <c r="WLL25" s="8"/>
      <c r="WLM25" s="8"/>
      <c r="WLN25" s="8"/>
      <c r="WLO25" s="8"/>
      <c r="WLP25" s="8"/>
      <c r="WLQ25" s="8"/>
      <c r="WLR25" s="8"/>
      <c r="WLS25" s="8"/>
      <c r="WLT25" s="8"/>
      <c r="WLU25" s="8"/>
      <c r="WLV25" s="8"/>
      <c r="WLW25" s="8"/>
      <c r="WLX25" s="8"/>
      <c r="WLY25" s="8"/>
      <c r="WLZ25" s="8"/>
      <c r="WMA25" s="8"/>
      <c r="WMB25" s="8"/>
      <c r="WMC25" s="8"/>
      <c r="WMD25" s="8"/>
      <c r="WME25" s="8"/>
      <c r="WMF25" s="8"/>
      <c r="WMG25" s="8"/>
      <c r="WMH25" s="8"/>
      <c r="WMI25" s="8"/>
      <c r="WMJ25" s="8"/>
      <c r="WMK25" s="8"/>
      <c r="WML25" s="8"/>
      <c r="WMM25" s="8"/>
      <c r="WMN25" s="8"/>
      <c r="WMO25" s="8"/>
      <c r="WMP25" s="8"/>
      <c r="WMQ25" s="8"/>
      <c r="WMR25" s="8"/>
      <c r="WMS25" s="8"/>
      <c r="WMT25" s="8"/>
      <c r="WMU25" s="8"/>
      <c r="WMV25" s="8"/>
      <c r="WMW25" s="8"/>
      <c r="WMX25" s="8"/>
      <c r="WMY25" s="8"/>
      <c r="WMZ25" s="8"/>
      <c r="WNA25" s="8"/>
      <c r="WNB25" s="8"/>
      <c r="WNC25" s="8"/>
      <c r="WND25" s="8"/>
      <c r="WNE25" s="8"/>
      <c r="WNF25" s="8"/>
      <c r="WNG25" s="8"/>
      <c r="WNH25" s="8"/>
      <c r="WNI25" s="8"/>
      <c r="WNJ25" s="8"/>
      <c r="WNK25" s="8"/>
      <c r="WNL25" s="8"/>
      <c r="WNM25" s="8"/>
      <c r="WNN25" s="8"/>
      <c r="WNO25" s="8"/>
      <c r="WNP25" s="8"/>
      <c r="WNQ25" s="8"/>
      <c r="WNR25" s="8"/>
      <c r="WNS25" s="8"/>
      <c r="WNT25" s="8"/>
      <c r="WNU25" s="8"/>
      <c r="WNV25" s="8"/>
      <c r="WNW25" s="8"/>
      <c r="WNX25" s="8"/>
      <c r="WNY25" s="8"/>
      <c r="WNZ25" s="8"/>
      <c r="WOA25" s="8"/>
      <c r="WOB25" s="8"/>
      <c r="WOC25" s="8"/>
      <c r="WOD25" s="8"/>
      <c r="WOE25" s="8"/>
      <c r="WOF25" s="8"/>
      <c r="WOG25" s="8"/>
      <c r="WOH25" s="8"/>
      <c r="WOI25" s="8"/>
      <c r="WOJ25" s="8"/>
      <c r="WOK25" s="8"/>
      <c r="WOL25" s="8"/>
      <c r="WOM25" s="8"/>
      <c r="WON25" s="8"/>
      <c r="WOO25" s="8"/>
      <c r="WOP25" s="8"/>
      <c r="WOQ25" s="8"/>
      <c r="WOR25" s="8"/>
      <c r="WOS25" s="8"/>
      <c r="WOT25" s="8"/>
      <c r="WOU25" s="8"/>
      <c r="WOV25" s="8"/>
      <c r="WOW25" s="8"/>
      <c r="WOX25" s="8"/>
      <c r="WOY25" s="8"/>
      <c r="WOZ25" s="8"/>
      <c r="WPA25" s="8"/>
      <c r="WPB25" s="8"/>
      <c r="WPC25" s="8"/>
      <c r="WPD25" s="8"/>
      <c r="WPE25" s="8"/>
      <c r="WPF25" s="8"/>
      <c r="WPG25" s="8"/>
      <c r="WPH25" s="8"/>
      <c r="WPI25" s="8"/>
      <c r="WPJ25" s="8"/>
      <c r="WPK25" s="8"/>
      <c r="WPL25" s="8"/>
      <c r="WPM25" s="8"/>
      <c r="WPN25" s="8"/>
      <c r="WPO25" s="8"/>
      <c r="WPP25" s="8"/>
      <c r="WPQ25" s="8"/>
      <c r="WPR25" s="8"/>
      <c r="WPS25" s="8"/>
      <c r="WPT25" s="8"/>
      <c r="WPU25" s="8"/>
      <c r="WPV25" s="8"/>
      <c r="WPW25" s="8"/>
      <c r="WPX25" s="8"/>
      <c r="WPY25" s="8"/>
      <c r="WPZ25" s="8"/>
      <c r="WQA25" s="8"/>
      <c r="WQB25" s="8"/>
      <c r="WQC25" s="8"/>
      <c r="WQD25" s="8"/>
      <c r="WQE25" s="8"/>
      <c r="WQF25" s="8"/>
      <c r="WQG25" s="8"/>
      <c r="WQH25" s="8"/>
      <c r="WQI25" s="8"/>
      <c r="WQJ25" s="8"/>
      <c r="WQK25" s="8"/>
      <c r="WQL25" s="8"/>
      <c r="WQM25" s="8"/>
      <c r="WQN25" s="8"/>
      <c r="WQO25" s="8"/>
      <c r="WQP25" s="8"/>
      <c r="WQQ25" s="8"/>
      <c r="WQR25" s="8"/>
      <c r="WQS25" s="8"/>
      <c r="WQT25" s="8"/>
      <c r="WQU25" s="8"/>
      <c r="WQV25" s="8"/>
      <c r="WQW25" s="8"/>
      <c r="WQX25" s="8"/>
      <c r="WQY25" s="8"/>
      <c r="WQZ25" s="8"/>
      <c r="WRA25" s="8"/>
      <c r="WRB25" s="8"/>
      <c r="WRC25" s="8"/>
      <c r="WRD25" s="8"/>
      <c r="WRE25" s="8"/>
      <c r="WRF25" s="8"/>
      <c r="WRG25" s="8"/>
      <c r="WRH25" s="8"/>
      <c r="WRI25" s="8"/>
      <c r="WRJ25" s="8"/>
      <c r="WRK25" s="8"/>
      <c r="WRL25" s="8"/>
      <c r="WRM25" s="8"/>
      <c r="WRN25" s="8"/>
      <c r="WRO25" s="8"/>
      <c r="WRP25" s="8"/>
      <c r="WRQ25" s="8"/>
      <c r="WRR25" s="8"/>
      <c r="WRS25" s="8"/>
      <c r="WRT25" s="8"/>
      <c r="WRU25" s="8"/>
      <c r="WRV25" s="8"/>
      <c r="WRW25" s="8"/>
      <c r="WRX25" s="8"/>
      <c r="WRY25" s="8"/>
      <c r="WRZ25" s="8"/>
      <c r="WSA25" s="8"/>
      <c r="WSB25" s="8"/>
      <c r="WSC25" s="8"/>
      <c r="WSD25" s="8"/>
      <c r="WSE25" s="8"/>
      <c r="WSF25" s="8"/>
      <c r="WSG25" s="8"/>
      <c r="WSH25" s="8"/>
      <c r="WSI25" s="8"/>
      <c r="WSJ25" s="8"/>
      <c r="WSK25" s="8"/>
      <c r="WSL25" s="8"/>
      <c r="WSM25" s="8"/>
      <c r="WSN25" s="8"/>
      <c r="WSO25" s="8"/>
      <c r="WSP25" s="8"/>
      <c r="WSQ25" s="8"/>
      <c r="WSR25" s="8"/>
      <c r="WSS25" s="8"/>
      <c r="WST25" s="8"/>
      <c r="WSU25" s="8"/>
      <c r="WSV25" s="8"/>
      <c r="WSW25" s="8"/>
      <c r="WSX25" s="8"/>
      <c r="WSY25" s="8"/>
      <c r="WSZ25" s="8"/>
      <c r="WTA25" s="8"/>
      <c r="WTB25" s="8"/>
      <c r="WTC25" s="8"/>
      <c r="WTD25" s="8"/>
      <c r="WTE25" s="8"/>
      <c r="WTF25" s="8"/>
      <c r="WTG25" s="8"/>
      <c r="WTH25" s="8"/>
      <c r="WTI25" s="8"/>
      <c r="WTJ25" s="8"/>
      <c r="WTK25" s="8"/>
      <c r="WTL25" s="8"/>
      <c r="WTM25" s="8"/>
      <c r="WTN25" s="8"/>
      <c r="WTO25" s="8"/>
      <c r="WTP25" s="8"/>
      <c r="WTQ25" s="8"/>
      <c r="WTR25" s="8"/>
      <c r="WTS25" s="8"/>
      <c r="WTT25" s="8"/>
      <c r="WTU25" s="8"/>
      <c r="WTV25" s="8"/>
      <c r="WTW25" s="8"/>
      <c r="WTX25" s="8"/>
      <c r="WTY25" s="8"/>
      <c r="WTZ25" s="8"/>
      <c r="WUA25" s="8"/>
      <c r="WUB25" s="8"/>
      <c r="WUC25" s="8"/>
      <c r="WUD25" s="8"/>
      <c r="WUE25" s="8"/>
      <c r="WUF25" s="8"/>
      <c r="WUG25" s="8"/>
      <c r="WUH25" s="8"/>
      <c r="WUI25" s="8"/>
      <c r="WUJ25" s="8"/>
      <c r="WUK25" s="8"/>
      <c r="WUL25" s="8"/>
      <c r="WUM25" s="8"/>
      <c r="WUN25" s="8"/>
      <c r="WUO25" s="8"/>
      <c r="WUP25" s="8"/>
      <c r="WUQ25" s="8"/>
      <c r="WUR25" s="8"/>
      <c r="WUS25" s="8"/>
      <c r="WUT25" s="8"/>
      <c r="WUU25" s="8"/>
      <c r="WUV25" s="8"/>
      <c r="WUW25" s="8"/>
      <c r="WUX25" s="8"/>
      <c r="WUY25" s="8"/>
      <c r="WUZ25" s="8"/>
      <c r="WVA25" s="8"/>
      <c r="WVB25" s="8"/>
      <c r="WVC25" s="8"/>
      <c r="WVD25" s="8"/>
      <c r="WVE25" s="8"/>
      <c r="WVF25" s="8"/>
      <c r="WVG25" s="8"/>
      <c r="WVH25" s="8"/>
      <c r="WVI25" s="8"/>
      <c r="WVJ25" s="8"/>
      <c r="WVK25" s="8"/>
      <c r="WVL25" s="8"/>
      <c r="WVM25" s="8"/>
      <c r="WVN25" s="8"/>
      <c r="WVO25" s="8"/>
      <c r="WVP25" s="8"/>
      <c r="WVQ25" s="8"/>
      <c r="WVR25" s="8"/>
      <c r="WVS25" s="8"/>
      <c r="WVT25" s="8"/>
      <c r="WVU25" s="8"/>
      <c r="WVV25" s="8"/>
      <c r="WVW25" s="8"/>
      <c r="WVX25" s="8"/>
      <c r="WVY25" s="8"/>
      <c r="WVZ25" s="8"/>
      <c r="WWA25" s="8"/>
      <c r="WWB25" s="8"/>
      <c r="WWC25" s="8"/>
      <c r="WWD25" s="8"/>
      <c r="WWE25" s="8"/>
      <c r="WWF25" s="8"/>
      <c r="WWG25" s="8"/>
      <c r="WWH25" s="8"/>
      <c r="WWI25" s="8"/>
      <c r="WWJ25" s="8"/>
      <c r="WWK25" s="8"/>
      <c r="WWL25" s="8"/>
      <c r="WWM25" s="8"/>
      <c r="WWN25" s="8"/>
      <c r="WWO25" s="8"/>
      <c r="WWP25" s="8"/>
      <c r="WWQ25" s="8"/>
      <c r="WWR25" s="8"/>
      <c r="WWS25" s="8"/>
      <c r="WWT25" s="8"/>
      <c r="WWU25" s="8"/>
      <c r="WWV25" s="8"/>
      <c r="WWW25" s="8"/>
      <c r="WWX25" s="8"/>
      <c r="WWY25" s="8"/>
      <c r="WWZ25" s="8"/>
      <c r="WXA25" s="8"/>
      <c r="WXB25" s="8"/>
      <c r="WXC25" s="8"/>
      <c r="WXD25" s="8"/>
      <c r="WXE25" s="8"/>
      <c r="WXF25" s="8"/>
      <c r="WXG25" s="8"/>
      <c r="WXH25" s="8"/>
      <c r="WXI25" s="8"/>
      <c r="WXJ25" s="8"/>
      <c r="WXK25" s="8"/>
      <c r="WXL25" s="8"/>
      <c r="WXM25" s="8"/>
      <c r="WXN25" s="8"/>
      <c r="WXO25" s="8"/>
      <c r="WXP25" s="8"/>
      <c r="WXQ25" s="8"/>
      <c r="WXR25" s="8"/>
      <c r="WXS25" s="8"/>
      <c r="WXT25" s="8"/>
      <c r="WXU25" s="8"/>
      <c r="WXV25" s="8"/>
      <c r="WXW25" s="8"/>
      <c r="WXX25" s="8"/>
      <c r="WXY25" s="8"/>
      <c r="WXZ25" s="8"/>
      <c r="WYA25" s="8"/>
      <c r="WYB25" s="8"/>
      <c r="WYC25" s="8"/>
      <c r="WYD25" s="8"/>
      <c r="WYE25" s="8"/>
      <c r="WYF25" s="8"/>
      <c r="WYG25" s="8"/>
      <c r="WYH25" s="8"/>
      <c r="WYI25" s="8"/>
      <c r="WYJ25" s="8"/>
      <c r="WYK25" s="8"/>
      <c r="WYL25" s="8"/>
      <c r="WYM25" s="8"/>
      <c r="WYN25" s="8"/>
      <c r="WYO25" s="8"/>
      <c r="WYP25" s="8"/>
      <c r="WYQ25" s="8"/>
      <c r="WYR25" s="8"/>
      <c r="WYS25" s="8"/>
      <c r="WYT25" s="8"/>
      <c r="WYU25" s="8"/>
      <c r="WYV25" s="8"/>
      <c r="WYW25" s="8"/>
      <c r="WYX25" s="8"/>
      <c r="WYY25" s="8"/>
      <c r="WYZ25" s="8"/>
      <c r="WZA25" s="8"/>
      <c r="WZB25" s="8"/>
      <c r="WZC25" s="8"/>
      <c r="WZD25" s="8"/>
      <c r="WZE25" s="8"/>
      <c r="WZF25" s="8"/>
      <c r="WZG25" s="8"/>
      <c r="WZH25" s="8"/>
      <c r="WZI25" s="8"/>
      <c r="WZJ25" s="8"/>
      <c r="WZK25" s="8"/>
      <c r="WZL25" s="8"/>
      <c r="WZM25" s="8"/>
      <c r="WZN25" s="8"/>
      <c r="WZO25" s="8"/>
      <c r="WZP25" s="8"/>
      <c r="WZQ25" s="8"/>
      <c r="WZR25" s="8"/>
      <c r="WZS25" s="8"/>
      <c r="WZT25" s="8"/>
      <c r="WZU25" s="8"/>
      <c r="WZV25" s="8"/>
      <c r="WZW25" s="8"/>
      <c r="WZX25" s="8"/>
      <c r="WZY25" s="8"/>
      <c r="WZZ25" s="8"/>
      <c r="XAA25" s="8"/>
      <c r="XAB25" s="8"/>
      <c r="XAC25" s="8"/>
      <c r="XAD25" s="8"/>
      <c r="XAE25" s="8"/>
      <c r="XAF25" s="8"/>
      <c r="XAG25" s="8"/>
      <c r="XAH25" s="8"/>
      <c r="XAI25" s="8"/>
      <c r="XAJ25" s="8"/>
      <c r="XAK25" s="8"/>
      <c r="XAL25" s="8"/>
      <c r="XAM25" s="8"/>
      <c r="XAN25" s="8"/>
      <c r="XAO25" s="8"/>
      <c r="XAP25" s="8"/>
      <c r="XAQ25" s="8"/>
      <c r="XAR25" s="8"/>
      <c r="XAS25" s="8"/>
      <c r="XAT25" s="8"/>
      <c r="XAU25" s="8"/>
      <c r="XAV25" s="8"/>
      <c r="XAW25" s="8"/>
      <c r="XAX25" s="8"/>
      <c r="XAY25" s="8"/>
      <c r="XAZ25" s="8"/>
      <c r="XBA25" s="8"/>
      <c r="XBB25" s="8"/>
      <c r="XBC25" s="8"/>
      <c r="XBD25" s="8"/>
      <c r="XBE25" s="8"/>
      <c r="XBF25" s="8"/>
      <c r="XBG25" s="8"/>
      <c r="XBH25" s="8"/>
      <c r="XBI25" s="8"/>
      <c r="XBJ25" s="8"/>
      <c r="XBK25" s="8"/>
      <c r="XBL25" s="8"/>
      <c r="XBM25" s="8"/>
      <c r="XBN25" s="8"/>
      <c r="XBO25" s="8"/>
      <c r="XBP25" s="8"/>
      <c r="XBQ25" s="8"/>
      <c r="XBR25" s="8"/>
      <c r="XBS25" s="8"/>
      <c r="XBT25" s="8"/>
      <c r="XBU25" s="8"/>
      <c r="XBV25" s="8"/>
      <c r="XBW25" s="8"/>
      <c r="XBX25" s="8"/>
      <c r="XBY25" s="8"/>
      <c r="XBZ25" s="8"/>
      <c r="XCA25" s="8"/>
      <c r="XCB25" s="8"/>
      <c r="XCC25" s="8"/>
      <c r="XCD25" s="8"/>
      <c r="XCE25" s="8"/>
      <c r="XCF25" s="8"/>
      <c r="XCG25" s="8"/>
      <c r="XCH25" s="8"/>
      <c r="XCI25" s="8"/>
      <c r="XCJ25" s="8"/>
      <c r="XCK25" s="8"/>
      <c r="XCL25" s="8"/>
      <c r="XCM25" s="8"/>
      <c r="XCN25" s="8"/>
      <c r="XCO25" s="8"/>
      <c r="XCP25" s="8"/>
      <c r="XCQ25" s="8"/>
      <c r="XCR25" s="8"/>
      <c r="XCS25" s="8"/>
      <c r="XCT25" s="8"/>
      <c r="XCU25" s="8"/>
      <c r="XCV25" s="8"/>
      <c r="XCW25" s="8"/>
      <c r="XCX25" s="8"/>
      <c r="XCY25" s="8"/>
      <c r="XCZ25" s="8"/>
      <c r="XDA25" s="8"/>
      <c r="XDB25" s="8"/>
      <c r="XDC25" s="8"/>
      <c r="XDD25" s="8"/>
      <c r="XDE25" s="8"/>
      <c r="XDF25" s="8"/>
      <c r="XDG25" s="8"/>
      <c r="XDH25" s="8"/>
      <c r="XDI25" s="8"/>
      <c r="XDJ25" s="8"/>
      <c r="XDK25" s="8"/>
      <c r="XDL25" s="8"/>
      <c r="XDM25" s="8"/>
      <c r="XDN25" s="8"/>
      <c r="XDO25" s="8"/>
      <c r="XDP25" s="8"/>
      <c r="XDQ25" s="8"/>
      <c r="XDR25" s="8"/>
      <c r="XDS25" s="8"/>
      <c r="XDT25" s="8"/>
      <c r="XDU25" s="8"/>
      <c r="XDV25" s="8"/>
      <c r="XDW25" s="8"/>
      <c r="XDX25" s="8"/>
      <c r="XDY25" s="8"/>
      <c r="XDZ25" s="8"/>
      <c r="XEA25" s="8"/>
      <c r="XEB25" s="8"/>
      <c r="XEC25" s="8"/>
      <c r="XED25" s="8"/>
      <c r="XEE25" s="8"/>
      <c r="XEF25" s="8"/>
      <c r="XEG25" s="8"/>
      <c r="XEH25" s="8"/>
      <c r="XEI25" s="8"/>
      <c r="XEJ25" s="8"/>
      <c r="XEK25" s="8"/>
      <c r="XEL25" s="8"/>
      <c r="XEM25" s="8"/>
      <c r="XEN25" s="8"/>
      <c r="XEO25" s="8"/>
      <c r="XEP25" s="8"/>
      <c r="XEQ25" s="8"/>
      <c r="XER25" s="8"/>
      <c r="XES25" s="8"/>
      <c r="XET25" s="8"/>
      <c r="XEU25" s="8"/>
      <c r="XEV25" s="8"/>
      <c r="XEW25" s="8"/>
      <c r="XEX25" s="8"/>
      <c r="XEY25" s="8"/>
      <c r="XEZ25" s="8"/>
      <c r="XFA25" s="8"/>
      <c r="XFB25" s="8"/>
      <c r="XFC25" s="8"/>
      <c r="XFD25" s="8"/>
    </row>
    <row r="26" spans="1:16384" ht="13.95" customHeight="1" x14ac:dyDescent="0.25">
      <c r="A26" s="14" t="s">
        <v>162</v>
      </c>
      <c r="B26" s="96" t="s">
        <v>58</v>
      </c>
      <c r="C26" s="93" t="s">
        <v>163</v>
      </c>
      <c r="D26" s="93" t="s">
        <v>164</v>
      </c>
      <c r="E26" s="93">
        <v>1959</v>
      </c>
      <c r="F26" s="93">
        <v>158900</v>
      </c>
      <c r="G26" s="93" t="s">
        <v>10</v>
      </c>
      <c r="H26" s="111">
        <v>1</v>
      </c>
      <c r="I26" s="111">
        <v>1</v>
      </c>
      <c r="J26" s="111">
        <v>1</v>
      </c>
      <c r="K26" s="111">
        <v>0</v>
      </c>
      <c r="L26" s="111">
        <v>0</v>
      </c>
      <c r="M26" s="111">
        <v>0</v>
      </c>
      <c r="N26" s="111">
        <v>0</v>
      </c>
      <c r="O26" s="111">
        <v>0</v>
      </c>
      <c r="P26" s="111">
        <v>0</v>
      </c>
      <c r="Q26" s="111">
        <v>0</v>
      </c>
      <c r="R26" s="111">
        <v>0</v>
      </c>
      <c r="S26" s="111">
        <v>0</v>
      </c>
      <c r="T26" s="111">
        <v>0</v>
      </c>
      <c r="U26" s="111">
        <v>0</v>
      </c>
      <c r="V26" s="111">
        <v>0</v>
      </c>
      <c r="W26" s="111">
        <v>1</v>
      </c>
      <c r="X26" s="111">
        <v>0</v>
      </c>
      <c r="Y26" s="111">
        <v>0</v>
      </c>
      <c r="Z26" s="111">
        <v>0</v>
      </c>
      <c r="AA26" s="111">
        <v>0</v>
      </c>
      <c r="AB26" s="111">
        <v>0</v>
      </c>
      <c r="AC26" s="111">
        <v>0</v>
      </c>
      <c r="AD26" s="111">
        <v>0</v>
      </c>
      <c r="AE26" s="111">
        <v>0</v>
      </c>
      <c r="AF26" s="111">
        <v>0</v>
      </c>
      <c r="AG26" s="111">
        <v>0</v>
      </c>
      <c r="AH26" s="111">
        <v>0</v>
      </c>
      <c r="AI26" s="111">
        <v>0</v>
      </c>
      <c r="AJ26" s="111">
        <v>0</v>
      </c>
      <c r="AK26" s="111">
        <v>0</v>
      </c>
      <c r="AL26" s="111">
        <v>0</v>
      </c>
      <c r="AM26" s="111">
        <v>1</v>
      </c>
      <c r="AN26" s="111">
        <v>0</v>
      </c>
      <c r="AO26" s="111">
        <v>1</v>
      </c>
      <c r="AP26" s="111">
        <v>0</v>
      </c>
      <c r="AQ26" s="111">
        <v>0</v>
      </c>
      <c r="AR26" s="111">
        <v>0</v>
      </c>
      <c r="AS26" s="111">
        <v>0</v>
      </c>
      <c r="AT26" s="111" t="s">
        <v>400</v>
      </c>
      <c r="AU26" s="111">
        <v>0</v>
      </c>
      <c r="AV26" s="111">
        <v>1</v>
      </c>
      <c r="AW26" s="111">
        <v>0</v>
      </c>
      <c r="AX26" s="112" t="s">
        <v>22351</v>
      </c>
      <c r="AY26" s="112" t="s">
        <v>22352</v>
      </c>
      <c r="AZ26" s="112" t="s">
        <v>165</v>
      </c>
      <c r="BA26" s="112" t="s">
        <v>22353</v>
      </c>
      <c r="BB26" s="107">
        <v>45884</v>
      </c>
      <c r="BC26" s="8"/>
      <c r="BD26" s="8"/>
      <c r="BE26" s="8"/>
      <c r="BF26" s="8"/>
      <c r="BG26" s="8"/>
      <c r="BH26" s="8"/>
      <c r="BI26" s="8"/>
      <c r="BJ26" s="8"/>
      <c r="BK26" s="8"/>
      <c r="BL26" s="8"/>
      <c r="BM26" s="8"/>
      <c r="BN26" s="8"/>
      <c r="BO26" s="8"/>
      <c r="BP26" s="8"/>
      <c r="BQ26" s="8"/>
      <c r="BR26" s="8"/>
      <c r="BS26" s="8"/>
      <c r="BT26" s="8"/>
      <c r="BU26" s="8"/>
      <c r="BV26" s="8"/>
      <c r="BW26" s="8"/>
      <c r="BX26" s="8"/>
      <c r="BY26" s="8"/>
      <c r="BZ26" s="8"/>
      <c r="CA26" s="8"/>
      <c r="CB26" s="8"/>
      <c r="CC26" s="8"/>
      <c r="CD26" s="8"/>
      <c r="CE26" s="8"/>
      <c r="CF26" s="8"/>
      <c r="CG26" s="8"/>
      <c r="CH26" s="8"/>
      <c r="CI26" s="8"/>
      <c r="CJ26" s="8"/>
      <c r="CK26" s="8"/>
      <c r="CL26" s="8"/>
      <c r="CM26" s="8"/>
      <c r="CN26" s="8"/>
      <c r="CO26" s="8"/>
      <c r="CP26" s="8"/>
      <c r="CQ26" s="8"/>
      <c r="CR26" s="8"/>
      <c r="CS26" s="8"/>
      <c r="CT26" s="8"/>
      <c r="CU26" s="8"/>
      <c r="CV26" s="8"/>
      <c r="CW26" s="8"/>
      <c r="CX26" s="8"/>
      <c r="CY26" s="8"/>
      <c r="CZ26" s="8"/>
      <c r="DA26" s="8"/>
      <c r="DB26" s="8"/>
      <c r="DC26" s="8"/>
      <c r="DD26" s="8"/>
      <c r="DE26" s="8"/>
      <c r="DF26" s="8"/>
      <c r="DG26" s="8"/>
      <c r="DH26" s="8"/>
      <c r="DI26" s="8"/>
      <c r="DJ26" s="8"/>
      <c r="DK26" s="8"/>
      <c r="DL26" s="8"/>
      <c r="DM26" s="8"/>
      <c r="DN26" s="8"/>
      <c r="DO26" s="8"/>
      <c r="DP26" s="8"/>
      <c r="DQ26" s="8"/>
      <c r="DR26" s="8"/>
      <c r="DS26" s="8"/>
      <c r="DT26" s="8"/>
      <c r="DU26" s="8"/>
      <c r="DV26" s="8"/>
      <c r="DW26" s="8"/>
      <c r="DX26" s="8"/>
      <c r="DY26" s="8"/>
      <c r="DZ26" s="8"/>
      <c r="EA26" s="8"/>
      <c r="EB26" s="8"/>
      <c r="EC26" s="8"/>
      <c r="ED26" s="8"/>
      <c r="EE26" s="8"/>
      <c r="EF26" s="8"/>
      <c r="EG26" s="8"/>
      <c r="EH26" s="8"/>
      <c r="EI26" s="8"/>
      <c r="EJ26" s="8"/>
      <c r="EK26" s="8"/>
      <c r="EL26" s="8"/>
      <c r="EM26" s="8"/>
      <c r="EN26" s="8"/>
      <c r="EO26" s="8"/>
      <c r="EP26" s="8"/>
      <c r="EQ26" s="8"/>
      <c r="ER26" s="8"/>
      <c r="ES26" s="8"/>
      <c r="ET26" s="8"/>
      <c r="EU26" s="8"/>
      <c r="EV26" s="8"/>
      <c r="EW26" s="8"/>
      <c r="EX26" s="8"/>
      <c r="EY26" s="8"/>
      <c r="EZ26" s="8"/>
      <c r="FA26" s="8"/>
      <c r="FB26" s="8"/>
      <c r="FC26" s="8"/>
      <c r="FD26" s="8"/>
      <c r="FE26" s="8"/>
      <c r="FF26" s="8"/>
      <c r="FG26" s="8"/>
      <c r="FH26" s="8"/>
      <c r="FI26" s="8"/>
      <c r="FJ26" s="8"/>
      <c r="FK26" s="8"/>
      <c r="FL26" s="8"/>
      <c r="FM26" s="8"/>
      <c r="FN26" s="8"/>
      <c r="FO26" s="8"/>
      <c r="FP26" s="8"/>
      <c r="FQ26" s="8"/>
      <c r="FR26" s="8"/>
      <c r="FS26" s="8"/>
      <c r="FT26" s="8"/>
      <c r="FU26" s="8"/>
      <c r="FV26" s="8"/>
      <c r="FW26" s="8"/>
      <c r="FX26" s="8"/>
      <c r="FY26" s="8"/>
      <c r="FZ26" s="8"/>
      <c r="GA26" s="8"/>
      <c r="GB26" s="8"/>
      <c r="GC26" s="8"/>
      <c r="GD26" s="8"/>
      <c r="GE26" s="8"/>
      <c r="GF26" s="8"/>
      <c r="GG26" s="8"/>
      <c r="GH26" s="8"/>
      <c r="GI26" s="8"/>
      <c r="GJ26" s="8"/>
      <c r="GK26" s="8"/>
      <c r="GL26" s="8"/>
      <c r="GM26" s="8"/>
      <c r="GN26" s="8"/>
      <c r="GO26" s="8"/>
      <c r="GP26" s="8"/>
      <c r="GQ26" s="8"/>
      <c r="GR26" s="8"/>
      <c r="GS26" s="8"/>
      <c r="GT26" s="8"/>
      <c r="GU26" s="8"/>
      <c r="GV26" s="8"/>
      <c r="GW26" s="8"/>
      <c r="GX26" s="8"/>
      <c r="GY26" s="8"/>
      <c r="GZ26" s="8"/>
      <c r="HA26" s="8"/>
      <c r="HB26" s="8"/>
      <c r="HC26" s="8"/>
      <c r="HD26" s="8"/>
      <c r="HE26" s="8"/>
      <c r="HF26" s="8"/>
      <c r="HG26" s="8"/>
      <c r="HH26" s="8"/>
      <c r="HI26" s="8"/>
      <c r="HJ26" s="8"/>
      <c r="HK26" s="8"/>
      <c r="HL26" s="8"/>
      <c r="HM26" s="8"/>
      <c r="HN26" s="8"/>
      <c r="HO26" s="8"/>
      <c r="HP26" s="8"/>
      <c r="HQ26" s="8"/>
      <c r="HR26" s="8"/>
      <c r="HS26" s="8"/>
      <c r="HT26" s="8"/>
      <c r="HU26" s="8"/>
      <c r="HV26" s="8"/>
      <c r="HW26" s="8"/>
      <c r="HX26" s="8"/>
      <c r="HY26" s="8"/>
      <c r="HZ26" s="8"/>
      <c r="IA26" s="8"/>
      <c r="IB26" s="8"/>
      <c r="IC26" s="8"/>
      <c r="ID26" s="8"/>
      <c r="IE26" s="8"/>
      <c r="IF26" s="8"/>
      <c r="IG26" s="8"/>
      <c r="IH26" s="8"/>
      <c r="II26" s="8"/>
      <c r="IJ26" s="8"/>
      <c r="IK26" s="8"/>
      <c r="IL26" s="8"/>
      <c r="IM26" s="8"/>
      <c r="IN26" s="8"/>
      <c r="IO26" s="8"/>
      <c r="IP26" s="8"/>
      <c r="IQ26" s="8"/>
      <c r="IR26" s="8"/>
      <c r="IS26" s="8"/>
      <c r="IT26" s="8"/>
      <c r="IU26" s="8"/>
      <c r="IV26" s="8"/>
      <c r="IW26" s="8"/>
      <c r="IX26" s="8"/>
      <c r="IY26" s="8"/>
      <c r="IZ26" s="8"/>
      <c r="JA26" s="8"/>
      <c r="JB26" s="8"/>
      <c r="JC26" s="8"/>
      <c r="JD26" s="8"/>
      <c r="JE26" s="8"/>
      <c r="JF26" s="8"/>
      <c r="JG26" s="8"/>
      <c r="JH26" s="8"/>
      <c r="JI26" s="8"/>
      <c r="JJ26" s="8"/>
      <c r="JK26" s="8"/>
      <c r="JL26" s="8"/>
      <c r="JM26" s="8"/>
      <c r="JN26" s="8"/>
      <c r="JO26" s="8"/>
      <c r="JP26" s="8"/>
      <c r="JQ26" s="8"/>
      <c r="JR26" s="8"/>
      <c r="JS26" s="8"/>
      <c r="JT26" s="8"/>
      <c r="JU26" s="8"/>
      <c r="JV26" s="8"/>
      <c r="JW26" s="8"/>
      <c r="JX26" s="8"/>
      <c r="JY26" s="8"/>
      <c r="JZ26" s="8"/>
      <c r="KA26" s="8"/>
      <c r="KB26" s="8"/>
      <c r="KC26" s="8"/>
      <c r="KD26" s="8"/>
      <c r="KE26" s="8"/>
      <c r="KF26" s="8"/>
      <c r="KG26" s="8"/>
      <c r="KH26" s="8"/>
      <c r="KI26" s="8"/>
      <c r="KJ26" s="8"/>
      <c r="KK26" s="8"/>
      <c r="KL26" s="8"/>
      <c r="KM26" s="8"/>
      <c r="KN26" s="8"/>
      <c r="KO26" s="8"/>
      <c r="KP26" s="8"/>
      <c r="KQ26" s="8"/>
      <c r="KR26" s="8"/>
      <c r="KS26" s="8"/>
      <c r="KT26" s="8"/>
      <c r="KU26" s="8"/>
      <c r="KV26" s="8"/>
      <c r="KW26" s="8"/>
      <c r="KX26" s="8"/>
      <c r="KY26" s="8"/>
      <c r="KZ26" s="8"/>
      <c r="LA26" s="8"/>
      <c r="LB26" s="8"/>
      <c r="LC26" s="8"/>
      <c r="LD26" s="8"/>
      <c r="LE26" s="8"/>
      <c r="LF26" s="8"/>
      <c r="LG26" s="8"/>
      <c r="LH26" s="8"/>
      <c r="LI26" s="8"/>
      <c r="LJ26" s="8"/>
      <c r="LK26" s="8"/>
      <c r="LL26" s="8"/>
      <c r="LM26" s="8"/>
      <c r="LN26" s="8"/>
      <c r="LO26" s="8"/>
      <c r="LP26" s="8"/>
      <c r="LQ26" s="8"/>
      <c r="LR26" s="8"/>
      <c r="LS26" s="8"/>
      <c r="LT26" s="8"/>
      <c r="LU26" s="8"/>
      <c r="LV26" s="8"/>
      <c r="LW26" s="8"/>
      <c r="LX26" s="8"/>
      <c r="LY26" s="8"/>
      <c r="LZ26" s="8"/>
      <c r="MA26" s="8"/>
      <c r="MB26" s="8"/>
      <c r="MC26" s="8"/>
      <c r="MD26" s="8"/>
      <c r="ME26" s="8"/>
      <c r="MF26" s="8"/>
      <c r="MG26" s="8"/>
      <c r="MH26" s="8"/>
      <c r="MI26" s="8"/>
      <c r="MJ26" s="8"/>
      <c r="MK26" s="8"/>
      <c r="ML26" s="8"/>
      <c r="MM26" s="8"/>
      <c r="MN26" s="8"/>
      <c r="MO26" s="8"/>
      <c r="MP26" s="8"/>
      <c r="MQ26" s="8"/>
      <c r="MR26" s="8"/>
      <c r="MS26" s="8"/>
      <c r="MT26" s="8"/>
      <c r="MU26" s="8"/>
      <c r="MV26" s="8"/>
      <c r="MW26" s="8"/>
      <c r="MX26" s="8"/>
      <c r="MY26" s="8"/>
      <c r="MZ26" s="8"/>
      <c r="NA26" s="8"/>
      <c r="NB26" s="8"/>
      <c r="NC26" s="8"/>
      <c r="ND26" s="8"/>
      <c r="NE26" s="8"/>
      <c r="NF26" s="8"/>
      <c r="NG26" s="8"/>
      <c r="NH26" s="8"/>
      <c r="NI26" s="8"/>
      <c r="NJ26" s="8"/>
      <c r="NK26" s="8"/>
      <c r="NL26" s="8"/>
      <c r="NM26" s="8"/>
      <c r="NN26" s="8"/>
      <c r="NO26" s="8"/>
      <c r="NP26" s="8"/>
      <c r="NQ26" s="8"/>
      <c r="NR26" s="8"/>
      <c r="NS26" s="8"/>
      <c r="NT26" s="8"/>
      <c r="NU26" s="8"/>
      <c r="NV26" s="8"/>
      <c r="NW26" s="8"/>
      <c r="NX26" s="8"/>
      <c r="NY26" s="8"/>
      <c r="NZ26" s="8"/>
      <c r="OA26" s="8"/>
      <c r="OB26" s="8"/>
      <c r="OC26" s="8"/>
      <c r="OD26" s="8"/>
      <c r="OE26" s="8"/>
      <c r="OF26" s="8"/>
      <c r="OG26" s="8"/>
      <c r="OH26" s="8"/>
      <c r="OI26" s="8"/>
      <c r="OJ26" s="8"/>
      <c r="OK26" s="8"/>
      <c r="OL26" s="8"/>
      <c r="OM26" s="8"/>
      <c r="ON26" s="8"/>
      <c r="OO26" s="8"/>
      <c r="OP26" s="8"/>
      <c r="OQ26" s="8"/>
      <c r="OR26" s="8"/>
      <c r="OS26" s="8"/>
      <c r="OT26" s="8"/>
      <c r="OU26" s="8"/>
      <c r="OV26" s="8"/>
      <c r="OW26" s="8"/>
      <c r="OX26" s="8"/>
      <c r="OY26" s="8"/>
      <c r="OZ26" s="8"/>
      <c r="PA26" s="8"/>
      <c r="PB26" s="8"/>
      <c r="PC26" s="8"/>
      <c r="PD26" s="8"/>
      <c r="PE26" s="8"/>
      <c r="PF26" s="8"/>
      <c r="PG26" s="8"/>
      <c r="PH26" s="8"/>
      <c r="PI26" s="8"/>
      <c r="PJ26" s="8"/>
      <c r="PK26" s="8"/>
      <c r="PL26" s="8"/>
      <c r="PM26" s="8"/>
      <c r="PN26" s="8"/>
      <c r="PO26" s="8"/>
      <c r="PP26" s="8"/>
      <c r="PQ26" s="8"/>
      <c r="PR26" s="8"/>
      <c r="PS26" s="8"/>
      <c r="PT26" s="8"/>
      <c r="PU26" s="8"/>
      <c r="PV26" s="8"/>
      <c r="PW26" s="8"/>
      <c r="PX26" s="8"/>
      <c r="PY26" s="8"/>
      <c r="PZ26" s="8"/>
      <c r="QA26" s="8"/>
      <c r="QB26" s="8"/>
      <c r="QC26" s="8"/>
      <c r="QD26" s="8"/>
      <c r="QE26" s="8"/>
      <c r="QF26" s="8"/>
      <c r="QG26" s="8"/>
      <c r="QH26" s="8"/>
      <c r="QI26" s="8"/>
      <c r="QJ26" s="8"/>
      <c r="QK26" s="8"/>
      <c r="QL26" s="8"/>
      <c r="QM26" s="8"/>
      <c r="QN26" s="8"/>
      <c r="QO26" s="8"/>
      <c r="QP26" s="8"/>
      <c r="QQ26" s="8"/>
      <c r="QR26" s="8"/>
      <c r="QS26" s="8"/>
      <c r="QT26" s="8"/>
      <c r="QU26" s="8"/>
      <c r="QV26" s="8"/>
      <c r="QW26" s="8"/>
      <c r="QX26" s="8"/>
      <c r="QY26" s="8"/>
      <c r="QZ26" s="8"/>
      <c r="RA26" s="8"/>
      <c r="RB26" s="8"/>
      <c r="RC26" s="8"/>
      <c r="RD26" s="8"/>
      <c r="RE26" s="8"/>
      <c r="RF26" s="8"/>
      <c r="RG26" s="8"/>
      <c r="RH26" s="8"/>
      <c r="RI26" s="8"/>
      <c r="RJ26" s="8"/>
      <c r="RK26" s="8"/>
      <c r="RL26" s="8"/>
      <c r="RM26" s="8"/>
      <c r="RN26" s="8"/>
      <c r="RO26" s="8"/>
      <c r="RP26" s="8"/>
      <c r="RQ26" s="8"/>
      <c r="RR26" s="8"/>
      <c r="RS26" s="8"/>
      <c r="RT26" s="8"/>
      <c r="RU26" s="8"/>
      <c r="RV26" s="8"/>
      <c r="RW26" s="8"/>
      <c r="RX26" s="8"/>
      <c r="RY26" s="8"/>
      <c r="RZ26" s="8"/>
      <c r="SA26" s="8"/>
      <c r="SB26" s="8"/>
      <c r="SC26" s="8"/>
      <c r="SD26" s="8"/>
      <c r="SE26" s="8"/>
      <c r="SF26" s="8"/>
      <c r="SG26" s="8"/>
      <c r="SH26" s="8"/>
      <c r="SI26" s="8"/>
      <c r="SJ26" s="8"/>
      <c r="SK26" s="8"/>
      <c r="SL26" s="8"/>
      <c r="SM26" s="8"/>
      <c r="SN26" s="8"/>
      <c r="SO26" s="8"/>
      <c r="SP26" s="8"/>
      <c r="SQ26" s="8"/>
      <c r="SR26" s="8"/>
      <c r="SS26" s="8"/>
      <c r="ST26" s="8"/>
      <c r="SU26" s="8"/>
      <c r="SV26" s="8"/>
      <c r="SW26" s="8"/>
      <c r="SX26" s="8"/>
      <c r="SY26" s="8"/>
      <c r="SZ26" s="8"/>
      <c r="TA26" s="8"/>
      <c r="TB26" s="8"/>
      <c r="TC26" s="8"/>
      <c r="TD26" s="8"/>
      <c r="TE26" s="8"/>
      <c r="TF26" s="8"/>
      <c r="TG26" s="8"/>
      <c r="TH26" s="8"/>
      <c r="TI26" s="8"/>
      <c r="TJ26" s="8"/>
      <c r="TK26" s="8"/>
      <c r="TL26" s="8"/>
      <c r="TM26" s="8"/>
      <c r="TN26" s="8"/>
      <c r="TO26" s="8"/>
      <c r="TP26" s="8"/>
      <c r="TQ26" s="8"/>
      <c r="TR26" s="8"/>
      <c r="TS26" s="8"/>
      <c r="TT26" s="8"/>
      <c r="TU26" s="8"/>
      <c r="TV26" s="8"/>
      <c r="TW26" s="8"/>
      <c r="TX26" s="8"/>
      <c r="TY26" s="8"/>
      <c r="TZ26" s="8"/>
      <c r="UA26" s="8"/>
      <c r="UB26" s="8"/>
      <c r="UC26" s="8"/>
      <c r="UD26" s="8"/>
      <c r="UE26" s="8"/>
      <c r="UF26" s="8"/>
      <c r="UG26" s="8"/>
      <c r="UH26" s="8"/>
      <c r="UI26" s="8"/>
      <c r="UJ26" s="8"/>
      <c r="UK26" s="8"/>
      <c r="UL26" s="8"/>
      <c r="UM26" s="8"/>
      <c r="UN26" s="8"/>
      <c r="UO26" s="8"/>
      <c r="UP26" s="8"/>
      <c r="UQ26" s="8"/>
      <c r="UR26" s="8"/>
      <c r="US26" s="8"/>
      <c r="UT26" s="8"/>
      <c r="UU26" s="8"/>
      <c r="UV26" s="8"/>
      <c r="UW26" s="8"/>
      <c r="UX26" s="8"/>
      <c r="UY26" s="8"/>
      <c r="UZ26" s="8"/>
      <c r="VA26" s="8"/>
      <c r="VB26" s="8"/>
      <c r="VC26" s="8"/>
      <c r="VD26" s="8"/>
      <c r="VE26" s="8"/>
      <c r="VF26" s="8"/>
      <c r="VG26" s="8"/>
      <c r="VH26" s="8"/>
      <c r="VI26" s="8"/>
      <c r="VJ26" s="8"/>
      <c r="VK26" s="8"/>
      <c r="VL26" s="8"/>
      <c r="VM26" s="8"/>
      <c r="VN26" s="8"/>
      <c r="VO26" s="8"/>
      <c r="VP26" s="8"/>
      <c r="VQ26" s="8"/>
      <c r="VR26" s="8"/>
      <c r="VS26" s="8"/>
      <c r="VT26" s="8"/>
      <c r="VU26" s="8"/>
      <c r="VV26" s="8"/>
      <c r="VW26" s="8"/>
      <c r="VX26" s="8"/>
      <c r="VY26" s="8"/>
      <c r="VZ26" s="8"/>
      <c r="WA26" s="8"/>
      <c r="WB26" s="8"/>
      <c r="WC26" s="8"/>
      <c r="WD26" s="8"/>
      <c r="WE26" s="8"/>
      <c r="WF26" s="8"/>
      <c r="WG26" s="8"/>
      <c r="WH26" s="8"/>
      <c r="WI26" s="8"/>
      <c r="WJ26" s="8"/>
      <c r="WK26" s="8"/>
      <c r="WL26" s="8"/>
      <c r="WM26" s="8"/>
      <c r="WN26" s="8"/>
      <c r="WO26" s="8"/>
      <c r="WP26" s="8"/>
      <c r="WQ26" s="8"/>
      <c r="WR26" s="8"/>
      <c r="WS26" s="8"/>
      <c r="WT26" s="8"/>
      <c r="WU26" s="8"/>
      <c r="WV26" s="8"/>
      <c r="WW26" s="8"/>
      <c r="WX26" s="8"/>
      <c r="WY26" s="8"/>
      <c r="WZ26" s="8"/>
      <c r="XA26" s="8"/>
      <c r="XB26" s="8"/>
      <c r="XC26" s="8"/>
      <c r="XD26" s="8"/>
      <c r="XE26" s="8"/>
      <c r="XF26" s="8"/>
      <c r="XG26" s="8"/>
      <c r="XH26" s="8"/>
      <c r="XI26" s="8"/>
      <c r="XJ26" s="8"/>
      <c r="XK26" s="8"/>
      <c r="XL26" s="8"/>
      <c r="XM26" s="8"/>
      <c r="XN26" s="8"/>
      <c r="XO26" s="8"/>
      <c r="XP26" s="8"/>
      <c r="XQ26" s="8"/>
      <c r="XR26" s="8"/>
      <c r="XS26" s="8"/>
      <c r="XT26" s="8"/>
      <c r="XU26" s="8"/>
      <c r="XV26" s="8"/>
      <c r="XW26" s="8"/>
      <c r="XX26" s="8"/>
      <c r="XY26" s="8"/>
      <c r="XZ26" s="8"/>
      <c r="YA26" s="8"/>
      <c r="YB26" s="8"/>
      <c r="YC26" s="8"/>
      <c r="YD26" s="8"/>
      <c r="YE26" s="8"/>
      <c r="YF26" s="8"/>
      <c r="YG26" s="8"/>
      <c r="YH26" s="8"/>
      <c r="YI26" s="8"/>
      <c r="YJ26" s="8"/>
      <c r="YK26" s="8"/>
      <c r="YL26" s="8"/>
      <c r="YM26" s="8"/>
      <c r="YN26" s="8"/>
      <c r="YO26" s="8"/>
      <c r="YP26" s="8"/>
      <c r="YQ26" s="8"/>
      <c r="YR26" s="8"/>
      <c r="YS26" s="8"/>
      <c r="YT26" s="8"/>
      <c r="YU26" s="8"/>
      <c r="YV26" s="8"/>
      <c r="YW26" s="8"/>
      <c r="YX26" s="8"/>
      <c r="YY26" s="8"/>
      <c r="YZ26" s="8"/>
      <c r="ZA26" s="8"/>
      <c r="ZB26" s="8"/>
      <c r="ZC26" s="8"/>
      <c r="ZD26" s="8"/>
      <c r="ZE26" s="8"/>
      <c r="ZF26" s="8"/>
      <c r="ZG26" s="8"/>
      <c r="ZH26" s="8"/>
      <c r="ZI26" s="8"/>
      <c r="ZJ26" s="8"/>
      <c r="ZK26" s="8"/>
      <c r="ZL26" s="8"/>
      <c r="ZM26" s="8"/>
      <c r="ZN26" s="8"/>
      <c r="ZO26" s="8"/>
      <c r="ZP26" s="8"/>
      <c r="ZQ26" s="8"/>
      <c r="ZR26" s="8"/>
      <c r="ZS26" s="8"/>
      <c r="ZT26" s="8"/>
      <c r="ZU26" s="8"/>
      <c r="ZV26" s="8"/>
      <c r="ZW26" s="8"/>
      <c r="ZX26" s="8"/>
      <c r="ZY26" s="8"/>
      <c r="ZZ26" s="8"/>
      <c r="AAA26" s="8"/>
      <c r="AAB26" s="8"/>
      <c r="AAC26" s="8"/>
      <c r="AAD26" s="8"/>
      <c r="AAE26" s="8"/>
      <c r="AAF26" s="8"/>
      <c r="AAG26" s="8"/>
      <c r="AAH26" s="8"/>
      <c r="AAI26" s="8"/>
      <c r="AAJ26" s="8"/>
      <c r="AAK26" s="8"/>
      <c r="AAL26" s="8"/>
      <c r="AAM26" s="8"/>
      <c r="AAN26" s="8"/>
      <c r="AAO26" s="8"/>
      <c r="AAP26" s="8"/>
      <c r="AAQ26" s="8"/>
      <c r="AAR26" s="8"/>
      <c r="AAS26" s="8"/>
      <c r="AAT26" s="8"/>
      <c r="AAU26" s="8"/>
      <c r="AAV26" s="8"/>
      <c r="AAW26" s="8"/>
      <c r="AAX26" s="8"/>
      <c r="AAY26" s="8"/>
      <c r="AAZ26" s="8"/>
      <c r="ABA26" s="8"/>
      <c r="ABB26" s="8"/>
      <c r="ABC26" s="8"/>
      <c r="ABD26" s="8"/>
      <c r="ABE26" s="8"/>
      <c r="ABF26" s="8"/>
      <c r="ABG26" s="8"/>
      <c r="ABH26" s="8"/>
      <c r="ABI26" s="8"/>
      <c r="ABJ26" s="8"/>
      <c r="ABK26" s="8"/>
      <c r="ABL26" s="8"/>
      <c r="ABM26" s="8"/>
      <c r="ABN26" s="8"/>
      <c r="ABO26" s="8"/>
      <c r="ABP26" s="8"/>
      <c r="ABQ26" s="8"/>
      <c r="ABR26" s="8"/>
      <c r="ABS26" s="8"/>
      <c r="ABT26" s="8"/>
      <c r="ABU26" s="8"/>
      <c r="ABV26" s="8"/>
      <c r="ABW26" s="8"/>
      <c r="ABX26" s="8"/>
      <c r="ABY26" s="8"/>
      <c r="ABZ26" s="8"/>
      <c r="ACA26" s="8"/>
      <c r="ACB26" s="8"/>
      <c r="ACC26" s="8"/>
      <c r="ACD26" s="8"/>
      <c r="ACE26" s="8"/>
      <c r="ACF26" s="8"/>
      <c r="ACG26" s="8"/>
      <c r="ACH26" s="8"/>
      <c r="ACI26" s="8"/>
      <c r="ACJ26" s="8"/>
      <c r="ACK26" s="8"/>
      <c r="ACL26" s="8"/>
      <c r="ACM26" s="8"/>
      <c r="ACN26" s="8"/>
      <c r="ACO26" s="8"/>
      <c r="ACP26" s="8"/>
      <c r="ACQ26" s="8"/>
      <c r="ACR26" s="8"/>
      <c r="ACS26" s="8"/>
      <c r="ACT26" s="8"/>
      <c r="ACU26" s="8"/>
      <c r="ACV26" s="8"/>
      <c r="ACW26" s="8"/>
      <c r="ACX26" s="8"/>
      <c r="ACY26" s="8"/>
      <c r="ACZ26" s="8"/>
      <c r="ADA26" s="8"/>
      <c r="ADB26" s="8"/>
      <c r="ADC26" s="8"/>
      <c r="ADD26" s="8"/>
      <c r="ADE26" s="8"/>
      <c r="ADF26" s="8"/>
      <c r="ADG26" s="8"/>
      <c r="ADH26" s="8"/>
      <c r="ADI26" s="8"/>
      <c r="ADJ26" s="8"/>
      <c r="ADK26" s="8"/>
      <c r="ADL26" s="8"/>
      <c r="ADM26" s="8"/>
      <c r="ADN26" s="8"/>
      <c r="ADO26" s="8"/>
      <c r="ADP26" s="8"/>
      <c r="ADQ26" s="8"/>
      <c r="ADR26" s="8"/>
      <c r="ADS26" s="8"/>
      <c r="ADT26" s="8"/>
      <c r="ADU26" s="8"/>
      <c r="ADV26" s="8"/>
      <c r="ADW26" s="8"/>
      <c r="ADX26" s="8"/>
      <c r="ADY26" s="8"/>
      <c r="ADZ26" s="8"/>
      <c r="AEA26" s="8"/>
      <c r="AEB26" s="8"/>
      <c r="AEC26" s="8"/>
      <c r="AED26" s="8"/>
      <c r="AEE26" s="8"/>
      <c r="AEF26" s="8"/>
      <c r="AEG26" s="8"/>
      <c r="AEH26" s="8"/>
      <c r="AEI26" s="8"/>
      <c r="AEJ26" s="8"/>
      <c r="AEK26" s="8"/>
      <c r="AEL26" s="8"/>
      <c r="AEM26" s="8"/>
      <c r="AEN26" s="8"/>
      <c r="AEO26" s="8"/>
      <c r="AEP26" s="8"/>
      <c r="AEQ26" s="8"/>
      <c r="AER26" s="8"/>
      <c r="AES26" s="8"/>
      <c r="AET26" s="8"/>
      <c r="AEU26" s="8"/>
      <c r="AEV26" s="8"/>
      <c r="AEW26" s="8"/>
      <c r="AEX26" s="8"/>
      <c r="AEY26" s="8"/>
      <c r="AEZ26" s="8"/>
      <c r="AFA26" s="8"/>
      <c r="AFB26" s="8"/>
      <c r="AFC26" s="8"/>
      <c r="AFD26" s="8"/>
      <c r="AFE26" s="8"/>
      <c r="AFF26" s="8"/>
      <c r="AFG26" s="8"/>
      <c r="AFH26" s="8"/>
      <c r="AFI26" s="8"/>
      <c r="AFJ26" s="8"/>
      <c r="AFK26" s="8"/>
      <c r="AFL26" s="8"/>
      <c r="AFM26" s="8"/>
      <c r="AFN26" s="8"/>
      <c r="AFO26" s="8"/>
      <c r="AFP26" s="8"/>
      <c r="AFQ26" s="8"/>
      <c r="AFR26" s="8"/>
      <c r="AFS26" s="8"/>
      <c r="AFT26" s="8"/>
      <c r="AFU26" s="8"/>
      <c r="AFV26" s="8"/>
      <c r="AFW26" s="8"/>
      <c r="AFX26" s="8"/>
      <c r="AFY26" s="8"/>
      <c r="AFZ26" s="8"/>
      <c r="AGA26" s="8"/>
      <c r="AGB26" s="8"/>
      <c r="AGC26" s="8"/>
      <c r="AGD26" s="8"/>
      <c r="AGE26" s="8"/>
      <c r="AGF26" s="8"/>
      <c r="AGG26" s="8"/>
      <c r="AGH26" s="8"/>
      <c r="AGI26" s="8"/>
      <c r="AGJ26" s="8"/>
      <c r="AGK26" s="8"/>
      <c r="AGL26" s="8"/>
      <c r="AGM26" s="8"/>
      <c r="AGN26" s="8"/>
      <c r="AGO26" s="8"/>
      <c r="AGP26" s="8"/>
      <c r="AGQ26" s="8"/>
      <c r="AGR26" s="8"/>
      <c r="AGS26" s="8"/>
      <c r="AGT26" s="8"/>
      <c r="AGU26" s="8"/>
      <c r="AGV26" s="8"/>
      <c r="AGW26" s="8"/>
      <c r="AGX26" s="8"/>
      <c r="AGY26" s="8"/>
      <c r="AGZ26" s="8"/>
      <c r="AHA26" s="8"/>
      <c r="AHB26" s="8"/>
      <c r="AHC26" s="8"/>
      <c r="AHD26" s="8"/>
      <c r="AHE26" s="8"/>
      <c r="AHF26" s="8"/>
      <c r="AHG26" s="8"/>
      <c r="AHH26" s="8"/>
      <c r="AHI26" s="8"/>
      <c r="AHJ26" s="8"/>
      <c r="AHK26" s="8"/>
      <c r="AHL26" s="8"/>
      <c r="AHM26" s="8"/>
      <c r="AHN26" s="8"/>
      <c r="AHO26" s="8"/>
      <c r="AHP26" s="8"/>
      <c r="AHQ26" s="8"/>
      <c r="AHR26" s="8"/>
      <c r="AHS26" s="8"/>
      <c r="AHT26" s="8"/>
      <c r="AHU26" s="8"/>
      <c r="AHV26" s="8"/>
      <c r="AHW26" s="8"/>
      <c r="AHX26" s="8"/>
      <c r="AHY26" s="8"/>
      <c r="AHZ26" s="8"/>
      <c r="AIA26" s="8"/>
      <c r="AIB26" s="8"/>
      <c r="AIC26" s="8"/>
      <c r="AID26" s="8"/>
      <c r="AIE26" s="8"/>
      <c r="AIF26" s="8"/>
      <c r="AIG26" s="8"/>
      <c r="AIH26" s="8"/>
      <c r="AII26" s="8"/>
      <c r="AIJ26" s="8"/>
      <c r="AIK26" s="8"/>
      <c r="AIL26" s="8"/>
      <c r="AIM26" s="8"/>
      <c r="AIN26" s="8"/>
      <c r="AIO26" s="8"/>
      <c r="AIP26" s="8"/>
      <c r="AIQ26" s="8"/>
      <c r="AIR26" s="8"/>
      <c r="AIS26" s="8"/>
      <c r="AIT26" s="8"/>
      <c r="AIU26" s="8"/>
      <c r="AIV26" s="8"/>
      <c r="AIW26" s="8"/>
      <c r="AIX26" s="8"/>
      <c r="AIY26" s="8"/>
      <c r="AIZ26" s="8"/>
      <c r="AJA26" s="8"/>
      <c r="AJB26" s="8"/>
      <c r="AJC26" s="8"/>
      <c r="AJD26" s="8"/>
      <c r="AJE26" s="8"/>
      <c r="AJF26" s="8"/>
      <c r="AJG26" s="8"/>
      <c r="AJH26" s="8"/>
      <c r="AJI26" s="8"/>
      <c r="AJJ26" s="8"/>
      <c r="AJK26" s="8"/>
      <c r="AJL26" s="8"/>
      <c r="AJM26" s="8"/>
      <c r="AJN26" s="8"/>
      <c r="AJO26" s="8"/>
      <c r="AJP26" s="8"/>
      <c r="AJQ26" s="8"/>
      <c r="AJR26" s="8"/>
      <c r="AJS26" s="8"/>
      <c r="AJT26" s="8"/>
      <c r="AJU26" s="8"/>
      <c r="AJV26" s="8"/>
      <c r="AJW26" s="8"/>
      <c r="AJX26" s="8"/>
      <c r="AJY26" s="8"/>
      <c r="AJZ26" s="8"/>
      <c r="AKA26" s="8"/>
      <c r="AKB26" s="8"/>
      <c r="AKC26" s="8"/>
      <c r="AKD26" s="8"/>
      <c r="AKE26" s="8"/>
      <c r="AKF26" s="8"/>
      <c r="AKG26" s="8"/>
      <c r="AKH26" s="8"/>
      <c r="AKI26" s="8"/>
      <c r="AKJ26" s="8"/>
      <c r="AKK26" s="8"/>
      <c r="AKL26" s="8"/>
      <c r="AKM26" s="8"/>
      <c r="AKN26" s="8"/>
      <c r="AKO26" s="8"/>
      <c r="AKP26" s="8"/>
      <c r="AKQ26" s="8"/>
      <c r="AKR26" s="8"/>
      <c r="AKS26" s="8"/>
      <c r="AKT26" s="8"/>
      <c r="AKU26" s="8"/>
      <c r="AKV26" s="8"/>
      <c r="AKW26" s="8"/>
      <c r="AKX26" s="8"/>
      <c r="AKY26" s="8"/>
      <c r="AKZ26" s="8"/>
      <c r="ALA26" s="8"/>
      <c r="ALB26" s="8"/>
      <c r="ALC26" s="8"/>
      <c r="ALD26" s="8"/>
      <c r="ALE26" s="8"/>
      <c r="ALF26" s="8"/>
      <c r="ALG26" s="8"/>
      <c r="ALH26" s="8"/>
      <c r="ALI26" s="8"/>
      <c r="ALJ26" s="8"/>
      <c r="ALK26" s="8"/>
      <c r="ALL26" s="8"/>
      <c r="ALM26" s="8"/>
      <c r="ALN26" s="8"/>
      <c r="ALO26" s="8"/>
      <c r="ALP26" s="8"/>
      <c r="ALQ26" s="8"/>
      <c r="ALR26" s="8"/>
      <c r="ALS26" s="8"/>
      <c r="ALT26" s="8"/>
      <c r="ALU26" s="8"/>
      <c r="ALV26" s="8"/>
      <c r="ALW26" s="8"/>
      <c r="ALX26" s="8"/>
      <c r="ALY26" s="8"/>
      <c r="ALZ26" s="8"/>
      <c r="AMA26" s="8"/>
      <c r="AMB26" s="8"/>
      <c r="AMC26" s="8"/>
      <c r="AMD26" s="8"/>
      <c r="AME26" s="8"/>
      <c r="AMF26" s="8"/>
      <c r="AMG26" s="8"/>
      <c r="AMH26" s="8"/>
      <c r="AMI26" s="8"/>
      <c r="AMJ26" s="8"/>
      <c r="AMK26" s="8"/>
      <c r="AML26" s="8"/>
      <c r="AMM26" s="8"/>
      <c r="AMN26" s="8"/>
      <c r="AMO26" s="8"/>
      <c r="AMP26" s="8"/>
      <c r="AMQ26" s="8"/>
      <c r="AMR26" s="8"/>
      <c r="AMS26" s="8"/>
      <c r="AMT26" s="8"/>
      <c r="AMU26" s="8"/>
      <c r="AMV26" s="8"/>
      <c r="AMW26" s="8"/>
      <c r="AMX26" s="8"/>
      <c r="AMY26" s="8"/>
      <c r="AMZ26" s="8"/>
      <c r="ANA26" s="8"/>
      <c r="ANB26" s="8"/>
      <c r="ANC26" s="8"/>
      <c r="AND26" s="8"/>
      <c r="ANE26" s="8"/>
      <c r="ANF26" s="8"/>
      <c r="ANG26" s="8"/>
      <c r="ANH26" s="8"/>
      <c r="ANI26" s="8"/>
      <c r="ANJ26" s="8"/>
      <c r="ANK26" s="8"/>
      <c r="ANL26" s="8"/>
      <c r="ANM26" s="8"/>
      <c r="ANN26" s="8"/>
      <c r="ANO26" s="8"/>
      <c r="ANP26" s="8"/>
      <c r="ANQ26" s="8"/>
      <c r="ANR26" s="8"/>
      <c r="ANS26" s="8"/>
      <c r="ANT26" s="8"/>
      <c r="ANU26" s="8"/>
      <c r="ANV26" s="8"/>
      <c r="ANW26" s="8"/>
      <c r="ANX26" s="8"/>
      <c r="ANY26" s="8"/>
      <c r="ANZ26" s="8"/>
      <c r="AOA26" s="8"/>
      <c r="AOB26" s="8"/>
      <c r="AOC26" s="8"/>
      <c r="AOD26" s="8"/>
      <c r="AOE26" s="8"/>
      <c r="AOF26" s="8"/>
      <c r="AOG26" s="8"/>
      <c r="AOH26" s="8"/>
      <c r="AOI26" s="8"/>
      <c r="AOJ26" s="8"/>
      <c r="AOK26" s="8"/>
      <c r="AOL26" s="8"/>
      <c r="AOM26" s="8"/>
      <c r="AON26" s="8"/>
      <c r="AOO26" s="8"/>
      <c r="AOP26" s="8"/>
      <c r="AOQ26" s="8"/>
      <c r="AOR26" s="8"/>
      <c r="AOS26" s="8"/>
      <c r="AOT26" s="8"/>
      <c r="AOU26" s="8"/>
      <c r="AOV26" s="8"/>
      <c r="AOW26" s="8"/>
      <c r="AOX26" s="8"/>
      <c r="AOY26" s="8"/>
      <c r="AOZ26" s="8"/>
      <c r="APA26" s="8"/>
      <c r="APB26" s="8"/>
      <c r="APC26" s="8"/>
      <c r="APD26" s="8"/>
      <c r="APE26" s="8"/>
      <c r="APF26" s="8"/>
      <c r="APG26" s="8"/>
      <c r="APH26" s="8"/>
      <c r="API26" s="8"/>
      <c r="APJ26" s="8"/>
      <c r="APK26" s="8"/>
      <c r="APL26" s="8"/>
      <c r="APM26" s="8"/>
      <c r="APN26" s="8"/>
      <c r="APO26" s="8"/>
      <c r="APP26" s="8"/>
      <c r="APQ26" s="8"/>
      <c r="APR26" s="8"/>
      <c r="APS26" s="8"/>
      <c r="APT26" s="8"/>
      <c r="APU26" s="8"/>
      <c r="APV26" s="8"/>
      <c r="APW26" s="8"/>
      <c r="APX26" s="8"/>
      <c r="APY26" s="8"/>
      <c r="APZ26" s="8"/>
      <c r="AQA26" s="8"/>
      <c r="AQB26" s="8"/>
      <c r="AQC26" s="8"/>
      <c r="AQD26" s="8"/>
      <c r="AQE26" s="8"/>
      <c r="AQF26" s="8"/>
      <c r="AQG26" s="8"/>
      <c r="AQH26" s="8"/>
      <c r="AQI26" s="8"/>
      <c r="AQJ26" s="8"/>
      <c r="AQK26" s="8"/>
      <c r="AQL26" s="8"/>
      <c r="AQM26" s="8"/>
      <c r="AQN26" s="8"/>
      <c r="AQO26" s="8"/>
      <c r="AQP26" s="8"/>
      <c r="AQQ26" s="8"/>
      <c r="AQR26" s="8"/>
      <c r="AQS26" s="8"/>
      <c r="AQT26" s="8"/>
      <c r="AQU26" s="8"/>
      <c r="AQV26" s="8"/>
      <c r="AQW26" s="8"/>
      <c r="AQX26" s="8"/>
      <c r="AQY26" s="8"/>
      <c r="AQZ26" s="8"/>
      <c r="ARA26" s="8"/>
      <c r="ARB26" s="8"/>
      <c r="ARC26" s="8"/>
      <c r="ARD26" s="8"/>
      <c r="ARE26" s="8"/>
      <c r="ARF26" s="8"/>
      <c r="ARG26" s="8"/>
      <c r="ARH26" s="8"/>
      <c r="ARI26" s="8"/>
      <c r="ARJ26" s="8"/>
      <c r="ARK26" s="8"/>
      <c r="ARL26" s="8"/>
      <c r="ARM26" s="8"/>
      <c r="ARN26" s="8"/>
      <c r="ARO26" s="8"/>
      <c r="ARP26" s="8"/>
      <c r="ARQ26" s="8"/>
      <c r="ARR26" s="8"/>
      <c r="ARS26" s="8"/>
      <c r="ART26" s="8"/>
      <c r="ARU26" s="8"/>
      <c r="ARV26" s="8"/>
      <c r="ARW26" s="8"/>
      <c r="ARX26" s="8"/>
      <c r="ARY26" s="8"/>
      <c r="ARZ26" s="8"/>
      <c r="ASA26" s="8"/>
      <c r="ASB26" s="8"/>
      <c r="ASC26" s="8"/>
      <c r="ASD26" s="8"/>
      <c r="ASE26" s="8"/>
      <c r="ASF26" s="8"/>
      <c r="ASG26" s="8"/>
      <c r="ASH26" s="8"/>
      <c r="ASI26" s="8"/>
      <c r="ASJ26" s="8"/>
      <c r="ASK26" s="8"/>
      <c r="ASL26" s="8"/>
      <c r="ASM26" s="8"/>
      <c r="ASN26" s="8"/>
      <c r="ASO26" s="8"/>
      <c r="ASP26" s="8"/>
      <c r="ASQ26" s="8"/>
      <c r="ASR26" s="8"/>
      <c r="ASS26" s="8"/>
      <c r="AST26" s="8"/>
      <c r="ASU26" s="8"/>
      <c r="ASV26" s="8"/>
      <c r="ASW26" s="8"/>
      <c r="ASX26" s="8"/>
      <c r="ASY26" s="8"/>
      <c r="ASZ26" s="8"/>
      <c r="ATA26" s="8"/>
      <c r="ATB26" s="8"/>
      <c r="ATC26" s="8"/>
      <c r="ATD26" s="8"/>
      <c r="ATE26" s="8"/>
      <c r="ATF26" s="8"/>
      <c r="ATG26" s="8"/>
      <c r="ATH26" s="8"/>
      <c r="ATI26" s="8"/>
      <c r="ATJ26" s="8"/>
      <c r="ATK26" s="8"/>
      <c r="ATL26" s="8"/>
      <c r="ATM26" s="8"/>
      <c r="ATN26" s="8"/>
      <c r="ATO26" s="8"/>
      <c r="ATP26" s="8"/>
      <c r="ATQ26" s="8"/>
      <c r="ATR26" s="8"/>
      <c r="ATS26" s="8"/>
      <c r="ATT26" s="8"/>
      <c r="ATU26" s="8"/>
      <c r="ATV26" s="8"/>
      <c r="ATW26" s="8"/>
      <c r="ATX26" s="8"/>
      <c r="ATY26" s="8"/>
      <c r="ATZ26" s="8"/>
      <c r="AUA26" s="8"/>
      <c r="AUB26" s="8"/>
      <c r="AUC26" s="8"/>
      <c r="AUD26" s="8"/>
      <c r="AUE26" s="8"/>
      <c r="AUF26" s="8"/>
      <c r="AUG26" s="8"/>
      <c r="AUH26" s="8"/>
      <c r="AUI26" s="8"/>
      <c r="AUJ26" s="8"/>
      <c r="AUK26" s="8"/>
      <c r="AUL26" s="8"/>
      <c r="AUM26" s="8"/>
      <c r="AUN26" s="8"/>
      <c r="AUO26" s="8"/>
      <c r="AUP26" s="8"/>
      <c r="AUQ26" s="8"/>
      <c r="AUR26" s="8"/>
      <c r="AUS26" s="8"/>
      <c r="AUT26" s="8"/>
      <c r="AUU26" s="8"/>
      <c r="AUV26" s="8"/>
      <c r="AUW26" s="8"/>
      <c r="AUX26" s="8"/>
      <c r="AUY26" s="8"/>
      <c r="AUZ26" s="8"/>
      <c r="AVA26" s="8"/>
      <c r="AVB26" s="8"/>
      <c r="AVC26" s="8"/>
      <c r="AVD26" s="8"/>
      <c r="AVE26" s="8"/>
      <c r="AVF26" s="8"/>
      <c r="AVG26" s="8"/>
      <c r="AVH26" s="8"/>
      <c r="AVI26" s="8"/>
      <c r="AVJ26" s="8"/>
      <c r="AVK26" s="8"/>
      <c r="AVL26" s="8"/>
      <c r="AVM26" s="8"/>
      <c r="AVN26" s="8"/>
      <c r="AVO26" s="8"/>
      <c r="AVP26" s="8"/>
      <c r="AVQ26" s="8"/>
      <c r="AVR26" s="8"/>
      <c r="AVS26" s="8"/>
      <c r="AVT26" s="8"/>
      <c r="AVU26" s="8"/>
      <c r="AVV26" s="8"/>
      <c r="AVW26" s="8"/>
      <c r="AVX26" s="8"/>
      <c r="AVY26" s="8"/>
      <c r="AVZ26" s="8"/>
      <c r="AWA26" s="8"/>
      <c r="AWB26" s="8"/>
      <c r="AWC26" s="8"/>
      <c r="AWD26" s="8"/>
      <c r="AWE26" s="8"/>
      <c r="AWF26" s="8"/>
      <c r="AWG26" s="8"/>
      <c r="AWH26" s="8"/>
      <c r="AWI26" s="8"/>
      <c r="AWJ26" s="8"/>
      <c r="AWK26" s="8"/>
      <c r="AWL26" s="8"/>
      <c r="AWM26" s="8"/>
      <c r="AWN26" s="8"/>
      <c r="AWO26" s="8"/>
      <c r="AWP26" s="8"/>
      <c r="AWQ26" s="8"/>
      <c r="AWR26" s="8"/>
      <c r="AWS26" s="8"/>
      <c r="AWT26" s="8"/>
      <c r="AWU26" s="8"/>
      <c r="AWV26" s="8"/>
      <c r="AWW26" s="8"/>
      <c r="AWX26" s="8"/>
      <c r="AWY26" s="8"/>
      <c r="AWZ26" s="8"/>
      <c r="AXA26" s="8"/>
      <c r="AXB26" s="8"/>
      <c r="AXC26" s="8"/>
      <c r="AXD26" s="8"/>
      <c r="AXE26" s="8"/>
      <c r="AXF26" s="8"/>
      <c r="AXG26" s="8"/>
      <c r="AXH26" s="8"/>
      <c r="AXI26" s="8"/>
      <c r="AXJ26" s="8"/>
      <c r="AXK26" s="8"/>
      <c r="AXL26" s="8"/>
      <c r="AXM26" s="8"/>
      <c r="AXN26" s="8"/>
      <c r="AXO26" s="8"/>
      <c r="AXP26" s="8"/>
      <c r="AXQ26" s="8"/>
      <c r="AXR26" s="8"/>
      <c r="AXS26" s="8"/>
      <c r="AXT26" s="8"/>
      <c r="AXU26" s="8"/>
      <c r="AXV26" s="8"/>
      <c r="AXW26" s="8"/>
      <c r="AXX26" s="8"/>
      <c r="AXY26" s="8"/>
      <c r="AXZ26" s="8"/>
      <c r="AYA26" s="8"/>
      <c r="AYB26" s="8"/>
      <c r="AYC26" s="8"/>
      <c r="AYD26" s="8"/>
      <c r="AYE26" s="8"/>
      <c r="AYF26" s="8"/>
      <c r="AYG26" s="8"/>
      <c r="AYH26" s="8"/>
      <c r="AYI26" s="8"/>
      <c r="AYJ26" s="8"/>
      <c r="AYK26" s="8"/>
      <c r="AYL26" s="8"/>
      <c r="AYM26" s="8"/>
      <c r="AYN26" s="8"/>
      <c r="AYO26" s="8"/>
      <c r="AYP26" s="8"/>
      <c r="AYQ26" s="8"/>
      <c r="AYR26" s="8"/>
      <c r="AYS26" s="8"/>
      <c r="AYT26" s="8"/>
      <c r="AYU26" s="8"/>
      <c r="AYV26" s="8"/>
      <c r="AYW26" s="8"/>
      <c r="AYX26" s="8"/>
      <c r="AYY26" s="8"/>
      <c r="AYZ26" s="8"/>
      <c r="AZA26" s="8"/>
      <c r="AZB26" s="8"/>
      <c r="AZC26" s="8"/>
      <c r="AZD26" s="8"/>
      <c r="AZE26" s="8"/>
      <c r="AZF26" s="8"/>
      <c r="AZG26" s="8"/>
      <c r="AZH26" s="8"/>
      <c r="AZI26" s="8"/>
      <c r="AZJ26" s="8"/>
      <c r="AZK26" s="8"/>
      <c r="AZL26" s="8"/>
      <c r="AZM26" s="8"/>
      <c r="AZN26" s="8"/>
      <c r="AZO26" s="8"/>
      <c r="AZP26" s="8"/>
      <c r="AZQ26" s="8"/>
      <c r="AZR26" s="8"/>
      <c r="AZS26" s="8"/>
      <c r="AZT26" s="8"/>
      <c r="AZU26" s="8"/>
      <c r="AZV26" s="8"/>
      <c r="AZW26" s="8"/>
      <c r="AZX26" s="8"/>
      <c r="AZY26" s="8"/>
      <c r="AZZ26" s="8"/>
      <c r="BAA26" s="8"/>
      <c r="BAB26" s="8"/>
      <c r="BAC26" s="8"/>
      <c r="BAD26" s="8"/>
      <c r="BAE26" s="8"/>
      <c r="BAF26" s="8"/>
      <c r="BAG26" s="8"/>
      <c r="BAH26" s="8"/>
      <c r="BAI26" s="8"/>
      <c r="BAJ26" s="8"/>
      <c r="BAK26" s="8"/>
      <c r="BAL26" s="8"/>
      <c r="BAM26" s="8"/>
      <c r="BAN26" s="8"/>
      <c r="BAO26" s="8"/>
      <c r="BAP26" s="8"/>
      <c r="BAQ26" s="8"/>
      <c r="BAR26" s="8"/>
      <c r="BAS26" s="8"/>
      <c r="BAT26" s="8"/>
      <c r="BAU26" s="8"/>
      <c r="BAV26" s="8"/>
      <c r="BAW26" s="8"/>
      <c r="BAX26" s="8"/>
      <c r="BAY26" s="8"/>
      <c r="BAZ26" s="8"/>
      <c r="BBA26" s="8"/>
      <c r="BBB26" s="8"/>
      <c r="BBC26" s="8"/>
      <c r="BBD26" s="8"/>
      <c r="BBE26" s="8"/>
      <c r="BBF26" s="8"/>
      <c r="BBG26" s="8"/>
      <c r="BBH26" s="8"/>
      <c r="BBI26" s="8"/>
      <c r="BBJ26" s="8"/>
      <c r="BBK26" s="8"/>
      <c r="BBL26" s="8"/>
      <c r="BBM26" s="8"/>
      <c r="BBN26" s="8"/>
      <c r="BBO26" s="8"/>
      <c r="BBP26" s="8"/>
      <c r="BBQ26" s="8"/>
      <c r="BBR26" s="8"/>
      <c r="BBS26" s="8"/>
      <c r="BBT26" s="8"/>
      <c r="BBU26" s="8"/>
      <c r="BBV26" s="8"/>
      <c r="BBW26" s="8"/>
      <c r="BBX26" s="8"/>
      <c r="BBY26" s="8"/>
      <c r="BBZ26" s="8"/>
      <c r="BCA26" s="8"/>
      <c r="BCB26" s="8"/>
      <c r="BCC26" s="8"/>
      <c r="BCD26" s="8"/>
      <c r="BCE26" s="8"/>
      <c r="BCF26" s="8"/>
      <c r="BCG26" s="8"/>
      <c r="BCH26" s="8"/>
      <c r="BCI26" s="8"/>
      <c r="BCJ26" s="8"/>
      <c r="BCK26" s="8"/>
      <c r="BCL26" s="8"/>
      <c r="BCM26" s="8"/>
      <c r="BCN26" s="8"/>
      <c r="BCO26" s="8"/>
      <c r="BCP26" s="8"/>
      <c r="BCQ26" s="8"/>
      <c r="BCR26" s="8"/>
      <c r="BCS26" s="8"/>
      <c r="BCT26" s="8"/>
      <c r="BCU26" s="8"/>
      <c r="BCV26" s="8"/>
      <c r="BCW26" s="8"/>
      <c r="BCX26" s="8"/>
      <c r="BCY26" s="8"/>
      <c r="BCZ26" s="8"/>
      <c r="BDA26" s="8"/>
      <c r="BDB26" s="8"/>
      <c r="BDC26" s="8"/>
      <c r="BDD26" s="8"/>
      <c r="BDE26" s="8"/>
      <c r="BDF26" s="8"/>
      <c r="BDG26" s="8"/>
      <c r="BDH26" s="8"/>
      <c r="BDI26" s="8"/>
      <c r="BDJ26" s="8"/>
      <c r="BDK26" s="8"/>
      <c r="BDL26" s="8"/>
      <c r="BDM26" s="8"/>
      <c r="BDN26" s="8"/>
      <c r="BDO26" s="8"/>
      <c r="BDP26" s="8"/>
      <c r="BDQ26" s="8"/>
      <c r="BDR26" s="8"/>
      <c r="BDS26" s="8"/>
      <c r="BDT26" s="8"/>
      <c r="BDU26" s="8"/>
      <c r="BDV26" s="8"/>
      <c r="BDW26" s="8"/>
      <c r="BDX26" s="8"/>
      <c r="BDY26" s="8"/>
      <c r="BDZ26" s="8"/>
      <c r="BEA26" s="8"/>
      <c r="BEB26" s="8"/>
      <c r="BEC26" s="8"/>
      <c r="BED26" s="8"/>
      <c r="BEE26" s="8"/>
      <c r="BEF26" s="8"/>
      <c r="BEG26" s="8"/>
      <c r="BEH26" s="8"/>
      <c r="BEI26" s="8"/>
      <c r="BEJ26" s="8"/>
      <c r="BEK26" s="8"/>
      <c r="BEL26" s="8"/>
      <c r="BEM26" s="8"/>
      <c r="BEN26" s="8"/>
      <c r="BEO26" s="8"/>
      <c r="BEP26" s="8"/>
      <c r="BEQ26" s="8"/>
      <c r="BER26" s="8"/>
      <c r="BES26" s="8"/>
      <c r="BET26" s="8"/>
      <c r="BEU26" s="8"/>
      <c r="BEV26" s="8"/>
      <c r="BEW26" s="8"/>
      <c r="BEX26" s="8"/>
      <c r="BEY26" s="8"/>
      <c r="BEZ26" s="8"/>
      <c r="BFA26" s="8"/>
      <c r="BFB26" s="8"/>
      <c r="BFC26" s="8"/>
      <c r="BFD26" s="8"/>
      <c r="BFE26" s="8"/>
      <c r="BFF26" s="8"/>
      <c r="BFG26" s="8"/>
      <c r="BFH26" s="8"/>
      <c r="BFI26" s="8"/>
      <c r="BFJ26" s="8"/>
      <c r="BFK26" s="8"/>
      <c r="BFL26" s="8"/>
      <c r="BFM26" s="8"/>
      <c r="BFN26" s="8"/>
      <c r="BFO26" s="8"/>
      <c r="BFP26" s="8"/>
      <c r="BFQ26" s="8"/>
      <c r="BFR26" s="8"/>
      <c r="BFS26" s="8"/>
      <c r="BFT26" s="8"/>
      <c r="BFU26" s="8"/>
      <c r="BFV26" s="8"/>
      <c r="BFW26" s="8"/>
      <c r="BFX26" s="8"/>
      <c r="BFY26" s="8"/>
      <c r="BFZ26" s="8"/>
      <c r="BGA26" s="8"/>
      <c r="BGB26" s="8"/>
      <c r="BGC26" s="8"/>
      <c r="BGD26" s="8"/>
      <c r="BGE26" s="8"/>
      <c r="BGF26" s="8"/>
      <c r="BGG26" s="8"/>
      <c r="BGH26" s="8"/>
      <c r="BGI26" s="8"/>
      <c r="BGJ26" s="8"/>
      <c r="BGK26" s="8"/>
      <c r="BGL26" s="8"/>
      <c r="BGM26" s="8"/>
      <c r="BGN26" s="8"/>
      <c r="BGO26" s="8"/>
      <c r="BGP26" s="8"/>
      <c r="BGQ26" s="8"/>
      <c r="BGR26" s="8"/>
      <c r="BGS26" s="8"/>
      <c r="BGT26" s="8"/>
      <c r="BGU26" s="8"/>
      <c r="BGV26" s="8"/>
      <c r="BGW26" s="8"/>
      <c r="BGX26" s="8"/>
      <c r="BGY26" s="8"/>
      <c r="BGZ26" s="8"/>
      <c r="BHA26" s="8"/>
      <c r="BHB26" s="8"/>
      <c r="BHC26" s="8"/>
      <c r="BHD26" s="8"/>
      <c r="BHE26" s="8"/>
      <c r="BHF26" s="8"/>
      <c r="BHG26" s="8"/>
      <c r="BHH26" s="8"/>
      <c r="BHI26" s="8"/>
      <c r="BHJ26" s="8"/>
      <c r="BHK26" s="8"/>
      <c r="BHL26" s="8"/>
      <c r="BHM26" s="8"/>
      <c r="BHN26" s="8"/>
      <c r="BHO26" s="8"/>
      <c r="BHP26" s="8"/>
      <c r="BHQ26" s="8"/>
      <c r="BHR26" s="8"/>
      <c r="BHS26" s="8"/>
      <c r="BHT26" s="8"/>
      <c r="BHU26" s="8"/>
      <c r="BHV26" s="8"/>
      <c r="BHW26" s="8"/>
      <c r="BHX26" s="8"/>
      <c r="BHY26" s="8"/>
      <c r="BHZ26" s="8"/>
      <c r="BIA26" s="8"/>
      <c r="BIB26" s="8"/>
      <c r="BIC26" s="8"/>
      <c r="BID26" s="8"/>
      <c r="BIE26" s="8"/>
      <c r="BIF26" s="8"/>
      <c r="BIG26" s="8"/>
      <c r="BIH26" s="8"/>
      <c r="BII26" s="8"/>
      <c r="BIJ26" s="8"/>
      <c r="BIK26" s="8"/>
      <c r="BIL26" s="8"/>
      <c r="BIM26" s="8"/>
      <c r="BIN26" s="8"/>
      <c r="BIO26" s="8"/>
      <c r="BIP26" s="8"/>
      <c r="BIQ26" s="8"/>
      <c r="BIR26" s="8"/>
      <c r="BIS26" s="8"/>
      <c r="BIT26" s="8"/>
      <c r="BIU26" s="8"/>
      <c r="BIV26" s="8"/>
      <c r="BIW26" s="8"/>
      <c r="BIX26" s="8"/>
      <c r="BIY26" s="8"/>
      <c r="BIZ26" s="8"/>
      <c r="BJA26" s="8"/>
      <c r="BJB26" s="8"/>
      <c r="BJC26" s="8"/>
      <c r="BJD26" s="8"/>
      <c r="BJE26" s="8"/>
      <c r="BJF26" s="8"/>
      <c r="BJG26" s="8"/>
      <c r="BJH26" s="8"/>
      <c r="BJI26" s="8"/>
      <c r="BJJ26" s="8"/>
      <c r="BJK26" s="8"/>
      <c r="BJL26" s="8"/>
      <c r="BJM26" s="8"/>
      <c r="BJN26" s="8"/>
      <c r="BJO26" s="8"/>
      <c r="BJP26" s="8"/>
      <c r="BJQ26" s="8"/>
      <c r="BJR26" s="8"/>
      <c r="BJS26" s="8"/>
      <c r="BJT26" s="8"/>
      <c r="BJU26" s="8"/>
      <c r="BJV26" s="8"/>
      <c r="BJW26" s="8"/>
      <c r="BJX26" s="8"/>
      <c r="BJY26" s="8"/>
      <c r="BJZ26" s="8"/>
      <c r="BKA26" s="8"/>
      <c r="BKB26" s="8"/>
      <c r="BKC26" s="8"/>
      <c r="BKD26" s="8"/>
      <c r="BKE26" s="8"/>
      <c r="BKF26" s="8"/>
      <c r="BKG26" s="8"/>
      <c r="BKH26" s="8"/>
      <c r="BKI26" s="8"/>
      <c r="BKJ26" s="8"/>
      <c r="BKK26" s="8"/>
      <c r="BKL26" s="8"/>
      <c r="BKM26" s="8"/>
      <c r="BKN26" s="8"/>
      <c r="BKO26" s="8"/>
      <c r="BKP26" s="8"/>
      <c r="BKQ26" s="8"/>
      <c r="BKR26" s="8"/>
      <c r="BKS26" s="8"/>
      <c r="BKT26" s="8"/>
      <c r="BKU26" s="8"/>
      <c r="BKV26" s="8"/>
      <c r="BKW26" s="8"/>
      <c r="BKX26" s="8"/>
      <c r="BKY26" s="8"/>
      <c r="BKZ26" s="8"/>
      <c r="BLA26" s="8"/>
      <c r="BLB26" s="8"/>
      <c r="BLC26" s="8"/>
      <c r="BLD26" s="8"/>
      <c r="BLE26" s="8"/>
      <c r="BLF26" s="8"/>
      <c r="BLG26" s="8"/>
      <c r="BLH26" s="8"/>
      <c r="BLI26" s="8"/>
      <c r="BLJ26" s="8"/>
      <c r="BLK26" s="8"/>
      <c r="BLL26" s="8"/>
      <c r="BLM26" s="8"/>
      <c r="BLN26" s="8"/>
      <c r="BLO26" s="8"/>
      <c r="BLP26" s="8"/>
      <c r="BLQ26" s="8"/>
      <c r="BLR26" s="8"/>
      <c r="BLS26" s="8"/>
      <c r="BLT26" s="8"/>
      <c r="BLU26" s="8"/>
      <c r="BLV26" s="8"/>
      <c r="BLW26" s="8"/>
      <c r="BLX26" s="8"/>
      <c r="BLY26" s="8"/>
      <c r="BLZ26" s="8"/>
      <c r="BMA26" s="8"/>
      <c r="BMB26" s="8"/>
      <c r="BMC26" s="8"/>
      <c r="BMD26" s="8"/>
      <c r="BME26" s="8"/>
      <c r="BMF26" s="8"/>
      <c r="BMG26" s="8"/>
      <c r="BMH26" s="8"/>
      <c r="BMI26" s="8"/>
      <c r="BMJ26" s="8"/>
      <c r="BMK26" s="8"/>
      <c r="BML26" s="8"/>
      <c r="BMM26" s="8"/>
      <c r="BMN26" s="8"/>
      <c r="BMO26" s="8"/>
      <c r="BMP26" s="8"/>
      <c r="BMQ26" s="8"/>
      <c r="BMR26" s="8"/>
      <c r="BMS26" s="8"/>
      <c r="BMT26" s="8"/>
      <c r="BMU26" s="8"/>
      <c r="BMV26" s="8"/>
      <c r="BMW26" s="8"/>
      <c r="BMX26" s="8"/>
      <c r="BMY26" s="8"/>
      <c r="BMZ26" s="8"/>
      <c r="BNA26" s="8"/>
      <c r="BNB26" s="8"/>
      <c r="BNC26" s="8"/>
      <c r="BND26" s="8"/>
      <c r="BNE26" s="8"/>
      <c r="BNF26" s="8"/>
      <c r="BNG26" s="8"/>
      <c r="BNH26" s="8"/>
      <c r="BNI26" s="8"/>
      <c r="BNJ26" s="8"/>
      <c r="BNK26" s="8"/>
      <c r="BNL26" s="8"/>
      <c r="BNM26" s="8"/>
      <c r="BNN26" s="8"/>
      <c r="BNO26" s="8"/>
      <c r="BNP26" s="8"/>
      <c r="BNQ26" s="8"/>
      <c r="BNR26" s="8"/>
      <c r="BNS26" s="8"/>
      <c r="BNT26" s="8"/>
      <c r="BNU26" s="8"/>
      <c r="BNV26" s="8"/>
      <c r="BNW26" s="8"/>
      <c r="BNX26" s="8"/>
      <c r="BNY26" s="8"/>
      <c r="BNZ26" s="8"/>
      <c r="BOA26" s="8"/>
      <c r="BOB26" s="8"/>
      <c r="BOC26" s="8"/>
      <c r="BOD26" s="8"/>
      <c r="BOE26" s="8"/>
      <c r="BOF26" s="8"/>
      <c r="BOG26" s="8"/>
      <c r="BOH26" s="8"/>
      <c r="BOI26" s="8"/>
      <c r="BOJ26" s="8"/>
      <c r="BOK26" s="8"/>
      <c r="BOL26" s="8"/>
      <c r="BOM26" s="8"/>
      <c r="BON26" s="8"/>
      <c r="BOO26" s="8"/>
      <c r="BOP26" s="8"/>
      <c r="BOQ26" s="8"/>
      <c r="BOR26" s="8"/>
      <c r="BOS26" s="8"/>
      <c r="BOT26" s="8"/>
      <c r="BOU26" s="8"/>
      <c r="BOV26" s="8"/>
      <c r="BOW26" s="8"/>
      <c r="BOX26" s="8"/>
      <c r="BOY26" s="8"/>
      <c r="BOZ26" s="8"/>
      <c r="BPA26" s="8"/>
      <c r="BPB26" s="8"/>
      <c r="BPC26" s="8"/>
      <c r="BPD26" s="8"/>
      <c r="BPE26" s="8"/>
      <c r="BPF26" s="8"/>
      <c r="BPG26" s="8"/>
      <c r="BPH26" s="8"/>
      <c r="BPI26" s="8"/>
      <c r="BPJ26" s="8"/>
      <c r="BPK26" s="8"/>
      <c r="BPL26" s="8"/>
      <c r="BPM26" s="8"/>
      <c r="BPN26" s="8"/>
      <c r="BPO26" s="8"/>
      <c r="BPP26" s="8"/>
      <c r="BPQ26" s="8"/>
      <c r="BPR26" s="8"/>
      <c r="BPS26" s="8"/>
      <c r="BPT26" s="8"/>
      <c r="BPU26" s="8"/>
      <c r="BPV26" s="8"/>
      <c r="BPW26" s="8"/>
      <c r="BPX26" s="8"/>
      <c r="BPY26" s="8"/>
      <c r="BPZ26" s="8"/>
      <c r="BQA26" s="8"/>
      <c r="BQB26" s="8"/>
      <c r="BQC26" s="8"/>
      <c r="BQD26" s="8"/>
      <c r="BQE26" s="8"/>
      <c r="BQF26" s="8"/>
      <c r="BQG26" s="8"/>
      <c r="BQH26" s="8"/>
      <c r="BQI26" s="8"/>
      <c r="BQJ26" s="8"/>
      <c r="BQK26" s="8"/>
      <c r="BQL26" s="8"/>
      <c r="BQM26" s="8"/>
      <c r="BQN26" s="8"/>
      <c r="BQO26" s="8"/>
      <c r="BQP26" s="8"/>
      <c r="BQQ26" s="8"/>
      <c r="BQR26" s="8"/>
      <c r="BQS26" s="8"/>
      <c r="BQT26" s="8"/>
      <c r="BQU26" s="8"/>
      <c r="BQV26" s="8"/>
      <c r="BQW26" s="8"/>
      <c r="BQX26" s="8"/>
      <c r="BQY26" s="8"/>
      <c r="BQZ26" s="8"/>
      <c r="BRA26" s="8"/>
      <c r="BRB26" s="8"/>
      <c r="BRC26" s="8"/>
      <c r="BRD26" s="8"/>
      <c r="BRE26" s="8"/>
      <c r="BRF26" s="8"/>
      <c r="BRG26" s="8"/>
      <c r="BRH26" s="8"/>
      <c r="BRI26" s="8"/>
      <c r="BRJ26" s="8"/>
      <c r="BRK26" s="8"/>
      <c r="BRL26" s="8"/>
      <c r="BRM26" s="8"/>
      <c r="BRN26" s="8"/>
      <c r="BRO26" s="8"/>
      <c r="BRP26" s="8"/>
      <c r="BRQ26" s="8"/>
      <c r="BRR26" s="8"/>
      <c r="BRS26" s="8"/>
      <c r="BRT26" s="8"/>
      <c r="BRU26" s="8"/>
      <c r="BRV26" s="8"/>
      <c r="BRW26" s="8"/>
      <c r="BRX26" s="8"/>
      <c r="BRY26" s="8"/>
      <c r="BRZ26" s="8"/>
      <c r="BSA26" s="8"/>
      <c r="BSB26" s="8"/>
      <c r="BSC26" s="8"/>
      <c r="BSD26" s="8"/>
      <c r="BSE26" s="8"/>
      <c r="BSF26" s="8"/>
      <c r="BSG26" s="8"/>
      <c r="BSH26" s="8"/>
      <c r="BSI26" s="8"/>
      <c r="BSJ26" s="8"/>
      <c r="BSK26" s="8"/>
      <c r="BSL26" s="8"/>
      <c r="BSM26" s="8"/>
      <c r="BSN26" s="8"/>
      <c r="BSO26" s="8"/>
      <c r="BSP26" s="8"/>
      <c r="BSQ26" s="8"/>
      <c r="BSR26" s="8"/>
      <c r="BSS26" s="8"/>
      <c r="BST26" s="8"/>
      <c r="BSU26" s="8"/>
      <c r="BSV26" s="8"/>
      <c r="BSW26" s="8"/>
      <c r="BSX26" s="8"/>
      <c r="BSY26" s="8"/>
      <c r="BSZ26" s="8"/>
      <c r="BTA26" s="8"/>
      <c r="BTB26" s="8"/>
      <c r="BTC26" s="8"/>
      <c r="BTD26" s="8"/>
      <c r="BTE26" s="8"/>
      <c r="BTF26" s="8"/>
      <c r="BTG26" s="8"/>
      <c r="BTH26" s="8"/>
      <c r="BTI26" s="8"/>
      <c r="BTJ26" s="8"/>
      <c r="BTK26" s="8"/>
      <c r="BTL26" s="8"/>
      <c r="BTM26" s="8"/>
      <c r="BTN26" s="8"/>
      <c r="BTO26" s="8"/>
      <c r="BTP26" s="8"/>
      <c r="BTQ26" s="8"/>
      <c r="BTR26" s="8"/>
      <c r="BTS26" s="8"/>
      <c r="BTT26" s="8"/>
      <c r="BTU26" s="8"/>
      <c r="BTV26" s="8"/>
      <c r="BTW26" s="8"/>
      <c r="BTX26" s="8"/>
      <c r="BTY26" s="8"/>
      <c r="BTZ26" s="8"/>
      <c r="BUA26" s="8"/>
      <c r="BUB26" s="8"/>
      <c r="BUC26" s="8"/>
      <c r="BUD26" s="8"/>
      <c r="BUE26" s="8"/>
      <c r="BUF26" s="8"/>
      <c r="BUG26" s="8"/>
      <c r="BUH26" s="8"/>
      <c r="BUI26" s="8"/>
      <c r="BUJ26" s="8"/>
      <c r="BUK26" s="8"/>
      <c r="BUL26" s="8"/>
      <c r="BUM26" s="8"/>
      <c r="BUN26" s="8"/>
      <c r="BUO26" s="8"/>
      <c r="BUP26" s="8"/>
      <c r="BUQ26" s="8"/>
      <c r="BUR26" s="8"/>
      <c r="BUS26" s="8"/>
      <c r="BUT26" s="8"/>
      <c r="BUU26" s="8"/>
      <c r="BUV26" s="8"/>
      <c r="BUW26" s="8"/>
      <c r="BUX26" s="8"/>
      <c r="BUY26" s="8"/>
      <c r="BUZ26" s="8"/>
      <c r="BVA26" s="8"/>
      <c r="BVB26" s="8"/>
      <c r="BVC26" s="8"/>
      <c r="BVD26" s="8"/>
      <c r="BVE26" s="8"/>
      <c r="BVF26" s="8"/>
      <c r="BVG26" s="8"/>
      <c r="BVH26" s="8"/>
      <c r="BVI26" s="8"/>
      <c r="BVJ26" s="8"/>
      <c r="BVK26" s="8"/>
      <c r="BVL26" s="8"/>
      <c r="BVM26" s="8"/>
      <c r="BVN26" s="8"/>
      <c r="BVO26" s="8"/>
      <c r="BVP26" s="8"/>
      <c r="BVQ26" s="8"/>
      <c r="BVR26" s="8"/>
      <c r="BVS26" s="8"/>
      <c r="BVT26" s="8"/>
      <c r="BVU26" s="8"/>
      <c r="BVV26" s="8"/>
      <c r="BVW26" s="8"/>
      <c r="BVX26" s="8"/>
      <c r="BVY26" s="8"/>
      <c r="BVZ26" s="8"/>
      <c r="BWA26" s="8"/>
      <c r="BWB26" s="8"/>
      <c r="BWC26" s="8"/>
      <c r="BWD26" s="8"/>
      <c r="BWE26" s="8"/>
      <c r="BWF26" s="8"/>
      <c r="BWG26" s="8"/>
      <c r="BWH26" s="8"/>
      <c r="BWI26" s="8"/>
      <c r="BWJ26" s="8"/>
      <c r="BWK26" s="8"/>
      <c r="BWL26" s="8"/>
      <c r="BWM26" s="8"/>
      <c r="BWN26" s="8"/>
      <c r="BWO26" s="8"/>
      <c r="BWP26" s="8"/>
      <c r="BWQ26" s="8"/>
      <c r="BWR26" s="8"/>
      <c r="BWS26" s="8"/>
      <c r="BWT26" s="8"/>
      <c r="BWU26" s="8"/>
      <c r="BWV26" s="8"/>
      <c r="BWW26" s="8"/>
      <c r="BWX26" s="8"/>
      <c r="BWY26" s="8"/>
      <c r="BWZ26" s="8"/>
      <c r="BXA26" s="8"/>
      <c r="BXB26" s="8"/>
      <c r="BXC26" s="8"/>
      <c r="BXD26" s="8"/>
      <c r="BXE26" s="8"/>
      <c r="BXF26" s="8"/>
      <c r="BXG26" s="8"/>
      <c r="BXH26" s="8"/>
      <c r="BXI26" s="8"/>
      <c r="BXJ26" s="8"/>
      <c r="BXK26" s="8"/>
      <c r="BXL26" s="8"/>
      <c r="BXM26" s="8"/>
      <c r="BXN26" s="8"/>
      <c r="BXO26" s="8"/>
      <c r="BXP26" s="8"/>
      <c r="BXQ26" s="8"/>
      <c r="BXR26" s="8"/>
      <c r="BXS26" s="8"/>
      <c r="BXT26" s="8"/>
      <c r="BXU26" s="8"/>
      <c r="BXV26" s="8"/>
      <c r="BXW26" s="8"/>
      <c r="BXX26" s="8"/>
      <c r="BXY26" s="8"/>
      <c r="BXZ26" s="8"/>
      <c r="BYA26" s="8"/>
      <c r="BYB26" s="8"/>
      <c r="BYC26" s="8"/>
      <c r="BYD26" s="8"/>
      <c r="BYE26" s="8"/>
      <c r="BYF26" s="8"/>
      <c r="BYG26" s="8"/>
      <c r="BYH26" s="8"/>
      <c r="BYI26" s="8"/>
      <c r="BYJ26" s="8"/>
      <c r="BYK26" s="8"/>
      <c r="BYL26" s="8"/>
      <c r="BYM26" s="8"/>
      <c r="BYN26" s="8"/>
      <c r="BYO26" s="8"/>
      <c r="BYP26" s="8"/>
      <c r="BYQ26" s="8"/>
      <c r="BYR26" s="8"/>
      <c r="BYS26" s="8"/>
      <c r="BYT26" s="8"/>
      <c r="BYU26" s="8"/>
      <c r="BYV26" s="8"/>
      <c r="BYW26" s="8"/>
      <c r="BYX26" s="8"/>
      <c r="BYY26" s="8"/>
      <c r="BYZ26" s="8"/>
      <c r="BZA26" s="8"/>
      <c r="BZB26" s="8"/>
      <c r="BZC26" s="8"/>
      <c r="BZD26" s="8"/>
      <c r="BZE26" s="8"/>
      <c r="BZF26" s="8"/>
      <c r="BZG26" s="8"/>
      <c r="BZH26" s="8"/>
      <c r="BZI26" s="8"/>
      <c r="BZJ26" s="8"/>
      <c r="BZK26" s="8"/>
      <c r="BZL26" s="8"/>
      <c r="BZM26" s="8"/>
      <c r="BZN26" s="8"/>
      <c r="BZO26" s="8"/>
      <c r="BZP26" s="8"/>
      <c r="BZQ26" s="8"/>
      <c r="BZR26" s="8"/>
      <c r="BZS26" s="8"/>
      <c r="BZT26" s="8"/>
      <c r="BZU26" s="8"/>
      <c r="BZV26" s="8"/>
      <c r="BZW26" s="8"/>
      <c r="BZX26" s="8"/>
      <c r="BZY26" s="8"/>
      <c r="BZZ26" s="8"/>
      <c r="CAA26" s="8"/>
      <c r="CAB26" s="8"/>
      <c r="CAC26" s="8"/>
      <c r="CAD26" s="8"/>
      <c r="CAE26" s="8"/>
      <c r="CAF26" s="8"/>
      <c r="CAG26" s="8"/>
      <c r="CAH26" s="8"/>
      <c r="CAI26" s="8"/>
      <c r="CAJ26" s="8"/>
      <c r="CAK26" s="8"/>
      <c r="CAL26" s="8"/>
      <c r="CAM26" s="8"/>
      <c r="CAN26" s="8"/>
      <c r="CAO26" s="8"/>
      <c r="CAP26" s="8"/>
      <c r="CAQ26" s="8"/>
      <c r="CAR26" s="8"/>
      <c r="CAS26" s="8"/>
      <c r="CAT26" s="8"/>
      <c r="CAU26" s="8"/>
      <c r="CAV26" s="8"/>
      <c r="CAW26" s="8"/>
      <c r="CAX26" s="8"/>
      <c r="CAY26" s="8"/>
      <c r="CAZ26" s="8"/>
      <c r="CBA26" s="8"/>
      <c r="CBB26" s="8"/>
      <c r="CBC26" s="8"/>
      <c r="CBD26" s="8"/>
      <c r="CBE26" s="8"/>
      <c r="CBF26" s="8"/>
      <c r="CBG26" s="8"/>
      <c r="CBH26" s="8"/>
      <c r="CBI26" s="8"/>
      <c r="CBJ26" s="8"/>
      <c r="CBK26" s="8"/>
      <c r="CBL26" s="8"/>
      <c r="CBM26" s="8"/>
      <c r="CBN26" s="8"/>
      <c r="CBO26" s="8"/>
      <c r="CBP26" s="8"/>
      <c r="CBQ26" s="8"/>
      <c r="CBR26" s="8"/>
      <c r="CBS26" s="8"/>
      <c r="CBT26" s="8"/>
      <c r="CBU26" s="8"/>
      <c r="CBV26" s="8"/>
      <c r="CBW26" s="8"/>
      <c r="CBX26" s="8"/>
      <c r="CBY26" s="8"/>
      <c r="CBZ26" s="8"/>
      <c r="CCA26" s="8"/>
      <c r="CCB26" s="8"/>
      <c r="CCC26" s="8"/>
      <c r="CCD26" s="8"/>
      <c r="CCE26" s="8"/>
      <c r="CCF26" s="8"/>
      <c r="CCG26" s="8"/>
      <c r="CCH26" s="8"/>
      <c r="CCI26" s="8"/>
      <c r="CCJ26" s="8"/>
      <c r="CCK26" s="8"/>
      <c r="CCL26" s="8"/>
      <c r="CCM26" s="8"/>
      <c r="CCN26" s="8"/>
      <c r="CCO26" s="8"/>
      <c r="CCP26" s="8"/>
      <c r="CCQ26" s="8"/>
      <c r="CCR26" s="8"/>
      <c r="CCS26" s="8"/>
      <c r="CCT26" s="8"/>
      <c r="CCU26" s="8"/>
      <c r="CCV26" s="8"/>
      <c r="CCW26" s="8"/>
      <c r="CCX26" s="8"/>
      <c r="CCY26" s="8"/>
      <c r="CCZ26" s="8"/>
      <c r="CDA26" s="8"/>
      <c r="CDB26" s="8"/>
      <c r="CDC26" s="8"/>
      <c r="CDD26" s="8"/>
      <c r="CDE26" s="8"/>
      <c r="CDF26" s="8"/>
      <c r="CDG26" s="8"/>
      <c r="CDH26" s="8"/>
      <c r="CDI26" s="8"/>
      <c r="CDJ26" s="8"/>
      <c r="CDK26" s="8"/>
      <c r="CDL26" s="8"/>
      <c r="CDM26" s="8"/>
      <c r="CDN26" s="8"/>
      <c r="CDO26" s="8"/>
      <c r="CDP26" s="8"/>
      <c r="CDQ26" s="8"/>
      <c r="CDR26" s="8"/>
      <c r="CDS26" s="8"/>
      <c r="CDT26" s="8"/>
      <c r="CDU26" s="8"/>
      <c r="CDV26" s="8"/>
      <c r="CDW26" s="8"/>
      <c r="CDX26" s="8"/>
      <c r="CDY26" s="8"/>
      <c r="CDZ26" s="8"/>
      <c r="CEA26" s="8"/>
      <c r="CEB26" s="8"/>
      <c r="CEC26" s="8"/>
      <c r="CED26" s="8"/>
      <c r="CEE26" s="8"/>
      <c r="CEF26" s="8"/>
      <c r="CEG26" s="8"/>
      <c r="CEH26" s="8"/>
      <c r="CEI26" s="8"/>
      <c r="CEJ26" s="8"/>
      <c r="CEK26" s="8"/>
      <c r="CEL26" s="8"/>
      <c r="CEM26" s="8"/>
      <c r="CEN26" s="8"/>
      <c r="CEO26" s="8"/>
      <c r="CEP26" s="8"/>
      <c r="CEQ26" s="8"/>
      <c r="CER26" s="8"/>
      <c r="CES26" s="8"/>
      <c r="CET26" s="8"/>
      <c r="CEU26" s="8"/>
      <c r="CEV26" s="8"/>
      <c r="CEW26" s="8"/>
      <c r="CEX26" s="8"/>
      <c r="CEY26" s="8"/>
      <c r="CEZ26" s="8"/>
      <c r="CFA26" s="8"/>
      <c r="CFB26" s="8"/>
      <c r="CFC26" s="8"/>
      <c r="CFD26" s="8"/>
      <c r="CFE26" s="8"/>
      <c r="CFF26" s="8"/>
      <c r="CFG26" s="8"/>
      <c r="CFH26" s="8"/>
      <c r="CFI26" s="8"/>
      <c r="CFJ26" s="8"/>
      <c r="CFK26" s="8"/>
      <c r="CFL26" s="8"/>
      <c r="CFM26" s="8"/>
      <c r="CFN26" s="8"/>
      <c r="CFO26" s="8"/>
      <c r="CFP26" s="8"/>
      <c r="CFQ26" s="8"/>
      <c r="CFR26" s="8"/>
      <c r="CFS26" s="8"/>
      <c r="CFT26" s="8"/>
      <c r="CFU26" s="8"/>
      <c r="CFV26" s="8"/>
      <c r="CFW26" s="8"/>
      <c r="CFX26" s="8"/>
      <c r="CFY26" s="8"/>
      <c r="CFZ26" s="8"/>
      <c r="CGA26" s="8"/>
      <c r="CGB26" s="8"/>
      <c r="CGC26" s="8"/>
      <c r="CGD26" s="8"/>
      <c r="CGE26" s="8"/>
      <c r="CGF26" s="8"/>
      <c r="CGG26" s="8"/>
      <c r="CGH26" s="8"/>
      <c r="CGI26" s="8"/>
      <c r="CGJ26" s="8"/>
      <c r="CGK26" s="8"/>
      <c r="CGL26" s="8"/>
      <c r="CGM26" s="8"/>
      <c r="CGN26" s="8"/>
      <c r="CGO26" s="8"/>
      <c r="CGP26" s="8"/>
      <c r="CGQ26" s="8"/>
      <c r="CGR26" s="8"/>
      <c r="CGS26" s="8"/>
      <c r="CGT26" s="8"/>
      <c r="CGU26" s="8"/>
      <c r="CGV26" s="8"/>
      <c r="CGW26" s="8"/>
      <c r="CGX26" s="8"/>
      <c r="CGY26" s="8"/>
      <c r="CGZ26" s="8"/>
      <c r="CHA26" s="8"/>
      <c r="CHB26" s="8"/>
      <c r="CHC26" s="8"/>
      <c r="CHD26" s="8"/>
      <c r="CHE26" s="8"/>
      <c r="CHF26" s="8"/>
      <c r="CHG26" s="8"/>
      <c r="CHH26" s="8"/>
      <c r="CHI26" s="8"/>
      <c r="CHJ26" s="8"/>
      <c r="CHK26" s="8"/>
      <c r="CHL26" s="8"/>
      <c r="CHM26" s="8"/>
      <c r="CHN26" s="8"/>
      <c r="CHO26" s="8"/>
      <c r="CHP26" s="8"/>
      <c r="CHQ26" s="8"/>
      <c r="CHR26" s="8"/>
      <c r="CHS26" s="8"/>
      <c r="CHT26" s="8"/>
      <c r="CHU26" s="8"/>
      <c r="CHV26" s="8"/>
      <c r="CHW26" s="8"/>
      <c r="CHX26" s="8"/>
      <c r="CHY26" s="8"/>
      <c r="CHZ26" s="8"/>
      <c r="CIA26" s="8"/>
      <c r="CIB26" s="8"/>
      <c r="CIC26" s="8"/>
      <c r="CID26" s="8"/>
      <c r="CIE26" s="8"/>
      <c r="CIF26" s="8"/>
      <c r="CIG26" s="8"/>
      <c r="CIH26" s="8"/>
      <c r="CII26" s="8"/>
      <c r="CIJ26" s="8"/>
      <c r="CIK26" s="8"/>
      <c r="CIL26" s="8"/>
      <c r="CIM26" s="8"/>
      <c r="CIN26" s="8"/>
      <c r="CIO26" s="8"/>
      <c r="CIP26" s="8"/>
      <c r="CIQ26" s="8"/>
      <c r="CIR26" s="8"/>
      <c r="CIS26" s="8"/>
      <c r="CIT26" s="8"/>
      <c r="CIU26" s="8"/>
      <c r="CIV26" s="8"/>
      <c r="CIW26" s="8"/>
      <c r="CIX26" s="8"/>
      <c r="CIY26" s="8"/>
      <c r="CIZ26" s="8"/>
      <c r="CJA26" s="8"/>
      <c r="CJB26" s="8"/>
      <c r="CJC26" s="8"/>
      <c r="CJD26" s="8"/>
      <c r="CJE26" s="8"/>
      <c r="CJF26" s="8"/>
      <c r="CJG26" s="8"/>
      <c r="CJH26" s="8"/>
      <c r="CJI26" s="8"/>
      <c r="CJJ26" s="8"/>
      <c r="CJK26" s="8"/>
      <c r="CJL26" s="8"/>
      <c r="CJM26" s="8"/>
      <c r="CJN26" s="8"/>
      <c r="CJO26" s="8"/>
      <c r="CJP26" s="8"/>
      <c r="CJQ26" s="8"/>
      <c r="CJR26" s="8"/>
      <c r="CJS26" s="8"/>
      <c r="CJT26" s="8"/>
      <c r="CJU26" s="8"/>
      <c r="CJV26" s="8"/>
      <c r="CJW26" s="8"/>
      <c r="CJX26" s="8"/>
      <c r="CJY26" s="8"/>
      <c r="CJZ26" s="8"/>
      <c r="CKA26" s="8"/>
      <c r="CKB26" s="8"/>
      <c r="CKC26" s="8"/>
      <c r="CKD26" s="8"/>
      <c r="CKE26" s="8"/>
      <c r="CKF26" s="8"/>
      <c r="CKG26" s="8"/>
      <c r="CKH26" s="8"/>
      <c r="CKI26" s="8"/>
      <c r="CKJ26" s="8"/>
      <c r="CKK26" s="8"/>
      <c r="CKL26" s="8"/>
      <c r="CKM26" s="8"/>
      <c r="CKN26" s="8"/>
      <c r="CKO26" s="8"/>
      <c r="CKP26" s="8"/>
      <c r="CKQ26" s="8"/>
      <c r="CKR26" s="8"/>
      <c r="CKS26" s="8"/>
      <c r="CKT26" s="8"/>
      <c r="CKU26" s="8"/>
      <c r="CKV26" s="8"/>
      <c r="CKW26" s="8"/>
      <c r="CKX26" s="8"/>
      <c r="CKY26" s="8"/>
      <c r="CKZ26" s="8"/>
      <c r="CLA26" s="8"/>
      <c r="CLB26" s="8"/>
      <c r="CLC26" s="8"/>
      <c r="CLD26" s="8"/>
      <c r="CLE26" s="8"/>
      <c r="CLF26" s="8"/>
      <c r="CLG26" s="8"/>
      <c r="CLH26" s="8"/>
      <c r="CLI26" s="8"/>
      <c r="CLJ26" s="8"/>
      <c r="CLK26" s="8"/>
      <c r="CLL26" s="8"/>
      <c r="CLM26" s="8"/>
      <c r="CLN26" s="8"/>
      <c r="CLO26" s="8"/>
      <c r="CLP26" s="8"/>
      <c r="CLQ26" s="8"/>
      <c r="CLR26" s="8"/>
      <c r="CLS26" s="8"/>
      <c r="CLT26" s="8"/>
      <c r="CLU26" s="8"/>
      <c r="CLV26" s="8"/>
      <c r="CLW26" s="8"/>
      <c r="CLX26" s="8"/>
      <c r="CLY26" s="8"/>
      <c r="CLZ26" s="8"/>
      <c r="CMA26" s="8"/>
      <c r="CMB26" s="8"/>
      <c r="CMC26" s="8"/>
      <c r="CMD26" s="8"/>
      <c r="CME26" s="8"/>
      <c r="CMF26" s="8"/>
      <c r="CMG26" s="8"/>
      <c r="CMH26" s="8"/>
      <c r="CMI26" s="8"/>
      <c r="CMJ26" s="8"/>
      <c r="CMK26" s="8"/>
      <c r="CML26" s="8"/>
      <c r="CMM26" s="8"/>
      <c r="CMN26" s="8"/>
      <c r="CMO26" s="8"/>
      <c r="CMP26" s="8"/>
      <c r="CMQ26" s="8"/>
      <c r="CMR26" s="8"/>
      <c r="CMS26" s="8"/>
      <c r="CMT26" s="8"/>
      <c r="CMU26" s="8"/>
      <c r="CMV26" s="8"/>
      <c r="CMW26" s="8"/>
      <c r="CMX26" s="8"/>
      <c r="CMY26" s="8"/>
      <c r="CMZ26" s="8"/>
      <c r="CNA26" s="8"/>
      <c r="CNB26" s="8"/>
      <c r="CNC26" s="8"/>
      <c r="CND26" s="8"/>
      <c r="CNE26" s="8"/>
      <c r="CNF26" s="8"/>
      <c r="CNG26" s="8"/>
      <c r="CNH26" s="8"/>
      <c r="CNI26" s="8"/>
      <c r="CNJ26" s="8"/>
      <c r="CNK26" s="8"/>
      <c r="CNL26" s="8"/>
      <c r="CNM26" s="8"/>
      <c r="CNN26" s="8"/>
      <c r="CNO26" s="8"/>
      <c r="CNP26" s="8"/>
      <c r="CNQ26" s="8"/>
      <c r="CNR26" s="8"/>
      <c r="CNS26" s="8"/>
      <c r="CNT26" s="8"/>
      <c r="CNU26" s="8"/>
      <c r="CNV26" s="8"/>
      <c r="CNW26" s="8"/>
      <c r="CNX26" s="8"/>
      <c r="CNY26" s="8"/>
      <c r="CNZ26" s="8"/>
      <c r="COA26" s="8"/>
      <c r="COB26" s="8"/>
      <c r="COC26" s="8"/>
      <c r="COD26" s="8"/>
      <c r="COE26" s="8"/>
      <c r="COF26" s="8"/>
      <c r="COG26" s="8"/>
      <c r="COH26" s="8"/>
      <c r="COI26" s="8"/>
      <c r="COJ26" s="8"/>
      <c r="COK26" s="8"/>
      <c r="COL26" s="8"/>
      <c r="COM26" s="8"/>
      <c r="CON26" s="8"/>
      <c r="COO26" s="8"/>
      <c r="COP26" s="8"/>
      <c r="COQ26" s="8"/>
      <c r="COR26" s="8"/>
      <c r="COS26" s="8"/>
      <c r="COT26" s="8"/>
      <c r="COU26" s="8"/>
      <c r="COV26" s="8"/>
      <c r="COW26" s="8"/>
      <c r="COX26" s="8"/>
      <c r="COY26" s="8"/>
      <c r="COZ26" s="8"/>
      <c r="CPA26" s="8"/>
      <c r="CPB26" s="8"/>
      <c r="CPC26" s="8"/>
      <c r="CPD26" s="8"/>
      <c r="CPE26" s="8"/>
      <c r="CPF26" s="8"/>
      <c r="CPG26" s="8"/>
      <c r="CPH26" s="8"/>
      <c r="CPI26" s="8"/>
      <c r="CPJ26" s="8"/>
      <c r="CPK26" s="8"/>
      <c r="CPL26" s="8"/>
      <c r="CPM26" s="8"/>
      <c r="CPN26" s="8"/>
      <c r="CPO26" s="8"/>
      <c r="CPP26" s="8"/>
      <c r="CPQ26" s="8"/>
      <c r="CPR26" s="8"/>
      <c r="CPS26" s="8"/>
      <c r="CPT26" s="8"/>
      <c r="CPU26" s="8"/>
      <c r="CPV26" s="8"/>
      <c r="CPW26" s="8"/>
      <c r="CPX26" s="8"/>
      <c r="CPY26" s="8"/>
      <c r="CPZ26" s="8"/>
      <c r="CQA26" s="8"/>
      <c r="CQB26" s="8"/>
      <c r="CQC26" s="8"/>
      <c r="CQD26" s="8"/>
      <c r="CQE26" s="8"/>
      <c r="CQF26" s="8"/>
      <c r="CQG26" s="8"/>
      <c r="CQH26" s="8"/>
      <c r="CQI26" s="8"/>
      <c r="CQJ26" s="8"/>
      <c r="CQK26" s="8"/>
      <c r="CQL26" s="8"/>
      <c r="CQM26" s="8"/>
      <c r="CQN26" s="8"/>
      <c r="CQO26" s="8"/>
      <c r="CQP26" s="8"/>
      <c r="CQQ26" s="8"/>
      <c r="CQR26" s="8"/>
      <c r="CQS26" s="8"/>
      <c r="CQT26" s="8"/>
      <c r="CQU26" s="8"/>
      <c r="CQV26" s="8"/>
      <c r="CQW26" s="8"/>
      <c r="CQX26" s="8"/>
      <c r="CQY26" s="8"/>
      <c r="CQZ26" s="8"/>
      <c r="CRA26" s="8"/>
      <c r="CRB26" s="8"/>
      <c r="CRC26" s="8"/>
      <c r="CRD26" s="8"/>
      <c r="CRE26" s="8"/>
      <c r="CRF26" s="8"/>
      <c r="CRG26" s="8"/>
      <c r="CRH26" s="8"/>
      <c r="CRI26" s="8"/>
      <c r="CRJ26" s="8"/>
      <c r="CRK26" s="8"/>
      <c r="CRL26" s="8"/>
      <c r="CRM26" s="8"/>
      <c r="CRN26" s="8"/>
      <c r="CRO26" s="8"/>
      <c r="CRP26" s="8"/>
      <c r="CRQ26" s="8"/>
      <c r="CRR26" s="8"/>
      <c r="CRS26" s="8"/>
      <c r="CRT26" s="8"/>
      <c r="CRU26" s="8"/>
      <c r="CRV26" s="8"/>
      <c r="CRW26" s="8"/>
      <c r="CRX26" s="8"/>
      <c r="CRY26" s="8"/>
      <c r="CRZ26" s="8"/>
      <c r="CSA26" s="8"/>
      <c r="CSB26" s="8"/>
      <c r="CSC26" s="8"/>
      <c r="CSD26" s="8"/>
      <c r="CSE26" s="8"/>
      <c r="CSF26" s="8"/>
      <c r="CSG26" s="8"/>
      <c r="CSH26" s="8"/>
      <c r="CSI26" s="8"/>
      <c r="CSJ26" s="8"/>
      <c r="CSK26" s="8"/>
      <c r="CSL26" s="8"/>
      <c r="CSM26" s="8"/>
      <c r="CSN26" s="8"/>
      <c r="CSO26" s="8"/>
      <c r="CSP26" s="8"/>
      <c r="CSQ26" s="8"/>
      <c r="CSR26" s="8"/>
      <c r="CSS26" s="8"/>
      <c r="CST26" s="8"/>
      <c r="CSU26" s="8"/>
      <c r="CSV26" s="8"/>
      <c r="CSW26" s="8"/>
      <c r="CSX26" s="8"/>
      <c r="CSY26" s="8"/>
      <c r="CSZ26" s="8"/>
      <c r="CTA26" s="8"/>
      <c r="CTB26" s="8"/>
      <c r="CTC26" s="8"/>
      <c r="CTD26" s="8"/>
      <c r="CTE26" s="8"/>
      <c r="CTF26" s="8"/>
      <c r="CTG26" s="8"/>
      <c r="CTH26" s="8"/>
      <c r="CTI26" s="8"/>
      <c r="CTJ26" s="8"/>
      <c r="CTK26" s="8"/>
      <c r="CTL26" s="8"/>
      <c r="CTM26" s="8"/>
      <c r="CTN26" s="8"/>
      <c r="CTO26" s="8"/>
      <c r="CTP26" s="8"/>
      <c r="CTQ26" s="8"/>
      <c r="CTR26" s="8"/>
      <c r="CTS26" s="8"/>
      <c r="CTT26" s="8"/>
      <c r="CTU26" s="8"/>
      <c r="CTV26" s="8"/>
      <c r="CTW26" s="8"/>
      <c r="CTX26" s="8"/>
      <c r="CTY26" s="8"/>
      <c r="CTZ26" s="8"/>
      <c r="CUA26" s="8"/>
      <c r="CUB26" s="8"/>
      <c r="CUC26" s="8"/>
      <c r="CUD26" s="8"/>
      <c r="CUE26" s="8"/>
      <c r="CUF26" s="8"/>
      <c r="CUG26" s="8"/>
      <c r="CUH26" s="8"/>
      <c r="CUI26" s="8"/>
      <c r="CUJ26" s="8"/>
      <c r="CUK26" s="8"/>
      <c r="CUL26" s="8"/>
      <c r="CUM26" s="8"/>
      <c r="CUN26" s="8"/>
      <c r="CUO26" s="8"/>
      <c r="CUP26" s="8"/>
      <c r="CUQ26" s="8"/>
      <c r="CUR26" s="8"/>
      <c r="CUS26" s="8"/>
      <c r="CUT26" s="8"/>
      <c r="CUU26" s="8"/>
      <c r="CUV26" s="8"/>
      <c r="CUW26" s="8"/>
      <c r="CUX26" s="8"/>
      <c r="CUY26" s="8"/>
      <c r="CUZ26" s="8"/>
      <c r="CVA26" s="8"/>
      <c r="CVB26" s="8"/>
      <c r="CVC26" s="8"/>
      <c r="CVD26" s="8"/>
      <c r="CVE26" s="8"/>
      <c r="CVF26" s="8"/>
      <c r="CVG26" s="8"/>
      <c r="CVH26" s="8"/>
      <c r="CVI26" s="8"/>
      <c r="CVJ26" s="8"/>
      <c r="CVK26" s="8"/>
      <c r="CVL26" s="8"/>
      <c r="CVM26" s="8"/>
      <c r="CVN26" s="8"/>
      <c r="CVO26" s="8"/>
      <c r="CVP26" s="8"/>
      <c r="CVQ26" s="8"/>
      <c r="CVR26" s="8"/>
      <c r="CVS26" s="8"/>
      <c r="CVT26" s="8"/>
      <c r="CVU26" s="8"/>
      <c r="CVV26" s="8"/>
      <c r="CVW26" s="8"/>
      <c r="CVX26" s="8"/>
      <c r="CVY26" s="8"/>
      <c r="CVZ26" s="8"/>
      <c r="CWA26" s="8"/>
      <c r="CWB26" s="8"/>
      <c r="CWC26" s="8"/>
      <c r="CWD26" s="8"/>
      <c r="CWE26" s="8"/>
      <c r="CWF26" s="8"/>
      <c r="CWG26" s="8"/>
      <c r="CWH26" s="8"/>
      <c r="CWI26" s="8"/>
      <c r="CWJ26" s="8"/>
      <c r="CWK26" s="8"/>
      <c r="CWL26" s="8"/>
      <c r="CWM26" s="8"/>
      <c r="CWN26" s="8"/>
      <c r="CWO26" s="8"/>
      <c r="CWP26" s="8"/>
      <c r="CWQ26" s="8"/>
      <c r="CWR26" s="8"/>
      <c r="CWS26" s="8"/>
      <c r="CWT26" s="8"/>
      <c r="CWU26" s="8"/>
      <c r="CWV26" s="8"/>
      <c r="CWW26" s="8"/>
      <c r="CWX26" s="8"/>
      <c r="CWY26" s="8"/>
      <c r="CWZ26" s="8"/>
      <c r="CXA26" s="8"/>
      <c r="CXB26" s="8"/>
      <c r="CXC26" s="8"/>
      <c r="CXD26" s="8"/>
      <c r="CXE26" s="8"/>
      <c r="CXF26" s="8"/>
      <c r="CXG26" s="8"/>
      <c r="CXH26" s="8"/>
      <c r="CXI26" s="8"/>
      <c r="CXJ26" s="8"/>
      <c r="CXK26" s="8"/>
      <c r="CXL26" s="8"/>
      <c r="CXM26" s="8"/>
      <c r="CXN26" s="8"/>
      <c r="CXO26" s="8"/>
      <c r="CXP26" s="8"/>
      <c r="CXQ26" s="8"/>
      <c r="CXR26" s="8"/>
      <c r="CXS26" s="8"/>
      <c r="CXT26" s="8"/>
      <c r="CXU26" s="8"/>
      <c r="CXV26" s="8"/>
      <c r="CXW26" s="8"/>
      <c r="CXX26" s="8"/>
      <c r="CXY26" s="8"/>
      <c r="CXZ26" s="8"/>
      <c r="CYA26" s="8"/>
      <c r="CYB26" s="8"/>
      <c r="CYC26" s="8"/>
      <c r="CYD26" s="8"/>
      <c r="CYE26" s="8"/>
      <c r="CYF26" s="8"/>
      <c r="CYG26" s="8"/>
      <c r="CYH26" s="8"/>
      <c r="CYI26" s="8"/>
      <c r="CYJ26" s="8"/>
      <c r="CYK26" s="8"/>
      <c r="CYL26" s="8"/>
      <c r="CYM26" s="8"/>
      <c r="CYN26" s="8"/>
      <c r="CYO26" s="8"/>
      <c r="CYP26" s="8"/>
      <c r="CYQ26" s="8"/>
      <c r="CYR26" s="8"/>
      <c r="CYS26" s="8"/>
      <c r="CYT26" s="8"/>
      <c r="CYU26" s="8"/>
      <c r="CYV26" s="8"/>
      <c r="CYW26" s="8"/>
      <c r="CYX26" s="8"/>
      <c r="CYY26" s="8"/>
      <c r="CYZ26" s="8"/>
      <c r="CZA26" s="8"/>
      <c r="CZB26" s="8"/>
      <c r="CZC26" s="8"/>
      <c r="CZD26" s="8"/>
      <c r="CZE26" s="8"/>
      <c r="CZF26" s="8"/>
      <c r="CZG26" s="8"/>
      <c r="CZH26" s="8"/>
      <c r="CZI26" s="8"/>
      <c r="CZJ26" s="8"/>
      <c r="CZK26" s="8"/>
      <c r="CZL26" s="8"/>
      <c r="CZM26" s="8"/>
      <c r="CZN26" s="8"/>
      <c r="CZO26" s="8"/>
      <c r="CZP26" s="8"/>
      <c r="CZQ26" s="8"/>
      <c r="CZR26" s="8"/>
      <c r="CZS26" s="8"/>
      <c r="CZT26" s="8"/>
      <c r="CZU26" s="8"/>
      <c r="CZV26" s="8"/>
      <c r="CZW26" s="8"/>
      <c r="CZX26" s="8"/>
      <c r="CZY26" s="8"/>
      <c r="CZZ26" s="8"/>
      <c r="DAA26" s="8"/>
      <c r="DAB26" s="8"/>
      <c r="DAC26" s="8"/>
      <c r="DAD26" s="8"/>
      <c r="DAE26" s="8"/>
      <c r="DAF26" s="8"/>
      <c r="DAG26" s="8"/>
      <c r="DAH26" s="8"/>
      <c r="DAI26" s="8"/>
      <c r="DAJ26" s="8"/>
      <c r="DAK26" s="8"/>
      <c r="DAL26" s="8"/>
      <c r="DAM26" s="8"/>
      <c r="DAN26" s="8"/>
      <c r="DAO26" s="8"/>
      <c r="DAP26" s="8"/>
      <c r="DAQ26" s="8"/>
      <c r="DAR26" s="8"/>
      <c r="DAS26" s="8"/>
      <c r="DAT26" s="8"/>
      <c r="DAU26" s="8"/>
      <c r="DAV26" s="8"/>
      <c r="DAW26" s="8"/>
      <c r="DAX26" s="8"/>
      <c r="DAY26" s="8"/>
      <c r="DAZ26" s="8"/>
      <c r="DBA26" s="8"/>
      <c r="DBB26" s="8"/>
      <c r="DBC26" s="8"/>
      <c r="DBD26" s="8"/>
      <c r="DBE26" s="8"/>
      <c r="DBF26" s="8"/>
      <c r="DBG26" s="8"/>
      <c r="DBH26" s="8"/>
      <c r="DBI26" s="8"/>
      <c r="DBJ26" s="8"/>
      <c r="DBK26" s="8"/>
      <c r="DBL26" s="8"/>
      <c r="DBM26" s="8"/>
      <c r="DBN26" s="8"/>
      <c r="DBO26" s="8"/>
      <c r="DBP26" s="8"/>
      <c r="DBQ26" s="8"/>
      <c r="DBR26" s="8"/>
      <c r="DBS26" s="8"/>
      <c r="DBT26" s="8"/>
      <c r="DBU26" s="8"/>
      <c r="DBV26" s="8"/>
      <c r="DBW26" s="8"/>
      <c r="DBX26" s="8"/>
      <c r="DBY26" s="8"/>
      <c r="DBZ26" s="8"/>
      <c r="DCA26" s="8"/>
      <c r="DCB26" s="8"/>
      <c r="DCC26" s="8"/>
      <c r="DCD26" s="8"/>
      <c r="DCE26" s="8"/>
      <c r="DCF26" s="8"/>
      <c r="DCG26" s="8"/>
      <c r="DCH26" s="8"/>
      <c r="DCI26" s="8"/>
      <c r="DCJ26" s="8"/>
      <c r="DCK26" s="8"/>
      <c r="DCL26" s="8"/>
      <c r="DCM26" s="8"/>
      <c r="DCN26" s="8"/>
      <c r="DCO26" s="8"/>
      <c r="DCP26" s="8"/>
      <c r="DCQ26" s="8"/>
      <c r="DCR26" s="8"/>
      <c r="DCS26" s="8"/>
      <c r="DCT26" s="8"/>
      <c r="DCU26" s="8"/>
      <c r="DCV26" s="8"/>
      <c r="DCW26" s="8"/>
      <c r="DCX26" s="8"/>
      <c r="DCY26" s="8"/>
      <c r="DCZ26" s="8"/>
      <c r="DDA26" s="8"/>
      <c r="DDB26" s="8"/>
      <c r="DDC26" s="8"/>
      <c r="DDD26" s="8"/>
      <c r="DDE26" s="8"/>
      <c r="DDF26" s="8"/>
      <c r="DDG26" s="8"/>
      <c r="DDH26" s="8"/>
      <c r="DDI26" s="8"/>
      <c r="DDJ26" s="8"/>
      <c r="DDK26" s="8"/>
      <c r="DDL26" s="8"/>
      <c r="DDM26" s="8"/>
      <c r="DDN26" s="8"/>
      <c r="DDO26" s="8"/>
      <c r="DDP26" s="8"/>
      <c r="DDQ26" s="8"/>
      <c r="DDR26" s="8"/>
      <c r="DDS26" s="8"/>
      <c r="DDT26" s="8"/>
      <c r="DDU26" s="8"/>
      <c r="DDV26" s="8"/>
      <c r="DDW26" s="8"/>
      <c r="DDX26" s="8"/>
      <c r="DDY26" s="8"/>
      <c r="DDZ26" s="8"/>
      <c r="DEA26" s="8"/>
      <c r="DEB26" s="8"/>
      <c r="DEC26" s="8"/>
      <c r="DED26" s="8"/>
      <c r="DEE26" s="8"/>
      <c r="DEF26" s="8"/>
      <c r="DEG26" s="8"/>
      <c r="DEH26" s="8"/>
      <c r="DEI26" s="8"/>
      <c r="DEJ26" s="8"/>
      <c r="DEK26" s="8"/>
      <c r="DEL26" s="8"/>
      <c r="DEM26" s="8"/>
      <c r="DEN26" s="8"/>
      <c r="DEO26" s="8"/>
      <c r="DEP26" s="8"/>
      <c r="DEQ26" s="8"/>
      <c r="DER26" s="8"/>
      <c r="DES26" s="8"/>
      <c r="DET26" s="8"/>
      <c r="DEU26" s="8"/>
      <c r="DEV26" s="8"/>
      <c r="DEW26" s="8"/>
      <c r="DEX26" s="8"/>
      <c r="DEY26" s="8"/>
      <c r="DEZ26" s="8"/>
      <c r="DFA26" s="8"/>
      <c r="DFB26" s="8"/>
      <c r="DFC26" s="8"/>
      <c r="DFD26" s="8"/>
      <c r="DFE26" s="8"/>
      <c r="DFF26" s="8"/>
      <c r="DFG26" s="8"/>
      <c r="DFH26" s="8"/>
      <c r="DFI26" s="8"/>
      <c r="DFJ26" s="8"/>
      <c r="DFK26" s="8"/>
      <c r="DFL26" s="8"/>
      <c r="DFM26" s="8"/>
      <c r="DFN26" s="8"/>
      <c r="DFO26" s="8"/>
      <c r="DFP26" s="8"/>
      <c r="DFQ26" s="8"/>
      <c r="DFR26" s="8"/>
      <c r="DFS26" s="8"/>
      <c r="DFT26" s="8"/>
      <c r="DFU26" s="8"/>
      <c r="DFV26" s="8"/>
      <c r="DFW26" s="8"/>
      <c r="DFX26" s="8"/>
      <c r="DFY26" s="8"/>
      <c r="DFZ26" s="8"/>
      <c r="DGA26" s="8"/>
      <c r="DGB26" s="8"/>
      <c r="DGC26" s="8"/>
      <c r="DGD26" s="8"/>
      <c r="DGE26" s="8"/>
      <c r="DGF26" s="8"/>
      <c r="DGG26" s="8"/>
      <c r="DGH26" s="8"/>
      <c r="DGI26" s="8"/>
      <c r="DGJ26" s="8"/>
      <c r="DGK26" s="8"/>
      <c r="DGL26" s="8"/>
      <c r="DGM26" s="8"/>
      <c r="DGN26" s="8"/>
      <c r="DGO26" s="8"/>
      <c r="DGP26" s="8"/>
      <c r="DGQ26" s="8"/>
      <c r="DGR26" s="8"/>
      <c r="DGS26" s="8"/>
      <c r="DGT26" s="8"/>
      <c r="DGU26" s="8"/>
      <c r="DGV26" s="8"/>
      <c r="DGW26" s="8"/>
      <c r="DGX26" s="8"/>
      <c r="DGY26" s="8"/>
      <c r="DGZ26" s="8"/>
      <c r="DHA26" s="8"/>
      <c r="DHB26" s="8"/>
      <c r="DHC26" s="8"/>
      <c r="DHD26" s="8"/>
      <c r="DHE26" s="8"/>
      <c r="DHF26" s="8"/>
      <c r="DHG26" s="8"/>
      <c r="DHH26" s="8"/>
      <c r="DHI26" s="8"/>
      <c r="DHJ26" s="8"/>
      <c r="DHK26" s="8"/>
      <c r="DHL26" s="8"/>
      <c r="DHM26" s="8"/>
      <c r="DHN26" s="8"/>
      <c r="DHO26" s="8"/>
      <c r="DHP26" s="8"/>
      <c r="DHQ26" s="8"/>
      <c r="DHR26" s="8"/>
      <c r="DHS26" s="8"/>
      <c r="DHT26" s="8"/>
      <c r="DHU26" s="8"/>
      <c r="DHV26" s="8"/>
      <c r="DHW26" s="8"/>
      <c r="DHX26" s="8"/>
      <c r="DHY26" s="8"/>
      <c r="DHZ26" s="8"/>
      <c r="DIA26" s="8"/>
      <c r="DIB26" s="8"/>
      <c r="DIC26" s="8"/>
      <c r="DID26" s="8"/>
      <c r="DIE26" s="8"/>
      <c r="DIF26" s="8"/>
      <c r="DIG26" s="8"/>
      <c r="DIH26" s="8"/>
      <c r="DII26" s="8"/>
      <c r="DIJ26" s="8"/>
      <c r="DIK26" s="8"/>
      <c r="DIL26" s="8"/>
      <c r="DIM26" s="8"/>
      <c r="DIN26" s="8"/>
      <c r="DIO26" s="8"/>
      <c r="DIP26" s="8"/>
      <c r="DIQ26" s="8"/>
      <c r="DIR26" s="8"/>
      <c r="DIS26" s="8"/>
      <c r="DIT26" s="8"/>
      <c r="DIU26" s="8"/>
      <c r="DIV26" s="8"/>
      <c r="DIW26" s="8"/>
      <c r="DIX26" s="8"/>
      <c r="DIY26" s="8"/>
      <c r="DIZ26" s="8"/>
      <c r="DJA26" s="8"/>
      <c r="DJB26" s="8"/>
      <c r="DJC26" s="8"/>
      <c r="DJD26" s="8"/>
      <c r="DJE26" s="8"/>
      <c r="DJF26" s="8"/>
      <c r="DJG26" s="8"/>
      <c r="DJH26" s="8"/>
      <c r="DJI26" s="8"/>
      <c r="DJJ26" s="8"/>
      <c r="DJK26" s="8"/>
      <c r="DJL26" s="8"/>
      <c r="DJM26" s="8"/>
      <c r="DJN26" s="8"/>
      <c r="DJO26" s="8"/>
      <c r="DJP26" s="8"/>
      <c r="DJQ26" s="8"/>
      <c r="DJR26" s="8"/>
      <c r="DJS26" s="8"/>
      <c r="DJT26" s="8"/>
      <c r="DJU26" s="8"/>
      <c r="DJV26" s="8"/>
      <c r="DJW26" s="8"/>
      <c r="DJX26" s="8"/>
      <c r="DJY26" s="8"/>
      <c r="DJZ26" s="8"/>
      <c r="DKA26" s="8"/>
      <c r="DKB26" s="8"/>
      <c r="DKC26" s="8"/>
      <c r="DKD26" s="8"/>
      <c r="DKE26" s="8"/>
      <c r="DKF26" s="8"/>
      <c r="DKG26" s="8"/>
      <c r="DKH26" s="8"/>
      <c r="DKI26" s="8"/>
      <c r="DKJ26" s="8"/>
      <c r="DKK26" s="8"/>
      <c r="DKL26" s="8"/>
      <c r="DKM26" s="8"/>
      <c r="DKN26" s="8"/>
      <c r="DKO26" s="8"/>
      <c r="DKP26" s="8"/>
      <c r="DKQ26" s="8"/>
      <c r="DKR26" s="8"/>
      <c r="DKS26" s="8"/>
      <c r="DKT26" s="8"/>
      <c r="DKU26" s="8"/>
      <c r="DKV26" s="8"/>
      <c r="DKW26" s="8"/>
      <c r="DKX26" s="8"/>
      <c r="DKY26" s="8"/>
      <c r="DKZ26" s="8"/>
      <c r="DLA26" s="8"/>
      <c r="DLB26" s="8"/>
      <c r="DLC26" s="8"/>
      <c r="DLD26" s="8"/>
      <c r="DLE26" s="8"/>
      <c r="DLF26" s="8"/>
      <c r="DLG26" s="8"/>
      <c r="DLH26" s="8"/>
      <c r="DLI26" s="8"/>
      <c r="DLJ26" s="8"/>
      <c r="DLK26" s="8"/>
      <c r="DLL26" s="8"/>
      <c r="DLM26" s="8"/>
      <c r="DLN26" s="8"/>
      <c r="DLO26" s="8"/>
      <c r="DLP26" s="8"/>
      <c r="DLQ26" s="8"/>
      <c r="DLR26" s="8"/>
      <c r="DLS26" s="8"/>
      <c r="DLT26" s="8"/>
      <c r="DLU26" s="8"/>
      <c r="DLV26" s="8"/>
      <c r="DLW26" s="8"/>
      <c r="DLX26" s="8"/>
      <c r="DLY26" s="8"/>
      <c r="DLZ26" s="8"/>
      <c r="DMA26" s="8"/>
      <c r="DMB26" s="8"/>
      <c r="DMC26" s="8"/>
      <c r="DMD26" s="8"/>
      <c r="DME26" s="8"/>
      <c r="DMF26" s="8"/>
      <c r="DMG26" s="8"/>
      <c r="DMH26" s="8"/>
      <c r="DMI26" s="8"/>
      <c r="DMJ26" s="8"/>
      <c r="DMK26" s="8"/>
      <c r="DML26" s="8"/>
      <c r="DMM26" s="8"/>
      <c r="DMN26" s="8"/>
      <c r="DMO26" s="8"/>
      <c r="DMP26" s="8"/>
      <c r="DMQ26" s="8"/>
      <c r="DMR26" s="8"/>
      <c r="DMS26" s="8"/>
      <c r="DMT26" s="8"/>
      <c r="DMU26" s="8"/>
      <c r="DMV26" s="8"/>
      <c r="DMW26" s="8"/>
      <c r="DMX26" s="8"/>
      <c r="DMY26" s="8"/>
      <c r="DMZ26" s="8"/>
      <c r="DNA26" s="8"/>
      <c r="DNB26" s="8"/>
      <c r="DNC26" s="8"/>
      <c r="DND26" s="8"/>
      <c r="DNE26" s="8"/>
      <c r="DNF26" s="8"/>
      <c r="DNG26" s="8"/>
      <c r="DNH26" s="8"/>
      <c r="DNI26" s="8"/>
      <c r="DNJ26" s="8"/>
      <c r="DNK26" s="8"/>
      <c r="DNL26" s="8"/>
      <c r="DNM26" s="8"/>
      <c r="DNN26" s="8"/>
      <c r="DNO26" s="8"/>
      <c r="DNP26" s="8"/>
      <c r="DNQ26" s="8"/>
      <c r="DNR26" s="8"/>
      <c r="DNS26" s="8"/>
      <c r="DNT26" s="8"/>
      <c r="DNU26" s="8"/>
      <c r="DNV26" s="8"/>
      <c r="DNW26" s="8"/>
      <c r="DNX26" s="8"/>
      <c r="DNY26" s="8"/>
      <c r="DNZ26" s="8"/>
      <c r="DOA26" s="8"/>
      <c r="DOB26" s="8"/>
      <c r="DOC26" s="8"/>
      <c r="DOD26" s="8"/>
      <c r="DOE26" s="8"/>
      <c r="DOF26" s="8"/>
      <c r="DOG26" s="8"/>
      <c r="DOH26" s="8"/>
      <c r="DOI26" s="8"/>
      <c r="DOJ26" s="8"/>
      <c r="DOK26" s="8"/>
      <c r="DOL26" s="8"/>
      <c r="DOM26" s="8"/>
      <c r="DON26" s="8"/>
      <c r="DOO26" s="8"/>
      <c r="DOP26" s="8"/>
      <c r="DOQ26" s="8"/>
      <c r="DOR26" s="8"/>
      <c r="DOS26" s="8"/>
      <c r="DOT26" s="8"/>
      <c r="DOU26" s="8"/>
      <c r="DOV26" s="8"/>
      <c r="DOW26" s="8"/>
      <c r="DOX26" s="8"/>
      <c r="DOY26" s="8"/>
      <c r="DOZ26" s="8"/>
      <c r="DPA26" s="8"/>
      <c r="DPB26" s="8"/>
      <c r="DPC26" s="8"/>
      <c r="DPD26" s="8"/>
      <c r="DPE26" s="8"/>
      <c r="DPF26" s="8"/>
      <c r="DPG26" s="8"/>
      <c r="DPH26" s="8"/>
      <c r="DPI26" s="8"/>
      <c r="DPJ26" s="8"/>
      <c r="DPK26" s="8"/>
      <c r="DPL26" s="8"/>
      <c r="DPM26" s="8"/>
      <c r="DPN26" s="8"/>
      <c r="DPO26" s="8"/>
      <c r="DPP26" s="8"/>
      <c r="DPQ26" s="8"/>
      <c r="DPR26" s="8"/>
      <c r="DPS26" s="8"/>
      <c r="DPT26" s="8"/>
      <c r="DPU26" s="8"/>
      <c r="DPV26" s="8"/>
      <c r="DPW26" s="8"/>
      <c r="DPX26" s="8"/>
      <c r="DPY26" s="8"/>
      <c r="DPZ26" s="8"/>
      <c r="DQA26" s="8"/>
      <c r="DQB26" s="8"/>
      <c r="DQC26" s="8"/>
      <c r="DQD26" s="8"/>
      <c r="DQE26" s="8"/>
      <c r="DQF26" s="8"/>
      <c r="DQG26" s="8"/>
      <c r="DQH26" s="8"/>
      <c r="DQI26" s="8"/>
      <c r="DQJ26" s="8"/>
      <c r="DQK26" s="8"/>
      <c r="DQL26" s="8"/>
      <c r="DQM26" s="8"/>
      <c r="DQN26" s="8"/>
      <c r="DQO26" s="8"/>
      <c r="DQP26" s="8"/>
      <c r="DQQ26" s="8"/>
      <c r="DQR26" s="8"/>
      <c r="DQS26" s="8"/>
      <c r="DQT26" s="8"/>
      <c r="DQU26" s="8"/>
      <c r="DQV26" s="8"/>
      <c r="DQW26" s="8"/>
      <c r="DQX26" s="8"/>
      <c r="DQY26" s="8"/>
      <c r="DQZ26" s="8"/>
      <c r="DRA26" s="8"/>
      <c r="DRB26" s="8"/>
      <c r="DRC26" s="8"/>
      <c r="DRD26" s="8"/>
      <c r="DRE26" s="8"/>
      <c r="DRF26" s="8"/>
      <c r="DRG26" s="8"/>
      <c r="DRH26" s="8"/>
      <c r="DRI26" s="8"/>
      <c r="DRJ26" s="8"/>
      <c r="DRK26" s="8"/>
      <c r="DRL26" s="8"/>
      <c r="DRM26" s="8"/>
      <c r="DRN26" s="8"/>
      <c r="DRO26" s="8"/>
      <c r="DRP26" s="8"/>
      <c r="DRQ26" s="8"/>
      <c r="DRR26" s="8"/>
      <c r="DRS26" s="8"/>
      <c r="DRT26" s="8"/>
      <c r="DRU26" s="8"/>
      <c r="DRV26" s="8"/>
      <c r="DRW26" s="8"/>
      <c r="DRX26" s="8"/>
      <c r="DRY26" s="8"/>
      <c r="DRZ26" s="8"/>
      <c r="DSA26" s="8"/>
      <c r="DSB26" s="8"/>
      <c r="DSC26" s="8"/>
      <c r="DSD26" s="8"/>
      <c r="DSE26" s="8"/>
      <c r="DSF26" s="8"/>
      <c r="DSG26" s="8"/>
      <c r="DSH26" s="8"/>
      <c r="DSI26" s="8"/>
      <c r="DSJ26" s="8"/>
      <c r="DSK26" s="8"/>
      <c r="DSL26" s="8"/>
      <c r="DSM26" s="8"/>
      <c r="DSN26" s="8"/>
      <c r="DSO26" s="8"/>
      <c r="DSP26" s="8"/>
      <c r="DSQ26" s="8"/>
      <c r="DSR26" s="8"/>
      <c r="DSS26" s="8"/>
      <c r="DST26" s="8"/>
      <c r="DSU26" s="8"/>
      <c r="DSV26" s="8"/>
      <c r="DSW26" s="8"/>
      <c r="DSX26" s="8"/>
      <c r="DSY26" s="8"/>
      <c r="DSZ26" s="8"/>
      <c r="DTA26" s="8"/>
      <c r="DTB26" s="8"/>
      <c r="DTC26" s="8"/>
      <c r="DTD26" s="8"/>
      <c r="DTE26" s="8"/>
      <c r="DTF26" s="8"/>
      <c r="DTG26" s="8"/>
      <c r="DTH26" s="8"/>
      <c r="DTI26" s="8"/>
      <c r="DTJ26" s="8"/>
      <c r="DTK26" s="8"/>
      <c r="DTL26" s="8"/>
      <c r="DTM26" s="8"/>
      <c r="DTN26" s="8"/>
      <c r="DTO26" s="8"/>
      <c r="DTP26" s="8"/>
      <c r="DTQ26" s="8"/>
      <c r="DTR26" s="8"/>
      <c r="DTS26" s="8"/>
      <c r="DTT26" s="8"/>
      <c r="DTU26" s="8"/>
      <c r="DTV26" s="8"/>
      <c r="DTW26" s="8"/>
      <c r="DTX26" s="8"/>
      <c r="DTY26" s="8"/>
      <c r="DTZ26" s="8"/>
      <c r="DUA26" s="8"/>
      <c r="DUB26" s="8"/>
      <c r="DUC26" s="8"/>
      <c r="DUD26" s="8"/>
      <c r="DUE26" s="8"/>
      <c r="DUF26" s="8"/>
      <c r="DUG26" s="8"/>
      <c r="DUH26" s="8"/>
      <c r="DUI26" s="8"/>
      <c r="DUJ26" s="8"/>
      <c r="DUK26" s="8"/>
      <c r="DUL26" s="8"/>
      <c r="DUM26" s="8"/>
      <c r="DUN26" s="8"/>
      <c r="DUO26" s="8"/>
      <c r="DUP26" s="8"/>
      <c r="DUQ26" s="8"/>
      <c r="DUR26" s="8"/>
      <c r="DUS26" s="8"/>
      <c r="DUT26" s="8"/>
      <c r="DUU26" s="8"/>
      <c r="DUV26" s="8"/>
      <c r="DUW26" s="8"/>
      <c r="DUX26" s="8"/>
      <c r="DUY26" s="8"/>
      <c r="DUZ26" s="8"/>
      <c r="DVA26" s="8"/>
      <c r="DVB26" s="8"/>
      <c r="DVC26" s="8"/>
      <c r="DVD26" s="8"/>
      <c r="DVE26" s="8"/>
      <c r="DVF26" s="8"/>
      <c r="DVG26" s="8"/>
      <c r="DVH26" s="8"/>
      <c r="DVI26" s="8"/>
      <c r="DVJ26" s="8"/>
      <c r="DVK26" s="8"/>
      <c r="DVL26" s="8"/>
      <c r="DVM26" s="8"/>
      <c r="DVN26" s="8"/>
      <c r="DVO26" s="8"/>
      <c r="DVP26" s="8"/>
      <c r="DVQ26" s="8"/>
      <c r="DVR26" s="8"/>
      <c r="DVS26" s="8"/>
      <c r="DVT26" s="8"/>
      <c r="DVU26" s="8"/>
      <c r="DVV26" s="8"/>
      <c r="DVW26" s="8"/>
      <c r="DVX26" s="8"/>
      <c r="DVY26" s="8"/>
      <c r="DVZ26" s="8"/>
      <c r="DWA26" s="8"/>
      <c r="DWB26" s="8"/>
      <c r="DWC26" s="8"/>
      <c r="DWD26" s="8"/>
      <c r="DWE26" s="8"/>
      <c r="DWF26" s="8"/>
      <c r="DWG26" s="8"/>
      <c r="DWH26" s="8"/>
      <c r="DWI26" s="8"/>
      <c r="DWJ26" s="8"/>
      <c r="DWK26" s="8"/>
      <c r="DWL26" s="8"/>
      <c r="DWM26" s="8"/>
      <c r="DWN26" s="8"/>
      <c r="DWO26" s="8"/>
      <c r="DWP26" s="8"/>
      <c r="DWQ26" s="8"/>
      <c r="DWR26" s="8"/>
      <c r="DWS26" s="8"/>
      <c r="DWT26" s="8"/>
      <c r="DWU26" s="8"/>
      <c r="DWV26" s="8"/>
      <c r="DWW26" s="8"/>
      <c r="DWX26" s="8"/>
      <c r="DWY26" s="8"/>
      <c r="DWZ26" s="8"/>
      <c r="DXA26" s="8"/>
      <c r="DXB26" s="8"/>
      <c r="DXC26" s="8"/>
      <c r="DXD26" s="8"/>
      <c r="DXE26" s="8"/>
      <c r="DXF26" s="8"/>
      <c r="DXG26" s="8"/>
      <c r="DXH26" s="8"/>
      <c r="DXI26" s="8"/>
      <c r="DXJ26" s="8"/>
      <c r="DXK26" s="8"/>
      <c r="DXL26" s="8"/>
      <c r="DXM26" s="8"/>
      <c r="DXN26" s="8"/>
      <c r="DXO26" s="8"/>
      <c r="DXP26" s="8"/>
      <c r="DXQ26" s="8"/>
      <c r="DXR26" s="8"/>
      <c r="DXS26" s="8"/>
      <c r="DXT26" s="8"/>
      <c r="DXU26" s="8"/>
      <c r="DXV26" s="8"/>
      <c r="DXW26" s="8"/>
      <c r="DXX26" s="8"/>
      <c r="DXY26" s="8"/>
      <c r="DXZ26" s="8"/>
      <c r="DYA26" s="8"/>
      <c r="DYB26" s="8"/>
      <c r="DYC26" s="8"/>
      <c r="DYD26" s="8"/>
      <c r="DYE26" s="8"/>
      <c r="DYF26" s="8"/>
      <c r="DYG26" s="8"/>
      <c r="DYH26" s="8"/>
      <c r="DYI26" s="8"/>
      <c r="DYJ26" s="8"/>
      <c r="DYK26" s="8"/>
      <c r="DYL26" s="8"/>
      <c r="DYM26" s="8"/>
      <c r="DYN26" s="8"/>
      <c r="DYO26" s="8"/>
      <c r="DYP26" s="8"/>
      <c r="DYQ26" s="8"/>
      <c r="DYR26" s="8"/>
      <c r="DYS26" s="8"/>
      <c r="DYT26" s="8"/>
      <c r="DYU26" s="8"/>
      <c r="DYV26" s="8"/>
      <c r="DYW26" s="8"/>
      <c r="DYX26" s="8"/>
      <c r="DYY26" s="8"/>
      <c r="DYZ26" s="8"/>
      <c r="DZA26" s="8"/>
      <c r="DZB26" s="8"/>
      <c r="DZC26" s="8"/>
      <c r="DZD26" s="8"/>
      <c r="DZE26" s="8"/>
      <c r="DZF26" s="8"/>
      <c r="DZG26" s="8"/>
      <c r="DZH26" s="8"/>
      <c r="DZI26" s="8"/>
      <c r="DZJ26" s="8"/>
      <c r="DZK26" s="8"/>
      <c r="DZL26" s="8"/>
      <c r="DZM26" s="8"/>
      <c r="DZN26" s="8"/>
      <c r="DZO26" s="8"/>
      <c r="DZP26" s="8"/>
      <c r="DZQ26" s="8"/>
      <c r="DZR26" s="8"/>
      <c r="DZS26" s="8"/>
      <c r="DZT26" s="8"/>
      <c r="DZU26" s="8"/>
      <c r="DZV26" s="8"/>
      <c r="DZW26" s="8"/>
      <c r="DZX26" s="8"/>
      <c r="DZY26" s="8"/>
      <c r="DZZ26" s="8"/>
      <c r="EAA26" s="8"/>
      <c r="EAB26" s="8"/>
      <c r="EAC26" s="8"/>
      <c r="EAD26" s="8"/>
      <c r="EAE26" s="8"/>
      <c r="EAF26" s="8"/>
      <c r="EAG26" s="8"/>
      <c r="EAH26" s="8"/>
      <c r="EAI26" s="8"/>
      <c r="EAJ26" s="8"/>
      <c r="EAK26" s="8"/>
      <c r="EAL26" s="8"/>
      <c r="EAM26" s="8"/>
      <c r="EAN26" s="8"/>
      <c r="EAO26" s="8"/>
      <c r="EAP26" s="8"/>
      <c r="EAQ26" s="8"/>
      <c r="EAR26" s="8"/>
      <c r="EAS26" s="8"/>
      <c r="EAT26" s="8"/>
      <c r="EAU26" s="8"/>
      <c r="EAV26" s="8"/>
      <c r="EAW26" s="8"/>
      <c r="EAX26" s="8"/>
      <c r="EAY26" s="8"/>
      <c r="EAZ26" s="8"/>
      <c r="EBA26" s="8"/>
      <c r="EBB26" s="8"/>
      <c r="EBC26" s="8"/>
      <c r="EBD26" s="8"/>
      <c r="EBE26" s="8"/>
      <c r="EBF26" s="8"/>
      <c r="EBG26" s="8"/>
      <c r="EBH26" s="8"/>
      <c r="EBI26" s="8"/>
      <c r="EBJ26" s="8"/>
      <c r="EBK26" s="8"/>
      <c r="EBL26" s="8"/>
      <c r="EBM26" s="8"/>
      <c r="EBN26" s="8"/>
      <c r="EBO26" s="8"/>
      <c r="EBP26" s="8"/>
      <c r="EBQ26" s="8"/>
      <c r="EBR26" s="8"/>
      <c r="EBS26" s="8"/>
      <c r="EBT26" s="8"/>
      <c r="EBU26" s="8"/>
      <c r="EBV26" s="8"/>
      <c r="EBW26" s="8"/>
      <c r="EBX26" s="8"/>
      <c r="EBY26" s="8"/>
      <c r="EBZ26" s="8"/>
      <c r="ECA26" s="8"/>
      <c r="ECB26" s="8"/>
      <c r="ECC26" s="8"/>
      <c r="ECD26" s="8"/>
      <c r="ECE26" s="8"/>
      <c r="ECF26" s="8"/>
      <c r="ECG26" s="8"/>
      <c r="ECH26" s="8"/>
      <c r="ECI26" s="8"/>
      <c r="ECJ26" s="8"/>
      <c r="ECK26" s="8"/>
      <c r="ECL26" s="8"/>
      <c r="ECM26" s="8"/>
      <c r="ECN26" s="8"/>
      <c r="ECO26" s="8"/>
      <c r="ECP26" s="8"/>
      <c r="ECQ26" s="8"/>
      <c r="ECR26" s="8"/>
      <c r="ECS26" s="8"/>
      <c r="ECT26" s="8"/>
      <c r="ECU26" s="8"/>
      <c r="ECV26" s="8"/>
      <c r="ECW26" s="8"/>
      <c r="ECX26" s="8"/>
      <c r="ECY26" s="8"/>
      <c r="ECZ26" s="8"/>
      <c r="EDA26" s="8"/>
      <c r="EDB26" s="8"/>
      <c r="EDC26" s="8"/>
      <c r="EDD26" s="8"/>
      <c r="EDE26" s="8"/>
      <c r="EDF26" s="8"/>
      <c r="EDG26" s="8"/>
      <c r="EDH26" s="8"/>
      <c r="EDI26" s="8"/>
      <c r="EDJ26" s="8"/>
      <c r="EDK26" s="8"/>
      <c r="EDL26" s="8"/>
      <c r="EDM26" s="8"/>
      <c r="EDN26" s="8"/>
      <c r="EDO26" s="8"/>
      <c r="EDP26" s="8"/>
      <c r="EDQ26" s="8"/>
      <c r="EDR26" s="8"/>
      <c r="EDS26" s="8"/>
      <c r="EDT26" s="8"/>
      <c r="EDU26" s="8"/>
      <c r="EDV26" s="8"/>
      <c r="EDW26" s="8"/>
      <c r="EDX26" s="8"/>
      <c r="EDY26" s="8"/>
      <c r="EDZ26" s="8"/>
      <c r="EEA26" s="8"/>
      <c r="EEB26" s="8"/>
      <c r="EEC26" s="8"/>
      <c r="EED26" s="8"/>
      <c r="EEE26" s="8"/>
      <c r="EEF26" s="8"/>
      <c r="EEG26" s="8"/>
      <c r="EEH26" s="8"/>
      <c r="EEI26" s="8"/>
      <c r="EEJ26" s="8"/>
      <c r="EEK26" s="8"/>
      <c r="EEL26" s="8"/>
      <c r="EEM26" s="8"/>
      <c r="EEN26" s="8"/>
      <c r="EEO26" s="8"/>
      <c r="EEP26" s="8"/>
      <c r="EEQ26" s="8"/>
      <c r="EER26" s="8"/>
      <c r="EES26" s="8"/>
      <c r="EET26" s="8"/>
      <c r="EEU26" s="8"/>
      <c r="EEV26" s="8"/>
      <c r="EEW26" s="8"/>
      <c r="EEX26" s="8"/>
      <c r="EEY26" s="8"/>
      <c r="EEZ26" s="8"/>
      <c r="EFA26" s="8"/>
      <c r="EFB26" s="8"/>
      <c r="EFC26" s="8"/>
      <c r="EFD26" s="8"/>
      <c r="EFE26" s="8"/>
      <c r="EFF26" s="8"/>
      <c r="EFG26" s="8"/>
      <c r="EFH26" s="8"/>
      <c r="EFI26" s="8"/>
      <c r="EFJ26" s="8"/>
      <c r="EFK26" s="8"/>
      <c r="EFL26" s="8"/>
      <c r="EFM26" s="8"/>
      <c r="EFN26" s="8"/>
      <c r="EFO26" s="8"/>
      <c r="EFP26" s="8"/>
      <c r="EFQ26" s="8"/>
      <c r="EFR26" s="8"/>
      <c r="EFS26" s="8"/>
      <c r="EFT26" s="8"/>
      <c r="EFU26" s="8"/>
      <c r="EFV26" s="8"/>
      <c r="EFW26" s="8"/>
      <c r="EFX26" s="8"/>
      <c r="EFY26" s="8"/>
      <c r="EFZ26" s="8"/>
      <c r="EGA26" s="8"/>
      <c r="EGB26" s="8"/>
      <c r="EGC26" s="8"/>
      <c r="EGD26" s="8"/>
      <c r="EGE26" s="8"/>
      <c r="EGF26" s="8"/>
      <c r="EGG26" s="8"/>
      <c r="EGH26" s="8"/>
      <c r="EGI26" s="8"/>
      <c r="EGJ26" s="8"/>
      <c r="EGK26" s="8"/>
      <c r="EGL26" s="8"/>
      <c r="EGM26" s="8"/>
      <c r="EGN26" s="8"/>
      <c r="EGO26" s="8"/>
      <c r="EGP26" s="8"/>
      <c r="EGQ26" s="8"/>
      <c r="EGR26" s="8"/>
      <c r="EGS26" s="8"/>
      <c r="EGT26" s="8"/>
      <c r="EGU26" s="8"/>
      <c r="EGV26" s="8"/>
      <c r="EGW26" s="8"/>
      <c r="EGX26" s="8"/>
      <c r="EGY26" s="8"/>
      <c r="EGZ26" s="8"/>
      <c r="EHA26" s="8"/>
      <c r="EHB26" s="8"/>
      <c r="EHC26" s="8"/>
      <c r="EHD26" s="8"/>
      <c r="EHE26" s="8"/>
      <c r="EHF26" s="8"/>
      <c r="EHG26" s="8"/>
      <c r="EHH26" s="8"/>
      <c r="EHI26" s="8"/>
      <c r="EHJ26" s="8"/>
      <c r="EHK26" s="8"/>
      <c r="EHL26" s="8"/>
      <c r="EHM26" s="8"/>
      <c r="EHN26" s="8"/>
      <c r="EHO26" s="8"/>
      <c r="EHP26" s="8"/>
      <c r="EHQ26" s="8"/>
      <c r="EHR26" s="8"/>
      <c r="EHS26" s="8"/>
      <c r="EHT26" s="8"/>
      <c r="EHU26" s="8"/>
      <c r="EHV26" s="8"/>
      <c r="EHW26" s="8"/>
      <c r="EHX26" s="8"/>
      <c r="EHY26" s="8"/>
      <c r="EHZ26" s="8"/>
      <c r="EIA26" s="8"/>
      <c r="EIB26" s="8"/>
      <c r="EIC26" s="8"/>
      <c r="EID26" s="8"/>
      <c r="EIE26" s="8"/>
      <c r="EIF26" s="8"/>
      <c r="EIG26" s="8"/>
      <c r="EIH26" s="8"/>
      <c r="EII26" s="8"/>
      <c r="EIJ26" s="8"/>
      <c r="EIK26" s="8"/>
      <c r="EIL26" s="8"/>
      <c r="EIM26" s="8"/>
      <c r="EIN26" s="8"/>
      <c r="EIO26" s="8"/>
      <c r="EIP26" s="8"/>
      <c r="EIQ26" s="8"/>
      <c r="EIR26" s="8"/>
      <c r="EIS26" s="8"/>
      <c r="EIT26" s="8"/>
      <c r="EIU26" s="8"/>
      <c r="EIV26" s="8"/>
      <c r="EIW26" s="8"/>
      <c r="EIX26" s="8"/>
      <c r="EIY26" s="8"/>
      <c r="EIZ26" s="8"/>
      <c r="EJA26" s="8"/>
      <c r="EJB26" s="8"/>
      <c r="EJC26" s="8"/>
      <c r="EJD26" s="8"/>
      <c r="EJE26" s="8"/>
      <c r="EJF26" s="8"/>
      <c r="EJG26" s="8"/>
      <c r="EJH26" s="8"/>
      <c r="EJI26" s="8"/>
      <c r="EJJ26" s="8"/>
      <c r="EJK26" s="8"/>
      <c r="EJL26" s="8"/>
      <c r="EJM26" s="8"/>
      <c r="EJN26" s="8"/>
      <c r="EJO26" s="8"/>
      <c r="EJP26" s="8"/>
      <c r="EJQ26" s="8"/>
      <c r="EJR26" s="8"/>
      <c r="EJS26" s="8"/>
      <c r="EJT26" s="8"/>
      <c r="EJU26" s="8"/>
      <c r="EJV26" s="8"/>
      <c r="EJW26" s="8"/>
      <c r="EJX26" s="8"/>
      <c r="EJY26" s="8"/>
      <c r="EJZ26" s="8"/>
      <c r="EKA26" s="8"/>
      <c r="EKB26" s="8"/>
      <c r="EKC26" s="8"/>
      <c r="EKD26" s="8"/>
      <c r="EKE26" s="8"/>
      <c r="EKF26" s="8"/>
      <c r="EKG26" s="8"/>
      <c r="EKH26" s="8"/>
      <c r="EKI26" s="8"/>
      <c r="EKJ26" s="8"/>
      <c r="EKK26" s="8"/>
      <c r="EKL26" s="8"/>
      <c r="EKM26" s="8"/>
      <c r="EKN26" s="8"/>
      <c r="EKO26" s="8"/>
      <c r="EKP26" s="8"/>
      <c r="EKQ26" s="8"/>
      <c r="EKR26" s="8"/>
      <c r="EKS26" s="8"/>
      <c r="EKT26" s="8"/>
      <c r="EKU26" s="8"/>
      <c r="EKV26" s="8"/>
      <c r="EKW26" s="8"/>
      <c r="EKX26" s="8"/>
      <c r="EKY26" s="8"/>
      <c r="EKZ26" s="8"/>
      <c r="ELA26" s="8"/>
      <c r="ELB26" s="8"/>
      <c r="ELC26" s="8"/>
      <c r="ELD26" s="8"/>
      <c r="ELE26" s="8"/>
      <c r="ELF26" s="8"/>
      <c r="ELG26" s="8"/>
      <c r="ELH26" s="8"/>
      <c r="ELI26" s="8"/>
      <c r="ELJ26" s="8"/>
      <c r="ELK26" s="8"/>
      <c r="ELL26" s="8"/>
      <c r="ELM26" s="8"/>
      <c r="ELN26" s="8"/>
      <c r="ELO26" s="8"/>
      <c r="ELP26" s="8"/>
      <c r="ELQ26" s="8"/>
      <c r="ELR26" s="8"/>
      <c r="ELS26" s="8"/>
      <c r="ELT26" s="8"/>
      <c r="ELU26" s="8"/>
      <c r="ELV26" s="8"/>
      <c r="ELW26" s="8"/>
      <c r="ELX26" s="8"/>
      <c r="ELY26" s="8"/>
      <c r="ELZ26" s="8"/>
      <c r="EMA26" s="8"/>
      <c r="EMB26" s="8"/>
      <c r="EMC26" s="8"/>
      <c r="EMD26" s="8"/>
      <c r="EME26" s="8"/>
      <c r="EMF26" s="8"/>
      <c r="EMG26" s="8"/>
      <c r="EMH26" s="8"/>
      <c r="EMI26" s="8"/>
      <c r="EMJ26" s="8"/>
      <c r="EMK26" s="8"/>
      <c r="EML26" s="8"/>
      <c r="EMM26" s="8"/>
      <c r="EMN26" s="8"/>
      <c r="EMO26" s="8"/>
      <c r="EMP26" s="8"/>
      <c r="EMQ26" s="8"/>
      <c r="EMR26" s="8"/>
      <c r="EMS26" s="8"/>
      <c r="EMT26" s="8"/>
      <c r="EMU26" s="8"/>
      <c r="EMV26" s="8"/>
      <c r="EMW26" s="8"/>
      <c r="EMX26" s="8"/>
      <c r="EMY26" s="8"/>
      <c r="EMZ26" s="8"/>
      <c r="ENA26" s="8"/>
      <c r="ENB26" s="8"/>
      <c r="ENC26" s="8"/>
      <c r="END26" s="8"/>
      <c r="ENE26" s="8"/>
      <c r="ENF26" s="8"/>
      <c r="ENG26" s="8"/>
      <c r="ENH26" s="8"/>
      <c r="ENI26" s="8"/>
      <c r="ENJ26" s="8"/>
      <c r="ENK26" s="8"/>
      <c r="ENL26" s="8"/>
      <c r="ENM26" s="8"/>
      <c r="ENN26" s="8"/>
      <c r="ENO26" s="8"/>
      <c r="ENP26" s="8"/>
      <c r="ENQ26" s="8"/>
      <c r="ENR26" s="8"/>
      <c r="ENS26" s="8"/>
      <c r="ENT26" s="8"/>
      <c r="ENU26" s="8"/>
      <c r="ENV26" s="8"/>
      <c r="ENW26" s="8"/>
      <c r="ENX26" s="8"/>
      <c r="ENY26" s="8"/>
      <c r="ENZ26" s="8"/>
      <c r="EOA26" s="8"/>
      <c r="EOB26" s="8"/>
      <c r="EOC26" s="8"/>
      <c r="EOD26" s="8"/>
      <c r="EOE26" s="8"/>
      <c r="EOF26" s="8"/>
      <c r="EOG26" s="8"/>
      <c r="EOH26" s="8"/>
      <c r="EOI26" s="8"/>
      <c r="EOJ26" s="8"/>
      <c r="EOK26" s="8"/>
      <c r="EOL26" s="8"/>
      <c r="EOM26" s="8"/>
      <c r="EON26" s="8"/>
      <c r="EOO26" s="8"/>
      <c r="EOP26" s="8"/>
      <c r="EOQ26" s="8"/>
      <c r="EOR26" s="8"/>
      <c r="EOS26" s="8"/>
      <c r="EOT26" s="8"/>
      <c r="EOU26" s="8"/>
      <c r="EOV26" s="8"/>
      <c r="EOW26" s="8"/>
      <c r="EOX26" s="8"/>
      <c r="EOY26" s="8"/>
      <c r="EOZ26" s="8"/>
      <c r="EPA26" s="8"/>
      <c r="EPB26" s="8"/>
      <c r="EPC26" s="8"/>
      <c r="EPD26" s="8"/>
      <c r="EPE26" s="8"/>
      <c r="EPF26" s="8"/>
      <c r="EPG26" s="8"/>
      <c r="EPH26" s="8"/>
      <c r="EPI26" s="8"/>
      <c r="EPJ26" s="8"/>
      <c r="EPK26" s="8"/>
      <c r="EPL26" s="8"/>
      <c r="EPM26" s="8"/>
      <c r="EPN26" s="8"/>
      <c r="EPO26" s="8"/>
      <c r="EPP26" s="8"/>
      <c r="EPQ26" s="8"/>
      <c r="EPR26" s="8"/>
      <c r="EPS26" s="8"/>
      <c r="EPT26" s="8"/>
      <c r="EPU26" s="8"/>
      <c r="EPV26" s="8"/>
      <c r="EPW26" s="8"/>
      <c r="EPX26" s="8"/>
      <c r="EPY26" s="8"/>
      <c r="EPZ26" s="8"/>
      <c r="EQA26" s="8"/>
      <c r="EQB26" s="8"/>
      <c r="EQC26" s="8"/>
      <c r="EQD26" s="8"/>
      <c r="EQE26" s="8"/>
      <c r="EQF26" s="8"/>
      <c r="EQG26" s="8"/>
      <c r="EQH26" s="8"/>
      <c r="EQI26" s="8"/>
      <c r="EQJ26" s="8"/>
      <c r="EQK26" s="8"/>
      <c r="EQL26" s="8"/>
      <c r="EQM26" s="8"/>
      <c r="EQN26" s="8"/>
      <c r="EQO26" s="8"/>
      <c r="EQP26" s="8"/>
      <c r="EQQ26" s="8"/>
      <c r="EQR26" s="8"/>
      <c r="EQS26" s="8"/>
      <c r="EQT26" s="8"/>
      <c r="EQU26" s="8"/>
      <c r="EQV26" s="8"/>
      <c r="EQW26" s="8"/>
      <c r="EQX26" s="8"/>
      <c r="EQY26" s="8"/>
      <c r="EQZ26" s="8"/>
      <c r="ERA26" s="8"/>
      <c r="ERB26" s="8"/>
      <c r="ERC26" s="8"/>
      <c r="ERD26" s="8"/>
      <c r="ERE26" s="8"/>
      <c r="ERF26" s="8"/>
      <c r="ERG26" s="8"/>
      <c r="ERH26" s="8"/>
      <c r="ERI26" s="8"/>
      <c r="ERJ26" s="8"/>
      <c r="ERK26" s="8"/>
      <c r="ERL26" s="8"/>
      <c r="ERM26" s="8"/>
      <c r="ERN26" s="8"/>
      <c r="ERO26" s="8"/>
      <c r="ERP26" s="8"/>
      <c r="ERQ26" s="8"/>
      <c r="ERR26" s="8"/>
      <c r="ERS26" s="8"/>
      <c r="ERT26" s="8"/>
      <c r="ERU26" s="8"/>
      <c r="ERV26" s="8"/>
      <c r="ERW26" s="8"/>
      <c r="ERX26" s="8"/>
      <c r="ERY26" s="8"/>
      <c r="ERZ26" s="8"/>
      <c r="ESA26" s="8"/>
      <c r="ESB26" s="8"/>
      <c r="ESC26" s="8"/>
      <c r="ESD26" s="8"/>
      <c r="ESE26" s="8"/>
      <c r="ESF26" s="8"/>
      <c r="ESG26" s="8"/>
      <c r="ESH26" s="8"/>
      <c r="ESI26" s="8"/>
      <c r="ESJ26" s="8"/>
      <c r="ESK26" s="8"/>
      <c r="ESL26" s="8"/>
      <c r="ESM26" s="8"/>
      <c r="ESN26" s="8"/>
      <c r="ESO26" s="8"/>
      <c r="ESP26" s="8"/>
      <c r="ESQ26" s="8"/>
      <c r="ESR26" s="8"/>
      <c r="ESS26" s="8"/>
      <c r="EST26" s="8"/>
      <c r="ESU26" s="8"/>
      <c r="ESV26" s="8"/>
      <c r="ESW26" s="8"/>
      <c r="ESX26" s="8"/>
      <c r="ESY26" s="8"/>
      <c r="ESZ26" s="8"/>
      <c r="ETA26" s="8"/>
      <c r="ETB26" s="8"/>
      <c r="ETC26" s="8"/>
      <c r="ETD26" s="8"/>
      <c r="ETE26" s="8"/>
      <c r="ETF26" s="8"/>
      <c r="ETG26" s="8"/>
      <c r="ETH26" s="8"/>
      <c r="ETI26" s="8"/>
      <c r="ETJ26" s="8"/>
      <c r="ETK26" s="8"/>
      <c r="ETL26" s="8"/>
      <c r="ETM26" s="8"/>
      <c r="ETN26" s="8"/>
      <c r="ETO26" s="8"/>
      <c r="ETP26" s="8"/>
      <c r="ETQ26" s="8"/>
      <c r="ETR26" s="8"/>
      <c r="ETS26" s="8"/>
      <c r="ETT26" s="8"/>
      <c r="ETU26" s="8"/>
      <c r="ETV26" s="8"/>
      <c r="ETW26" s="8"/>
      <c r="ETX26" s="8"/>
      <c r="ETY26" s="8"/>
      <c r="ETZ26" s="8"/>
      <c r="EUA26" s="8"/>
      <c r="EUB26" s="8"/>
      <c r="EUC26" s="8"/>
      <c r="EUD26" s="8"/>
      <c r="EUE26" s="8"/>
      <c r="EUF26" s="8"/>
      <c r="EUG26" s="8"/>
      <c r="EUH26" s="8"/>
      <c r="EUI26" s="8"/>
      <c r="EUJ26" s="8"/>
      <c r="EUK26" s="8"/>
      <c r="EUL26" s="8"/>
      <c r="EUM26" s="8"/>
      <c r="EUN26" s="8"/>
      <c r="EUO26" s="8"/>
      <c r="EUP26" s="8"/>
      <c r="EUQ26" s="8"/>
      <c r="EUR26" s="8"/>
      <c r="EUS26" s="8"/>
      <c r="EUT26" s="8"/>
      <c r="EUU26" s="8"/>
      <c r="EUV26" s="8"/>
      <c r="EUW26" s="8"/>
      <c r="EUX26" s="8"/>
      <c r="EUY26" s="8"/>
      <c r="EUZ26" s="8"/>
      <c r="EVA26" s="8"/>
      <c r="EVB26" s="8"/>
      <c r="EVC26" s="8"/>
      <c r="EVD26" s="8"/>
      <c r="EVE26" s="8"/>
      <c r="EVF26" s="8"/>
      <c r="EVG26" s="8"/>
      <c r="EVH26" s="8"/>
      <c r="EVI26" s="8"/>
      <c r="EVJ26" s="8"/>
      <c r="EVK26" s="8"/>
      <c r="EVL26" s="8"/>
      <c r="EVM26" s="8"/>
      <c r="EVN26" s="8"/>
      <c r="EVO26" s="8"/>
      <c r="EVP26" s="8"/>
      <c r="EVQ26" s="8"/>
      <c r="EVR26" s="8"/>
      <c r="EVS26" s="8"/>
      <c r="EVT26" s="8"/>
      <c r="EVU26" s="8"/>
      <c r="EVV26" s="8"/>
      <c r="EVW26" s="8"/>
      <c r="EVX26" s="8"/>
      <c r="EVY26" s="8"/>
      <c r="EVZ26" s="8"/>
      <c r="EWA26" s="8"/>
      <c r="EWB26" s="8"/>
      <c r="EWC26" s="8"/>
      <c r="EWD26" s="8"/>
      <c r="EWE26" s="8"/>
      <c r="EWF26" s="8"/>
      <c r="EWG26" s="8"/>
      <c r="EWH26" s="8"/>
      <c r="EWI26" s="8"/>
      <c r="EWJ26" s="8"/>
      <c r="EWK26" s="8"/>
      <c r="EWL26" s="8"/>
      <c r="EWM26" s="8"/>
      <c r="EWN26" s="8"/>
      <c r="EWO26" s="8"/>
      <c r="EWP26" s="8"/>
      <c r="EWQ26" s="8"/>
      <c r="EWR26" s="8"/>
      <c r="EWS26" s="8"/>
      <c r="EWT26" s="8"/>
      <c r="EWU26" s="8"/>
      <c r="EWV26" s="8"/>
      <c r="EWW26" s="8"/>
      <c r="EWX26" s="8"/>
      <c r="EWY26" s="8"/>
      <c r="EWZ26" s="8"/>
      <c r="EXA26" s="8"/>
      <c r="EXB26" s="8"/>
      <c r="EXC26" s="8"/>
      <c r="EXD26" s="8"/>
      <c r="EXE26" s="8"/>
      <c r="EXF26" s="8"/>
      <c r="EXG26" s="8"/>
      <c r="EXH26" s="8"/>
      <c r="EXI26" s="8"/>
      <c r="EXJ26" s="8"/>
      <c r="EXK26" s="8"/>
      <c r="EXL26" s="8"/>
      <c r="EXM26" s="8"/>
      <c r="EXN26" s="8"/>
      <c r="EXO26" s="8"/>
      <c r="EXP26" s="8"/>
      <c r="EXQ26" s="8"/>
      <c r="EXR26" s="8"/>
      <c r="EXS26" s="8"/>
      <c r="EXT26" s="8"/>
      <c r="EXU26" s="8"/>
      <c r="EXV26" s="8"/>
      <c r="EXW26" s="8"/>
      <c r="EXX26" s="8"/>
      <c r="EXY26" s="8"/>
      <c r="EXZ26" s="8"/>
      <c r="EYA26" s="8"/>
      <c r="EYB26" s="8"/>
      <c r="EYC26" s="8"/>
      <c r="EYD26" s="8"/>
      <c r="EYE26" s="8"/>
      <c r="EYF26" s="8"/>
      <c r="EYG26" s="8"/>
      <c r="EYH26" s="8"/>
      <c r="EYI26" s="8"/>
      <c r="EYJ26" s="8"/>
      <c r="EYK26" s="8"/>
      <c r="EYL26" s="8"/>
      <c r="EYM26" s="8"/>
      <c r="EYN26" s="8"/>
      <c r="EYO26" s="8"/>
      <c r="EYP26" s="8"/>
      <c r="EYQ26" s="8"/>
      <c r="EYR26" s="8"/>
      <c r="EYS26" s="8"/>
      <c r="EYT26" s="8"/>
      <c r="EYU26" s="8"/>
      <c r="EYV26" s="8"/>
      <c r="EYW26" s="8"/>
      <c r="EYX26" s="8"/>
      <c r="EYY26" s="8"/>
      <c r="EYZ26" s="8"/>
      <c r="EZA26" s="8"/>
      <c r="EZB26" s="8"/>
      <c r="EZC26" s="8"/>
      <c r="EZD26" s="8"/>
      <c r="EZE26" s="8"/>
      <c r="EZF26" s="8"/>
      <c r="EZG26" s="8"/>
      <c r="EZH26" s="8"/>
      <c r="EZI26" s="8"/>
      <c r="EZJ26" s="8"/>
      <c r="EZK26" s="8"/>
      <c r="EZL26" s="8"/>
      <c r="EZM26" s="8"/>
      <c r="EZN26" s="8"/>
      <c r="EZO26" s="8"/>
      <c r="EZP26" s="8"/>
      <c r="EZQ26" s="8"/>
      <c r="EZR26" s="8"/>
      <c r="EZS26" s="8"/>
      <c r="EZT26" s="8"/>
      <c r="EZU26" s="8"/>
      <c r="EZV26" s="8"/>
      <c r="EZW26" s="8"/>
      <c r="EZX26" s="8"/>
      <c r="EZY26" s="8"/>
      <c r="EZZ26" s="8"/>
      <c r="FAA26" s="8"/>
      <c r="FAB26" s="8"/>
      <c r="FAC26" s="8"/>
      <c r="FAD26" s="8"/>
      <c r="FAE26" s="8"/>
      <c r="FAF26" s="8"/>
      <c r="FAG26" s="8"/>
      <c r="FAH26" s="8"/>
      <c r="FAI26" s="8"/>
      <c r="FAJ26" s="8"/>
      <c r="FAK26" s="8"/>
      <c r="FAL26" s="8"/>
      <c r="FAM26" s="8"/>
      <c r="FAN26" s="8"/>
      <c r="FAO26" s="8"/>
      <c r="FAP26" s="8"/>
      <c r="FAQ26" s="8"/>
      <c r="FAR26" s="8"/>
      <c r="FAS26" s="8"/>
      <c r="FAT26" s="8"/>
      <c r="FAU26" s="8"/>
      <c r="FAV26" s="8"/>
      <c r="FAW26" s="8"/>
      <c r="FAX26" s="8"/>
      <c r="FAY26" s="8"/>
      <c r="FAZ26" s="8"/>
      <c r="FBA26" s="8"/>
      <c r="FBB26" s="8"/>
      <c r="FBC26" s="8"/>
      <c r="FBD26" s="8"/>
      <c r="FBE26" s="8"/>
      <c r="FBF26" s="8"/>
      <c r="FBG26" s="8"/>
      <c r="FBH26" s="8"/>
      <c r="FBI26" s="8"/>
      <c r="FBJ26" s="8"/>
      <c r="FBK26" s="8"/>
      <c r="FBL26" s="8"/>
      <c r="FBM26" s="8"/>
      <c r="FBN26" s="8"/>
      <c r="FBO26" s="8"/>
      <c r="FBP26" s="8"/>
      <c r="FBQ26" s="8"/>
      <c r="FBR26" s="8"/>
      <c r="FBS26" s="8"/>
      <c r="FBT26" s="8"/>
      <c r="FBU26" s="8"/>
      <c r="FBV26" s="8"/>
      <c r="FBW26" s="8"/>
      <c r="FBX26" s="8"/>
      <c r="FBY26" s="8"/>
      <c r="FBZ26" s="8"/>
      <c r="FCA26" s="8"/>
      <c r="FCB26" s="8"/>
      <c r="FCC26" s="8"/>
      <c r="FCD26" s="8"/>
      <c r="FCE26" s="8"/>
      <c r="FCF26" s="8"/>
      <c r="FCG26" s="8"/>
      <c r="FCH26" s="8"/>
      <c r="FCI26" s="8"/>
      <c r="FCJ26" s="8"/>
      <c r="FCK26" s="8"/>
      <c r="FCL26" s="8"/>
      <c r="FCM26" s="8"/>
      <c r="FCN26" s="8"/>
      <c r="FCO26" s="8"/>
      <c r="FCP26" s="8"/>
      <c r="FCQ26" s="8"/>
      <c r="FCR26" s="8"/>
      <c r="FCS26" s="8"/>
      <c r="FCT26" s="8"/>
      <c r="FCU26" s="8"/>
      <c r="FCV26" s="8"/>
      <c r="FCW26" s="8"/>
      <c r="FCX26" s="8"/>
      <c r="FCY26" s="8"/>
      <c r="FCZ26" s="8"/>
      <c r="FDA26" s="8"/>
      <c r="FDB26" s="8"/>
      <c r="FDC26" s="8"/>
      <c r="FDD26" s="8"/>
      <c r="FDE26" s="8"/>
      <c r="FDF26" s="8"/>
      <c r="FDG26" s="8"/>
      <c r="FDH26" s="8"/>
      <c r="FDI26" s="8"/>
      <c r="FDJ26" s="8"/>
      <c r="FDK26" s="8"/>
      <c r="FDL26" s="8"/>
      <c r="FDM26" s="8"/>
      <c r="FDN26" s="8"/>
      <c r="FDO26" s="8"/>
      <c r="FDP26" s="8"/>
      <c r="FDQ26" s="8"/>
      <c r="FDR26" s="8"/>
      <c r="FDS26" s="8"/>
      <c r="FDT26" s="8"/>
      <c r="FDU26" s="8"/>
      <c r="FDV26" s="8"/>
      <c r="FDW26" s="8"/>
      <c r="FDX26" s="8"/>
      <c r="FDY26" s="8"/>
      <c r="FDZ26" s="8"/>
      <c r="FEA26" s="8"/>
      <c r="FEB26" s="8"/>
      <c r="FEC26" s="8"/>
      <c r="FED26" s="8"/>
      <c r="FEE26" s="8"/>
      <c r="FEF26" s="8"/>
      <c r="FEG26" s="8"/>
      <c r="FEH26" s="8"/>
      <c r="FEI26" s="8"/>
      <c r="FEJ26" s="8"/>
      <c r="FEK26" s="8"/>
      <c r="FEL26" s="8"/>
      <c r="FEM26" s="8"/>
      <c r="FEN26" s="8"/>
      <c r="FEO26" s="8"/>
      <c r="FEP26" s="8"/>
      <c r="FEQ26" s="8"/>
      <c r="FER26" s="8"/>
      <c r="FES26" s="8"/>
      <c r="FET26" s="8"/>
      <c r="FEU26" s="8"/>
      <c r="FEV26" s="8"/>
      <c r="FEW26" s="8"/>
      <c r="FEX26" s="8"/>
      <c r="FEY26" s="8"/>
      <c r="FEZ26" s="8"/>
      <c r="FFA26" s="8"/>
      <c r="FFB26" s="8"/>
      <c r="FFC26" s="8"/>
      <c r="FFD26" s="8"/>
      <c r="FFE26" s="8"/>
      <c r="FFF26" s="8"/>
      <c r="FFG26" s="8"/>
      <c r="FFH26" s="8"/>
      <c r="FFI26" s="8"/>
      <c r="FFJ26" s="8"/>
      <c r="FFK26" s="8"/>
      <c r="FFL26" s="8"/>
      <c r="FFM26" s="8"/>
      <c r="FFN26" s="8"/>
      <c r="FFO26" s="8"/>
      <c r="FFP26" s="8"/>
      <c r="FFQ26" s="8"/>
      <c r="FFR26" s="8"/>
      <c r="FFS26" s="8"/>
      <c r="FFT26" s="8"/>
      <c r="FFU26" s="8"/>
      <c r="FFV26" s="8"/>
      <c r="FFW26" s="8"/>
      <c r="FFX26" s="8"/>
      <c r="FFY26" s="8"/>
      <c r="FFZ26" s="8"/>
      <c r="FGA26" s="8"/>
      <c r="FGB26" s="8"/>
      <c r="FGC26" s="8"/>
      <c r="FGD26" s="8"/>
      <c r="FGE26" s="8"/>
      <c r="FGF26" s="8"/>
      <c r="FGG26" s="8"/>
      <c r="FGH26" s="8"/>
      <c r="FGI26" s="8"/>
      <c r="FGJ26" s="8"/>
      <c r="FGK26" s="8"/>
      <c r="FGL26" s="8"/>
      <c r="FGM26" s="8"/>
      <c r="FGN26" s="8"/>
      <c r="FGO26" s="8"/>
      <c r="FGP26" s="8"/>
      <c r="FGQ26" s="8"/>
      <c r="FGR26" s="8"/>
      <c r="FGS26" s="8"/>
      <c r="FGT26" s="8"/>
      <c r="FGU26" s="8"/>
      <c r="FGV26" s="8"/>
      <c r="FGW26" s="8"/>
      <c r="FGX26" s="8"/>
      <c r="FGY26" s="8"/>
      <c r="FGZ26" s="8"/>
      <c r="FHA26" s="8"/>
      <c r="FHB26" s="8"/>
      <c r="FHC26" s="8"/>
      <c r="FHD26" s="8"/>
      <c r="FHE26" s="8"/>
      <c r="FHF26" s="8"/>
      <c r="FHG26" s="8"/>
      <c r="FHH26" s="8"/>
      <c r="FHI26" s="8"/>
      <c r="FHJ26" s="8"/>
      <c r="FHK26" s="8"/>
      <c r="FHL26" s="8"/>
      <c r="FHM26" s="8"/>
      <c r="FHN26" s="8"/>
      <c r="FHO26" s="8"/>
      <c r="FHP26" s="8"/>
      <c r="FHQ26" s="8"/>
      <c r="FHR26" s="8"/>
      <c r="FHS26" s="8"/>
      <c r="FHT26" s="8"/>
      <c r="FHU26" s="8"/>
      <c r="FHV26" s="8"/>
      <c r="FHW26" s="8"/>
      <c r="FHX26" s="8"/>
      <c r="FHY26" s="8"/>
      <c r="FHZ26" s="8"/>
      <c r="FIA26" s="8"/>
      <c r="FIB26" s="8"/>
      <c r="FIC26" s="8"/>
      <c r="FID26" s="8"/>
      <c r="FIE26" s="8"/>
      <c r="FIF26" s="8"/>
      <c r="FIG26" s="8"/>
      <c r="FIH26" s="8"/>
      <c r="FII26" s="8"/>
      <c r="FIJ26" s="8"/>
      <c r="FIK26" s="8"/>
      <c r="FIL26" s="8"/>
      <c r="FIM26" s="8"/>
      <c r="FIN26" s="8"/>
      <c r="FIO26" s="8"/>
      <c r="FIP26" s="8"/>
      <c r="FIQ26" s="8"/>
      <c r="FIR26" s="8"/>
      <c r="FIS26" s="8"/>
      <c r="FIT26" s="8"/>
      <c r="FIU26" s="8"/>
      <c r="FIV26" s="8"/>
      <c r="FIW26" s="8"/>
      <c r="FIX26" s="8"/>
      <c r="FIY26" s="8"/>
      <c r="FIZ26" s="8"/>
      <c r="FJA26" s="8"/>
      <c r="FJB26" s="8"/>
      <c r="FJC26" s="8"/>
      <c r="FJD26" s="8"/>
      <c r="FJE26" s="8"/>
      <c r="FJF26" s="8"/>
      <c r="FJG26" s="8"/>
      <c r="FJH26" s="8"/>
      <c r="FJI26" s="8"/>
      <c r="FJJ26" s="8"/>
      <c r="FJK26" s="8"/>
      <c r="FJL26" s="8"/>
      <c r="FJM26" s="8"/>
      <c r="FJN26" s="8"/>
      <c r="FJO26" s="8"/>
      <c r="FJP26" s="8"/>
      <c r="FJQ26" s="8"/>
      <c r="FJR26" s="8"/>
      <c r="FJS26" s="8"/>
      <c r="FJT26" s="8"/>
      <c r="FJU26" s="8"/>
      <c r="FJV26" s="8"/>
      <c r="FJW26" s="8"/>
      <c r="FJX26" s="8"/>
      <c r="FJY26" s="8"/>
      <c r="FJZ26" s="8"/>
      <c r="FKA26" s="8"/>
      <c r="FKB26" s="8"/>
      <c r="FKC26" s="8"/>
      <c r="FKD26" s="8"/>
      <c r="FKE26" s="8"/>
      <c r="FKF26" s="8"/>
      <c r="FKG26" s="8"/>
      <c r="FKH26" s="8"/>
      <c r="FKI26" s="8"/>
      <c r="FKJ26" s="8"/>
      <c r="FKK26" s="8"/>
      <c r="FKL26" s="8"/>
      <c r="FKM26" s="8"/>
      <c r="FKN26" s="8"/>
      <c r="FKO26" s="8"/>
      <c r="FKP26" s="8"/>
      <c r="FKQ26" s="8"/>
      <c r="FKR26" s="8"/>
      <c r="FKS26" s="8"/>
      <c r="FKT26" s="8"/>
      <c r="FKU26" s="8"/>
      <c r="FKV26" s="8"/>
      <c r="FKW26" s="8"/>
      <c r="FKX26" s="8"/>
      <c r="FKY26" s="8"/>
      <c r="FKZ26" s="8"/>
      <c r="FLA26" s="8"/>
      <c r="FLB26" s="8"/>
      <c r="FLC26" s="8"/>
      <c r="FLD26" s="8"/>
      <c r="FLE26" s="8"/>
      <c r="FLF26" s="8"/>
      <c r="FLG26" s="8"/>
      <c r="FLH26" s="8"/>
      <c r="FLI26" s="8"/>
      <c r="FLJ26" s="8"/>
      <c r="FLK26" s="8"/>
      <c r="FLL26" s="8"/>
      <c r="FLM26" s="8"/>
      <c r="FLN26" s="8"/>
      <c r="FLO26" s="8"/>
      <c r="FLP26" s="8"/>
      <c r="FLQ26" s="8"/>
      <c r="FLR26" s="8"/>
      <c r="FLS26" s="8"/>
      <c r="FLT26" s="8"/>
      <c r="FLU26" s="8"/>
      <c r="FLV26" s="8"/>
      <c r="FLW26" s="8"/>
      <c r="FLX26" s="8"/>
      <c r="FLY26" s="8"/>
      <c r="FLZ26" s="8"/>
      <c r="FMA26" s="8"/>
      <c r="FMB26" s="8"/>
      <c r="FMC26" s="8"/>
      <c r="FMD26" s="8"/>
      <c r="FME26" s="8"/>
      <c r="FMF26" s="8"/>
      <c r="FMG26" s="8"/>
      <c r="FMH26" s="8"/>
      <c r="FMI26" s="8"/>
      <c r="FMJ26" s="8"/>
      <c r="FMK26" s="8"/>
      <c r="FML26" s="8"/>
      <c r="FMM26" s="8"/>
      <c r="FMN26" s="8"/>
      <c r="FMO26" s="8"/>
      <c r="FMP26" s="8"/>
      <c r="FMQ26" s="8"/>
      <c r="FMR26" s="8"/>
      <c r="FMS26" s="8"/>
      <c r="FMT26" s="8"/>
      <c r="FMU26" s="8"/>
      <c r="FMV26" s="8"/>
      <c r="FMW26" s="8"/>
      <c r="FMX26" s="8"/>
      <c r="FMY26" s="8"/>
      <c r="FMZ26" s="8"/>
      <c r="FNA26" s="8"/>
      <c r="FNB26" s="8"/>
      <c r="FNC26" s="8"/>
      <c r="FND26" s="8"/>
      <c r="FNE26" s="8"/>
      <c r="FNF26" s="8"/>
      <c r="FNG26" s="8"/>
      <c r="FNH26" s="8"/>
      <c r="FNI26" s="8"/>
      <c r="FNJ26" s="8"/>
      <c r="FNK26" s="8"/>
      <c r="FNL26" s="8"/>
      <c r="FNM26" s="8"/>
      <c r="FNN26" s="8"/>
      <c r="FNO26" s="8"/>
      <c r="FNP26" s="8"/>
      <c r="FNQ26" s="8"/>
      <c r="FNR26" s="8"/>
      <c r="FNS26" s="8"/>
      <c r="FNT26" s="8"/>
      <c r="FNU26" s="8"/>
      <c r="FNV26" s="8"/>
      <c r="FNW26" s="8"/>
      <c r="FNX26" s="8"/>
      <c r="FNY26" s="8"/>
      <c r="FNZ26" s="8"/>
      <c r="FOA26" s="8"/>
      <c r="FOB26" s="8"/>
      <c r="FOC26" s="8"/>
      <c r="FOD26" s="8"/>
      <c r="FOE26" s="8"/>
      <c r="FOF26" s="8"/>
      <c r="FOG26" s="8"/>
      <c r="FOH26" s="8"/>
      <c r="FOI26" s="8"/>
      <c r="FOJ26" s="8"/>
      <c r="FOK26" s="8"/>
      <c r="FOL26" s="8"/>
      <c r="FOM26" s="8"/>
      <c r="FON26" s="8"/>
      <c r="FOO26" s="8"/>
      <c r="FOP26" s="8"/>
      <c r="FOQ26" s="8"/>
      <c r="FOR26" s="8"/>
      <c r="FOS26" s="8"/>
      <c r="FOT26" s="8"/>
      <c r="FOU26" s="8"/>
      <c r="FOV26" s="8"/>
      <c r="FOW26" s="8"/>
      <c r="FOX26" s="8"/>
      <c r="FOY26" s="8"/>
      <c r="FOZ26" s="8"/>
      <c r="FPA26" s="8"/>
      <c r="FPB26" s="8"/>
      <c r="FPC26" s="8"/>
      <c r="FPD26" s="8"/>
      <c r="FPE26" s="8"/>
      <c r="FPF26" s="8"/>
      <c r="FPG26" s="8"/>
      <c r="FPH26" s="8"/>
      <c r="FPI26" s="8"/>
      <c r="FPJ26" s="8"/>
      <c r="FPK26" s="8"/>
      <c r="FPL26" s="8"/>
      <c r="FPM26" s="8"/>
      <c r="FPN26" s="8"/>
      <c r="FPO26" s="8"/>
      <c r="FPP26" s="8"/>
      <c r="FPQ26" s="8"/>
      <c r="FPR26" s="8"/>
      <c r="FPS26" s="8"/>
      <c r="FPT26" s="8"/>
      <c r="FPU26" s="8"/>
      <c r="FPV26" s="8"/>
      <c r="FPW26" s="8"/>
      <c r="FPX26" s="8"/>
      <c r="FPY26" s="8"/>
      <c r="FPZ26" s="8"/>
      <c r="FQA26" s="8"/>
      <c r="FQB26" s="8"/>
      <c r="FQC26" s="8"/>
      <c r="FQD26" s="8"/>
      <c r="FQE26" s="8"/>
      <c r="FQF26" s="8"/>
      <c r="FQG26" s="8"/>
      <c r="FQH26" s="8"/>
      <c r="FQI26" s="8"/>
      <c r="FQJ26" s="8"/>
      <c r="FQK26" s="8"/>
      <c r="FQL26" s="8"/>
      <c r="FQM26" s="8"/>
      <c r="FQN26" s="8"/>
      <c r="FQO26" s="8"/>
      <c r="FQP26" s="8"/>
      <c r="FQQ26" s="8"/>
      <c r="FQR26" s="8"/>
      <c r="FQS26" s="8"/>
      <c r="FQT26" s="8"/>
      <c r="FQU26" s="8"/>
      <c r="FQV26" s="8"/>
      <c r="FQW26" s="8"/>
      <c r="FQX26" s="8"/>
      <c r="FQY26" s="8"/>
      <c r="FQZ26" s="8"/>
      <c r="FRA26" s="8"/>
      <c r="FRB26" s="8"/>
      <c r="FRC26" s="8"/>
      <c r="FRD26" s="8"/>
      <c r="FRE26" s="8"/>
      <c r="FRF26" s="8"/>
      <c r="FRG26" s="8"/>
      <c r="FRH26" s="8"/>
      <c r="FRI26" s="8"/>
      <c r="FRJ26" s="8"/>
      <c r="FRK26" s="8"/>
      <c r="FRL26" s="8"/>
      <c r="FRM26" s="8"/>
      <c r="FRN26" s="8"/>
      <c r="FRO26" s="8"/>
      <c r="FRP26" s="8"/>
      <c r="FRQ26" s="8"/>
      <c r="FRR26" s="8"/>
      <c r="FRS26" s="8"/>
      <c r="FRT26" s="8"/>
      <c r="FRU26" s="8"/>
      <c r="FRV26" s="8"/>
      <c r="FRW26" s="8"/>
      <c r="FRX26" s="8"/>
      <c r="FRY26" s="8"/>
      <c r="FRZ26" s="8"/>
      <c r="FSA26" s="8"/>
      <c r="FSB26" s="8"/>
      <c r="FSC26" s="8"/>
      <c r="FSD26" s="8"/>
      <c r="FSE26" s="8"/>
      <c r="FSF26" s="8"/>
      <c r="FSG26" s="8"/>
      <c r="FSH26" s="8"/>
      <c r="FSI26" s="8"/>
      <c r="FSJ26" s="8"/>
      <c r="FSK26" s="8"/>
      <c r="FSL26" s="8"/>
      <c r="FSM26" s="8"/>
      <c r="FSN26" s="8"/>
      <c r="FSO26" s="8"/>
      <c r="FSP26" s="8"/>
      <c r="FSQ26" s="8"/>
      <c r="FSR26" s="8"/>
      <c r="FSS26" s="8"/>
      <c r="FST26" s="8"/>
      <c r="FSU26" s="8"/>
      <c r="FSV26" s="8"/>
      <c r="FSW26" s="8"/>
      <c r="FSX26" s="8"/>
      <c r="FSY26" s="8"/>
      <c r="FSZ26" s="8"/>
      <c r="FTA26" s="8"/>
      <c r="FTB26" s="8"/>
      <c r="FTC26" s="8"/>
      <c r="FTD26" s="8"/>
      <c r="FTE26" s="8"/>
      <c r="FTF26" s="8"/>
      <c r="FTG26" s="8"/>
      <c r="FTH26" s="8"/>
      <c r="FTI26" s="8"/>
      <c r="FTJ26" s="8"/>
      <c r="FTK26" s="8"/>
      <c r="FTL26" s="8"/>
      <c r="FTM26" s="8"/>
      <c r="FTN26" s="8"/>
      <c r="FTO26" s="8"/>
      <c r="FTP26" s="8"/>
      <c r="FTQ26" s="8"/>
      <c r="FTR26" s="8"/>
      <c r="FTS26" s="8"/>
      <c r="FTT26" s="8"/>
      <c r="FTU26" s="8"/>
      <c r="FTV26" s="8"/>
      <c r="FTW26" s="8"/>
      <c r="FTX26" s="8"/>
      <c r="FTY26" s="8"/>
      <c r="FTZ26" s="8"/>
      <c r="FUA26" s="8"/>
      <c r="FUB26" s="8"/>
      <c r="FUC26" s="8"/>
      <c r="FUD26" s="8"/>
      <c r="FUE26" s="8"/>
      <c r="FUF26" s="8"/>
      <c r="FUG26" s="8"/>
      <c r="FUH26" s="8"/>
      <c r="FUI26" s="8"/>
      <c r="FUJ26" s="8"/>
      <c r="FUK26" s="8"/>
      <c r="FUL26" s="8"/>
      <c r="FUM26" s="8"/>
      <c r="FUN26" s="8"/>
      <c r="FUO26" s="8"/>
      <c r="FUP26" s="8"/>
      <c r="FUQ26" s="8"/>
      <c r="FUR26" s="8"/>
      <c r="FUS26" s="8"/>
      <c r="FUT26" s="8"/>
      <c r="FUU26" s="8"/>
      <c r="FUV26" s="8"/>
      <c r="FUW26" s="8"/>
      <c r="FUX26" s="8"/>
      <c r="FUY26" s="8"/>
      <c r="FUZ26" s="8"/>
      <c r="FVA26" s="8"/>
      <c r="FVB26" s="8"/>
      <c r="FVC26" s="8"/>
      <c r="FVD26" s="8"/>
      <c r="FVE26" s="8"/>
      <c r="FVF26" s="8"/>
      <c r="FVG26" s="8"/>
      <c r="FVH26" s="8"/>
      <c r="FVI26" s="8"/>
      <c r="FVJ26" s="8"/>
      <c r="FVK26" s="8"/>
      <c r="FVL26" s="8"/>
      <c r="FVM26" s="8"/>
      <c r="FVN26" s="8"/>
      <c r="FVO26" s="8"/>
      <c r="FVP26" s="8"/>
      <c r="FVQ26" s="8"/>
      <c r="FVR26" s="8"/>
      <c r="FVS26" s="8"/>
      <c r="FVT26" s="8"/>
      <c r="FVU26" s="8"/>
      <c r="FVV26" s="8"/>
      <c r="FVW26" s="8"/>
      <c r="FVX26" s="8"/>
      <c r="FVY26" s="8"/>
      <c r="FVZ26" s="8"/>
      <c r="FWA26" s="8"/>
      <c r="FWB26" s="8"/>
      <c r="FWC26" s="8"/>
      <c r="FWD26" s="8"/>
      <c r="FWE26" s="8"/>
      <c r="FWF26" s="8"/>
      <c r="FWG26" s="8"/>
      <c r="FWH26" s="8"/>
      <c r="FWI26" s="8"/>
      <c r="FWJ26" s="8"/>
      <c r="FWK26" s="8"/>
      <c r="FWL26" s="8"/>
      <c r="FWM26" s="8"/>
      <c r="FWN26" s="8"/>
      <c r="FWO26" s="8"/>
      <c r="FWP26" s="8"/>
      <c r="FWQ26" s="8"/>
      <c r="FWR26" s="8"/>
      <c r="FWS26" s="8"/>
      <c r="FWT26" s="8"/>
      <c r="FWU26" s="8"/>
      <c r="FWV26" s="8"/>
      <c r="FWW26" s="8"/>
      <c r="FWX26" s="8"/>
      <c r="FWY26" s="8"/>
      <c r="FWZ26" s="8"/>
      <c r="FXA26" s="8"/>
      <c r="FXB26" s="8"/>
      <c r="FXC26" s="8"/>
      <c r="FXD26" s="8"/>
      <c r="FXE26" s="8"/>
      <c r="FXF26" s="8"/>
      <c r="FXG26" s="8"/>
      <c r="FXH26" s="8"/>
      <c r="FXI26" s="8"/>
      <c r="FXJ26" s="8"/>
      <c r="FXK26" s="8"/>
      <c r="FXL26" s="8"/>
      <c r="FXM26" s="8"/>
      <c r="FXN26" s="8"/>
      <c r="FXO26" s="8"/>
      <c r="FXP26" s="8"/>
      <c r="FXQ26" s="8"/>
      <c r="FXR26" s="8"/>
      <c r="FXS26" s="8"/>
      <c r="FXT26" s="8"/>
      <c r="FXU26" s="8"/>
      <c r="FXV26" s="8"/>
      <c r="FXW26" s="8"/>
      <c r="FXX26" s="8"/>
      <c r="FXY26" s="8"/>
      <c r="FXZ26" s="8"/>
      <c r="FYA26" s="8"/>
      <c r="FYB26" s="8"/>
      <c r="FYC26" s="8"/>
      <c r="FYD26" s="8"/>
      <c r="FYE26" s="8"/>
      <c r="FYF26" s="8"/>
      <c r="FYG26" s="8"/>
      <c r="FYH26" s="8"/>
      <c r="FYI26" s="8"/>
      <c r="FYJ26" s="8"/>
      <c r="FYK26" s="8"/>
      <c r="FYL26" s="8"/>
      <c r="FYM26" s="8"/>
      <c r="FYN26" s="8"/>
      <c r="FYO26" s="8"/>
      <c r="FYP26" s="8"/>
      <c r="FYQ26" s="8"/>
      <c r="FYR26" s="8"/>
      <c r="FYS26" s="8"/>
      <c r="FYT26" s="8"/>
      <c r="FYU26" s="8"/>
      <c r="FYV26" s="8"/>
      <c r="FYW26" s="8"/>
      <c r="FYX26" s="8"/>
      <c r="FYY26" s="8"/>
      <c r="FYZ26" s="8"/>
      <c r="FZA26" s="8"/>
      <c r="FZB26" s="8"/>
      <c r="FZC26" s="8"/>
      <c r="FZD26" s="8"/>
      <c r="FZE26" s="8"/>
      <c r="FZF26" s="8"/>
      <c r="FZG26" s="8"/>
      <c r="FZH26" s="8"/>
      <c r="FZI26" s="8"/>
      <c r="FZJ26" s="8"/>
      <c r="FZK26" s="8"/>
      <c r="FZL26" s="8"/>
      <c r="FZM26" s="8"/>
      <c r="FZN26" s="8"/>
      <c r="FZO26" s="8"/>
      <c r="FZP26" s="8"/>
      <c r="FZQ26" s="8"/>
      <c r="FZR26" s="8"/>
      <c r="FZS26" s="8"/>
      <c r="FZT26" s="8"/>
      <c r="FZU26" s="8"/>
      <c r="FZV26" s="8"/>
      <c r="FZW26" s="8"/>
      <c r="FZX26" s="8"/>
      <c r="FZY26" s="8"/>
      <c r="FZZ26" s="8"/>
      <c r="GAA26" s="8"/>
      <c r="GAB26" s="8"/>
      <c r="GAC26" s="8"/>
      <c r="GAD26" s="8"/>
      <c r="GAE26" s="8"/>
      <c r="GAF26" s="8"/>
      <c r="GAG26" s="8"/>
      <c r="GAH26" s="8"/>
      <c r="GAI26" s="8"/>
      <c r="GAJ26" s="8"/>
      <c r="GAK26" s="8"/>
      <c r="GAL26" s="8"/>
      <c r="GAM26" s="8"/>
      <c r="GAN26" s="8"/>
      <c r="GAO26" s="8"/>
      <c r="GAP26" s="8"/>
      <c r="GAQ26" s="8"/>
      <c r="GAR26" s="8"/>
      <c r="GAS26" s="8"/>
      <c r="GAT26" s="8"/>
      <c r="GAU26" s="8"/>
      <c r="GAV26" s="8"/>
      <c r="GAW26" s="8"/>
      <c r="GAX26" s="8"/>
      <c r="GAY26" s="8"/>
      <c r="GAZ26" s="8"/>
      <c r="GBA26" s="8"/>
      <c r="GBB26" s="8"/>
      <c r="GBC26" s="8"/>
      <c r="GBD26" s="8"/>
      <c r="GBE26" s="8"/>
      <c r="GBF26" s="8"/>
      <c r="GBG26" s="8"/>
      <c r="GBH26" s="8"/>
      <c r="GBI26" s="8"/>
      <c r="GBJ26" s="8"/>
      <c r="GBK26" s="8"/>
      <c r="GBL26" s="8"/>
      <c r="GBM26" s="8"/>
      <c r="GBN26" s="8"/>
      <c r="GBO26" s="8"/>
      <c r="GBP26" s="8"/>
      <c r="GBQ26" s="8"/>
      <c r="GBR26" s="8"/>
      <c r="GBS26" s="8"/>
      <c r="GBT26" s="8"/>
      <c r="GBU26" s="8"/>
      <c r="GBV26" s="8"/>
      <c r="GBW26" s="8"/>
      <c r="GBX26" s="8"/>
      <c r="GBY26" s="8"/>
      <c r="GBZ26" s="8"/>
      <c r="GCA26" s="8"/>
      <c r="GCB26" s="8"/>
      <c r="GCC26" s="8"/>
      <c r="GCD26" s="8"/>
      <c r="GCE26" s="8"/>
      <c r="GCF26" s="8"/>
      <c r="GCG26" s="8"/>
      <c r="GCH26" s="8"/>
      <c r="GCI26" s="8"/>
      <c r="GCJ26" s="8"/>
      <c r="GCK26" s="8"/>
      <c r="GCL26" s="8"/>
      <c r="GCM26" s="8"/>
      <c r="GCN26" s="8"/>
      <c r="GCO26" s="8"/>
      <c r="GCP26" s="8"/>
      <c r="GCQ26" s="8"/>
      <c r="GCR26" s="8"/>
      <c r="GCS26" s="8"/>
      <c r="GCT26" s="8"/>
      <c r="GCU26" s="8"/>
      <c r="GCV26" s="8"/>
      <c r="GCW26" s="8"/>
      <c r="GCX26" s="8"/>
      <c r="GCY26" s="8"/>
      <c r="GCZ26" s="8"/>
      <c r="GDA26" s="8"/>
      <c r="GDB26" s="8"/>
      <c r="GDC26" s="8"/>
      <c r="GDD26" s="8"/>
      <c r="GDE26" s="8"/>
      <c r="GDF26" s="8"/>
      <c r="GDG26" s="8"/>
      <c r="GDH26" s="8"/>
      <c r="GDI26" s="8"/>
      <c r="GDJ26" s="8"/>
      <c r="GDK26" s="8"/>
      <c r="GDL26" s="8"/>
      <c r="GDM26" s="8"/>
      <c r="GDN26" s="8"/>
      <c r="GDO26" s="8"/>
      <c r="GDP26" s="8"/>
      <c r="GDQ26" s="8"/>
      <c r="GDR26" s="8"/>
      <c r="GDS26" s="8"/>
      <c r="GDT26" s="8"/>
      <c r="GDU26" s="8"/>
      <c r="GDV26" s="8"/>
      <c r="GDW26" s="8"/>
      <c r="GDX26" s="8"/>
      <c r="GDY26" s="8"/>
      <c r="GDZ26" s="8"/>
      <c r="GEA26" s="8"/>
      <c r="GEB26" s="8"/>
      <c r="GEC26" s="8"/>
      <c r="GED26" s="8"/>
      <c r="GEE26" s="8"/>
      <c r="GEF26" s="8"/>
      <c r="GEG26" s="8"/>
      <c r="GEH26" s="8"/>
      <c r="GEI26" s="8"/>
      <c r="GEJ26" s="8"/>
      <c r="GEK26" s="8"/>
      <c r="GEL26" s="8"/>
      <c r="GEM26" s="8"/>
      <c r="GEN26" s="8"/>
      <c r="GEO26" s="8"/>
      <c r="GEP26" s="8"/>
      <c r="GEQ26" s="8"/>
      <c r="GER26" s="8"/>
      <c r="GES26" s="8"/>
      <c r="GET26" s="8"/>
      <c r="GEU26" s="8"/>
      <c r="GEV26" s="8"/>
      <c r="GEW26" s="8"/>
      <c r="GEX26" s="8"/>
      <c r="GEY26" s="8"/>
      <c r="GEZ26" s="8"/>
      <c r="GFA26" s="8"/>
      <c r="GFB26" s="8"/>
      <c r="GFC26" s="8"/>
      <c r="GFD26" s="8"/>
      <c r="GFE26" s="8"/>
      <c r="GFF26" s="8"/>
      <c r="GFG26" s="8"/>
      <c r="GFH26" s="8"/>
      <c r="GFI26" s="8"/>
      <c r="GFJ26" s="8"/>
      <c r="GFK26" s="8"/>
      <c r="GFL26" s="8"/>
      <c r="GFM26" s="8"/>
      <c r="GFN26" s="8"/>
      <c r="GFO26" s="8"/>
      <c r="GFP26" s="8"/>
      <c r="GFQ26" s="8"/>
      <c r="GFR26" s="8"/>
      <c r="GFS26" s="8"/>
      <c r="GFT26" s="8"/>
      <c r="GFU26" s="8"/>
      <c r="GFV26" s="8"/>
      <c r="GFW26" s="8"/>
      <c r="GFX26" s="8"/>
      <c r="GFY26" s="8"/>
      <c r="GFZ26" s="8"/>
      <c r="GGA26" s="8"/>
      <c r="GGB26" s="8"/>
      <c r="GGC26" s="8"/>
      <c r="GGD26" s="8"/>
      <c r="GGE26" s="8"/>
      <c r="GGF26" s="8"/>
      <c r="GGG26" s="8"/>
      <c r="GGH26" s="8"/>
      <c r="GGI26" s="8"/>
      <c r="GGJ26" s="8"/>
      <c r="GGK26" s="8"/>
      <c r="GGL26" s="8"/>
      <c r="GGM26" s="8"/>
      <c r="GGN26" s="8"/>
      <c r="GGO26" s="8"/>
      <c r="GGP26" s="8"/>
      <c r="GGQ26" s="8"/>
      <c r="GGR26" s="8"/>
      <c r="GGS26" s="8"/>
      <c r="GGT26" s="8"/>
      <c r="GGU26" s="8"/>
      <c r="GGV26" s="8"/>
      <c r="GGW26" s="8"/>
      <c r="GGX26" s="8"/>
      <c r="GGY26" s="8"/>
      <c r="GGZ26" s="8"/>
      <c r="GHA26" s="8"/>
      <c r="GHB26" s="8"/>
      <c r="GHC26" s="8"/>
      <c r="GHD26" s="8"/>
      <c r="GHE26" s="8"/>
      <c r="GHF26" s="8"/>
      <c r="GHG26" s="8"/>
      <c r="GHH26" s="8"/>
      <c r="GHI26" s="8"/>
      <c r="GHJ26" s="8"/>
      <c r="GHK26" s="8"/>
      <c r="GHL26" s="8"/>
      <c r="GHM26" s="8"/>
      <c r="GHN26" s="8"/>
      <c r="GHO26" s="8"/>
      <c r="GHP26" s="8"/>
      <c r="GHQ26" s="8"/>
      <c r="GHR26" s="8"/>
      <c r="GHS26" s="8"/>
      <c r="GHT26" s="8"/>
      <c r="GHU26" s="8"/>
      <c r="GHV26" s="8"/>
      <c r="GHW26" s="8"/>
      <c r="GHX26" s="8"/>
      <c r="GHY26" s="8"/>
      <c r="GHZ26" s="8"/>
      <c r="GIA26" s="8"/>
      <c r="GIB26" s="8"/>
      <c r="GIC26" s="8"/>
      <c r="GID26" s="8"/>
      <c r="GIE26" s="8"/>
      <c r="GIF26" s="8"/>
      <c r="GIG26" s="8"/>
      <c r="GIH26" s="8"/>
      <c r="GII26" s="8"/>
      <c r="GIJ26" s="8"/>
      <c r="GIK26" s="8"/>
      <c r="GIL26" s="8"/>
      <c r="GIM26" s="8"/>
      <c r="GIN26" s="8"/>
      <c r="GIO26" s="8"/>
      <c r="GIP26" s="8"/>
      <c r="GIQ26" s="8"/>
      <c r="GIR26" s="8"/>
      <c r="GIS26" s="8"/>
      <c r="GIT26" s="8"/>
      <c r="GIU26" s="8"/>
      <c r="GIV26" s="8"/>
      <c r="GIW26" s="8"/>
      <c r="GIX26" s="8"/>
      <c r="GIY26" s="8"/>
      <c r="GIZ26" s="8"/>
      <c r="GJA26" s="8"/>
      <c r="GJB26" s="8"/>
      <c r="GJC26" s="8"/>
      <c r="GJD26" s="8"/>
      <c r="GJE26" s="8"/>
      <c r="GJF26" s="8"/>
      <c r="GJG26" s="8"/>
      <c r="GJH26" s="8"/>
      <c r="GJI26" s="8"/>
      <c r="GJJ26" s="8"/>
      <c r="GJK26" s="8"/>
      <c r="GJL26" s="8"/>
      <c r="GJM26" s="8"/>
      <c r="GJN26" s="8"/>
      <c r="GJO26" s="8"/>
      <c r="GJP26" s="8"/>
      <c r="GJQ26" s="8"/>
      <c r="GJR26" s="8"/>
      <c r="GJS26" s="8"/>
      <c r="GJT26" s="8"/>
      <c r="GJU26" s="8"/>
      <c r="GJV26" s="8"/>
      <c r="GJW26" s="8"/>
      <c r="GJX26" s="8"/>
      <c r="GJY26" s="8"/>
      <c r="GJZ26" s="8"/>
      <c r="GKA26" s="8"/>
      <c r="GKB26" s="8"/>
      <c r="GKC26" s="8"/>
      <c r="GKD26" s="8"/>
      <c r="GKE26" s="8"/>
      <c r="GKF26" s="8"/>
      <c r="GKG26" s="8"/>
      <c r="GKH26" s="8"/>
      <c r="GKI26" s="8"/>
      <c r="GKJ26" s="8"/>
      <c r="GKK26" s="8"/>
      <c r="GKL26" s="8"/>
      <c r="GKM26" s="8"/>
      <c r="GKN26" s="8"/>
      <c r="GKO26" s="8"/>
      <c r="GKP26" s="8"/>
      <c r="GKQ26" s="8"/>
      <c r="GKR26" s="8"/>
      <c r="GKS26" s="8"/>
      <c r="GKT26" s="8"/>
      <c r="GKU26" s="8"/>
      <c r="GKV26" s="8"/>
      <c r="GKW26" s="8"/>
      <c r="GKX26" s="8"/>
      <c r="GKY26" s="8"/>
      <c r="GKZ26" s="8"/>
      <c r="GLA26" s="8"/>
      <c r="GLB26" s="8"/>
      <c r="GLC26" s="8"/>
      <c r="GLD26" s="8"/>
      <c r="GLE26" s="8"/>
      <c r="GLF26" s="8"/>
      <c r="GLG26" s="8"/>
      <c r="GLH26" s="8"/>
      <c r="GLI26" s="8"/>
      <c r="GLJ26" s="8"/>
      <c r="GLK26" s="8"/>
      <c r="GLL26" s="8"/>
      <c r="GLM26" s="8"/>
      <c r="GLN26" s="8"/>
      <c r="GLO26" s="8"/>
      <c r="GLP26" s="8"/>
      <c r="GLQ26" s="8"/>
      <c r="GLR26" s="8"/>
      <c r="GLS26" s="8"/>
      <c r="GLT26" s="8"/>
      <c r="GLU26" s="8"/>
      <c r="GLV26" s="8"/>
      <c r="GLW26" s="8"/>
      <c r="GLX26" s="8"/>
      <c r="GLY26" s="8"/>
      <c r="GLZ26" s="8"/>
      <c r="GMA26" s="8"/>
      <c r="GMB26" s="8"/>
      <c r="GMC26" s="8"/>
      <c r="GMD26" s="8"/>
      <c r="GME26" s="8"/>
      <c r="GMF26" s="8"/>
      <c r="GMG26" s="8"/>
      <c r="GMH26" s="8"/>
      <c r="GMI26" s="8"/>
      <c r="GMJ26" s="8"/>
      <c r="GMK26" s="8"/>
      <c r="GML26" s="8"/>
      <c r="GMM26" s="8"/>
      <c r="GMN26" s="8"/>
      <c r="GMO26" s="8"/>
      <c r="GMP26" s="8"/>
      <c r="GMQ26" s="8"/>
      <c r="GMR26" s="8"/>
      <c r="GMS26" s="8"/>
      <c r="GMT26" s="8"/>
      <c r="GMU26" s="8"/>
      <c r="GMV26" s="8"/>
      <c r="GMW26" s="8"/>
      <c r="GMX26" s="8"/>
      <c r="GMY26" s="8"/>
      <c r="GMZ26" s="8"/>
      <c r="GNA26" s="8"/>
      <c r="GNB26" s="8"/>
      <c r="GNC26" s="8"/>
      <c r="GND26" s="8"/>
      <c r="GNE26" s="8"/>
      <c r="GNF26" s="8"/>
      <c r="GNG26" s="8"/>
      <c r="GNH26" s="8"/>
      <c r="GNI26" s="8"/>
      <c r="GNJ26" s="8"/>
      <c r="GNK26" s="8"/>
      <c r="GNL26" s="8"/>
      <c r="GNM26" s="8"/>
      <c r="GNN26" s="8"/>
      <c r="GNO26" s="8"/>
      <c r="GNP26" s="8"/>
      <c r="GNQ26" s="8"/>
      <c r="GNR26" s="8"/>
      <c r="GNS26" s="8"/>
      <c r="GNT26" s="8"/>
      <c r="GNU26" s="8"/>
      <c r="GNV26" s="8"/>
      <c r="GNW26" s="8"/>
      <c r="GNX26" s="8"/>
      <c r="GNY26" s="8"/>
      <c r="GNZ26" s="8"/>
      <c r="GOA26" s="8"/>
      <c r="GOB26" s="8"/>
      <c r="GOC26" s="8"/>
      <c r="GOD26" s="8"/>
      <c r="GOE26" s="8"/>
      <c r="GOF26" s="8"/>
      <c r="GOG26" s="8"/>
      <c r="GOH26" s="8"/>
      <c r="GOI26" s="8"/>
      <c r="GOJ26" s="8"/>
      <c r="GOK26" s="8"/>
      <c r="GOL26" s="8"/>
      <c r="GOM26" s="8"/>
      <c r="GON26" s="8"/>
      <c r="GOO26" s="8"/>
      <c r="GOP26" s="8"/>
      <c r="GOQ26" s="8"/>
      <c r="GOR26" s="8"/>
      <c r="GOS26" s="8"/>
      <c r="GOT26" s="8"/>
      <c r="GOU26" s="8"/>
      <c r="GOV26" s="8"/>
      <c r="GOW26" s="8"/>
      <c r="GOX26" s="8"/>
      <c r="GOY26" s="8"/>
      <c r="GOZ26" s="8"/>
      <c r="GPA26" s="8"/>
      <c r="GPB26" s="8"/>
      <c r="GPC26" s="8"/>
      <c r="GPD26" s="8"/>
      <c r="GPE26" s="8"/>
      <c r="GPF26" s="8"/>
      <c r="GPG26" s="8"/>
      <c r="GPH26" s="8"/>
      <c r="GPI26" s="8"/>
      <c r="GPJ26" s="8"/>
      <c r="GPK26" s="8"/>
      <c r="GPL26" s="8"/>
      <c r="GPM26" s="8"/>
      <c r="GPN26" s="8"/>
      <c r="GPO26" s="8"/>
      <c r="GPP26" s="8"/>
      <c r="GPQ26" s="8"/>
      <c r="GPR26" s="8"/>
      <c r="GPS26" s="8"/>
      <c r="GPT26" s="8"/>
      <c r="GPU26" s="8"/>
      <c r="GPV26" s="8"/>
      <c r="GPW26" s="8"/>
      <c r="GPX26" s="8"/>
      <c r="GPY26" s="8"/>
      <c r="GPZ26" s="8"/>
      <c r="GQA26" s="8"/>
      <c r="GQB26" s="8"/>
      <c r="GQC26" s="8"/>
      <c r="GQD26" s="8"/>
      <c r="GQE26" s="8"/>
      <c r="GQF26" s="8"/>
      <c r="GQG26" s="8"/>
      <c r="GQH26" s="8"/>
      <c r="GQI26" s="8"/>
      <c r="GQJ26" s="8"/>
      <c r="GQK26" s="8"/>
      <c r="GQL26" s="8"/>
      <c r="GQM26" s="8"/>
      <c r="GQN26" s="8"/>
      <c r="GQO26" s="8"/>
      <c r="GQP26" s="8"/>
      <c r="GQQ26" s="8"/>
      <c r="GQR26" s="8"/>
      <c r="GQS26" s="8"/>
      <c r="GQT26" s="8"/>
      <c r="GQU26" s="8"/>
      <c r="GQV26" s="8"/>
      <c r="GQW26" s="8"/>
      <c r="GQX26" s="8"/>
      <c r="GQY26" s="8"/>
      <c r="GQZ26" s="8"/>
      <c r="GRA26" s="8"/>
      <c r="GRB26" s="8"/>
      <c r="GRC26" s="8"/>
      <c r="GRD26" s="8"/>
      <c r="GRE26" s="8"/>
      <c r="GRF26" s="8"/>
      <c r="GRG26" s="8"/>
      <c r="GRH26" s="8"/>
      <c r="GRI26" s="8"/>
      <c r="GRJ26" s="8"/>
      <c r="GRK26" s="8"/>
      <c r="GRL26" s="8"/>
      <c r="GRM26" s="8"/>
      <c r="GRN26" s="8"/>
      <c r="GRO26" s="8"/>
      <c r="GRP26" s="8"/>
      <c r="GRQ26" s="8"/>
      <c r="GRR26" s="8"/>
      <c r="GRS26" s="8"/>
      <c r="GRT26" s="8"/>
      <c r="GRU26" s="8"/>
      <c r="GRV26" s="8"/>
      <c r="GRW26" s="8"/>
      <c r="GRX26" s="8"/>
      <c r="GRY26" s="8"/>
      <c r="GRZ26" s="8"/>
      <c r="GSA26" s="8"/>
      <c r="GSB26" s="8"/>
      <c r="GSC26" s="8"/>
      <c r="GSD26" s="8"/>
      <c r="GSE26" s="8"/>
      <c r="GSF26" s="8"/>
      <c r="GSG26" s="8"/>
      <c r="GSH26" s="8"/>
      <c r="GSI26" s="8"/>
      <c r="GSJ26" s="8"/>
      <c r="GSK26" s="8"/>
      <c r="GSL26" s="8"/>
      <c r="GSM26" s="8"/>
      <c r="GSN26" s="8"/>
      <c r="GSO26" s="8"/>
      <c r="GSP26" s="8"/>
      <c r="GSQ26" s="8"/>
      <c r="GSR26" s="8"/>
      <c r="GSS26" s="8"/>
      <c r="GST26" s="8"/>
      <c r="GSU26" s="8"/>
      <c r="GSV26" s="8"/>
      <c r="GSW26" s="8"/>
      <c r="GSX26" s="8"/>
      <c r="GSY26" s="8"/>
      <c r="GSZ26" s="8"/>
      <c r="GTA26" s="8"/>
      <c r="GTB26" s="8"/>
      <c r="GTC26" s="8"/>
      <c r="GTD26" s="8"/>
      <c r="GTE26" s="8"/>
      <c r="GTF26" s="8"/>
      <c r="GTG26" s="8"/>
      <c r="GTH26" s="8"/>
      <c r="GTI26" s="8"/>
      <c r="GTJ26" s="8"/>
      <c r="GTK26" s="8"/>
      <c r="GTL26" s="8"/>
      <c r="GTM26" s="8"/>
      <c r="GTN26" s="8"/>
      <c r="GTO26" s="8"/>
      <c r="GTP26" s="8"/>
      <c r="GTQ26" s="8"/>
      <c r="GTR26" s="8"/>
      <c r="GTS26" s="8"/>
      <c r="GTT26" s="8"/>
      <c r="GTU26" s="8"/>
      <c r="GTV26" s="8"/>
      <c r="GTW26" s="8"/>
      <c r="GTX26" s="8"/>
      <c r="GTY26" s="8"/>
      <c r="GTZ26" s="8"/>
      <c r="GUA26" s="8"/>
      <c r="GUB26" s="8"/>
      <c r="GUC26" s="8"/>
      <c r="GUD26" s="8"/>
      <c r="GUE26" s="8"/>
      <c r="GUF26" s="8"/>
      <c r="GUG26" s="8"/>
      <c r="GUH26" s="8"/>
      <c r="GUI26" s="8"/>
      <c r="GUJ26" s="8"/>
      <c r="GUK26" s="8"/>
      <c r="GUL26" s="8"/>
      <c r="GUM26" s="8"/>
      <c r="GUN26" s="8"/>
      <c r="GUO26" s="8"/>
      <c r="GUP26" s="8"/>
      <c r="GUQ26" s="8"/>
      <c r="GUR26" s="8"/>
      <c r="GUS26" s="8"/>
      <c r="GUT26" s="8"/>
      <c r="GUU26" s="8"/>
      <c r="GUV26" s="8"/>
      <c r="GUW26" s="8"/>
      <c r="GUX26" s="8"/>
      <c r="GUY26" s="8"/>
      <c r="GUZ26" s="8"/>
      <c r="GVA26" s="8"/>
      <c r="GVB26" s="8"/>
      <c r="GVC26" s="8"/>
      <c r="GVD26" s="8"/>
      <c r="GVE26" s="8"/>
      <c r="GVF26" s="8"/>
      <c r="GVG26" s="8"/>
      <c r="GVH26" s="8"/>
      <c r="GVI26" s="8"/>
      <c r="GVJ26" s="8"/>
      <c r="GVK26" s="8"/>
      <c r="GVL26" s="8"/>
      <c r="GVM26" s="8"/>
      <c r="GVN26" s="8"/>
      <c r="GVO26" s="8"/>
      <c r="GVP26" s="8"/>
      <c r="GVQ26" s="8"/>
      <c r="GVR26" s="8"/>
      <c r="GVS26" s="8"/>
      <c r="GVT26" s="8"/>
      <c r="GVU26" s="8"/>
      <c r="GVV26" s="8"/>
      <c r="GVW26" s="8"/>
      <c r="GVX26" s="8"/>
      <c r="GVY26" s="8"/>
      <c r="GVZ26" s="8"/>
      <c r="GWA26" s="8"/>
      <c r="GWB26" s="8"/>
      <c r="GWC26" s="8"/>
      <c r="GWD26" s="8"/>
      <c r="GWE26" s="8"/>
      <c r="GWF26" s="8"/>
      <c r="GWG26" s="8"/>
      <c r="GWH26" s="8"/>
      <c r="GWI26" s="8"/>
      <c r="GWJ26" s="8"/>
      <c r="GWK26" s="8"/>
      <c r="GWL26" s="8"/>
      <c r="GWM26" s="8"/>
      <c r="GWN26" s="8"/>
      <c r="GWO26" s="8"/>
      <c r="GWP26" s="8"/>
      <c r="GWQ26" s="8"/>
      <c r="GWR26" s="8"/>
      <c r="GWS26" s="8"/>
      <c r="GWT26" s="8"/>
      <c r="GWU26" s="8"/>
      <c r="GWV26" s="8"/>
      <c r="GWW26" s="8"/>
      <c r="GWX26" s="8"/>
      <c r="GWY26" s="8"/>
      <c r="GWZ26" s="8"/>
      <c r="GXA26" s="8"/>
      <c r="GXB26" s="8"/>
      <c r="GXC26" s="8"/>
      <c r="GXD26" s="8"/>
      <c r="GXE26" s="8"/>
      <c r="GXF26" s="8"/>
      <c r="GXG26" s="8"/>
      <c r="GXH26" s="8"/>
      <c r="GXI26" s="8"/>
      <c r="GXJ26" s="8"/>
      <c r="GXK26" s="8"/>
      <c r="GXL26" s="8"/>
      <c r="GXM26" s="8"/>
      <c r="GXN26" s="8"/>
      <c r="GXO26" s="8"/>
      <c r="GXP26" s="8"/>
      <c r="GXQ26" s="8"/>
      <c r="GXR26" s="8"/>
      <c r="GXS26" s="8"/>
      <c r="GXT26" s="8"/>
      <c r="GXU26" s="8"/>
      <c r="GXV26" s="8"/>
      <c r="GXW26" s="8"/>
      <c r="GXX26" s="8"/>
      <c r="GXY26" s="8"/>
      <c r="GXZ26" s="8"/>
      <c r="GYA26" s="8"/>
      <c r="GYB26" s="8"/>
      <c r="GYC26" s="8"/>
      <c r="GYD26" s="8"/>
      <c r="GYE26" s="8"/>
      <c r="GYF26" s="8"/>
      <c r="GYG26" s="8"/>
      <c r="GYH26" s="8"/>
      <c r="GYI26" s="8"/>
      <c r="GYJ26" s="8"/>
      <c r="GYK26" s="8"/>
      <c r="GYL26" s="8"/>
      <c r="GYM26" s="8"/>
      <c r="GYN26" s="8"/>
      <c r="GYO26" s="8"/>
      <c r="GYP26" s="8"/>
      <c r="GYQ26" s="8"/>
      <c r="GYR26" s="8"/>
      <c r="GYS26" s="8"/>
      <c r="GYT26" s="8"/>
      <c r="GYU26" s="8"/>
      <c r="GYV26" s="8"/>
      <c r="GYW26" s="8"/>
      <c r="GYX26" s="8"/>
      <c r="GYY26" s="8"/>
      <c r="GYZ26" s="8"/>
      <c r="GZA26" s="8"/>
      <c r="GZB26" s="8"/>
      <c r="GZC26" s="8"/>
      <c r="GZD26" s="8"/>
      <c r="GZE26" s="8"/>
      <c r="GZF26" s="8"/>
      <c r="GZG26" s="8"/>
      <c r="GZH26" s="8"/>
      <c r="GZI26" s="8"/>
      <c r="GZJ26" s="8"/>
      <c r="GZK26" s="8"/>
      <c r="GZL26" s="8"/>
      <c r="GZM26" s="8"/>
      <c r="GZN26" s="8"/>
      <c r="GZO26" s="8"/>
      <c r="GZP26" s="8"/>
      <c r="GZQ26" s="8"/>
      <c r="GZR26" s="8"/>
      <c r="GZS26" s="8"/>
      <c r="GZT26" s="8"/>
      <c r="GZU26" s="8"/>
      <c r="GZV26" s="8"/>
      <c r="GZW26" s="8"/>
      <c r="GZX26" s="8"/>
      <c r="GZY26" s="8"/>
      <c r="GZZ26" s="8"/>
      <c r="HAA26" s="8"/>
      <c r="HAB26" s="8"/>
      <c r="HAC26" s="8"/>
      <c r="HAD26" s="8"/>
      <c r="HAE26" s="8"/>
      <c r="HAF26" s="8"/>
      <c r="HAG26" s="8"/>
      <c r="HAH26" s="8"/>
      <c r="HAI26" s="8"/>
      <c r="HAJ26" s="8"/>
      <c r="HAK26" s="8"/>
      <c r="HAL26" s="8"/>
      <c r="HAM26" s="8"/>
      <c r="HAN26" s="8"/>
      <c r="HAO26" s="8"/>
      <c r="HAP26" s="8"/>
      <c r="HAQ26" s="8"/>
      <c r="HAR26" s="8"/>
      <c r="HAS26" s="8"/>
      <c r="HAT26" s="8"/>
      <c r="HAU26" s="8"/>
      <c r="HAV26" s="8"/>
      <c r="HAW26" s="8"/>
      <c r="HAX26" s="8"/>
      <c r="HAY26" s="8"/>
      <c r="HAZ26" s="8"/>
      <c r="HBA26" s="8"/>
      <c r="HBB26" s="8"/>
      <c r="HBC26" s="8"/>
      <c r="HBD26" s="8"/>
      <c r="HBE26" s="8"/>
      <c r="HBF26" s="8"/>
      <c r="HBG26" s="8"/>
      <c r="HBH26" s="8"/>
      <c r="HBI26" s="8"/>
      <c r="HBJ26" s="8"/>
      <c r="HBK26" s="8"/>
      <c r="HBL26" s="8"/>
      <c r="HBM26" s="8"/>
      <c r="HBN26" s="8"/>
      <c r="HBO26" s="8"/>
      <c r="HBP26" s="8"/>
      <c r="HBQ26" s="8"/>
      <c r="HBR26" s="8"/>
      <c r="HBS26" s="8"/>
      <c r="HBT26" s="8"/>
      <c r="HBU26" s="8"/>
      <c r="HBV26" s="8"/>
      <c r="HBW26" s="8"/>
      <c r="HBX26" s="8"/>
      <c r="HBY26" s="8"/>
      <c r="HBZ26" s="8"/>
      <c r="HCA26" s="8"/>
      <c r="HCB26" s="8"/>
      <c r="HCC26" s="8"/>
      <c r="HCD26" s="8"/>
      <c r="HCE26" s="8"/>
      <c r="HCF26" s="8"/>
      <c r="HCG26" s="8"/>
      <c r="HCH26" s="8"/>
      <c r="HCI26" s="8"/>
      <c r="HCJ26" s="8"/>
      <c r="HCK26" s="8"/>
      <c r="HCL26" s="8"/>
      <c r="HCM26" s="8"/>
      <c r="HCN26" s="8"/>
      <c r="HCO26" s="8"/>
      <c r="HCP26" s="8"/>
      <c r="HCQ26" s="8"/>
      <c r="HCR26" s="8"/>
      <c r="HCS26" s="8"/>
      <c r="HCT26" s="8"/>
      <c r="HCU26" s="8"/>
      <c r="HCV26" s="8"/>
      <c r="HCW26" s="8"/>
      <c r="HCX26" s="8"/>
      <c r="HCY26" s="8"/>
      <c r="HCZ26" s="8"/>
      <c r="HDA26" s="8"/>
      <c r="HDB26" s="8"/>
      <c r="HDC26" s="8"/>
      <c r="HDD26" s="8"/>
      <c r="HDE26" s="8"/>
      <c r="HDF26" s="8"/>
      <c r="HDG26" s="8"/>
      <c r="HDH26" s="8"/>
      <c r="HDI26" s="8"/>
      <c r="HDJ26" s="8"/>
      <c r="HDK26" s="8"/>
      <c r="HDL26" s="8"/>
      <c r="HDM26" s="8"/>
      <c r="HDN26" s="8"/>
      <c r="HDO26" s="8"/>
      <c r="HDP26" s="8"/>
      <c r="HDQ26" s="8"/>
      <c r="HDR26" s="8"/>
      <c r="HDS26" s="8"/>
      <c r="HDT26" s="8"/>
      <c r="HDU26" s="8"/>
      <c r="HDV26" s="8"/>
      <c r="HDW26" s="8"/>
      <c r="HDX26" s="8"/>
      <c r="HDY26" s="8"/>
      <c r="HDZ26" s="8"/>
      <c r="HEA26" s="8"/>
      <c r="HEB26" s="8"/>
      <c r="HEC26" s="8"/>
      <c r="HED26" s="8"/>
      <c r="HEE26" s="8"/>
      <c r="HEF26" s="8"/>
      <c r="HEG26" s="8"/>
      <c r="HEH26" s="8"/>
      <c r="HEI26" s="8"/>
      <c r="HEJ26" s="8"/>
      <c r="HEK26" s="8"/>
      <c r="HEL26" s="8"/>
      <c r="HEM26" s="8"/>
      <c r="HEN26" s="8"/>
      <c r="HEO26" s="8"/>
      <c r="HEP26" s="8"/>
      <c r="HEQ26" s="8"/>
      <c r="HER26" s="8"/>
      <c r="HES26" s="8"/>
      <c r="HET26" s="8"/>
      <c r="HEU26" s="8"/>
      <c r="HEV26" s="8"/>
      <c r="HEW26" s="8"/>
      <c r="HEX26" s="8"/>
      <c r="HEY26" s="8"/>
      <c r="HEZ26" s="8"/>
      <c r="HFA26" s="8"/>
      <c r="HFB26" s="8"/>
      <c r="HFC26" s="8"/>
      <c r="HFD26" s="8"/>
      <c r="HFE26" s="8"/>
      <c r="HFF26" s="8"/>
      <c r="HFG26" s="8"/>
      <c r="HFH26" s="8"/>
      <c r="HFI26" s="8"/>
      <c r="HFJ26" s="8"/>
      <c r="HFK26" s="8"/>
      <c r="HFL26" s="8"/>
      <c r="HFM26" s="8"/>
      <c r="HFN26" s="8"/>
      <c r="HFO26" s="8"/>
      <c r="HFP26" s="8"/>
      <c r="HFQ26" s="8"/>
      <c r="HFR26" s="8"/>
      <c r="HFS26" s="8"/>
      <c r="HFT26" s="8"/>
      <c r="HFU26" s="8"/>
      <c r="HFV26" s="8"/>
      <c r="HFW26" s="8"/>
      <c r="HFX26" s="8"/>
      <c r="HFY26" s="8"/>
      <c r="HFZ26" s="8"/>
      <c r="HGA26" s="8"/>
      <c r="HGB26" s="8"/>
      <c r="HGC26" s="8"/>
      <c r="HGD26" s="8"/>
      <c r="HGE26" s="8"/>
      <c r="HGF26" s="8"/>
      <c r="HGG26" s="8"/>
      <c r="HGH26" s="8"/>
      <c r="HGI26" s="8"/>
      <c r="HGJ26" s="8"/>
      <c r="HGK26" s="8"/>
      <c r="HGL26" s="8"/>
      <c r="HGM26" s="8"/>
      <c r="HGN26" s="8"/>
      <c r="HGO26" s="8"/>
      <c r="HGP26" s="8"/>
      <c r="HGQ26" s="8"/>
      <c r="HGR26" s="8"/>
      <c r="HGS26" s="8"/>
      <c r="HGT26" s="8"/>
      <c r="HGU26" s="8"/>
      <c r="HGV26" s="8"/>
      <c r="HGW26" s="8"/>
      <c r="HGX26" s="8"/>
      <c r="HGY26" s="8"/>
      <c r="HGZ26" s="8"/>
      <c r="HHA26" s="8"/>
      <c r="HHB26" s="8"/>
      <c r="HHC26" s="8"/>
      <c r="HHD26" s="8"/>
      <c r="HHE26" s="8"/>
      <c r="HHF26" s="8"/>
      <c r="HHG26" s="8"/>
      <c r="HHH26" s="8"/>
      <c r="HHI26" s="8"/>
      <c r="HHJ26" s="8"/>
      <c r="HHK26" s="8"/>
      <c r="HHL26" s="8"/>
      <c r="HHM26" s="8"/>
      <c r="HHN26" s="8"/>
      <c r="HHO26" s="8"/>
      <c r="HHP26" s="8"/>
      <c r="HHQ26" s="8"/>
      <c r="HHR26" s="8"/>
      <c r="HHS26" s="8"/>
      <c r="HHT26" s="8"/>
      <c r="HHU26" s="8"/>
      <c r="HHV26" s="8"/>
      <c r="HHW26" s="8"/>
      <c r="HHX26" s="8"/>
      <c r="HHY26" s="8"/>
      <c r="HHZ26" s="8"/>
      <c r="HIA26" s="8"/>
      <c r="HIB26" s="8"/>
      <c r="HIC26" s="8"/>
      <c r="HID26" s="8"/>
      <c r="HIE26" s="8"/>
      <c r="HIF26" s="8"/>
      <c r="HIG26" s="8"/>
      <c r="HIH26" s="8"/>
      <c r="HII26" s="8"/>
      <c r="HIJ26" s="8"/>
      <c r="HIK26" s="8"/>
      <c r="HIL26" s="8"/>
      <c r="HIM26" s="8"/>
      <c r="HIN26" s="8"/>
      <c r="HIO26" s="8"/>
      <c r="HIP26" s="8"/>
      <c r="HIQ26" s="8"/>
      <c r="HIR26" s="8"/>
      <c r="HIS26" s="8"/>
      <c r="HIT26" s="8"/>
      <c r="HIU26" s="8"/>
      <c r="HIV26" s="8"/>
      <c r="HIW26" s="8"/>
      <c r="HIX26" s="8"/>
      <c r="HIY26" s="8"/>
      <c r="HIZ26" s="8"/>
      <c r="HJA26" s="8"/>
      <c r="HJB26" s="8"/>
      <c r="HJC26" s="8"/>
      <c r="HJD26" s="8"/>
      <c r="HJE26" s="8"/>
      <c r="HJF26" s="8"/>
      <c r="HJG26" s="8"/>
      <c r="HJH26" s="8"/>
      <c r="HJI26" s="8"/>
      <c r="HJJ26" s="8"/>
      <c r="HJK26" s="8"/>
      <c r="HJL26" s="8"/>
      <c r="HJM26" s="8"/>
      <c r="HJN26" s="8"/>
      <c r="HJO26" s="8"/>
      <c r="HJP26" s="8"/>
      <c r="HJQ26" s="8"/>
      <c r="HJR26" s="8"/>
      <c r="HJS26" s="8"/>
      <c r="HJT26" s="8"/>
      <c r="HJU26" s="8"/>
      <c r="HJV26" s="8"/>
      <c r="HJW26" s="8"/>
      <c r="HJX26" s="8"/>
      <c r="HJY26" s="8"/>
      <c r="HJZ26" s="8"/>
      <c r="HKA26" s="8"/>
      <c r="HKB26" s="8"/>
      <c r="HKC26" s="8"/>
      <c r="HKD26" s="8"/>
      <c r="HKE26" s="8"/>
      <c r="HKF26" s="8"/>
      <c r="HKG26" s="8"/>
      <c r="HKH26" s="8"/>
      <c r="HKI26" s="8"/>
      <c r="HKJ26" s="8"/>
      <c r="HKK26" s="8"/>
      <c r="HKL26" s="8"/>
      <c r="HKM26" s="8"/>
      <c r="HKN26" s="8"/>
      <c r="HKO26" s="8"/>
      <c r="HKP26" s="8"/>
      <c r="HKQ26" s="8"/>
      <c r="HKR26" s="8"/>
      <c r="HKS26" s="8"/>
      <c r="HKT26" s="8"/>
      <c r="HKU26" s="8"/>
      <c r="HKV26" s="8"/>
      <c r="HKW26" s="8"/>
      <c r="HKX26" s="8"/>
      <c r="HKY26" s="8"/>
      <c r="HKZ26" s="8"/>
      <c r="HLA26" s="8"/>
      <c r="HLB26" s="8"/>
      <c r="HLC26" s="8"/>
      <c r="HLD26" s="8"/>
      <c r="HLE26" s="8"/>
      <c r="HLF26" s="8"/>
      <c r="HLG26" s="8"/>
      <c r="HLH26" s="8"/>
      <c r="HLI26" s="8"/>
      <c r="HLJ26" s="8"/>
      <c r="HLK26" s="8"/>
      <c r="HLL26" s="8"/>
      <c r="HLM26" s="8"/>
      <c r="HLN26" s="8"/>
      <c r="HLO26" s="8"/>
      <c r="HLP26" s="8"/>
      <c r="HLQ26" s="8"/>
      <c r="HLR26" s="8"/>
      <c r="HLS26" s="8"/>
      <c r="HLT26" s="8"/>
      <c r="HLU26" s="8"/>
      <c r="HLV26" s="8"/>
      <c r="HLW26" s="8"/>
      <c r="HLX26" s="8"/>
      <c r="HLY26" s="8"/>
      <c r="HLZ26" s="8"/>
      <c r="HMA26" s="8"/>
      <c r="HMB26" s="8"/>
      <c r="HMC26" s="8"/>
      <c r="HMD26" s="8"/>
      <c r="HME26" s="8"/>
      <c r="HMF26" s="8"/>
      <c r="HMG26" s="8"/>
      <c r="HMH26" s="8"/>
      <c r="HMI26" s="8"/>
      <c r="HMJ26" s="8"/>
      <c r="HMK26" s="8"/>
      <c r="HML26" s="8"/>
      <c r="HMM26" s="8"/>
      <c r="HMN26" s="8"/>
      <c r="HMO26" s="8"/>
      <c r="HMP26" s="8"/>
      <c r="HMQ26" s="8"/>
      <c r="HMR26" s="8"/>
      <c r="HMS26" s="8"/>
      <c r="HMT26" s="8"/>
      <c r="HMU26" s="8"/>
      <c r="HMV26" s="8"/>
      <c r="HMW26" s="8"/>
      <c r="HMX26" s="8"/>
      <c r="HMY26" s="8"/>
      <c r="HMZ26" s="8"/>
      <c r="HNA26" s="8"/>
      <c r="HNB26" s="8"/>
      <c r="HNC26" s="8"/>
      <c r="HND26" s="8"/>
      <c r="HNE26" s="8"/>
      <c r="HNF26" s="8"/>
      <c r="HNG26" s="8"/>
      <c r="HNH26" s="8"/>
      <c r="HNI26" s="8"/>
      <c r="HNJ26" s="8"/>
      <c r="HNK26" s="8"/>
      <c r="HNL26" s="8"/>
      <c r="HNM26" s="8"/>
      <c r="HNN26" s="8"/>
      <c r="HNO26" s="8"/>
      <c r="HNP26" s="8"/>
      <c r="HNQ26" s="8"/>
      <c r="HNR26" s="8"/>
      <c r="HNS26" s="8"/>
      <c r="HNT26" s="8"/>
      <c r="HNU26" s="8"/>
      <c r="HNV26" s="8"/>
      <c r="HNW26" s="8"/>
      <c r="HNX26" s="8"/>
      <c r="HNY26" s="8"/>
      <c r="HNZ26" s="8"/>
      <c r="HOA26" s="8"/>
      <c r="HOB26" s="8"/>
      <c r="HOC26" s="8"/>
      <c r="HOD26" s="8"/>
      <c r="HOE26" s="8"/>
      <c r="HOF26" s="8"/>
      <c r="HOG26" s="8"/>
      <c r="HOH26" s="8"/>
      <c r="HOI26" s="8"/>
      <c r="HOJ26" s="8"/>
      <c r="HOK26" s="8"/>
      <c r="HOL26" s="8"/>
      <c r="HOM26" s="8"/>
      <c r="HON26" s="8"/>
      <c r="HOO26" s="8"/>
      <c r="HOP26" s="8"/>
      <c r="HOQ26" s="8"/>
      <c r="HOR26" s="8"/>
      <c r="HOS26" s="8"/>
      <c r="HOT26" s="8"/>
      <c r="HOU26" s="8"/>
      <c r="HOV26" s="8"/>
      <c r="HOW26" s="8"/>
      <c r="HOX26" s="8"/>
      <c r="HOY26" s="8"/>
      <c r="HOZ26" s="8"/>
      <c r="HPA26" s="8"/>
      <c r="HPB26" s="8"/>
      <c r="HPC26" s="8"/>
      <c r="HPD26" s="8"/>
      <c r="HPE26" s="8"/>
      <c r="HPF26" s="8"/>
      <c r="HPG26" s="8"/>
      <c r="HPH26" s="8"/>
      <c r="HPI26" s="8"/>
      <c r="HPJ26" s="8"/>
      <c r="HPK26" s="8"/>
      <c r="HPL26" s="8"/>
      <c r="HPM26" s="8"/>
      <c r="HPN26" s="8"/>
      <c r="HPO26" s="8"/>
      <c r="HPP26" s="8"/>
      <c r="HPQ26" s="8"/>
      <c r="HPR26" s="8"/>
      <c r="HPS26" s="8"/>
      <c r="HPT26" s="8"/>
      <c r="HPU26" s="8"/>
      <c r="HPV26" s="8"/>
      <c r="HPW26" s="8"/>
      <c r="HPX26" s="8"/>
      <c r="HPY26" s="8"/>
      <c r="HPZ26" s="8"/>
      <c r="HQA26" s="8"/>
      <c r="HQB26" s="8"/>
      <c r="HQC26" s="8"/>
      <c r="HQD26" s="8"/>
      <c r="HQE26" s="8"/>
      <c r="HQF26" s="8"/>
      <c r="HQG26" s="8"/>
      <c r="HQH26" s="8"/>
      <c r="HQI26" s="8"/>
      <c r="HQJ26" s="8"/>
      <c r="HQK26" s="8"/>
      <c r="HQL26" s="8"/>
      <c r="HQM26" s="8"/>
      <c r="HQN26" s="8"/>
      <c r="HQO26" s="8"/>
      <c r="HQP26" s="8"/>
      <c r="HQQ26" s="8"/>
      <c r="HQR26" s="8"/>
      <c r="HQS26" s="8"/>
      <c r="HQT26" s="8"/>
      <c r="HQU26" s="8"/>
      <c r="HQV26" s="8"/>
      <c r="HQW26" s="8"/>
      <c r="HQX26" s="8"/>
      <c r="HQY26" s="8"/>
      <c r="HQZ26" s="8"/>
      <c r="HRA26" s="8"/>
      <c r="HRB26" s="8"/>
      <c r="HRC26" s="8"/>
      <c r="HRD26" s="8"/>
      <c r="HRE26" s="8"/>
      <c r="HRF26" s="8"/>
      <c r="HRG26" s="8"/>
      <c r="HRH26" s="8"/>
      <c r="HRI26" s="8"/>
      <c r="HRJ26" s="8"/>
      <c r="HRK26" s="8"/>
      <c r="HRL26" s="8"/>
      <c r="HRM26" s="8"/>
      <c r="HRN26" s="8"/>
      <c r="HRO26" s="8"/>
      <c r="HRP26" s="8"/>
      <c r="HRQ26" s="8"/>
      <c r="HRR26" s="8"/>
      <c r="HRS26" s="8"/>
      <c r="HRT26" s="8"/>
      <c r="HRU26" s="8"/>
      <c r="HRV26" s="8"/>
      <c r="HRW26" s="8"/>
      <c r="HRX26" s="8"/>
      <c r="HRY26" s="8"/>
      <c r="HRZ26" s="8"/>
      <c r="HSA26" s="8"/>
      <c r="HSB26" s="8"/>
      <c r="HSC26" s="8"/>
      <c r="HSD26" s="8"/>
      <c r="HSE26" s="8"/>
      <c r="HSF26" s="8"/>
      <c r="HSG26" s="8"/>
      <c r="HSH26" s="8"/>
      <c r="HSI26" s="8"/>
      <c r="HSJ26" s="8"/>
      <c r="HSK26" s="8"/>
      <c r="HSL26" s="8"/>
      <c r="HSM26" s="8"/>
      <c r="HSN26" s="8"/>
      <c r="HSO26" s="8"/>
      <c r="HSP26" s="8"/>
      <c r="HSQ26" s="8"/>
      <c r="HSR26" s="8"/>
      <c r="HSS26" s="8"/>
      <c r="HST26" s="8"/>
      <c r="HSU26" s="8"/>
      <c r="HSV26" s="8"/>
      <c r="HSW26" s="8"/>
      <c r="HSX26" s="8"/>
      <c r="HSY26" s="8"/>
      <c r="HSZ26" s="8"/>
      <c r="HTA26" s="8"/>
      <c r="HTB26" s="8"/>
      <c r="HTC26" s="8"/>
      <c r="HTD26" s="8"/>
      <c r="HTE26" s="8"/>
      <c r="HTF26" s="8"/>
      <c r="HTG26" s="8"/>
      <c r="HTH26" s="8"/>
      <c r="HTI26" s="8"/>
      <c r="HTJ26" s="8"/>
      <c r="HTK26" s="8"/>
      <c r="HTL26" s="8"/>
      <c r="HTM26" s="8"/>
      <c r="HTN26" s="8"/>
      <c r="HTO26" s="8"/>
      <c r="HTP26" s="8"/>
      <c r="HTQ26" s="8"/>
      <c r="HTR26" s="8"/>
      <c r="HTS26" s="8"/>
      <c r="HTT26" s="8"/>
      <c r="HTU26" s="8"/>
      <c r="HTV26" s="8"/>
      <c r="HTW26" s="8"/>
      <c r="HTX26" s="8"/>
      <c r="HTY26" s="8"/>
      <c r="HTZ26" s="8"/>
      <c r="HUA26" s="8"/>
      <c r="HUB26" s="8"/>
      <c r="HUC26" s="8"/>
      <c r="HUD26" s="8"/>
      <c r="HUE26" s="8"/>
      <c r="HUF26" s="8"/>
      <c r="HUG26" s="8"/>
      <c r="HUH26" s="8"/>
      <c r="HUI26" s="8"/>
      <c r="HUJ26" s="8"/>
      <c r="HUK26" s="8"/>
      <c r="HUL26" s="8"/>
      <c r="HUM26" s="8"/>
      <c r="HUN26" s="8"/>
      <c r="HUO26" s="8"/>
      <c r="HUP26" s="8"/>
      <c r="HUQ26" s="8"/>
      <c r="HUR26" s="8"/>
      <c r="HUS26" s="8"/>
      <c r="HUT26" s="8"/>
      <c r="HUU26" s="8"/>
      <c r="HUV26" s="8"/>
      <c r="HUW26" s="8"/>
      <c r="HUX26" s="8"/>
      <c r="HUY26" s="8"/>
      <c r="HUZ26" s="8"/>
      <c r="HVA26" s="8"/>
      <c r="HVB26" s="8"/>
      <c r="HVC26" s="8"/>
      <c r="HVD26" s="8"/>
      <c r="HVE26" s="8"/>
      <c r="HVF26" s="8"/>
      <c r="HVG26" s="8"/>
      <c r="HVH26" s="8"/>
      <c r="HVI26" s="8"/>
      <c r="HVJ26" s="8"/>
      <c r="HVK26" s="8"/>
      <c r="HVL26" s="8"/>
      <c r="HVM26" s="8"/>
      <c r="HVN26" s="8"/>
      <c r="HVO26" s="8"/>
      <c r="HVP26" s="8"/>
      <c r="HVQ26" s="8"/>
      <c r="HVR26" s="8"/>
      <c r="HVS26" s="8"/>
      <c r="HVT26" s="8"/>
      <c r="HVU26" s="8"/>
      <c r="HVV26" s="8"/>
      <c r="HVW26" s="8"/>
      <c r="HVX26" s="8"/>
      <c r="HVY26" s="8"/>
      <c r="HVZ26" s="8"/>
      <c r="HWA26" s="8"/>
      <c r="HWB26" s="8"/>
      <c r="HWC26" s="8"/>
      <c r="HWD26" s="8"/>
      <c r="HWE26" s="8"/>
      <c r="HWF26" s="8"/>
      <c r="HWG26" s="8"/>
      <c r="HWH26" s="8"/>
      <c r="HWI26" s="8"/>
      <c r="HWJ26" s="8"/>
      <c r="HWK26" s="8"/>
      <c r="HWL26" s="8"/>
      <c r="HWM26" s="8"/>
      <c r="HWN26" s="8"/>
      <c r="HWO26" s="8"/>
      <c r="HWP26" s="8"/>
      <c r="HWQ26" s="8"/>
      <c r="HWR26" s="8"/>
      <c r="HWS26" s="8"/>
      <c r="HWT26" s="8"/>
      <c r="HWU26" s="8"/>
      <c r="HWV26" s="8"/>
      <c r="HWW26" s="8"/>
      <c r="HWX26" s="8"/>
      <c r="HWY26" s="8"/>
      <c r="HWZ26" s="8"/>
      <c r="HXA26" s="8"/>
      <c r="HXB26" s="8"/>
      <c r="HXC26" s="8"/>
      <c r="HXD26" s="8"/>
      <c r="HXE26" s="8"/>
      <c r="HXF26" s="8"/>
      <c r="HXG26" s="8"/>
      <c r="HXH26" s="8"/>
      <c r="HXI26" s="8"/>
      <c r="HXJ26" s="8"/>
      <c r="HXK26" s="8"/>
      <c r="HXL26" s="8"/>
      <c r="HXM26" s="8"/>
      <c r="HXN26" s="8"/>
      <c r="HXO26" s="8"/>
      <c r="HXP26" s="8"/>
      <c r="HXQ26" s="8"/>
      <c r="HXR26" s="8"/>
      <c r="HXS26" s="8"/>
      <c r="HXT26" s="8"/>
      <c r="HXU26" s="8"/>
      <c r="HXV26" s="8"/>
      <c r="HXW26" s="8"/>
      <c r="HXX26" s="8"/>
      <c r="HXY26" s="8"/>
      <c r="HXZ26" s="8"/>
      <c r="HYA26" s="8"/>
      <c r="HYB26" s="8"/>
      <c r="HYC26" s="8"/>
      <c r="HYD26" s="8"/>
      <c r="HYE26" s="8"/>
      <c r="HYF26" s="8"/>
      <c r="HYG26" s="8"/>
      <c r="HYH26" s="8"/>
      <c r="HYI26" s="8"/>
      <c r="HYJ26" s="8"/>
      <c r="HYK26" s="8"/>
      <c r="HYL26" s="8"/>
      <c r="HYM26" s="8"/>
      <c r="HYN26" s="8"/>
      <c r="HYO26" s="8"/>
      <c r="HYP26" s="8"/>
      <c r="HYQ26" s="8"/>
      <c r="HYR26" s="8"/>
      <c r="HYS26" s="8"/>
      <c r="HYT26" s="8"/>
      <c r="HYU26" s="8"/>
      <c r="HYV26" s="8"/>
      <c r="HYW26" s="8"/>
      <c r="HYX26" s="8"/>
      <c r="HYY26" s="8"/>
      <c r="HYZ26" s="8"/>
      <c r="HZA26" s="8"/>
      <c r="HZB26" s="8"/>
      <c r="HZC26" s="8"/>
      <c r="HZD26" s="8"/>
      <c r="HZE26" s="8"/>
      <c r="HZF26" s="8"/>
      <c r="HZG26" s="8"/>
      <c r="HZH26" s="8"/>
      <c r="HZI26" s="8"/>
      <c r="HZJ26" s="8"/>
      <c r="HZK26" s="8"/>
      <c r="HZL26" s="8"/>
      <c r="HZM26" s="8"/>
      <c r="HZN26" s="8"/>
      <c r="HZO26" s="8"/>
      <c r="HZP26" s="8"/>
      <c r="HZQ26" s="8"/>
      <c r="HZR26" s="8"/>
      <c r="HZS26" s="8"/>
      <c r="HZT26" s="8"/>
      <c r="HZU26" s="8"/>
      <c r="HZV26" s="8"/>
      <c r="HZW26" s="8"/>
      <c r="HZX26" s="8"/>
      <c r="HZY26" s="8"/>
      <c r="HZZ26" s="8"/>
      <c r="IAA26" s="8"/>
      <c r="IAB26" s="8"/>
      <c r="IAC26" s="8"/>
      <c r="IAD26" s="8"/>
      <c r="IAE26" s="8"/>
      <c r="IAF26" s="8"/>
      <c r="IAG26" s="8"/>
      <c r="IAH26" s="8"/>
      <c r="IAI26" s="8"/>
      <c r="IAJ26" s="8"/>
      <c r="IAK26" s="8"/>
      <c r="IAL26" s="8"/>
      <c r="IAM26" s="8"/>
      <c r="IAN26" s="8"/>
      <c r="IAO26" s="8"/>
      <c r="IAP26" s="8"/>
      <c r="IAQ26" s="8"/>
      <c r="IAR26" s="8"/>
      <c r="IAS26" s="8"/>
      <c r="IAT26" s="8"/>
      <c r="IAU26" s="8"/>
      <c r="IAV26" s="8"/>
      <c r="IAW26" s="8"/>
      <c r="IAX26" s="8"/>
      <c r="IAY26" s="8"/>
      <c r="IAZ26" s="8"/>
      <c r="IBA26" s="8"/>
      <c r="IBB26" s="8"/>
      <c r="IBC26" s="8"/>
      <c r="IBD26" s="8"/>
      <c r="IBE26" s="8"/>
      <c r="IBF26" s="8"/>
      <c r="IBG26" s="8"/>
      <c r="IBH26" s="8"/>
      <c r="IBI26" s="8"/>
      <c r="IBJ26" s="8"/>
      <c r="IBK26" s="8"/>
      <c r="IBL26" s="8"/>
      <c r="IBM26" s="8"/>
      <c r="IBN26" s="8"/>
      <c r="IBO26" s="8"/>
      <c r="IBP26" s="8"/>
      <c r="IBQ26" s="8"/>
      <c r="IBR26" s="8"/>
      <c r="IBS26" s="8"/>
      <c r="IBT26" s="8"/>
      <c r="IBU26" s="8"/>
      <c r="IBV26" s="8"/>
      <c r="IBW26" s="8"/>
      <c r="IBX26" s="8"/>
      <c r="IBY26" s="8"/>
      <c r="IBZ26" s="8"/>
      <c r="ICA26" s="8"/>
      <c r="ICB26" s="8"/>
      <c r="ICC26" s="8"/>
      <c r="ICD26" s="8"/>
      <c r="ICE26" s="8"/>
      <c r="ICF26" s="8"/>
      <c r="ICG26" s="8"/>
      <c r="ICH26" s="8"/>
      <c r="ICI26" s="8"/>
      <c r="ICJ26" s="8"/>
      <c r="ICK26" s="8"/>
      <c r="ICL26" s="8"/>
      <c r="ICM26" s="8"/>
      <c r="ICN26" s="8"/>
      <c r="ICO26" s="8"/>
      <c r="ICP26" s="8"/>
      <c r="ICQ26" s="8"/>
      <c r="ICR26" s="8"/>
      <c r="ICS26" s="8"/>
      <c r="ICT26" s="8"/>
      <c r="ICU26" s="8"/>
      <c r="ICV26" s="8"/>
      <c r="ICW26" s="8"/>
      <c r="ICX26" s="8"/>
      <c r="ICY26" s="8"/>
      <c r="ICZ26" s="8"/>
      <c r="IDA26" s="8"/>
      <c r="IDB26" s="8"/>
      <c r="IDC26" s="8"/>
      <c r="IDD26" s="8"/>
      <c r="IDE26" s="8"/>
      <c r="IDF26" s="8"/>
      <c r="IDG26" s="8"/>
      <c r="IDH26" s="8"/>
      <c r="IDI26" s="8"/>
      <c r="IDJ26" s="8"/>
      <c r="IDK26" s="8"/>
      <c r="IDL26" s="8"/>
      <c r="IDM26" s="8"/>
      <c r="IDN26" s="8"/>
      <c r="IDO26" s="8"/>
      <c r="IDP26" s="8"/>
      <c r="IDQ26" s="8"/>
      <c r="IDR26" s="8"/>
      <c r="IDS26" s="8"/>
      <c r="IDT26" s="8"/>
      <c r="IDU26" s="8"/>
      <c r="IDV26" s="8"/>
      <c r="IDW26" s="8"/>
      <c r="IDX26" s="8"/>
      <c r="IDY26" s="8"/>
      <c r="IDZ26" s="8"/>
      <c r="IEA26" s="8"/>
      <c r="IEB26" s="8"/>
      <c r="IEC26" s="8"/>
      <c r="IED26" s="8"/>
      <c r="IEE26" s="8"/>
      <c r="IEF26" s="8"/>
      <c r="IEG26" s="8"/>
      <c r="IEH26" s="8"/>
      <c r="IEI26" s="8"/>
      <c r="IEJ26" s="8"/>
      <c r="IEK26" s="8"/>
      <c r="IEL26" s="8"/>
      <c r="IEM26" s="8"/>
      <c r="IEN26" s="8"/>
      <c r="IEO26" s="8"/>
      <c r="IEP26" s="8"/>
      <c r="IEQ26" s="8"/>
      <c r="IER26" s="8"/>
      <c r="IES26" s="8"/>
      <c r="IET26" s="8"/>
      <c r="IEU26" s="8"/>
      <c r="IEV26" s="8"/>
      <c r="IEW26" s="8"/>
      <c r="IEX26" s="8"/>
      <c r="IEY26" s="8"/>
      <c r="IEZ26" s="8"/>
      <c r="IFA26" s="8"/>
      <c r="IFB26" s="8"/>
      <c r="IFC26" s="8"/>
      <c r="IFD26" s="8"/>
      <c r="IFE26" s="8"/>
      <c r="IFF26" s="8"/>
      <c r="IFG26" s="8"/>
      <c r="IFH26" s="8"/>
      <c r="IFI26" s="8"/>
      <c r="IFJ26" s="8"/>
      <c r="IFK26" s="8"/>
      <c r="IFL26" s="8"/>
      <c r="IFM26" s="8"/>
      <c r="IFN26" s="8"/>
      <c r="IFO26" s="8"/>
      <c r="IFP26" s="8"/>
      <c r="IFQ26" s="8"/>
      <c r="IFR26" s="8"/>
      <c r="IFS26" s="8"/>
      <c r="IFT26" s="8"/>
      <c r="IFU26" s="8"/>
      <c r="IFV26" s="8"/>
      <c r="IFW26" s="8"/>
      <c r="IFX26" s="8"/>
      <c r="IFY26" s="8"/>
      <c r="IFZ26" s="8"/>
      <c r="IGA26" s="8"/>
      <c r="IGB26" s="8"/>
      <c r="IGC26" s="8"/>
      <c r="IGD26" s="8"/>
      <c r="IGE26" s="8"/>
      <c r="IGF26" s="8"/>
      <c r="IGG26" s="8"/>
      <c r="IGH26" s="8"/>
      <c r="IGI26" s="8"/>
      <c r="IGJ26" s="8"/>
      <c r="IGK26" s="8"/>
      <c r="IGL26" s="8"/>
      <c r="IGM26" s="8"/>
      <c r="IGN26" s="8"/>
      <c r="IGO26" s="8"/>
      <c r="IGP26" s="8"/>
      <c r="IGQ26" s="8"/>
      <c r="IGR26" s="8"/>
      <c r="IGS26" s="8"/>
      <c r="IGT26" s="8"/>
      <c r="IGU26" s="8"/>
      <c r="IGV26" s="8"/>
      <c r="IGW26" s="8"/>
      <c r="IGX26" s="8"/>
      <c r="IGY26" s="8"/>
      <c r="IGZ26" s="8"/>
      <c r="IHA26" s="8"/>
      <c r="IHB26" s="8"/>
      <c r="IHC26" s="8"/>
      <c r="IHD26" s="8"/>
      <c r="IHE26" s="8"/>
      <c r="IHF26" s="8"/>
      <c r="IHG26" s="8"/>
      <c r="IHH26" s="8"/>
      <c r="IHI26" s="8"/>
      <c r="IHJ26" s="8"/>
      <c r="IHK26" s="8"/>
      <c r="IHL26" s="8"/>
      <c r="IHM26" s="8"/>
      <c r="IHN26" s="8"/>
      <c r="IHO26" s="8"/>
      <c r="IHP26" s="8"/>
      <c r="IHQ26" s="8"/>
      <c r="IHR26" s="8"/>
      <c r="IHS26" s="8"/>
      <c r="IHT26" s="8"/>
      <c r="IHU26" s="8"/>
      <c r="IHV26" s="8"/>
      <c r="IHW26" s="8"/>
      <c r="IHX26" s="8"/>
      <c r="IHY26" s="8"/>
      <c r="IHZ26" s="8"/>
      <c r="IIA26" s="8"/>
      <c r="IIB26" s="8"/>
      <c r="IIC26" s="8"/>
      <c r="IID26" s="8"/>
      <c r="IIE26" s="8"/>
      <c r="IIF26" s="8"/>
      <c r="IIG26" s="8"/>
      <c r="IIH26" s="8"/>
      <c r="III26" s="8"/>
      <c r="IIJ26" s="8"/>
      <c r="IIK26" s="8"/>
      <c r="IIL26" s="8"/>
      <c r="IIM26" s="8"/>
      <c r="IIN26" s="8"/>
      <c r="IIO26" s="8"/>
      <c r="IIP26" s="8"/>
      <c r="IIQ26" s="8"/>
      <c r="IIR26" s="8"/>
      <c r="IIS26" s="8"/>
      <c r="IIT26" s="8"/>
      <c r="IIU26" s="8"/>
      <c r="IIV26" s="8"/>
      <c r="IIW26" s="8"/>
      <c r="IIX26" s="8"/>
      <c r="IIY26" s="8"/>
      <c r="IIZ26" s="8"/>
      <c r="IJA26" s="8"/>
      <c r="IJB26" s="8"/>
      <c r="IJC26" s="8"/>
      <c r="IJD26" s="8"/>
      <c r="IJE26" s="8"/>
      <c r="IJF26" s="8"/>
      <c r="IJG26" s="8"/>
      <c r="IJH26" s="8"/>
      <c r="IJI26" s="8"/>
      <c r="IJJ26" s="8"/>
      <c r="IJK26" s="8"/>
      <c r="IJL26" s="8"/>
      <c r="IJM26" s="8"/>
      <c r="IJN26" s="8"/>
      <c r="IJO26" s="8"/>
      <c r="IJP26" s="8"/>
      <c r="IJQ26" s="8"/>
      <c r="IJR26" s="8"/>
      <c r="IJS26" s="8"/>
      <c r="IJT26" s="8"/>
      <c r="IJU26" s="8"/>
      <c r="IJV26" s="8"/>
      <c r="IJW26" s="8"/>
      <c r="IJX26" s="8"/>
      <c r="IJY26" s="8"/>
      <c r="IJZ26" s="8"/>
      <c r="IKA26" s="8"/>
      <c r="IKB26" s="8"/>
      <c r="IKC26" s="8"/>
      <c r="IKD26" s="8"/>
      <c r="IKE26" s="8"/>
      <c r="IKF26" s="8"/>
      <c r="IKG26" s="8"/>
      <c r="IKH26" s="8"/>
      <c r="IKI26" s="8"/>
      <c r="IKJ26" s="8"/>
      <c r="IKK26" s="8"/>
      <c r="IKL26" s="8"/>
      <c r="IKM26" s="8"/>
      <c r="IKN26" s="8"/>
      <c r="IKO26" s="8"/>
      <c r="IKP26" s="8"/>
      <c r="IKQ26" s="8"/>
      <c r="IKR26" s="8"/>
      <c r="IKS26" s="8"/>
      <c r="IKT26" s="8"/>
      <c r="IKU26" s="8"/>
      <c r="IKV26" s="8"/>
      <c r="IKW26" s="8"/>
      <c r="IKX26" s="8"/>
      <c r="IKY26" s="8"/>
      <c r="IKZ26" s="8"/>
      <c r="ILA26" s="8"/>
      <c r="ILB26" s="8"/>
      <c r="ILC26" s="8"/>
      <c r="ILD26" s="8"/>
      <c r="ILE26" s="8"/>
      <c r="ILF26" s="8"/>
      <c r="ILG26" s="8"/>
      <c r="ILH26" s="8"/>
      <c r="ILI26" s="8"/>
      <c r="ILJ26" s="8"/>
      <c r="ILK26" s="8"/>
      <c r="ILL26" s="8"/>
      <c r="ILM26" s="8"/>
      <c r="ILN26" s="8"/>
      <c r="ILO26" s="8"/>
      <c r="ILP26" s="8"/>
      <c r="ILQ26" s="8"/>
      <c r="ILR26" s="8"/>
      <c r="ILS26" s="8"/>
      <c r="ILT26" s="8"/>
      <c r="ILU26" s="8"/>
      <c r="ILV26" s="8"/>
      <c r="ILW26" s="8"/>
      <c r="ILX26" s="8"/>
      <c r="ILY26" s="8"/>
      <c r="ILZ26" s="8"/>
      <c r="IMA26" s="8"/>
      <c r="IMB26" s="8"/>
      <c r="IMC26" s="8"/>
      <c r="IMD26" s="8"/>
      <c r="IME26" s="8"/>
      <c r="IMF26" s="8"/>
      <c r="IMG26" s="8"/>
      <c r="IMH26" s="8"/>
      <c r="IMI26" s="8"/>
      <c r="IMJ26" s="8"/>
      <c r="IMK26" s="8"/>
      <c r="IML26" s="8"/>
      <c r="IMM26" s="8"/>
      <c r="IMN26" s="8"/>
      <c r="IMO26" s="8"/>
      <c r="IMP26" s="8"/>
      <c r="IMQ26" s="8"/>
      <c r="IMR26" s="8"/>
      <c r="IMS26" s="8"/>
      <c r="IMT26" s="8"/>
      <c r="IMU26" s="8"/>
      <c r="IMV26" s="8"/>
      <c r="IMW26" s="8"/>
      <c r="IMX26" s="8"/>
      <c r="IMY26" s="8"/>
      <c r="IMZ26" s="8"/>
      <c r="INA26" s="8"/>
      <c r="INB26" s="8"/>
      <c r="INC26" s="8"/>
      <c r="IND26" s="8"/>
      <c r="INE26" s="8"/>
      <c r="INF26" s="8"/>
      <c r="ING26" s="8"/>
      <c r="INH26" s="8"/>
      <c r="INI26" s="8"/>
      <c r="INJ26" s="8"/>
      <c r="INK26" s="8"/>
      <c r="INL26" s="8"/>
      <c r="INM26" s="8"/>
      <c r="INN26" s="8"/>
      <c r="INO26" s="8"/>
      <c r="INP26" s="8"/>
      <c r="INQ26" s="8"/>
      <c r="INR26" s="8"/>
      <c r="INS26" s="8"/>
      <c r="INT26" s="8"/>
      <c r="INU26" s="8"/>
      <c r="INV26" s="8"/>
      <c r="INW26" s="8"/>
      <c r="INX26" s="8"/>
      <c r="INY26" s="8"/>
      <c r="INZ26" s="8"/>
      <c r="IOA26" s="8"/>
      <c r="IOB26" s="8"/>
      <c r="IOC26" s="8"/>
      <c r="IOD26" s="8"/>
      <c r="IOE26" s="8"/>
      <c r="IOF26" s="8"/>
      <c r="IOG26" s="8"/>
      <c r="IOH26" s="8"/>
      <c r="IOI26" s="8"/>
      <c r="IOJ26" s="8"/>
      <c r="IOK26" s="8"/>
      <c r="IOL26" s="8"/>
      <c r="IOM26" s="8"/>
      <c r="ION26" s="8"/>
      <c r="IOO26" s="8"/>
      <c r="IOP26" s="8"/>
      <c r="IOQ26" s="8"/>
      <c r="IOR26" s="8"/>
      <c r="IOS26" s="8"/>
      <c r="IOT26" s="8"/>
      <c r="IOU26" s="8"/>
      <c r="IOV26" s="8"/>
      <c r="IOW26" s="8"/>
      <c r="IOX26" s="8"/>
      <c r="IOY26" s="8"/>
      <c r="IOZ26" s="8"/>
      <c r="IPA26" s="8"/>
      <c r="IPB26" s="8"/>
      <c r="IPC26" s="8"/>
      <c r="IPD26" s="8"/>
      <c r="IPE26" s="8"/>
      <c r="IPF26" s="8"/>
      <c r="IPG26" s="8"/>
      <c r="IPH26" s="8"/>
      <c r="IPI26" s="8"/>
      <c r="IPJ26" s="8"/>
      <c r="IPK26" s="8"/>
      <c r="IPL26" s="8"/>
      <c r="IPM26" s="8"/>
      <c r="IPN26" s="8"/>
      <c r="IPO26" s="8"/>
      <c r="IPP26" s="8"/>
      <c r="IPQ26" s="8"/>
      <c r="IPR26" s="8"/>
      <c r="IPS26" s="8"/>
      <c r="IPT26" s="8"/>
      <c r="IPU26" s="8"/>
      <c r="IPV26" s="8"/>
      <c r="IPW26" s="8"/>
      <c r="IPX26" s="8"/>
      <c r="IPY26" s="8"/>
      <c r="IPZ26" s="8"/>
      <c r="IQA26" s="8"/>
      <c r="IQB26" s="8"/>
      <c r="IQC26" s="8"/>
      <c r="IQD26" s="8"/>
      <c r="IQE26" s="8"/>
      <c r="IQF26" s="8"/>
      <c r="IQG26" s="8"/>
      <c r="IQH26" s="8"/>
      <c r="IQI26" s="8"/>
      <c r="IQJ26" s="8"/>
      <c r="IQK26" s="8"/>
      <c r="IQL26" s="8"/>
      <c r="IQM26" s="8"/>
      <c r="IQN26" s="8"/>
      <c r="IQO26" s="8"/>
      <c r="IQP26" s="8"/>
      <c r="IQQ26" s="8"/>
      <c r="IQR26" s="8"/>
      <c r="IQS26" s="8"/>
      <c r="IQT26" s="8"/>
      <c r="IQU26" s="8"/>
      <c r="IQV26" s="8"/>
      <c r="IQW26" s="8"/>
      <c r="IQX26" s="8"/>
      <c r="IQY26" s="8"/>
      <c r="IQZ26" s="8"/>
      <c r="IRA26" s="8"/>
      <c r="IRB26" s="8"/>
      <c r="IRC26" s="8"/>
      <c r="IRD26" s="8"/>
      <c r="IRE26" s="8"/>
      <c r="IRF26" s="8"/>
      <c r="IRG26" s="8"/>
      <c r="IRH26" s="8"/>
      <c r="IRI26" s="8"/>
      <c r="IRJ26" s="8"/>
      <c r="IRK26" s="8"/>
      <c r="IRL26" s="8"/>
      <c r="IRM26" s="8"/>
      <c r="IRN26" s="8"/>
      <c r="IRO26" s="8"/>
      <c r="IRP26" s="8"/>
      <c r="IRQ26" s="8"/>
      <c r="IRR26" s="8"/>
      <c r="IRS26" s="8"/>
      <c r="IRT26" s="8"/>
      <c r="IRU26" s="8"/>
      <c r="IRV26" s="8"/>
      <c r="IRW26" s="8"/>
      <c r="IRX26" s="8"/>
      <c r="IRY26" s="8"/>
      <c r="IRZ26" s="8"/>
      <c r="ISA26" s="8"/>
      <c r="ISB26" s="8"/>
      <c r="ISC26" s="8"/>
      <c r="ISD26" s="8"/>
      <c r="ISE26" s="8"/>
      <c r="ISF26" s="8"/>
      <c r="ISG26" s="8"/>
      <c r="ISH26" s="8"/>
      <c r="ISI26" s="8"/>
      <c r="ISJ26" s="8"/>
      <c r="ISK26" s="8"/>
      <c r="ISL26" s="8"/>
      <c r="ISM26" s="8"/>
      <c r="ISN26" s="8"/>
      <c r="ISO26" s="8"/>
      <c r="ISP26" s="8"/>
      <c r="ISQ26" s="8"/>
      <c r="ISR26" s="8"/>
      <c r="ISS26" s="8"/>
      <c r="IST26" s="8"/>
      <c r="ISU26" s="8"/>
      <c r="ISV26" s="8"/>
      <c r="ISW26" s="8"/>
      <c r="ISX26" s="8"/>
      <c r="ISY26" s="8"/>
      <c r="ISZ26" s="8"/>
      <c r="ITA26" s="8"/>
      <c r="ITB26" s="8"/>
      <c r="ITC26" s="8"/>
      <c r="ITD26" s="8"/>
      <c r="ITE26" s="8"/>
      <c r="ITF26" s="8"/>
      <c r="ITG26" s="8"/>
      <c r="ITH26" s="8"/>
      <c r="ITI26" s="8"/>
      <c r="ITJ26" s="8"/>
      <c r="ITK26" s="8"/>
      <c r="ITL26" s="8"/>
      <c r="ITM26" s="8"/>
      <c r="ITN26" s="8"/>
      <c r="ITO26" s="8"/>
      <c r="ITP26" s="8"/>
      <c r="ITQ26" s="8"/>
      <c r="ITR26" s="8"/>
      <c r="ITS26" s="8"/>
      <c r="ITT26" s="8"/>
      <c r="ITU26" s="8"/>
      <c r="ITV26" s="8"/>
      <c r="ITW26" s="8"/>
      <c r="ITX26" s="8"/>
      <c r="ITY26" s="8"/>
      <c r="ITZ26" s="8"/>
      <c r="IUA26" s="8"/>
      <c r="IUB26" s="8"/>
      <c r="IUC26" s="8"/>
      <c r="IUD26" s="8"/>
      <c r="IUE26" s="8"/>
      <c r="IUF26" s="8"/>
      <c r="IUG26" s="8"/>
      <c r="IUH26" s="8"/>
      <c r="IUI26" s="8"/>
      <c r="IUJ26" s="8"/>
      <c r="IUK26" s="8"/>
      <c r="IUL26" s="8"/>
      <c r="IUM26" s="8"/>
      <c r="IUN26" s="8"/>
      <c r="IUO26" s="8"/>
      <c r="IUP26" s="8"/>
      <c r="IUQ26" s="8"/>
      <c r="IUR26" s="8"/>
      <c r="IUS26" s="8"/>
      <c r="IUT26" s="8"/>
      <c r="IUU26" s="8"/>
      <c r="IUV26" s="8"/>
      <c r="IUW26" s="8"/>
      <c r="IUX26" s="8"/>
      <c r="IUY26" s="8"/>
      <c r="IUZ26" s="8"/>
      <c r="IVA26" s="8"/>
      <c r="IVB26" s="8"/>
      <c r="IVC26" s="8"/>
      <c r="IVD26" s="8"/>
      <c r="IVE26" s="8"/>
      <c r="IVF26" s="8"/>
      <c r="IVG26" s="8"/>
      <c r="IVH26" s="8"/>
      <c r="IVI26" s="8"/>
      <c r="IVJ26" s="8"/>
      <c r="IVK26" s="8"/>
      <c r="IVL26" s="8"/>
      <c r="IVM26" s="8"/>
      <c r="IVN26" s="8"/>
      <c r="IVO26" s="8"/>
      <c r="IVP26" s="8"/>
      <c r="IVQ26" s="8"/>
      <c r="IVR26" s="8"/>
      <c r="IVS26" s="8"/>
      <c r="IVT26" s="8"/>
      <c r="IVU26" s="8"/>
      <c r="IVV26" s="8"/>
      <c r="IVW26" s="8"/>
      <c r="IVX26" s="8"/>
      <c r="IVY26" s="8"/>
      <c r="IVZ26" s="8"/>
      <c r="IWA26" s="8"/>
      <c r="IWB26" s="8"/>
      <c r="IWC26" s="8"/>
      <c r="IWD26" s="8"/>
      <c r="IWE26" s="8"/>
      <c r="IWF26" s="8"/>
      <c r="IWG26" s="8"/>
      <c r="IWH26" s="8"/>
      <c r="IWI26" s="8"/>
      <c r="IWJ26" s="8"/>
      <c r="IWK26" s="8"/>
      <c r="IWL26" s="8"/>
      <c r="IWM26" s="8"/>
      <c r="IWN26" s="8"/>
      <c r="IWO26" s="8"/>
      <c r="IWP26" s="8"/>
      <c r="IWQ26" s="8"/>
      <c r="IWR26" s="8"/>
      <c r="IWS26" s="8"/>
      <c r="IWT26" s="8"/>
      <c r="IWU26" s="8"/>
      <c r="IWV26" s="8"/>
      <c r="IWW26" s="8"/>
      <c r="IWX26" s="8"/>
      <c r="IWY26" s="8"/>
      <c r="IWZ26" s="8"/>
      <c r="IXA26" s="8"/>
      <c r="IXB26" s="8"/>
      <c r="IXC26" s="8"/>
      <c r="IXD26" s="8"/>
      <c r="IXE26" s="8"/>
      <c r="IXF26" s="8"/>
      <c r="IXG26" s="8"/>
      <c r="IXH26" s="8"/>
      <c r="IXI26" s="8"/>
      <c r="IXJ26" s="8"/>
      <c r="IXK26" s="8"/>
      <c r="IXL26" s="8"/>
      <c r="IXM26" s="8"/>
      <c r="IXN26" s="8"/>
      <c r="IXO26" s="8"/>
      <c r="IXP26" s="8"/>
      <c r="IXQ26" s="8"/>
      <c r="IXR26" s="8"/>
      <c r="IXS26" s="8"/>
      <c r="IXT26" s="8"/>
      <c r="IXU26" s="8"/>
      <c r="IXV26" s="8"/>
      <c r="IXW26" s="8"/>
      <c r="IXX26" s="8"/>
      <c r="IXY26" s="8"/>
      <c r="IXZ26" s="8"/>
      <c r="IYA26" s="8"/>
      <c r="IYB26" s="8"/>
      <c r="IYC26" s="8"/>
      <c r="IYD26" s="8"/>
      <c r="IYE26" s="8"/>
      <c r="IYF26" s="8"/>
      <c r="IYG26" s="8"/>
      <c r="IYH26" s="8"/>
      <c r="IYI26" s="8"/>
      <c r="IYJ26" s="8"/>
      <c r="IYK26" s="8"/>
      <c r="IYL26" s="8"/>
      <c r="IYM26" s="8"/>
      <c r="IYN26" s="8"/>
      <c r="IYO26" s="8"/>
      <c r="IYP26" s="8"/>
      <c r="IYQ26" s="8"/>
      <c r="IYR26" s="8"/>
      <c r="IYS26" s="8"/>
      <c r="IYT26" s="8"/>
      <c r="IYU26" s="8"/>
      <c r="IYV26" s="8"/>
      <c r="IYW26" s="8"/>
      <c r="IYX26" s="8"/>
      <c r="IYY26" s="8"/>
      <c r="IYZ26" s="8"/>
      <c r="IZA26" s="8"/>
      <c r="IZB26" s="8"/>
      <c r="IZC26" s="8"/>
      <c r="IZD26" s="8"/>
      <c r="IZE26" s="8"/>
      <c r="IZF26" s="8"/>
      <c r="IZG26" s="8"/>
      <c r="IZH26" s="8"/>
      <c r="IZI26" s="8"/>
      <c r="IZJ26" s="8"/>
      <c r="IZK26" s="8"/>
      <c r="IZL26" s="8"/>
      <c r="IZM26" s="8"/>
      <c r="IZN26" s="8"/>
      <c r="IZO26" s="8"/>
      <c r="IZP26" s="8"/>
      <c r="IZQ26" s="8"/>
      <c r="IZR26" s="8"/>
      <c r="IZS26" s="8"/>
      <c r="IZT26" s="8"/>
      <c r="IZU26" s="8"/>
      <c r="IZV26" s="8"/>
      <c r="IZW26" s="8"/>
      <c r="IZX26" s="8"/>
      <c r="IZY26" s="8"/>
      <c r="IZZ26" s="8"/>
      <c r="JAA26" s="8"/>
      <c r="JAB26" s="8"/>
      <c r="JAC26" s="8"/>
      <c r="JAD26" s="8"/>
      <c r="JAE26" s="8"/>
      <c r="JAF26" s="8"/>
      <c r="JAG26" s="8"/>
      <c r="JAH26" s="8"/>
      <c r="JAI26" s="8"/>
      <c r="JAJ26" s="8"/>
      <c r="JAK26" s="8"/>
      <c r="JAL26" s="8"/>
      <c r="JAM26" s="8"/>
      <c r="JAN26" s="8"/>
      <c r="JAO26" s="8"/>
      <c r="JAP26" s="8"/>
      <c r="JAQ26" s="8"/>
      <c r="JAR26" s="8"/>
      <c r="JAS26" s="8"/>
      <c r="JAT26" s="8"/>
      <c r="JAU26" s="8"/>
      <c r="JAV26" s="8"/>
      <c r="JAW26" s="8"/>
      <c r="JAX26" s="8"/>
      <c r="JAY26" s="8"/>
      <c r="JAZ26" s="8"/>
      <c r="JBA26" s="8"/>
      <c r="JBB26" s="8"/>
      <c r="JBC26" s="8"/>
      <c r="JBD26" s="8"/>
      <c r="JBE26" s="8"/>
      <c r="JBF26" s="8"/>
      <c r="JBG26" s="8"/>
      <c r="JBH26" s="8"/>
      <c r="JBI26" s="8"/>
      <c r="JBJ26" s="8"/>
      <c r="JBK26" s="8"/>
      <c r="JBL26" s="8"/>
      <c r="JBM26" s="8"/>
      <c r="JBN26" s="8"/>
      <c r="JBO26" s="8"/>
      <c r="JBP26" s="8"/>
      <c r="JBQ26" s="8"/>
      <c r="JBR26" s="8"/>
      <c r="JBS26" s="8"/>
      <c r="JBT26" s="8"/>
      <c r="JBU26" s="8"/>
      <c r="JBV26" s="8"/>
      <c r="JBW26" s="8"/>
      <c r="JBX26" s="8"/>
      <c r="JBY26" s="8"/>
      <c r="JBZ26" s="8"/>
      <c r="JCA26" s="8"/>
      <c r="JCB26" s="8"/>
      <c r="JCC26" s="8"/>
      <c r="JCD26" s="8"/>
      <c r="JCE26" s="8"/>
      <c r="JCF26" s="8"/>
      <c r="JCG26" s="8"/>
      <c r="JCH26" s="8"/>
      <c r="JCI26" s="8"/>
      <c r="JCJ26" s="8"/>
      <c r="JCK26" s="8"/>
      <c r="JCL26" s="8"/>
      <c r="JCM26" s="8"/>
      <c r="JCN26" s="8"/>
      <c r="JCO26" s="8"/>
      <c r="JCP26" s="8"/>
      <c r="JCQ26" s="8"/>
      <c r="JCR26" s="8"/>
      <c r="JCS26" s="8"/>
      <c r="JCT26" s="8"/>
      <c r="JCU26" s="8"/>
      <c r="JCV26" s="8"/>
      <c r="JCW26" s="8"/>
      <c r="JCX26" s="8"/>
      <c r="JCY26" s="8"/>
      <c r="JCZ26" s="8"/>
      <c r="JDA26" s="8"/>
      <c r="JDB26" s="8"/>
      <c r="JDC26" s="8"/>
      <c r="JDD26" s="8"/>
      <c r="JDE26" s="8"/>
      <c r="JDF26" s="8"/>
      <c r="JDG26" s="8"/>
      <c r="JDH26" s="8"/>
      <c r="JDI26" s="8"/>
      <c r="JDJ26" s="8"/>
      <c r="JDK26" s="8"/>
      <c r="JDL26" s="8"/>
      <c r="JDM26" s="8"/>
      <c r="JDN26" s="8"/>
      <c r="JDO26" s="8"/>
      <c r="JDP26" s="8"/>
      <c r="JDQ26" s="8"/>
      <c r="JDR26" s="8"/>
      <c r="JDS26" s="8"/>
      <c r="JDT26" s="8"/>
      <c r="JDU26" s="8"/>
      <c r="JDV26" s="8"/>
      <c r="JDW26" s="8"/>
      <c r="JDX26" s="8"/>
      <c r="JDY26" s="8"/>
      <c r="JDZ26" s="8"/>
      <c r="JEA26" s="8"/>
      <c r="JEB26" s="8"/>
      <c r="JEC26" s="8"/>
      <c r="JED26" s="8"/>
      <c r="JEE26" s="8"/>
      <c r="JEF26" s="8"/>
      <c r="JEG26" s="8"/>
      <c r="JEH26" s="8"/>
      <c r="JEI26" s="8"/>
      <c r="JEJ26" s="8"/>
      <c r="JEK26" s="8"/>
      <c r="JEL26" s="8"/>
      <c r="JEM26" s="8"/>
      <c r="JEN26" s="8"/>
      <c r="JEO26" s="8"/>
      <c r="JEP26" s="8"/>
      <c r="JEQ26" s="8"/>
      <c r="JER26" s="8"/>
      <c r="JES26" s="8"/>
      <c r="JET26" s="8"/>
      <c r="JEU26" s="8"/>
      <c r="JEV26" s="8"/>
      <c r="JEW26" s="8"/>
      <c r="JEX26" s="8"/>
      <c r="JEY26" s="8"/>
      <c r="JEZ26" s="8"/>
      <c r="JFA26" s="8"/>
      <c r="JFB26" s="8"/>
      <c r="JFC26" s="8"/>
      <c r="JFD26" s="8"/>
      <c r="JFE26" s="8"/>
      <c r="JFF26" s="8"/>
      <c r="JFG26" s="8"/>
      <c r="JFH26" s="8"/>
      <c r="JFI26" s="8"/>
      <c r="JFJ26" s="8"/>
      <c r="JFK26" s="8"/>
      <c r="JFL26" s="8"/>
      <c r="JFM26" s="8"/>
      <c r="JFN26" s="8"/>
      <c r="JFO26" s="8"/>
      <c r="JFP26" s="8"/>
      <c r="JFQ26" s="8"/>
      <c r="JFR26" s="8"/>
      <c r="JFS26" s="8"/>
      <c r="JFT26" s="8"/>
      <c r="JFU26" s="8"/>
      <c r="JFV26" s="8"/>
      <c r="JFW26" s="8"/>
      <c r="JFX26" s="8"/>
      <c r="JFY26" s="8"/>
      <c r="JFZ26" s="8"/>
      <c r="JGA26" s="8"/>
      <c r="JGB26" s="8"/>
      <c r="JGC26" s="8"/>
      <c r="JGD26" s="8"/>
      <c r="JGE26" s="8"/>
      <c r="JGF26" s="8"/>
      <c r="JGG26" s="8"/>
      <c r="JGH26" s="8"/>
      <c r="JGI26" s="8"/>
      <c r="JGJ26" s="8"/>
      <c r="JGK26" s="8"/>
      <c r="JGL26" s="8"/>
      <c r="JGM26" s="8"/>
      <c r="JGN26" s="8"/>
      <c r="JGO26" s="8"/>
      <c r="JGP26" s="8"/>
      <c r="JGQ26" s="8"/>
      <c r="JGR26" s="8"/>
      <c r="JGS26" s="8"/>
      <c r="JGT26" s="8"/>
      <c r="JGU26" s="8"/>
      <c r="JGV26" s="8"/>
      <c r="JGW26" s="8"/>
      <c r="JGX26" s="8"/>
      <c r="JGY26" s="8"/>
      <c r="JGZ26" s="8"/>
      <c r="JHA26" s="8"/>
      <c r="JHB26" s="8"/>
      <c r="JHC26" s="8"/>
      <c r="JHD26" s="8"/>
      <c r="JHE26" s="8"/>
      <c r="JHF26" s="8"/>
      <c r="JHG26" s="8"/>
      <c r="JHH26" s="8"/>
      <c r="JHI26" s="8"/>
      <c r="JHJ26" s="8"/>
      <c r="JHK26" s="8"/>
      <c r="JHL26" s="8"/>
      <c r="JHM26" s="8"/>
      <c r="JHN26" s="8"/>
      <c r="JHO26" s="8"/>
      <c r="JHP26" s="8"/>
      <c r="JHQ26" s="8"/>
      <c r="JHR26" s="8"/>
      <c r="JHS26" s="8"/>
      <c r="JHT26" s="8"/>
      <c r="JHU26" s="8"/>
      <c r="JHV26" s="8"/>
      <c r="JHW26" s="8"/>
      <c r="JHX26" s="8"/>
      <c r="JHY26" s="8"/>
      <c r="JHZ26" s="8"/>
      <c r="JIA26" s="8"/>
      <c r="JIB26" s="8"/>
      <c r="JIC26" s="8"/>
      <c r="JID26" s="8"/>
      <c r="JIE26" s="8"/>
      <c r="JIF26" s="8"/>
      <c r="JIG26" s="8"/>
      <c r="JIH26" s="8"/>
      <c r="JII26" s="8"/>
      <c r="JIJ26" s="8"/>
      <c r="JIK26" s="8"/>
      <c r="JIL26" s="8"/>
      <c r="JIM26" s="8"/>
      <c r="JIN26" s="8"/>
      <c r="JIO26" s="8"/>
      <c r="JIP26" s="8"/>
      <c r="JIQ26" s="8"/>
      <c r="JIR26" s="8"/>
      <c r="JIS26" s="8"/>
      <c r="JIT26" s="8"/>
      <c r="JIU26" s="8"/>
      <c r="JIV26" s="8"/>
      <c r="JIW26" s="8"/>
      <c r="JIX26" s="8"/>
      <c r="JIY26" s="8"/>
      <c r="JIZ26" s="8"/>
      <c r="JJA26" s="8"/>
      <c r="JJB26" s="8"/>
      <c r="JJC26" s="8"/>
      <c r="JJD26" s="8"/>
      <c r="JJE26" s="8"/>
      <c r="JJF26" s="8"/>
      <c r="JJG26" s="8"/>
      <c r="JJH26" s="8"/>
      <c r="JJI26" s="8"/>
      <c r="JJJ26" s="8"/>
      <c r="JJK26" s="8"/>
      <c r="JJL26" s="8"/>
      <c r="JJM26" s="8"/>
      <c r="JJN26" s="8"/>
      <c r="JJO26" s="8"/>
      <c r="JJP26" s="8"/>
      <c r="JJQ26" s="8"/>
      <c r="JJR26" s="8"/>
      <c r="JJS26" s="8"/>
      <c r="JJT26" s="8"/>
      <c r="JJU26" s="8"/>
      <c r="JJV26" s="8"/>
      <c r="JJW26" s="8"/>
      <c r="JJX26" s="8"/>
      <c r="JJY26" s="8"/>
      <c r="JJZ26" s="8"/>
      <c r="JKA26" s="8"/>
      <c r="JKB26" s="8"/>
      <c r="JKC26" s="8"/>
      <c r="JKD26" s="8"/>
      <c r="JKE26" s="8"/>
      <c r="JKF26" s="8"/>
      <c r="JKG26" s="8"/>
      <c r="JKH26" s="8"/>
      <c r="JKI26" s="8"/>
      <c r="JKJ26" s="8"/>
      <c r="JKK26" s="8"/>
      <c r="JKL26" s="8"/>
      <c r="JKM26" s="8"/>
      <c r="JKN26" s="8"/>
      <c r="JKO26" s="8"/>
      <c r="JKP26" s="8"/>
      <c r="JKQ26" s="8"/>
      <c r="JKR26" s="8"/>
      <c r="JKS26" s="8"/>
      <c r="JKT26" s="8"/>
      <c r="JKU26" s="8"/>
      <c r="JKV26" s="8"/>
      <c r="JKW26" s="8"/>
      <c r="JKX26" s="8"/>
      <c r="JKY26" s="8"/>
      <c r="JKZ26" s="8"/>
      <c r="JLA26" s="8"/>
      <c r="JLB26" s="8"/>
      <c r="JLC26" s="8"/>
      <c r="JLD26" s="8"/>
      <c r="JLE26" s="8"/>
      <c r="JLF26" s="8"/>
      <c r="JLG26" s="8"/>
      <c r="JLH26" s="8"/>
      <c r="JLI26" s="8"/>
      <c r="JLJ26" s="8"/>
      <c r="JLK26" s="8"/>
      <c r="JLL26" s="8"/>
      <c r="JLM26" s="8"/>
      <c r="JLN26" s="8"/>
      <c r="JLO26" s="8"/>
      <c r="JLP26" s="8"/>
      <c r="JLQ26" s="8"/>
      <c r="JLR26" s="8"/>
      <c r="JLS26" s="8"/>
      <c r="JLT26" s="8"/>
      <c r="JLU26" s="8"/>
      <c r="JLV26" s="8"/>
      <c r="JLW26" s="8"/>
      <c r="JLX26" s="8"/>
      <c r="JLY26" s="8"/>
      <c r="JLZ26" s="8"/>
      <c r="JMA26" s="8"/>
      <c r="JMB26" s="8"/>
      <c r="JMC26" s="8"/>
      <c r="JMD26" s="8"/>
      <c r="JME26" s="8"/>
      <c r="JMF26" s="8"/>
      <c r="JMG26" s="8"/>
      <c r="JMH26" s="8"/>
      <c r="JMI26" s="8"/>
      <c r="JMJ26" s="8"/>
      <c r="JMK26" s="8"/>
      <c r="JML26" s="8"/>
      <c r="JMM26" s="8"/>
      <c r="JMN26" s="8"/>
      <c r="JMO26" s="8"/>
      <c r="JMP26" s="8"/>
      <c r="JMQ26" s="8"/>
      <c r="JMR26" s="8"/>
      <c r="JMS26" s="8"/>
      <c r="JMT26" s="8"/>
      <c r="JMU26" s="8"/>
      <c r="JMV26" s="8"/>
      <c r="JMW26" s="8"/>
      <c r="JMX26" s="8"/>
      <c r="JMY26" s="8"/>
      <c r="JMZ26" s="8"/>
      <c r="JNA26" s="8"/>
      <c r="JNB26" s="8"/>
      <c r="JNC26" s="8"/>
      <c r="JND26" s="8"/>
      <c r="JNE26" s="8"/>
      <c r="JNF26" s="8"/>
      <c r="JNG26" s="8"/>
      <c r="JNH26" s="8"/>
      <c r="JNI26" s="8"/>
      <c r="JNJ26" s="8"/>
      <c r="JNK26" s="8"/>
      <c r="JNL26" s="8"/>
      <c r="JNM26" s="8"/>
      <c r="JNN26" s="8"/>
      <c r="JNO26" s="8"/>
      <c r="JNP26" s="8"/>
      <c r="JNQ26" s="8"/>
      <c r="JNR26" s="8"/>
      <c r="JNS26" s="8"/>
      <c r="JNT26" s="8"/>
      <c r="JNU26" s="8"/>
      <c r="JNV26" s="8"/>
      <c r="JNW26" s="8"/>
      <c r="JNX26" s="8"/>
      <c r="JNY26" s="8"/>
      <c r="JNZ26" s="8"/>
      <c r="JOA26" s="8"/>
      <c r="JOB26" s="8"/>
      <c r="JOC26" s="8"/>
      <c r="JOD26" s="8"/>
      <c r="JOE26" s="8"/>
      <c r="JOF26" s="8"/>
      <c r="JOG26" s="8"/>
      <c r="JOH26" s="8"/>
      <c r="JOI26" s="8"/>
      <c r="JOJ26" s="8"/>
      <c r="JOK26" s="8"/>
      <c r="JOL26" s="8"/>
      <c r="JOM26" s="8"/>
      <c r="JON26" s="8"/>
      <c r="JOO26" s="8"/>
      <c r="JOP26" s="8"/>
      <c r="JOQ26" s="8"/>
      <c r="JOR26" s="8"/>
      <c r="JOS26" s="8"/>
      <c r="JOT26" s="8"/>
      <c r="JOU26" s="8"/>
      <c r="JOV26" s="8"/>
      <c r="JOW26" s="8"/>
      <c r="JOX26" s="8"/>
      <c r="JOY26" s="8"/>
      <c r="JOZ26" s="8"/>
      <c r="JPA26" s="8"/>
      <c r="JPB26" s="8"/>
      <c r="JPC26" s="8"/>
      <c r="JPD26" s="8"/>
      <c r="JPE26" s="8"/>
      <c r="JPF26" s="8"/>
      <c r="JPG26" s="8"/>
      <c r="JPH26" s="8"/>
      <c r="JPI26" s="8"/>
      <c r="JPJ26" s="8"/>
      <c r="JPK26" s="8"/>
      <c r="JPL26" s="8"/>
      <c r="JPM26" s="8"/>
      <c r="JPN26" s="8"/>
      <c r="JPO26" s="8"/>
      <c r="JPP26" s="8"/>
      <c r="JPQ26" s="8"/>
      <c r="JPR26" s="8"/>
      <c r="JPS26" s="8"/>
      <c r="JPT26" s="8"/>
      <c r="JPU26" s="8"/>
      <c r="JPV26" s="8"/>
      <c r="JPW26" s="8"/>
      <c r="JPX26" s="8"/>
      <c r="JPY26" s="8"/>
      <c r="JPZ26" s="8"/>
      <c r="JQA26" s="8"/>
      <c r="JQB26" s="8"/>
      <c r="JQC26" s="8"/>
      <c r="JQD26" s="8"/>
      <c r="JQE26" s="8"/>
      <c r="JQF26" s="8"/>
      <c r="JQG26" s="8"/>
      <c r="JQH26" s="8"/>
      <c r="JQI26" s="8"/>
      <c r="JQJ26" s="8"/>
      <c r="JQK26" s="8"/>
      <c r="JQL26" s="8"/>
      <c r="JQM26" s="8"/>
      <c r="JQN26" s="8"/>
      <c r="JQO26" s="8"/>
      <c r="JQP26" s="8"/>
      <c r="JQQ26" s="8"/>
      <c r="JQR26" s="8"/>
      <c r="JQS26" s="8"/>
      <c r="JQT26" s="8"/>
      <c r="JQU26" s="8"/>
      <c r="JQV26" s="8"/>
      <c r="JQW26" s="8"/>
      <c r="JQX26" s="8"/>
      <c r="JQY26" s="8"/>
      <c r="JQZ26" s="8"/>
      <c r="JRA26" s="8"/>
      <c r="JRB26" s="8"/>
      <c r="JRC26" s="8"/>
      <c r="JRD26" s="8"/>
      <c r="JRE26" s="8"/>
      <c r="JRF26" s="8"/>
      <c r="JRG26" s="8"/>
      <c r="JRH26" s="8"/>
      <c r="JRI26" s="8"/>
      <c r="JRJ26" s="8"/>
      <c r="JRK26" s="8"/>
      <c r="JRL26" s="8"/>
      <c r="JRM26" s="8"/>
      <c r="JRN26" s="8"/>
      <c r="JRO26" s="8"/>
      <c r="JRP26" s="8"/>
      <c r="JRQ26" s="8"/>
      <c r="JRR26" s="8"/>
      <c r="JRS26" s="8"/>
      <c r="JRT26" s="8"/>
      <c r="JRU26" s="8"/>
      <c r="JRV26" s="8"/>
      <c r="JRW26" s="8"/>
      <c r="JRX26" s="8"/>
      <c r="JRY26" s="8"/>
      <c r="JRZ26" s="8"/>
      <c r="JSA26" s="8"/>
      <c r="JSB26" s="8"/>
      <c r="JSC26" s="8"/>
      <c r="JSD26" s="8"/>
      <c r="JSE26" s="8"/>
      <c r="JSF26" s="8"/>
      <c r="JSG26" s="8"/>
      <c r="JSH26" s="8"/>
      <c r="JSI26" s="8"/>
      <c r="JSJ26" s="8"/>
      <c r="JSK26" s="8"/>
      <c r="JSL26" s="8"/>
      <c r="JSM26" s="8"/>
      <c r="JSN26" s="8"/>
      <c r="JSO26" s="8"/>
      <c r="JSP26" s="8"/>
      <c r="JSQ26" s="8"/>
      <c r="JSR26" s="8"/>
      <c r="JSS26" s="8"/>
      <c r="JST26" s="8"/>
      <c r="JSU26" s="8"/>
      <c r="JSV26" s="8"/>
      <c r="JSW26" s="8"/>
      <c r="JSX26" s="8"/>
      <c r="JSY26" s="8"/>
      <c r="JSZ26" s="8"/>
      <c r="JTA26" s="8"/>
      <c r="JTB26" s="8"/>
      <c r="JTC26" s="8"/>
      <c r="JTD26" s="8"/>
      <c r="JTE26" s="8"/>
      <c r="JTF26" s="8"/>
      <c r="JTG26" s="8"/>
      <c r="JTH26" s="8"/>
      <c r="JTI26" s="8"/>
      <c r="JTJ26" s="8"/>
      <c r="JTK26" s="8"/>
      <c r="JTL26" s="8"/>
      <c r="JTM26" s="8"/>
      <c r="JTN26" s="8"/>
      <c r="JTO26" s="8"/>
      <c r="JTP26" s="8"/>
      <c r="JTQ26" s="8"/>
      <c r="JTR26" s="8"/>
      <c r="JTS26" s="8"/>
      <c r="JTT26" s="8"/>
      <c r="JTU26" s="8"/>
      <c r="JTV26" s="8"/>
      <c r="JTW26" s="8"/>
      <c r="JTX26" s="8"/>
      <c r="JTY26" s="8"/>
      <c r="JTZ26" s="8"/>
      <c r="JUA26" s="8"/>
      <c r="JUB26" s="8"/>
      <c r="JUC26" s="8"/>
      <c r="JUD26" s="8"/>
      <c r="JUE26" s="8"/>
      <c r="JUF26" s="8"/>
      <c r="JUG26" s="8"/>
      <c r="JUH26" s="8"/>
      <c r="JUI26" s="8"/>
      <c r="JUJ26" s="8"/>
      <c r="JUK26" s="8"/>
      <c r="JUL26" s="8"/>
      <c r="JUM26" s="8"/>
      <c r="JUN26" s="8"/>
      <c r="JUO26" s="8"/>
      <c r="JUP26" s="8"/>
      <c r="JUQ26" s="8"/>
      <c r="JUR26" s="8"/>
      <c r="JUS26" s="8"/>
      <c r="JUT26" s="8"/>
      <c r="JUU26" s="8"/>
      <c r="JUV26" s="8"/>
      <c r="JUW26" s="8"/>
      <c r="JUX26" s="8"/>
      <c r="JUY26" s="8"/>
      <c r="JUZ26" s="8"/>
      <c r="JVA26" s="8"/>
      <c r="JVB26" s="8"/>
      <c r="JVC26" s="8"/>
      <c r="JVD26" s="8"/>
      <c r="JVE26" s="8"/>
      <c r="JVF26" s="8"/>
      <c r="JVG26" s="8"/>
      <c r="JVH26" s="8"/>
      <c r="JVI26" s="8"/>
      <c r="JVJ26" s="8"/>
      <c r="JVK26" s="8"/>
      <c r="JVL26" s="8"/>
      <c r="JVM26" s="8"/>
      <c r="JVN26" s="8"/>
      <c r="JVO26" s="8"/>
      <c r="JVP26" s="8"/>
      <c r="JVQ26" s="8"/>
      <c r="JVR26" s="8"/>
      <c r="JVS26" s="8"/>
      <c r="JVT26" s="8"/>
      <c r="JVU26" s="8"/>
      <c r="JVV26" s="8"/>
      <c r="JVW26" s="8"/>
      <c r="JVX26" s="8"/>
      <c r="JVY26" s="8"/>
      <c r="JVZ26" s="8"/>
      <c r="JWA26" s="8"/>
      <c r="JWB26" s="8"/>
      <c r="JWC26" s="8"/>
      <c r="JWD26" s="8"/>
      <c r="JWE26" s="8"/>
      <c r="JWF26" s="8"/>
      <c r="JWG26" s="8"/>
      <c r="JWH26" s="8"/>
      <c r="JWI26" s="8"/>
      <c r="JWJ26" s="8"/>
      <c r="JWK26" s="8"/>
      <c r="JWL26" s="8"/>
      <c r="JWM26" s="8"/>
      <c r="JWN26" s="8"/>
      <c r="JWO26" s="8"/>
      <c r="JWP26" s="8"/>
      <c r="JWQ26" s="8"/>
      <c r="JWR26" s="8"/>
      <c r="JWS26" s="8"/>
      <c r="JWT26" s="8"/>
      <c r="JWU26" s="8"/>
      <c r="JWV26" s="8"/>
      <c r="JWW26" s="8"/>
      <c r="JWX26" s="8"/>
      <c r="JWY26" s="8"/>
      <c r="JWZ26" s="8"/>
      <c r="JXA26" s="8"/>
      <c r="JXB26" s="8"/>
      <c r="JXC26" s="8"/>
      <c r="JXD26" s="8"/>
      <c r="JXE26" s="8"/>
      <c r="JXF26" s="8"/>
      <c r="JXG26" s="8"/>
      <c r="JXH26" s="8"/>
      <c r="JXI26" s="8"/>
      <c r="JXJ26" s="8"/>
      <c r="JXK26" s="8"/>
      <c r="JXL26" s="8"/>
      <c r="JXM26" s="8"/>
      <c r="JXN26" s="8"/>
      <c r="JXO26" s="8"/>
      <c r="JXP26" s="8"/>
      <c r="JXQ26" s="8"/>
      <c r="JXR26" s="8"/>
      <c r="JXS26" s="8"/>
      <c r="JXT26" s="8"/>
      <c r="JXU26" s="8"/>
      <c r="JXV26" s="8"/>
      <c r="JXW26" s="8"/>
      <c r="JXX26" s="8"/>
      <c r="JXY26" s="8"/>
      <c r="JXZ26" s="8"/>
      <c r="JYA26" s="8"/>
      <c r="JYB26" s="8"/>
      <c r="JYC26" s="8"/>
      <c r="JYD26" s="8"/>
      <c r="JYE26" s="8"/>
      <c r="JYF26" s="8"/>
      <c r="JYG26" s="8"/>
      <c r="JYH26" s="8"/>
      <c r="JYI26" s="8"/>
      <c r="JYJ26" s="8"/>
      <c r="JYK26" s="8"/>
      <c r="JYL26" s="8"/>
      <c r="JYM26" s="8"/>
      <c r="JYN26" s="8"/>
      <c r="JYO26" s="8"/>
      <c r="JYP26" s="8"/>
      <c r="JYQ26" s="8"/>
      <c r="JYR26" s="8"/>
      <c r="JYS26" s="8"/>
      <c r="JYT26" s="8"/>
      <c r="JYU26" s="8"/>
      <c r="JYV26" s="8"/>
      <c r="JYW26" s="8"/>
      <c r="JYX26" s="8"/>
      <c r="JYY26" s="8"/>
      <c r="JYZ26" s="8"/>
      <c r="JZA26" s="8"/>
      <c r="JZB26" s="8"/>
      <c r="JZC26" s="8"/>
      <c r="JZD26" s="8"/>
      <c r="JZE26" s="8"/>
      <c r="JZF26" s="8"/>
      <c r="JZG26" s="8"/>
      <c r="JZH26" s="8"/>
      <c r="JZI26" s="8"/>
      <c r="JZJ26" s="8"/>
      <c r="JZK26" s="8"/>
      <c r="JZL26" s="8"/>
      <c r="JZM26" s="8"/>
      <c r="JZN26" s="8"/>
      <c r="JZO26" s="8"/>
      <c r="JZP26" s="8"/>
      <c r="JZQ26" s="8"/>
      <c r="JZR26" s="8"/>
      <c r="JZS26" s="8"/>
      <c r="JZT26" s="8"/>
      <c r="JZU26" s="8"/>
      <c r="JZV26" s="8"/>
      <c r="JZW26" s="8"/>
      <c r="JZX26" s="8"/>
      <c r="JZY26" s="8"/>
      <c r="JZZ26" s="8"/>
      <c r="KAA26" s="8"/>
      <c r="KAB26" s="8"/>
      <c r="KAC26" s="8"/>
      <c r="KAD26" s="8"/>
      <c r="KAE26" s="8"/>
      <c r="KAF26" s="8"/>
      <c r="KAG26" s="8"/>
      <c r="KAH26" s="8"/>
      <c r="KAI26" s="8"/>
      <c r="KAJ26" s="8"/>
      <c r="KAK26" s="8"/>
      <c r="KAL26" s="8"/>
      <c r="KAM26" s="8"/>
      <c r="KAN26" s="8"/>
      <c r="KAO26" s="8"/>
      <c r="KAP26" s="8"/>
      <c r="KAQ26" s="8"/>
      <c r="KAR26" s="8"/>
      <c r="KAS26" s="8"/>
      <c r="KAT26" s="8"/>
      <c r="KAU26" s="8"/>
      <c r="KAV26" s="8"/>
      <c r="KAW26" s="8"/>
      <c r="KAX26" s="8"/>
      <c r="KAY26" s="8"/>
      <c r="KAZ26" s="8"/>
      <c r="KBA26" s="8"/>
      <c r="KBB26" s="8"/>
      <c r="KBC26" s="8"/>
      <c r="KBD26" s="8"/>
      <c r="KBE26" s="8"/>
      <c r="KBF26" s="8"/>
      <c r="KBG26" s="8"/>
      <c r="KBH26" s="8"/>
      <c r="KBI26" s="8"/>
      <c r="KBJ26" s="8"/>
      <c r="KBK26" s="8"/>
      <c r="KBL26" s="8"/>
      <c r="KBM26" s="8"/>
      <c r="KBN26" s="8"/>
      <c r="KBO26" s="8"/>
      <c r="KBP26" s="8"/>
      <c r="KBQ26" s="8"/>
      <c r="KBR26" s="8"/>
      <c r="KBS26" s="8"/>
      <c r="KBT26" s="8"/>
      <c r="KBU26" s="8"/>
      <c r="KBV26" s="8"/>
      <c r="KBW26" s="8"/>
      <c r="KBX26" s="8"/>
      <c r="KBY26" s="8"/>
      <c r="KBZ26" s="8"/>
      <c r="KCA26" s="8"/>
      <c r="KCB26" s="8"/>
      <c r="KCC26" s="8"/>
      <c r="KCD26" s="8"/>
      <c r="KCE26" s="8"/>
      <c r="KCF26" s="8"/>
      <c r="KCG26" s="8"/>
      <c r="KCH26" s="8"/>
      <c r="KCI26" s="8"/>
      <c r="KCJ26" s="8"/>
      <c r="KCK26" s="8"/>
      <c r="KCL26" s="8"/>
      <c r="KCM26" s="8"/>
      <c r="KCN26" s="8"/>
      <c r="KCO26" s="8"/>
      <c r="KCP26" s="8"/>
      <c r="KCQ26" s="8"/>
      <c r="KCR26" s="8"/>
      <c r="KCS26" s="8"/>
      <c r="KCT26" s="8"/>
      <c r="KCU26" s="8"/>
      <c r="KCV26" s="8"/>
      <c r="KCW26" s="8"/>
      <c r="KCX26" s="8"/>
      <c r="KCY26" s="8"/>
      <c r="KCZ26" s="8"/>
      <c r="KDA26" s="8"/>
      <c r="KDB26" s="8"/>
      <c r="KDC26" s="8"/>
      <c r="KDD26" s="8"/>
      <c r="KDE26" s="8"/>
      <c r="KDF26" s="8"/>
      <c r="KDG26" s="8"/>
      <c r="KDH26" s="8"/>
      <c r="KDI26" s="8"/>
      <c r="KDJ26" s="8"/>
      <c r="KDK26" s="8"/>
      <c r="KDL26" s="8"/>
      <c r="KDM26" s="8"/>
      <c r="KDN26" s="8"/>
      <c r="KDO26" s="8"/>
      <c r="KDP26" s="8"/>
      <c r="KDQ26" s="8"/>
      <c r="KDR26" s="8"/>
      <c r="KDS26" s="8"/>
      <c r="KDT26" s="8"/>
      <c r="KDU26" s="8"/>
      <c r="KDV26" s="8"/>
      <c r="KDW26" s="8"/>
      <c r="KDX26" s="8"/>
      <c r="KDY26" s="8"/>
      <c r="KDZ26" s="8"/>
      <c r="KEA26" s="8"/>
      <c r="KEB26" s="8"/>
      <c r="KEC26" s="8"/>
      <c r="KED26" s="8"/>
      <c r="KEE26" s="8"/>
      <c r="KEF26" s="8"/>
      <c r="KEG26" s="8"/>
      <c r="KEH26" s="8"/>
      <c r="KEI26" s="8"/>
      <c r="KEJ26" s="8"/>
      <c r="KEK26" s="8"/>
      <c r="KEL26" s="8"/>
      <c r="KEM26" s="8"/>
      <c r="KEN26" s="8"/>
      <c r="KEO26" s="8"/>
      <c r="KEP26" s="8"/>
      <c r="KEQ26" s="8"/>
      <c r="KER26" s="8"/>
      <c r="KES26" s="8"/>
      <c r="KET26" s="8"/>
      <c r="KEU26" s="8"/>
      <c r="KEV26" s="8"/>
      <c r="KEW26" s="8"/>
      <c r="KEX26" s="8"/>
      <c r="KEY26" s="8"/>
      <c r="KEZ26" s="8"/>
      <c r="KFA26" s="8"/>
      <c r="KFB26" s="8"/>
      <c r="KFC26" s="8"/>
      <c r="KFD26" s="8"/>
      <c r="KFE26" s="8"/>
      <c r="KFF26" s="8"/>
      <c r="KFG26" s="8"/>
      <c r="KFH26" s="8"/>
      <c r="KFI26" s="8"/>
      <c r="KFJ26" s="8"/>
      <c r="KFK26" s="8"/>
      <c r="KFL26" s="8"/>
      <c r="KFM26" s="8"/>
      <c r="KFN26" s="8"/>
      <c r="KFO26" s="8"/>
      <c r="KFP26" s="8"/>
      <c r="KFQ26" s="8"/>
      <c r="KFR26" s="8"/>
      <c r="KFS26" s="8"/>
      <c r="KFT26" s="8"/>
      <c r="KFU26" s="8"/>
      <c r="KFV26" s="8"/>
      <c r="KFW26" s="8"/>
      <c r="KFX26" s="8"/>
      <c r="KFY26" s="8"/>
      <c r="KFZ26" s="8"/>
      <c r="KGA26" s="8"/>
      <c r="KGB26" s="8"/>
      <c r="KGC26" s="8"/>
      <c r="KGD26" s="8"/>
      <c r="KGE26" s="8"/>
      <c r="KGF26" s="8"/>
      <c r="KGG26" s="8"/>
      <c r="KGH26" s="8"/>
      <c r="KGI26" s="8"/>
      <c r="KGJ26" s="8"/>
      <c r="KGK26" s="8"/>
      <c r="KGL26" s="8"/>
      <c r="KGM26" s="8"/>
      <c r="KGN26" s="8"/>
      <c r="KGO26" s="8"/>
      <c r="KGP26" s="8"/>
      <c r="KGQ26" s="8"/>
      <c r="KGR26" s="8"/>
      <c r="KGS26" s="8"/>
      <c r="KGT26" s="8"/>
      <c r="KGU26" s="8"/>
      <c r="KGV26" s="8"/>
      <c r="KGW26" s="8"/>
      <c r="KGX26" s="8"/>
      <c r="KGY26" s="8"/>
      <c r="KGZ26" s="8"/>
      <c r="KHA26" s="8"/>
      <c r="KHB26" s="8"/>
      <c r="KHC26" s="8"/>
      <c r="KHD26" s="8"/>
      <c r="KHE26" s="8"/>
      <c r="KHF26" s="8"/>
      <c r="KHG26" s="8"/>
      <c r="KHH26" s="8"/>
      <c r="KHI26" s="8"/>
      <c r="KHJ26" s="8"/>
      <c r="KHK26" s="8"/>
      <c r="KHL26" s="8"/>
      <c r="KHM26" s="8"/>
      <c r="KHN26" s="8"/>
      <c r="KHO26" s="8"/>
      <c r="KHP26" s="8"/>
      <c r="KHQ26" s="8"/>
      <c r="KHR26" s="8"/>
      <c r="KHS26" s="8"/>
      <c r="KHT26" s="8"/>
      <c r="KHU26" s="8"/>
      <c r="KHV26" s="8"/>
      <c r="KHW26" s="8"/>
      <c r="KHX26" s="8"/>
      <c r="KHY26" s="8"/>
      <c r="KHZ26" s="8"/>
      <c r="KIA26" s="8"/>
      <c r="KIB26" s="8"/>
      <c r="KIC26" s="8"/>
      <c r="KID26" s="8"/>
      <c r="KIE26" s="8"/>
      <c r="KIF26" s="8"/>
      <c r="KIG26" s="8"/>
      <c r="KIH26" s="8"/>
      <c r="KII26" s="8"/>
      <c r="KIJ26" s="8"/>
      <c r="KIK26" s="8"/>
      <c r="KIL26" s="8"/>
      <c r="KIM26" s="8"/>
      <c r="KIN26" s="8"/>
      <c r="KIO26" s="8"/>
      <c r="KIP26" s="8"/>
      <c r="KIQ26" s="8"/>
      <c r="KIR26" s="8"/>
      <c r="KIS26" s="8"/>
      <c r="KIT26" s="8"/>
      <c r="KIU26" s="8"/>
      <c r="KIV26" s="8"/>
      <c r="KIW26" s="8"/>
      <c r="KIX26" s="8"/>
      <c r="KIY26" s="8"/>
      <c r="KIZ26" s="8"/>
      <c r="KJA26" s="8"/>
      <c r="KJB26" s="8"/>
      <c r="KJC26" s="8"/>
      <c r="KJD26" s="8"/>
      <c r="KJE26" s="8"/>
      <c r="KJF26" s="8"/>
      <c r="KJG26" s="8"/>
      <c r="KJH26" s="8"/>
      <c r="KJI26" s="8"/>
      <c r="KJJ26" s="8"/>
      <c r="KJK26" s="8"/>
      <c r="KJL26" s="8"/>
      <c r="KJM26" s="8"/>
      <c r="KJN26" s="8"/>
      <c r="KJO26" s="8"/>
      <c r="KJP26" s="8"/>
      <c r="KJQ26" s="8"/>
      <c r="KJR26" s="8"/>
      <c r="KJS26" s="8"/>
      <c r="KJT26" s="8"/>
      <c r="KJU26" s="8"/>
      <c r="KJV26" s="8"/>
      <c r="KJW26" s="8"/>
      <c r="KJX26" s="8"/>
      <c r="KJY26" s="8"/>
      <c r="KJZ26" s="8"/>
      <c r="KKA26" s="8"/>
      <c r="KKB26" s="8"/>
      <c r="KKC26" s="8"/>
      <c r="KKD26" s="8"/>
      <c r="KKE26" s="8"/>
      <c r="KKF26" s="8"/>
      <c r="KKG26" s="8"/>
      <c r="KKH26" s="8"/>
      <c r="KKI26" s="8"/>
      <c r="KKJ26" s="8"/>
      <c r="KKK26" s="8"/>
      <c r="KKL26" s="8"/>
      <c r="KKM26" s="8"/>
      <c r="KKN26" s="8"/>
      <c r="KKO26" s="8"/>
      <c r="KKP26" s="8"/>
      <c r="KKQ26" s="8"/>
      <c r="KKR26" s="8"/>
      <c r="KKS26" s="8"/>
      <c r="KKT26" s="8"/>
      <c r="KKU26" s="8"/>
      <c r="KKV26" s="8"/>
      <c r="KKW26" s="8"/>
      <c r="KKX26" s="8"/>
      <c r="KKY26" s="8"/>
      <c r="KKZ26" s="8"/>
      <c r="KLA26" s="8"/>
      <c r="KLB26" s="8"/>
      <c r="KLC26" s="8"/>
      <c r="KLD26" s="8"/>
      <c r="KLE26" s="8"/>
      <c r="KLF26" s="8"/>
      <c r="KLG26" s="8"/>
      <c r="KLH26" s="8"/>
      <c r="KLI26" s="8"/>
      <c r="KLJ26" s="8"/>
      <c r="KLK26" s="8"/>
      <c r="KLL26" s="8"/>
      <c r="KLM26" s="8"/>
      <c r="KLN26" s="8"/>
      <c r="KLO26" s="8"/>
      <c r="KLP26" s="8"/>
      <c r="KLQ26" s="8"/>
      <c r="KLR26" s="8"/>
      <c r="KLS26" s="8"/>
      <c r="KLT26" s="8"/>
      <c r="KLU26" s="8"/>
      <c r="KLV26" s="8"/>
      <c r="KLW26" s="8"/>
      <c r="KLX26" s="8"/>
      <c r="KLY26" s="8"/>
      <c r="KLZ26" s="8"/>
      <c r="KMA26" s="8"/>
      <c r="KMB26" s="8"/>
      <c r="KMC26" s="8"/>
      <c r="KMD26" s="8"/>
      <c r="KME26" s="8"/>
      <c r="KMF26" s="8"/>
      <c r="KMG26" s="8"/>
      <c r="KMH26" s="8"/>
      <c r="KMI26" s="8"/>
      <c r="KMJ26" s="8"/>
      <c r="KMK26" s="8"/>
      <c r="KML26" s="8"/>
      <c r="KMM26" s="8"/>
      <c r="KMN26" s="8"/>
      <c r="KMO26" s="8"/>
      <c r="KMP26" s="8"/>
      <c r="KMQ26" s="8"/>
      <c r="KMR26" s="8"/>
      <c r="KMS26" s="8"/>
      <c r="KMT26" s="8"/>
      <c r="KMU26" s="8"/>
      <c r="KMV26" s="8"/>
      <c r="KMW26" s="8"/>
      <c r="KMX26" s="8"/>
      <c r="KMY26" s="8"/>
      <c r="KMZ26" s="8"/>
      <c r="KNA26" s="8"/>
      <c r="KNB26" s="8"/>
      <c r="KNC26" s="8"/>
      <c r="KND26" s="8"/>
      <c r="KNE26" s="8"/>
      <c r="KNF26" s="8"/>
      <c r="KNG26" s="8"/>
      <c r="KNH26" s="8"/>
      <c r="KNI26" s="8"/>
      <c r="KNJ26" s="8"/>
      <c r="KNK26" s="8"/>
      <c r="KNL26" s="8"/>
      <c r="KNM26" s="8"/>
      <c r="KNN26" s="8"/>
      <c r="KNO26" s="8"/>
      <c r="KNP26" s="8"/>
      <c r="KNQ26" s="8"/>
      <c r="KNR26" s="8"/>
      <c r="KNS26" s="8"/>
      <c r="KNT26" s="8"/>
      <c r="KNU26" s="8"/>
      <c r="KNV26" s="8"/>
      <c r="KNW26" s="8"/>
      <c r="KNX26" s="8"/>
      <c r="KNY26" s="8"/>
      <c r="KNZ26" s="8"/>
      <c r="KOA26" s="8"/>
      <c r="KOB26" s="8"/>
      <c r="KOC26" s="8"/>
      <c r="KOD26" s="8"/>
      <c r="KOE26" s="8"/>
      <c r="KOF26" s="8"/>
      <c r="KOG26" s="8"/>
      <c r="KOH26" s="8"/>
      <c r="KOI26" s="8"/>
      <c r="KOJ26" s="8"/>
      <c r="KOK26" s="8"/>
      <c r="KOL26" s="8"/>
      <c r="KOM26" s="8"/>
      <c r="KON26" s="8"/>
      <c r="KOO26" s="8"/>
      <c r="KOP26" s="8"/>
      <c r="KOQ26" s="8"/>
      <c r="KOR26" s="8"/>
      <c r="KOS26" s="8"/>
      <c r="KOT26" s="8"/>
      <c r="KOU26" s="8"/>
      <c r="KOV26" s="8"/>
      <c r="KOW26" s="8"/>
      <c r="KOX26" s="8"/>
      <c r="KOY26" s="8"/>
      <c r="KOZ26" s="8"/>
      <c r="KPA26" s="8"/>
      <c r="KPB26" s="8"/>
      <c r="KPC26" s="8"/>
      <c r="KPD26" s="8"/>
      <c r="KPE26" s="8"/>
      <c r="KPF26" s="8"/>
      <c r="KPG26" s="8"/>
      <c r="KPH26" s="8"/>
      <c r="KPI26" s="8"/>
      <c r="KPJ26" s="8"/>
      <c r="KPK26" s="8"/>
      <c r="KPL26" s="8"/>
      <c r="KPM26" s="8"/>
      <c r="KPN26" s="8"/>
      <c r="KPO26" s="8"/>
      <c r="KPP26" s="8"/>
      <c r="KPQ26" s="8"/>
      <c r="KPR26" s="8"/>
      <c r="KPS26" s="8"/>
      <c r="KPT26" s="8"/>
      <c r="KPU26" s="8"/>
      <c r="KPV26" s="8"/>
      <c r="KPW26" s="8"/>
      <c r="KPX26" s="8"/>
      <c r="KPY26" s="8"/>
      <c r="KPZ26" s="8"/>
      <c r="KQA26" s="8"/>
      <c r="KQB26" s="8"/>
      <c r="KQC26" s="8"/>
      <c r="KQD26" s="8"/>
      <c r="KQE26" s="8"/>
      <c r="KQF26" s="8"/>
      <c r="KQG26" s="8"/>
      <c r="KQH26" s="8"/>
      <c r="KQI26" s="8"/>
      <c r="KQJ26" s="8"/>
      <c r="KQK26" s="8"/>
      <c r="KQL26" s="8"/>
      <c r="KQM26" s="8"/>
      <c r="KQN26" s="8"/>
      <c r="KQO26" s="8"/>
      <c r="KQP26" s="8"/>
      <c r="KQQ26" s="8"/>
      <c r="KQR26" s="8"/>
      <c r="KQS26" s="8"/>
      <c r="KQT26" s="8"/>
      <c r="KQU26" s="8"/>
      <c r="KQV26" s="8"/>
      <c r="KQW26" s="8"/>
      <c r="KQX26" s="8"/>
      <c r="KQY26" s="8"/>
      <c r="KQZ26" s="8"/>
      <c r="KRA26" s="8"/>
      <c r="KRB26" s="8"/>
      <c r="KRC26" s="8"/>
      <c r="KRD26" s="8"/>
      <c r="KRE26" s="8"/>
      <c r="KRF26" s="8"/>
      <c r="KRG26" s="8"/>
      <c r="KRH26" s="8"/>
      <c r="KRI26" s="8"/>
      <c r="KRJ26" s="8"/>
      <c r="KRK26" s="8"/>
      <c r="KRL26" s="8"/>
      <c r="KRM26" s="8"/>
      <c r="KRN26" s="8"/>
      <c r="KRO26" s="8"/>
      <c r="KRP26" s="8"/>
      <c r="KRQ26" s="8"/>
      <c r="KRR26" s="8"/>
      <c r="KRS26" s="8"/>
      <c r="KRT26" s="8"/>
      <c r="KRU26" s="8"/>
      <c r="KRV26" s="8"/>
      <c r="KRW26" s="8"/>
      <c r="KRX26" s="8"/>
      <c r="KRY26" s="8"/>
      <c r="KRZ26" s="8"/>
      <c r="KSA26" s="8"/>
      <c r="KSB26" s="8"/>
      <c r="KSC26" s="8"/>
      <c r="KSD26" s="8"/>
      <c r="KSE26" s="8"/>
      <c r="KSF26" s="8"/>
      <c r="KSG26" s="8"/>
      <c r="KSH26" s="8"/>
      <c r="KSI26" s="8"/>
      <c r="KSJ26" s="8"/>
      <c r="KSK26" s="8"/>
      <c r="KSL26" s="8"/>
      <c r="KSM26" s="8"/>
      <c r="KSN26" s="8"/>
      <c r="KSO26" s="8"/>
      <c r="KSP26" s="8"/>
      <c r="KSQ26" s="8"/>
      <c r="KSR26" s="8"/>
      <c r="KSS26" s="8"/>
      <c r="KST26" s="8"/>
      <c r="KSU26" s="8"/>
      <c r="KSV26" s="8"/>
      <c r="KSW26" s="8"/>
      <c r="KSX26" s="8"/>
      <c r="KSY26" s="8"/>
      <c r="KSZ26" s="8"/>
      <c r="KTA26" s="8"/>
      <c r="KTB26" s="8"/>
      <c r="KTC26" s="8"/>
      <c r="KTD26" s="8"/>
      <c r="KTE26" s="8"/>
      <c r="KTF26" s="8"/>
      <c r="KTG26" s="8"/>
      <c r="KTH26" s="8"/>
      <c r="KTI26" s="8"/>
      <c r="KTJ26" s="8"/>
      <c r="KTK26" s="8"/>
      <c r="KTL26" s="8"/>
      <c r="KTM26" s="8"/>
      <c r="KTN26" s="8"/>
      <c r="KTO26" s="8"/>
      <c r="KTP26" s="8"/>
      <c r="KTQ26" s="8"/>
      <c r="KTR26" s="8"/>
      <c r="KTS26" s="8"/>
      <c r="KTT26" s="8"/>
      <c r="KTU26" s="8"/>
      <c r="KTV26" s="8"/>
      <c r="KTW26" s="8"/>
      <c r="KTX26" s="8"/>
      <c r="KTY26" s="8"/>
      <c r="KTZ26" s="8"/>
      <c r="KUA26" s="8"/>
      <c r="KUB26" s="8"/>
      <c r="KUC26" s="8"/>
      <c r="KUD26" s="8"/>
      <c r="KUE26" s="8"/>
      <c r="KUF26" s="8"/>
      <c r="KUG26" s="8"/>
      <c r="KUH26" s="8"/>
      <c r="KUI26" s="8"/>
      <c r="KUJ26" s="8"/>
      <c r="KUK26" s="8"/>
      <c r="KUL26" s="8"/>
      <c r="KUM26" s="8"/>
      <c r="KUN26" s="8"/>
      <c r="KUO26" s="8"/>
      <c r="KUP26" s="8"/>
      <c r="KUQ26" s="8"/>
      <c r="KUR26" s="8"/>
      <c r="KUS26" s="8"/>
      <c r="KUT26" s="8"/>
      <c r="KUU26" s="8"/>
      <c r="KUV26" s="8"/>
      <c r="KUW26" s="8"/>
      <c r="KUX26" s="8"/>
      <c r="KUY26" s="8"/>
      <c r="KUZ26" s="8"/>
      <c r="KVA26" s="8"/>
      <c r="KVB26" s="8"/>
      <c r="KVC26" s="8"/>
      <c r="KVD26" s="8"/>
      <c r="KVE26" s="8"/>
      <c r="KVF26" s="8"/>
      <c r="KVG26" s="8"/>
      <c r="KVH26" s="8"/>
      <c r="KVI26" s="8"/>
      <c r="KVJ26" s="8"/>
      <c r="KVK26" s="8"/>
      <c r="KVL26" s="8"/>
      <c r="KVM26" s="8"/>
      <c r="KVN26" s="8"/>
      <c r="KVO26" s="8"/>
      <c r="KVP26" s="8"/>
      <c r="KVQ26" s="8"/>
      <c r="KVR26" s="8"/>
      <c r="KVS26" s="8"/>
      <c r="KVT26" s="8"/>
      <c r="KVU26" s="8"/>
      <c r="KVV26" s="8"/>
      <c r="KVW26" s="8"/>
      <c r="KVX26" s="8"/>
      <c r="KVY26" s="8"/>
      <c r="KVZ26" s="8"/>
      <c r="KWA26" s="8"/>
      <c r="KWB26" s="8"/>
      <c r="KWC26" s="8"/>
      <c r="KWD26" s="8"/>
      <c r="KWE26" s="8"/>
      <c r="KWF26" s="8"/>
      <c r="KWG26" s="8"/>
      <c r="KWH26" s="8"/>
      <c r="KWI26" s="8"/>
      <c r="KWJ26" s="8"/>
      <c r="KWK26" s="8"/>
      <c r="KWL26" s="8"/>
      <c r="KWM26" s="8"/>
      <c r="KWN26" s="8"/>
      <c r="KWO26" s="8"/>
      <c r="KWP26" s="8"/>
      <c r="KWQ26" s="8"/>
      <c r="KWR26" s="8"/>
      <c r="KWS26" s="8"/>
      <c r="KWT26" s="8"/>
      <c r="KWU26" s="8"/>
      <c r="KWV26" s="8"/>
      <c r="KWW26" s="8"/>
      <c r="KWX26" s="8"/>
      <c r="KWY26" s="8"/>
      <c r="KWZ26" s="8"/>
      <c r="KXA26" s="8"/>
      <c r="KXB26" s="8"/>
      <c r="KXC26" s="8"/>
      <c r="KXD26" s="8"/>
      <c r="KXE26" s="8"/>
      <c r="KXF26" s="8"/>
      <c r="KXG26" s="8"/>
      <c r="KXH26" s="8"/>
      <c r="KXI26" s="8"/>
      <c r="KXJ26" s="8"/>
      <c r="KXK26" s="8"/>
      <c r="KXL26" s="8"/>
      <c r="KXM26" s="8"/>
      <c r="KXN26" s="8"/>
      <c r="KXO26" s="8"/>
      <c r="KXP26" s="8"/>
      <c r="KXQ26" s="8"/>
      <c r="KXR26" s="8"/>
      <c r="KXS26" s="8"/>
      <c r="KXT26" s="8"/>
      <c r="KXU26" s="8"/>
      <c r="KXV26" s="8"/>
      <c r="KXW26" s="8"/>
      <c r="KXX26" s="8"/>
      <c r="KXY26" s="8"/>
      <c r="KXZ26" s="8"/>
      <c r="KYA26" s="8"/>
      <c r="KYB26" s="8"/>
      <c r="KYC26" s="8"/>
      <c r="KYD26" s="8"/>
      <c r="KYE26" s="8"/>
      <c r="KYF26" s="8"/>
      <c r="KYG26" s="8"/>
      <c r="KYH26" s="8"/>
      <c r="KYI26" s="8"/>
      <c r="KYJ26" s="8"/>
      <c r="KYK26" s="8"/>
      <c r="KYL26" s="8"/>
      <c r="KYM26" s="8"/>
      <c r="KYN26" s="8"/>
      <c r="KYO26" s="8"/>
      <c r="KYP26" s="8"/>
      <c r="KYQ26" s="8"/>
      <c r="KYR26" s="8"/>
      <c r="KYS26" s="8"/>
      <c r="KYT26" s="8"/>
      <c r="KYU26" s="8"/>
      <c r="KYV26" s="8"/>
      <c r="KYW26" s="8"/>
      <c r="KYX26" s="8"/>
      <c r="KYY26" s="8"/>
      <c r="KYZ26" s="8"/>
      <c r="KZA26" s="8"/>
      <c r="KZB26" s="8"/>
      <c r="KZC26" s="8"/>
      <c r="KZD26" s="8"/>
      <c r="KZE26" s="8"/>
      <c r="KZF26" s="8"/>
      <c r="KZG26" s="8"/>
      <c r="KZH26" s="8"/>
      <c r="KZI26" s="8"/>
      <c r="KZJ26" s="8"/>
      <c r="KZK26" s="8"/>
      <c r="KZL26" s="8"/>
      <c r="KZM26" s="8"/>
      <c r="KZN26" s="8"/>
      <c r="KZO26" s="8"/>
      <c r="KZP26" s="8"/>
      <c r="KZQ26" s="8"/>
      <c r="KZR26" s="8"/>
      <c r="KZS26" s="8"/>
      <c r="KZT26" s="8"/>
      <c r="KZU26" s="8"/>
      <c r="KZV26" s="8"/>
      <c r="KZW26" s="8"/>
      <c r="KZX26" s="8"/>
      <c r="KZY26" s="8"/>
      <c r="KZZ26" s="8"/>
      <c r="LAA26" s="8"/>
      <c r="LAB26" s="8"/>
      <c r="LAC26" s="8"/>
      <c r="LAD26" s="8"/>
      <c r="LAE26" s="8"/>
      <c r="LAF26" s="8"/>
      <c r="LAG26" s="8"/>
      <c r="LAH26" s="8"/>
      <c r="LAI26" s="8"/>
      <c r="LAJ26" s="8"/>
      <c r="LAK26" s="8"/>
      <c r="LAL26" s="8"/>
      <c r="LAM26" s="8"/>
      <c r="LAN26" s="8"/>
      <c r="LAO26" s="8"/>
      <c r="LAP26" s="8"/>
      <c r="LAQ26" s="8"/>
      <c r="LAR26" s="8"/>
      <c r="LAS26" s="8"/>
      <c r="LAT26" s="8"/>
      <c r="LAU26" s="8"/>
      <c r="LAV26" s="8"/>
      <c r="LAW26" s="8"/>
      <c r="LAX26" s="8"/>
      <c r="LAY26" s="8"/>
      <c r="LAZ26" s="8"/>
      <c r="LBA26" s="8"/>
      <c r="LBB26" s="8"/>
      <c r="LBC26" s="8"/>
      <c r="LBD26" s="8"/>
      <c r="LBE26" s="8"/>
      <c r="LBF26" s="8"/>
      <c r="LBG26" s="8"/>
      <c r="LBH26" s="8"/>
      <c r="LBI26" s="8"/>
      <c r="LBJ26" s="8"/>
      <c r="LBK26" s="8"/>
      <c r="LBL26" s="8"/>
      <c r="LBM26" s="8"/>
      <c r="LBN26" s="8"/>
      <c r="LBO26" s="8"/>
      <c r="LBP26" s="8"/>
      <c r="LBQ26" s="8"/>
      <c r="LBR26" s="8"/>
      <c r="LBS26" s="8"/>
      <c r="LBT26" s="8"/>
      <c r="LBU26" s="8"/>
      <c r="LBV26" s="8"/>
      <c r="LBW26" s="8"/>
      <c r="LBX26" s="8"/>
      <c r="LBY26" s="8"/>
      <c r="LBZ26" s="8"/>
      <c r="LCA26" s="8"/>
      <c r="LCB26" s="8"/>
      <c r="LCC26" s="8"/>
      <c r="LCD26" s="8"/>
      <c r="LCE26" s="8"/>
      <c r="LCF26" s="8"/>
      <c r="LCG26" s="8"/>
      <c r="LCH26" s="8"/>
      <c r="LCI26" s="8"/>
      <c r="LCJ26" s="8"/>
      <c r="LCK26" s="8"/>
      <c r="LCL26" s="8"/>
      <c r="LCM26" s="8"/>
      <c r="LCN26" s="8"/>
      <c r="LCO26" s="8"/>
      <c r="LCP26" s="8"/>
      <c r="LCQ26" s="8"/>
      <c r="LCR26" s="8"/>
      <c r="LCS26" s="8"/>
      <c r="LCT26" s="8"/>
      <c r="LCU26" s="8"/>
      <c r="LCV26" s="8"/>
      <c r="LCW26" s="8"/>
      <c r="LCX26" s="8"/>
      <c r="LCY26" s="8"/>
      <c r="LCZ26" s="8"/>
      <c r="LDA26" s="8"/>
      <c r="LDB26" s="8"/>
      <c r="LDC26" s="8"/>
      <c r="LDD26" s="8"/>
      <c r="LDE26" s="8"/>
      <c r="LDF26" s="8"/>
      <c r="LDG26" s="8"/>
      <c r="LDH26" s="8"/>
      <c r="LDI26" s="8"/>
      <c r="LDJ26" s="8"/>
      <c r="LDK26" s="8"/>
      <c r="LDL26" s="8"/>
      <c r="LDM26" s="8"/>
      <c r="LDN26" s="8"/>
      <c r="LDO26" s="8"/>
      <c r="LDP26" s="8"/>
      <c r="LDQ26" s="8"/>
      <c r="LDR26" s="8"/>
      <c r="LDS26" s="8"/>
      <c r="LDT26" s="8"/>
      <c r="LDU26" s="8"/>
      <c r="LDV26" s="8"/>
      <c r="LDW26" s="8"/>
      <c r="LDX26" s="8"/>
      <c r="LDY26" s="8"/>
      <c r="LDZ26" s="8"/>
      <c r="LEA26" s="8"/>
      <c r="LEB26" s="8"/>
      <c r="LEC26" s="8"/>
      <c r="LED26" s="8"/>
      <c r="LEE26" s="8"/>
      <c r="LEF26" s="8"/>
      <c r="LEG26" s="8"/>
      <c r="LEH26" s="8"/>
      <c r="LEI26" s="8"/>
      <c r="LEJ26" s="8"/>
      <c r="LEK26" s="8"/>
      <c r="LEL26" s="8"/>
      <c r="LEM26" s="8"/>
      <c r="LEN26" s="8"/>
      <c r="LEO26" s="8"/>
      <c r="LEP26" s="8"/>
      <c r="LEQ26" s="8"/>
      <c r="LER26" s="8"/>
      <c r="LES26" s="8"/>
      <c r="LET26" s="8"/>
      <c r="LEU26" s="8"/>
      <c r="LEV26" s="8"/>
      <c r="LEW26" s="8"/>
      <c r="LEX26" s="8"/>
      <c r="LEY26" s="8"/>
      <c r="LEZ26" s="8"/>
      <c r="LFA26" s="8"/>
      <c r="LFB26" s="8"/>
      <c r="LFC26" s="8"/>
      <c r="LFD26" s="8"/>
      <c r="LFE26" s="8"/>
      <c r="LFF26" s="8"/>
      <c r="LFG26" s="8"/>
      <c r="LFH26" s="8"/>
      <c r="LFI26" s="8"/>
      <c r="LFJ26" s="8"/>
      <c r="LFK26" s="8"/>
      <c r="LFL26" s="8"/>
      <c r="LFM26" s="8"/>
      <c r="LFN26" s="8"/>
      <c r="LFO26" s="8"/>
      <c r="LFP26" s="8"/>
      <c r="LFQ26" s="8"/>
      <c r="LFR26" s="8"/>
      <c r="LFS26" s="8"/>
      <c r="LFT26" s="8"/>
      <c r="LFU26" s="8"/>
      <c r="LFV26" s="8"/>
      <c r="LFW26" s="8"/>
      <c r="LFX26" s="8"/>
      <c r="LFY26" s="8"/>
      <c r="LFZ26" s="8"/>
      <c r="LGA26" s="8"/>
      <c r="LGB26" s="8"/>
      <c r="LGC26" s="8"/>
      <c r="LGD26" s="8"/>
      <c r="LGE26" s="8"/>
      <c r="LGF26" s="8"/>
      <c r="LGG26" s="8"/>
      <c r="LGH26" s="8"/>
      <c r="LGI26" s="8"/>
      <c r="LGJ26" s="8"/>
      <c r="LGK26" s="8"/>
      <c r="LGL26" s="8"/>
      <c r="LGM26" s="8"/>
      <c r="LGN26" s="8"/>
      <c r="LGO26" s="8"/>
      <c r="LGP26" s="8"/>
      <c r="LGQ26" s="8"/>
      <c r="LGR26" s="8"/>
      <c r="LGS26" s="8"/>
      <c r="LGT26" s="8"/>
      <c r="LGU26" s="8"/>
      <c r="LGV26" s="8"/>
      <c r="LGW26" s="8"/>
      <c r="LGX26" s="8"/>
      <c r="LGY26" s="8"/>
      <c r="LGZ26" s="8"/>
      <c r="LHA26" s="8"/>
      <c r="LHB26" s="8"/>
      <c r="LHC26" s="8"/>
      <c r="LHD26" s="8"/>
      <c r="LHE26" s="8"/>
      <c r="LHF26" s="8"/>
      <c r="LHG26" s="8"/>
      <c r="LHH26" s="8"/>
      <c r="LHI26" s="8"/>
      <c r="LHJ26" s="8"/>
      <c r="LHK26" s="8"/>
      <c r="LHL26" s="8"/>
      <c r="LHM26" s="8"/>
      <c r="LHN26" s="8"/>
      <c r="LHO26" s="8"/>
      <c r="LHP26" s="8"/>
      <c r="LHQ26" s="8"/>
      <c r="LHR26" s="8"/>
      <c r="LHS26" s="8"/>
      <c r="LHT26" s="8"/>
      <c r="LHU26" s="8"/>
      <c r="LHV26" s="8"/>
      <c r="LHW26" s="8"/>
      <c r="LHX26" s="8"/>
      <c r="LHY26" s="8"/>
      <c r="LHZ26" s="8"/>
      <c r="LIA26" s="8"/>
      <c r="LIB26" s="8"/>
      <c r="LIC26" s="8"/>
      <c r="LID26" s="8"/>
      <c r="LIE26" s="8"/>
      <c r="LIF26" s="8"/>
      <c r="LIG26" s="8"/>
      <c r="LIH26" s="8"/>
      <c r="LII26" s="8"/>
      <c r="LIJ26" s="8"/>
      <c r="LIK26" s="8"/>
      <c r="LIL26" s="8"/>
      <c r="LIM26" s="8"/>
      <c r="LIN26" s="8"/>
      <c r="LIO26" s="8"/>
      <c r="LIP26" s="8"/>
      <c r="LIQ26" s="8"/>
      <c r="LIR26" s="8"/>
      <c r="LIS26" s="8"/>
      <c r="LIT26" s="8"/>
      <c r="LIU26" s="8"/>
      <c r="LIV26" s="8"/>
      <c r="LIW26" s="8"/>
      <c r="LIX26" s="8"/>
      <c r="LIY26" s="8"/>
      <c r="LIZ26" s="8"/>
      <c r="LJA26" s="8"/>
      <c r="LJB26" s="8"/>
      <c r="LJC26" s="8"/>
      <c r="LJD26" s="8"/>
      <c r="LJE26" s="8"/>
      <c r="LJF26" s="8"/>
      <c r="LJG26" s="8"/>
      <c r="LJH26" s="8"/>
      <c r="LJI26" s="8"/>
      <c r="LJJ26" s="8"/>
      <c r="LJK26" s="8"/>
      <c r="LJL26" s="8"/>
      <c r="LJM26" s="8"/>
      <c r="LJN26" s="8"/>
      <c r="LJO26" s="8"/>
      <c r="LJP26" s="8"/>
      <c r="LJQ26" s="8"/>
      <c r="LJR26" s="8"/>
      <c r="LJS26" s="8"/>
      <c r="LJT26" s="8"/>
      <c r="LJU26" s="8"/>
      <c r="LJV26" s="8"/>
      <c r="LJW26" s="8"/>
      <c r="LJX26" s="8"/>
      <c r="LJY26" s="8"/>
      <c r="LJZ26" s="8"/>
      <c r="LKA26" s="8"/>
      <c r="LKB26" s="8"/>
      <c r="LKC26" s="8"/>
      <c r="LKD26" s="8"/>
      <c r="LKE26" s="8"/>
      <c r="LKF26" s="8"/>
      <c r="LKG26" s="8"/>
      <c r="LKH26" s="8"/>
      <c r="LKI26" s="8"/>
      <c r="LKJ26" s="8"/>
      <c r="LKK26" s="8"/>
      <c r="LKL26" s="8"/>
      <c r="LKM26" s="8"/>
      <c r="LKN26" s="8"/>
      <c r="LKO26" s="8"/>
      <c r="LKP26" s="8"/>
      <c r="LKQ26" s="8"/>
      <c r="LKR26" s="8"/>
      <c r="LKS26" s="8"/>
      <c r="LKT26" s="8"/>
      <c r="LKU26" s="8"/>
      <c r="LKV26" s="8"/>
      <c r="LKW26" s="8"/>
      <c r="LKX26" s="8"/>
      <c r="LKY26" s="8"/>
      <c r="LKZ26" s="8"/>
      <c r="LLA26" s="8"/>
      <c r="LLB26" s="8"/>
      <c r="LLC26" s="8"/>
      <c r="LLD26" s="8"/>
      <c r="LLE26" s="8"/>
      <c r="LLF26" s="8"/>
      <c r="LLG26" s="8"/>
      <c r="LLH26" s="8"/>
      <c r="LLI26" s="8"/>
      <c r="LLJ26" s="8"/>
      <c r="LLK26" s="8"/>
      <c r="LLL26" s="8"/>
      <c r="LLM26" s="8"/>
      <c r="LLN26" s="8"/>
      <c r="LLO26" s="8"/>
      <c r="LLP26" s="8"/>
      <c r="LLQ26" s="8"/>
      <c r="LLR26" s="8"/>
      <c r="LLS26" s="8"/>
      <c r="LLT26" s="8"/>
      <c r="LLU26" s="8"/>
      <c r="LLV26" s="8"/>
      <c r="LLW26" s="8"/>
      <c r="LLX26" s="8"/>
      <c r="LLY26" s="8"/>
      <c r="LLZ26" s="8"/>
      <c r="LMA26" s="8"/>
      <c r="LMB26" s="8"/>
      <c r="LMC26" s="8"/>
      <c r="LMD26" s="8"/>
      <c r="LME26" s="8"/>
      <c r="LMF26" s="8"/>
      <c r="LMG26" s="8"/>
      <c r="LMH26" s="8"/>
      <c r="LMI26" s="8"/>
      <c r="LMJ26" s="8"/>
      <c r="LMK26" s="8"/>
      <c r="LML26" s="8"/>
      <c r="LMM26" s="8"/>
      <c r="LMN26" s="8"/>
      <c r="LMO26" s="8"/>
      <c r="LMP26" s="8"/>
      <c r="LMQ26" s="8"/>
      <c r="LMR26" s="8"/>
      <c r="LMS26" s="8"/>
      <c r="LMT26" s="8"/>
      <c r="LMU26" s="8"/>
      <c r="LMV26" s="8"/>
      <c r="LMW26" s="8"/>
      <c r="LMX26" s="8"/>
      <c r="LMY26" s="8"/>
      <c r="LMZ26" s="8"/>
      <c r="LNA26" s="8"/>
      <c r="LNB26" s="8"/>
      <c r="LNC26" s="8"/>
      <c r="LND26" s="8"/>
      <c r="LNE26" s="8"/>
      <c r="LNF26" s="8"/>
      <c r="LNG26" s="8"/>
      <c r="LNH26" s="8"/>
      <c r="LNI26" s="8"/>
      <c r="LNJ26" s="8"/>
      <c r="LNK26" s="8"/>
      <c r="LNL26" s="8"/>
      <c r="LNM26" s="8"/>
      <c r="LNN26" s="8"/>
      <c r="LNO26" s="8"/>
      <c r="LNP26" s="8"/>
      <c r="LNQ26" s="8"/>
      <c r="LNR26" s="8"/>
      <c r="LNS26" s="8"/>
      <c r="LNT26" s="8"/>
      <c r="LNU26" s="8"/>
      <c r="LNV26" s="8"/>
      <c r="LNW26" s="8"/>
      <c r="LNX26" s="8"/>
      <c r="LNY26" s="8"/>
      <c r="LNZ26" s="8"/>
      <c r="LOA26" s="8"/>
      <c r="LOB26" s="8"/>
      <c r="LOC26" s="8"/>
      <c r="LOD26" s="8"/>
      <c r="LOE26" s="8"/>
      <c r="LOF26" s="8"/>
      <c r="LOG26" s="8"/>
      <c r="LOH26" s="8"/>
      <c r="LOI26" s="8"/>
      <c r="LOJ26" s="8"/>
      <c r="LOK26" s="8"/>
      <c r="LOL26" s="8"/>
      <c r="LOM26" s="8"/>
      <c r="LON26" s="8"/>
      <c r="LOO26" s="8"/>
      <c r="LOP26" s="8"/>
      <c r="LOQ26" s="8"/>
      <c r="LOR26" s="8"/>
      <c r="LOS26" s="8"/>
      <c r="LOT26" s="8"/>
      <c r="LOU26" s="8"/>
      <c r="LOV26" s="8"/>
      <c r="LOW26" s="8"/>
      <c r="LOX26" s="8"/>
      <c r="LOY26" s="8"/>
      <c r="LOZ26" s="8"/>
      <c r="LPA26" s="8"/>
      <c r="LPB26" s="8"/>
      <c r="LPC26" s="8"/>
      <c r="LPD26" s="8"/>
      <c r="LPE26" s="8"/>
      <c r="LPF26" s="8"/>
      <c r="LPG26" s="8"/>
      <c r="LPH26" s="8"/>
      <c r="LPI26" s="8"/>
      <c r="LPJ26" s="8"/>
      <c r="LPK26" s="8"/>
      <c r="LPL26" s="8"/>
      <c r="LPM26" s="8"/>
      <c r="LPN26" s="8"/>
      <c r="LPO26" s="8"/>
      <c r="LPP26" s="8"/>
      <c r="LPQ26" s="8"/>
      <c r="LPR26" s="8"/>
      <c r="LPS26" s="8"/>
      <c r="LPT26" s="8"/>
      <c r="LPU26" s="8"/>
      <c r="LPV26" s="8"/>
      <c r="LPW26" s="8"/>
      <c r="LPX26" s="8"/>
      <c r="LPY26" s="8"/>
      <c r="LPZ26" s="8"/>
      <c r="LQA26" s="8"/>
      <c r="LQB26" s="8"/>
      <c r="LQC26" s="8"/>
      <c r="LQD26" s="8"/>
      <c r="LQE26" s="8"/>
      <c r="LQF26" s="8"/>
      <c r="LQG26" s="8"/>
      <c r="LQH26" s="8"/>
      <c r="LQI26" s="8"/>
      <c r="LQJ26" s="8"/>
      <c r="LQK26" s="8"/>
      <c r="LQL26" s="8"/>
      <c r="LQM26" s="8"/>
      <c r="LQN26" s="8"/>
      <c r="LQO26" s="8"/>
      <c r="LQP26" s="8"/>
      <c r="LQQ26" s="8"/>
      <c r="LQR26" s="8"/>
      <c r="LQS26" s="8"/>
      <c r="LQT26" s="8"/>
      <c r="LQU26" s="8"/>
      <c r="LQV26" s="8"/>
      <c r="LQW26" s="8"/>
      <c r="LQX26" s="8"/>
      <c r="LQY26" s="8"/>
      <c r="LQZ26" s="8"/>
      <c r="LRA26" s="8"/>
      <c r="LRB26" s="8"/>
      <c r="LRC26" s="8"/>
      <c r="LRD26" s="8"/>
      <c r="LRE26" s="8"/>
      <c r="LRF26" s="8"/>
      <c r="LRG26" s="8"/>
      <c r="LRH26" s="8"/>
      <c r="LRI26" s="8"/>
      <c r="LRJ26" s="8"/>
      <c r="LRK26" s="8"/>
      <c r="LRL26" s="8"/>
      <c r="LRM26" s="8"/>
      <c r="LRN26" s="8"/>
      <c r="LRO26" s="8"/>
      <c r="LRP26" s="8"/>
      <c r="LRQ26" s="8"/>
      <c r="LRR26" s="8"/>
      <c r="LRS26" s="8"/>
      <c r="LRT26" s="8"/>
      <c r="LRU26" s="8"/>
      <c r="LRV26" s="8"/>
      <c r="LRW26" s="8"/>
      <c r="LRX26" s="8"/>
      <c r="LRY26" s="8"/>
      <c r="LRZ26" s="8"/>
      <c r="LSA26" s="8"/>
      <c r="LSB26" s="8"/>
      <c r="LSC26" s="8"/>
      <c r="LSD26" s="8"/>
      <c r="LSE26" s="8"/>
      <c r="LSF26" s="8"/>
      <c r="LSG26" s="8"/>
      <c r="LSH26" s="8"/>
      <c r="LSI26" s="8"/>
      <c r="LSJ26" s="8"/>
      <c r="LSK26" s="8"/>
      <c r="LSL26" s="8"/>
      <c r="LSM26" s="8"/>
      <c r="LSN26" s="8"/>
      <c r="LSO26" s="8"/>
      <c r="LSP26" s="8"/>
      <c r="LSQ26" s="8"/>
      <c r="LSR26" s="8"/>
      <c r="LSS26" s="8"/>
      <c r="LST26" s="8"/>
      <c r="LSU26" s="8"/>
      <c r="LSV26" s="8"/>
      <c r="LSW26" s="8"/>
      <c r="LSX26" s="8"/>
      <c r="LSY26" s="8"/>
      <c r="LSZ26" s="8"/>
      <c r="LTA26" s="8"/>
      <c r="LTB26" s="8"/>
      <c r="LTC26" s="8"/>
      <c r="LTD26" s="8"/>
      <c r="LTE26" s="8"/>
      <c r="LTF26" s="8"/>
      <c r="LTG26" s="8"/>
      <c r="LTH26" s="8"/>
      <c r="LTI26" s="8"/>
      <c r="LTJ26" s="8"/>
      <c r="LTK26" s="8"/>
      <c r="LTL26" s="8"/>
      <c r="LTM26" s="8"/>
      <c r="LTN26" s="8"/>
      <c r="LTO26" s="8"/>
      <c r="LTP26" s="8"/>
      <c r="LTQ26" s="8"/>
      <c r="LTR26" s="8"/>
      <c r="LTS26" s="8"/>
      <c r="LTT26" s="8"/>
      <c r="LTU26" s="8"/>
      <c r="LTV26" s="8"/>
      <c r="LTW26" s="8"/>
      <c r="LTX26" s="8"/>
      <c r="LTY26" s="8"/>
      <c r="LTZ26" s="8"/>
      <c r="LUA26" s="8"/>
      <c r="LUB26" s="8"/>
      <c r="LUC26" s="8"/>
      <c r="LUD26" s="8"/>
      <c r="LUE26" s="8"/>
      <c r="LUF26" s="8"/>
      <c r="LUG26" s="8"/>
      <c r="LUH26" s="8"/>
      <c r="LUI26" s="8"/>
      <c r="LUJ26" s="8"/>
      <c r="LUK26" s="8"/>
      <c r="LUL26" s="8"/>
      <c r="LUM26" s="8"/>
      <c r="LUN26" s="8"/>
      <c r="LUO26" s="8"/>
      <c r="LUP26" s="8"/>
      <c r="LUQ26" s="8"/>
      <c r="LUR26" s="8"/>
      <c r="LUS26" s="8"/>
      <c r="LUT26" s="8"/>
      <c r="LUU26" s="8"/>
      <c r="LUV26" s="8"/>
      <c r="LUW26" s="8"/>
      <c r="LUX26" s="8"/>
      <c r="LUY26" s="8"/>
      <c r="LUZ26" s="8"/>
      <c r="LVA26" s="8"/>
      <c r="LVB26" s="8"/>
      <c r="LVC26" s="8"/>
      <c r="LVD26" s="8"/>
      <c r="LVE26" s="8"/>
      <c r="LVF26" s="8"/>
      <c r="LVG26" s="8"/>
      <c r="LVH26" s="8"/>
      <c r="LVI26" s="8"/>
      <c r="LVJ26" s="8"/>
      <c r="LVK26" s="8"/>
      <c r="LVL26" s="8"/>
      <c r="LVM26" s="8"/>
      <c r="LVN26" s="8"/>
      <c r="LVO26" s="8"/>
      <c r="LVP26" s="8"/>
      <c r="LVQ26" s="8"/>
      <c r="LVR26" s="8"/>
      <c r="LVS26" s="8"/>
      <c r="LVT26" s="8"/>
      <c r="LVU26" s="8"/>
      <c r="LVV26" s="8"/>
      <c r="LVW26" s="8"/>
      <c r="LVX26" s="8"/>
      <c r="LVY26" s="8"/>
      <c r="LVZ26" s="8"/>
      <c r="LWA26" s="8"/>
      <c r="LWB26" s="8"/>
      <c r="LWC26" s="8"/>
      <c r="LWD26" s="8"/>
      <c r="LWE26" s="8"/>
      <c r="LWF26" s="8"/>
      <c r="LWG26" s="8"/>
      <c r="LWH26" s="8"/>
      <c r="LWI26" s="8"/>
      <c r="LWJ26" s="8"/>
      <c r="LWK26" s="8"/>
      <c r="LWL26" s="8"/>
      <c r="LWM26" s="8"/>
      <c r="LWN26" s="8"/>
      <c r="LWO26" s="8"/>
      <c r="LWP26" s="8"/>
      <c r="LWQ26" s="8"/>
      <c r="LWR26" s="8"/>
      <c r="LWS26" s="8"/>
      <c r="LWT26" s="8"/>
      <c r="LWU26" s="8"/>
      <c r="LWV26" s="8"/>
      <c r="LWW26" s="8"/>
      <c r="LWX26" s="8"/>
      <c r="LWY26" s="8"/>
      <c r="LWZ26" s="8"/>
      <c r="LXA26" s="8"/>
      <c r="LXB26" s="8"/>
      <c r="LXC26" s="8"/>
      <c r="LXD26" s="8"/>
      <c r="LXE26" s="8"/>
      <c r="LXF26" s="8"/>
      <c r="LXG26" s="8"/>
      <c r="LXH26" s="8"/>
      <c r="LXI26" s="8"/>
      <c r="LXJ26" s="8"/>
      <c r="LXK26" s="8"/>
      <c r="LXL26" s="8"/>
      <c r="LXM26" s="8"/>
      <c r="LXN26" s="8"/>
      <c r="LXO26" s="8"/>
      <c r="LXP26" s="8"/>
      <c r="LXQ26" s="8"/>
      <c r="LXR26" s="8"/>
      <c r="LXS26" s="8"/>
      <c r="LXT26" s="8"/>
      <c r="LXU26" s="8"/>
      <c r="LXV26" s="8"/>
      <c r="LXW26" s="8"/>
      <c r="LXX26" s="8"/>
      <c r="LXY26" s="8"/>
      <c r="LXZ26" s="8"/>
      <c r="LYA26" s="8"/>
      <c r="LYB26" s="8"/>
      <c r="LYC26" s="8"/>
      <c r="LYD26" s="8"/>
      <c r="LYE26" s="8"/>
      <c r="LYF26" s="8"/>
      <c r="LYG26" s="8"/>
      <c r="LYH26" s="8"/>
      <c r="LYI26" s="8"/>
      <c r="LYJ26" s="8"/>
      <c r="LYK26" s="8"/>
      <c r="LYL26" s="8"/>
      <c r="LYM26" s="8"/>
      <c r="LYN26" s="8"/>
      <c r="LYO26" s="8"/>
      <c r="LYP26" s="8"/>
      <c r="LYQ26" s="8"/>
      <c r="LYR26" s="8"/>
      <c r="LYS26" s="8"/>
      <c r="LYT26" s="8"/>
      <c r="LYU26" s="8"/>
      <c r="LYV26" s="8"/>
      <c r="LYW26" s="8"/>
      <c r="LYX26" s="8"/>
      <c r="LYY26" s="8"/>
      <c r="LYZ26" s="8"/>
      <c r="LZA26" s="8"/>
      <c r="LZB26" s="8"/>
      <c r="LZC26" s="8"/>
      <c r="LZD26" s="8"/>
      <c r="LZE26" s="8"/>
      <c r="LZF26" s="8"/>
      <c r="LZG26" s="8"/>
      <c r="LZH26" s="8"/>
      <c r="LZI26" s="8"/>
      <c r="LZJ26" s="8"/>
      <c r="LZK26" s="8"/>
      <c r="LZL26" s="8"/>
      <c r="LZM26" s="8"/>
      <c r="LZN26" s="8"/>
      <c r="LZO26" s="8"/>
      <c r="LZP26" s="8"/>
      <c r="LZQ26" s="8"/>
      <c r="LZR26" s="8"/>
      <c r="LZS26" s="8"/>
      <c r="LZT26" s="8"/>
      <c r="LZU26" s="8"/>
      <c r="LZV26" s="8"/>
      <c r="LZW26" s="8"/>
      <c r="LZX26" s="8"/>
      <c r="LZY26" s="8"/>
      <c r="LZZ26" s="8"/>
      <c r="MAA26" s="8"/>
      <c r="MAB26" s="8"/>
      <c r="MAC26" s="8"/>
      <c r="MAD26" s="8"/>
      <c r="MAE26" s="8"/>
      <c r="MAF26" s="8"/>
      <c r="MAG26" s="8"/>
      <c r="MAH26" s="8"/>
      <c r="MAI26" s="8"/>
      <c r="MAJ26" s="8"/>
      <c r="MAK26" s="8"/>
      <c r="MAL26" s="8"/>
      <c r="MAM26" s="8"/>
      <c r="MAN26" s="8"/>
      <c r="MAO26" s="8"/>
      <c r="MAP26" s="8"/>
      <c r="MAQ26" s="8"/>
      <c r="MAR26" s="8"/>
      <c r="MAS26" s="8"/>
      <c r="MAT26" s="8"/>
      <c r="MAU26" s="8"/>
      <c r="MAV26" s="8"/>
      <c r="MAW26" s="8"/>
      <c r="MAX26" s="8"/>
      <c r="MAY26" s="8"/>
      <c r="MAZ26" s="8"/>
      <c r="MBA26" s="8"/>
      <c r="MBB26" s="8"/>
      <c r="MBC26" s="8"/>
      <c r="MBD26" s="8"/>
      <c r="MBE26" s="8"/>
      <c r="MBF26" s="8"/>
      <c r="MBG26" s="8"/>
      <c r="MBH26" s="8"/>
      <c r="MBI26" s="8"/>
      <c r="MBJ26" s="8"/>
      <c r="MBK26" s="8"/>
      <c r="MBL26" s="8"/>
      <c r="MBM26" s="8"/>
      <c r="MBN26" s="8"/>
      <c r="MBO26" s="8"/>
      <c r="MBP26" s="8"/>
      <c r="MBQ26" s="8"/>
      <c r="MBR26" s="8"/>
      <c r="MBS26" s="8"/>
      <c r="MBT26" s="8"/>
      <c r="MBU26" s="8"/>
      <c r="MBV26" s="8"/>
      <c r="MBW26" s="8"/>
      <c r="MBX26" s="8"/>
      <c r="MBY26" s="8"/>
      <c r="MBZ26" s="8"/>
      <c r="MCA26" s="8"/>
      <c r="MCB26" s="8"/>
      <c r="MCC26" s="8"/>
      <c r="MCD26" s="8"/>
      <c r="MCE26" s="8"/>
      <c r="MCF26" s="8"/>
      <c r="MCG26" s="8"/>
      <c r="MCH26" s="8"/>
      <c r="MCI26" s="8"/>
      <c r="MCJ26" s="8"/>
      <c r="MCK26" s="8"/>
      <c r="MCL26" s="8"/>
      <c r="MCM26" s="8"/>
      <c r="MCN26" s="8"/>
      <c r="MCO26" s="8"/>
      <c r="MCP26" s="8"/>
      <c r="MCQ26" s="8"/>
      <c r="MCR26" s="8"/>
      <c r="MCS26" s="8"/>
      <c r="MCT26" s="8"/>
      <c r="MCU26" s="8"/>
      <c r="MCV26" s="8"/>
      <c r="MCW26" s="8"/>
      <c r="MCX26" s="8"/>
      <c r="MCY26" s="8"/>
      <c r="MCZ26" s="8"/>
      <c r="MDA26" s="8"/>
      <c r="MDB26" s="8"/>
      <c r="MDC26" s="8"/>
      <c r="MDD26" s="8"/>
      <c r="MDE26" s="8"/>
      <c r="MDF26" s="8"/>
      <c r="MDG26" s="8"/>
      <c r="MDH26" s="8"/>
      <c r="MDI26" s="8"/>
      <c r="MDJ26" s="8"/>
      <c r="MDK26" s="8"/>
      <c r="MDL26" s="8"/>
      <c r="MDM26" s="8"/>
      <c r="MDN26" s="8"/>
      <c r="MDO26" s="8"/>
      <c r="MDP26" s="8"/>
      <c r="MDQ26" s="8"/>
      <c r="MDR26" s="8"/>
      <c r="MDS26" s="8"/>
      <c r="MDT26" s="8"/>
      <c r="MDU26" s="8"/>
      <c r="MDV26" s="8"/>
      <c r="MDW26" s="8"/>
      <c r="MDX26" s="8"/>
      <c r="MDY26" s="8"/>
      <c r="MDZ26" s="8"/>
      <c r="MEA26" s="8"/>
      <c r="MEB26" s="8"/>
      <c r="MEC26" s="8"/>
      <c r="MED26" s="8"/>
      <c r="MEE26" s="8"/>
      <c r="MEF26" s="8"/>
      <c r="MEG26" s="8"/>
      <c r="MEH26" s="8"/>
      <c r="MEI26" s="8"/>
      <c r="MEJ26" s="8"/>
      <c r="MEK26" s="8"/>
      <c r="MEL26" s="8"/>
      <c r="MEM26" s="8"/>
      <c r="MEN26" s="8"/>
      <c r="MEO26" s="8"/>
      <c r="MEP26" s="8"/>
      <c r="MEQ26" s="8"/>
      <c r="MER26" s="8"/>
      <c r="MES26" s="8"/>
      <c r="MET26" s="8"/>
      <c r="MEU26" s="8"/>
      <c r="MEV26" s="8"/>
      <c r="MEW26" s="8"/>
      <c r="MEX26" s="8"/>
      <c r="MEY26" s="8"/>
      <c r="MEZ26" s="8"/>
      <c r="MFA26" s="8"/>
      <c r="MFB26" s="8"/>
      <c r="MFC26" s="8"/>
      <c r="MFD26" s="8"/>
      <c r="MFE26" s="8"/>
      <c r="MFF26" s="8"/>
      <c r="MFG26" s="8"/>
      <c r="MFH26" s="8"/>
      <c r="MFI26" s="8"/>
      <c r="MFJ26" s="8"/>
      <c r="MFK26" s="8"/>
      <c r="MFL26" s="8"/>
      <c r="MFM26" s="8"/>
      <c r="MFN26" s="8"/>
      <c r="MFO26" s="8"/>
      <c r="MFP26" s="8"/>
      <c r="MFQ26" s="8"/>
      <c r="MFR26" s="8"/>
      <c r="MFS26" s="8"/>
      <c r="MFT26" s="8"/>
      <c r="MFU26" s="8"/>
      <c r="MFV26" s="8"/>
      <c r="MFW26" s="8"/>
      <c r="MFX26" s="8"/>
      <c r="MFY26" s="8"/>
      <c r="MFZ26" s="8"/>
      <c r="MGA26" s="8"/>
      <c r="MGB26" s="8"/>
      <c r="MGC26" s="8"/>
      <c r="MGD26" s="8"/>
      <c r="MGE26" s="8"/>
      <c r="MGF26" s="8"/>
      <c r="MGG26" s="8"/>
      <c r="MGH26" s="8"/>
      <c r="MGI26" s="8"/>
      <c r="MGJ26" s="8"/>
      <c r="MGK26" s="8"/>
      <c r="MGL26" s="8"/>
      <c r="MGM26" s="8"/>
      <c r="MGN26" s="8"/>
      <c r="MGO26" s="8"/>
      <c r="MGP26" s="8"/>
      <c r="MGQ26" s="8"/>
      <c r="MGR26" s="8"/>
      <c r="MGS26" s="8"/>
      <c r="MGT26" s="8"/>
      <c r="MGU26" s="8"/>
      <c r="MGV26" s="8"/>
      <c r="MGW26" s="8"/>
      <c r="MGX26" s="8"/>
      <c r="MGY26" s="8"/>
      <c r="MGZ26" s="8"/>
      <c r="MHA26" s="8"/>
      <c r="MHB26" s="8"/>
      <c r="MHC26" s="8"/>
      <c r="MHD26" s="8"/>
      <c r="MHE26" s="8"/>
      <c r="MHF26" s="8"/>
      <c r="MHG26" s="8"/>
      <c r="MHH26" s="8"/>
      <c r="MHI26" s="8"/>
      <c r="MHJ26" s="8"/>
      <c r="MHK26" s="8"/>
      <c r="MHL26" s="8"/>
      <c r="MHM26" s="8"/>
      <c r="MHN26" s="8"/>
      <c r="MHO26" s="8"/>
      <c r="MHP26" s="8"/>
      <c r="MHQ26" s="8"/>
      <c r="MHR26" s="8"/>
      <c r="MHS26" s="8"/>
      <c r="MHT26" s="8"/>
      <c r="MHU26" s="8"/>
      <c r="MHV26" s="8"/>
      <c r="MHW26" s="8"/>
      <c r="MHX26" s="8"/>
      <c r="MHY26" s="8"/>
      <c r="MHZ26" s="8"/>
      <c r="MIA26" s="8"/>
      <c r="MIB26" s="8"/>
      <c r="MIC26" s="8"/>
      <c r="MID26" s="8"/>
      <c r="MIE26" s="8"/>
      <c r="MIF26" s="8"/>
      <c r="MIG26" s="8"/>
      <c r="MIH26" s="8"/>
      <c r="MII26" s="8"/>
      <c r="MIJ26" s="8"/>
      <c r="MIK26" s="8"/>
      <c r="MIL26" s="8"/>
      <c r="MIM26" s="8"/>
      <c r="MIN26" s="8"/>
      <c r="MIO26" s="8"/>
      <c r="MIP26" s="8"/>
      <c r="MIQ26" s="8"/>
      <c r="MIR26" s="8"/>
      <c r="MIS26" s="8"/>
      <c r="MIT26" s="8"/>
      <c r="MIU26" s="8"/>
      <c r="MIV26" s="8"/>
      <c r="MIW26" s="8"/>
      <c r="MIX26" s="8"/>
      <c r="MIY26" s="8"/>
      <c r="MIZ26" s="8"/>
      <c r="MJA26" s="8"/>
      <c r="MJB26" s="8"/>
      <c r="MJC26" s="8"/>
      <c r="MJD26" s="8"/>
      <c r="MJE26" s="8"/>
      <c r="MJF26" s="8"/>
      <c r="MJG26" s="8"/>
      <c r="MJH26" s="8"/>
      <c r="MJI26" s="8"/>
      <c r="MJJ26" s="8"/>
      <c r="MJK26" s="8"/>
      <c r="MJL26" s="8"/>
      <c r="MJM26" s="8"/>
      <c r="MJN26" s="8"/>
      <c r="MJO26" s="8"/>
      <c r="MJP26" s="8"/>
      <c r="MJQ26" s="8"/>
      <c r="MJR26" s="8"/>
      <c r="MJS26" s="8"/>
      <c r="MJT26" s="8"/>
      <c r="MJU26" s="8"/>
      <c r="MJV26" s="8"/>
      <c r="MJW26" s="8"/>
      <c r="MJX26" s="8"/>
      <c r="MJY26" s="8"/>
      <c r="MJZ26" s="8"/>
      <c r="MKA26" s="8"/>
      <c r="MKB26" s="8"/>
      <c r="MKC26" s="8"/>
      <c r="MKD26" s="8"/>
      <c r="MKE26" s="8"/>
      <c r="MKF26" s="8"/>
      <c r="MKG26" s="8"/>
      <c r="MKH26" s="8"/>
      <c r="MKI26" s="8"/>
      <c r="MKJ26" s="8"/>
      <c r="MKK26" s="8"/>
      <c r="MKL26" s="8"/>
      <c r="MKM26" s="8"/>
      <c r="MKN26" s="8"/>
      <c r="MKO26" s="8"/>
      <c r="MKP26" s="8"/>
      <c r="MKQ26" s="8"/>
      <c r="MKR26" s="8"/>
      <c r="MKS26" s="8"/>
      <c r="MKT26" s="8"/>
      <c r="MKU26" s="8"/>
      <c r="MKV26" s="8"/>
      <c r="MKW26" s="8"/>
      <c r="MKX26" s="8"/>
      <c r="MKY26" s="8"/>
      <c r="MKZ26" s="8"/>
      <c r="MLA26" s="8"/>
      <c r="MLB26" s="8"/>
      <c r="MLC26" s="8"/>
      <c r="MLD26" s="8"/>
      <c r="MLE26" s="8"/>
      <c r="MLF26" s="8"/>
      <c r="MLG26" s="8"/>
      <c r="MLH26" s="8"/>
      <c r="MLI26" s="8"/>
      <c r="MLJ26" s="8"/>
      <c r="MLK26" s="8"/>
      <c r="MLL26" s="8"/>
      <c r="MLM26" s="8"/>
      <c r="MLN26" s="8"/>
      <c r="MLO26" s="8"/>
      <c r="MLP26" s="8"/>
      <c r="MLQ26" s="8"/>
      <c r="MLR26" s="8"/>
      <c r="MLS26" s="8"/>
      <c r="MLT26" s="8"/>
      <c r="MLU26" s="8"/>
      <c r="MLV26" s="8"/>
      <c r="MLW26" s="8"/>
      <c r="MLX26" s="8"/>
      <c r="MLY26" s="8"/>
      <c r="MLZ26" s="8"/>
      <c r="MMA26" s="8"/>
      <c r="MMB26" s="8"/>
      <c r="MMC26" s="8"/>
      <c r="MMD26" s="8"/>
      <c r="MME26" s="8"/>
      <c r="MMF26" s="8"/>
      <c r="MMG26" s="8"/>
      <c r="MMH26" s="8"/>
      <c r="MMI26" s="8"/>
      <c r="MMJ26" s="8"/>
      <c r="MMK26" s="8"/>
      <c r="MML26" s="8"/>
      <c r="MMM26" s="8"/>
      <c r="MMN26" s="8"/>
      <c r="MMO26" s="8"/>
      <c r="MMP26" s="8"/>
      <c r="MMQ26" s="8"/>
      <c r="MMR26" s="8"/>
      <c r="MMS26" s="8"/>
      <c r="MMT26" s="8"/>
      <c r="MMU26" s="8"/>
      <c r="MMV26" s="8"/>
      <c r="MMW26" s="8"/>
      <c r="MMX26" s="8"/>
      <c r="MMY26" s="8"/>
      <c r="MMZ26" s="8"/>
      <c r="MNA26" s="8"/>
      <c r="MNB26" s="8"/>
      <c r="MNC26" s="8"/>
      <c r="MND26" s="8"/>
      <c r="MNE26" s="8"/>
      <c r="MNF26" s="8"/>
      <c r="MNG26" s="8"/>
      <c r="MNH26" s="8"/>
      <c r="MNI26" s="8"/>
      <c r="MNJ26" s="8"/>
      <c r="MNK26" s="8"/>
      <c r="MNL26" s="8"/>
      <c r="MNM26" s="8"/>
      <c r="MNN26" s="8"/>
      <c r="MNO26" s="8"/>
      <c r="MNP26" s="8"/>
      <c r="MNQ26" s="8"/>
      <c r="MNR26" s="8"/>
      <c r="MNS26" s="8"/>
      <c r="MNT26" s="8"/>
      <c r="MNU26" s="8"/>
      <c r="MNV26" s="8"/>
      <c r="MNW26" s="8"/>
      <c r="MNX26" s="8"/>
      <c r="MNY26" s="8"/>
      <c r="MNZ26" s="8"/>
      <c r="MOA26" s="8"/>
      <c r="MOB26" s="8"/>
      <c r="MOC26" s="8"/>
      <c r="MOD26" s="8"/>
      <c r="MOE26" s="8"/>
      <c r="MOF26" s="8"/>
      <c r="MOG26" s="8"/>
      <c r="MOH26" s="8"/>
      <c r="MOI26" s="8"/>
      <c r="MOJ26" s="8"/>
      <c r="MOK26" s="8"/>
      <c r="MOL26" s="8"/>
      <c r="MOM26" s="8"/>
      <c r="MON26" s="8"/>
      <c r="MOO26" s="8"/>
      <c r="MOP26" s="8"/>
      <c r="MOQ26" s="8"/>
      <c r="MOR26" s="8"/>
      <c r="MOS26" s="8"/>
      <c r="MOT26" s="8"/>
      <c r="MOU26" s="8"/>
      <c r="MOV26" s="8"/>
      <c r="MOW26" s="8"/>
      <c r="MOX26" s="8"/>
      <c r="MOY26" s="8"/>
      <c r="MOZ26" s="8"/>
      <c r="MPA26" s="8"/>
      <c r="MPB26" s="8"/>
      <c r="MPC26" s="8"/>
      <c r="MPD26" s="8"/>
      <c r="MPE26" s="8"/>
      <c r="MPF26" s="8"/>
      <c r="MPG26" s="8"/>
      <c r="MPH26" s="8"/>
      <c r="MPI26" s="8"/>
      <c r="MPJ26" s="8"/>
      <c r="MPK26" s="8"/>
      <c r="MPL26" s="8"/>
      <c r="MPM26" s="8"/>
      <c r="MPN26" s="8"/>
      <c r="MPO26" s="8"/>
      <c r="MPP26" s="8"/>
      <c r="MPQ26" s="8"/>
      <c r="MPR26" s="8"/>
      <c r="MPS26" s="8"/>
      <c r="MPT26" s="8"/>
      <c r="MPU26" s="8"/>
      <c r="MPV26" s="8"/>
      <c r="MPW26" s="8"/>
      <c r="MPX26" s="8"/>
      <c r="MPY26" s="8"/>
      <c r="MPZ26" s="8"/>
      <c r="MQA26" s="8"/>
      <c r="MQB26" s="8"/>
      <c r="MQC26" s="8"/>
      <c r="MQD26" s="8"/>
      <c r="MQE26" s="8"/>
      <c r="MQF26" s="8"/>
      <c r="MQG26" s="8"/>
      <c r="MQH26" s="8"/>
      <c r="MQI26" s="8"/>
      <c r="MQJ26" s="8"/>
      <c r="MQK26" s="8"/>
      <c r="MQL26" s="8"/>
      <c r="MQM26" s="8"/>
      <c r="MQN26" s="8"/>
      <c r="MQO26" s="8"/>
      <c r="MQP26" s="8"/>
      <c r="MQQ26" s="8"/>
      <c r="MQR26" s="8"/>
      <c r="MQS26" s="8"/>
      <c r="MQT26" s="8"/>
      <c r="MQU26" s="8"/>
      <c r="MQV26" s="8"/>
      <c r="MQW26" s="8"/>
      <c r="MQX26" s="8"/>
      <c r="MQY26" s="8"/>
      <c r="MQZ26" s="8"/>
      <c r="MRA26" s="8"/>
      <c r="MRB26" s="8"/>
      <c r="MRC26" s="8"/>
      <c r="MRD26" s="8"/>
      <c r="MRE26" s="8"/>
      <c r="MRF26" s="8"/>
      <c r="MRG26" s="8"/>
      <c r="MRH26" s="8"/>
      <c r="MRI26" s="8"/>
      <c r="MRJ26" s="8"/>
      <c r="MRK26" s="8"/>
      <c r="MRL26" s="8"/>
      <c r="MRM26" s="8"/>
      <c r="MRN26" s="8"/>
      <c r="MRO26" s="8"/>
      <c r="MRP26" s="8"/>
      <c r="MRQ26" s="8"/>
      <c r="MRR26" s="8"/>
      <c r="MRS26" s="8"/>
      <c r="MRT26" s="8"/>
      <c r="MRU26" s="8"/>
      <c r="MRV26" s="8"/>
      <c r="MRW26" s="8"/>
      <c r="MRX26" s="8"/>
      <c r="MRY26" s="8"/>
      <c r="MRZ26" s="8"/>
      <c r="MSA26" s="8"/>
      <c r="MSB26" s="8"/>
      <c r="MSC26" s="8"/>
      <c r="MSD26" s="8"/>
      <c r="MSE26" s="8"/>
      <c r="MSF26" s="8"/>
      <c r="MSG26" s="8"/>
      <c r="MSH26" s="8"/>
      <c r="MSI26" s="8"/>
      <c r="MSJ26" s="8"/>
      <c r="MSK26" s="8"/>
      <c r="MSL26" s="8"/>
      <c r="MSM26" s="8"/>
      <c r="MSN26" s="8"/>
      <c r="MSO26" s="8"/>
      <c r="MSP26" s="8"/>
      <c r="MSQ26" s="8"/>
      <c r="MSR26" s="8"/>
      <c r="MSS26" s="8"/>
      <c r="MST26" s="8"/>
      <c r="MSU26" s="8"/>
      <c r="MSV26" s="8"/>
      <c r="MSW26" s="8"/>
      <c r="MSX26" s="8"/>
      <c r="MSY26" s="8"/>
      <c r="MSZ26" s="8"/>
      <c r="MTA26" s="8"/>
      <c r="MTB26" s="8"/>
      <c r="MTC26" s="8"/>
      <c r="MTD26" s="8"/>
      <c r="MTE26" s="8"/>
      <c r="MTF26" s="8"/>
      <c r="MTG26" s="8"/>
      <c r="MTH26" s="8"/>
      <c r="MTI26" s="8"/>
      <c r="MTJ26" s="8"/>
      <c r="MTK26" s="8"/>
      <c r="MTL26" s="8"/>
      <c r="MTM26" s="8"/>
      <c r="MTN26" s="8"/>
      <c r="MTO26" s="8"/>
      <c r="MTP26" s="8"/>
      <c r="MTQ26" s="8"/>
      <c r="MTR26" s="8"/>
      <c r="MTS26" s="8"/>
      <c r="MTT26" s="8"/>
      <c r="MTU26" s="8"/>
      <c r="MTV26" s="8"/>
      <c r="MTW26" s="8"/>
      <c r="MTX26" s="8"/>
      <c r="MTY26" s="8"/>
      <c r="MTZ26" s="8"/>
      <c r="MUA26" s="8"/>
      <c r="MUB26" s="8"/>
      <c r="MUC26" s="8"/>
      <c r="MUD26" s="8"/>
      <c r="MUE26" s="8"/>
      <c r="MUF26" s="8"/>
      <c r="MUG26" s="8"/>
      <c r="MUH26" s="8"/>
      <c r="MUI26" s="8"/>
      <c r="MUJ26" s="8"/>
      <c r="MUK26" s="8"/>
      <c r="MUL26" s="8"/>
      <c r="MUM26" s="8"/>
      <c r="MUN26" s="8"/>
      <c r="MUO26" s="8"/>
      <c r="MUP26" s="8"/>
      <c r="MUQ26" s="8"/>
      <c r="MUR26" s="8"/>
      <c r="MUS26" s="8"/>
      <c r="MUT26" s="8"/>
      <c r="MUU26" s="8"/>
      <c r="MUV26" s="8"/>
      <c r="MUW26" s="8"/>
      <c r="MUX26" s="8"/>
      <c r="MUY26" s="8"/>
      <c r="MUZ26" s="8"/>
      <c r="MVA26" s="8"/>
      <c r="MVB26" s="8"/>
      <c r="MVC26" s="8"/>
      <c r="MVD26" s="8"/>
      <c r="MVE26" s="8"/>
      <c r="MVF26" s="8"/>
      <c r="MVG26" s="8"/>
      <c r="MVH26" s="8"/>
      <c r="MVI26" s="8"/>
      <c r="MVJ26" s="8"/>
      <c r="MVK26" s="8"/>
      <c r="MVL26" s="8"/>
      <c r="MVM26" s="8"/>
      <c r="MVN26" s="8"/>
      <c r="MVO26" s="8"/>
      <c r="MVP26" s="8"/>
      <c r="MVQ26" s="8"/>
      <c r="MVR26" s="8"/>
      <c r="MVS26" s="8"/>
      <c r="MVT26" s="8"/>
      <c r="MVU26" s="8"/>
      <c r="MVV26" s="8"/>
      <c r="MVW26" s="8"/>
      <c r="MVX26" s="8"/>
      <c r="MVY26" s="8"/>
      <c r="MVZ26" s="8"/>
      <c r="MWA26" s="8"/>
      <c r="MWB26" s="8"/>
      <c r="MWC26" s="8"/>
      <c r="MWD26" s="8"/>
      <c r="MWE26" s="8"/>
      <c r="MWF26" s="8"/>
      <c r="MWG26" s="8"/>
      <c r="MWH26" s="8"/>
      <c r="MWI26" s="8"/>
      <c r="MWJ26" s="8"/>
      <c r="MWK26" s="8"/>
      <c r="MWL26" s="8"/>
      <c r="MWM26" s="8"/>
      <c r="MWN26" s="8"/>
      <c r="MWO26" s="8"/>
      <c r="MWP26" s="8"/>
      <c r="MWQ26" s="8"/>
      <c r="MWR26" s="8"/>
      <c r="MWS26" s="8"/>
      <c r="MWT26" s="8"/>
      <c r="MWU26" s="8"/>
      <c r="MWV26" s="8"/>
      <c r="MWW26" s="8"/>
      <c r="MWX26" s="8"/>
      <c r="MWY26" s="8"/>
      <c r="MWZ26" s="8"/>
      <c r="MXA26" s="8"/>
      <c r="MXB26" s="8"/>
      <c r="MXC26" s="8"/>
      <c r="MXD26" s="8"/>
      <c r="MXE26" s="8"/>
      <c r="MXF26" s="8"/>
      <c r="MXG26" s="8"/>
      <c r="MXH26" s="8"/>
      <c r="MXI26" s="8"/>
      <c r="MXJ26" s="8"/>
      <c r="MXK26" s="8"/>
      <c r="MXL26" s="8"/>
      <c r="MXM26" s="8"/>
      <c r="MXN26" s="8"/>
      <c r="MXO26" s="8"/>
      <c r="MXP26" s="8"/>
      <c r="MXQ26" s="8"/>
      <c r="MXR26" s="8"/>
      <c r="MXS26" s="8"/>
      <c r="MXT26" s="8"/>
      <c r="MXU26" s="8"/>
      <c r="MXV26" s="8"/>
      <c r="MXW26" s="8"/>
      <c r="MXX26" s="8"/>
      <c r="MXY26" s="8"/>
      <c r="MXZ26" s="8"/>
      <c r="MYA26" s="8"/>
      <c r="MYB26" s="8"/>
      <c r="MYC26" s="8"/>
      <c r="MYD26" s="8"/>
      <c r="MYE26" s="8"/>
      <c r="MYF26" s="8"/>
      <c r="MYG26" s="8"/>
      <c r="MYH26" s="8"/>
      <c r="MYI26" s="8"/>
      <c r="MYJ26" s="8"/>
      <c r="MYK26" s="8"/>
      <c r="MYL26" s="8"/>
      <c r="MYM26" s="8"/>
      <c r="MYN26" s="8"/>
      <c r="MYO26" s="8"/>
      <c r="MYP26" s="8"/>
      <c r="MYQ26" s="8"/>
      <c r="MYR26" s="8"/>
      <c r="MYS26" s="8"/>
      <c r="MYT26" s="8"/>
      <c r="MYU26" s="8"/>
      <c r="MYV26" s="8"/>
      <c r="MYW26" s="8"/>
      <c r="MYX26" s="8"/>
      <c r="MYY26" s="8"/>
      <c r="MYZ26" s="8"/>
      <c r="MZA26" s="8"/>
      <c r="MZB26" s="8"/>
      <c r="MZC26" s="8"/>
      <c r="MZD26" s="8"/>
      <c r="MZE26" s="8"/>
      <c r="MZF26" s="8"/>
      <c r="MZG26" s="8"/>
      <c r="MZH26" s="8"/>
      <c r="MZI26" s="8"/>
      <c r="MZJ26" s="8"/>
      <c r="MZK26" s="8"/>
      <c r="MZL26" s="8"/>
      <c r="MZM26" s="8"/>
      <c r="MZN26" s="8"/>
      <c r="MZO26" s="8"/>
      <c r="MZP26" s="8"/>
      <c r="MZQ26" s="8"/>
      <c r="MZR26" s="8"/>
      <c r="MZS26" s="8"/>
      <c r="MZT26" s="8"/>
      <c r="MZU26" s="8"/>
      <c r="MZV26" s="8"/>
      <c r="MZW26" s="8"/>
      <c r="MZX26" s="8"/>
      <c r="MZY26" s="8"/>
      <c r="MZZ26" s="8"/>
      <c r="NAA26" s="8"/>
      <c r="NAB26" s="8"/>
      <c r="NAC26" s="8"/>
      <c r="NAD26" s="8"/>
      <c r="NAE26" s="8"/>
      <c r="NAF26" s="8"/>
      <c r="NAG26" s="8"/>
      <c r="NAH26" s="8"/>
      <c r="NAI26" s="8"/>
      <c r="NAJ26" s="8"/>
      <c r="NAK26" s="8"/>
      <c r="NAL26" s="8"/>
      <c r="NAM26" s="8"/>
      <c r="NAN26" s="8"/>
      <c r="NAO26" s="8"/>
      <c r="NAP26" s="8"/>
      <c r="NAQ26" s="8"/>
      <c r="NAR26" s="8"/>
      <c r="NAS26" s="8"/>
      <c r="NAT26" s="8"/>
      <c r="NAU26" s="8"/>
      <c r="NAV26" s="8"/>
      <c r="NAW26" s="8"/>
      <c r="NAX26" s="8"/>
      <c r="NAY26" s="8"/>
      <c r="NAZ26" s="8"/>
      <c r="NBA26" s="8"/>
      <c r="NBB26" s="8"/>
      <c r="NBC26" s="8"/>
      <c r="NBD26" s="8"/>
      <c r="NBE26" s="8"/>
      <c r="NBF26" s="8"/>
      <c r="NBG26" s="8"/>
      <c r="NBH26" s="8"/>
      <c r="NBI26" s="8"/>
      <c r="NBJ26" s="8"/>
      <c r="NBK26" s="8"/>
      <c r="NBL26" s="8"/>
      <c r="NBM26" s="8"/>
      <c r="NBN26" s="8"/>
      <c r="NBO26" s="8"/>
      <c r="NBP26" s="8"/>
      <c r="NBQ26" s="8"/>
      <c r="NBR26" s="8"/>
      <c r="NBS26" s="8"/>
      <c r="NBT26" s="8"/>
      <c r="NBU26" s="8"/>
      <c r="NBV26" s="8"/>
      <c r="NBW26" s="8"/>
      <c r="NBX26" s="8"/>
      <c r="NBY26" s="8"/>
      <c r="NBZ26" s="8"/>
      <c r="NCA26" s="8"/>
      <c r="NCB26" s="8"/>
      <c r="NCC26" s="8"/>
      <c r="NCD26" s="8"/>
      <c r="NCE26" s="8"/>
      <c r="NCF26" s="8"/>
      <c r="NCG26" s="8"/>
      <c r="NCH26" s="8"/>
      <c r="NCI26" s="8"/>
      <c r="NCJ26" s="8"/>
      <c r="NCK26" s="8"/>
      <c r="NCL26" s="8"/>
      <c r="NCM26" s="8"/>
      <c r="NCN26" s="8"/>
      <c r="NCO26" s="8"/>
      <c r="NCP26" s="8"/>
      <c r="NCQ26" s="8"/>
      <c r="NCR26" s="8"/>
      <c r="NCS26" s="8"/>
      <c r="NCT26" s="8"/>
      <c r="NCU26" s="8"/>
      <c r="NCV26" s="8"/>
      <c r="NCW26" s="8"/>
      <c r="NCX26" s="8"/>
      <c r="NCY26" s="8"/>
      <c r="NCZ26" s="8"/>
      <c r="NDA26" s="8"/>
      <c r="NDB26" s="8"/>
      <c r="NDC26" s="8"/>
      <c r="NDD26" s="8"/>
      <c r="NDE26" s="8"/>
      <c r="NDF26" s="8"/>
      <c r="NDG26" s="8"/>
      <c r="NDH26" s="8"/>
      <c r="NDI26" s="8"/>
      <c r="NDJ26" s="8"/>
      <c r="NDK26" s="8"/>
      <c r="NDL26" s="8"/>
      <c r="NDM26" s="8"/>
      <c r="NDN26" s="8"/>
      <c r="NDO26" s="8"/>
      <c r="NDP26" s="8"/>
      <c r="NDQ26" s="8"/>
      <c r="NDR26" s="8"/>
      <c r="NDS26" s="8"/>
      <c r="NDT26" s="8"/>
      <c r="NDU26" s="8"/>
      <c r="NDV26" s="8"/>
      <c r="NDW26" s="8"/>
      <c r="NDX26" s="8"/>
      <c r="NDY26" s="8"/>
      <c r="NDZ26" s="8"/>
      <c r="NEA26" s="8"/>
      <c r="NEB26" s="8"/>
      <c r="NEC26" s="8"/>
      <c r="NED26" s="8"/>
      <c r="NEE26" s="8"/>
      <c r="NEF26" s="8"/>
      <c r="NEG26" s="8"/>
      <c r="NEH26" s="8"/>
      <c r="NEI26" s="8"/>
      <c r="NEJ26" s="8"/>
      <c r="NEK26" s="8"/>
      <c r="NEL26" s="8"/>
      <c r="NEM26" s="8"/>
      <c r="NEN26" s="8"/>
      <c r="NEO26" s="8"/>
      <c r="NEP26" s="8"/>
      <c r="NEQ26" s="8"/>
      <c r="NER26" s="8"/>
      <c r="NES26" s="8"/>
      <c r="NET26" s="8"/>
      <c r="NEU26" s="8"/>
      <c r="NEV26" s="8"/>
      <c r="NEW26" s="8"/>
      <c r="NEX26" s="8"/>
      <c r="NEY26" s="8"/>
      <c r="NEZ26" s="8"/>
      <c r="NFA26" s="8"/>
      <c r="NFB26" s="8"/>
      <c r="NFC26" s="8"/>
      <c r="NFD26" s="8"/>
      <c r="NFE26" s="8"/>
      <c r="NFF26" s="8"/>
      <c r="NFG26" s="8"/>
      <c r="NFH26" s="8"/>
      <c r="NFI26" s="8"/>
      <c r="NFJ26" s="8"/>
      <c r="NFK26" s="8"/>
      <c r="NFL26" s="8"/>
      <c r="NFM26" s="8"/>
      <c r="NFN26" s="8"/>
      <c r="NFO26" s="8"/>
      <c r="NFP26" s="8"/>
      <c r="NFQ26" s="8"/>
      <c r="NFR26" s="8"/>
      <c r="NFS26" s="8"/>
      <c r="NFT26" s="8"/>
      <c r="NFU26" s="8"/>
      <c r="NFV26" s="8"/>
      <c r="NFW26" s="8"/>
      <c r="NFX26" s="8"/>
      <c r="NFY26" s="8"/>
      <c r="NFZ26" s="8"/>
      <c r="NGA26" s="8"/>
      <c r="NGB26" s="8"/>
      <c r="NGC26" s="8"/>
      <c r="NGD26" s="8"/>
      <c r="NGE26" s="8"/>
      <c r="NGF26" s="8"/>
      <c r="NGG26" s="8"/>
      <c r="NGH26" s="8"/>
      <c r="NGI26" s="8"/>
      <c r="NGJ26" s="8"/>
      <c r="NGK26" s="8"/>
      <c r="NGL26" s="8"/>
      <c r="NGM26" s="8"/>
      <c r="NGN26" s="8"/>
      <c r="NGO26" s="8"/>
      <c r="NGP26" s="8"/>
      <c r="NGQ26" s="8"/>
      <c r="NGR26" s="8"/>
      <c r="NGS26" s="8"/>
      <c r="NGT26" s="8"/>
      <c r="NGU26" s="8"/>
      <c r="NGV26" s="8"/>
      <c r="NGW26" s="8"/>
      <c r="NGX26" s="8"/>
      <c r="NGY26" s="8"/>
      <c r="NGZ26" s="8"/>
      <c r="NHA26" s="8"/>
      <c r="NHB26" s="8"/>
      <c r="NHC26" s="8"/>
      <c r="NHD26" s="8"/>
      <c r="NHE26" s="8"/>
      <c r="NHF26" s="8"/>
      <c r="NHG26" s="8"/>
      <c r="NHH26" s="8"/>
      <c r="NHI26" s="8"/>
      <c r="NHJ26" s="8"/>
      <c r="NHK26" s="8"/>
      <c r="NHL26" s="8"/>
      <c r="NHM26" s="8"/>
      <c r="NHN26" s="8"/>
      <c r="NHO26" s="8"/>
      <c r="NHP26" s="8"/>
      <c r="NHQ26" s="8"/>
      <c r="NHR26" s="8"/>
      <c r="NHS26" s="8"/>
      <c r="NHT26" s="8"/>
      <c r="NHU26" s="8"/>
      <c r="NHV26" s="8"/>
      <c r="NHW26" s="8"/>
      <c r="NHX26" s="8"/>
      <c r="NHY26" s="8"/>
      <c r="NHZ26" s="8"/>
      <c r="NIA26" s="8"/>
      <c r="NIB26" s="8"/>
      <c r="NIC26" s="8"/>
      <c r="NID26" s="8"/>
      <c r="NIE26" s="8"/>
      <c r="NIF26" s="8"/>
      <c r="NIG26" s="8"/>
      <c r="NIH26" s="8"/>
      <c r="NII26" s="8"/>
      <c r="NIJ26" s="8"/>
      <c r="NIK26" s="8"/>
      <c r="NIL26" s="8"/>
      <c r="NIM26" s="8"/>
      <c r="NIN26" s="8"/>
      <c r="NIO26" s="8"/>
      <c r="NIP26" s="8"/>
      <c r="NIQ26" s="8"/>
      <c r="NIR26" s="8"/>
      <c r="NIS26" s="8"/>
      <c r="NIT26" s="8"/>
      <c r="NIU26" s="8"/>
      <c r="NIV26" s="8"/>
      <c r="NIW26" s="8"/>
      <c r="NIX26" s="8"/>
      <c r="NIY26" s="8"/>
      <c r="NIZ26" s="8"/>
      <c r="NJA26" s="8"/>
      <c r="NJB26" s="8"/>
      <c r="NJC26" s="8"/>
      <c r="NJD26" s="8"/>
      <c r="NJE26" s="8"/>
      <c r="NJF26" s="8"/>
      <c r="NJG26" s="8"/>
      <c r="NJH26" s="8"/>
      <c r="NJI26" s="8"/>
      <c r="NJJ26" s="8"/>
      <c r="NJK26" s="8"/>
      <c r="NJL26" s="8"/>
      <c r="NJM26" s="8"/>
      <c r="NJN26" s="8"/>
      <c r="NJO26" s="8"/>
      <c r="NJP26" s="8"/>
      <c r="NJQ26" s="8"/>
      <c r="NJR26" s="8"/>
      <c r="NJS26" s="8"/>
      <c r="NJT26" s="8"/>
      <c r="NJU26" s="8"/>
      <c r="NJV26" s="8"/>
      <c r="NJW26" s="8"/>
      <c r="NJX26" s="8"/>
      <c r="NJY26" s="8"/>
      <c r="NJZ26" s="8"/>
      <c r="NKA26" s="8"/>
      <c r="NKB26" s="8"/>
      <c r="NKC26" s="8"/>
      <c r="NKD26" s="8"/>
      <c r="NKE26" s="8"/>
      <c r="NKF26" s="8"/>
      <c r="NKG26" s="8"/>
      <c r="NKH26" s="8"/>
      <c r="NKI26" s="8"/>
      <c r="NKJ26" s="8"/>
      <c r="NKK26" s="8"/>
      <c r="NKL26" s="8"/>
      <c r="NKM26" s="8"/>
      <c r="NKN26" s="8"/>
      <c r="NKO26" s="8"/>
      <c r="NKP26" s="8"/>
      <c r="NKQ26" s="8"/>
      <c r="NKR26" s="8"/>
      <c r="NKS26" s="8"/>
      <c r="NKT26" s="8"/>
      <c r="NKU26" s="8"/>
      <c r="NKV26" s="8"/>
      <c r="NKW26" s="8"/>
      <c r="NKX26" s="8"/>
      <c r="NKY26" s="8"/>
      <c r="NKZ26" s="8"/>
      <c r="NLA26" s="8"/>
      <c r="NLB26" s="8"/>
      <c r="NLC26" s="8"/>
      <c r="NLD26" s="8"/>
      <c r="NLE26" s="8"/>
      <c r="NLF26" s="8"/>
      <c r="NLG26" s="8"/>
      <c r="NLH26" s="8"/>
      <c r="NLI26" s="8"/>
      <c r="NLJ26" s="8"/>
      <c r="NLK26" s="8"/>
      <c r="NLL26" s="8"/>
      <c r="NLM26" s="8"/>
      <c r="NLN26" s="8"/>
      <c r="NLO26" s="8"/>
      <c r="NLP26" s="8"/>
      <c r="NLQ26" s="8"/>
      <c r="NLR26" s="8"/>
      <c r="NLS26" s="8"/>
      <c r="NLT26" s="8"/>
      <c r="NLU26" s="8"/>
      <c r="NLV26" s="8"/>
      <c r="NLW26" s="8"/>
      <c r="NLX26" s="8"/>
      <c r="NLY26" s="8"/>
      <c r="NLZ26" s="8"/>
      <c r="NMA26" s="8"/>
      <c r="NMB26" s="8"/>
      <c r="NMC26" s="8"/>
      <c r="NMD26" s="8"/>
      <c r="NME26" s="8"/>
      <c r="NMF26" s="8"/>
      <c r="NMG26" s="8"/>
      <c r="NMH26" s="8"/>
      <c r="NMI26" s="8"/>
      <c r="NMJ26" s="8"/>
      <c r="NMK26" s="8"/>
      <c r="NML26" s="8"/>
      <c r="NMM26" s="8"/>
      <c r="NMN26" s="8"/>
      <c r="NMO26" s="8"/>
      <c r="NMP26" s="8"/>
      <c r="NMQ26" s="8"/>
      <c r="NMR26" s="8"/>
      <c r="NMS26" s="8"/>
      <c r="NMT26" s="8"/>
      <c r="NMU26" s="8"/>
      <c r="NMV26" s="8"/>
      <c r="NMW26" s="8"/>
      <c r="NMX26" s="8"/>
      <c r="NMY26" s="8"/>
      <c r="NMZ26" s="8"/>
      <c r="NNA26" s="8"/>
      <c r="NNB26" s="8"/>
      <c r="NNC26" s="8"/>
      <c r="NND26" s="8"/>
      <c r="NNE26" s="8"/>
      <c r="NNF26" s="8"/>
      <c r="NNG26" s="8"/>
      <c r="NNH26" s="8"/>
      <c r="NNI26" s="8"/>
      <c r="NNJ26" s="8"/>
      <c r="NNK26" s="8"/>
      <c r="NNL26" s="8"/>
      <c r="NNM26" s="8"/>
      <c r="NNN26" s="8"/>
      <c r="NNO26" s="8"/>
      <c r="NNP26" s="8"/>
      <c r="NNQ26" s="8"/>
      <c r="NNR26" s="8"/>
      <c r="NNS26" s="8"/>
      <c r="NNT26" s="8"/>
      <c r="NNU26" s="8"/>
      <c r="NNV26" s="8"/>
      <c r="NNW26" s="8"/>
      <c r="NNX26" s="8"/>
      <c r="NNY26" s="8"/>
      <c r="NNZ26" s="8"/>
      <c r="NOA26" s="8"/>
      <c r="NOB26" s="8"/>
      <c r="NOC26" s="8"/>
      <c r="NOD26" s="8"/>
      <c r="NOE26" s="8"/>
      <c r="NOF26" s="8"/>
      <c r="NOG26" s="8"/>
      <c r="NOH26" s="8"/>
      <c r="NOI26" s="8"/>
      <c r="NOJ26" s="8"/>
      <c r="NOK26" s="8"/>
      <c r="NOL26" s="8"/>
      <c r="NOM26" s="8"/>
      <c r="NON26" s="8"/>
      <c r="NOO26" s="8"/>
      <c r="NOP26" s="8"/>
      <c r="NOQ26" s="8"/>
      <c r="NOR26" s="8"/>
      <c r="NOS26" s="8"/>
      <c r="NOT26" s="8"/>
      <c r="NOU26" s="8"/>
      <c r="NOV26" s="8"/>
      <c r="NOW26" s="8"/>
      <c r="NOX26" s="8"/>
      <c r="NOY26" s="8"/>
      <c r="NOZ26" s="8"/>
      <c r="NPA26" s="8"/>
      <c r="NPB26" s="8"/>
      <c r="NPC26" s="8"/>
      <c r="NPD26" s="8"/>
      <c r="NPE26" s="8"/>
      <c r="NPF26" s="8"/>
      <c r="NPG26" s="8"/>
      <c r="NPH26" s="8"/>
      <c r="NPI26" s="8"/>
      <c r="NPJ26" s="8"/>
      <c r="NPK26" s="8"/>
      <c r="NPL26" s="8"/>
      <c r="NPM26" s="8"/>
      <c r="NPN26" s="8"/>
      <c r="NPO26" s="8"/>
      <c r="NPP26" s="8"/>
      <c r="NPQ26" s="8"/>
      <c r="NPR26" s="8"/>
      <c r="NPS26" s="8"/>
      <c r="NPT26" s="8"/>
      <c r="NPU26" s="8"/>
      <c r="NPV26" s="8"/>
      <c r="NPW26" s="8"/>
      <c r="NPX26" s="8"/>
      <c r="NPY26" s="8"/>
      <c r="NPZ26" s="8"/>
      <c r="NQA26" s="8"/>
      <c r="NQB26" s="8"/>
      <c r="NQC26" s="8"/>
      <c r="NQD26" s="8"/>
      <c r="NQE26" s="8"/>
      <c r="NQF26" s="8"/>
      <c r="NQG26" s="8"/>
      <c r="NQH26" s="8"/>
      <c r="NQI26" s="8"/>
      <c r="NQJ26" s="8"/>
      <c r="NQK26" s="8"/>
      <c r="NQL26" s="8"/>
      <c r="NQM26" s="8"/>
      <c r="NQN26" s="8"/>
      <c r="NQO26" s="8"/>
      <c r="NQP26" s="8"/>
      <c r="NQQ26" s="8"/>
      <c r="NQR26" s="8"/>
      <c r="NQS26" s="8"/>
      <c r="NQT26" s="8"/>
      <c r="NQU26" s="8"/>
      <c r="NQV26" s="8"/>
      <c r="NQW26" s="8"/>
      <c r="NQX26" s="8"/>
      <c r="NQY26" s="8"/>
      <c r="NQZ26" s="8"/>
      <c r="NRA26" s="8"/>
      <c r="NRB26" s="8"/>
      <c r="NRC26" s="8"/>
      <c r="NRD26" s="8"/>
      <c r="NRE26" s="8"/>
      <c r="NRF26" s="8"/>
      <c r="NRG26" s="8"/>
      <c r="NRH26" s="8"/>
      <c r="NRI26" s="8"/>
      <c r="NRJ26" s="8"/>
      <c r="NRK26" s="8"/>
      <c r="NRL26" s="8"/>
      <c r="NRM26" s="8"/>
      <c r="NRN26" s="8"/>
      <c r="NRO26" s="8"/>
      <c r="NRP26" s="8"/>
      <c r="NRQ26" s="8"/>
      <c r="NRR26" s="8"/>
      <c r="NRS26" s="8"/>
      <c r="NRT26" s="8"/>
      <c r="NRU26" s="8"/>
      <c r="NRV26" s="8"/>
      <c r="NRW26" s="8"/>
      <c r="NRX26" s="8"/>
      <c r="NRY26" s="8"/>
      <c r="NRZ26" s="8"/>
      <c r="NSA26" s="8"/>
      <c r="NSB26" s="8"/>
      <c r="NSC26" s="8"/>
      <c r="NSD26" s="8"/>
      <c r="NSE26" s="8"/>
      <c r="NSF26" s="8"/>
      <c r="NSG26" s="8"/>
      <c r="NSH26" s="8"/>
      <c r="NSI26" s="8"/>
      <c r="NSJ26" s="8"/>
      <c r="NSK26" s="8"/>
      <c r="NSL26" s="8"/>
      <c r="NSM26" s="8"/>
      <c r="NSN26" s="8"/>
      <c r="NSO26" s="8"/>
      <c r="NSP26" s="8"/>
      <c r="NSQ26" s="8"/>
      <c r="NSR26" s="8"/>
      <c r="NSS26" s="8"/>
      <c r="NST26" s="8"/>
      <c r="NSU26" s="8"/>
      <c r="NSV26" s="8"/>
      <c r="NSW26" s="8"/>
      <c r="NSX26" s="8"/>
      <c r="NSY26" s="8"/>
      <c r="NSZ26" s="8"/>
      <c r="NTA26" s="8"/>
      <c r="NTB26" s="8"/>
      <c r="NTC26" s="8"/>
      <c r="NTD26" s="8"/>
      <c r="NTE26" s="8"/>
      <c r="NTF26" s="8"/>
      <c r="NTG26" s="8"/>
      <c r="NTH26" s="8"/>
      <c r="NTI26" s="8"/>
      <c r="NTJ26" s="8"/>
      <c r="NTK26" s="8"/>
      <c r="NTL26" s="8"/>
      <c r="NTM26" s="8"/>
      <c r="NTN26" s="8"/>
      <c r="NTO26" s="8"/>
      <c r="NTP26" s="8"/>
      <c r="NTQ26" s="8"/>
      <c r="NTR26" s="8"/>
      <c r="NTS26" s="8"/>
      <c r="NTT26" s="8"/>
      <c r="NTU26" s="8"/>
      <c r="NTV26" s="8"/>
      <c r="NTW26" s="8"/>
      <c r="NTX26" s="8"/>
      <c r="NTY26" s="8"/>
      <c r="NTZ26" s="8"/>
      <c r="NUA26" s="8"/>
      <c r="NUB26" s="8"/>
      <c r="NUC26" s="8"/>
      <c r="NUD26" s="8"/>
      <c r="NUE26" s="8"/>
      <c r="NUF26" s="8"/>
      <c r="NUG26" s="8"/>
      <c r="NUH26" s="8"/>
      <c r="NUI26" s="8"/>
      <c r="NUJ26" s="8"/>
      <c r="NUK26" s="8"/>
      <c r="NUL26" s="8"/>
      <c r="NUM26" s="8"/>
      <c r="NUN26" s="8"/>
      <c r="NUO26" s="8"/>
      <c r="NUP26" s="8"/>
      <c r="NUQ26" s="8"/>
      <c r="NUR26" s="8"/>
      <c r="NUS26" s="8"/>
      <c r="NUT26" s="8"/>
      <c r="NUU26" s="8"/>
      <c r="NUV26" s="8"/>
      <c r="NUW26" s="8"/>
      <c r="NUX26" s="8"/>
      <c r="NUY26" s="8"/>
      <c r="NUZ26" s="8"/>
      <c r="NVA26" s="8"/>
      <c r="NVB26" s="8"/>
      <c r="NVC26" s="8"/>
      <c r="NVD26" s="8"/>
      <c r="NVE26" s="8"/>
      <c r="NVF26" s="8"/>
      <c r="NVG26" s="8"/>
      <c r="NVH26" s="8"/>
      <c r="NVI26" s="8"/>
      <c r="NVJ26" s="8"/>
      <c r="NVK26" s="8"/>
      <c r="NVL26" s="8"/>
      <c r="NVM26" s="8"/>
      <c r="NVN26" s="8"/>
      <c r="NVO26" s="8"/>
      <c r="NVP26" s="8"/>
      <c r="NVQ26" s="8"/>
      <c r="NVR26" s="8"/>
      <c r="NVS26" s="8"/>
      <c r="NVT26" s="8"/>
      <c r="NVU26" s="8"/>
      <c r="NVV26" s="8"/>
      <c r="NVW26" s="8"/>
      <c r="NVX26" s="8"/>
      <c r="NVY26" s="8"/>
      <c r="NVZ26" s="8"/>
      <c r="NWA26" s="8"/>
      <c r="NWB26" s="8"/>
      <c r="NWC26" s="8"/>
      <c r="NWD26" s="8"/>
      <c r="NWE26" s="8"/>
      <c r="NWF26" s="8"/>
      <c r="NWG26" s="8"/>
      <c r="NWH26" s="8"/>
      <c r="NWI26" s="8"/>
      <c r="NWJ26" s="8"/>
      <c r="NWK26" s="8"/>
      <c r="NWL26" s="8"/>
      <c r="NWM26" s="8"/>
      <c r="NWN26" s="8"/>
      <c r="NWO26" s="8"/>
      <c r="NWP26" s="8"/>
      <c r="NWQ26" s="8"/>
      <c r="NWR26" s="8"/>
      <c r="NWS26" s="8"/>
      <c r="NWT26" s="8"/>
      <c r="NWU26" s="8"/>
      <c r="NWV26" s="8"/>
      <c r="NWW26" s="8"/>
      <c r="NWX26" s="8"/>
      <c r="NWY26" s="8"/>
      <c r="NWZ26" s="8"/>
      <c r="NXA26" s="8"/>
      <c r="NXB26" s="8"/>
      <c r="NXC26" s="8"/>
      <c r="NXD26" s="8"/>
      <c r="NXE26" s="8"/>
      <c r="NXF26" s="8"/>
      <c r="NXG26" s="8"/>
      <c r="NXH26" s="8"/>
      <c r="NXI26" s="8"/>
      <c r="NXJ26" s="8"/>
      <c r="NXK26" s="8"/>
      <c r="NXL26" s="8"/>
      <c r="NXM26" s="8"/>
      <c r="NXN26" s="8"/>
      <c r="NXO26" s="8"/>
      <c r="NXP26" s="8"/>
      <c r="NXQ26" s="8"/>
      <c r="NXR26" s="8"/>
      <c r="NXS26" s="8"/>
      <c r="NXT26" s="8"/>
      <c r="NXU26" s="8"/>
      <c r="NXV26" s="8"/>
      <c r="NXW26" s="8"/>
      <c r="NXX26" s="8"/>
      <c r="NXY26" s="8"/>
      <c r="NXZ26" s="8"/>
      <c r="NYA26" s="8"/>
      <c r="NYB26" s="8"/>
      <c r="NYC26" s="8"/>
      <c r="NYD26" s="8"/>
      <c r="NYE26" s="8"/>
      <c r="NYF26" s="8"/>
      <c r="NYG26" s="8"/>
      <c r="NYH26" s="8"/>
      <c r="NYI26" s="8"/>
      <c r="NYJ26" s="8"/>
      <c r="NYK26" s="8"/>
      <c r="NYL26" s="8"/>
      <c r="NYM26" s="8"/>
      <c r="NYN26" s="8"/>
      <c r="NYO26" s="8"/>
      <c r="NYP26" s="8"/>
      <c r="NYQ26" s="8"/>
      <c r="NYR26" s="8"/>
      <c r="NYS26" s="8"/>
      <c r="NYT26" s="8"/>
      <c r="NYU26" s="8"/>
      <c r="NYV26" s="8"/>
      <c r="NYW26" s="8"/>
      <c r="NYX26" s="8"/>
      <c r="NYY26" s="8"/>
      <c r="NYZ26" s="8"/>
      <c r="NZA26" s="8"/>
      <c r="NZB26" s="8"/>
      <c r="NZC26" s="8"/>
      <c r="NZD26" s="8"/>
      <c r="NZE26" s="8"/>
      <c r="NZF26" s="8"/>
      <c r="NZG26" s="8"/>
      <c r="NZH26" s="8"/>
      <c r="NZI26" s="8"/>
      <c r="NZJ26" s="8"/>
      <c r="NZK26" s="8"/>
      <c r="NZL26" s="8"/>
      <c r="NZM26" s="8"/>
      <c r="NZN26" s="8"/>
      <c r="NZO26" s="8"/>
      <c r="NZP26" s="8"/>
      <c r="NZQ26" s="8"/>
      <c r="NZR26" s="8"/>
      <c r="NZS26" s="8"/>
      <c r="NZT26" s="8"/>
      <c r="NZU26" s="8"/>
      <c r="NZV26" s="8"/>
      <c r="NZW26" s="8"/>
      <c r="NZX26" s="8"/>
      <c r="NZY26" s="8"/>
      <c r="NZZ26" s="8"/>
      <c r="OAA26" s="8"/>
      <c r="OAB26" s="8"/>
      <c r="OAC26" s="8"/>
      <c r="OAD26" s="8"/>
      <c r="OAE26" s="8"/>
      <c r="OAF26" s="8"/>
      <c r="OAG26" s="8"/>
      <c r="OAH26" s="8"/>
      <c r="OAI26" s="8"/>
      <c r="OAJ26" s="8"/>
      <c r="OAK26" s="8"/>
      <c r="OAL26" s="8"/>
      <c r="OAM26" s="8"/>
      <c r="OAN26" s="8"/>
      <c r="OAO26" s="8"/>
      <c r="OAP26" s="8"/>
      <c r="OAQ26" s="8"/>
      <c r="OAR26" s="8"/>
      <c r="OAS26" s="8"/>
      <c r="OAT26" s="8"/>
      <c r="OAU26" s="8"/>
      <c r="OAV26" s="8"/>
      <c r="OAW26" s="8"/>
      <c r="OAX26" s="8"/>
      <c r="OAY26" s="8"/>
      <c r="OAZ26" s="8"/>
      <c r="OBA26" s="8"/>
      <c r="OBB26" s="8"/>
      <c r="OBC26" s="8"/>
      <c r="OBD26" s="8"/>
      <c r="OBE26" s="8"/>
      <c r="OBF26" s="8"/>
      <c r="OBG26" s="8"/>
      <c r="OBH26" s="8"/>
      <c r="OBI26" s="8"/>
      <c r="OBJ26" s="8"/>
      <c r="OBK26" s="8"/>
      <c r="OBL26" s="8"/>
      <c r="OBM26" s="8"/>
      <c r="OBN26" s="8"/>
      <c r="OBO26" s="8"/>
      <c r="OBP26" s="8"/>
      <c r="OBQ26" s="8"/>
      <c r="OBR26" s="8"/>
      <c r="OBS26" s="8"/>
      <c r="OBT26" s="8"/>
      <c r="OBU26" s="8"/>
      <c r="OBV26" s="8"/>
      <c r="OBW26" s="8"/>
      <c r="OBX26" s="8"/>
      <c r="OBY26" s="8"/>
      <c r="OBZ26" s="8"/>
      <c r="OCA26" s="8"/>
      <c r="OCB26" s="8"/>
      <c r="OCC26" s="8"/>
      <c r="OCD26" s="8"/>
      <c r="OCE26" s="8"/>
      <c r="OCF26" s="8"/>
      <c r="OCG26" s="8"/>
      <c r="OCH26" s="8"/>
      <c r="OCI26" s="8"/>
      <c r="OCJ26" s="8"/>
      <c r="OCK26" s="8"/>
      <c r="OCL26" s="8"/>
      <c r="OCM26" s="8"/>
      <c r="OCN26" s="8"/>
      <c r="OCO26" s="8"/>
      <c r="OCP26" s="8"/>
      <c r="OCQ26" s="8"/>
      <c r="OCR26" s="8"/>
      <c r="OCS26" s="8"/>
      <c r="OCT26" s="8"/>
      <c r="OCU26" s="8"/>
      <c r="OCV26" s="8"/>
      <c r="OCW26" s="8"/>
      <c r="OCX26" s="8"/>
      <c r="OCY26" s="8"/>
      <c r="OCZ26" s="8"/>
      <c r="ODA26" s="8"/>
      <c r="ODB26" s="8"/>
      <c r="ODC26" s="8"/>
      <c r="ODD26" s="8"/>
      <c r="ODE26" s="8"/>
      <c r="ODF26" s="8"/>
      <c r="ODG26" s="8"/>
      <c r="ODH26" s="8"/>
      <c r="ODI26" s="8"/>
      <c r="ODJ26" s="8"/>
      <c r="ODK26" s="8"/>
      <c r="ODL26" s="8"/>
      <c r="ODM26" s="8"/>
      <c r="ODN26" s="8"/>
      <c r="ODO26" s="8"/>
      <c r="ODP26" s="8"/>
      <c r="ODQ26" s="8"/>
      <c r="ODR26" s="8"/>
      <c r="ODS26" s="8"/>
      <c r="ODT26" s="8"/>
      <c r="ODU26" s="8"/>
      <c r="ODV26" s="8"/>
      <c r="ODW26" s="8"/>
      <c r="ODX26" s="8"/>
      <c r="ODY26" s="8"/>
      <c r="ODZ26" s="8"/>
      <c r="OEA26" s="8"/>
      <c r="OEB26" s="8"/>
      <c r="OEC26" s="8"/>
      <c r="OED26" s="8"/>
      <c r="OEE26" s="8"/>
      <c r="OEF26" s="8"/>
      <c r="OEG26" s="8"/>
      <c r="OEH26" s="8"/>
      <c r="OEI26" s="8"/>
      <c r="OEJ26" s="8"/>
      <c r="OEK26" s="8"/>
      <c r="OEL26" s="8"/>
      <c r="OEM26" s="8"/>
      <c r="OEN26" s="8"/>
      <c r="OEO26" s="8"/>
      <c r="OEP26" s="8"/>
      <c r="OEQ26" s="8"/>
      <c r="OER26" s="8"/>
      <c r="OES26" s="8"/>
      <c r="OET26" s="8"/>
      <c r="OEU26" s="8"/>
      <c r="OEV26" s="8"/>
      <c r="OEW26" s="8"/>
      <c r="OEX26" s="8"/>
      <c r="OEY26" s="8"/>
      <c r="OEZ26" s="8"/>
      <c r="OFA26" s="8"/>
      <c r="OFB26" s="8"/>
      <c r="OFC26" s="8"/>
      <c r="OFD26" s="8"/>
      <c r="OFE26" s="8"/>
      <c r="OFF26" s="8"/>
      <c r="OFG26" s="8"/>
      <c r="OFH26" s="8"/>
      <c r="OFI26" s="8"/>
      <c r="OFJ26" s="8"/>
      <c r="OFK26" s="8"/>
      <c r="OFL26" s="8"/>
      <c r="OFM26" s="8"/>
      <c r="OFN26" s="8"/>
      <c r="OFO26" s="8"/>
      <c r="OFP26" s="8"/>
      <c r="OFQ26" s="8"/>
      <c r="OFR26" s="8"/>
      <c r="OFS26" s="8"/>
      <c r="OFT26" s="8"/>
      <c r="OFU26" s="8"/>
      <c r="OFV26" s="8"/>
      <c r="OFW26" s="8"/>
      <c r="OFX26" s="8"/>
      <c r="OFY26" s="8"/>
      <c r="OFZ26" s="8"/>
      <c r="OGA26" s="8"/>
      <c r="OGB26" s="8"/>
      <c r="OGC26" s="8"/>
      <c r="OGD26" s="8"/>
      <c r="OGE26" s="8"/>
      <c r="OGF26" s="8"/>
      <c r="OGG26" s="8"/>
      <c r="OGH26" s="8"/>
      <c r="OGI26" s="8"/>
      <c r="OGJ26" s="8"/>
      <c r="OGK26" s="8"/>
      <c r="OGL26" s="8"/>
      <c r="OGM26" s="8"/>
      <c r="OGN26" s="8"/>
      <c r="OGO26" s="8"/>
      <c r="OGP26" s="8"/>
      <c r="OGQ26" s="8"/>
      <c r="OGR26" s="8"/>
      <c r="OGS26" s="8"/>
      <c r="OGT26" s="8"/>
      <c r="OGU26" s="8"/>
      <c r="OGV26" s="8"/>
      <c r="OGW26" s="8"/>
      <c r="OGX26" s="8"/>
      <c r="OGY26" s="8"/>
      <c r="OGZ26" s="8"/>
      <c r="OHA26" s="8"/>
      <c r="OHB26" s="8"/>
      <c r="OHC26" s="8"/>
      <c r="OHD26" s="8"/>
      <c r="OHE26" s="8"/>
      <c r="OHF26" s="8"/>
      <c r="OHG26" s="8"/>
      <c r="OHH26" s="8"/>
      <c r="OHI26" s="8"/>
      <c r="OHJ26" s="8"/>
      <c r="OHK26" s="8"/>
      <c r="OHL26" s="8"/>
      <c r="OHM26" s="8"/>
      <c r="OHN26" s="8"/>
      <c r="OHO26" s="8"/>
      <c r="OHP26" s="8"/>
      <c r="OHQ26" s="8"/>
      <c r="OHR26" s="8"/>
      <c r="OHS26" s="8"/>
      <c r="OHT26" s="8"/>
      <c r="OHU26" s="8"/>
      <c r="OHV26" s="8"/>
      <c r="OHW26" s="8"/>
      <c r="OHX26" s="8"/>
      <c r="OHY26" s="8"/>
      <c r="OHZ26" s="8"/>
      <c r="OIA26" s="8"/>
      <c r="OIB26" s="8"/>
      <c r="OIC26" s="8"/>
      <c r="OID26" s="8"/>
      <c r="OIE26" s="8"/>
      <c r="OIF26" s="8"/>
      <c r="OIG26" s="8"/>
      <c r="OIH26" s="8"/>
      <c r="OII26" s="8"/>
      <c r="OIJ26" s="8"/>
      <c r="OIK26" s="8"/>
      <c r="OIL26" s="8"/>
      <c r="OIM26" s="8"/>
      <c r="OIN26" s="8"/>
      <c r="OIO26" s="8"/>
      <c r="OIP26" s="8"/>
      <c r="OIQ26" s="8"/>
      <c r="OIR26" s="8"/>
      <c r="OIS26" s="8"/>
      <c r="OIT26" s="8"/>
      <c r="OIU26" s="8"/>
      <c r="OIV26" s="8"/>
      <c r="OIW26" s="8"/>
      <c r="OIX26" s="8"/>
      <c r="OIY26" s="8"/>
      <c r="OIZ26" s="8"/>
      <c r="OJA26" s="8"/>
      <c r="OJB26" s="8"/>
      <c r="OJC26" s="8"/>
      <c r="OJD26" s="8"/>
      <c r="OJE26" s="8"/>
      <c r="OJF26" s="8"/>
      <c r="OJG26" s="8"/>
      <c r="OJH26" s="8"/>
      <c r="OJI26" s="8"/>
      <c r="OJJ26" s="8"/>
      <c r="OJK26" s="8"/>
      <c r="OJL26" s="8"/>
      <c r="OJM26" s="8"/>
      <c r="OJN26" s="8"/>
      <c r="OJO26" s="8"/>
      <c r="OJP26" s="8"/>
      <c r="OJQ26" s="8"/>
      <c r="OJR26" s="8"/>
      <c r="OJS26" s="8"/>
      <c r="OJT26" s="8"/>
      <c r="OJU26" s="8"/>
      <c r="OJV26" s="8"/>
      <c r="OJW26" s="8"/>
      <c r="OJX26" s="8"/>
      <c r="OJY26" s="8"/>
      <c r="OJZ26" s="8"/>
      <c r="OKA26" s="8"/>
      <c r="OKB26" s="8"/>
      <c r="OKC26" s="8"/>
      <c r="OKD26" s="8"/>
      <c r="OKE26" s="8"/>
      <c r="OKF26" s="8"/>
      <c r="OKG26" s="8"/>
      <c r="OKH26" s="8"/>
      <c r="OKI26" s="8"/>
      <c r="OKJ26" s="8"/>
      <c r="OKK26" s="8"/>
      <c r="OKL26" s="8"/>
      <c r="OKM26" s="8"/>
      <c r="OKN26" s="8"/>
      <c r="OKO26" s="8"/>
      <c r="OKP26" s="8"/>
      <c r="OKQ26" s="8"/>
      <c r="OKR26" s="8"/>
      <c r="OKS26" s="8"/>
      <c r="OKT26" s="8"/>
      <c r="OKU26" s="8"/>
      <c r="OKV26" s="8"/>
      <c r="OKW26" s="8"/>
      <c r="OKX26" s="8"/>
      <c r="OKY26" s="8"/>
      <c r="OKZ26" s="8"/>
      <c r="OLA26" s="8"/>
      <c r="OLB26" s="8"/>
      <c r="OLC26" s="8"/>
      <c r="OLD26" s="8"/>
      <c r="OLE26" s="8"/>
      <c r="OLF26" s="8"/>
      <c r="OLG26" s="8"/>
      <c r="OLH26" s="8"/>
      <c r="OLI26" s="8"/>
      <c r="OLJ26" s="8"/>
      <c r="OLK26" s="8"/>
      <c r="OLL26" s="8"/>
      <c r="OLM26" s="8"/>
      <c r="OLN26" s="8"/>
      <c r="OLO26" s="8"/>
      <c r="OLP26" s="8"/>
      <c r="OLQ26" s="8"/>
      <c r="OLR26" s="8"/>
      <c r="OLS26" s="8"/>
      <c r="OLT26" s="8"/>
      <c r="OLU26" s="8"/>
      <c r="OLV26" s="8"/>
      <c r="OLW26" s="8"/>
      <c r="OLX26" s="8"/>
      <c r="OLY26" s="8"/>
      <c r="OLZ26" s="8"/>
      <c r="OMA26" s="8"/>
      <c r="OMB26" s="8"/>
      <c r="OMC26" s="8"/>
      <c r="OMD26" s="8"/>
      <c r="OME26" s="8"/>
      <c r="OMF26" s="8"/>
      <c r="OMG26" s="8"/>
      <c r="OMH26" s="8"/>
      <c r="OMI26" s="8"/>
      <c r="OMJ26" s="8"/>
      <c r="OMK26" s="8"/>
      <c r="OML26" s="8"/>
      <c r="OMM26" s="8"/>
      <c r="OMN26" s="8"/>
      <c r="OMO26" s="8"/>
      <c r="OMP26" s="8"/>
      <c r="OMQ26" s="8"/>
      <c r="OMR26" s="8"/>
      <c r="OMS26" s="8"/>
      <c r="OMT26" s="8"/>
      <c r="OMU26" s="8"/>
      <c r="OMV26" s="8"/>
      <c r="OMW26" s="8"/>
      <c r="OMX26" s="8"/>
      <c r="OMY26" s="8"/>
      <c r="OMZ26" s="8"/>
      <c r="ONA26" s="8"/>
      <c r="ONB26" s="8"/>
      <c r="ONC26" s="8"/>
      <c r="OND26" s="8"/>
      <c r="ONE26" s="8"/>
      <c r="ONF26" s="8"/>
      <c r="ONG26" s="8"/>
      <c r="ONH26" s="8"/>
      <c r="ONI26" s="8"/>
      <c r="ONJ26" s="8"/>
      <c r="ONK26" s="8"/>
      <c r="ONL26" s="8"/>
      <c r="ONM26" s="8"/>
      <c r="ONN26" s="8"/>
      <c r="ONO26" s="8"/>
      <c r="ONP26" s="8"/>
      <c r="ONQ26" s="8"/>
      <c r="ONR26" s="8"/>
      <c r="ONS26" s="8"/>
      <c r="ONT26" s="8"/>
      <c r="ONU26" s="8"/>
      <c r="ONV26" s="8"/>
      <c r="ONW26" s="8"/>
      <c r="ONX26" s="8"/>
      <c r="ONY26" s="8"/>
      <c r="ONZ26" s="8"/>
      <c r="OOA26" s="8"/>
      <c r="OOB26" s="8"/>
      <c r="OOC26" s="8"/>
      <c r="OOD26" s="8"/>
      <c r="OOE26" s="8"/>
      <c r="OOF26" s="8"/>
      <c r="OOG26" s="8"/>
      <c r="OOH26" s="8"/>
      <c r="OOI26" s="8"/>
      <c r="OOJ26" s="8"/>
      <c r="OOK26" s="8"/>
      <c r="OOL26" s="8"/>
      <c r="OOM26" s="8"/>
      <c r="OON26" s="8"/>
      <c r="OOO26" s="8"/>
      <c r="OOP26" s="8"/>
      <c r="OOQ26" s="8"/>
      <c r="OOR26" s="8"/>
      <c r="OOS26" s="8"/>
      <c r="OOT26" s="8"/>
      <c r="OOU26" s="8"/>
      <c r="OOV26" s="8"/>
      <c r="OOW26" s="8"/>
      <c r="OOX26" s="8"/>
      <c r="OOY26" s="8"/>
      <c r="OOZ26" s="8"/>
      <c r="OPA26" s="8"/>
      <c r="OPB26" s="8"/>
      <c r="OPC26" s="8"/>
      <c r="OPD26" s="8"/>
      <c r="OPE26" s="8"/>
      <c r="OPF26" s="8"/>
      <c r="OPG26" s="8"/>
      <c r="OPH26" s="8"/>
      <c r="OPI26" s="8"/>
      <c r="OPJ26" s="8"/>
      <c r="OPK26" s="8"/>
      <c r="OPL26" s="8"/>
      <c r="OPM26" s="8"/>
      <c r="OPN26" s="8"/>
      <c r="OPO26" s="8"/>
      <c r="OPP26" s="8"/>
      <c r="OPQ26" s="8"/>
      <c r="OPR26" s="8"/>
      <c r="OPS26" s="8"/>
      <c r="OPT26" s="8"/>
      <c r="OPU26" s="8"/>
      <c r="OPV26" s="8"/>
      <c r="OPW26" s="8"/>
      <c r="OPX26" s="8"/>
      <c r="OPY26" s="8"/>
      <c r="OPZ26" s="8"/>
      <c r="OQA26" s="8"/>
      <c r="OQB26" s="8"/>
      <c r="OQC26" s="8"/>
      <c r="OQD26" s="8"/>
      <c r="OQE26" s="8"/>
      <c r="OQF26" s="8"/>
      <c r="OQG26" s="8"/>
      <c r="OQH26" s="8"/>
      <c r="OQI26" s="8"/>
      <c r="OQJ26" s="8"/>
      <c r="OQK26" s="8"/>
      <c r="OQL26" s="8"/>
      <c r="OQM26" s="8"/>
      <c r="OQN26" s="8"/>
      <c r="OQO26" s="8"/>
      <c r="OQP26" s="8"/>
      <c r="OQQ26" s="8"/>
      <c r="OQR26" s="8"/>
      <c r="OQS26" s="8"/>
      <c r="OQT26" s="8"/>
      <c r="OQU26" s="8"/>
      <c r="OQV26" s="8"/>
      <c r="OQW26" s="8"/>
      <c r="OQX26" s="8"/>
      <c r="OQY26" s="8"/>
      <c r="OQZ26" s="8"/>
      <c r="ORA26" s="8"/>
      <c r="ORB26" s="8"/>
      <c r="ORC26" s="8"/>
      <c r="ORD26" s="8"/>
      <c r="ORE26" s="8"/>
      <c r="ORF26" s="8"/>
      <c r="ORG26" s="8"/>
      <c r="ORH26" s="8"/>
      <c r="ORI26" s="8"/>
      <c r="ORJ26" s="8"/>
      <c r="ORK26" s="8"/>
      <c r="ORL26" s="8"/>
      <c r="ORM26" s="8"/>
      <c r="ORN26" s="8"/>
      <c r="ORO26" s="8"/>
      <c r="ORP26" s="8"/>
      <c r="ORQ26" s="8"/>
      <c r="ORR26" s="8"/>
      <c r="ORS26" s="8"/>
      <c r="ORT26" s="8"/>
      <c r="ORU26" s="8"/>
      <c r="ORV26" s="8"/>
      <c r="ORW26" s="8"/>
      <c r="ORX26" s="8"/>
      <c r="ORY26" s="8"/>
      <c r="ORZ26" s="8"/>
      <c r="OSA26" s="8"/>
      <c r="OSB26" s="8"/>
      <c r="OSC26" s="8"/>
      <c r="OSD26" s="8"/>
      <c r="OSE26" s="8"/>
      <c r="OSF26" s="8"/>
      <c r="OSG26" s="8"/>
      <c r="OSH26" s="8"/>
      <c r="OSI26" s="8"/>
      <c r="OSJ26" s="8"/>
      <c r="OSK26" s="8"/>
      <c r="OSL26" s="8"/>
      <c r="OSM26" s="8"/>
      <c r="OSN26" s="8"/>
      <c r="OSO26" s="8"/>
      <c r="OSP26" s="8"/>
      <c r="OSQ26" s="8"/>
      <c r="OSR26" s="8"/>
      <c r="OSS26" s="8"/>
      <c r="OST26" s="8"/>
      <c r="OSU26" s="8"/>
      <c r="OSV26" s="8"/>
      <c r="OSW26" s="8"/>
      <c r="OSX26" s="8"/>
      <c r="OSY26" s="8"/>
      <c r="OSZ26" s="8"/>
      <c r="OTA26" s="8"/>
      <c r="OTB26" s="8"/>
      <c r="OTC26" s="8"/>
      <c r="OTD26" s="8"/>
      <c r="OTE26" s="8"/>
      <c r="OTF26" s="8"/>
      <c r="OTG26" s="8"/>
      <c r="OTH26" s="8"/>
      <c r="OTI26" s="8"/>
      <c r="OTJ26" s="8"/>
      <c r="OTK26" s="8"/>
      <c r="OTL26" s="8"/>
      <c r="OTM26" s="8"/>
      <c r="OTN26" s="8"/>
      <c r="OTO26" s="8"/>
      <c r="OTP26" s="8"/>
      <c r="OTQ26" s="8"/>
      <c r="OTR26" s="8"/>
      <c r="OTS26" s="8"/>
      <c r="OTT26" s="8"/>
      <c r="OTU26" s="8"/>
      <c r="OTV26" s="8"/>
      <c r="OTW26" s="8"/>
      <c r="OTX26" s="8"/>
      <c r="OTY26" s="8"/>
      <c r="OTZ26" s="8"/>
      <c r="OUA26" s="8"/>
      <c r="OUB26" s="8"/>
      <c r="OUC26" s="8"/>
      <c r="OUD26" s="8"/>
      <c r="OUE26" s="8"/>
      <c r="OUF26" s="8"/>
      <c r="OUG26" s="8"/>
      <c r="OUH26" s="8"/>
      <c r="OUI26" s="8"/>
      <c r="OUJ26" s="8"/>
      <c r="OUK26" s="8"/>
      <c r="OUL26" s="8"/>
      <c r="OUM26" s="8"/>
      <c r="OUN26" s="8"/>
      <c r="OUO26" s="8"/>
      <c r="OUP26" s="8"/>
      <c r="OUQ26" s="8"/>
      <c r="OUR26" s="8"/>
      <c r="OUS26" s="8"/>
      <c r="OUT26" s="8"/>
      <c r="OUU26" s="8"/>
      <c r="OUV26" s="8"/>
      <c r="OUW26" s="8"/>
      <c r="OUX26" s="8"/>
      <c r="OUY26" s="8"/>
      <c r="OUZ26" s="8"/>
      <c r="OVA26" s="8"/>
      <c r="OVB26" s="8"/>
      <c r="OVC26" s="8"/>
      <c r="OVD26" s="8"/>
      <c r="OVE26" s="8"/>
      <c r="OVF26" s="8"/>
      <c r="OVG26" s="8"/>
      <c r="OVH26" s="8"/>
      <c r="OVI26" s="8"/>
      <c r="OVJ26" s="8"/>
      <c r="OVK26" s="8"/>
      <c r="OVL26" s="8"/>
      <c r="OVM26" s="8"/>
      <c r="OVN26" s="8"/>
      <c r="OVO26" s="8"/>
      <c r="OVP26" s="8"/>
      <c r="OVQ26" s="8"/>
      <c r="OVR26" s="8"/>
      <c r="OVS26" s="8"/>
      <c r="OVT26" s="8"/>
      <c r="OVU26" s="8"/>
      <c r="OVV26" s="8"/>
      <c r="OVW26" s="8"/>
      <c r="OVX26" s="8"/>
      <c r="OVY26" s="8"/>
      <c r="OVZ26" s="8"/>
      <c r="OWA26" s="8"/>
      <c r="OWB26" s="8"/>
      <c r="OWC26" s="8"/>
      <c r="OWD26" s="8"/>
      <c r="OWE26" s="8"/>
      <c r="OWF26" s="8"/>
      <c r="OWG26" s="8"/>
      <c r="OWH26" s="8"/>
      <c r="OWI26" s="8"/>
      <c r="OWJ26" s="8"/>
      <c r="OWK26" s="8"/>
      <c r="OWL26" s="8"/>
      <c r="OWM26" s="8"/>
      <c r="OWN26" s="8"/>
      <c r="OWO26" s="8"/>
      <c r="OWP26" s="8"/>
      <c r="OWQ26" s="8"/>
      <c r="OWR26" s="8"/>
      <c r="OWS26" s="8"/>
      <c r="OWT26" s="8"/>
      <c r="OWU26" s="8"/>
      <c r="OWV26" s="8"/>
      <c r="OWW26" s="8"/>
      <c r="OWX26" s="8"/>
      <c r="OWY26" s="8"/>
      <c r="OWZ26" s="8"/>
      <c r="OXA26" s="8"/>
      <c r="OXB26" s="8"/>
      <c r="OXC26" s="8"/>
      <c r="OXD26" s="8"/>
      <c r="OXE26" s="8"/>
      <c r="OXF26" s="8"/>
      <c r="OXG26" s="8"/>
      <c r="OXH26" s="8"/>
      <c r="OXI26" s="8"/>
      <c r="OXJ26" s="8"/>
      <c r="OXK26" s="8"/>
      <c r="OXL26" s="8"/>
      <c r="OXM26" s="8"/>
      <c r="OXN26" s="8"/>
      <c r="OXO26" s="8"/>
      <c r="OXP26" s="8"/>
      <c r="OXQ26" s="8"/>
      <c r="OXR26" s="8"/>
      <c r="OXS26" s="8"/>
      <c r="OXT26" s="8"/>
      <c r="OXU26" s="8"/>
      <c r="OXV26" s="8"/>
      <c r="OXW26" s="8"/>
      <c r="OXX26" s="8"/>
      <c r="OXY26" s="8"/>
      <c r="OXZ26" s="8"/>
      <c r="OYA26" s="8"/>
      <c r="OYB26" s="8"/>
      <c r="OYC26" s="8"/>
      <c r="OYD26" s="8"/>
      <c r="OYE26" s="8"/>
      <c r="OYF26" s="8"/>
      <c r="OYG26" s="8"/>
      <c r="OYH26" s="8"/>
      <c r="OYI26" s="8"/>
      <c r="OYJ26" s="8"/>
      <c r="OYK26" s="8"/>
      <c r="OYL26" s="8"/>
      <c r="OYM26" s="8"/>
      <c r="OYN26" s="8"/>
      <c r="OYO26" s="8"/>
      <c r="OYP26" s="8"/>
      <c r="OYQ26" s="8"/>
      <c r="OYR26" s="8"/>
      <c r="OYS26" s="8"/>
      <c r="OYT26" s="8"/>
      <c r="OYU26" s="8"/>
      <c r="OYV26" s="8"/>
      <c r="OYW26" s="8"/>
      <c r="OYX26" s="8"/>
      <c r="OYY26" s="8"/>
      <c r="OYZ26" s="8"/>
      <c r="OZA26" s="8"/>
      <c r="OZB26" s="8"/>
      <c r="OZC26" s="8"/>
      <c r="OZD26" s="8"/>
      <c r="OZE26" s="8"/>
      <c r="OZF26" s="8"/>
      <c r="OZG26" s="8"/>
      <c r="OZH26" s="8"/>
      <c r="OZI26" s="8"/>
      <c r="OZJ26" s="8"/>
      <c r="OZK26" s="8"/>
      <c r="OZL26" s="8"/>
      <c r="OZM26" s="8"/>
      <c r="OZN26" s="8"/>
      <c r="OZO26" s="8"/>
      <c r="OZP26" s="8"/>
      <c r="OZQ26" s="8"/>
      <c r="OZR26" s="8"/>
      <c r="OZS26" s="8"/>
      <c r="OZT26" s="8"/>
      <c r="OZU26" s="8"/>
      <c r="OZV26" s="8"/>
      <c r="OZW26" s="8"/>
      <c r="OZX26" s="8"/>
      <c r="OZY26" s="8"/>
      <c r="OZZ26" s="8"/>
      <c r="PAA26" s="8"/>
      <c r="PAB26" s="8"/>
      <c r="PAC26" s="8"/>
      <c r="PAD26" s="8"/>
      <c r="PAE26" s="8"/>
      <c r="PAF26" s="8"/>
      <c r="PAG26" s="8"/>
      <c r="PAH26" s="8"/>
      <c r="PAI26" s="8"/>
      <c r="PAJ26" s="8"/>
      <c r="PAK26" s="8"/>
      <c r="PAL26" s="8"/>
      <c r="PAM26" s="8"/>
      <c r="PAN26" s="8"/>
      <c r="PAO26" s="8"/>
      <c r="PAP26" s="8"/>
      <c r="PAQ26" s="8"/>
      <c r="PAR26" s="8"/>
      <c r="PAS26" s="8"/>
      <c r="PAT26" s="8"/>
      <c r="PAU26" s="8"/>
      <c r="PAV26" s="8"/>
      <c r="PAW26" s="8"/>
      <c r="PAX26" s="8"/>
      <c r="PAY26" s="8"/>
      <c r="PAZ26" s="8"/>
      <c r="PBA26" s="8"/>
      <c r="PBB26" s="8"/>
      <c r="PBC26" s="8"/>
      <c r="PBD26" s="8"/>
      <c r="PBE26" s="8"/>
      <c r="PBF26" s="8"/>
      <c r="PBG26" s="8"/>
      <c r="PBH26" s="8"/>
      <c r="PBI26" s="8"/>
      <c r="PBJ26" s="8"/>
      <c r="PBK26" s="8"/>
      <c r="PBL26" s="8"/>
      <c r="PBM26" s="8"/>
      <c r="PBN26" s="8"/>
      <c r="PBO26" s="8"/>
      <c r="PBP26" s="8"/>
      <c r="PBQ26" s="8"/>
      <c r="PBR26" s="8"/>
      <c r="PBS26" s="8"/>
      <c r="PBT26" s="8"/>
      <c r="PBU26" s="8"/>
      <c r="PBV26" s="8"/>
      <c r="PBW26" s="8"/>
      <c r="PBX26" s="8"/>
      <c r="PBY26" s="8"/>
      <c r="PBZ26" s="8"/>
      <c r="PCA26" s="8"/>
      <c r="PCB26" s="8"/>
      <c r="PCC26" s="8"/>
      <c r="PCD26" s="8"/>
      <c r="PCE26" s="8"/>
      <c r="PCF26" s="8"/>
      <c r="PCG26" s="8"/>
      <c r="PCH26" s="8"/>
      <c r="PCI26" s="8"/>
      <c r="PCJ26" s="8"/>
      <c r="PCK26" s="8"/>
      <c r="PCL26" s="8"/>
      <c r="PCM26" s="8"/>
      <c r="PCN26" s="8"/>
      <c r="PCO26" s="8"/>
      <c r="PCP26" s="8"/>
      <c r="PCQ26" s="8"/>
      <c r="PCR26" s="8"/>
      <c r="PCS26" s="8"/>
      <c r="PCT26" s="8"/>
      <c r="PCU26" s="8"/>
      <c r="PCV26" s="8"/>
      <c r="PCW26" s="8"/>
      <c r="PCX26" s="8"/>
      <c r="PCY26" s="8"/>
      <c r="PCZ26" s="8"/>
      <c r="PDA26" s="8"/>
      <c r="PDB26" s="8"/>
      <c r="PDC26" s="8"/>
      <c r="PDD26" s="8"/>
      <c r="PDE26" s="8"/>
      <c r="PDF26" s="8"/>
      <c r="PDG26" s="8"/>
      <c r="PDH26" s="8"/>
      <c r="PDI26" s="8"/>
      <c r="PDJ26" s="8"/>
      <c r="PDK26" s="8"/>
      <c r="PDL26" s="8"/>
      <c r="PDM26" s="8"/>
      <c r="PDN26" s="8"/>
      <c r="PDO26" s="8"/>
      <c r="PDP26" s="8"/>
      <c r="PDQ26" s="8"/>
      <c r="PDR26" s="8"/>
      <c r="PDS26" s="8"/>
      <c r="PDT26" s="8"/>
      <c r="PDU26" s="8"/>
      <c r="PDV26" s="8"/>
      <c r="PDW26" s="8"/>
      <c r="PDX26" s="8"/>
      <c r="PDY26" s="8"/>
      <c r="PDZ26" s="8"/>
      <c r="PEA26" s="8"/>
      <c r="PEB26" s="8"/>
      <c r="PEC26" s="8"/>
      <c r="PED26" s="8"/>
      <c r="PEE26" s="8"/>
      <c r="PEF26" s="8"/>
      <c r="PEG26" s="8"/>
      <c r="PEH26" s="8"/>
      <c r="PEI26" s="8"/>
      <c r="PEJ26" s="8"/>
      <c r="PEK26" s="8"/>
      <c r="PEL26" s="8"/>
      <c r="PEM26" s="8"/>
      <c r="PEN26" s="8"/>
      <c r="PEO26" s="8"/>
      <c r="PEP26" s="8"/>
      <c r="PEQ26" s="8"/>
      <c r="PER26" s="8"/>
      <c r="PES26" s="8"/>
      <c r="PET26" s="8"/>
      <c r="PEU26" s="8"/>
      <c r="PEV26" s="8"/>
      <c r="PEW26" s="8"/>
      <c r="PEX26" s="8"/>
      <c r="PEY26" s="8"/>
      <c r="PEZ26" s="8"/>
      <c r="PFA26" s="8"/>
      <c r="PFB26" s="8"/>
      <c r="PFC26" s="8"/>
      <c r="PFD26" s="8"/>
      <c r="PFE26" s="8"/>
      <c r="PFF26" s="8"/>
      <c r="PFG26" s="8"/>
      <c r="PFH26" s="8"/>
      <c r="PFI26" s="8"/>
      <c r="PFJ26" s="8"/>
      <c r="PFK26" s="8"/>
      <c r="PFL26" s="8"/>
      <c r="PFM26" s="8"/>
      <c r="PFN26" s="8"/>
      <c r="PFO26" s="8"/>
      <c r="PFP26" s="8"/>
      <c r="PFQ26" s="8"/>
      <c r="PFR26" s="8"/>
      <c r="PFS26" s="8"/>
      <c r="PFT26" s="8"/>
      <c r="PFU26" s="8"/>
      <c r="PFV26" s="8"/>
      <c r="PFW26" s="8"/>
      <c r="PFX26" s="8"/>
      <c r="PFY26" s="8"/>
      <c r="PFZ26" s="8"/>
      <c r="PGA26" s="8"/>
      <c r="PGB26" s="8"/>
      <c r="PGC26" s="8"/>
      <c r="PGD26" s="8"/>
      <c r="PGE26" s="8"/>
      <c r="PGF26" s="8"/>
      <c r="PGG26" s="8"/>
      <c r="PGH26" s="8"/>
      <c r="PGI26" s="8"/>
      <c r="PGJ26" s="8"/>
      <c r="PGK26" s="8"/>
      <c r="PGL26" s="8"/>
      <c r="PGM26" s="8"/>
      <c r="PGN26" s="8"/>
      <c r="PGO26" s="8"/>
      <c r="PGP26" s="8"/>
      <c r="PGQ26" s="8"/>
      <c r="PGR26" s="8"/>
      <c r="PGS26" s="8"/>
      <c r="PGT26" s="8"/>
      <c r="PGU26" s="8"/>
      <c r="PGV26" s="8"/>
      <c r="PGW26" s="8"/>
      <c r="PGX26" s="8"/>
      <c r="PGY26" s="8"/>
      <c r="PGZ26" s="8"/>
      <c r="PHA26" s="8"/>
      <c r="PHB26" s="8"/>
      <c r="PHC26" s="8"/>
      <c r="PHD26" s="8"/>
      <c r="PHE26" s="8"/>
      <c r="PHF26" s="8"/>
      <c r="PHG26" s="8"/>
      <c r="PHH26" s="8"/>
      <c r="PHI26" s="8"/>
      <c r="PHJ26" s="8"/>
      <c r="PHK26" s="8"/>
      <c r="PHL26" s="8"/>
      <c r="PHM26" s="8"/>
      <c r="PHN26" s="8"/>
      <c r="PHO26" s="8"/>
      <c r="PHP26" s="8"/>
      <c r="PHQ26" s="8"/>
      <c r="PHR26" s="8"/>
      <c r="PHS26" s="8"/>
      <c r="PHT26" s="8"/>
      <c r="PHU26" s="8"/>
      <c r="PHV26" s="8"/>
      <c r="PHW26" s="8"/>
      <c r="PHX26" s="8"/>
      <c r="PHY26" s="8"/>
      <c r="PHZ26" s="8"/>
      <c r="PIA26" s="8"/>
      <c r="PIB26" s="8"/>
      <c r="PIC26" s="8"/>
      <c r="PID26" s="8"/>
      <c r="PIE26" s="8"/>
      <c r="PIF26" s="8"/>
      <c r="PIG26" s="8"/>
      <c r="PIH26" s="8"/>
      <c r="PII26" s="8"/>
      <c r="PIJ26" s="8"/>
      <c r="PIK26" s="8"/>
      <c r="PIL26" s="8"/>
      <c r="PIM26" s="8"/>
      <c r="PIN26" s="8"/>
      <c r="PIO26" s="8"/>
      <c r="PIP26" s="8"/>
      <c r="PIQ26" s="8"/>
      <c r="PIR26" s="8"/>
      <c r="PIS26" s="8"/>
      <c r="PIT26" s="8"/>
      <c r="PIU26" s="8"/>
      <c r="PIV26" s="8"/>
      <c r="PIW26" s="8"/>
      <c r="PIX26" s="8"/>
      <c r="PIY26" s="8"/>
      <c r="PIZ26" s="8"/>
      <c r="PJA26" s="8"/>
      <c r="PJB26" s="8"/>
      <c r="PJC26" s="8"/>
      <c r="PJD26" s="8"/>
      <c r="PJE26" s="8"/>
      <c r="PJF26" s="8"/>
      <c r="PJG26" s="8"/>
      <c r="PJH26" s="8"/>
      <c r="PJI26" s="8"/>
      <c r="PJJ26" s="8"/>
      <c r="PJK26" s="8"/>
      <c r="PJL26" s="8"/>
      <c r="PJM26" s="8"/>
      <c r="PJN26" s="8"/>
      <c r="PJO26" s="8"/>
      <c r="PJP26" s="8"/>
      <c r="PJQ26" s="8"/>
      <c r="PJR26" s="8"/>
      <c r="PJS26" s="8"/>
      <c r="PJT26" s="8"/>
      <c r="PJU26" s="8"/>
      <c r="PJV26" s="8"/>
      <c r="PJW26" s="8"/>
      <c r="PJX26" s="8"/>
      <c r="PJY26" s="8"/>
      <c r="PJZ26" s="8"/>
      <c r="PKA26" s="8"/>
      <c r="PKB26" s="8"/>
      <c r="PKC26" s="8"/>
      <c r="PKD26" s="8"/>
      <c r="PKE26" s="8"/>
      <c r="PKF26" s="8"/>
      <c r="PKG26" s="8"/>
      <c r="PKH26" s="8"/>
      <c r="PKI26" s="8"/>
      <c r="PKJ26" s="8"/>
      <c r="PKK26" s="8"/>
      <c r="PKL26" s="8"/>
      <c r="PKM26" s="8"/>
      <c r="PKN26" s="8"/>
      <c r="PKO26" s="8"/>
      <c r="PKP26" s="8"/>
      <c r="PKQ26" s="8"/>
      <c r="PKR26" s="8"/>
      <c r="PKS26" s="8"/>
      <c r="PKT26" s="8"/>
      <c r="PKU26" s="8"/>
      <c r="PKV26" s="8"/>
      <c r="PKW26" s="8"/>
      <c r="PKX26" s="8"/>
      <c r="PKY26" s="8"/>
      <c r="PKZ26" s="8"/>
      <c r="PLA26" s="8"/>
      <c r="PLB26" s="8"/>
      <c r="PLC26" s="8"/>
      <c r="PLD26" s="8"/>
      <c r="PLE26" s="8"/>
      <c r="PLF26" s="8"/>
      <c r="PLG26" s="8"/>
      <c r="PLH26" s="8"/>
      <c r="PLI26" s="8"/>
      <c r="PLJ26" s="8"/>
      <c r="PLK26" s="8"/>
      <c r="PLL26" s="8"/>
      <c r="PLM26" s="8"/>
      <c r="PLN26" s="8"/>
      <c r="PLO26" s="8"/>
      <c r="PLP26" s="8"/>
      <c r="PLQ26" s="8"/>
      <c r="PLR26" s="8"/>
      <c r="PLS26" s="8"/>
      <c r="PLT26" s="8"/>
      <c r="PLU26" s="8"/>
      <c r="PLV26" s="8"/>
      <c r="PLW26" s="8"/>
      <c r="PLX26" s="8"/>
      <c r="PLY26" s="8"/>
      <c r="PLZ26" s="8"/>
      <c r="PMA26" s="8"/>
      <c r="PMB26" s="8"/>
      <c r="PMC26" s="8"/>
      <c r="PMD26" s="8"/>
      <c r="PME26" s="8"/>
      <c r="PMF26" s="8"/>
      <c r="PMG26" s="8"/>
      <c r="PMH26" s="8"/>
      <c r="PMI26" s="8"/>
      <c r="PMJ26" s="8"/>
      <c r="PMK26" s="8"/>
      <c r="PML26" s="8"/>
      <c r="PMM26" s="8"/>
      <c r="PMN26" s="8"/>
      <c r="PMO26" s="8"/>
      <c r="PMP26" s="8"/>
      <c r="PMQ26" s="8"/>
      <c r="PMR26" s="8"/>
      <c r="PMS26" s="8"/>
      <c r="PMT26" s="8"/>
      <c r="PMU26" s="8"/>
      <c r="PMV26" s="8"/>
      <c r="PMW26" s="8"/>
      <c r="PMX26" s="8"/>
      <c r="PMY26" s="8"/>
      <c r="PMZ26" s="8"/>
      <c r="PNA26" s="8"/>
      <c r="PNB26" s="8"/>
      <c r="PNC26" s="8"/>
      <c r="PND26" s="8"/>
      <c r="PNE26" s="8"/>
      <c r="PNF26" s="8"/>
      <c r="PNG26" s="8"/>
      <c r="PNH26" s="8"/>
      <c r="PNI26" s="8"/>
      <c r="PNJ26" s="8"/>
      <c r="PNK26" s="8"/>
      <c r="PNL26" s="8"/>
      <c r="PNM26" s="8"/>
      <c r="PNN26" s="8"/>
      <c r="PNO26" s="8"/>
      <c r="PNP26" s="8"/>
      <c r="PNQ26" s="8"/>
      <c r="PNR26" s="8"/>
      <c r="PNS26" s="8"/>
      <c r="PNT26" s="8"/>
      <c r="PNU26" s="8"/>
      <c r="PNV26" s="8"/>
      <c r="PNW26" s="8"/>
      <c r="PNX26" s="8"/>
      <c r="PNY26" s="8"/>
      <c r="PNZ26" s="8"/>
      <c r="POA26" s="8"/>
      <c r="POB26" s="8"/>
      <c r="POC26" s="8"/>
      <c r="POD26" s="8"/>
      <c r="POE26" s="8"/>
      <c r="POF26" s="8"/>
      <c r="POG26" s="8"/>
      <c r="POH26" s="8"/>
      <c r="POI26" s="8"/>
      <c r="POJ26" s="8"/>
      <c r="POK26" s="8"/>
      <c r="POL26" s="8"/>
      <c r="POM26" s="8"/>
      <c r="PON26" s="8"/>
      <c r="POO26" s="8"/>
      <c r="POP26" s="8"/>
      <c r="POQ26" s="8"/>
      <c r="POR26" s="8"/>
      <c r="POS26" s="8"/>
      <c r="POT26" s="8"/>
      <c r="POU26" s="8"/>
      <c r="POV26" s="8"/>
      <c r="POW26" s="8"/>
      <c r="POX26" s="8"/>
      <c r="POY26" s="8"/>
      <c r="POZ26" s="8"/>
      <c r="PPA26" s="8"/>
      <c r="PPB26" s="8"/>
      <c r="PPC26" s="8"/>
      <c r="PPD26" s="8"/>
      <c r="PPE26" s="8"/>
      <c r="PPF26" s="8"/>
      <c r="PPG26" s="8"/>
      <c r="PPH26" s="8"/>
      <c r="PPI26" s="8"/>
      <c r="PPJ26" s="8"/>
      <c r="PPK26" s="8"/>
      <c r="PPL26" s="8"/>
      <c r="PPM26" s="8"/>
      <c r="PPN26" s="8"/>
      <c r="PPO26" s="8"/>
      <c r="PPP26" s="8"/>
      <c r="PPQ26" s="8"/>
      <c r="PPR26" s="8"/>
      <c r="PPS26" s="8"/>
      <c r="PPT26" s="8"/>
      <c r="PPU26" s="8"/>
      <c r="PPV26" s="8"/>
      <c r="PPW26" s="8"/>
      <c r="PPX26" s="8"/>
      <c r="PPY26" s="8"/>
      <c r="PPZ26" s="8"/>
      <c r="PQA26" s="8"/>
      <c r="PQB26" s="8"/>
      <c r="PQC26" s="8"/>
      <c r="PQD26" s="8"/>
      <c r="PQE26" s="8"/>
      <c r="PQF26" s="8"/>
      <c r="PQG26" s="8"/>
      <c r="PQH26" s="8"/>
      <c r="PQI26" s="8"/>
      <c r="PQJ26" s="8"/>
      <c r="PQK26" s="8"/>
      <c r="PQL26" s="8"/>
      <c r="PQM26" s="8"/>
      <c r="PQN26" s="8"/>
      <c r="PQO26" s="8"/>
      <c r="PQP26" s="8"/>
      <c r="PQQ26" s="8"/>
      <c r="PQR26" s="8"/>
      <c r="PQS26" s="8"/>
      <c r="PQT26" s="8"/>
      <c r="PQU26" s="8"/>
      <c r="PQV26" s="8"/>
      <c r="PQW26" s="8"/>
      <c r="PQX26" s="8"/>
      <c r="PQY26" s="8"/>
      <c r="PQZ26" s="8"/>
      <c r="PRA26" s="8"/>
      <c r="PRB26" s="8"/>
      <c r="PRC26" s="8"/>
      <c r="PRD26" s="8"/>
      <c r="PRE26" s="8"/>
      <c r="PRF26" s="8"/>
      <c r="PRG26" s="8"/>
      <c r="PRH26" s="8"/>
      <c r="PRI26" s="8"/>
      <c r="PRJ26" s="8"/>
      <c r="PRK26" s="8"/>
      <c r="PRL26" s="8"/>
      <c r="PRM26" s="8"/>
      <c r="PRN26" s="8"/>
      <c r="PRO26" s="8"/>
      <c r="PRP26" s="8"/>
      <c r="PRQ26" s="8"/>
      <c r="PRR26" s="8"/>
      <c r="PRS26" s="8"/>
      <c r="PRT26" s="8"/>
      <c r="PRU26" s="8"/>
      <c r="PRV26" s="8"/>
      <c r="PRW26" s="8"/>
      <c r="PRX26" s="8"/>
      <c r="PRY26" s="8"/>
      <c r="PRZ26" s="8"/>
      <c r="PSA26" s="8"/>
      <c r="PSB26" s="8"/>
      <c r="PSC26" s="8"/>
      <c r="PSD26" s="8"/>
      <c r="PSE26" s="8"/>
      <c r="PSF26" s="8"/>
      <c r="PSG26" s="8"/>
      <c r="PSH26" s="8"/>
      <c r="PSI26" s="8"/>
      <c r="PSJ26" s="8"/>
      <c r="PSK26" s="8"/>
      <c r="PSL26" s="8"/>
      <c r="PSM26" s="8"/>
      <c r="PSN26" s="8"/>
      <c r="PSO26" s="8"/>
      <c r="PSP26" s="8"/>
      <c r="PSQ26" s="8"/>
      <c r="PSR26" s="8"/>
      <c r="PSS26" s="8"/>
      <c r="PST26" s="8"/>
      <c r="PSU26" s="8"/>
      <c r="PSV26" s="8"/>
      <c r="PSW26" s="8"/>
      <c r="PSX26" s="8"/>
      <c r="PSY26" s="8"/>
      <c r="PSZ26" s="8"/>
      <c r="PTA26" s="8"/>
      <c r="PTB26" s="8"/>
      <c r="PTC26" s="8"/>
      <c r="PTD26" s="8"/>
      <c r="PTE26" s="8"/>
      <c r="PTF26" s="8"/>
      <c r="PTG26" s="8"/>
      <c r="PTH26" s="8"/>
      <c r="PTI26" s="8"/>
      <c r="PTJ26" s="8"/>
      <c r="PTK26" s="8"/>
      <c r="PTL26" s="8"/>
      <c r="PTM26" s="8"/>
      <c r="PTN26" s="8"/>
      <c r="PTO26" s="8"/>
      <c r="PTP26" s="8"/>
      <c r="PTQ26" s="8"/>
      <c r="PTR26" s="8"/>
      <c r="PTS26" s="8"/>
      <c r="PTT26" s="8"/>
      <c r="PTU26" s="8"/>
      <c r="PTV26" s="8"/>
      <c r="PTW26" s="8"/>
      <c r="PTX26" s="8"/>
      <c r="PTY26" s="8"/>
      <c r="PTZ26" s="8"/>
      <c r="PUA26" s="8"/>
      <c r="PUB26" s="8"/>
      <c r="PUC26" s="8"/>
      <c r="PUD26" s="8"/>
      <c r="PUE26" s="8"/>
      <c r="PUF26" s="8"/>
      <c r="PUG26" s="8"/>
      <c r="PUH26" s="8"/>
      <c r="PUI26" s="8"/>
      <c r="PUJ26" s="8"/>
      <c r="PUK26" s="8"/>
      <c r="PUL26" s="8"/>
      <c r="PUM26" s="8"/>
      <c r="PUN26" s="8"/>
      <c r="PUO26" s="8"/>
      <c r="PUP26" s="8"/>
      <c r="PUQ26" s="8"/>
      <c r="PUR26" s="8"/>
      <c r="PUS26" s="8"/>
      <c r="PUT26" s="8"/>
      <c r="PUU26" s="8"/>
      <c r="PUV26" s="8"/>
      <c r="PUW26" s="8"/>
      <c r="PUX26" s="8"/>
      <c r="PUY26" s="8"/>
      <c r="PUZ26" s="8"/>
      <c r="PVA26" s="8"/>
      <c r="PVB26" s="8"/>
      <c r="PVC26" s="8"/>
      <c r="PVD26" s="8"/>
      <c r="PVE26" s="8"/>
      <c r="PVF26" s="8"/>
      <c r="PVG26" s="8"/>
      <c r="PVH26" s="8"/>
      <c r="PVI26" s="8"/>
      <c r="PVJ26" s="8"/>
      <c r="PVK26" s="8"/>
      <c r="PVL26" s="8"/>
      <c r="PVM26" s="8"/>
      <c r="PVN26" s="8"/>
      <c r="PVO26" s="8"/>
      <c r="PVP26" s="8"/>
      <c r="PVQ26" s="8"/>
      <c r="PVR26" s="8"/>
      <c r="PVS26" s="8"/>
      <c r="PVT26" s="8"/>
      <c r="PVU26" s="8"/>
      <c r="PVV26" s="8"/>
      <c r="PVW26" s="8"/>
      <c r="PVX26" s="8"/>
      <c r="PVY26" s="8"/>
      <c r="PVZ26" s="8"/>
      <c r="PWA26" s="8"/>
      <c r="PWB26" s="8"/>
      <c r="PWC26" s="8"/>
      <c r="PWD26" s="8"/>
      <c r="PWE26" s="8"/>
      <c r="PWF26" s="8"/>
      <c r="PWG26" s="8"/>
      <c r="PWH26" s="8"/>
      <c r="PWI26" s="8"/>
      <c r="PWJ26" s="8"/>
      <c r="PWK26" s="8"/>
      <c r="PWL26" s="8"/>
      <c r="PWM26" s="8"/>
      <c r="PWN26" s="8"/>
      <c r="PWO26" s="8"/>
      <c r="PWP26" s="8"/>
      <c r="PWQ26" s="8"/>
      <c r="PWR26" s="8"/>
      <c r="PWS26" s="8"/>
      <c r="PWT26" s="8"/>
      <c r="PWU26" s="8"/>
      <c r="PWV26" s="8"/>
      <c r="PWW26" s="8"/>
      <c r="PWX26" s="8"/>
      <c r="PWY26" s="8"/>
      <c r="PWZ26" s="8"/>
      <c r="PXA26" s="8"/>
      <c r="PXB26" s="8"/>
      <c r="PXC26" s="8"/>
      <c r="PXD26" s="8"/>
      <c r="PXE26" s="8"/>
      <c r="PXF26" s="8"/>
      <c r="PXG26" s="8"/>
      <c r="PXH26" s="8"/>
      <c r="PXI26" s="8"/>
      <c r="PXJ26" s="8"/>
      <c r="PXK26" s="8"/>
      <c r="PXL26" s="8"/>
      <c r="PXM26" s="8"/>
      <c r="PXN26" s="8"/>
      <c r="PXO26" s="8"/>
      <c r="PXP26" s="8"/>
      <c r="PXQ26" s="8"/>
      <c r="PXR26" s="8"/>
      <c r="PXS26" s="8"/>
      <c r="PXT26" s="8"/>
      <c r="PXU26" s="8"/>
      <c r="PXV26" s="8"/>
      <c r="PXW26" s="8"/>
      <c r="PXX26" s="8"/>
      <c r="PXY26" s="8"/>
      <c r="PXZ26" s="8"/>
      <c r="PYA26" s="8"/>
      <c r="PYB26" s="8"/>
      <c r="PYC26" s="8"/>
      <c r="PYD26" s="8"/>
      <c r="PYE26" s="8"/>
      <c r="PYF26" s="8"/>
      <c r="PYG26" s="8"/>
      <c r="PYH26" s="8"/>
      <c r="PYI26" s="8"/>
      <c r="PYJ26" s="8"/>
      <c r="PYK26" s="8"/>
      <c r="PYL26" s="8"/>
      <c r="PYM26" s="8"/>
      <c r="PYN26" s="8"/>
      <c r="PYO26" s="8"/>
      <c r="PYP26" s="8"/>
      <c r="PYQ26" s="8"/>
      <c r="PYR26" s="8"/>
      <c r="PYS26" s="8"/>
      <c r="PYT26" s="8"/>
      <c r="PYU26" s="8"/>
      <c r="PYV26" s="8"/>
      <c r="PYW26" s="8"/>
      <c r="PYX26" s="8"/>
      <c r="PYY26" s="8"/>
      <c r="PYZ26" s="8"/>
      <c r="PZA26" s="8"/>
      <c r="PZB26" s="8"/>
      <c r="PZC26" s="8"/>
      <c r="PZD26" s="8"/>
      <c r="PZE26" s="8"/>
      <c r="PZF26" s="8"/>
      <c r="PZG26" s="8"/>
      <c r="PZH26" s="8"/>
      <c r="PZI26" s="8"/>
      <c r="PZJ26" s="8"/>
      <c r="PZK26" s="8"/>
      <c r="PZL26" s="8"/>
      <c r="PZM26" s="8"/>
      <c r="PZN26" s="8"/>
      <c r="PZO26" s="8"/>
      <c r="PZP26" s="8"/>
      <c r="PZQ26" s="8"/>
      <c r="PZR26" s="8"/>
      <c r="PZS26" s="8"/>
      <c r="PZT26" s="8"/>
      <c r="PZU26" s="8"/>
      <c r="PZV26" s="8"/>
      <c r="PZW26" s="8"/>
      <c r="PZX26" s="8"/>
      <c r="PZY26" s="8"/>
      <c r="PZZ26" s="8"/>
      <c r="QAA26" s="8"/>
      <c r="QAB26" s="8"/>
      <c r="QAC26" s="8"/>
      <c r="QAD26" s="8"/>
      <c r="QAE26" s="8"/>
      <c r="QAF26" s="8"/>
      <c r="QAG26" s="8"/>
      <c r="QAH26" s="8"/>
      <c r="QAI26" s="8"/>
      <c r="QAJ26" s="8"/>
      <c r="QAK26" s="8"/>
      <c r="QAL26" s="8"/>
      <c r="QAM26" s="8"/>
      <c r="QAN26" s="8"/>
      <c r="QAO26" s="8"/>
      <c r="QAP26" s="8"/>
      <c r="QAQ26" s="8"/>
      <c r="QAR26" s="8"/>
      <c r="QAS26" s="8"/>
      <c r="QAT26" s="8"/>
      <c r="QAU26" s="8"/>
      <c r="QAV26" s="8"/>
      <c r="QAW26" s="8"/>
      <c r="QAX26" s="8"/>
      <c r="QAY26" s="8"/>
      <c r="QAZ26" s="8"/>
      <c r="QBA26" s="8"/>
      <c r="QBB26" s="8"/>
      <c r="QBC26" s="8"/>
      <c r="QBD26" s="8"/>
      <c r="QBE26" s="8"/>
      <c r="QBF26" s="8"/>
      <c r="QBG26" s="8"/>
      <c r="QBH26" s="8"/>
      <c r="QBI26" s="8"/>
      <c r="QBJ26" s="8"/>
      <c r="QBK26" s="8"/>
      <c r="QBL26" s="8"/>
      <c r="QBM26" s="8"/>
      <c r="QBN26" s="8"/>
      <c r="QBO26" s="8"/>
      <c r="QBP26" s="8"/>
      <c r="QBQ26" s="8"/>
      <c r="QBR26" s="8"/>
      <c r="QBS26" s="8"/>
      <c r="QBT26" s="8"/>
      <c r="QBU26" s="8"/>
      <c r="QBV26" s="8"/>
      <c r="QBW26" s="8"/>
      <c r="QBX26" s="8"/>
      <c r="QBY26" s="8"/>
      <c r="QBZ26" s="8"/>
      <c r="QCA26" s="8"/>
      <c r="QCB26" s="8"/>
      <c r="QCC26" s="8"/>
      <c r="QCD26" s="8"/>
      <c r="QCE26" s="8"/>
      <c r="QCF26" s="8"/>
      <c r="QCG26" s="8"/>
      <c r="QCH26" s="8"/>
      <c r="QCI26" s="8"/>
      <c r="QCJ26" s="8"/>
      <c r="QCK26" s="8"/>
      <c r="QCL26" s="8"/>
      <c r="QCM26" s="8"/>
      <c r="QCN26" s="8"/>
      <c r="QCO26" s="8"/>
      <c r="QCP26" s="8"/>
      <c r="QCQ26" s="8"/>
      <c r="QCR26" s="8"/>
      <c r="QCS26" s="8"/>
      <c r="QCT26" s="8"/>
      <c r="QCU26" s="8"/>
      <c r="QCV26" s="8"/>
      <c r="QCW26" s="8"/>
      <c r="QCX26" s="8"/>
      <c r="QCY26" s="8"/>
      <c r="QCZ26" s="8"/>
      <c r="QDA26" s="8"/>
      <c r="QDB26" s="8"/>
      <c r="QDC26" s="8"/>
      <c r="QDD26" s="8"/>
      <c r="QDE26" s="8"/>
      <c r="QDF26" s="8"/>
      <c r="QDG26" s="8"/>
      <c r="QDH26" s="8"/>
      <c r="QDI26" s="8"/>
      <c r="QDJ26" s="8"/>
      <c r="QDK26" s="8"/>
      <c r="QDL26" s="8"/>
      <c r="QDM26" s="8"/>
      <c r="QDN26" s="8"/>
      <c r="QDO26" s="8"/>
      <c r="QDP26" s="8"/>
      <c r="QDQ26" s="8"/>
      <c r="QDR26" s="8"/>
      <c r="QDS26" s="8"/>
      <c r="QDT26" s="8"/>
      <c r="QDU26" s="8"/>
      <c r="QDV26" s="8"/>
      <c r="QDW26" s="8"/>
      <c r="QDX26" s="8"/>
      <c r="QDY26" s="8"/>
      <c r="QDZ26" s="8"/>
      <c r="QEA26" s="8"/>
      <c r="QEB26" s="8"/>
      <c r="QEC26" s="8"/>
      <c r="QED26" s="8"/>
      <c r="QEE26" s="8"/>
      <c r="QEF26" s="8"/>
      <c r="QEG26" s="8"/>
      <c r="QEH26" s="8"/>
      <c r="QEI26" s="8"/>
      <c r="QEJ26" s="8"/>
      <c r="QEK26" s="8"/>
      <c r="QEL26" s="8"/>
      <c r="QEM26" s="8"/>
      <c r="QEN26" s="8"/>
      <c r="QEO26" s="8"/>
      <c r="QEP26" s="8"/>
      <c r="QEQ26" s="8"/>
      <c r="QER26" s="8"/>
      <c r="QES26" s="8"/>
      <c r="QET26" s="8"/>
      <c r="QEU26" s="8"/>
      <c r="QEV26" s="8"/>
      <c r="QEW26" s="8"/>
      <c r="QEX26" s="8"/>
      <c r="QEY26" s="8"/>
      <c r="QEZ26" s="8"/>
      <c r="QFA26" s="8"/>
      <c r="QFB26" s="8"/>
      <c r="QFC26" s="8"/>
      <c r="QFD26" s="8"/>
      <c r="QFE26" s="8"/>
      <c r="QFF26" s="8"/>
      <c r="QFG26" s="8"/>
      <c r="QFH26" s="8"/>
      <c r="QFI26" s="8"/>
      <c r="QFJ26" s="8"/>
      <c r="QFK26" s="8"/>
      <c r="QFL26" s="8"/>
      <c r="QFM26" s="8"/>
      <c r="QFN26" s="8"/>
      <c r="QFO26" s="8"/>
      <c r="QFP26" s="8"/>
      <c r="QFQ26" s="8"/>
      <c r="QFR26" s="8"/>
      <c r="QFS26" s="8"/>
      <c r="QFT26" s="8"/>
      <c r="QFU26" s="8"/>
      <c r="QFV26" s="8"/>
      <c r="QFW26" s="8"/>
      <c r="QFX26" s="8"/>
      <c r="QFY26" s="8"/>
      <c r="QFZ26" s="8"/>
      <c r="QGA26" s="8"/>
      <c r="QGB26" s="8"/>
      <c r="QGC26" s="8"/>
      <c r="QGD26" s="8"/>
      <c r="QGE26" s="8"/>
      <c r="QGF26" s="8"/>
      <c r="QGG26" s="8"/>
      <c r="QGH26" s="8"/>
      <c r="QGI26" s="8"/>
      <c r="QGJ26" s="8"/>
      <c r="QGK26" s="8"/>
      <c r="QGL26" s="8"/>
      <c r="QGM26" s="8"/>
      <c r="QGN26" s="8"/>
      <c r="QGO26" s="8"/>
      <c r="QGP26" s="8"/>
      <c r="QGQ26" s="8"/>
      <c r="QGR26" s="8"/>
      <c r="QGS26" s="8"/>
      <c r="QGT26" s="8"/>
      <c r="QGU26" s="8"/>
      <c r="QGV26" s="8"/>
      <c r="QGW26" s="8"/>
      <c r="QGX26" s="8"/>
      <c r="QGY26" s="8"/>
      <c r="QGZ26" s="8"/>
      <c r="QHA26" s="8"/>
      <c r="QHB26" s="8"/>
      <c r="QHC26" s="8"/>
      <c r="QHD26" s="8"/>
      <c r="QHE26" s="8"/>
      <c r="QHF26" s="8"/>
      <c r="QHG26" s="8"/>
      <c r="QHH26" s="8"/>
      <c r="QHI26" s="8"/>
      <c r="QHJ26" s="8"/>
      <c r="QHK26" s="8"/>
      <c r="QHL26" s="8"/>
      <c r="QHM26" s="8"/>
      <c r="QHN26" s="8"/>
      <c r="QHO26" s="8"/>
      <c r="QHP26" s="8"/>
      <c r="QHQ26" s="8"/>
      <c r="QHR26" s="8"/>
      <c r="QHS26" s="8"/>
      <c r="QHT26" s="8"/>
      <c r="QHU26" s="8"/>
      <c r="QHV26" s="8"/>
      <c r="QHW26" s="8"/>
      <c r="QHX26" s="8"/>
      <c r="QHY26" s="8"/>
      <c r="QHZ26" s="8"/>
      <c r="QIA26" s="8"/>
      <c r="QIB26" s="8"/>
      <c r="QIC26" s="8"/>
      <c r="QID26" s="8"/>
      <c r="QIE26" s="8"/>
      <c r="QIF26" s="8"/>
      <c r="QIG26" s="8"/>
      <c r="QIH26" s="8"/>
      <c r="QII26" s="8"/>
      <c r="QIJ26" s="8"/>
      <c r="QIK26" s="8"/>
      <c r="QIL26" s="8"/>
      <c r="QIM26" s="8"/>
      <c r="QIN26" s="8"/>
      <c r="QIO26" s="8"/>
      <c r="QIP26" s="8"/>
      <c r="QIQ26" s="8"/>
      <c r="QIR26" s="8"/>
      <c r="QIS26" s="8"/>
      <c r="QIT26" s="8"/>
      <c r="QIU26" s="8"/>
      <c r="QIV26" s="8"/>
      <c r="QIW26" s="8"/>
      <c r="QIX26" s="8"/>
      <c r="QIY26" s="8"/>
      <c r="QIZ26" s="8"/>
      <c r="QJA26" s="8"/>
      <c r="QJB26" s="8"/>
      <c r="QJC26" s="8"/>
      <c r="QJD26" s="8"/>
      <c r="QJE26" s="8"/>
      <c r="QJF26" s="8"/>
      <c r="QJG26" s="8"/>
      <c r="QJH26" s="8"/>
      <c r="QJI26" s="8"/>
      <c r="QJJ26" s="8"/>
      <c r="QJK26" s="8"/>
      <c r="QJL26" s="8"/>
      <c r="QJM26" s="8"/>
      <c r="QJN26" s="8"/>
      <c r="QJO26" s="8"/>
      <c r="QJP26" s="8"/>
      <c r="QJQ26" s="8"/>
      <c r="QJR26" s="8"/>
      <c r="QJS26" s="8"/>
      <c r="QJT26" s="8"/>
      <c r="QJU26" s="8"/>
      <c r="QJV26" s="8"/>
      <c r="QJW26" s="8"/>
      <c r="QJX26" s="8"/>
      <c r="QJY26" s="8"/>
      <c r="QJZ26" s="8"/>
      <c r="QKA26" s="8"/>
      <c r="QKB26" s="8"/>
      <c r="QKC26" s="8"/>
      <c r="QKD26" s="8"/>
      <c r="QKE26" s="8"/>
      <c r="QKF26" s="8"/>
      <c r="QKG26" s="8"/>
      <c r="QKH26" s="8"/>
      <c r="QKI26" s="8"/>
      <c r="QKJ26" s="8"/>
      <c r="QKK26" s="8"/>
      <c r="QKL26" s="8"/>
      <c r="QKM26" s="8"/>
      <c r="QKN26" s="8"/>
      <c r="QKO26" s="8"/>
      <c r="QKP26" s="8"/>
      <c r="QKQ26" s="8"/>
      <c r="QKR26" s="8"/>
      <c r="QKS26" s="8"/>
      <c r="QKT26" s="8"/>
      <c r="QKU26" s="8"/>
      <c r="QKV26" s="8"/>
      <c r="QKW26" s="8"/>
      <c r="QKX26" s="8"/>
      <c r="QKY26" s="8"/>
      <c r="QKZ26" s="8"/>
      <c r="QLA26" s="8"/>
      <c r="QLB26" s="8"/>
      <c r="QLC26" s="8"/>
      <c r="QLD26" s="8"/>
      <c r="QLE26" s="8"/>
      <c r="QLF26" s="8"/>
      <c r="QLG26" s="8"/>
      <c r="QLH26" s="8"/>
      <c r="QLI26" s="8"/>
      <c r="QLJ26" s="8"/>
      <c r="QLK26" s="8"/>
      <c r="QLL26" s="8"/>
      <c r="QLM26" s="8"/>
      <c r="QLN26" s="8"/>
      <c r="QLO26" s="8"/>
      <c r="QLP26" s="8"/>
      <c r="QLQ26" s="8"/>
      <c r="QLR26" s="8"/>
      <c r="QLS26" s="8"/>
      <c r="QLT26" s="8"/>
      <c r="QLU26" s="8"/>
      <c r="QLV26" s="8"/>
      <c r="QLW26" s="8"/>
      <c r="QLX26" s="8"/>
      <c r="QLY26" s="8"/>
      <c r="QLZ26" s="8"/>
      <c r="QMA26" s="8"/>
      <c r="QMB26" s="8"/>
      <c r="QMC26" s="8"/>
      <c r="QMD26" s="8"/>
      <c r="QME26" s="8"/>
      <c r="QMF26" s="8"/>
      <c r="QMG26" s="8"/>
      <c r="QMH26" s="8"/>
      <c r="QMI26" s="8"/>
      <c r="QMJ26" s="8"/>
      <c r="QMK26" s="8"/>
      <c r="QML26" s="8"/>
      <c r="QMM26" s="8"/>
      <c r="QMN26" s="8"/>
      <c r="QMO26" s="8"/>
      <c r="QMP26" s="8"/>
      <c r="QMQ26" s="8"/>
      <c r="QMR26" s="8"/>
      <c r="QMS26" s="8"/>
      <c r="QMT26" s="8"/>
      <c r="QMU26" s="8"/>
      <c r="QMV26" s="8"/>
      <c r="QMW26" s="8"/>
      <c r="QMX26" s="8"/>
      <c r="QMY26" s="8"/>
      <c r="QMZ26" s="8"/>
      <c r="QNA26" s="8"/>
      <c r="QNB26" s="8"/>
      <c r="QNC26" s="8"/>
      <c r="QND26" s="8"/>
      <c r="QNE26" s="8"/>
      <c r="QNF26" s="8"/>
      <c r="QNG26" s="8"/>
      <c r="QNH26" s="8"/>
      <c r="QNI26" s="8"/>
      <c r="QNJ26" s="8"/>
      <c r="QNK26" s="8"/>
      <c r="QNL26" s="8"/>
      <c r="QNM26" s="8"/>
      <c r="QNN26" s="8"/>
      <c r="QNO26" s="8"/>
      <c r="QNP26" s="8"/>
      <c r="QNQ26" s="8"/>
      <c r="QNR26" s="8"/>
      <c r="QNS26" s="8"/>
      <c r="QNT26" s="8"/>
      <c r="QNU26" s="8"/>
      <c r="QNV26" s="8"/>
      <c r="QNW26" s="8"/>
      <c r="QNX26" s="8"/>
      <c r="QNY26" s="8"/>
      <c r="QNZ26" s="8"/>
      <c r="QOA26" s="8"/>
      <c r="QOB26" s="8"/>
      <c r="QOC26" s="8"/>
      <c r="QOD26" s="8"/>
      <c r="QOE26" s="8"/>
      <c r="QOF26" s="8"/>
      <c r="QOG26" s="8"/>
      <c r="QOH26" s="8"/>
      <c r="QOI26" s="8"/>
      <c r="QOJ26" s="8"/>
      <c r="QOK26" s="8"/>
      <c r="QOL26" s="8"/>
      <c r="QOM26" s="8"/>
      <c r="QON26" s="8"/>
      <c r="QOO26" s="8"/>
      <c r="QOP26" s="8"/>
      <c r="QOQ26" s="8"/>
      <c r="QOR26" s="8"/>
      <c r="QOS26" s="8"/>
      <c r="QOT26" s="8"/>
      <c r="QOU26" s="8"/>
      <c r="QOV26" s="8"/>
      <c r="QOW26" s="8"/>
      <c r="QOX26" s="8"/>
      <c r="QOY26" s="8"/>
      <c r="QOZ26" s="8"/>
      <c r="QPA26" s="8"/>
      <c r="QPB26" s="8"/>
      <c r="QPC26" s="8"/>
      <c r="QPD26" s="8"/>
      <c r="QPE26" s="8"/>
      <c r="QPF26" s="8"/>
      <c r="QPG26" s="8"/>
      <c r="QPH26" s="8"/>
      <c r="QPI26" s="8"/>
      <c r="QPJ26" s="8"/>
      <c r="QPK26" s="8"/>
      <c r="QPL26" s="8"/>
      <c r="QPM26" s="8"/>
      <c r="QPN26" s="8"/>
      <c r="QPO26" s="8"/>
      <c r="QPP26" s="8"/>
      <c r="QPQ26" s="8"/>
      <c r="QPR26" s="8"/>
      <c r="QPS26" s="8"/>
      <c r="QPT26" s="8"/>
      <c r="QPU26" s="8"/>
      <c r="QPV26" s="8"/>
      <c r="QPW26" s="8"/>
      <c r="QPX26" s="8"/>
      <c r="QPY26" s="8"/>
      <c r="QPZ26" s="8"/>
      <c r="QQA26" s="8"/>
      <c r="QQB26" s="8"/>
      <c r="QQC26" s="8"/>
      <c r="QQD26" s="8"/>
      <c r="QQE26" s="8"/>
      <c r="QQF26" s="8"/>
      <c r="QQG26" s="8"/>
      <c r="QQH26" s="8"/>
      <c r="QQI26" s="8"/>
      <c r="QQJ26" s="8"/>
      <c r="QQK26" s="8"/>
      <c r="QQL26" s="8"/>
      <c r="QQM26" s="8"/>
      <c r="QQN26" s="8"/>
      <c r="QQO26" s="8"/>
      <c r="QQP26" s="8"/>
      <c r="QQQ26" s="8"/>
      <c r="QQR26" s="8"/>
      <c r="QQS26" s="8"/>
      <c r="QQT26" s="8"/>
      <c r="QQU26" s="8"/>
      <c r="QQV26" s="8"/>
      <c r="QQW26" s="8"/>
      <c r="QQX26" s="8"/>
      <c r="QQY26" s="8"/>
      <c r="QQZ26" s="8"/>
      <c r="QRA26" s="8"/>
      <c r="QRB26" s="8"/>
      <c r="QRC26" s="8"/>
      <c r="QRD26" s="8"/>
      <c r="QRE26" s="8"/>
      <c r="QRF26" s="8"/>
      <c r="QRG26" s="8"/>
      <c r="QRH26" s="8"/>
      <c r="QRI26" s="8"/>
      <c r="QRJ26" s="8"/>
      <c r="QRK26" s="8"/>
      <c r="QRL26" s="8"/>
      <c r="QRM26" s="8"/>
      <c r="QRN26" s="8"/>
      <c r="QRO26" s="8"/>
      <c r="QRP26" s="8"/>
      <c r="QRQ26" s="8"/>
      <c r="QRR26" s="8"/>
      <c r="QRS26" s="8"/>
      <c r="QRT26" s="8"/>
      <c r="QRU26" s="8"/>
      <c r="QRV26" s="8"/>
      <c r="QRW26" s="8"/>
      <c r="QRX26" s="8"/>
      <c r="QRY26" s="8"/>
      <c r="QRZ26" s="8"/>
      <c r="QSA26" s="8"/>
      <c r="QSB26" s="8"/>
      <c r="QSC26" s="8"/>
      <c r="QSD26" s="8"/>
      <c r="QSE26" s="8"/>
      <c r="QSF26" s="8"/>
      <c r="QSG26" s="8"/>
      <c r="QSH26" s="8"/>
      <c r="QSI26" s="8"/>
      <c r="QSJ26" s="8"/>
      <c r="QSK26" s="8"/>
      <c r="QSL26" s="8"/>
      <c r="QSM26" s="8"/>
      <c r="QSN26" s="8"/>
      <c r="QSO26" s="8"/>
      <c r="QSP26" s="8"/>
      <c r="QSQ26" s="8"/>
      <c r="QSR26" s="8"/>
      <c r="QSS26" s="8"/>
      <c r="QST26" s="8"/>
      <c r="QSU26" s="8"/>
      <c r="QSV26" s="8"/>
      <c r="QSW26" s="8"/>
      <c r="QSX26" s="8"/>
      <c r="QSY26" s="8"/>
      <c r="QSZ26" s="8"/>
      <c r="QTA26" s="8"/>
      <c r="QTB26" s="8"/>
      <c r="QTC26" s="8"/>
      <c r="QTD26" s="8"/>
      <c r="QTE26" s="8"/>
      <c r="QTF26" s="8"/>
      <c r="QTG26" s="8"/>
      <c r="QTH26" s="8"/>
      <c r="QTI26" s="8"/>
      <c r="QTJ26" s="8"/>
      <c r="QTK26" s="8"/>
      <c r="QTL26" s="8"/>
      <c r="QTM26" s="8"/>
      <c r="QTN26" s="8"/>
      <c r="QTO26" s="8"/>
      <c r="QTP26" s="8"/>
      <c r="QTQ26" s="8"/>
      <c r="QTR26" s="8"/>
      <c r="QTS26" s="8"/>
      <c r="QTT26" s="8"/>
      <c r="QTU26" s="8"/>
      <c r="QTV26" s="8"/>
      <c r="QTW26" s="8"/>
      <c r="QTX26" s="8"/>
      <c r="QTY26" s="8"/>
      <c r="QTZ26" s="8"/>
      <c r="QUA26" s="8"/>
      <c r="QUB26" s="8"/>
      <c r="QUC26" s="8"/>
      <c r="QUD26" s="8"/>
      <c r="QUE26" s="8"/>
      <c r="QUF26" s="8"/>
      <c r="QUG26" s="8"/>
      <c r="QUH26" s="8"/>
      <c r="QUI26" s="8"/>
      <c r="QUJ26" s="8"/>
      <c r="QUK26" s="8"/>
      <c r="QUL26" s="8"/>
      <c r="QUM26" s="8"/>
      <c r="QUN26" s="8"/>
      <c r="QUO26" s="8"/>
      <c r="QUP26" s="8"/>
      <c r="QUQ26" s="8"/>
      <c r="QUR26" s="8"/>
      <c r="QUS26" s="8"/>
      <c r="QUT26" s="8"/>
      <c r="QUU26" s="8"/>
      <c r="QUV26" s="8"/>
      <c r="QUW26" s="8"/>
      <c r="QUX26" s="8"/>
      <c r="QUY26" s="8"/>
      <c r="QUZ26" s="8"/>
      <c r="QVA26" s="8"/>
      <c r="QVB26" s="8"/>
      <c r="QVC26" s="8"/>
      <c r="QVD26" s="8"/>
      <c r="QVE26" s="8"/>
      <c r="QVF26" s="8"/>
      <c r="QVG26" s="8"/>
      <c r="QVH26" s="8"/>
      <c r="QVI26" s="8"/>
      <c r="QVJ26" s="8"/>
      <c r="QVK26" s="8"/>
      <c r="QVL26" s="8"/>
      <c r="QVM26" s="8"/>
      <c r="QVN26" s="8"/>
      <c r="QVO26" s="8"/>
      <c r="QVP26" s="8"/>
      <c r="QVQ26" s="8"/>
      <c r="QVR26" s="8"/>
      <c r="QVS26" s="8"/>
      <c r="QVT26" s="8"/>
      <c r="QVU26" s="8"/>
      <c r="QVV26" s="8"/>
      <c r="QVW26" s="8"/>
      <c r="QVX26" s="8"/>
      <c r="QVY26" s="8"/>
      <c r="QVZ26" s="8"/>
      <c r="QWA26" s="8"/>
      <c r="QWB26" s="8"/>
      <c r="QWC26" s="8"/>
      <c r="QWD26" s="8"/>
      <c r="QWE26" s="8"/>
      <c r="QWF26" s="8"/>
      <c r="QWG26" s="8"/>
      <c r="QWH26" s="8"/>
      <c r="QWI26" s="8"/>
      <c r="QWJ26" s="8"/>
      <c r="QWK26" s="8"/>
      <c r="QWL26" s="8"/>
      <c r="QWM26" s="8"/>
      <c r="QWN26" s="8"/>
      <c r="QWO26" s="8"/>
      <c r="QWP26" s="8"/>
      <c r="QWQ26" s="8"/>
      <c r="QWR26" s="8"/>
      <c r="QWS26" s="8"/>
      <c r="QWT26" s="8"/>
      <c r="QWU26" s="8"/>
      <c r="QWV26" s="8"/>
      <c r="QWW26" s="8"/>
      <c r="QWX26" s="8"/>
      <c r="QWY26" s="8"/>
      <c r="QWZ26" s="8"/>
      <c r="QXA26" s="8"/>
      <c r="QXB26" s="8"/>
      <c r="QXC26" s="8"/>
      <c r="QXD26" s="8"/>
      <c r="QXE26" s="8"/>
      <c r="QXF26" s="8"/>
      <c r="QXG26" s="8"/>
      <c r="QXH26" s="8"/>
      <c r="QXI26" s="8"/>
      <c r="QXJ26" s="8"/>
      <c r="QXK26" s="8"/>
      <c r="QXL26" s="8"/>
      <c r="QXM26" s="8"/>
      <c r="QXN26" s="8"/>
      <c r="QXO26" s="8"/>
      <c r="QXP26" s="8"/>
      <c r="QXQ26" s="8"/>
      <c r="QXR26" s="8"/>
      <c r="QXS26" s="8"/>
      <c r="QXT26" s="8"/>
      <c r="QXU26" s="8"/>
      <c r="QXV26" s="8"/>
      <c r="QXW26" s="8"/>
      <c r="QXX26" s="8"/>
      <c r="QXY26" s="8"/>
      <c r="QXZ26" s="8"/>
      <c r="QYA26" s="8"/>
      <c r="QYB26" s="8"/>
      <c r="QYC26" s="8"/>
      <c r="QYD26" s="8"/>
      <c r="QYE26" s="8"/>
      <c r="QYF26" s="8"/>
      <c r="QYG26" s="8"/>
      <c r="QYH26" s="8"/>
      <c r="QYI26" s="8"/>
      <c r="QYJ26" s="8"/>
      <c r="QYK26" s="8"/>
      <c r="QYL26" s="8"/>
      <c r="QYM26" s="8"/>
      <c r="QYN26" s="8"/>
      <c r="QYO26" s="8"/>
      <c r="QYP26" s="8"/>
      <c r="QYQ26" s="8"/>
      <c r="QYR26" s="8"/>
      <c r="QYS26" s="8"/>
      <c r="QYT26" s="8"/>
      <c r="QYU26" s="8"/>
      <c r="QYV26" s="8"/>
      <c r="QYW26" s="8"/>
      <c r="QYX26" s="8"/>
      <c r="QYY26" s="8"/>
      <c r="QYZ26" s="8"/>
      <c r="QZA26" s="8"/>
      <c r="QZB26" s="8"/>
      <c r="QZC26" s="8"/>
      <c r="QZD26" s="8"/>
      <c r="QZE26" s="8"/>
      <c r="QZF26" s="8"/>
      <c r="QZG26" s="8"/>
      <c r="QZH26" s="8"/>
      <c r="QZI26" s="8"/>
      <c r="QZJ26" s="8"/>
      <c r="QZK26" s="8"/>
      <c r="QZL26" s="8"/>
      <c r="QZM26" s="8"/>
      <c r="QZN26" s="8"/>
      <c r="QZO26" s="8"/>
      <c r="QZP26" s="8"/>
      <c r="QZQ26" s="8"/>
      <c r="QZR26" s="8"/>
      <c r="QZS26" s="8"/>
      <c r="QZT26" s="8"/>
      <c r="QZU26" s="8"/>
      <c r="QZV26" s="8"/>
      <c r="QZW26" s="8"/>
      <c r="QZX26" s="8"/>
      <c r="QZY26" s="8"/>
      <c r="QZZ26" s="8"/>
      <c r="RAA26" s="8"/>
      <c r="RAB26" s="8"/>
      <c r="RAC26" s="8"/>
      <c r="RAD26" s="8"/>
      <c r="RAE26" s="8"/>
      <c r="RAF26" s="8"/>
      <c r="RAG26" s="8"/>
      <c r="RAH26" s="8"/>
      <c r="RAI26" s="8"/>
      <c r="RAJ26" s="8"/>
      <c r="RAK26" s="8"/>
      <c r="RAL26" s="8"/>
      <c r="RAM26" s="8"/>
      <c r="RAN26" s="8"/>
      <c r="RAO26" s="8"/>
      <c r="RAP26" s="8"/>
      <c r="RAQ26" s="8"/>
      <c r="RAR26" s="8"/>
      <c r="RAS26" s="8"/>
      <c r="RAT26" s="8"/>
      <c r="RAU26" s="8"/>
      <c r="RAV26" s="8"/>
      <c r="RAW26" s="8"/>
      <c r="RAX26" s="8"/>
      <c r="RAY26" s="8"/>
      <c r="RAZ26" s="8"/>
      <c r="RBA26" s="8"/>
      <c r="RBB26" s="8"/>
      <c r="RBC26" s="8"/>
      <c r="RBD26" s="8"/>
      <c r="RBE26" s="8"/>
      <c r="RBF26" s="8"/>
      <c r="RBG26" s="8"/>
      <c r="RBH26" s="8"/>
      <c r="RBI26" s="8"/>
      <c r="RBJ26" s="8"/>
      <c r="RBK26" s="8"/>
      <c r="RBL26" s="8"/>
      <c r="RBM26" s="8"/>
      <c r="RBN26" s="8"/>
      <c r="RBO26" s="8"/>
      <c r="RBP26" s="8"/>
      <c r="RBQ26" s="8"/>
      <c r="RBR26" s="8"/>
      <c r="RBS26" s="8"/>
      <c r="RBT26" s="8"/>
      <c r="RBU26" s="8"/>
      <c r="RBV26" s="8"/>
      <c r="RBW26" s="8"/>
      <c r="RBX26" s="8"/>
      <c r="RBY26" s="8"/>
      <c r="RBZ26" s="8"/>
      <c r="RCA26" s="8"/>
      <c r="RCB26" s="8"/>
      <c r="RCC26" s="8"/>
      <c r="RCD26" s="8"/>
      <c r="RCE26" s="8"/>
      <c r="RCF26" s="8"/>
      <c r="RCG26" s="8"/>
      <c r="RCH26" s="8"/>
      <c r="RCI26" s="8"/>
      <c r="RCJ26" s="8"/>
      <c r="RCK26" s="8"/>
      <c r="RCL26" s="8"/>
      <c r="RCM26" s="8"/>
      <c r="RCN26" s="8"/>
      <c r="RCO26" s="8"/>
      <c r="RCP26" s="8"/>
      <c r="RCQ26" s="8"/>
      <c r="RCR26" s="8"/>
      <c r="RCS26" s="8"/>
      <c r="RCT26" s="8"/>
      <c r="RCU26" s="8"/>
      <c r="RCV26" s="8"/>
      <c r="RCW26" s="8"/>
      <c r="RCX26" s="8"/>
      <c r="RCY26" s="8"/>
      <c r="RCZ26" s="8"/>
      <c r="RDA26" s="8"/>
      <c r="RDB26" s="8"/>
      <c r="RDC26" s="8"/>
      <c r="RDD26" s="8"/>
      <c r="RDE26" s="8"/>
      <c r="RDF26" s="8"/>
      <c r="RDG26" s="8"/>
      <c r="RDH26" s="8"/>
      <c r="RDI26" s="8"/>
      <c r="RDJ26" s="8"/>
      <c r="RDK26" s="8"/>
      <c r="RDL26" s="8"/>
      <c r="RDM26" s="8"/>
      <c r="RDN26" s="8"/>
      <c r="RDO26" s="8"/>
      <c r="RDP26" s="8"/>
      <c r="RDQ26" s="8"/>
      <c r="RDR26" s="8"/>
      <c r="RDS26" s="8"/>
      <c r="RDT26" s="8"/>
      <c r="RDU26" s="8"/>
      <c r="RDV26" s="8"/>
      <c r="RDW26" s="8"/>
      <c r="RDX26" s="8"/>
      <c r="RDY26" s="8"/>
      <c r="RDZ26" s="8"/>
      <c r="REA26" s="8"/>
      <c r="REB26" s="8"/>
      <c r="REC26" s="8"/>
      <c r="RED26" s="8"/>
      <c r="REE26" s="8"/>
      <c r="REF26" s="8"/>
      <c r="REG26" s="8"/>
      <c r="REH26" s="8"/>
      <c r="REI26" s="8"/>
      <c r="REJ26" s="8"/>
      <c r="REK26" s="8"/>
      <c r="REL26" s="8"/>
      <c r="REM26" s="8"/>
      <c r="REN26" s="8"/>
      <c r="REO26" s="8"/>
      <c r="REP26" s="8"/>
      <c r="REQ26" s="8"/>
      <c r="RER26" s="8"/>
      <c r="RES26" s="8"/>
      <c r="RET26" s="8"/>
      <c r="REU26" s="8"/>
      <c r="REV26" s="8"/>
      <c r="REW26" s="8"/>
      <c r="REX26" s="8"/>
      <c r="REY26" s="8"/>
      <c r="REZ26" s="8"/>
      <c r="RFA26" s="8"/>
      <c r="RFB26" s="8"/>
      <c r="RFC26" s="8"/>
      <c r="RFD26" s="8"/>
      <c r="RFE26" s="8"/>
      <c r="RFF26" s="8"/>
      <c r="RFG26" s="8"/>
      <c r="RFH26" s="8"/>
      <c r="RFI26" s="8"/>
      <c r="RFJ26" s="8"/>
      <c r="RFK26" s="8"/>
      <c r="RFL26" s="8"/>
      <c r="RFM26" s="8"/>
      <c r="RFN26" s="8"/>
      <c r="RFO26" s="8"/>
      <c r="RFP26" s="8"/>
      <c r="RFQ26" s="8"/>
      <c r="RFR26" s="8"/>
      <c r="RFS26" s="8"/>
      <c r="RFT26" s="8"/>
      <c r="RFU26" s="8"/>
      <c r="RFV26" s="8"/>
      <c r="RFW26" s="8"/>
      <c r="RFX26" s="8"/>
      <c r="RFY26" s="8"/>
      <c r="RFZ26" s="8"/>
      <c r="RGA26" s="8"/>
      <c r="RGB26" s="8"/>
      <c r="RGC26" s="8"/>
      <c r="RGD26" s="8"/>
      <c r="RGE26" s="8"/>
      <c r="RGF26" s="8"/>
      <c r="RGG26" s="8"/>
      <c r="RGH26" s="8"/>
      <c r="RGI26" s="8"/>
      <c r="RGJ26" s="8"/>
      <c r="RGK26" s="8"/>
      <c r="RGL26" s="8"/>
      <c r="RGM26" s="8"/>
      <c r="RGN26" s="8"/>
      <c r="RGO26" s="8"/>
      <c r="RGP26" s="8"/>
      <c r="RGQ26" s="8"/>
      <c r="RGR26" s="8"/>
      <c r="RGS26" s="8"/>
      <c r="RGT26" s="8"/>
      <c r="RGU26" s="8"/>
      <c r="RGV26" s="8"/>
      <c r="RGW26" s="8"/>
      <c r="RGX26" s="8"/>
      <c r="RGY26" s="8"/>
      <c r="RGZ26" s="8"/>
      <c r="RHA26" s="8"/>
      <c r="RHB26" s="8"/>
      <c r="RHC26" s="8"/>
      <c r="RHD26" s="8"/>
      <c r="RHE26" s="8"/>
      <c r="RHF26" s="8"/>
      <c r="RHG26" s="8"/>
      <c r="RHH26" s="8"/>
      <c r="RHI26" s="8"/>
      <c r="RHJ26" s="8"/>
      <c r="RHK26" s="8"/>
      <c r="RHL26" s="8"/>
      <c r="RHM26" s="8"/>
      <c r="RHN26" s="8"/>
      <c r="RHO26" s="8"/>
      <c r="RHP26" s="8"/>
      <c r="RHQ26" s="8"/>
      <c r="RHR26" s="8"/>
      <c r="RHS26" s="8"/>
      <c r="RHT26" s="8"/>
      <c r="RHU26" s="8"/>
      <c r="RHV26" s="8"/>
      <c r="RHW26" s="8"/>
      <c r="RHX26" s="8"/>
      <c r="RHY26" s="8"/>
      <c r="RHZ26" s="8"/>
      <c r="RIA26" s="8"/>
      <c r="RIB26" s="8"/>
      <c r="RIC26" s="8"/>
      <c r="RID26" s="8"/>
      <c r="RIE26" s="8"/>
      <c r="RIF26" s="8"/>
      <c r="RIG26" s="8"/>
      <c r="RIH26" s="8"/>
      <c r="RII26" s="8"/>
      <c r="RIJ26" s="8"/>
      <c r="RIK26" s="8"/>
      <c r="RIL26" s="8"/>
      <c r="RIM26" s="8"/>
      <c r="RIN26" s="8"/>
      <c r="RIO26" s="8"/>
      <c r="RIP26" s="8"/>
      <c r="RIQ26" s="8"/>
      <c r="RIR26" s="8"/>
      <c r="RIS26" s="8"/>
      <c r="RIT26" s="8"/>
      <c r="RIU26" s="8"/>
      <c r="RIV26" s="8"/>
      <c r="RIW26" s="8"/>
      <c r="RIX26" s="8"/>
      <c r="RIY26" s="8"/>
      <c r="RIZ26" s="8"/>
      <c r="RJA26" s="8"/>
      <c r="RJB26" s="8"/>
      <c r="RJC26" s="8"/>
      <c r="RJD26" s="8"/>
      <c r="RJE26" s="8"/>
      <c r="RJF26" s="8"/>
      <c r="RJG26" s="8"/>
      <c r="RJH26" s="8"/>
      <c r="RJI26" s="8"/>
      <c r="RJJ26" s="8"/>
      <c r="RJK26" s="8"/>
      <c r="RJL26" s="8"/>
      <c r="RJM26" s="8"/>
      <c r="RJN26" s="8"/>
      <c r="RJO26" s="8"/>
      <c r="RJP26" s="8"/>
      <c r="RJQ26" s="8"/>
      <c r="RJR26" s="8"/>
      <c r="RJS26" s="8"/>
      <c r="RJT26" s="8"/>
      <c r="RJU26" s="8"/>
      <c r="RJV26" s="8"/>
      <c r="RJW26" s="8"/>
      <c r="RJX26" s="8"/>
      <c r="RJY26" s="8"/>
      <c r="RJZ26" s="8"/>
      <c r="RKA26" s="8"/>
      <c r="RKB26" s="8"/>
      <c r="RKC26" s="8"/>
      <c r="RKD26" s="8"/>
      <c r="RKE26" s="8"/>
      <c r="RKF26" s="8"/>
      <c r="RKG26" s="8"/>
      <c r="RKH26" s="8"/>
      <c r="RKI26" s="8"/>
      <c r="RKJ26" s="8"/>
      <c r="RKK26" s="8"/>
      <c r="RKL26" s="8"/>
      <c r="RKM26" s="8"/>
      <c r="RKN26" s="8"/>
      <c r="RKO26" s="8"/>
      <c r="RKP26" s="8"/>
      <c r="RKQ26" s="8"/>
      <c r="RKR26" s="8"/>
      <c r="RKS26" s="8"/>
      <c r="RKT26" s="8"/>
      <c r="RKU26" s="8"/>
      <c r="RKV26" s="8"/>
      <c r="RKW26" s="8"/>
      <c r="RKX26" s="8"/>
      <c r="RKY26" s="8"/>
      <c r="RKZ26" s="8"/>
      <c r="RLA26" s="8"/>
      <c r="RLB26" s="8"/>
      <c r="RLC26" s="8"/>
      <c r="RLD26" s="8"/>
      <c r="RLE26" s="8"/>
      <c r="RLF26" s="8"/>
      <c r="RLG26" s="8"/>
      <c r="RLH26" s="8"/>
      <c r="RLI26" s="8"/>
      <c r="RLJ26" s="8"/>
      <c r="RLK26" s="8"/>
      <c r="RLL26" s="8"/>
      <c r="RLM26" s="8"/>
      <c r="RLN26" s="8"/>
      <c r="RLO26" s="8"/>
      <c r="RLP26" s="8"/>
      <c r="RLQ26" s="8"/>
      <c r="RLR26" s="8"/>
      <c r="RLS26" s="8"/>
      <c r="RLT26" s="8"/>
      <c r="RLU26" s="8"/>
      <c r="RLV26" s="8"/>
      <c r="RLW26" s="8"/>
      <c r="RLX26" s="8"/>
      <c r="RLY26" s="8"/>
      <c r="RLZ26" s="8"/>
      <c r="RMA26" s="8"/>
      <c r="RMB26" s="8"/>
      <c r="RMC26" s="8"/>
      <c r="RMD26" s="8"/>
      <c r="RME26" s="8"/>
      <c r="RMF26" s="8"/>
      <c r="RMG26" s="8"/>
      <c r="RMH26" s="8"/>
      <c r="RMI26" s="8"/>
      <c r="RMJ26" s="8"/>
      <c r="RMK26" s="8"/>
      <c r="RML26" s="8"/>
      <c r="RMM26" s="8"/>
      <c r="RMN26" s="8"/>
      <c r="RMO26" s="8"/>
      <c r="RMP26" s="8"/>
      <c r="RMQ26" s="8"/>
      <c r="RMR26" s="8"/>
      <c r="RMS26" s="8"/>
      <c r="RMT26" s="8"/>
      <c r="RMU26" s="8"/>
      <c r="RMV26" s="8"/>
      <c r="RMW26" s="8"/>
      <c r="RMX26" s="8"/>
      <c r="RMY26" s="8"/>
      <c r="RMZ26" s="8"/>
      <c r="RNA26" s="8"/>
      <c r="RNB26" s="8"/>
      <c r="RNC26" s="8"/>
      <c r="RND26" s="8"/>
      <c r="RNE26" s="8"/>
      <c r="RNF26" s="8"/>
      <c r="RNG26" s="8"/>
      <c r="RNH26" s="8"/>
      <c r="RNI26" s="8"/>
      <c r="RNJ26" s="8"/>
      <c r="RNK26" s="8"/>
      <c r="RNL26" s="8"/>
      <c r="RNM26" s="8"/>
      <c r="RNN26" s="8"/>
      <c r="RNO26" s="8"/>
      <c r="RNP26" s="8"/>
      <c r="RNQ26" s="8"/>
      <c r="RNR26" s="8"/>
      <c r="RNS26" s="8"/>
      <c r="RNT26" s="8"/>
      <c r="RNU26" s="8"/>
      <c r="RNV26" s="8"/>
      <c r="RNW26" s="8"/>
      <c r="RNX26" s="8"/>
      <c r="RNY26" s="8"/>
      <c r="RNZ26" s="8"/>
      <c r="ROA26" s="8"/>
      <c r="ROB26" s="8"/>
      <c r="ROC26" s="8"/>
      <c r="ROD26" s="8"/>
      <c r="ROE26" s="8"/>
      <c r="ROF26" s="8"/>
      <c r="ROG26" s="8"/>
      <c r="ROH26" s="8"/>
      <c r="ROI26" s="8"/>
      <c r="ROJ26" s="8"/>
      <c r="ROK26" s="8"/>
      <c r="ROL26" s="8"/>
      <c r="ROM26" s="8"/>
      <c r="RON26" s="8"/>
      <c r="ROO26" s="8"/>
      <c r="ROP26" s="8"/>
      <c r="ROQ26" s="8"/>
      <c r="ROR26" s="8"/>
      <c r="ROS26" s="8"/>
      <c r="ROT26" s="8"/>
      <c r="ROU26" s="8"/>
      <c r="ROV26" s="8"/>
      <c r="ROW26" s="8"/>
      <c r="ROX26" s="8"/>
      <c r="ROY26" s="8"/>
      <c r="ROZ26" s="8"/>
      <c r="RPA26" s="8"/>
      <c r="RPB26" s="8"/>
      <c r="RPC26" s="8"/>
      <c r="RPD26" s="8"/>
      <c r="RPE26" s="8"/>
      <c r="RPF26" s="8"/>
      <c r="RPG26" s="8"/>
      <c r="RPH26" s="8"/>
      <c r="RPI26" s="8"/>
      <c r="RPJ26" s="8"/>
      <c r="RPK26" s="8"/>
      <c r="RPL26" s="8"/>
      <c r="RPM26" s="8"/>
      <c r="RPN26" s="8"/>
      <c r="RPO26" s="8"/>
      <c r="RPP26" s="8"/>
      <c r="RPQ26" s="8"/>
      <c r="RPR26" s="8"/>
      <c r="RPS26" s="8"/>
      <c r="RPT26" s="8"/>
      <c r="RPU26" s="8"/>
      <c r="RPV26" s="8"/>
      <c r="RPW26" s="8"/>
      <c r="RPX26" s="8"/>
      <c r="RPY26" s="8"/>
      <c r="RPZ26" s="8"/>
      <c r="RQA26" s="8"/>
      <c r="RQB26" s="8"/>
      <c r="RQC26" s="8"/>
      <c r="RQD26" s="8"/>
      <c r="RQE26" s="8"/>
      <c r="RQF26" s="8"/>
      <c r="RQG26" s="8"/>
      <c r="RQH26" s="8"/>
      <c r="RQI26" s="8"/>
      <c r="RQJ26" s="8"/>
      <c r="RQK26" s="8"/>
      <c r="RQL26" s="8"/>
      <c r="RQM26" s="8"/>
      <c r="RQN26" s="8"/>
      <c r="RQO26" s="8"/>
      <c r="RQP26" s="8"/>
      <c r="RQQ26" s="8"/>
      <c r="RQR26" s="8"/>
      <c r="RQS26" s="8"/>
      <c r="RQT26" s="8"/>
      <c r="RQU26" s="8"/>
      <c r="RQV26" s="8"/>
      <c r="RQW26" s="8"/>
      <c r="RQX26" s="8"/>
      <c r="RQY26" s="8"/>
      <c r="RQZ26" s="8"/>
      <c r="RRA26" s="8"/>
      <c r="RRB26" s="8"/>
      <c r="RRC26" s="8"/>
      <c r="RRD26" s="8"/>
      <c r="RRE26" s="8"/>
      <c r="RRF26" s="8"/>
      <c r="RRG26" s="8"/>
      <c r="RRH26" s="8"/>
      <c r="RRI26" s="8"/>
      <c r="RRJ26" s="8"/>
      <c r="RRK26" s="8"/>
      <c r="RRL26" s="8"/>
      <c r="RRM26" s="8"/>
      <c r="RRN26" s="8"/>
      <c r="RRO26" s="8"/>
      <c r="RRP26" s="8"/>
      <c r="RRQ26" s="8"/>
      <c r="RRR26" s="8"/>
      <c r="RRS26" s="8"/>
      <c r="RRT26" s="8"/>
      <c r="RRU26" s="8"/>
      <c r="RRV26" s="8"/>
      <c r="RRW26" s="8"/>
      <c r="RRX26" s="8"/>
      <c r="RRY26" s="8"/>
      <c r="RRZ26" s="8"/>
      <c r="RSA26" s="8"/>
      <c r="RSB26" s="8"/>
      <c r="RSC26" s="8"/>
      <c r="RSD26" s="8"/>
      <c r="RSE26" s="8"/>
      <c r="RSF26" s="8"/>
      <c r="RSG26" s="8"/>
      <c r="RSH26" s="8"/>
      <c r="RSI26" s="8"/>
      <c r="RSJ26" s="8"/>
      <c r="RSK26" s="8"/>
      <c r="RSL26" s="8"/>
      <c r="RSM26" s="8"/>
      <c r="RSN26" s="8"/>
      <c r="RSO26" s="8"/>
      <c r="RSP26" s="8"/>
      <c r="RSQ26" s="8"/>
      <c r="RSR26" s="8"/>
      <c r="RSS26" s="8"/>
      <c r="RST26" s="8"/>
      <c r="RSU26" s="8"/>
      <c r="RSV26" s="8"/>
      <c r="RSW26" s="8"/>
      <c r="RSX26" s="8"/>
      <c r="RSY26" s="8"/>
      <c r="RSZ26" s="8"/>
      <c r="RTA26" s="8"/>
      <c r="RTB26" s="8"/>
      <c r="RTC26" s="8"/>
      <c r="RTD26" s="8"/>
      <c r="RTE26" s="8"/>
      <c r="RTF26" s="8"/>
      <c r="RTG26" s="8"/>
      <c r="RTH26" s="8"/>
      <c r="RTI26" s="8"/>
      <c r="RTJ26" s="8"/>
      <c r="RTK26" s="8"/>
      <c r="RTL26" s="8"/>
      <c r="RTM26" s="8"/>
      <c r="RTN26" s="8"/>
      <c r="RTO26" s="8"/>
      <c r="RTP26" s="8"/>
      <c r="RTQ26" s="8"/>
      <c r="RTR26" s="8"/>
      <c r="RTS26" s="8"/>
      <c r="RTT26" s="8"/>
      <c r="RTU26" s="8"/>
      <c r="RTV26" s="8"/>
      <c r="RTW26" s="8"/>
      <c r="RTX26" s="8"/>
      <c r="RTY26" s="8"/>
      <c r="RTZ26" s="8"/>
      <c r="RUA26" s="8"/>
      <c r="RUB26" s="8"/>
      <c r="RUC26" s="8"/>
      <c r="RUD26" s="8"/>
      <c r="RUE26" s="8"/>
      <c r="RUF26" s="8"/>
      <c r="RUG26" s="8"/>
      <c r="RUH26" s="8"/>
      <c r="RUI26" s="8"/>
      <c r="RUJ26" s="8"/>
      <c r="RUK26" s="8"/>
      <c r="RUL26" s="8"/>
      <c r="RUM26" s="8"/>
      <c r="RUN26" s="8"/>
      <c r="RUO26" s="8"/>
      <c r="RUP26" s="8"/>
      <c r="RUQ26" s="8"/>
      <c r="RUR26" s="8"/>
      <c r="RUS26" s="8"/>
      <c r="RUT26" s="8"/>
      <c r="RUU26" s="8"/>
      <c r="RUV26" s="8"/>
      <c r="RUW26" s="8"/>
      <c r="RUX26" s="8"/>
      <c r="RUY26" s="8"/>
      <c r="RUZ26" s="8"/>
      <c r="RVA26" s="8"/>
      <c r="RVB26" s="8"/>
      <c r="RVC26" s="8"/>
      <c r="RVD26" s="8"/>
      <c r="RVE26" s="8"/>
      <c r="RVF26" s="8"/>
      <c r="RVG26" s="8"/>
      <c r="RVH26" s="8"/>
      <c r="RVI26" s="8"/>
      <c r="RVJ26" s="8"/>
      <c r="RVK26" s="8"/>
      <c r="RVL26" s="8"/>
      <c r="RVM26" s="8"/>
      <c r="RVN26" s="8"/>
      <c r="RVO26" s="8"/>
      <c r="RVP26" s="8"/>
      <c r="RVQ26" s="8"/>
      <c r="RVR26" s="8"/>
      <c r="RVS26" s="8"/>
      <c r="RVT26" s="8"/>
      <c r="RVU26" s="8"/>
      <c r="RVV26" s="8"/>
      <c r="RVW26" s="8"/>
      <c r="RVX26" s="8"/>
      <c r="RVY26" s="8"/>
      <c r="RVZ26" s="8"/>
      <c r="RWA26" s="8"/>
      <c r="RWB26" s="8"/>
      <c r="RWC26" s="8"/>
      <c r="RWD26" s="8"/>
      <c r="RWE26" s="8"/>
      <c r="RWF26" s="8"/>
      <c r="RWG26" s="8"/>
      <c r="RWH26" s="8"/>
      <c r="RWI26" s="8"/>
      <c r="RWJ26" s="8"/>
      <c r="RWK26" s="8"/>
      <c r="RWL26" s="8"/>
      <c r="RWM26" s="8"/>
      <c r="RWN26" s="8"/>
      <c r="RWO26" s="8"/>
      <c r="RWP26" s="8"/>
      <c r="RWQ26" s="8"/>
      <c r="RWR26" s="8"/>
      <c r="RWS26" s="8"/>
      <c r="RWT26" s="8"/>
      <c r="RWU26" s="8"/>
      <c r="RWV26" s="8"/>
      <c r="RWW26" s="8"/>
      <c r="RWX26" s="8"/>
      <c r="RWY26" s="8"/>
      <c r="RWZ26" s="8"/>
      <c r="RXA26" s="8"/>
      <c r="RXB26" s="8"/>
      <c r="RXC26" s="8"/>
      <c r="RXD26" s="8"/>
      <c r="RXE26" s="8"/>
      <c r="RXF26" s="8"/>
      <c r="RXG26" s="8"/>
      <c r="RXH26" s="8"/>
      <c r="RXI26" s="8"/>
      <c r="RXJ26" s="8"/>
      <c r="RXK26" s="8"/>
      <c r="RXL26" s="8"/>
      <c r="RXM26" s="8"/>
      <c r="RXN26" s="8"/>
      <c r="RXO26" s="8"/>
      <c r="RXP26" s="8"/>
      <c r="RXQ26" s="8"/>
      <c r="RXR26" s="8"/>
      <c r="RXS26" s="8"/>
      <c r="RXT26" s="8"/>
      <c r="RXU26" s="8"/>
      <c r="RXV26" s="8"/>
      <c r="RXW26" s="8"/>
      <c r="RXX26" s="8"/>
      <c r="RXY26" s="8"/>
      <c r="RXZ26" s="8"/>
      <c r="RYA26" s="8"/>
      <c r="RYB26" s="8"/>
      <c r="RYC26" s="8"/>
      <c r="RYD26" s="8"/>
      <c r="RYE26" s="8"/>
      <c r="RYF26" s="8"/>
      <c r="RYG26" s="8"/>
      <c r="RYH26" s="8"/>
      <c r="RYI26" s="8"/>
      <c r="RYJ26" s="8"/>
      <c r="RYK26" s="8"/>
      <c r="RYL26" s="8"/>
      <c r="RYM26" s="8"/>
      <c r="RYN26" s="8"/>
      <c r="RYO26" s="8"/>
      <c r="RYP26" s="8"/>
      <c r="RYQ26" s="8"/>
      <c r="RYR26" s="8"/>
      <c r="RYS26" s="8"/>
      <c r="RYT26" s="8"/>
      <c r="RYU26" s="8"/>
      <c r="RYV26" s="8"/>
      <c r="RYW26" s="8"/>
      <c r="RYX26" s="8"/>
      <c r="RYY26" s="8"/>
      <c r="RYZ26" s="8"/>
      <c r="RZA26" s="8"/>
      <c r="RZB26" s="8"/>
      <c r="RZC26" s="8"/>
      <c r="RZD26" s="8"/>
      <c r="RZE26" s="8"/>
      <c r="RZF26" s="8"/>
      <c r="RZG26" s="8"/>
      <c r="RZH26" s="8"/>
      <c r="RZI26" s="8"/>
      <c r="RZJ26" s="8"/>
      <c r="RZK26" s="8"/>
      <c r="RZL26" s="8"/>
      <c r="RZM26" s="8"/>
      <c r="RZN26" s="8"/>
      <c r="RZO26" s="8"/>
      <c r="RZP26" s="8"/>
      <c r="RZQ26" s="8"/>
      <c r="RZR26" s="8"/>
      <c r="RZS26" s="8"/>
      <c r="RZT26" s="8"/>
      <c r="RZU26" s="8"/>
      <c r="RZV26" s="8"/>
      <c r="RZW26" s="8"/>
      <c r="RZX26" s="8"/>
      <c r="RZY26" s="8"/>
      <c r="RZZ26" s="8"/>
      <c r="SAA26" s="8"/>
      <c r="SAB26" s="8"/>
      <c r="SAC26" s="8"/>
      <c r="SAD26" s="8"/>
      <c r="SAE26" s="8"/>
      <c r="SAF26" s="8"/>
      <c r="SAG26" s="8"/>
      <c r="SAH26" s="8"/>
      <c r="SAI26" s="8"/>
      <c r="SAJ26" s="8"/>
      <c r="SAK26" s="8"/>
      <c r="SAL26" s="8"/>
      <c r="SAM26" s="8"/>
      <c r="SAN26" s="8"/>
      <c r="SAO26" s="8"/>
      <c r="SAP26" s="8"/>
      <c r="SAQ26" s="8"/>
      <c r="SAR26" s="8"/>
      <c r="SAS26" s="8"/>
      <c r="SAT26" s="8"/>
      <c r="SAU26" s="8"/>
      <c r="SAV26" s="8"/>
      <c r="SAW26" s="8"/>
      <c r="SAX26" s="8"/>
      <c r="SAY26" s="8"/>
      <c r="SAZ26" s="8"/>
      <c r="SBA26" s="8"/>
      <c r="SBB26" s="8"/>
      <c r="SBC26" s="8"/>
      <c r="SBD26" s="8"/>
      <c r="SBE26" s="8"/>
      <c r="SBF26" s="8"/>
      <c r="SBG26" s="8"/>
      <c r="SBH26" s="8"/>
      <c r="SBI26" s="8"/>
      <c r="SBJ26" s="8"/>
      <c r="SBK26" s="8"/>
      <c r="SBL26" s="8"/>
      <c r="SBM26" s="8"/>
      <c r="SBN26" s="8"/>
      <c r="SBO26" s="8"/>
      <c r="SBP26" s="8"/>
      <c r="SBQ26" s="8"/>
      <c r="SBR26" s="8"/>
      <c r="SBS26" s="8"/>
      <c r="SBT26" s="8"/>
      <c r="SBU26" s="8"/>
      <c r="SBV26" s="8"/>
      <c r="SBW26" s="8"/>
      <c r="SBX26" s="8"/>
      <c r="SBY26" s="8"/>
      <c r="SBZ26" s="8"/>
      <c r="SCA26" s="8"/>
      <c r="SCB26" s="8"/>
      <c r="SCC26" s="8"/>
      <c r="SCD26" s="8"/>
      <c r="SCE26" s="8"/>
      <c r="SCF26" s="8"/>
      <c r="SCG26" s="8"/>
      <c r="SCH26" s="8"/>
      <c r="SCI26" s="8"/>
      <c r="SCJ26" s="8"/>
      <c r="SCK26" s="8"/>
      <c r="SCL26" s="8"/>
      <c r="SCM26" s="8"/>
      <c r="SCN26" s="8"/>
      <c r="SCO26" s="8"/>
      <c r="SCP26" s="8"/>
      <c r="SCQ26" s="8"/>
      <c r="SCR26" s="8"/>
      <c r="SCS26" s="8"/>
      <c r="SCT26" s="8"/>
      <c r="SCU26" s="8"/>
      <c r="SCV26" s="8"/>
      <c r="SCW26" s="8"/>
      <c r="SCX26" s="8"/>
      <c r="SCY26" s="8"/>
      <c r="SCZ26" s="8"/>
      <c r="SDA26" s="8"/>
      <c r="SDB26" s="8"/>
      <c r="SDC26" s="8"/>
      <c r="SDD26" s="8"/>
      <c r="SDE26" s="8"/>
      <c r="SDF26" s="8"/>
      <c r="SDG26" s="8"/>
      <c r="SDH26" s="8"/>
      <c r="SDI26" s="8"/>
      <c r="SDJ26" s="8"/>
      <c r="SDK26" s="8"/>
      <c r="SDL26" s="8"/>
      <c r="SDM26" s="8"/>
      <c r="SDN26" s="8"/>
      <c r="SDO26" s="8"/>
      <c r="SDP26" s="8"/>
      <c r="SDQ26" s="8"/>
      <c r="SDR26" s="8"/>
      <c r="SDS26" s="8"/>
      <c r="SDT26" s="8"/>
      <c r="SDU26" s="8"/>
      <c r="SDV26" s="8"/>
      <c r="SDW26" s="8"/>
      <c r="SDX26" s="8"/>
      <c r="SDY26" s="8"/>
      <c r="SDZ26" s="8"/>
      <c r="SEA26" s="8"/>
      <c r="SEB26" s="8"/>
      <c r="SEC26" s="8"/>
      <c r="SED26" s="8"/>
      <c r="SEE26" s="8"/>
      <c r="SEF26" s="8"/>
      <c r="SEG26" s="8"/>
      <c r="SEH26" s="8"/>
      <c r="SEI26" s="8"/>
      <c r="SEJ26" s="8"/>
      <c r="SEK26" s="8"/>
      <c r="SEL26" s="8"/>
      <c r="SEM26" s="8"/>
      <c r="SEN26" s="8"/>
      <c r="SEO26" s="8"/>
      <c r="SEP26" s="8"/>
      <c r="SEQ26" s="8"/>
      <c r="SER26" s="8"/>
      <c r="SES26" s="8"/>
      <c r="SET26" s="8"/>
      <c r="SEU26" s="8"/>
      <c r="SEV26" s="8"/>
      <c r="SEW26" s="8"/>
      <c r="SEX26" s="8"/>
      <c r="SEY26" s="8"/>
      <c r="SEZ26" s="8"/>
      <c r="SFA26" s="8"/>
      <c r="SFB26" s="8"/>
      <c r="SFC26" s="8"/>
      <c r="SFD26" s="8"/>
      <c r="SFE26" s="8"/>
      <c r="SFF26" s="8"/>
      <c r="SFG26" s="8"/>
      <c r="SFH26" s="8"/>
      <c r="SFI26" s="8"/>
      <c r="SFJ26" s="8"/>
      <c r="SFK26" s="8"/>
      <c r="SFL26" s="8"/>
      <c r="SFM26" s="8"/>
      <c r="SFN26" s="8"/>
      <c r="SFO26" s="8"/>
      <c r="SFP26" s="8"/>
      <c r="SFQ26" s="8"/>
      <c r="SFR26" s="8"/>
      <c r="SFS26" s="8"/>
      <c r="SFT26" s="8"/>
      <c r="SFU26" s="8"/>
      <c r="SFV26" s="8"/>
      <c r="SFW26" s="8"/>
      <c r="SFX26" s="8"/>
      <c r="SFY26" s="8"/>
      <c r="SFZ26" s="8"/>
      <c r="SGA26" s="8"/>
      <c r="SGB26" s="8"/>
      <c r="SGC26" s="8"/>
      <c r="SGD26" s="8"/>
      <c r="SGE26" s="8"/>
      <c r="SGF26" s="8"/>
      <c r="SGG26" s="8"/>
      <c r="SGH26" s="8"/>
      <c r="SGI26" s="8"/>
      <c r="SGJ26" s="8"/>
      <c r="SGK26" s="8"/>
      <c r="SGL26" s="8"/>
      <c r="SGM26" s="8"/>
      <c r="SGN26" s="8"/>
      <c r="SGO26" s="8"/>
      <c r="SGP26" s="8"/>
      <c r="SGQ26" s="8"/>
      <c r="SGR26" s="8"/>
      <c r="SGS26" s="8"/>
      <c r="SGT26" s="8"/>
      <c r="SGU26" s="8"/>
      <c r="SGV26" s="8"/>
      <c r="SGW26" s="8"/>
      <c r="SGX26" s="8"/>
      <c r="SGY26" s="8"/>
      <c r="SGZ26" s="8"/>
      <c r="SHA26" s="8"/>
      <c r="SHB26" s="8"/>
      <c r="SHC26" s="8"/>
      <c r="SHD26" s="8"/>
      <c r="SHE26" s="8"/>
      <c r="SHF26" s="8"/>
      <c r="SHG26" s="8"/>
      <c r="SHH26" s="8"/>
      <c r="SHI26" s="8"/>
      <c r="SHJ26" s="8"/>
      <c r="SHK26" s="8"/>
      <c r="SHL26" s="8"/>
      <c r="SHM26" s="8"/>
      <c r="SHN26" s="8"/>
      <c r="SHO26" s="8"/>
      <c r="SHP26" s="8"/>
      <c r="SHQ26" s="8"/>
      <c r="SHR26" s="8"/>
      <c r="SHS26" s="8"/>
      <c r="SHT26" s="8"/>
      <c r="SHU26" s="8"/>
      <c r="SHV26" s="8"/>
      <c r="SHW26" s="8"/>
      <c r="SHX26" s="8"/>
      <c r="SHY26" s="8"/>
      <c r="SHZ26" s="8"/>
      <c r="SIA26" s="8"/>
      <c r="SIB26" s="8"/>
      <c r="SIC26" s="8"/>
      <c r="SID26" s="8"/>
      <c r="SIE26" s="8"/>
      <c r="SIF26" s="8"/>
      <c r="SIG26" s="8"/>
      <c r="SIH26" s="8"/>
      <c r="SII26" s="8"/>
      <c r="SIJ26" s="8"/>
      <c r="SIK26" s="8"/>
      <c r="SIL26" s="8"/>
      <c r="SIM26" s="8"/>
      <c r="SIN26" s="8"/>
      <c r="SIO26" s="8"/>
      <c r="SIP26" s="8"/>
      <c r="SIQ26" s="8"/>
      <c r="SIR26" s="8"/>
      <c r="SIS26" s="8"/>
      <c r="SIT26" s="8"/>
      <c r="SIU26" s="8"/>
      <c r="SIV26" s="8"/>
      <c r="SIW26" s="8"/>
      <c r="SIX26" s="8"/>
      <c r="SIY26" s="8"/>
      <c r="SIZ26" s="8"/>
      <c r="SJA26" s="8"/>
      <c r="SJB26" s="8"/>
      <c r="SJC26" s="8"/>
      <c r="SJD26" s="8"/>
      <c r="SJE26" s="8"/>
      <c r="SJF26" s="8"/>
      <c r="SJG26" s="8"/>
      <c r="SJH26" s="8"/>
      <c r="SJI26" s="8"/>
      <c r="SJJ26" s="8"/>
      <c r="SJK26" s="8"/>
      <c r="SJL26" s="8"/>
      <c r="SJM26" s="8"/>
      <c r="SJN26" s="8"/>
      <c r="SJO26" s="8"/>
      <c r="SJP26" s="8"/>
      <c r="SJQ26" s="8"/>
      <c r="SJR26" s="8"/>
      <c r="SJS26" s="8"/>
      <c r="SJT26" s="8"/>
      <c r="SJU26" s="8"/>
      <c r="SJV26" s="8"/>
      <c r="SJW26" s="8"/>
      <c r="SJX26" s="8"/>
      <c r="SJY26" s="8"/>
      <c r="SJZ26" s="8"/>
      <c r="SKA26" s="8"/>
      <c r="SKB26" s="8"/>
      <c r="SKC26" s="8"/>
      <c r="SKD26" s="8"/>
      <c r="SKE26" s="8"/>
      <c r="SKF26" s="8"/>
      <c r="SKG26" s="8"/>
      <c r="SKH26" s="8"/>
      <c r="SKI26" s="8"/>
      <c r="SKJ26" s="8"/>
      <c r="SKK26" s="8"/>
      <c r="SKL26" s="8"/>
      <c r="SKM26" s="8"/>
      <c r="SKN26" s="8"/>
      <c r="SKO26" s="8"/>
      <c r="SKP26" s="8"/>
      <c r="SKQ26" s="8"/>
      <c r="SKR26" s="8"/>
      <c r="SKS26" s="8"/>
      <c r="SKT26" s="8"/>
      <c r="SKU26" s="8"/>
      <c r="SKV26" s="8"/>
      <c r="SKW26" s="8"/>
      <c r="SKX26" s="8"/>
      <c r="SKY26" s="8"/>
      <c r="SKZ26" s="8"/>
      <c r="SLA26" s="8"/>
      <c r="SLB26" s="8"/>
      <c r="SLC26" s="8"/>
      <c r="SLD26" s="8"/>
      <c r="SLE26" s="8"/>
      <c r="SLF26" s="8"/>
      <c r="SLG26" s="8"/>
      <c r="SLH26" s="8"/>
      <c r="SLI26" s="8"/>
      <c r="SLJ26" s="8"/>
      <c r="SLK26" s="8"/>
      <c r="SLL26" s="8"/>
      <c r="SLM26" s="8"/>
      <c r="SLN26" s="8"/>
      <c r="SLO26" s="8"/>
      <c r="SLP26" s="8"/>
      <c r="SLQ26" s="8"/>
      <c r="SLR26" s="8"/>
      <c r="SLS26" s="8"/>
      <c r="SLT26" s="8"/>
      <c r="SLU26" s="8"/>
      <c r="SLV26" s="8"/>
      <c r="SLW26" s="8"/>
      <c r="SLX26" s="8"/>
      <c r="SLY26" s="8"/>
      <c r="SLZ26" s="8"/>
      <c r="SMA26" s="8"/>
      <c r="SMB26" s="8"/>
      <c r="SMC26" s="8"/>
      <c r="SMD26" s="8"/>
      <c r="SME26" s="8"/>
      <c r="SMF26" s="8"/>
      <c r="SMG26" s="8"/>
      <c r="SMH26" s="8"/>
      <c r="SMI26" s="8"/>
      <c r="SMJ26" s="8"/>
      <c r="SMK26" s="8"/>
      <c r="SML26" s="8"/>
      <c r="SMM26" s="8"/>
      <c r="SMN26" s="8"/>
      <c r="SMO26" s="8"/>
      <c r="SMP26" s="8"/>
      <c r="SMQ26" s="8"/>
      <c r="SMR26" s="8"/>
      <c r="SMS26" s="8"/>
      <c r="SMT26" s="8"/>
      <c r="SMU26" s="8"/>
      <c r="SMV26" s="8"/>
      <c r="SMW26" s="8"/>
      <c r="SMX26" s="8"/>
      <c r="SMY26" s="8"/>
      <c r="SMZ26" s="8"/>
      <c r="SNA26" s="8"/>
      <c r="SNB26" s="8"/>
      <c r="SNC26" s="8"/>
      <c r="SND26" s="8"/>
      <c r="SNE26" s="8"/>
      <c r="SNF26" s="8"/>
      <c r="SNG26" s="8"/>
      <c r="SNH26" s="8"/>
      <c r="SNI26" s="8"/>
      <c r="SNJ26" s="8"/>
      <c r="SNK26" s="8"/>
      <c r="SNL26" s="8"/>
      <c r="SNM26" s="8"/>
      <c r="SNN26" s="8"/>
      <c r="SNO26" s="8"/>
      <c r="SNP26" s="8"/>
      <c r="SNQ26" s="8"/>
      <c r="SNR26" s="8"/>
      <c r="SNS26" s="8"/>
      <c r="SNT26" s="8"/>
      <c r="SNU26" s="8"/>
      <c r="SNV26" s="8"/>
      <c r="SNW26" s="8"/>
      <c r="SNX26" s="8"/>
      <c r="SNY26" s="8"/>
      <c r="SNZ26" s="8"/>
      <c r="SOA26" s="8"/>
      <c r="SOB26" s="8"/>
      <c r="SOC26" s="8"/>
      <c r="SOD26" s="8"/>
      <c r="SOE26" s="8"/>
      <c r="SOF26" s="8"/>
      <c r="SOG26" s="8"/>
      <c r="SOH26" s="8"/>
      <c r="SOI26" s="8"/>
      <c r="SOJ26" s="8"/>
      <c r="SOK26" s="8"/>
      <c r="SOL26" s="8"/>
      <c r="SOM26" s="8"/>
      <c r="SON26" s="8"/>
      <c r="SOO26" s="8"/>
      <c r="SOP26" s="8"/>
      <c r="SOQ26" s="8"/>
      <c r="SOR26" s="8"/>
      <c r="SOS26" s="8"/>
      <c r="SOT26" s="8"/>
      <c r="SOU26" s="8"/>
      <c r="SOV26" s="8"/>
      <c r="SOW26" s="8"/>
      <c r="SOX26" s="8"/>
      <c r="SOY26" s="8"/>
      <c r="SOZ26" s="8"/>
      <c r="SPA26" s="8"/>
      <c r="SPB26" s="8"/>
      <c r="SPC26" s="8"/>
      <c r="SPD26" s="8"/>
      <c r="SPE26" s="8"/>
      <c r="SPF26" s="8"/>
      <c r="SPG26" s="8"/>
      <c r="SPH26" s="8"/>
      <c r="SPI26" s="8"/>
      <c r="SPJ26" s="8"/>
      <c r="SPK26" s="8"/>
      <c r="SPL26" s="8"/>
      <c r="SPM26" s="8"/>
      <c r="SPN26" s="8"/>
      <c r="SPO26" s="8"/>
      <c r="SPP26" s="8"/>
      <c r="SPQ26" s="8"/>
      <c r="SPR26" s="8"/>
      <c r="SPS26" s="8"/>
      <c r="SPT26" s="8"/>
      <c r="SPU26" s="8"/>
      <c r="SPV26" s="8"/>
      <c r="SPW26" s="8"/>
      <c r="SPX26" s="8"/>
      <c r="SPY26" s="8"/>
      <c r="SPZ26" s="8"/>
      <c r="SQA26" s="8"/>
      <c r="SQB26" s="8"/>
      <c r="SQC26" s="8"/>
      <c r="SQD26" s="8"/>
      <c r="SQE26" s="8"/>
      <c r="SQF26" s="8"/>
      <c r="SQG26" s="8"/>
      <c r="SQH26" s="8"/>
      <c r="SQI26" s="8"/>
      <c r="SQJ26" s="8"/>
      <c r="SQK26" s="8"/>
      <c r="SQL26" s="8"/>
      <c r="SQM26" s="8"/>
      <c r="SQN26" s="8"/>
      <c r="SQO26" s="8"/>
      <c r="SQP26" s="8"/>
      <c r="SQQ26" s="8"/>
      <c r="SQR26" s="8"/>
      <c r="SQS26" s="8"/>
      <c r="SQT26" s="8"/>
      <c r="SQU26" s="8"/>
      <c r="SQV26" s="8"/>
      <c r="SQW26" s="8"/>
      <c r="SQX26" s="8"/>
      <c r="SQY26" s="8"/>
      <c r="SQZ26" s="8"/>
      <c r="SRA26" s="8"/>
      <c r="SRB26" s="8"/>
      <c r="SRC26" s="8"/>
      <c r="SRD26" s="8"/>
      <c r="SRE26" s="8"/>
      <c r="SRF26" s="8"/>
      <c r="SRG26" s="8"/>
      <c r="SRH26" s="8"/>
      <c r="SRI26" s="8"/>
      <c r="SRJ26" s="8"/>
      <c r="SRK26" s="8"/>
      <c r="SRL26" s="8"/>
      <c r="SRM26" s="8"/>
      <c r="SRN26" s="8"/>
      <c r="SRO26" s="8"/>
      <c r="SRP26" s="8"/>
      <c r="SRQ26" s="8"/>
      <c r="SRR26" s="8"/>
      <c r="SRS26" s="8"/>
      <c r="SRT26" s="8"/>
      <c r="SRU26" s="8"/>
      <c r="SRV26" s="8"/>
      <c r="SRW26" s="8"/>
      <c r="SRX26" s="8"/>
      <c r="SRY26" s="8"/>
      <c r="SRZ26" s="8"/>
      <c r="SSA26" s="8"/>
      <c r="SSB26" s="8"/>
      <c r="SSC26" s="8"/>
      <c r="SSD26" s="8"/>
      <c r="SSE26" s="8"/>
      <c r="SSF26" s="8"/>
      <c r="SSG26" s="8"/>
      <c r="SSH26" s="8"/>
      <c r="SSI26" s="8"/>
      <c r="SSJ26" s="8"/>
      <c r="SSK26" s="8"/>
      <c r="SSL26" s="8"/>
      <c r="SSM26" s="8"/>
      <c r="SSN26" s="8"/>
      <c r="SSO26" s="8"/>
      <c r="SSP26" s="8"/>
      <c r="SSQ26" s="8"/>
      <c r="SSR26" s="8"/>
      <c r="SSS26" s="8"/>
      <c r="SST26" s="8"/>
      <c r="SSU26" s="8"/>
      <c r="SSV26" s="8"/>
      <c r="SSW26" s="8"/>
      <c r="SSX26" s="8"/>
      <c r="SSY26" s="8"/>
      <c r="SSZ26" s="8"/>
      <c r="STA26" s="8"/>
      <c r="STB26" s="8"/>
      <c r="STC26" s="8"/>
      <c r="STD26" s="8"/>
      <c r="STE26" s="8"/>
      <c r="STF26" s="8"/>
      <c r="STG26" s="8"/>
      <c r="STH26" s="8"/>
      <c r="STI26" s="8"/>
      <c r="STJ26" s="8"/>
      <c r="STK26" s="8"/>
      <c r="STL26" s="8"/>
      <c r="STM26" s="8"/>
      <c r="STN26" s="8"/>
      <c r="STO26" s="8"/>
      <c r="STP26" s="8"/>
      <c r="STQ26" s="8"/>
      <c r="STR26" s="8"/>
      <c r="STS26" s="8"/>
      <c r="STT26" s="8"/>
      <c r="STU26" s="8"/>
      <c r="STV26" s="8"/>
      <c r="STW26" s="8"/>
      <c r="STX26" s="8"/>
      <c r="STY26" s="8"/>
      <c r="STZ26" s="8"/>
      <c r="SUA26" s="8"/>
      <c r="SUB26" s="8"/>
      <c r="SUC26" s="8"/>
      <c r="SUD26" s="8"/>
      <c r="SUE26" s="8"/>
      <c r="SUF26" s="8"/>
      <c r="SUG26" s="8"/>
      <c r="SUH26" s="8"/>
      <c r="SUI26" s="8"/>
      <c r="SUJ26" s="8"/>
      <c r="SUK26" s="8"/>
      <c r="SUL26" s="8"/>
      <c r="SUM26" s="8"/>
      <c r="SUN26" s="8"/>
      <c r="SUO26" s="8"/>
      <c r="SUP26" s="8"/>
      <c r="SUQ26" s="8"/>
      <c r="SUR26" s="8"/>
      <c r="SUS26" s="8"/>
      <c r="SUT26" s="8"/>
      <c r="SUU26" s="8"/>
      <c r="SUV26" s="8"/>
      <c r="SUW26" s="8"/>
      <c r="SUX26" s="8"/>
      <c r="SUY26" s="8"/>
      <c r="SUZ26" s="8"/>
      <c r="SVA26" s="8"/>
      <c r="SVB26" s="8"/>
      <c r="SVC26" s="8"/>
      <c r="SVD26" s="8"/>
      <c r="SVE26" s="8"/>
      <c r="SVF26" s="8"/>
      <c r="SVG26" s="8"/>
      <c r="SVH26" s="8"/>
      <c r="SVI26" s="8"/>
      <c r="SVJ26" s="8"/>
      <c r="SVK26" s="8"/>
      <c r="SVL26" s="8"/>
      <c r="SVM26" s="8"/>
      <c r="SVN26" s="8"/>
      <c r="SVO26" s="8"/>
      <c r="SVP26" s="8"/>
      <c r="SVQ26" s="8"/>
      <c r="SVR26" s="8"/>
      <c r="SVS26" s="8"/>
      <c r="SVT26" s="8"/>
      <c r="SVU26" s="8"/>
      <c r="SVV26" s="8"/>
      <c r="SVW26" s="8"/>
      <c r="SVX26" s="8"/>
      <c r="SVY26" s="8"/>
      <c r="SVZ26" s="8"/>
      <c r="SWA26" s="8"/>
      <c r="SWB26" s="8"/>
      <c r="SWC26" s="8"/>
      <c r="SWD26" s="8"/>
      <c r="SWE26" s="8"/>
      <c r="SWF26" s="8"/>
      <c r="SWG26" s="8"/>
      <c r="SWH26" s="8"/>
      <c r="SWI26" s="8"/>
      <c r="SWJ26" s="8"/>
      <c r="SWK26" s="8"/>
      <c r="SWL26" s="8"/>
      <c r="SWM26" s="8"/>
      <c r="SWN26" s="8"/>
      <c r="SWO26" s="8"/>
      <c r="SWP26" s="8"/>
      <c r="SWQ26" s="8"/>
      <c r="SWR26" s="8"/>
      <c r="SWS26" s="8"/>
      <c r="SWT26" s="8"/>
      <c r="SWU26" s="8"/>
      <c r="SWV26" s="8"/>
      <c r="SWW26" s="8"/>
      <c r="SWX26" s="8"/>
      <c r="SWY26" s="8"/>
      <c r="SWZ26" s="8"/>
      <c r="SXA26" s="8"/>
      <c r="SXB26" s="8"/>
      <c r="SXC26" s="8"/>
      <c r="SXD26" s="8"/>
      <c r="SXE26" s="8"/>
      <c r="SXF26" s="8"/>
      <c r="SXG26" s="8"/>
      <c r="SXH26" s="8"/>
      <c r="SXI26" s="8"/>
      <c r="SXJ26" s="8"/>
      <c r="SXK26" s="8"/>
      <c r="SXL26" s="8"/>
      <c r="SXM26" s="8"/>
      <c r="SXN26" s="8"/>
      <c r="SXO26" s="8"/>
      <c r="SXP26" s="8"/>
      <c r="SXQ26" s="8"/>
      <c r="SXR26" s="8"/>
      <c r="SXS26" s="8"/>
      <c r="SXT26" s="8"/>
      <c r="SXU26" s="8"/>
      <c r="SXV26" s="8"/>
      <c r="SXW26" s="8"/>
      <c r="SXX26" s="8"/>
      <c r="SXY26" s="8"/>
      <c r="SXZ26" s="8"/>
      <c r="SYA26" s="8"/>
      <c r="SYB26" s="8"/>
      <c r="SYC26" s="8"/>
      <c r="SYD26" s="8"/>
      <c r="SYE26" s="8"/>
      <c r="SYF26" s="8"/>
      <c r="SYG26" s="8"/>
      <c r="SYH26" s="8"/>
      <c r="SYI26" s="8"/>
      <c r="SYJ26" s="8"/>
      <c r="SYK26" s="8"/>
      <c r="SYL26" s="8"/>
      <c r="SYM26" s="8"/>
      <c r="SYN26" s="8"/>
      <c r="SYO26" s="8"/>
      <c r="SYP26" s="8"/>
      <c r="SYQ26" s="8"/>
      <c r="SYR26" s="8"/>
      <c r="SYS26" s="8"/>
      <c r="SYT26" s="8"/>
      <c r="SYU26" s="8"/>
      <c r="SYV26" s="8"/>
      <c r="SYW26" s="8"/>
      <c r="SYX26" s="8"/>
      <c r="SYY26" s="8"/>
      <c r="SYZ26" s="8"/>
      <c r="SZA26" s="8"/>
      <c r="SZB26" s="8"/>
      <c r="SZC26" s="8"/>
      <c r="SZD26" s="8"/>
      <c r="SZE26" s="8"/>
      <c r="SZF26" s="8"/>
      <c r="SZG26" s="8"/>
      <c r="SZH26" s="8"/>
      <c r="SZI26" s="8"/>
      <c r="SZJ26" s="8"/>
      <c r="SZK26" s="8"/>
      <c r="SZL26" s="8"/>
      <c r="SZM26" s="8"/>
      <c r="SZN26" s="8"/>
      <c r="SZO26" s="8"/>
      <c r="SZP26" s="8"/>
      <c r="SZQ26" s="8"/>
      <c r="SZR26" s="8"/>
      <c r="SZS26" s="8"/>
      <c r="SZT26" s="8"/>
      <c r="SZU26" s="8"/>
      <c r="SZV26" s="8"/>
      <c r="SZW26" s="8"/>
      <c r="SZX26" s="8"/>
      <c r="SZY26" s="8"/>
      <c r="SZZ26" s="8"/>
      <c r="TAA26" s="8"/>
      <c r="TAB26" s="8"/>
      <c r="TAC26" s="8"/>
      <c r="TAD26" s="8"/>
      <c r="TAE26" s="8"/>
      <c r="TAF26" s="8"/>
      <c r="TAG26" s="8"/>
      <c r="TAH26" s="8"/>
      <c r="TAI26" s="8"/>
      <c r="TAJ26" s="8"/>
      <c r="TAK26" s="8"/>
      <c r="TAL26" s="8"/>
      <c r="TAM26" s="8"/>
      <c r="TAN26" s="8"/>
      <c r="TAO26" s="8"/>
      <c r="TAP26" s="8"/>
      <c r="TAQ26" s="8"/>
      <c r="TAR26" s="8"/>
      <c r="TAS26" s="8"/>
      <c r="TAT26" s="8"/>
      <c r="TAU26" s="8"/>
      <c r="TAV26" s="8"/>
      <c r="TAW26" s="8"/>
      <c r="TAX26" s="8"/>
      <c r="TAY26" s="8"/>
      <c r="TAZ26" s="8"/>
      <c r="TBA26" s="8"/>
      <c r="TBB26" s="8"/>
      <c r="TBC26" s="8"/>
      <c r="TBD26" s="8"/>
      <c r="TBE26" s="8"/>
      <c r="TBF26" s="8"/>
      <c r="TBG26" s="8"/>
      <c r="TBH26" s="8"/>
      <c r="TBI26" s="8"/>
      <c r="TBJ26" s="8"/>
      <c r="TBK26" s="8"/>
      <c r="TBL26" s="8"/>
      <c r="TBM26" s="8"/>
      <c r="TBN26" s="8"/>
      <c r="TBO26" s="8"/>
      <c r="TBP26" s="8"/>
      <c r="TBQ26" s="8"/>
      <c r="TBR26" s="8"/>
      <c r="TBS26" s="8"/>
      <c r="TBT26" s="8"/>
      <c r="TBU26" s="8"/>
      <c r="TBV26" s="8"/>
      <c r="TBW26" s="8"/>
      <c r="TBX26" s="8"/>
      <c r="TBY26" s="8"/>
      <c r="TBZ26" s="8"/>
      <c r="TCA26" s="8"/>
      <c r="TCB26" s="8"/>
      <c r="TCC26" s="8"/>
      <c r="TCD26" s="8"/>
      <c r="TCE26" s="8"/>
      <c r="TCF26" s="8"/>
      <c r="TCG26" s="8"/>
      <c r="TCH26" s="8"/>
      <c r="TCI26" s="8"/>
      <c r="TCJ26" s="8"/>
      <c r="TCK26" s="8"/>
      <c r="TCL26" s="8"/>
      <c r="TCM26" s="8"/>
      <c r="TCN26" s="8"/>
      <c r="TCO26" s="8"/>
      <c r="TCP26" s="8"/>
      <c r="TCQ26" s="8"/>
      <c r="TCR26" s="8"/>
      <c r="TCS26" s="8"/>
      <c r="TCT26" s="8"/>
      <c r="TCU26" s="8"/>
      <c r="TCV26" s="8"/>
      <c r="TCW26" s="8"/>
      <c r="TCX26" s="8"/>
      <c r="TCY26" s="8"/>
      <c r="TCZ26" s="8"/>
      <c r="TDA26" s="8"/>
      <c r="TDB26" s="8"/>
      <c r="TDC26" s="8"/>
      <c r="TDD26" s="8"/>
      <c r="TDE26" s="8"/>
      <c r="TDF26" s="8"/>
      <c r="TDG26" s="8"/>
      <c r="TDH26" s="8"/>
      <c r="TDI26" s="8"/>
      <c r="TDJ26" s="8"/>
      <c r="TDK26" s="8"/>
      <c r="TDL26" s="8"/>
      <c r="TDM26" s="8"/>
      <c r="TDN26" s="8"/>
      <c r="TDO26" s="8"/>
      <c r="TDP26" s="8"/>
      <c r="TDQ26" s="8"/>
      <c r="TDR26" s="8"/>
      <c r="TDS26" s="8"/>
      <c r="TDT26" s="8"/>
      <c r="TDU26" s="8"/>
      <c r="TDV26" s="8"/>
      <c r="TDW26" s="8"/>
      <c r="TDX26" s="8"/>
      <c r="TDY26" s="8"/>
      <c r="TDZ26" s="8"/>
      <c r="TEA26" s="8"/>
      <c r="TEB26" s="8"/>
      <c r="TEC26" s="8"/>
      <c r="TED26" s="8"/>
      <c r="TEE26" s="8"/>
      <c r="TEF26" s="8"/>
      <c r="TEG26" s="8"/>
      <c r="TEH26" s="8"/>
      <c r="TEI26" s="8"/>
      <c r="TEJ26" s="8"/>
      <c r="TEK26" s="8"/>
      <c r="TEL26" s="8"/>
      <c r="TEM26" s="8"/>
      <c r="TEN26" s="8"/>
      <c r="TEO26" s="8"/>
      <c r="TEP26" s="8"/>
      <c r="TEQ26" s="8"/>
      <c r="TER26" s="8"/>
      <c r="TES26" s="8"/>
      <c r="TET26" s="8"/>
      <c r="TEU26" s="8"/>
      <c r="TEV26" s="8"/>
      <c r="TEW26" s="8"/>
      <c r="TEX26" s="8"/>
      <c r="TEY26" s="8"/>
      <c r="TEZ26" s="8"/>
      <c r="TFA26" s="8"/>
      <c r="TFB26" s="8"/>
      <c r="TFC26" s="8"/>
      <c r="TFD26" s="8"/>
      <c r="TFE26" s="8"/>
      <c r="TFF26" s="8"/>
      <c r="TFG26" s="8"/>
      <c r="TFH26" s="8"/>
      <c r="TFI26" s="8"/>
      <c r="TFJ26" s="8"/>
      <c r="TFK26" s="8"/>
      <c r="TFL26" s="8"/>
      <c r="TFM26" s="8"/>
      <c r="TFN26" s="8"/>
      <c r="TFO26" s="8"/>
      <c r="TFP26" s="8"/>
      <c r="TFQ26" s="8"/>
      <c r="TFR26" s="8"/>
      <c r="TFS26" s="8"/>
      <c r="TFT26" s="8"/>
      <c r="TFU26" s="8"/>
      <c r="TFV26" s="8"/>
      <c r="TFW26" s="8"/>
      <c r="TFX26" s="8"/>
      <c r="TFY26" s="8"/>
      <c r="TFZ26" s="8"/>
      <c r="TGA26" s="8"/>
      <c r="TGB26" s="8"/>
      <c r="TGC26" s="8"/>
      <c r="TGD26" s="8"/>
      <c r="TGE26" s="8"/>
      <c r="TGF26" s="8"/>
      <c r="TGG26" s="8"/>
      <c r="TGH26" s="8"/>
      <c r="TGI26" s="8"/>
      <c r="TGJ26" s="8"/>
      <c r="TGK26" s="8"/>
      <c r="TGL26" s="8"/>
      <c r="TGM26" s="8"/>
      <c r="TGN26" s="8"/>
      <c r="TGO26" s="8"/>
      <c r="TGP26" s="8"/>
      <c r="TGQ26" s="8"/>
      <c r="TGR26" s="8"/>
      <c r="TGS26" s="8"/>
      <c r="TGT26" s="8"/>
      <c r="TGU26" s="8"/>
      <c r="TGV26" s="8"/>
      <c r="TGW26" s="8"/>
      <c r="TGX26" s="8"/>
      <c r="TGY26" s="8"/>
      <c r="TGZ26" s="8"/>
      <c r="THA26" s="8"/>
      <c r="THB26" s="8"/>
      <c r="THC26" s="8"/>
      <c r="THD26" s="8"/>
      <c r="THE26" s="8"/>
      <c r="THF26" s="8"/>
      <c r="THG26" s="8"/>
      <c r="THH26" s="8"/>
      <c r="THI26" s="8"/>
      <c r="THJ26" s="8"/>
      <c r="THK26" s="8"/>
      <c r="THL26" s="8"/>
      <c r="THM26" s="8"/>
      <c r="THN26" s="8"/>
      <c r="THO26" s="8"/>
      <c r="THP26" s="8"/>
      <c r="THQ26" s="8"/>
      <c r="THR26" s="8"/>
      <c r="THS26" s="8"/>
      <c r="THT26" s="8"/>
      <c r="THU26" s="8"/>
      <c r="THV26" s="8"/>
      <c r="THW26" s="8"/>
      <c r="THX26" s="8"/>
      <c r="THY26" s="8"/>
      <c r="THZ26" s="8"/>
      <c r="TIA26" s="8"/>
      <c r="TIB26" s="8"/>
      <c r="TIC26" s="8"/>
      <c r="TID26" s="8"/>
      <c r="TIE26" s="8"/>
      <c r="TIF26" s="8"/>
      <c r="TIG26" s="8"/>
      <c r="TIH26" s="8"/>
      <c r="TII26" s="8"/>
      <c r="TIJ26" s="8"/>
      <c r="TIK26" s="8"/>
      <c r="TIL26" s="8"/>
      <c r="TIM26" s="8"/>
      <c r="TIN26" s="8"/>
      <c r="TIO26" s="8"/>
      <c r="TIP26" s="8"/>
      <c r="TIQ26" s="8"/>
      <c r="TIR26" s="8"/>
      <c r="TIS26" s="8"/>
      <c r="TIT26" s="8"/>
      <c r="TIU26" s="8"/>
      <c r="TIV26" s="8"/>
      <c r="TIW26" s="8"/>
      <c r="TIX26" s="8"/>
      <c r="TIY26" s="8"/>
      <c r="TIZ26" s="8"/>
      <c r="TJA26" s="8"/>
      <c r="TJB26" s="8"/>
      <c r="TJC26" s="8"/>
      <c r="TJD26" s="8"/>
      <c r="TJE26" s="8"/>
      <c r="TJF26" s="8"/>
      <c r="TJG26" s="8"/>
      <c r="TJH26" s="8"/>
      <c r="TJI26" s="8"/>
      <c r="TJJ26" s="8"/>
      <c r="TJK26" s="8"/>
      <c r="TJL26" s="8"/>
      <c r="TJM26" s="8"/>
      <c r="TJN26" s="8"/>
      <c r="TJO26" s="8"/>
      <c r="TJP26" s="8"/>
      <c r="TJQ26" s="8"/>
      <c r="TJR26" s="8"/>
      <c r="TJS26" s="8"/>
      <c r="TJT26" s="8"/>
      <c r="TJU26" s="8"/>
      <c r="TJV26" s="8"/>
      <c r="TJW26" s="8"/>
      <c r="TJX26" s="8"/>
      <c r="TJY26" s="8"/>
      <c r="TJZ26" s="8"/>
      <c r="TKA26" s="8"/>
      <c r="TKB26" s="8"/>
      <c r="TKC26" s="8"/>
      <c r="TKD26" s="8"/>
      <c r="TKE26" s="8"/>
      <c r="TKF26" s="8"/>
      <c r="TKG26" s="8"/>
      <c r="TKH26" s="8"/>
      <c r="TKI26" s="8"/>
      <c r="TKJ26" s="8"/>
      <c r="TKK26" s="8"/>
      <c r="TKL26" s="8"/>
      <c r="TKM26" s="8"/>
      <c r="TKN26" s="8"/>
      <c r="TKO26" s="8"/>
      <c r="TKP26" s="8"/>
      <c r="TKQ26" s="8"/>
      <c r="TKR26" s="8"/>
      <c r="TKS26" s="8"/>
      <c r="TKT26" s="8"/>
      <c r="TKU26" s="8"/>
      <c r="TKV26" s="8"/>
      <c r="TKW26" s="8"/>
      <c r="TKX26" s="8"/>
      <c r="TKY26" s="8"/>
      <c r="TKZ26" s="8"/>
      <c r="TLA26" s="8"/>
      <c r="TLB26" s="8"/>
      <c r="TLC26" s="8"/>
      <c r="TLD26" s="8"/>
      <c r="TLE26" s="8"/>
      <c r="TLF26" s="8"/>
      <c r="TLG26" s="8"/>
      <c r="TLH26" s="8"/>
      <c r="TLI26" s="8"/>
      <c r="TLJ26" s="8"/>
      <c r="TLK26" s="8"/>
      <c r="TLL26" s="8"/>
      <c r="TLM26" s="8"/>
      <c r="TLN26" s="8"/>
      <c r="TLO26" s="8"/>
      <c r="TLP26" s="8"/>
      <c r="TLQ26" s="8"/>
      <c r="TLR26" s="8"/>
      <c r="TLS26" s="8"/>
      <c r="TLT26" s="8"/>
      <c r="TLU26" s="8"/>
      <c r="TLV26" s="8"/>
      <c r="TLW26" s="8"/>
      <c r="TLX26" s="8"/>
      <c r="TLY26" s="8"/>
      <c r="TLZ26" s="8"/>
      <c r="TMA26" s="8"/>
      <c r="TMB26" s="8"/>
      <c r="TMC26" s="8"/>
      <c r="TMD26" s="8"/>
      <c r="TME26" s="8"/>
      <c r="TMF26" s="8"/>
      <c r="TMG26" s="8"/>
      <c r="TMH26" s="8"/>
      <c r="TMI26" s="8"/>
      <c r="TMJ26" s="8"/>
      <c r="TMK26" s="8"/>
      <c r="TML26" s="8"/>
      <c r="TMM26" s="8"/>
      <c r="TMN26" s="8"/>
      <c r="TMO26" s="8"/>
      <c r="TMP26" s="8"/>
      <c r="TMQ26" s="8"/>
      <c r="TMR26" s="8"/>
      <c r="TMS26" s="8"/>
      <c r="TMT26" s="8"/>
      <c r="TMU26" s="8"/>
      <c r="TMV26" s="8"/>
      <c r="TMW26" s="8"/>
      <c r="TMX26" s="8"/>
      <c r="TMY26" s="8"/>
      <c r="TMZ26" s="8"/>
      <c r="TNA26" s="8"/>
      <c r="TNB26" s="8"/>
      <c r="TNC26" s="8"/>
      <c r="TND26" s="8"/>
      <c r="TNE26" s="8"/>
      <c r="TNF26" s="8"/>
      <c r="TNG26" s="8"/>
      <c r="TNH26" s="8"/>
      <c r="TNI26" s="8"/>
      <c r="TNJ26" s="8"/>
      <c r="TNK26" s="8"/>
      <c r="TNL26" s="8"/>
      <c r="TNM26" s="8"/>
      <c r="TNN26" s="8"/>
      <c r="TNO26" s="8"/>
      <c r="TNP26" s="8"/>
      <c r="TNQ26" s="8"/>
      <c r="TNR26" s="8"/>
      <c r="TNS26" s="8"/>
      <c r="TNT26" s="8"/>
      <c r="TNU26" s="8"/>
      <c r="TNV26" s="8"/>
      <c r="TNW26" s="8"/>
      <c r="TNX26" s="8"/>
      <c r="TNY26" s="8"/>
      <c r="TNZ26" s="8"/>
      <c r="TOA26" s="8"/>
      <c r="TOB26" s="8"/>
      <c r="TOC26" s="8"/>
      <c r="TOD26" s="8"/>
      <c r="TOE26" s="8"/>
      <c r="TOF26" s="8"/>
      <c r="TOG26" s="8"/>
      <c r="TOH26" s="8"/>
      <c r="TOI26" s="8"/>
      <c r="TOJ26" s="8"/>
      <c r="TOK26" s="8"/>
      <c r="TOL26" s="8"/>
      <c r="TOM26" s="8"/>
      <c r="TON26" s="8"/>
      <c r="TOO26" s="8"/>
      <c r="TOP26" s="8"/>
      <c r="TOQ26" s="8"/>
      <c r="TOR26" s="8"/>
      <c r="TOS26" s="8"/>
      <c r="TOT26" s="8"/>
      <c r="TOU26" s="8"/>
      <c r="TOV26" s="8"/>
      <c r="TOW26" s="8"/>
      <c r="TOX26" s="8"/>
      <c r="TOY26" s="8"/>
      <c r="TOZ26" s="8"/>
      <c r="TPA26" s="8"/>
      <c r="TPB26" s="8"/>
      <c r="TPC26" s="8"/>
      <c r="TPD26" s="8"/>
      <c r="TPE26" s="8"/>
      <c r="TPF26" s="8"/>
      <c r="TPG26" s="8"/>
      <c r="TPH26" s="8"/>
      <c r="TPI26" s="8"/>
      <c r="TPJ26" s="8"/>
      <c r="TPK26" s="8"/>
      <c r="TPL26" s="8"/>
      <c r="TPM26" s="8"/>
      <c r="TPN26" s="8"/>
      <c r="TPO26" s="8"/>
      <c r="TPP26" s="8"/>
      <c r="TPQ26" s="8"/>
      <c r="TPR26" s="8"/>
      <c r="TPS26" s="8"/>
      <c r="TPT26" s="8"/>
      <c r="TPU26" s="8"/>
      <c r="TPV26" s="8"/>
      <c r="TPW26" s="8"/>
      <c r="TPX26" s="8"/>
      <c r="TPY26" s="8"/>
      <c r="TPZ26" s="8"/>
      <c r="TQA26" s="8"/>
      <c r="TQB26" s="8"/>
      <c r="TQC26" s="8"/>
      <c r="TQD26" s="8"/>
      <c r="TQE26" s="8"/>
      <c r="TQF26" s="8"/>
      <c r="TQG26" s="8"/>
      <c r="TQH26" s="8"/>
      <c r="TQI26" s="8"/>
      <c r="TQJ26" s="8"/>
      <c r="TQK26" s="8"/>
      <c r="TQL26" s="8"/>
      <c r="TQM26" s="8"/>
      <c r="TQN26" s="8"/>
      <c r="TQO26" s="8"/>
      <c r="TQP26" s="8"/>
      <c r="TQQ26" s="8"/>
      <c r="TQR26" s="8"/>
      <c r="TQS26" s="8"/>
      <c r="TQT26" s="8"/>
      <c r="TQU26" s="8"/>
      <c r="TQV26" s="8"/>
      <c r="TQW26" s="8"/>
      <c r="TQX26" s="8"/>
      <c r="TQY26" s="8"/>
      <c r="TQZ26" s="8"/>
      <c r="TRA26" s="8"/>
      <c r="TRB26" s="8"/>
      <c r="TRC26" s="8"/>
      <c r="TRD26" s="8"/>
      <c r="TRE26" s="8"/>
      <c r="TRF26" s="8"/>
      <c r="TRG26" s="8"/>
      <c r="TRH26" s="8"/>
      <c r="TRI26" s="8"/>
      <c r="TRJ26" s="8"/>
      <c r="TRK26" s="8"/>
      <c r="TRL26" s="8"/>
      <c r="TRM26" s="8"/>
      <c r="TRN26" s="8"/>
      <c r="TRO26" s="8"/>
      <c r="TRP26" s="8"/>
      <c r="TRQ26" s="8"/>
      <c r="TRR26" s="8"/>
      <c r="TRS26" s="8"/>
      <c r="TRT26" s="8"/>
      <c r="TRU26" s="8"/>
      <c r="TRV26" s="8"/>
      <c r="TRW26" s="8"/>
      <c r="TRX26" s="8"/>
      <c r="TRY26" s="8"/>
      <c r="TRZ26" s="8"/>
      <c r="TSA26" s="8"/>
      <c r="TSB26" s="8"/>
      <c r="TSC26" s="8"/>
      <c r="TSD26" s="8"/>
      <c r="TSE26" s="8"/>
      <c r="TSF26" s="8"/>
      <c r="TSG26" s="8"/>
      <c r="TSH26" s="8"/>
      <c r="TSI26" s="8"/>
      <c r="TSJ26" s="8"/>
      <c r="TSK26" s="8"/>
      <c r="TSL26" s="8"/>
      <c r="TSM26" s="8"/>
      <c r="TSN26" s="8"/>
      <c r="TSO26" s="8"/>
      <c r="TSP26" s="8"/>
      <c r="TSQ26" s="8"/>
      <c r="TSR26" s="8"/>
      <c r="TSS26" s="8"/>
      <c r="TST26" s="8"/>
      <c r="TSU26" s="8"/>
      <c r="TSV26" s="8"/>
      <c r="TSW26" s="8"/>
      <c r="TSX26" s="8"/>
      <c r="TSY26" s="8"/>
      <c r="TSZ26" s="8"/>
      <c r="TTA26" s="8"/>
      <c r="TTB26" s="8"/>
      <c r="TTC26" s="8"/>
      <c r="TTD26" s="8"/>
      <c r="TTE26" s="8"/>
      <c r="TTF26" s="8"/>
      <c r="TTG26" s="8"/>
      <c r="TTH26" s="8"/>
      <c r="TTI26" s="8"/>
      <c r="TTJ26" s="8"/>
      <c r="TTK26" s="8"/>
      <c r="TTL26" s="8"/>
      <c r="TTM26" s="8"/>
      <c r="TTN26" s="8"/>
      <c r="TTO26" s="8"/>
      <c r="TTP26" s="8"/>
      <c r="TTQ26" s="8"/>
      <c r="TTR26" s="8"/>
      <c r="TTS26" s="8"/>
      <c r="TTT26" s="8"/>
      <c r="TTU26" s="8"/>
      <c r="TTV26" s="8"/>
      <c r="TTW26" s="8"/>
      <c r="TTX26" s="8"/>
      <c r="TTY26" s="8"/>
      <c r="TTZ26" s="8"/>
      <c r="TUA26" s="8"/>
      <c r="TUB26" s="8"/>
      <c r="TUC26" s="8"/>
      <c r="TUD26" s="8"/>
      <c r="TUE26" s="8"/>
      <c r="TUF26" s="8"/>
      <c r="TUG26" s="8"/>
      <c r="TUH26" s="8"/>
      <c r="TUI26" s="8"/>
      <c r="TUJ26" s="8"/>
      <c r="TUK26" s="8"/>
      <c r="TUL26" s="8"/>
      <c r="TUM26" s="8"/>
      <c r="TUN26" s="8"/>
      <c r="TUO26" s="8"/>
      <c r="TUP26" s="8"/>
      <c r="TUQ26" s="8"/>
      <c r="TUR26" s="8"/>
      <c r="TUS26" s="8"/>
      <c r="TUT26" s="8"/>
      <c r="TUU26" s="8"/>
      <c r="TUV26" s="8"/>
      <c r="TUW26" s="8"/>
      <c r="TUX26" s="8"/>
      <c r="TUY26" s="8"/>
      <c r="TUZ26" s="8"/>
      <c r="TVA26" s="8"/>
      <c r="TVB26" s="8"/>
      <c r="TVC26" s="8"/>
      <c r="TVD26" s="8"/>
      <c r="TVE26" s="8"/>
      <c r="TVF26" s="8"/>
      <c r="TVG26" s="8"/>
      <c r="TVH26" s="8"/>
      <c r="TVI26" s="8"/>
      <c r="TVJ26" s="8"/>
      <c r="TVK26" s="8"/>
      <c r="TVL26" s="8"/>
      <c r="TVM26" s="8"/>
      <c r="TVN26" s="8"/>
      <c r="TVO26" s="8"/>
      <c r="TVP26" s="8"/>
      <c r="TVQ26" s="8"/>
      <c r="TVR26" s="8"/>
      <c r="TVS26" s="8"/>
      <c r="TVT26" s="8"/>
      <c r="TVU26" s="8"/>
      <c r="TVV26" s="8"/>
      <c r="TVW26" s="8"/>
      <c r="TVX26" s="8"/>
      <c r="TVY26" s="8"/>
      <c r="TVZ26" s="8"/>
      <c r="TWA26" s="8"/>
      <c r="TWB26" s="8"/>
      <c r="TWC26" s="8"/>
      <c r="TWD26" s="8"/>
      <c r="TWE26" s="8"/>
      <c r="TWF26" s="8"/>
      <c r="TWG26" s="8"/>
      <c r="TWH26" s="8"/>
      <c r="TWI26" s="8"/>
      <c r="TWJ26" s="8"/>
      <c r="TWK26" s="8"/>
      <c r="TWL26" s="8"/>
      <c r="TWM26" s="8"/>
      <c r="TWN26" s="8"/>
      <c r="TWO26" s="8"/>
      <c r="TWP26" s="8"/>
      <c r="TWQ26" s="8"/>
      <c r="TWR26" s="8"/>
      <c r="TWS26" s="8"/>
      <c r="TWT26" s="8"/>
      <c r="TWU26" s="8"/>
      <c r="TWV26" s="8"/>
      <c r="TWW26" s="8"/>
      <c r="TWX26" s="8"/>
      <c r="TWY26" s="8"/>
      <c r="TWZ26" s="8"/>
      <c r="TXA26" s="8"/>
      <c r="TXB26" s="8"/>
      <c r="TXC26" s="8"/>
      <c r="TXD26" s="8"/>
      <c r="TXE26" s="8"/>
      <c r="TXF26" s="8"/>
      <c r="TXG26" s="8"/>
      <c r="TXH26" s="8"/>
      <c r="TXI26" s="8"/>
      <c r="TXJ26" s="8"/>
      <c r="TXK26" s="8"/>
      <c r="TXL26" s="8"/>
      <c r="TXM26" s="8"/>
      <c r="TXN26" s="8"/>
      <c r="TXO26" s="8"/>
      <c r="TXP26" s="8"/>
      <c r="TXQ26" s="8"/>
      <c r="TXR26" s="8"/>
      <c r="TXS26" s="8"/>
      <c r="TXT26" s="8"/>
      <c r="TXU26" s="8"/>
      <c r="TXV26" s="8"/>
      <c r="TXW26" s="8"/>
      <c r="TXX26" s="8"/>
      <c r="TXY26" s="8"/>
      <c r="TXZ26" s="8"/>
      <c r="TYA26" s="8"/>
      <c r="TYB26" s="8"/>
      <c r="TYC26" s="8"/>
      <c r="TYD26" s="8"/>
      <c r="TYE26" s="8"/>
      <c r="TYF26" s="8"/>
      <c r="TYG26" s="8"/>
      <c r="TYH26" s="8"/>
      <c r="TYI26" s="8"/>
      <c r="TYJ26" s="8"/>
      <c r="TYK26" s="8"/>
      <c r="TYL26" s="8"/>
      <c r="TYM26" s="8"/>
      <c r="TYN26" s="8"/>
      <c r="TYO26" s="8"/>
      <c r="TYP26" s="8"/>
      <c r="TYQ26" s="8"/>
      <c r="TYR26" s="8"/>
      <c r="TYS26" s="8"/>
      <c r="TYT26" s="8"/>
      <c r="TYU26" s="8"/>
      <c r="TYV26" s="8"/>
      <c r="TYW26" s="8"/>
      <c r="TYX26" s="8"/>
      <c r="TYY26" s="8"/>
      <c r="TYZ26" s="8"/>
      <c r="TZA26" s="8"/>
      <c r="TZB26" s="8"/>
      <c r="TZC26" s="8"/>
      <c r="TZD26" s="8"/>
      <c r="TZE26" s="8"/>
      <c r="TZF26" s="8"/>
      <c r="TZG26" s="8"/>
      <c r="TZH26" s="8"/>
      <c r="TZI26" s="8"/>
      <c r="TZJ26" s="8"/>
      <c r="TZK26" s="8"/>
      <c r="TZL26" s="8"/>
      <c r="TZM26" s="8"/>
      <c r="TZN26" s="8"/>
      <c r="TZO26" s="8"/>
      <c r="TZP26" s="8"/>
      <c r="TZQ26" s="8"/>
      <c r="TZR26" s="8"/>
      <c r="TZS26" s="8"/>
      <c r="TZT26" s="8"/>
      <c r="TZU26" s="8"/>
      <c r="TZV26" s="8"/>
      <c r="TZW26" s="8"/>
      <c r="TZX26" s="8"/>
      <c r="TZY26" s="8"/>
      <c r="TZZ26" s="8"/>
      <c r="UAA26" s="8"/>
      <c r="UAB26" s="8"/>
      <c r="UAC26" s="8"/>
      <c r="UAD26" s="8"/>
      <c r="UAE26" s="8"/>
      <c r="UAF26" s="8"/>
      <c r="UAG26" s="8"/>
      <c r="UAH26" s="8"/>
      <c r="UAI26" s="8"/>
      <c r="UAJ26" s="8"/>
      <c r="UAK26" s="8"/>
      <c r="UAL26" s="8"/>
      <c r="UAM26" s="8"/>
      <c r="UAN26" s="8"/>
      <c r="UAO26" s="8"/>
      <c r="UAP26" s="8"/>
      <c r="UAQ26" s="8"/>
      <c r="UAR26" s="8"/>
      <c r="UAS26" s="8"/>
      <c r="UAT26" s="8"/>
      <c r="UAU26" s="8"/>
      <c r="UAV26" s="8"/>
      <c r="UAW26" s="8"/>
      <c r="UAX26" s="8"/>
      <c r="UAY26" s="8"/>
      <c r="UAZ26" s="8"/>
      <c r="UBA26" s="8"/>
      <c r="UBB26" s="8"/>
      <c r="UBC26" s="8"/>
      <c r="UBD26" s="8"/>
      <c r="UBE26" s="8"/>
      <c r="UBF26" s="8"/>
      <c r="UBG26" s="8"/>
      <c r="UBH26" s="8"/>
      <c r="UBI26" s="8"/>
      <c r="UBJ26" s="8"/>
      <c r="UBK26" s="8"/>
      <c r="UBL26" s="8"/>
      <c r="UBM26" s="8"/>
      <c r="UBN26" s="8"/>
      <c r="UBO26" s="8"/>
      <c r="UBP26" s="8"/>
      <c r="UBQ26" s="8"/>
      <c r="UBR26" s="8"/>
      <c r="UBS26" s="8"/>
      <c r="UBT26" s="8"/>
      <c r="UBU26" s="8"/>
      <c r="UBV26" s="8"/>
      <c r="UBW26" s="8"/>
      <c r="UBX26" s="8"/>
      <c r="UBY26" s="8"/>
      <c r="UBZ26" s="8"/>
      <c r="UCA26" s="8"/>
      <c r="UCB26" s="8"/>
      <c r="UCC26" s="8"/>
      <c r="UCD26" s="8"/>
      <c r="UCE26" s="8"/>
      <c r="UCF26" s="8"/>
      <c r="UCG26" s="8"/>
      <c r="UCH26" s="8"/>
      <c r="UCI26" s="8"/>
      <c r="UCJ26" s="8"/>
      <c r="UCK26" s="8"/>
      <c r="UCL26" s="8"/>
      <c r="UCM26" s="8"/>
      <c r="UCN26" s="8"/>
      <c r="UCO26" s="8"/>
      <c r="UCP26" s="8"/>
      <c r="UCQ26" s="8"/>
      <c r="UCR26" s="8"/>
      <c r="UCS26" s="8"/>
      <c r="UCT26" s="8"/>
      <c r="UCU26" s="8"/>
      <c r="UCV26" s="8"/>
      <c r="UCW26" s="8"/>
      <c r="UCX26" s="8"/>
      <c r="UCY26" s="8"/>
      <c r="UCZ26" s="8"/>
      <c r="UDA26" s="8"/>
      <c r="UDB26" s="8"/>
      <c r="UDC26" s="8"/>
      <c r="UDD26" s="8"/>
      <c r="UDE26" s="8"/>
      <c r="UDF26" s="8"/>
      <c r="UDG26" s="8"/>
      <c r="UDH26" s="8"/>
      <c r="UDI26" s="8"/>
      <c r="UDJ26" s="8"/>
      <c r="UDK26" s="8"/>
      <c r="UDL26" s="8"/>
      <c r="UDM26" s="8"/>
      <c r="UDN26" s="8"/>
      <c r="UDO26" s="8"/>
      <c r="UDP26" s="8"/>
      <c r="UDQ26" s="8"/>
      <c r="UDR26" s="8"/>
      <c r="UDS26" s="8"/>
      <c r="UDT26" s="8"/>
      <c r="UDU26" s="8"/>
      <c r="UDV26" s="8"/>
      <c r="UDW26" s="8"/>
      <c r="UDX26" s="8"/>
      <c r="UDY26" s="8"/>
      <c r="UDZ26" s="8"/>
      <c r="UEA26" s="8"/>
      <c r="UEB26" s="8"/>
      <c r="UEC26" s="8"/>
      <c r="UED26" s="8"/>
      <c r="UEE26" s="8"/>
      <c r="UEF26" s="8"/>
      <c r="UEG26" s="8"/>
      <c r="UEH26" s="8"/>
      <c r="UEI26" s="8"/>
      <c r="UEJ26" s="8"/>
      <c r="UEK26" s="8"/>
      <c r="UEL26" s="8"/>
      <c r="UEM26" s="8"/>
      <c r="UEN26" s="8"/>
      <c r="UEO26" s="8"/>
      <c r="UEP26" s="8"/>
      <c r="UEQ26" s="8"/>
      <c r="UER26" s="8"/>
      <c r="UES26" s="8"/>
      <c r="UET26" s="8"/>
      <c r="UEU26" s="8"/>
      <c r="UEV26" s="8"/>
      <c r="UEW26" s="8"/>
      <c r="UEX26" s="8"/>
      <c r="UEY26" s="8"/>
      <c r="UEZ26" s="8"/>
      <c r="UFA26" s="8"/>
      <c r="UFB26" s="8"/>
      <c r="UFC26" s="8"/>
      <c r="UFD26" s="8"/>
      <c r="UFE26" s="8"/>
      <c r="UFF26" s="8"/>
      <c r="UFG26" s="8"/>
      <c r="UFH26" s="8"/>
      <c r="UFI26" s="8"/>
      <c r="UFJ26" s="8"/>
      <c r="UFK26" s="8"/>
      <c r="UFL26" s="8"/>
      <c r="UFM26" s="8"/>
      <c r="UFN26" s="8"/>
      <c r="UFO26" s="8"/>
      <c r="UFP26" s="8"/>
      <c r="UFQ26" s="8"/>
      <c r="UFR26" s="8"/>
      <c r="UFS26" s="8"/>
      <c r="UFT26" s="8"/>
      <c r="UFU26" s="8"/>
      <c r="UFV26" s="8"/>
      <c r="UFW26" s="8"/>
      <c r="UFX26" s="8"/>
      <c r="UFY26" s="8"/>
      <c r="UFZ26" s="8"/>
      <c r="UGA26" s="8"/>
      <c r="UGB26" s="8"/>
      <c r="UGC26" s="8"/>
      <c r="UGD26" s="8"/>
      <c r="UGE26" s="8"/>
      <c r="UGF26" s="8"/>
      <c r="UGG26" s="8"/>
      <c r="UGH26" s="8"/>
      <c r="UGI26" s="8"/>
      <c r="UGJ26" s="8"/>
      <c r="UGK26" s="8"/>
      <c r="UGL26" s="8"/>
      <c r="UGM26" s="8"/>
      <c r="UGN26" s="8"/>
      <c r="UGO26" s="8"/>
      <c r="UGP26" s="8"/>
      <c r="UGQ26" s="8"/>
      <c r="UGR26" s="8"/>
      <c r="UGS26" s="8"/>
      <c r="UGT26" s="8"/>
      <c r="UGU26" s="8"/>
      <c r="UGV26" s="8"/>
      <c r="UGW26" s="8"/>
      <c r="UGX26" s="8"/>
      <c r="UGY26" s="8"/>
      <c r="UGZ26" s="8"/>
      <c r="UHA26" s="8"/>
      <c r="UHB26" s="8"/>
      <c r="UHC26" s="8"/>
      <c r="UHD26" s="8"/>
      <c r="UHE26" s="8"/>
      <c r="UHF26" s="8"/>
      <c r="UHG26" s="8"/>
      <c r="UHH26" s="8"/>
      <c r="UHI26" s="8"/>
      <c r="UHJ26" s="8"/>
      <c r="UHK26" s="8"/>
      <c r="UHL26" s="8"/>
      <c r="UHM26" s="8"/>
      <c r="UHN26" s="8"/>
      <c r="UHO26" s="8"/>
      <c r="UHP26" s="8"/>
      <c r="UHQ26" s="8"/>
      <c r="UHR26" s="8"/>
      <c r="UHS26" s="8"/>
      <c r="UHT26" s="8"/>
      <c r="UHU26" s="8"/>
      <c r="UHV26" s="8"/>
      <c r="UHW26" s="8"/>
      <c r="UHX26" s="8"/>
      <c r="UHY26" s="8"/>
      <c r="UHZ26" s="8"/>
      <c r="UIA26" s="8"/>
      <c r="UIB26" s="8"/>
      <c r="UIC26" s="8"/>
      <c r="UID26" s="8"/>
      <c r="UIE26" s="8"/>
      <c r="UIF26" s="8"/>
      <c r="UIG26" s="8"/>
      <c r="UIH26" s="8"/>
      <c r="UII26" s="8"/>
      <c r="UIJ26" s="8"/>
      <c r="UIK26" s="8"/>
      <c r="UIL26" s="8"/>
      <c r="UIM26" s="8"/>
      <c r="UIN26" s="8"/>
      <c r="UIO26" s="8"/>
      <c r="UIP26" s="8"/>
      <c r="UIQ26" s="8"/>
      <c r="UIR26" s="8"/>
      <c r="UIS26" s="8"/>
      <c r="UIT26" s="8"/>
      <c r="UIU26" s="8"/>
      <c r="UIV26" s="8"/>
      <c r="UIW26" s="8"/>
      <c r="UIX26" s="8"/>
      <c r="UIY26" s="8"/>
      <c r="UIZ26" s="8"/>
      <c r="UJA26" s="8"/>
      <c r="UJB26" s="8"/>
      <c r="UJC26" s="8"/>
      <c r="UJD26" s="8"/>
      <c r="UJE26" s="8"/>
      <c r="UJF26" s="8"/>
      <c r="UJG26" s="8"/>
      <c r="UJH26" s="8"/>
      <c r="UJI26" s="8"/>
      <c r="UJJ26" s="8"/>
      <c r="UJK26" s="8"/>
      <c r="UJL26" s="8"/>
      <c r="UJM26" s="8"/>
      <c r="UJN26" s="8"/>
      <c r="UJO26" s="8"/>
      <c r="UJP26" s="8"/>
      <c r="UJQ26" s="8"/>
      <c r="UJR26" s="8"/>
      <c r="UJS26" s="8"/>
      <c r="UJT26" s="8"/>
      <c r="UJU26" s="8"/>
      <c r="UJV26" s="8"/>
      <c r="UJW26" s="8"/>
      <c r="UJX26" s="8"/>
      <c r="UJY26" s="8"/>
      <c r="UJZ26" s="8"/>
      <c r="UKA26" s="8"/>
      <c r="UKB26" s="8"/>
      <c r="UKC26" s="8"/>
      <c r="UKD26" s="8"/>
      <c r="UKE26" s="8"/>
      <c r="UKF26" s="8"/>
      <c r="UKG26" s="8"/>
      <c r="UKH26" s="8"/>
      <c r="UKI26" s="8"/>
      <c r="UKJ26" s="8"/>
      <c r="UKK26" s="8"/>
      <c r="UKL26" s="8"/>
      <c r="UKM26" s="8"/>
      <c r="UKN26" s="8"/>
      <c r="UKO26" s="8"/>
      <c r="UKP26" s="8"/>
      <c r="UKQ26" s="8"/>
      <c r="UKR26" s="8"/>
      <c r="UKS26" s="8"/>
      <c r="UKT26" s="8"/>
      <c r="UKU26" s="8"/>
      <c r="UKV26" s="8"/>
      <c r="UKW26" s="8"/>
      <c r="UKX26" s="8"/>
      <c r="UKY26" s="8"/>
      <c r="UKZ26" s="8"/>
      <c r="ULA26" s="8"/>
      <c r="ULB26" s="8"/>
      <c r="ULC26" s="8"/>
      <c r="ULD26" s="8"/>
      <c r="ULE26" s="8"/>
      <c r="ULF26" s="8"/>
      <c r="ULG26" s="8"/>
      <c r="ULH26" s="8"/>
      <c r="ULI26" s="8"/>
      <c r="ULJ26" s="8"/>
      <c r="ULK26" s="8"/>
      <c r="ULL26" s="8"/>
      <c r="ULM26" s="8"/>
      <c r="ULN26" s="8"/>
      <c r="ULO26" s="8"/>
      <c r="ULP26" s="8"/>
      <c r="ULQ26" s="8"/>
      <c r="ULR26" s="8"/>
      <c r="ULS26" s="8"/>
      <c r="ULT26" s="8"/>
      <c r="ULU26" s="8"/>
      <c r="ULV26" s="8"/>
      <c r="ULW26" s="8"/>
      <c r="ULX26" s="8"/>
      <c r="ULY26" s="8"/>
      <c r="ULZ26" s="8"/>
      <c r="UMA26" s="8"/>
      <c r="UMB26" s="8"/>
      <c r="UMC26" s="8"/>
      <c r="UMD26" s="8"/>
      <c r="UME26" s="8"/>
      <c r="UMF26" s="8"/>
      <c r="UMG26" s="8"/>
      <c r="UMH26" s="8"/>
      <c r="UMI26" s="8"/>
      <c r="UMJ26" s="8"/>
      <c r="UMK26" s="8"/>
      <c r="UML26" s="8"/>
      <c r="UMM26" s="8"/>
      <c r="UMN26" s="8"/>
      <c r="UMO26" s="8"/>
      <c r="UMP26" s="8"/>
      <c r="UMQ26" s="8"/>
      <c r="UMR26" s="8"/>
      <c r="UMS26" s="8"/>
      <c r="UMT26" s="8"/>
      <c r="UMU26" s="8"/>
      <c r="UMV26" s="8"/>
      <c r="UMW26" s="8"/>
      <c r="UMX26" s="8"/>
      <c r="UMY26" s="8"/>
      <c r="UMZ26" s="8"/>
      <c r="UNA26" s="8"/>
      <c r="UNB26" s="8"/>
      <c r="UNC26" s="8"/>
      <c r="UND26" s="8"/>
      <c r="UNE26" s="8"/>
      <c r="UNF26" s="8"/>
      <c r="UNG26" s="8"/>
      <c r="UNH26" s="8"/>
      <c r="UNI26" s="8"/>
      <c r="UNJ26" s="8"/>
      <c r="UNK26" s="8"/>
      <c r="UNL26" s="8"/>
      <c r="UNM26" s="8"/>
      <c r="UNN26" s="8"/>
      <c r="UNO26" s="8"/>
      <c r="UNP26" s="8"/>
      <c r="UNQ26" s="8"/>
      <c r="UNR26" s="8"/>
      <c r="UNS26" s="8"/>
      <c r="UNT26" s="8"/>
      <c r="UNU26" s="8"/>
      <c r="UNV26" s="8"/>
      <c r="UNW26" s="8"/>
      <c r="UNX26" s="8"/>
      <c r="UNY26" s="8"/>
      <c r="UNZ26" s="8"/>
      <c r="UOA26" s="8"/>
      <c r="UOB26" s="8"/>
      <c r="UOC26" s="8"/>
      <c r="UOD26" s="8"/>
      <c r="UOE26" s="8"/>
      <c r="UOF26" s="8"/>
      <c r="UOG26" s="8"/>
      <c r="UOH26" s="8"/>
      <c r="UOI26" s="8"/>
      <c r="UOJ26" s="8"/>
      <c r="UOK26" s="8"/>
      <c r="UOL26" s="8"/>
      <c r="UOM26" s="8"/>
      <c r="UON26" s="8"/>
      <c r="UOO26" s="8"/>
      <c r="UOP26" s="8"/>
      <c r="UOQ26" s="8"/>
      <c r="UOR26" s="8"/>
      <c r="UOS26" s="8"/>
      <c r="UOT26" s="8"/>
      <c r="UOU26" s="8"/>
      <c r="UOV26" s="8"/>
      <c r="UOW26" s="8"/>
      <c r="UOX26" s="8"/>
      <c r="UOY26" s="8"/>
      <c r="UOZ26" s="8"/>
      <c r="UPA26" s="8"/>
      <c r="UPB26" s="8"/>
      <c r="UPC26" s="8"/>
      <c r="UPD26" s="8"/>
      <c r="UPE26" s="8"/>
      <c r="UPF26" s="8"/>
      <c r="UPG26" s="8"/>
      <c r="UPH26" s="8"/>
      <c r="UPI26" s="8"/>
      <c r="UPJ26" s="8"/>
      <c r="UPK26" s="8"/>
      <c r="UPL26" s="8"/>
      <c r="UPM26" s="8"/>
      <c r="UPN26" s="8"/>
      <c r="UPO26" s="8"/>
      <c r="UPP26" s="8"/>
      <c r="UPQ26" s="8"/>
      <c r="UPR26" s="8"/>
      <c r="UPS26" s="8"/>
      <c r="UPT26" s="8"/>
      <c r="UPU26" s="8"/>
      <c r="UPV26" s="8"/>
      <c r="UPW26" s="8"/>
      <c r="UPX26" s="8"/>
      <c r="UPY26" s="8"/>
      <c r="UPZ26" s="8"/>
      <c r="UQA26" s="8"/>
      <c r="UQB26" s="8"/>
      <c r="UQC26" s="8"/>
      <c r="UQD26" s="8"/>
      <c r="UQE26" s="8"/>
      <c r="UQF26" s="8"/>
      <c r="UQG26" s="8"/>
      <c r="UQH26" s="8"/>
      <c r="UQI26" s="8"/>
      <c r="UQJ26" s="8"/>
      <c r="UQK26" s="8"/>
      <c r="UQL26" s="8"/>
      <c r="UQM26" s="8"/>
      <c r="UQN26" s="8"/>
      <c r="UQO26" s="8"/>
      <c r="UQP26" s="8"/>
      <c r="UQQ26" s="8"/>
      <c r="UQR26" s="8"/>
      <c r="UQS26" s="8"/>
      <c r="UQT26" s="8"/>
      <c r="UQU26" s="8"/>
      <c r="UQV26" s="8"/>
      <c r="UQW26" s="8"/>
      <c r="UQX26" s="8"/>
      <c r="UQY26" s="8"/>
      <c r="UQZ26" s="8"/>
      <c r="URA26" s="8"/>
      <c r="URB26" s="8"/>
      <c r="URC26" s="8"/>
      <c r="URD26" s="8"/>
      <c r="URE26" s="8"/>
      <c r="URF26" s="8"/>
      <c r="URG26" s="8"/>
      <c r="URH26" s="8"/>
      <c r="URI26" s="8"/>
      <c r="URJ26" s="8"/>
      <c r="URK26" s="8"/>
      <c r="URL26" s="8"/>
      <c r="URM26" s="8"/>
      <c r="URN26" s="8"/>
      <c r="URO26" s="8"/>
      <c r="URP26" s="8"/>
      <c r="URQ26" s="8"/>
      <c r="URR26" s="8"/>
      <c r="URS26" s="8"/>
      <c r="URT26" s="8"/>
      <c r="URU26" s="8"/>
      <c r="URV26" s="8"/>
      <c r="URW26" s="8"/>
      <c r="URX26" s="8"/>
      <c r="URY26" s="8"/>
      <c r="URZ26" s="8"/>
      <c r="USA26" s="8"/>
      <c r="USB26" s="8"/>
      <c r="USC26" s="8"/>
      <c r="USD26" s="8"/>
      <c r="USE26" s="8"/>
      <c r="USF26" s="8"/>
      <c r="USG26" s="8"/>
      <c r="USH26" s="8"/>
      <c r="USI26" s="8"/>
      <c r="USJ26" s="8"/>
      <c r="USK26" s="8"/>
      <c r="USL26" s="8"/>
      <c r="USM26" s="8"/>
      <c r="USN26" s="8"/>
      <c r="USO26" s="8"/>
      <c r="USP26" s="8"/>
      <c r="USQ26" s="8"/>
      <c r="USR26" s="8"/>
      <c r="USS26" s="8"/>
      <c r="UST26" s="8"/>
      <c r="USU26" s="8"/>
      <c r="USV26" s="8"/>
      <c r="USW26" s="8"/>
      <c r="USX26" s="8"/>
      <c r="USY26" s="8"/>
      <c r="USZ26" s="8"/>
      <c r="UTA26" s="8"/>
      <c r="UTB26" s="8"/>
      <c r="UTC26" s="8"/>
      <c r="UTD26" s="8"/>
      <c r="UTE26" s="8"/>
      <c r="UTF26" s="8"/>
      <c r="UTG26" s="8"/>
      <c r="UTH26" s="8"/>
      <c r="UTI26" s="8"/>
      <c r="UTJ26" s="8"/>
      <c r="UTK26" s="8"/>
      <c r="UTL26" s="8"/>
      <c r="UTM26" s="8"/>
      <c r="UTN26" s="8"/>
      <c r="UTO26" s="8"/>
      <c r="UTP26" s="8"/>
      <c r="UTQ26" s="8"/>
      <c r="UTR26" s="8"/>
      <c r="UTS26" s="8"/>
      <c r="UTT26" s="8"/>
      <c r="UTU26" s="8"/>
      <c r="UTV26" s="8"/>
      <c r="UTW26" s="8"/>
      <c r="UTX26" s="8"/>
      <c r="UTY26" s="8"/>
      <c r="UTZ26" s="8"/>
      <c r="UUA26" s="8"/>
      <c r="UUB26" s="8"/>
      <c r="UUC26" s="8"/>
      <c r="UUD26" s="8"/>
      <c r="UUE26" s="8"/>
      <c r="UUF26" s="8"/>
      <c r="UUG26" s="8"/>
      <c r="UUH26" s="8"/>
      <c r="UUI26" s="8"/>
      <c r="UUJ26" s="8"/>
      <c r="UUK26" s="8"/>
      <c r="UUL26" s="8"/>
      <c r="UUM26" s="8"/>
      <c r="UUN26" s="8"/>
      <c r="UUO26" s="8"/>
      <c r="UUP26" s="8"/>
      <c r="UUQ26" s="8"/>
      <c r="UUR26" s="8"/>
      <c r="UUS26" s="8"/>
      <c r="UUT26" s="8"/>
      <c r="UUU26" s="8"/>
      <c r="UUV26" s="8"/>
      <c r="UUW26" s="8"/>
      <c r="UUX26" s="8"/>
      <c r="UUY26" s="8"/>
      <c r="UUZ26" s="8"/>
      <c r="UVA26" s="8"/>
      <c r="UVB26" s="8"/>
      <c r="UVC26" s="8"/>
      <c r="UVD26" s="8"/>
      <c r="UVE26" s="8"/>
      <c r="UVF26" s="8"/>
      <c r="UVG26" s="8"/>
      <c r="UVH26" s="8"/>
      <c r="UVI26" s="8"/>
      <c r="UVJ26" s="8"/>
      <c r="UVK26" s="8"/>
      <c r="UVL26" s="8"/>
      <c r="UVM26" s="8"/>
      <c r="UVN26" s="8"/>
      <c r="UVO26" s="8"/>
      <c r="UVP26" s="8"/>
      <c r="UVQ26" s="8"/>
      <c r="UVR26" s="8"/>
      <c r="UVS26" s="8"/>
      <c r="UVT26" s="8"/>
      <c r="UVU26" s="8"/>
      <c r="UVV26" s="8"/>
      <c r="UVW26" s="8"/>
      <c r="UVX26" s="8"/>
      <c r="UVY26" s="8"/>
      <c r="UVZ26" s="8"/>
      <c r="UWA26" s="8"/>
      <c r="UWB26" s="8"/>
      <c r="UWC26" s="8"/>
      <c r="UWD26" s="8"/>
      <c r="UWE26" s="8"/>
      <c r="UWF26" s="8"/>
      <c r="UWG26" s="8"/>
      <c r="UWH26" s="8"/>
      <c r="UWI26" s="8"/>
      <c r="UWJ26" s="8"/>
      <c r="UWK26" s="8"/>
      <c r="UWL26" s="8"/>
      <c r="UWM26" s="8"/>
      <c r="UWN26" s="8"/>
      <c r="UWO26" s="8"/>
      <c r="UWP26" s="8"/>
      <c r="UWQ26" s="8"/>
      <c r="UWR26" s="8"/>
      <c r="UWS26" s="8"/>
      <c r="UWT26" s="8"/>
      <c r="UWU26" s="8"/>
      <c r="UWV26" s="8"/>
      <c r="UWW26" s="8"/>
      <c r="UWX26" s="8"/>
      <c r="UWY26" s="8"/>
      <c r="UWZ26" s="8"/>
      <c r="UXA26" s="8"/>
      <c r="UXB26" s="8"/>
      <c r="UXC26" s="8"/>
      <c r="UXD26" s="8"/>
      <c r="UXE26" s="8"/>
      <c r="UXF26" s="8"/>
      <c r="UXG26" s="8"/>
      <c r="UXH26" s="8"/>
      <c r="UXI26" s="8"/>
      <c r="UXJ26" s="8"/>
      <c r="UXK26" s="8"/>
      <c r="UXL26" s="8"/>
      <c r="UXM26" s="8"/>
      <c r="UXN26" s="8"/>
      <c r="UXO26" s="8"/>
      <c r="UXP26" s="8"/>
      <c r="UXQ26" s="8"/>
      <c r="UXR26" s="8"/>
      <c r="UXS26" s="8"/>
      <c r="UXT26" s="8"/>
      <c r="UXU26" s="8"/>
      <c r="UXV26" s="8"/>
      <c r="UXW26" s="8"/>
      <c r="UXX26" s="8"/>
      <c r="UXY26" s="8"/>
      <c r="UXZ26" s="8"/>
      <c r="UYA26" s="8"/>
      <c r="UYB26" s="8"/>
      <c r="UYC26" s="8"/>
      <c r="UYD26" s="8"/>
      <c r="UYE26" s="8"/>
      <c r="UYF26" s="8"/>
      <c r="UYG26" s="8"/>
      <c r="UYH26" s="8"/>
      <c r="UYI26" s="8"/>
      <c r="UYJ26" s="8"/>
      <c r="UYK26" s="8"/>
      <c r="UYL26" s="8"/>
      <c r="UYM26" s="8"/>
      <c r="UYN26" s="8"/>
      <c r="UYO26" s="8"/>
      <c r="UYP26" s="8"/>
      <c r="UYQ26" s="8"/>
      <c r="UYR26" s="8"/>
      <c r="UYS26" s="8"/>
      <c r="UYT26" s="8"/>
      <c r="UYU26" s="8"/>
      <c r="UYV26" s="8"/>
      <c r="UYW26" s="8"/>
      <c r="UYX26" s="8"/>
      <c r="UYY26" s="8"/>
      <c r="UYZ26" s="8"/>
      <c r="UZA26" s="8"/>
      <c r="UZB26" s="8"/>
      <c r="UZC26" s="8"/>
      <c r="UZD26" s="8"/>
      <c r="UZE26" s="8"/>
      <c r="UZF26" s="8"/>
      <c r="UZG26" s="8"/>
      <c r="UZH26" s="8"/>
      <c r="UZI26" s="8"/>
      <c r="UZJ26" s="8"/>
      <c r="UZK26" s="8"/>
      <c r="UZL26" s="8"/>
      <c r="UZM26" s="8"/>
      <c r="UZN26" s="8"/>
      <c r="UZO26" s="8"/>
      <c r="UZP26" s="8"/>
      <c r="UZQ26" s="8"/>
      <c r="UZR26" s="8"/>
      <c r="UZS26" s="8"/>
      <c r="UZT26" s="8"/>
      <c r="UZU26" s="8"/>
      <c r="UZV26" s="8"/>
      <c r="UZW26" s="8"/>
      <c r="UZX26" s="8"/>
      <c r="UZY26" s="8"/>
      <c r="UZZ26" s="8"/>
      <c r="VAA26" s="8"/>
      <c r="VAB26" s="8"/>
      <c r="VAC26" s="8"/>
      <c r="VAD26" s="8"/>
      <c r="VAE26" s="8"/>
      <c r="VAF26" s="8"/>
      <c r="VAG26" s="8"/>
      <c r="VAH26" s="8"/>
      <c r="VAI26" s="8"/>
      <c r="VAJ26" s="8"/>
      <c r="VAK26" s="8"/>
      <c r="VAL26" s="8"/>
      <c r="VAM26" s="8"/>
      <c r="VAN26" s="8"/>
      <c r="VAO26" s="8"/>
      <c r="VAP26" s="8"/>
      <c r="VAQ26" s="8"/>
      <c r="VAR26" s="8"/>
      <c r="VAS26" s="8"/>
      <c r="VAT26" s="8"/>
      <c r="VAU26" s="8"/>
      <c r="VAV26" s="8"/>
      <c r="VAW26" s="8"/>
      <c r="VAX26" s="8"/>
      <c r="VAY26" s="8"/>
      <c r="VAZ26" s="8"/>
      <c r="VBA26" s="8"/>
      <c r="VBB26" s="8"/>
      <c r="VBC26" s="8"/>
      <c r="VBD26" s="8"/>
      <c r="VBE26" s="8"/>
      <c r="VBF26" s="8"/>
      <c r="VBG26" s="8"/>
      <c r="VBH26" s="8"/>
      <c r="VBI26" s="8"/>
      <c r="VBJ26" s="8"/>
      <c r="VBK26" s="8"/>
      <c r="VBL26" s="8"/>
      <c r="VBM26" s="8"/>
      <c r="VBN26" s="8"/>
      <c r="VBO26" s="8"/>
      <c r="VBP26" s="8"/>
      <c r="VBQ26" s="8"/>
      <c r="VBR26" s="8"/>
      <c r="VBS26" s="8"/>
      <c r="VBT26" s="8"/>
      <c r="VBU26" s="8"/>
      <c r="VBV26" s="8"/>
      <c r="VBW26" s="8"/>
      <c r="VBX26" s="8"/>
      <c r="VBY26" s="8"/>
      <c r="VBZ26" s="8"/>
      <c r="VCA26" s="8"/>
      <c r="VCB26" s="8"/>
      <c r="VCC26" s="8"/>
      <c r="VCD26" s="8"/>
      <c r="VCE26" s="8"/>
      <c r="VCF26" s="8"/>
      <c r="VCG26" s="8"/>
      <c r="VCH26" s="8"/>
      <c r="VCI26" s="8"/>
      <c r="VCJ26" s="8"/>
      <c r="VCK26" s="8"/>
      <c r="VCL26" s="8"/>
      <c r="VCM26" s="8"/>
      <c r="VCN26" s="8"/>
      <c r="VCO26" s="8"/>
      <c r="VCP26" s="8"/>
      <c r="VCQ26" s="8"/>
      <c r="VCR26" s="8"/>
      <c r="VCS26" s="8"/>
      <c r="VCT26" s="8"/>
      <c r="VCU26" s="8"/>
      <c r="VCV26" s="8"/>
      <c r="VCW26" s="8"/>
      <c r="VCX26" s="8"/>
      <c r="VCY26" s="8"/>
      <c r="VCZ26" s="8"/>
      <c r="VDA26" s="8"/>
      <c r="VDB26" s="8"/>
      <c r="VDC26" s="8"/>
      <c r="VDD26" s="8"/>
      <c r="VDE26" s="8"/>
      <c r="VDF26" s="8"/>
      <c r="VDG26" s="8"/>
      <c r="VDH26" s="8"/>
      <c r="VDI26" s="8"/>
      <c r="VDJ26" s="8"/>
      <c r="VDK26" s="8"/>
      <c r="VDL26" s="8"/>
      <c r="VDM26" s="8"/>
      <c r="VDN26" s="8"/>
      <c r="VDO26" s="8"/>
      <c r="VDP26" s="8"/>
      <c r="VDQ26" s="8"/>
      <c r="VDR26" s="8"/>
      <c r="VDS26" s="8"/>
      <c r="VDT26" s="8"/>
      <c r="VDU26" s="8"/>
      <c r="VDV26" s="8"/>
      <c r="VDW26" s="8"/>
      <c r="VDX26" s="8"/>
      <c r="VDY26" s="8"/>
      <c r="VDZ26" s="8"/>
      <c r="VEA26" s="8"/>
      <c r="VEB26" s="8"/>
      <c r="VEC26" s="8"/>
      <c r="VED26" s="8"/>
      <c r="VEE26" s="8"/>
      <c r="VEF26" s="8"/>
      <c r="VEG26" s="8"/>
      <c r="VEH26" s="8"/>
      <c r="VEI26" s="8"/>
      <c r="VEJ26" s="8"/>
      <c r="VEK26" s="8"/>
      <c r="VEL26" s="8"/>
      <c r="VEM26" s="8"/>
      <c r="VEN26" s="8"/>
      <c r="VEO26" s="8"/>
      <c r="VEP26" s="8"/>
      <c r="VEQ26" s="8"/>
      <c r="VER26" s="8"/>
      <c r="VES26" s="8"/>
      <c r="VET26" s="8"/>
      <c r="VEU26" s="8"/>
      <c r="VEV26" s="8"/>
      <c r="VEW26" s="8"/>
      <c r="VEX26" s="8"/>
      <c r="VEY26" s="8"/>
      <c r="VEZ26" s="8"/>
      <c r="VFA26" s="8"/>
      <c r="VFB26" s="8"/>
      <c r="VFC26" s="8"/>
      <c r="VFD26" s="8"/>
      <c r="VFE26" s="8"/>
      <c r="VFF26" s="8"/>
      <c r="VFG26" s="8"/>
      <c r="VFH26" s="8"/>
      <c r="VFI26" s="8"/>
      <c r="VFJ26" s="8"/>
      <c r="VFK26" s="8"/>
      <c r="VFL26" s="8"/>
      <c r="VFM26" s="8"/>
      <c r="VFN26" s="8"/>
      <c r="VFO26" s="8"/>
      <c r="VFP26" s="8"/>
      <c r="VFQ26" s="8"/>
      <c r="VFR26" s="8"/>
      <c r="VFS26" s="8"/>
      <c r="VFT26" s="8"/>
      <c r="VFU26" s="8"/>
      <c r="VFV26" s="8"/>
      <c r="VFW26" s="8"/>
      <c r="VFX26" s="8"/>
      <c r="VFY26" s="8"/>
      <c r="VFZ26" s="8"/>
      <c r="VGA26" s="8"/>
      <c r="VGB26" s="8"/>
      <c r="VGC26" s="8"/>
      <c r="VGD26" s="8"/>
      <c r="VGE26" s="8"/>
      <c r="VGF26" s="8"/>
      <c r="VGG26" s="8"/>
      <c r="VGH26" s="8"/>
      <c r="VGI26" s="8"/>
      <c r="VGJ26" s="8"/>
      <c r="VGK26" s="8"/>
      <c r="VGL26" s="8"/>
      <c r="VGM26" s="8"/>
      <c r="VGN26" s="8"/>
      <c r="VGO26" s="8"/>
      <c r="VGP26" s="8"/>
      <c r="VGQ26" s="8"/>
      <c r="VGR26" s="8"/>
      <c r="VGS26" s="8"/>
      <c r="VGT26" s="8"/>
      <c r="VGU26" s="8"/>
      <c r="VGV26" s="8"/>
      <c r="VGW26" s="8"/>
      <c r="VGX26" s="8"/>
      <c r="VGY26" s="8"/>
      <c r="VGZ26" s="8"/>
      <c r="VHA26" s="8"/>
      <c r="VHB26" s="8"/>
      <c r="VHC26" s="8"/>
      <c r="VHD26" s="8"/>
      <c r="VHE26" s="8"/>
      <c r="VHF26" s="8"/>
      <c r="VHG26" s="8"/>
      <c r="VHH26" s="8"/>
      <c r="VHI26" s="8"/>
      <c r="VHJ26" s="8"/>
      <c r="VHK26" s="8"/>
      <c r="VHL26" s="8"/>
      <c r="VHM26" s="8"/>
      <c r="VHN26" s="8"/>
      <c r="VHO26" s="8"/>
      <c r="VHP26" s="8"/>
      <c r="VHQ26" s="8"/>
      <c r="VHR26" s="8"/>
      <c r="VHS26" s="8"/>
      <c r="VHT26" s="8"/>
      <c r="VHU26" s="8"/>
      <c r="VHV26" s="8"/>
      <c r="VHW26" s="8"/>
      <c r="VHX26" s="8"/>
      <c r="VHY26" s="8"/>
      <c r="VHZ26" s="8"/>
      <c r="VIA26" s="8"/>
      <c r="VIB26" s="8"/>
      <c r="VIC26" s="8"/>
      <c r="VID26" s="8"/>
      <c r="VIE26" s="8"/>
      <c r="VIF26" s="8"/>
      <c r="VIG26" s="8"/>
      <c r="VIH26" s="8"/>
      <c r="VII26" s="8"/>
      <c r="VIJ26" s="8"/>
      <c r="VIK26" s="8"/>
      <c r="VIL26" s="8"/>
      <c r="VIM26" s="8"/>
      <c r="VIN26" s="8"/>
      <c r="VIO26" s="8"/>
      <c r="VIP26" s="8"/>
      <c r="VIQ26" s="8"/>
      <c r="VIR26" s="8"/>
      <c r="VIS26" s="8"/>
      <c r="VIT26" s="8"/>
      <c r="VIU26" s="8"/>
      <c r="VIV26" s="8"/>
      <c r="VIW26" s="8"/>
      <c r="VIX26" s="8"/>
      <c r="VIY26" s="8"/>
      <c r="VIZ26" s="8"/>
      <c r="VJA26" s="8"/>
      <c r="VJB26" s="8"/>
      <c r="VJC26" s="8"/>
      <c r="VJD26" s="8"/>
      <c r="VJE26" s="8"/>
      <c r="VJF26" s="8"/>
      <c r="VJG26" s="8"/>
      <c r="VJH26" s="8"/>
      <c r="VJI26" s="8"/>
      <c r="VJJ26" s="8"/>
      <c r="VJK26" s="8"/>
      <c r="VJL26" s="8"/>
      <c r="VJM26" s="8"/>
      <c r="VJN26" s="8"/>
      <c r="VJO26" s="8"/>
      <c r="VJP26" s="8"/>
      <c r="VJQ26" s="8"/>
      <c r="VJR26" s="8"/>
      <c r="VJS26" s="8"/>
      <c r="VJT26" s="8"/>
      <c r="VJU26" s="8"/>
      <c r="VJV26" s="8"/>
      <c r="VJW26" s="8"/>
      <c r="VJX26" s="8"/>
      <c r="VJY26" s="8"/>
      <c r="VJZ26" s="8"/>
      <c r="VKA26" s="8"/>
      <c r="VKB26" s="8"/>
      <c r="VKC26" s="8"/>
      <c r="VKD26" s="8"/>
      <c r="VKE26" s="8"/>
      <c r="VKF26" s="8"/>
      <c r="VKG26" s="8"/>
      <c r="VKH26" s="8"/>
      <c r="VKI26" s="8"/>
      <c r="VKJ26" s="8"/>
      <c r="VKK26" s="8"/>
      <c r="VKL26" s="8"/>
      <c r="VKM26" s="8"/>
      <c r="VKN26" s="8"/>
      <c r="VKO26" s="8"/>
      <c r="VKP26" s="8"/>
      <c r="VKQ26" s="8"/>
      <c r="VKR26" s="8"/>
      <c r="VKS26" s="8"/>
      <c r="VKT26" s="8"/>
      <c r="VKU26" s="8"/>
      <c r="VKV26" s="8"/>
      <c r="VKW26" s="8"/>
      <c r="VKX26" s="8"/>
      <c r="VKY26" s="8"/>
      <c r="VKZ26" s="8"/>
      <c r="VLA26" s="8"/>
      <c r="VLB26" s="8"/>
      <c r="VLC26" s="8"/>
      <c r="VLD26" s="8"/>
      <c r="VLE26" s="8"/>
      <c r="VLF26" s="8"/>
      <c r="VLG26" s="8"/>
      <c r="VLH26" s="8"/>
      <c r="VLI26" s="8"/>
      <c r="VLJ26" s="8"/>
      <c r="VLK26" s="8"/>
      <c r="VLL26" s="8"/>
      <c r="VLM26" s="8"/>
      <c r="VLN26" s="8"/>
      <c r="VLO26" s="8"/>
      <c r="VLP26" s="8"/>
      <c r="VLQ26" s="8"/>
      <c r="VLR26" s="8"/>
      <c r="VLS26" s="8"/>
      <c r="VLT26" s="8"/>
      <c r="VLU26" s="8"/>
      <c r="VLV26" s="8"/>
      <c r="VLW26" s="8"/>
      <c r="VLX26" s="8"/>
      <c r="VLY26" s="8"/>
      <c r="VLZ26" s="8"/>
      <c r="VMA26" s="8"/>
      <c r="VMB26" s="8"/>
      <c r="VMC26" s="8"/>
      <c r="VMD26" s="8"/>
      <c r="VME26" s="8"/>
      <c r="VMF26" s="8"/>
      <c r="VMG26" s="8"/>
      <c r="VMH26" s="8"/>
      <c r="VMI26" s="8"/>
      <c r="VMJ26" s="8"/>
      <c r="VMK26" s="8"/>
      <c r="VML26" s="8"/>
      <c r="VMM26" s="8"/>
      <c r="VMN26" s="8"/>
      <c r="VMO26" s="8"/>
      <c r="VMP26" s="8"/>
      <c r="VMQ26" s="8"/>
      <c r="VMR26" s="8"/>
      <c r="VMS26" s="8"/>
      <c r="VMT26" s="8"/>
      <c r="VMU26" s="8"/>
      <c r="VMV26" s="8"/>
      <c r="VMW26" s="8"/>
      <c r="VMX26" s="8"/>
      <c r="VMY26" s="8"/>
      <c r="VMZ26" s="8"/>
      <c r="VNA26" s="8"/>
      <c r="VNB26" s="8"/>
      <c r="VNC26" s="8"/>
      <c r="VND26" s="8"/>
      <c r="VNE26" s="8"/>
      <c r="VNF26" s="8"/>
      <c r="VNG26" s="8"/>
      <c r="VNH26" s="8"/>
      <c r="VNI26" s="8"/>
      <c r="VNJ26" s="8"/>
      <c r="VNK26" s="8"/>
      <c r="VNL26" s="8"/>
      <c r="VNM26" s="8"/>
      <c r="VNN26" s="8"/>
      <c r="VNO26" s="8"/>
      <c r="VNP26" s="8"/>
      <c r="VNQ26" s="8"/>
      <c r="VNR26" s="8"/>
      <c r="VNS26" s="8"/>
      <c r="VNT26" s="8"/>
      <c r="VNU26" s="8"/>
      <c r="VNV26" s="8"/>
      <c r="VNW26" s="8"/>
      <c r="VNX26" s="8"/>
      <c r="VNY26" s="8"/>
      <c r="VNZ26" s="8"/>
      <c r="VOA26" s="8"/>
      <c r="VOB26" s="8"/>
      <c r="VOC26" s="8"/>
      <c r="VOD26" s="8"/>
      <c r="VOE26" s="8"/>
      <c r="VOF26" s="8"/>
      <c r="VOG26" s="8"/>
      <c r="VOH26" s="8"/>
      <c r="VOI26" s="8"/>
      <c r="VOJ26" s="8"/>
      <c r="VOK26" s="8"/>
      <c r="VOL26" s="8"/>
      <c r="VOM26" s="8"/>
      <c r="VON26" s="8"/>
      <c r="VOO26" s="8"/>
      <c r="VOP26" s="8"/>
      <c r="VOQ26" s="8"/>
      <c r="VOR26" s="8"/>
      <c r="VOS26" s="8"/>
      <c r="VOT26" s="8"/>
      <c r="VOU26" s="8"/>
      <c r="VOV26" s="8"/>
      <c r="VOW26" s="8"/>
      <c r="VOX26" s="8"/>
      <c r="VOY26" s="8"/>
      <c r="VOZ26" s="8"/>
      <c r="VPA26" s="8"/>
      <c r="VPB26" s="8"/>
      <c r="VPC26" s="8"/>
      <c r="VPD26" s="8"/>
      <c r="VPE26" s="8"/>
      <c r="VPF26" s="8"/>
      <c r="VPG26" s="8"/>
      <c r="VPH26" s="8"/>
      <c r="VPI26" s="8"/>
      <c r="VPJ26" s="8"/>
      <c r="VPK26" s="8"/>
      <c r="VPL26" s="8"/>
      <c r="VPM26" s="8"/>
      <c r="VPN26" s="8"/>
      <c r="VPO26" s="8"/>
      <c r="VPP26" s="8"/>
      <c r="VPQ26" s="8"/>
      <c r="VPR26" s="8"/>
      <c r="VPS26" s="8"/>
      <c r="VPT26" s="8"/>
      <c r="VPU26" s="8"/>
      <c r="VPV26" s="8"/>
      <c r="VPW26" s="8"/>
      <c r="VPX26" s="8"/>
      <c r="VPY26" s="8"/>
      <c r="VPZ26" s="8"/>
      <c r="VQA26" s="8"/>
      <c r="VQB26" s="8"/>
      <c r="VQC26" s="8"/>
      <c r="VQD26" s="8"/>
      <c r="VQE26" s="8"/>
      <c r="VQF26" s="8"/>
      <c r="VQG26" s="8"/>
      <c r="VQH26" s="8"/>
      <c r="VQI26" s="8"/>
      <c r="VQJ26" s="8"/>
      <c r="VQK26" s="8"/>
      <c r="VQL26" s="8"/>
      <c r="VQM26" s="8"/>
      <c r="VQN26" s="8"/>
      <c r="VQO26" s="8"/>
      <c r="VQP26" s="8"/>
      <c r="VQQ26" s="8"/>
      <c r="VQR26" s="8"/>
      <c r="VQS26" s="8"/>
      <c r="VQT26" s="8"/>
      <c r="VQU26" s="8"/>
      <c r="VQV26" s="8"/>
      <c r="VQW26" s="8"/>
      <c r="VQX26" s="8"/>
      <c r="VQY26" s="8"/>
      <c r="VQZ26" s="8"/>
      <c r="VRA26" s="8"/>
      <c r="VRB26" s="8"/>
      <c r="VRC26" s="8"/>
      <c r="VRD26" s="8"/>
      <c r="VRE26" s="8"/>
      <c r="VRF26" s="8"/>
      <c r="VRG26" s="8"/>
      <c r="VRH26" s="8"/>
      <c r="VRI26" s="8"/>
      <c r="VRJ26" s="8"/>
      <c r="VRK26" s="8"/>
      <c r="VRL26" s="8"/>
      <c r="VRM26" s="8"/>
      <c r="VRN26" s="8"/>
      <c r="VRO26" s="8"/>
      <c r="VRP26" s="8"/>
      <c r="VRQ26" s="8"/>
      <c r="VRR26" s="8"/>
      <c r="VRS26" s="8"/>
      <c r="VRT26" s="8"/>
      <c r="VRU26" s="8"/>
      <c r="VRV26" s="8"/>
      <c r="VRW26" s="8"/>
      <c r="VRX26" s="8"/>
      <c r="VRY26" s="8"/>
      <c r="VRZ26" s="8"/>
      <c r="VSA26" s="8"/>
      <c r="VSB26" s="8"/>
      <c r="VSC26" s="8"/>
      <c r="VSD26" s="8"/>
      <c r="VSE26" s="8"/>
      <c r="VSF26" s="8"/>
      <c r="VSG26" s="8"/>
      <c r="VSH26" s="8"/>
      <c r="VSI26" s="8"/>
      <c r="VSJ26" s="8"/>
      <c r="VSK26" s="8"/>
      <c r="VSL26" s="8"/>
      <c r="VSM26" s="8"/>
      <c r="VSN26" s="8"/>
      <c r="VSO26" s="8"/>
      <c r="VSP26" s="8"/>
      <c r="VSQ26" s="8"/>
      <c r="VSR26" s="8"/>
      <c r="VSS26" s="8"/>
      <c r="VST26" s="8"/>
      <c r="VSU26" s="8"/>
      <c r="VSV26" s="8"/>
      <c r="VSW26" s="8"/>
      <c r="VSX26" s="8"/>
      <c r="VSY26" s="8"/>
      <c r="VSZ26" s="8"/>
      <c r="VTA26" s="8"/>
      <c r="VTB26" s="8"/>
      <c r="VTC26" s="8"/>
      <c r="VTD26" s="8"/>
      <c r="VTE26" s="8"/>
      <c r="VTF26" s="8"/>
      <c r="VTG26" s="8"/>
      <c r="VTH26" s="8"/>
      <c r="VTI26" s="8"/>
      <c r="VTJ26" s="8"/>
      <c r="VTK26" s="8"/>
      <c r="VTL26" s="8"/>
      <c r="VTM26" s="8"/>
      <c r="VTN26" s="8"/>
      <c r="VTO26" s="8"/>
      <c r="VTP26" s="8"/>
      <c r="VTQ26" s="8"/>
      <c r="VTR26" s="8"/>
      <c r="VTS26" s="8"/>
      <c r="VTT26" s="8"/>
      <c r="VTU26" s="8"/>
      <c r="VTV26" s="8"/>
      <c r="VTW26" s="8"/>
      <c r="VTX26" s="8"/>
      <c r="VTY26" s="8"/>
      <c r="VTZ26" s="8"/>
      <c r="VUA26" s="8"/>
      <c r="VUB26" s="8"/>
      <c r="VUC26" s="8"/>
      <c r="VUD26" s="8"/>
      <c r="VUE26" s="8"/>
      <c r="VUF26" s="8"/>
      <c r="VUG26" s="8"/>
      <c r="VUH26" s="8"/>
      <c r="VUI26" s="8"/>
      <c r="VUJ26" s="8"/>
      <c r="VUK26" s="8"/>
      <c r="VUL26" s="8"/>
      <c r="VUM26" s="8"/>
      <c r="VUN26" s="8"/>
      <c r="VUO26" s="8"/>
      <c r="VUP26" s="8"/>
      <c r="VUQ26" s="8"/>
      <c r="VUR26" s="8"/>
      <c r="VUS26" s="8"/>
      <c r="VUT26" s="8"/>
      <c r="VUU26" s="8"/>
      <c r="VUV26" s="8"/>
      <c r="VUW26" s="8"/>
      <c r="VUX26" s="8"/>
      <c r="VUY26" s="8"/>
      <c r="VUZ26" s="8"/>
      <c r="VVA26" s="8"/>
      <c r="VVB26" s="8"/>
      <c r="VVC26" s="8"/>
      <c r="VVD26" s="8"/>
      <c r="VVE26" s="8"/>
      <c r="VVF26" s="8"/>
      <c r="VVG26" s="8"/>
      <c r="VVH26" s="8"/>
      <c r="VVI26" s="8"/>
      <c r="VVJ26" s="8"/>
      <c r="VVK26" s="8"/>
      <c r="VVL26" s="8"/>
      <c r="VVM26" s="8"/>
      <c r="VVN26" s="8"/>
      <c r="VVO26" s="8"/>
      <c r="VVP26" s="8"/>
      <c r="VVQ26" s="8"/>
      <c r="VVR26" s="8"/>
      <c r="VVS26" s="8"/>
      <c r="VVT26" s="8"/>
      <c r="VVU26" s="8"/>
      <c r="VVV26" s="8"/>
      <c r="VVW26" s="8"/>
      <c r="VVX26" s="8"/>
      <c r="VVY26" s="8"/>
      <c r="VVZ26" s="8"/>
      <c r="VWA26" s="8"/>
      <c r="VWB26" s="8"/>
      <c r="VWC26" s="8"/>
      <c r="VWD26" s="8"/>
      <c r="VWE26" s="8"/>
      <c r="VWF26" s="8"/>
      <c r="VWG26" s="8"/>
      <c r="VWH26" s="8"/>
      <c r="VWI26" s="8"/>
      <c r="VWJ26" s="8"/>
      <c r="VWK26" s="8"/>
      <c r="VWL26" s="8"/>
      <c r="VWM26" s="8"/>
      <c r="VWN26" s="8"/>
      <c r="VWO26" s="8"/>
      <c r="VWP26" s="8"/>
      <c r="VWQ26" s="8"/>
      <c r="VWR26" s="8"/>
      <c r="VWS26" s="8"/>
      <c r="VWT26" s="8"/>
      <c r="VWU26" s="8"/>
      <c r="VWV26" s="8"/>
      <c r="VWW26" s="8"/>
      <c r="VWX26" s="8"/>
      <c r="VWY26" s="8"/>
      <c r="VWZ26" s="8"/>
      <c r="VXA26" s="8"/>
      <c r="VXB26" s="8"/>
      <c r="VXC26" s="8"/>
      <c r="VXD26" s="8"/>
      <c r="VXE26" s="8"/>
      <c r="VXF26" s="8"/>
      <c r="VXG26" s="8"/>
      <c r="VXH26" s="8"/>
      <c r="VXI26" s="8"/>
      <c r="VXJ26" s="8"/>
      <c r="VXK26" s="8"/>
      <c r="VXL26" s="8"/>
      <c r="VXM26" s="8"/>
      <c r="VXN26" s="8"/>
      <c r="VXO26" s="8"/>
      <c r="VXP26" s="8"/>
      <c r="VXQ26" s="8"/>
      <c r="VXR26" s="8"/>
      <c r="VXS26" s="8"/>
      <c r="VXT26" s="8"/>
      <c r="VXU26" s="8"/>
      <c r="VXV26" s="8"/>
      <c r="VXW26" s="8"/>
      <c r="VXX26" s="8"/>
      <c r="VXY26" s="8"/>
      <c r="VXZ26" s="8"/>
      <c r="VYA26" s="8"/>
      <c r="VYB26" s="8"/>
      <c r="VYC26" s="8"/>
      <c r="VYD26" s="8"/>
      <c r="VYE26" s="8"/>
      <c r="VYF26" s="8"/>
      <c r="VYG26" s="8"/>
      <c r="VYH26" s="8"/>
      <c r="VYI26" s="8"/>
      <c r="VYJ26" s="8"/>
      <c r="VYK26" s="8"/>
      <c r="VYL26" s="8"/>
      <c r="VYM26" s="8"/>
      <c r="VYN26" s="8"/>
      <c r="VYO26" s="8"/>
      <c r="VYP26" s="8"/>
      <c r="VYQ26" s="8"/>
      <c r="VYR26" s="8"/>
      <c r="VYS26" s="8"/>
      <c r="VYT26" s="8"/>
      <c r="VYU26" s="8"/>
      <c r="VYV26" s="8"/>
      <c r="VYW26" s="8"/>
      <c r="VYX26" s="8"/>
      <c r="VYY26" s="8"/>
      <c r="VYZ26" s="8"/>
      <c r="VZA26" s="8"/>
      <c r="VZB26" s="8"/>
      <c r="VZC26" s="8"/>
      <c r="VZD26" s="8"/>
      <c r="VZE26" s="8"/>
      <c r="VZF26" s="8"/>
      <c r="VZG26" s="8"/>
      <c r="VZH26" s="8"/>
      <c r="VZI26" s="8"/>
      <c r="VZJ26" s="8"/>
      <c r="VZK26" s="8"/>
      <c r="VZL26" s="8"/>
      <c r="VZM26" s="8"/>
      <c r="VZN26" s="8"/>
      <c r="VZO26" s="8"/>
      <c r="VZP26" s="8"/>
      <c r="VZQ26" s="8"/>
      <c r="VZR26" s="8"/>
      <c r="VZS26" s="8"/>
      <c r="VZT26" s="8"/>
      <c r="VZU26" s="8"/>
      <c r="VZV26" s="8"/>
      <c r="VZW26" s="8"/>
      <c r="VZX26" s="8"/>
      <c r="VZY26" s="8"/>
      <c r="VZZ26" s="8"/>
      <c r="WAA26" s="8"/>
      <c r="WAB26" s="8"/>
      <c r="WAC26" s="8"/>
      <c r="WAD26" s="8"/>
      <c r="WAE26" s="8"/>
      <c r="WAF26" s="8"/>
      <c r="WAG26" s="8"/>
      <c r="WAH26" s="8"/>
      <c r="WAI26" s="8"/>
      <c r="WAJ26" s="8"/>
      <c r="WAK26" s="8"/>
      <c r="WAL26" s="8"/>
      <c r="WAM26" s="8"/>
      <c r="WAN26" s="8"/>
      <c r="WAO26" s="8"/>
      <c r="WAP26" s="8"/>
      <c r="WAQ26" s="8"/>
      <c r="WAR26" s="8"/>
      <c r="WAS26" s="8"/>
      <c r="WAT26" s="8"/>
      <c r="WAU26" s="8"/>
      <c r="WAV26" s="8"/>
      <c r="WAW26" s="8"/>
      <c r="WAX26" s="8"/>
      <c r="WAY26" s="8"/>
      <c r="WAZ26" s="8"/>
      <c r="WBA26" s="8"/>
      <c r="WBB26" s="8"/>
      <c r="WBC26" s="8"/>
      <c r="WBD26" s="8"/>
      <c r="WBE26" s="8"/>
      <c r="WBF26" s="8"/>
      <c r="WBG26" s="8"/>
      <c r="WBH26" s="8"/>
      <c r="WBI26" s="8"/>
      <c r="WBJ26" s="8"/>
      <c r="WBK26" s="8"/>
      <c r="WBL26" s="8"/>
      <c r="WBM26" s="8"/>
      <c r="WBN26" s="8"/>
      <c r="WBO26" s="8"/>
      <c r="WBP26" s="8"/>
      <c r="WBQ26" s="8"/>
      <c r="WBR26" s="8"/>
      <c r="WBS26" s="8"/>
      <c r="WBT26" s="8"/>
      <c r="WBU26" s="8"/>
      <c r="WBV26" s="8"/>
      <c r="WBW26" s="8"/>
      <c r="WBX26" s="8"/>
      <c r="WBY26" s="8"/>
      <c r="WBZ26" s="8"/>
      <c r="WCA26" s="8"/>
      <c r="WCB26" s="8"/>
      <c r="WCC26" s="8"/>
      <c r="WCD26" s="8"/>
      <c r="WCE26" s="8"/>
      <c r="WCF26" s="8"/>
      <c r="WCG26" s="8"/>
      <c r="WCH26" s="8"/>
      <c r="WCI26" s="8"/>
      <c r="WCJ26" s="8"/>
      <c r="WCK26" s="8"/>
      <c r="WCL26" s="8"/>
      <c r="WCM26" s="8"/>
      <c r="WCN26" s="8"/>
      <c r="WCO26" s="8"/>
      <c r="WCP26" s="8"/>
      <c r="WCQ26" s="8"/>
      <c r="WCR26" s="8"/>
      <c r="WCS26" s="8"/>
      <c r="WCT26" s="8"/>
      <c r="WCU26" s="8"/>
      <c r="WCV26" s="8"/>
      <c r="WCW26" s="8"/>
      <c r="WCX26" s="8"/>
      <c r="WCY26" s="8"/>
      <c r="WCZ26" s="8"/>
      <c r="WDA26" s="8"/>
      <c r="WDB26" s="8"/>
      <c r="WDC26" s="8"/>
      <c r="WDD26" s="8"/>
      <c r="WDE26" s="8"/>
      <c r="WDF26" s="8"/>
      <c r="WDG26" s="8"/>
      <c r="WDH26" s="8"/>
      <c r="WDI26" s="8"/>
      <c r="WDJ26" s="8"/>
      <c r="WDK26" s="8"/>
      <c r="WDL26" s="8"/>
      <c r="WDM26" s="8"/>
      <c r="WDN26" s="8"/>
      <c r="WDO26" s="8"/>
      <c r="WDP26" s="8"/>
      <c r="WDQ26" s="8"/>
      <c r="WDR26" s="8"/>
      <c r="WDS26" s="8"/>
      <c r="WDT26" s="8"/>
      <c r="WDU26" s="8"/>
      <c r="WDV26" s="8"/>
      <c r="WDW26" s="8"/>
      <c r="WDX26" s="8"/>
      <c r="WDY26" s="8"/>
      <c r="WDZ26" s="8"/>
      <c r="WEA26" s="8"/>
      <c r="WEB26" s="8"/>
      <c r="WEC26" s="8"/>
      <c r="WED26" s="8"/>
      <c r="WEE26" s="8"/>
      <c r="WEF26" s="8"/>
      <c r="WEG26" s="8"/>
      <c r="WEH26" s="8"/>
      <c r="WEI26" s="8"/>
      <c r="WEJ26" s="8"/>
      <c r="WEK26" s="8"/>
      <c r="WEL26" s="8"/>
      <c r="WEM26" s="8"/>
      <c r="WEN26" s="8"/>
      <c r="WEO26" s="8"/>
      <c r="WEP26" s="8"/>
      <c r="WEQ26" s="8"/>
      <c r="WER26" s="8"/>
      <c r="WES26" s="8"/>
      <c r="WET26" s="8"/>
      <c r="WEU26" s="8"/>
      <c r="WEV26" s="8"/>
      <c r="WEW26" s="8"/>
      <c r="WEX26" s="8"/>
      <c r="WEY26" s="8"/>
      <c r="WEZ26" s="8"/>
      <c r="WFA26" s="8"/>
      <c r="WFB26" s="8"/>
      <c r="WFC26" s="8"/>
      <c r="WFD26" s="8"/>
      <c r="WFE26" s="8"/>
      <c r="WFF26" s="8"/>
      <c r="WFG26" s="8"/>
      <c r="WFH26" s="8"/>
      <c r="WFI26" s="8"/>
      <c r="WFJ26" s="8"/>
      <c r="WFK26" s="8"/>
      <c r="WFL26" s="8"/>
      <c r="WFM26" s="8"/>
      <c r="WFN26" s="8"/>
      <c r="WFO26" s="8"/>
      <c r="WFP26" s="8"/>
      <c r="WFQ26" s="8"/>
      <c r="WFR26" s="8"/>
      <c r="WFS26" s="8"/>
      <c r="WFT26" s="8"/>
      <c r="WFU26" s="8"/>
      <c r="WFV26" s="8"/>
      <c r="WFW26" s="8"/>
      <c r="WFX26" s="8"/>
      <c r="WFY26" s="8"/>
      <c r="WFZ26" s="8"/>
      <c r="WGA26" s="8"/>
      <c r="WGB26" s="8"/>
      <c r="WGC26" s="8"/>
      <c r="WGD26" s="8"/>
      <c r="WGE26" s="8"/>
      <c r="WGF26" s="8"/>
      <c r="WGG26" s="8"/>
      <c r="WGH26" s="8"/>
      <c r="WGI26" s="8"/>
      <c r="WGJ26" s="8"/>
      <c r="WGK26" s="8"/>
      <c r="WGL26" s="8"/>
      <c r="WGM26" s="8"/>
      <c r="WGN26" s="8"/>
      <c r="WGO26" s="8"/>
      <c r="WGP26" s="8"/>
      <c r="WGQ26" s="8"/>
      <c r="WGR26" s="8"/>
      <c r="WGS26" s="8"/>
      <c r="WGT26" s="8"/>
      <c r="WGU26" s="8"/>
      <c r="WGV26" s="8"/>
      <c r="WGW26" s="8"/>
      <c r="WGX26" s="8"/>
      <c r="WGY26" s="8"/>
      <c r="WGZ26" s="8"/>
      <c r="WHA26" s="8"/>
      <c r="WHB26" s="8"/>
      <c r="WHC26" s="8"/>
      <c r="WHD26" s="8"/>
      <c r="WHE26" s="8"/>
      <c r="WHF26" s="8"/>
      <c r="WHG26" s="8"/>
      <c r="WHH26" s="8"/>
      <c r="WHI26" s="8"/>
      <c r="WHJ26" s="8"/>
      <c r="WHK26" s="8"/>
      <c r="WHL26" s="8"/>
      <c r="WHM26" s="8"/>
      <c r="WHN26" s="8"/>
      <c r="WHO26" s="8"/>
      <c r="WHP26" s="8"/>
      <c r="WHQ26" s="8"/>
      <c r="WHR26" s="8"/>
      <c r="WHS26" s="8"/>
      <c r="WHT26" s="8"/>
      <c r="WHU26" s="8"/>
      <c r="WHV26" s="8"/>
      <c r="WHW26" s="8"/>
      <c r="WHX26" s="8"/>
      <c r="WHY26" s="8"/>
      <c r="WHZ26" s="8"/>
      <c r="WIA26" s="8"/>
      <c r="WIB26" s="8"/>
      <c r="WIC26" s="8"/>
      <c r="WID26" s="8"/>
      <c r="WIE26" s="8"/>
      <c r="WIF26" s="8"/>
      <c r="WIG26" s="8"/>
      <c r="WIH26" s="8"/>
      <c r="WII26" s="8"/>
      <c r="WIJ26" s="8"/>
      <c r="WIK26" s="8"/>
      <c r="WIL26" s="8"/>
      <c r="WIM26" s="8"/>
      <c r="WIN26" s="8"/>
      <c r="WIO26" s="8"/>
      <c r="WIP26" s="8"/>
      <c r="WIQ26" s="8"/>
      <c r="WIR26" s="8"/>
      <c r="WIS26" s="8"/>
      <c r="WIT26" s="8"/>
      <c r="WIU26" s="8"/>
      <c r="WIV26" s="8"/>
      <c r="WIW26" s="8"/>
      <c r="WIX26" s="8"/>
      <c r="WIY26" s="8"/>
      <c r="WIZ26" s="8"/>
      <c r="WJA26" s="8"/>
      <c r="WJB26" s="8"/>
      <c r="WJC26" s="8"/>
      <c r="WJD26" s="8"/>
      <c r="WJE26" s="8"/>
      <c r="WJF26" s="8"/>
      <c r="WJG26" s="8"/>
      <c r="WJH26" s="8"/>
      <c r="WJI26" s="8"/>
      <c r="WJJ26" s="8"/>
      <c r="WJK26" s="8"/>
      <c r="WJL26" s="8"/>
      <c r="WJM26" s="8"/>
      <c r="WJN26" s="8"/>
      <c r="WJO26" s="8"/>
      <c r="WJP26" s="8"/>
      <c r="WJQ26" s="8"/>
      <c r="WJR26" s="8"/>
      <c r="WJS26" s="8"/>
      <c r="WJT26" s="8"/>
      <c r="WJU26" s="8"/>
      <c r="WJV26" s="8"/>
      <c r="WJW26" s="8"/>
      <c r="WJX26" s="8"/>
      <c r="WJY26" s="8"/>
      <c r="WJZ26" s="8"/>
      <c r="WKA26" s="8"/>
      <c r="WKB26" s="8"/>
      <c r="WKC26" s="8"/>
      <c r="WKD26" s="8"/>
      <c r="WKE26" s="8"/>
      <c r="WKF26" s="8"/>
      <c r="WKG26" s="8"/>
      <c r="WKH26" s="8"/>
      <c r="WKI26" s="8"/>
      <c r="WKJ26" s="8"/>
      <c r="WKK26" s="8"/>
      <c r="WKL26" s="8"/>
      <c r="WKM26" s="8"/>
      <c r="WKN26" s="8"/>
      <c r="WKO26" s="8"/>
      <c r="WKP26" s="8"/>
      <c r="WKQ26" s="8"/>
      <c r="WKR26" s="8"/>
      <c r="WKS26" s="8"/>
      <c r="WKT26" s="8"/>
      <c r="WKU26" s="8"/>
      <c r="WKV26" s="8"/>
      <c r="WKW26" s="8"/>
      <c r="WKX26" s="8"/>
      <c r="WKY26" s="8"/>
      <c r="WKZ26" s="8"/>
      <c r="WLA26" s="8"/>
      <c r="WLB26" s="8"/>
      <c r="WLC26" s="8"/>
      <c r="WLD26" s="8"/>
      <c r="WLE26" s="8"/>
      <c r="WLF26" s="8"/>
      <c r="WLG26" s="8"/>
      <c r="WLH26" s="8"/>
      <c r="WLI26" s="8"/>
      <c r="WLJ26" s="8"/>
      <c r="WLK26" s="8"/>
      <c r="WLL26" s="8"/>
      <c r="WLM26" s="8"/>
      <c r="WLN26" s="8"/>
      <c r="WLO26" s="8"/>
      <c r="WLP26" s="8"/>
      <c r="WLQ26" s="8"/>
      <c r="WLR26" s="8"/>
      <c r="WLS26" s="8"/>
      <c r="WLT26" s="8"/>
      <c r="WLU26" s="8"/>
      <c r="WLV26" s="8"/>
      <c r="WLW26" s="8"/>
      <c r="WLX26" s="8"/>
      <c r="WLY26" s="8"/>
      <c r="WLZ26" s="8"/>
      <c r="WMA26" s="8"/>
      <c r="WMB26" s="8"/>
      <c r="WMC26" s="8"/>
      <c r="WMD26" s="8"/>
      <c r="WME26" s="8"/>
      <c r="WMF26" s="8"/>
      <c r="WMG26" s="8"/>
      <c r="WMH26" s="8"/>
      <c r="WMI26" s="8"/>
      <c r="WMJ26" s="8"/>
      <c r="WMK26" s="8"/>
      <c r="WML26" s="8"/>
      <c r="WMM26" s="8"/>
      <c r="WMN26" s="8"/>
      <c r="WMO26" s="8"/>
      <c r="WMP26" s="8"/>
      <c r="WMQ26" s="8"/>
      <c r="WMR26" s="8"/>
      <c r="WMS26" s="8"/>
      <c r="WMT26" s="8"/>
      <c r="WMU26" s="8"/>
      <c r="WMV26" s="8"/>
      <c r="WMW26" s="8"/>
      <c r="WMX26" s="8"/>
      <c r="WMY26" s="8"/>
      <c r="WMZ26" s="8"/>
      <c r="WNA26" s="8"/>
      <c r="WNB26" s="8"/>
      <c r="WNC26" s="8"/>
      <c r="WND26" s="8"/>
      <c r="WNE26" s="8"/>
      <c r="WNF26" s="8"/>
      <c r="WNG26" s="8"/>
      <c r="WNH26" s="8"/>
      <c r="WNI26" s="8"/>
      <c r="WNJ26" s="8"/>
      <c r="WNK26" s="8"/>
      <c r="WNL26" s="8"/>
      <c r="WNM26" s="8"/>
      <c r="WNN26" s="8"/>
      <c r="WNO26" s="8"/>
      <c r="WNP26" s="8"/>
      <c r="WNQ26" s="8"/>
      <c r="WNR26" s="8"/>
      <c r="WNS26" s="8"/>
      <c r="WNT26" s="8"/>
      <c r="WNU26" s="8"/>
      <c r="WNV26" s="8"/>
      <c r="WNW26" s="8"/>
      <c r="WNX26" s="8"/>
      <c r="WNY26" s="8"/>
      <c r="WNZ26" s="8"/>
      <c r="WOA26" s="8"/>
      <c r="WOB26" s="8"/>
      <c r="WOC26" s="8"/>
      <c r="WOD26" s="8"/>
      <c r="WOE26" s="8"/>
      <c r="WOF26" s="8"/>
      <c r="WOG26" s="8"/>
      <c r="WOH26" s="8"/>
      <c r="WOI26" s="8"/>
      <c r="WOJ26" s="8"/>
      <c r="WOK26" s="8"/>
      <c r="WOL26" s="8"/>
      <c r="WOM26" s="8"/>
      <c r="WON26" s="8"/>
      <c r="WOO26" s="8"/>
      <c r="WOP26" s="8"/>
      <c r="WOQ26" s="8"/>
      <c r="WOR26" s="8"/>
      <c r="WOS26" s="8"/>
      <c r="WOT26" s="8"/>
      <c r="WOU26" s="8"/>
      <c r="WOV26" s="8"/>
      <c r="WOW26" s="8"/>
      <c r="WOX26" s="8"/>
      <c r="WOY26" s="8"/>
      <c r="WOZ26" s="8"/>
      <c r="WPA26" s="8"/>
      <c r="WPB26" s="8"/>
      <c r="WPC26" s="8"/>
      <c r="WPD26" s="8"/>
      <c r="WPE26" s="8"/>
      <c r="WPF26" s="8"/>
      <c r="WPG26" s="8"/>
      <c r="WPH26" s="8"/>
      <c r="WPI26" s="8"/>
      <c r="WPJ26" s="8"/>
      <c r="WPK26" s="8"/>
      <c r="WPL26" s="8"/>
      <c r="WPM26" s="8"/>
      <c r="WPN26" s="8"/>
      <c r="WPO26" s="8"/>
      <c r="WPP26" s="8"/>
      <c r="WPQ26" s="8"/>
      <c r="WPR26" s="8"/>
      <c r="WPS26" s="8"/>
      <c r="WPT26" s="8"/>
      <c r="WPU26" s="8"/>
      <c r="WPV26" s="8"/>
      <c r="WPW26" s="8"/>
      <c r="WPX26" s="8"/>
      <c r="WPY26" s="8"/>
      <c r="WPZ26" s="8"/>
      <c r="WQA26" s="8"/>
      <c r="WQB26" s="8"/>
      <c r="WQC26" s="8"/>
      <c r="WQD26" s="8"/>
      <c r="WQE26" s="8"/>
      <c r="WQF26" s="8"/>
      <c r="WQG26" s="8"/>
      <c r="WQH26" s="8"/>
      <c r="WQI26" s="8"/>
      <c r="WQJ26" s="8"/>
      <c r="WQK26" s="8"/>
      <c r="WQL26" s="8"/>
      <c r="WQM26" s="8"/>
      <c r="WQN26" s="8"/>
      <c r="WQO26" s="8"/>
      <c r="WQP26" s="8"/>
      <c r="WQQ26" s="8"/>
      <c r="WQR26" s="8"/>
      <c r="WQS26" s="8"/>
      <c r="WQT26" s="8"/>
      <c r="WQU26" s="8"/>
      <c r="WQV26" s="8"/>
      <c r="WQW26" s="8"/>
      <c r="WQX26" s="8"/>
      <c r="WQY26" s="8"/>
      <c r="WQZ26" s="8"/>
      <c r="WRA26" s="8"/>
      <c r="WRB26" s="8"/>
      <c r="WRC26" s="8"/>
      <c r="WRD26" s="8"/>
      <c r="WRE26" s="8"/>
      <c r="WRF26" s="8"/>
      <c r="WRG26" s="8"/>
      <c r="WRH26" s="8"/>
      <c r="WRI26" s="8"/>
      <c r="WRJ26" s="8"/>
      <c r="WRK26" s="8"/>
      <c r="WRL26" s="8"/>
      <c r="WRM26" s="8"/>
      <c r="WRN26" s="8"/>
      <c r="WRO26" s="8"/>
      <c r="WRP26" s="8"/>
      <c r="WRQ26" s="8"/>
      <c r="WRR26" s="8"/>
      <c r="WRS26" s="8"/>
      <c r="WRT26" s="8"/>
      <c r="WRU26" s="8"/>
      <c r="WRV26" s="8"/>
      <c r="WRW26" s="8"/>
      <c r="WRX26" s="8"/>
      <c r="WRY26" s="8"/>
      <c r="WRZ26" s="8"/>
      <c r="WSA26" s="8"/>
      <c r="WSB26" s="8"/>
      <c r="WSC26" s="8"/>
      <c r="WSD26" s="8"/>
      <c r="WSE26" s="8"/>
      <c r="WSF26" s="8"/>
      <c r="WSG26" s="8"/>
      <c r="WSH26" s="8"/>
      <c r="WSI26" s="8"/>
      <c r="WSJ26" s="8"/>
      <c r="WSK26" s="8"/>
      <c r="WSL26" s="8"/>
      <c r="WSM26" s="8"/>
      <c r="WSN26" s="8"/>
      <c r="WSO26" s="8"/>
      <c r="WSP26" s="8"/>
      <c r="WSQ26" s="8"/>
      <c r="WSR26" s="8"/>
      <c r="WSS26" s="8"/>
      <c r="WST26" s="8"/>
      <c r="WSU26" s="8"/>
      <c r="WSV26" s="8"/>
      <c r="WSW26" s="8"/>
      <c r="WSX26" s="8"/>
      <c r="WSY26" s="8"/>
      <c r="WSZ26" s="8"/>
      <c r="WTA26" s="8"/>
      <c r="WTB26" s="8"/>
      <c r="WTC26" s="8"/>
      <c r="WTD26" s="8"/>
      <c r="WTE26" s="8"/>
      <c r="WTF26" s="8"/>
      <c r="WTG26" s="8"/>
      <c r="WTH26" s="8"/>
      <c r="WTI26" s="8"/>
      <c r="WTJ26" s="8"/>
      <c r="WTK26" s="8"/>
      <c r="WTL26" s="8"/>
      <c r="WTM26" s="8"/>
      <c r="WTN26" s="8"/>
      <c r="WTO26" s="8"/>
      <c r="WTP26" s="8"/>
      <c r="WTQ26" s="8"/>
      <c r="WTR26" s="8"/>
      <c r="WTS26" s="8"/>
      <c r="WTT26" s="8"/>
      <c r="WTU26" s="8"/>
      <c r="WTV26" s="8"/>
      <c r="WTW26" s="8"/>
      <c r="WTX26" s="8"/>
      <c r="WTY26" s="8"/>
      <c r="WTZ26" s="8"/>
      <c r="WUA26" s="8"/>
      <c r="WUB26" s="8"/>
      <c r="WUC26" s="8"/>
      <c r="WUD26" s="8"/>
      <c r="WUE26" s="8"/>
      <c r="WUF26" s="8"/>
      <c r="WUG26" s="8"/>
      <c r="WUH26" s="8"/>
      <c r="WUI26" s="8"/>
      <c r="WUJ26" s="8"/>
      <c r="WUK26" s="8"/>
      <c r="WUL26" s="8"/>
      <c r="WUM26" s="8"/>
      <c r="WUN26" s="8"/>
      <c r="WUO26" s="8"/>
      <c r="WUP26" s="8"/>
      <c r="WUQ26" s="8"/>
      <c r="WUR26" s="8"/>
      <c r="WUS26" s="8"/>
      <c r="WUT26" s="8"/>
      <c r="WUU26" s="8"/>
      <c r="WUV26" s="8"/>
      <c r="WUW26" s="8"/>
      <c r="WUX26" s="8"/>
      <c r="WUY26" s="8"/>
      <c r="WUZ26" s="8"/>
      <c r="WVA26" s="8"/>
      <c r="WVB26" s="8"/>
      <c r="WVC26" s="8"/>
      <c r="WVD26" s="8"/>
      <c r="WVE26" s="8"/>
      <c r="WVF26" s="8"/>
      <c r="WVG26" s="8"/>
      <c r="WVH26" s="8"/>
      <c r="WVI26" s="8"/>
      <c r="WVJ26" s="8"/>
      <c r="WVK26" s="8"/>
      <c r="WVL26" s="8"/>
      <c r="WVM26" s="8"/>
      <c r="WVN26" s="8"/>
      <c r="WVO26" s="8"/>
      <c r="WVP26" s="8"/>
      <c r="WVQ26" s="8"/>
      <c r="WVR26" s="8"/>
      <c r="WVS26" s="8"/>
      <c r="WVT26" s="8"/>
      <c r="WVU26" s="8"/>
      <c r="WVV26" s="8"/>
      <c r="WVW26" s="8"/>
      <c r="WVX26" s="8"/>
      <c r="WVY26" s="8"/>
      <c r="WVZ26" s="8"/>
      <c r="WWA26" s="8"/>
      <c r="WWB26" s="8"/>
      <c r="WWC26" s="8"/>
      <c r="WWD26" s="8"/>
      <c r="WWE26" s="8"/>
      <c r="WWF26" s="8"/>
      <c r="WWG26" s="8"/>
      <c r="WWH26" s="8"/>
      <c r="WWI26" s="8"/>
      <c r="WWJ26" s="8"/>
      <c r="WWK26" s="8"/>
      <c r="WWL26" s="8"/>
      <c r="WWM26" s="8"/>
      <c r="WWN26" s="8"/>
      <c r="WWO26" s="8"/>
      <c r="WWP26" s="8"/>
      <c r="WWQ26" s="8"/>
      <c r="WWR26" s="8"/>
      <c r="WWS26" s="8"/>
      <c r="WWT26" s="8"/>
      <c r="WWU26" s="8"/>
      <c r="WWV26" s="8"/>
      <c r="WWW26" s="8"/>
      <c r="WWX26" s="8"/>
      <c r="WWY26" s="8"/>
      <c r="WWZ26" s="8"/>
      <c r="WXA26" s="8"/>
      <c r="WXB26" s="8"/>
      <c r="WXC26" s="8"/>
      <c r="WXD26" s="8"/>
      <c r="WXE26" s="8"/>
      <c r="WXF26" s="8"/>
      <c r="WXG26" s="8"/>
      <c r="WXH26" s="8"/>
      <c r="WXI26" s="8"/>
      <c r="WXJ26" s="8"/>
      <c r="WXK26" s="8"/>
      <c r="WXL26" s="8"/>
      <c r="WXM26" s="8"/>
      <c r="WXN26" s="8"/>
      <c r="WXO26" s="8"/>
      <c r="WXP26" s="8"/>
      <c r="WXQ26" s="8"/>
      <c r="WXR26" s="8"/>
      <c r="WXS26" s="8"/>
      <c r="WXT26" s="8"/>
      <c r="WXU26" s="8"/>
      <c r="WXV26" s="8"/>
      <c r="WXW26" s="8"/>
      <c r="WXX26" s="8"/>
      <c r="WXY26" s="8"/>
      <c r="WXZ26" s="8"/>
      <c r="WYA26" s="8"/>
      <c r="WYB26" s="8"/>
      <c r="WYC26" s="8"/>
      <c r="WYD26" s="8"/>
      <c r="WYE26" s="8"/>
      <c r="WYF26" s="8"/>
      <c r="WYG26" s="8"/>
      <c r="WYH26" s="8"/>
      <c r="WYI26" s="8"/>
      <c r="WYJ26" s="8"/>
      <c r="WYK26" s="8"/>
      <c r="WYL26" s="8"/>
      <c r="WYM26" s="8"/>
      <c r="WYN26" s="8"/>
      <c r="WYO26" s="8"/>
      <c r="WYP26" s="8"/>
      <c r="WYQ26" s="8"/>
      <c r="WYR26" s="8"/>
      <c r="WYS26" s="8"/>
      <c r="WYT26" s="8"/>
      <c r="WYU26" s="8"/>
      <c r="WYV26" s="8"/>
      <c r="WYW26" s="8"/>
      <c r="WYX26" s="8"/>
      <c r="WYY26" s="8"/>
      <c r="WYZ26" s="8"/>
      <c r="WZA26" s="8"/>
      <c r="WZB26" s="8"/>
      <c r="WZC26" s="8"/>
      <c r="WZD26" s="8"/>
      <c r="WZE26" s="8"/>
      <c r="WZF26" s="8"/>
      <c r="WZG26" s="8"/>
      <c r="WZH26" s="8"/>
      <c r="WZI26" s="8"/>
      <c r="WZJ26" s="8"/>
      <c r="WZK26" s="8"/>
      <c r="WZL26" s="8"/>
      <c r="WZM26" s="8"/>
      <c r="WZN26" s="8"/>
      <c r="WZO26" s="8"/>
      <c r="WZP26" s="8"/>
      <c r="WZQ26" s="8"/>
      <c r="WZR26" s="8"/>
      <c r="WZS26" s="8"/>
      <c r="WZT26" s="8"/>
      <c r="WZU26" s="8"/>
      <c r="WZV26" s="8"/>
      <c r="WZW26" s="8"/>
      <c r="WZX26" s="8"/>
      <c r="WZY26" s="8"/>
      <c r="WZZ26" s="8"/>
      <c r="XAA26" s="8"/>
      <c r="XAB26" s="8"/>
      <c r="XAC26" s="8"/>
      <c r="XAD26" s="8"/>
      <c r="XAE26" s="8"/>
      <c r="XAF26" s="8"/>
      <c r="XAG26" s="8"/>
      <c r="XAH26" s="8"/>
      <c r="XAI26" s="8"/>
      <c r="XAJ26" s="8"/>
      <c r="XAK26" s="8"/>
      <c r="XAL26" s="8"/>
      <c r="XAM26" s="8"/>
      <c r="XAN26" s="8"/>
      <c r="XAO26" s="8"/>
      <c r="XAP26" s="8"/>
      <c r="XAQ26" s="8"/>
      <c r="XAR26" s="8"/>
      <c r="XAS26" s="8"/>
      <c r="XAT26" s="8"/>
      <c r="XAU26" s="8"/>
      <c r="XAV26" s="8"/>
      <c r="XAW26" s="8"/>
      <c r="XAX26" s="8"/>
      <c r="XAY26" s="8"/>
      <c r="XAZ26" s="8"/>
      <c r="XBA26" s="8"/>
      <c r="XBB26" s="8"/>
      <c r="XBC26" s="8"/>
      <c r="XBD26" s="8"/>
      <c r="XBE26" s="8"/>
      <c r="XBF26" s="8"/>
      <c r="XBG26" s="8"/>
      <c r="XBH26" s="8"/>
      <c r="XBI26" s="8"/>
      <c r="XBJ26" s="8"/>
      <c r="XBK26" s="8"/>
      <c r="XBL26" s="8"/>
      <c r="XBM26" s="8"/>
      <c r="XBN26" s="8"/>
      <c r="XBO26" s="8"/>
      <c r="XBP26" s="8"/>
      <c r="XBQ26" s="8"/>
      <c r="XBR26" s="8"/>
      <c r="XBS26" s="8"/>
      <c r="XBT26" s="8"/>
      <c r="XBU26" s="8"/>
      <c r="XBV26" s="8"/>
      <c r="XBW26" s="8"/>
      <c r="XBX26" s="8"/>
      <c r="XBY26" s="8"/>
      <c r="XBZ26" s="8"/>
      <c r="XCA26" s="8"/>
      <c r="XCB26" s="8"/>
      <c r="XCC26" s="8"/>
      <c r="XCD26" s="8"/>
      <c r="XCE26" s="8"/>
      <c r="XCF26" s="8"/>
      <c r="XCG26" s="8"/>
      <c r="XCH26" s="8"/>
      <c r="XCI26" s="8"/>
      <c r="XCJ26" s="8"/>
      <c r="XCK26" s="8"/>
      <c r="XCL26" s="8"/>
      <c r="XCM26" s="8"/>
      <c r="XCN26" s="8"/>
      <c r="XCO26" s="8"/>
      <c r="XCP26" s="8"/>
      <c r="XCQ26" s="8"/>
      <c r="XCR26" s="8"/>
      <c r="XCS26" s="8"/>
      <c r="XCT26" s="8"/>
      <c r="XCU26" s="8"/>
      <c r="XCV26" s="8"/>
      <c r="XCW26" s="8"/>
      <c r="XCX26" s="8"/>
      <c r="XCY26" s="8"/>
      <c r="XCZ26" s="8"/>
      <c r="XDA26" s="8"/>
      <c r="XDB26" s="8"/>
      <c r="XDC26" s="8"/>
      <c r="XDD26" s="8"/>
      <c r="XDE26" s="8"/>
      <c r="XDF26" s="8"/>
      <c r="XDG26" s="8"/>
      <c r="XDH26" s="8"/>
      <c r="XDI26" s="8"/>
      <c r="XDJ26" s="8"/>
      <c r="XDK26" s="8"/>
      <c r="XDL26" s="8"/>
      <c r="XDM26" s="8"/>
      <c r="XDN26" s="8"/>
      <c r="XDO26" s="8"/>
      <c r="XDP26" s="8"/>
      <c r="XDQ26" s="8"/>
      <c r="XDR26" s="8"/>
      <c r="XDS26" s="8"/>
      <c r="XDT26" s="8"/>
      <c r="XDU26" s="8"/>
      <c r="XDV26" s="8"/>
      <c r="XDW26" s="8"/>
      <c r="XDX26" s="8"/>
      <c r="XDY26" s="8"/>
      <c r="XDZ26" s="8"/>
      <c r="XEA26" s="8"/>
      <c r="XEB26" s="8"/>
      <c r="XEC26" s="8"/>
      <c r="XED26" s="8"/>
      <c r="XEE26" s="8"/>
      <c r="XEF26" s="8"/>
      <c r="XEG26" s="8"/>
      <c r="XEH26" s="8"/>
      <c r="XEI26" s="8"/>
      <c r="XEJ26" s="8"/>
      <c r="XEK26" s="8"/>
      <c r="XEL26" s="8"/>
      <c r="XEM26" s="8"/>
      <c r="XEN26" s="8"/>
      <c r="XEO26" s="8"/>
      <c r="XEP26" s="8"/>
      <c r="XEQ26" s="8"/>
      <c r="XER26" s="8"/>
      <c r="XES26" s="8"/>
      <c r="XET26" s="8"/>
      <c r="XEU26" s="8"/>
      <c r="XEV26" s="8"/>
      <c r="XEW26" s="8"/>
      <c r="XEX26" s="8"/>
      <c r="XEY26" s="8"/>
      <c r="XEZ26" s="8"/>
      <c r="XFA26" s="8"/>
      <c r="XFB26" s="8"/>
      <c r="XFC26" s="8"/>
      <c r="XFD26" s="8"/>
    </row>
    <row r="27" spans="1:16384" ht="13.95" customHeight="1" x14ac:dyDescent="0.25">
      <c r="A27" s="14" t="s">
        <v>166</v>
      </c>
      <c r="B27" s="96" t="s">
        <v>58</v>
      </c>
      <c r="C27" s="93" t="s">
        <v>167</v>
      </c>
      <c r="D27" s="93" t="s">
        <v>168</v>
      </c>
      <c r="E27" s="93">
        <v>2002</v>
      </c>
      <c r="F27" s="93">
        <v>519622</v>
      </c>
      <c r="G27" s="93" t="s">
        <v>4</v>
      </c>
      <c r="H27" s="111">
        <v>1</v>
      </c>
      <c r="I27" s="111">
        <v>1</v>
      </c>
      <c r="J27" s="111">
        <v>1</v>
      </c>
      <c r="K27" s="111">
        <v>0</v>
      </c>
      <c r="L27" s="111">
        <v>1</v>
      </c>
      <c r="M27" s="111">
        <v>1</v>
      </c>
      <c r="N27" s="111">
        <v>0</v>
      </c>
      <c r="O27" s="111">
        <v>0</v>
      </c>
      <c r="P27" s="111">
        <v>0</v>
      </c>
      <c r="Q27" s="111">
        <v>1</v>
      </c>
      <c r="R27" s="111">
        <v>0</v>
      </c>
      <c r="S27" s="111">
        <v>0</v>
      </c>
      <c r="T27" s="111">
        <v>1</v>
      </c>
      <c r="U27" s="111">
        <v>1</v>
      </c>
      <c r="V27" s="111">
        <v>1</v>
      </c>
      <c r="W27" s="111">
        <v>1</v>
      </c>
      <c r="X27" s="111">
        <v>1</v>
      </c>
      <c r="Y27" s="111">
        <v>0</v>
      </c>
      <c r="Z27" s="111">
        <v>0</v>
      </c>
      <c r="AA27" s="111">
        <v>0</v>
      </c>
      <c r="AB27" s="111">
        <v>0</v>
      </c>
      <c r="AC27" s="111">
        <v>0</v>
      </c>
      <c r="AD27" s="111">
        <v>0</v>
      </c>
      <c r="AE27" s="111">
        <v>0</v>
      </c>
      <c r="AF27" s="111">
        <v>0</v>
      </c>
      <c r="AG27" s="111">
        <v>0</v>
      </c>
      <c r="AH27" s="111">
        <v>0</v>
      </c>
      <c r="AI27" s="111">
        <v>0</v>
      </c>
      <c r="AJ27" s="111">
        <v>0</v>
      </c>
      <c r="AK27" s="111">
        <v>0</v>
      </c>
      <c r="AL27" s="111">
        <v>0</v>
      </c>
      <c r="AM27" s="111">
        <v>1</v>
      </c>
      <c r="AN27" s="111">
        <v>1</v>
      </c>
      <c r="AO27" s="111">
        <v>1</v>
      </c>
      <c r="AP27" s="111">
        <v>0</v>
      </c>
      <c r="AQ27" s="111">
        <v>0</v>
      </c>
      <c r="AR27" s="111">
        <v>1</v>
      </c>
      <c r="AS27" s="111">
        <v>0</v>
      </c>
      <c r="AT27" s="111" t="s">
        <v>400</v>
      </c>
      <c r="AU27" s="111">
        <v>1</v>
      </c>
      <c r="AV27" s="111">
        <v>1</v>
      </c>
      <c r="AW27" s="111">
        <v>1</v>
      </c>
      <c r="AX27" s="112" t="s">
        <v>22354</v>
      </c>
      <c r="AY27" s="112" t="s">
        <v>22355</v>
      </c>
      <c r="AZ27" s="112" t="s">
        <v>169</v>
      </c>
      <c r="BA27" s="112" t="s">
        <v>170</v>
      </c>
      <c r="BB27" s="107">
        <v>45884</v>
      </c>
      <c r="BC27" s="8"/>
      <c r="BD27" s="8"/>
      <c r="BE27" s="8"/>
      <c r="BF27" s="8"/>
      <c r="BG27" s="8"/>
      <c r="BH27" s="8"/>
      <c r="BI27" s="8"/>
      <c r="BJ27" s="8"/>
      <c r="BK27" s="8"/>
      <c r="BL27" s="8"/>
      <c r="BM27" s="8"/>
      <c r="BN27" s="8"/>
      <c r="BO27" s="8"/>
      <c r="BP27" s="8"/>
      <c r="BQ27" s="8"/>
      <c r="BR27" s="8"/>
      <c r="BS27" s="8"/>
      <c r="BT27" s="8"/>
      <c r="BU27" s="8"/>
      <c r="BV27" s="8"/>
      <c r="BW27" s="8"/>
      <c r="BX27" s="8"/>
      <c r="BY27" s="8"/>
      <c r="BZ27" s="8"/>
      <c r="CA27" s="8"/>
      <c r="CB27" s="8"/>
      <c r="CC27" s="8"/>
      <c r="CD27" s="8"/>
      <c r="CE27" s="8"/>
      <c r="CF27" s="8"/>
      <c r="CG27" s="8"/>
      <c r="CH27" s="8"/>
      <c r="CI27" s="8"/>
      <c r="CJ27" s="8"/>
      <c r="CK27" s="8"/>
      <c r="CL27" s="8"/>
      <c r="CM27" s="8"/>
      <c r="CN27" s="8"/>
      <c r="CO27" s="8"/>
      <c r="CP27" s="8"/>
      <c r="CQ27" s="8"/>
      <c r="CR27" s="8"/>
      <c r="CS27" s="8"/>
      <c r="CT27" s="8"/>
      <c r="CU27" s="8"/>
      <c r="CV27" s="8"/>
      <c r="CW27" s="8"/>
      <c r="CX27" s="8"/>
      <c r="CY27" s="8"/>
      <c r="CZ27" s="8"/>
      <c r="DA27" s="8"/>
      <c r="DB27" s="8"/>
      <c r="DC27" s="8"/>
      <c r="DD27" s="8"/>
      <c r="DE27" s="8"/>
      <c r="DF27" s="8"/>
      <c r="DG27" s="8"/>
      <c r="DH27" s="8"/>
      <c r="DI27" s="8"/>
      <c r="DJ27" s="8"/>
      <c r="DK27" s="8"/>
      <c r="DL27" s="8"/>
      <c r="DM27" s="8"/>
      <c r="DN27" s="8"/>
      <c r="DO27" s="8"/>
      <c r="DP27" s="8"/>
      <c r="DQ27" s="8"/>
      <c r="DR27" s="8"/>
      <c r="DS27" s="8"/>
      <c r="DT27" s="8"/>
      <c r="DU27" s="8"/>
      <c r="DV27" s="8"/>
      <c r="DW27" s="8"/>
      <c r="DX27" s="8"/>
      <c r="DY27" s="8"/>
      <c r="DZ27" s="8"/>
      <c r="EA27" s="8"/>
      <c r="EB27" s="8"/>
      <c r="EC27" s="8"/>
      <c r="ED27" s="8"/>
      <c r="EE27" s="8"/>
      <c r="EF27" s="8"/>
      <c r="EG27" s="8"/>
      <c r="EH27" s="8"/>
      <c r="EI27" s="8"/>
      <c r="EJ27" s="8"/>
      <c r="EK27" s="8"/>
      <c r="EL27" s="8"/>
      <c r="EM27" s="8"/>
      <c r="EN27" s="8"/>
      <c r="EO27" s="8"/>
      <c r="EP27" s="8"/>
      <c r="EQ27" s="8"/>
      <c r="ER27" s="8"/>
      <c r="ES27" s="8"/>
      <c r="ET27" s="8"/>
      <c r="EU27" s="8"/>
      <c r="EV27" s="8"/>
      <c r="EW27" s="8"/>
      <c r="EX27" s="8"/>
      <c r="EY27" s="8"/>
      <c r="EZ27" s="8"/>
      <c r="FA27" s="8"/>
      <c r="FB27" s="8"/>
      <c r="FC27" s="8"/>
      <c r="FD27" s="8"/>
      <c r="FE27" s="8"/>
      <c r="FF27" s="8"/>
      <c r="FG27" s="8"/>
      <c r="FH27" s="8"/>
      <c r="FI27" s="8"/>
      <c r="FJ27" s="8"/>
      <c r="FK27" s="8"/>
      <c r="FL27" s="8"/>
      <c r="FM27" s="8"/>
      <c r="FN27" s="8"/>
      <c r="FO27" s="8"/>
      <c r="FP27" s="8"/>
      <c r="FQ27" s="8"/>
      <c r="FR27" s="8"/>
      <c r="FS27" s="8"/>
      <c r="FT27" s="8"/>
      <c r="FU27" s="8"/>
      <c r="FV27" s="8"/>
      <c r="FW27" s="8"/>
      <c r="FX27" s="8"/>
      <c r="FY27" s="8"/>
      <c r="FZ27" s="8"/>
      <c r="GA27" s="8"/>
      <c r="GB27" s="8"/>
      <c r="GC27" s="8"/>
      <c r="GD27" s="8"/>
      <c r="GE27" s="8"/>
      <c r="GF27" s="8"/>
      <c r="GG27" s="8"/>
      <c r="GH27" s="8"/>
      <c r="GI27" s="8"/>
      <c r="GJ27" s="8"/>
      <c r="GK27" s="8"/>
      <c r="GL27" s="8"/>
      <c r="GM27" s="8"/>
      <c r="GN27" s="8"/>
      <c r="GO27" s="8"/>
      <c r="GP27" s="8"/>
      <c r="GQ27" s="8"/>
      <c r="GR27" s="8"/>
      <c r="GS27" s="8"/>
      <c r="GT27" s="8"/>
      <c r="GU27" s="8"/>
      <c r="GV27" s="8"/>
      <c r="GW27" s="8"/>
      <c r="GX27" s="8"/>
      <c r="GY27" s="8"/>
      <c r="GZ27" s="8"/>
      <c r="HA27" s="8"/>
      <c r="HB27" s="8"/>
      <c r="HC27" s="8"/>
      <c r="HD27" s="8"/>
      <c r="HE27" s="8"/>
      <c r="HF27" s="8"/>
      <c r="HG27" s="8"/>
      <c r="HH27" s="8"/>
      <c r="HI27" s="8"/>
      <c r="HJ27" s="8"/>
      <c r="HK27" s="8"/>
      <c r="HL27" s="8"/>
      <c r="HM27" s="8"/>
      <c r="HN27" s="8"/>
      <c r="HO27" s="8"/>
      <c r="HP27" s="8"/>
      <c r="HQ27" s="8"/>
      <c r="HR27" s="8"/>
      <c r="HS27" s="8"/>
      <c r="HT27" s="8"/>
      <c r="HU27" s="8"/>
      <c r="HV27" s="8"/>
      <c r="HW27" s="8"/>
      <c r="HX27" s="8"/>
      <c r="HY27" s="8"/>
      <c r="HZ27" s="8"/>
      <c r="IA27" s="8"/>
      <c r="IB27" s="8"/>
      <c r="IC27" s="8"/>
      <c r="ID27" s="8"/>
      <c r="IE27" s="8"/>
      <c r="IF27" s="8"/>
      <c r="IG27" s="8"/>
      <c r="IH27" s="8"/>
      <c r="II27" s="8"/>
      <c r="IJ27" s="8"/>
      <c r="IK27" s="8"/>
      <c r="IL27" s="8"/>
      <c r="IM27" s="8"/>
      <c r="IN27" s="8"/>
      <c r="IO27" s="8"/>
      <c r="IP27" s="8"/>
      <c r="IQ27" s="8"/>
      <c r="IR27" s="8"/>
      <c r="IS27" s="8"/>
      <c r="IT27" s="8"/>
      <c r="IU27" s="8"/>
      <c r="IV27" s="8"/>
      <c r="IW27" s="8"/>
      <c r="IX27" s="8"/>
      <c r="IY27" s="8"/>
      <c r="IZ27" s="8"/>
      <c r="JA27" s="8"/>
      <c r="JB27" s="8"/>
      <c r="JC27" s="8"/>
      <c r="JD27" s="8"/>
      <c r="JE27" s="8"/>
      <c r="JF27" s="8"/>
      <c r="JG27" s="8"/>
      <c r="JH27" s="8"/>
      <c r="JI27" s="8"/>
      <c r="JJ27" s="8"/>
      <c r="JK27" s="8"/>
      <c r="JL27" s="8"/>
      <c r="JM27" s="8"/>
      <c r="JN27" s="8"/>
      <c r="JO27" s="8"/>
      <c r="JP27" s="8"/>
      <c r="JQ27" s="8"/>
      <c r="JR27" s="8"/>
      <c r="JS27" s="8"/>
      <c r="JT27" s="8"/>
      <c r="JU27" s="8"/>
      <c r="JV27" s="8"/>
      <c r="JW27" s="8"/>
      <c r="JX27" s="8"/>
      <c r="JY27" s="8"/>
      <c r="JZ27" s="8"/>
      <c r="KA27" s="8"/>
      <c r="KB27" s="8"/>
      <c r="KC27" s="8"/>
      <c r="KD27" s="8"/>
      <c r="KE27" s="8"/>
      <c r="KF27" s="8"/>
      <c r="KG27" s="8"/>
      <c r="KH27" s="8"/>
      <c r="KI27" s="8"/>
      <c r="KJ27" s="8"/>
      <c r="KK27" s="8"/>
      <c r="KL27" s="8"/>
      <c r="KM27" s="8"/>
      <c r="KN27" s="8"/>
      <c r="KO27" s="8"/>
      <c r="KP27" s="8"/>
      <c r="KQ27" s="8"/>
      <c r="KR27" s="8"/>
      <c r="KS27" s="8"/>
      <c r="KT27" s="8"/>
      <c r="KU27" s="8"/>
      <c r="KV27" s="8"/>
      <c r="KW27" s="8"/>
      <c r="KX27" s="8"/>
      <c r="KY27" s="8"/>
      <c r="KZ27" s="8"/>
      <c r="LA27" s="8"/>
      <c r="LB27" s="8"/>
      <c r="LC27" s="8"/>
      <c r="LD27" s="8"/>
      <c r="LE27" s="8"/>
      <c r="LF27" s="8"/>
      <c r="LG27" s="8"/>
      <c r="LH27" s="8"/>
      <c r="LI27" s="8"/>
      <c r="LJ27" s="8"/>
      <c r="LK27" s="8"/>
      <c r="LL27" s="8"/>
      <c r="LM27" s="8"/>
      <c r="LN27" s="8"/>
      <c r="LO27" s="8"/>
      <c r="LP27" s="8"/>
      <c r="LQ27" s="8"/>
      <c r="LR27" s="8"/>
      <c r="LS27" s="8"/>
      <c r="LT27" s="8"/>
      <c r="LU27" s="8"/>
      <c r="LV27" s="8"/>
      <c r="LW27" s="8"/>
      <c r="LX27" s="8"/>
      <c r="LY27" s="8"/>
      <c r="LZ27" s="8"/>
      <c r="MA27" s="8"/>
      <c r="MB27" s="8"/>
      <c r="MC27" s="8"/>
      <c r="MD27" s="8"/>
      <c r="ME27" s="8"/>
      <c r="MF27" s="8"/>
      <c r="MG27" s="8"/>
      <c r="MH27" s="8"/>
      <c r="MI27" s="8"/>
      <c r="MJ27" s="8"/>
      <c r="MK27" s="8"/>
      <c r="ML27" s="8"/>
      <c r="MM27" s="8"/>
      <c r="MN27" s="8"/>
      <c r="MO27" s="8"/>
      <c r="MP27" s="8"/>
      <c r="MQ27" s="8"/>
      <c r="MR27" s="8"/>
      <c r="MS27" s="8"/>
      <c r="MT27" s="8"/>
      <c r="MU27" s="8"/>
      <c r="MV27" s="8"/>
      <c r="MW27" s="8"/>
      <c r="MX27" s="8"/>
      <c r="MY27" s="8"/>
      <c r="MZ27" s="8"/>
      <c r="NA27" s="8"/>
      <c r="NB27" s="8"/>
      <c r="NC27" s="8"/>
      <c r="ND27" s="8"/>
      <c r="NE27" s="8"/>
      <c r="NF27" s="8"/>
      <c r="NG27" s="8"/>
      <c r="NH27" s="8"/>
      <c r="NI27" s="8"/>
      <c r="NJ27" s="8"/>
      <c r="NK27" s="8"/>
      <c r="NL27" s="8"/>
      <c r="NM27" s="8"/>
      <c r="NN27" s="8"/>
      <c r="NO27" s="8"/>
      <c r="NP27" s="8"/>
      <c r="NQ27" s="8"/>
      <c r="NR27" s="8"/>
      <c r="NS27" s="8"/>
      <c r="NT27" s="8"/>
      <c r="NU27" s="8"/>
      <c r="NV27" s="8"/>
      <c r="NW27" s="8"/>
      <c r="NX27" s="8"/>
      <c r="NY27" s="8"/>
      <c r="NZ27" s="8"/>
      <c r="OA27" s="8"/>
      <c r="OB27" s="8"/>
      <c r="OC27" s="8"/>
      <c r="OD27" s="8"/>
      <c r="OE27" s="8"/>
      <c r="OF27" s="8"/>
      <c r="OG27" s="8"/>
      <c r="OH27" s="8"/>
      <c r="OI27" s="8"/>
      <c r="OJ27" s="8"/>
      <c r="OK27" s="8"/>
      <c r="OL27" s="8"/>
      <c r="OM27" s="8"/>
      <c r="ON27" s="8"/>
      <c r="OO27" s="8"/>
      <c r="OP27" s="8"/>
      <c r="OQ27" s="8"/>
      <c r="OR27" s="8"/>
      <c r="OS27" s="8"/>
      <c r="OT27" s="8"/>
      <c r="OU27" s="8"/>
      <c r="OV27" s="8"/>
      <c r="OW27" s="8"/>
      <c r="OX27" s="8"/>
      <c r="OY27" s="8"/>
      <c r="OZ27" s="8"/>
      <c r="PA27" s="8"/>
      <c r="PB27" s="8"/>
      <c r="PC27" s="8"/>
      <c r="PD27" s="8"/>
      <c r="PE27" s="8"/>
      <c r="PF27" s="8"/>
      <c r="PG27" s="8"/>
      <c r="PH27" s="8"/>
      <c r="PI27" s="8"/>
      <c r="PJ27" s="8"/>
      <c r="PK27" s="8"/>
      <c r="PL27" s="8"/>
      <c r="PM27" s="8"/>
      <c r="PN27" s="8"/>
      <c r="PO27" s="8"/>
      <c r="PP27" s="8"/>
      <c r="PQ27" s="8"/>
      <c r="PR27" s="8"/>
      <c r="PS27" s="8"/>
      <c r="PT27" s="8"/>
      <c r="PU27" s="8"/>
      <c r="PV27" s="8"/>
      <c r="PW27" s="8"/>
      <c r="PX27" s="8"/>
      <c r="PY27" s="8"/>
      <c r="PZ27" s="8"/>
      <c r="QA27" s="8"/>
      <c r="QB27" s="8"/>
      <c r="QC27" s="8"/>
      <c r="QD27" s="8"/>
      <c r="QE27" s="8"/>
      <c r="QF27" s="8"/>
      <c r="QG27" s="8"/>
      <c r="QH27" s="8"/>
      <c r="QI27" s="8"/>
      <c r="QJ27" s="8"/>
      <c r="QK27" s="8"/>
      <c r="QL27" s="8"/>
      <c r="QM27" s="8"/>
      <c r="QN27" s="8"/>
      <c r="QO27" s="8"/>
      <c r="QP27" s="8"/>
      <c r="QQ27" s="8"/>
      <c r="QR27" s="8"/>
      <c r="QS27" s="8"/>
      <c r="QT27" s="8"/>
      <c r="QU27" s="8"/>
      <c r="QV27" s="8"/>
      <c r="QW27" s="8"/>
      <c r="QX27" s="8"/>
      <c r="QY27" s="8"/>
      <c r="QZ27" s="8"/>
      <c r="RA27" s="8"/>
      <c r="RB27" s="8"/>
      <c r="RC27" s="8"/>
      <c r="RD27" s="8"/>
      <c r="RE27" s="8"/>
      <c r="RF27" s="8"/>
      <c r="RG27" s="8"/>
      <c r="RH27" s="8"/>
      <c r="RI27" s="8"/>
      <c r="RJ27" s="8"/>
      <c r="RK27" s="8"/>
      <c r="RL27" s="8"/>
      <c r="RM27" s="8"/>
      <c r="RN27" s="8"/>
      <c r="RO27" s="8"/>
      <c r="RP27" s="8"/>
      <c r="RQ27" s="8"/>
      <c r="RR27" s="8"/>
      <c r="RS27" s="8"/>
      <c r="RT27" s="8"/>
      <c r="RU27" s="8"/>
      <c r="RV27" s="8"/>
      <c r="RW27" s="8"/>
      <c r="RX27" s="8"/>
      <c r="RY27" s="8"/>
      <c r="RZ27" s="8"/>
      <c r="SA27" s="8"/>
      <c r="SB27" s="8"/>
      <c r="SC27" s="8"/>
      <c r="SD27" s="8"/>
      <c r="SE27" s="8"/>
      <c r="SF27" s="8"/>
      <c r="SG27" s="8"/>
      <c r="SH27" s="8"/>
      <c r="SI27" s="8"/>
      <c r="SJ27" s="8"/>
      <c r="SK27" s="8"/>
      <c r="SL27" s="8"/>
      <c r="SM27" s="8"/>
      <c r="SN27" s="8"/>
      <c r="SO27" s="8"/>
      <c r="SP27" s="8"/>
      <c r="SQ27" s="8"/>
      <c r="SR27" s="8"/>
      <c r="SS27" s="8"/>
      <c r="ST27" s="8"/>
      <c r="SU27" s="8"/>
      <c r="SV27" s="8"/>
      <c r="SW27" s="8"/>
      <c r="SX27" s="8"/>
      <c r="SY27" s="8"/>
      <c r="SZ27" s="8"/>
      <c r="TA27" s="8"/>
      <c r="TB27" s="8"/>
      <c r="TC27" s="8"/>
      <c r="TD27" s="8"/>
      <c r="TE27" s="8"/>
      <c r="TF27" s="8"/>
      <c r="TG27" s="8"/>
      <c r="TH27" s="8"/>
      <c r="TI27" s="8"/>
      <c r="TJ27" s="8"/>
      <c r="TK27" s="8"/>
      <c r="TL27" s="8"/>
      <c r="TM27" s="8"/>
      <c r="TN27" s="8"/>
      <c r="TO27" s="8"/>
      <c r="TP27" s="8"/>
      <c r="TQ27" s="8"/>
      <c r="TR27" s="8"/>
      <c r="TS27" s="8"/>
      <c r="TT27" s="8"/>
      <c r="TU27" s="8"/>
      <c r="TV27" s="8"/>
      <c r="TW27" s="8"/>
      <c r="TX27" s="8"/>
      <c r="TY27" s="8"/>
      <c r="TZ27" s="8"/>
      <c r="UA27" s="8"/>
      <c r="UB27" s="8"/>
      <c r="UC27" s="8"/>
      <c r="UD27" s="8"/>
      <c r="UE27" s="8"/>
      <c r="UF27" s="8"/>
      <c r="UG27" s="8"/>
      <c r="UH27" s="8"/>
      <c r="UI27" s="8"/>
      <c r="UJ27" s="8"/>
      <c r="UK27" s="8"/>
      <c r="UL27" s="8"/>
      <c r="UM27" s="8"/>
      <c r="UN27" s="8"/>
      <c r="UO27" s="8"/>
      <c r="UP27" s="8"/>
      <c r="UQ27" s="8"/>
      <c r="UR27" s="8"/>
      <c r="US27" s="8"/>
      <c r="UT27" s="8"/>
      <c r="UU27" s="8"/>
      <c r="UV27" s="8"/>
      <c r="UW27" s="8"/>
      <c r="UX27" s="8"/>
      <c r="UY27" s="8"/>
      <c r="UZ27" s="8"/>
      <c r="VA27" s="8"/>
      <c r="VB27" s="8"/>
      <c r="VC27" s="8"/>
      <c r="VD27" s="8"/>
      <c r="VE27" s="8"/>
      <c r="VF27" s="8"/>
      <c r="VG27" s="8"/>
      <c r="VH27" s="8"/>
      <c r="VI27" s="8"/>
      <c r="VJ27" s="8"/>
      <c r="VK27" s="8"/>
      <c r="VL27" s="8"/>
      <c r="VM27" s="8"/>
      <c r="VN27" s="8"/>
      <c r="VO27" s="8"/>
      <c r="VP27" s="8"/>
      <c r="VQ27" s="8"/>
      <c r="VR27" s="8"/>
      <c r="VS27" s="8"/>
      <c r="VT27" s="8"/>
      <c r="VU27" s="8"/>
      <c r="VV27" s="8"/>
      <c r="VW27" s="8"/>
      <c r="VX27" s="8"/>
      <c r="VY27" s="8"/>
      <c r="VZ27" s="8"/>
      <c r="WA27" s="8"/>
      <c r="WB27" s="8"/>
      <c r="WC27" s="8"/>
      <c r="WD27" s="8"/>
      <c r="WE27" s="8"/>
      <c r="WF27" s="8"/>
      <c r="WG27" s="8"/>
      <c r="WH27" s="8"/>
      <c r="WI27" s="8"/>
      <c r="WJ27" s="8"/>
      <c r="WK27" s="8"/>
      <c r="WL27" s="8"/>
      <c r="WM27" s="8"/>
      <c r="WN27" s="8"/>
      <c r="WO27" s="8"/>
      <c r="WP27" s="8"/>
      <c r="WQ27" s="8"/>
      <c r="WR27" s="8"/>
      <c r="WS27" s="8"/>
      <c r="WT27" s="8"/>
      <c r="WU27" s="8"/>
      <c r="WV27" s="8"/>
      <c r="WW27" s="8"/>
      <c r="WX27" s="8"/>
      <c r="WY27" s="8"/>
      <c r="WZ27" s="8"/>
      <c r="XA27" s="8"/>
      <c r="XB27" s="8"/>
      <c r="XC27" s="8"/>
      <c r="XD27" s="8"/>
      <c r="XE27" s="8"/>
      <c r="XF27" s="8"/>
      <c r="XG27" s="8"/>
      <c r="XH27" s="8"/>
      <c r="XI27" s="8"/>
      <c r="XJ27" s="8"/>
      <c r="XK27" s="8"/>
      <c r="XL27" s="8"/>
      <c r="XM27" s="8"/>
      <c r="XN27" s="8"/>
      <c r="XO27" s="8"/>
      <c r="XP27" s="8"/>
      <c r="XQ27" s="8"/>
      <c r="XR27" s="8"/>
      <c r="XS27" s="8"/>
      <c r="XT27" s="8"/>
      <c r="XU27" s="8"/>
      <c r="XV27" s="8"/>
      <c r="XW27" s="8"/>
      <c r="XX27" s="8"/>
      <c r="XY27" s="8"/>
      <c r="XZ27" s="8"/>
      <c r="YA27" s="8"/>
      <c r="YB27" s="8"/>
      <c r="YC27" s="8"/>
      <c r="YD27" s="8"/>
      <c r="YE27" s="8"/>
      <c r="YF27" s="8"/>
      <c r="YG27" s="8"/>
      <c r="YH27" s="8"/>
      <c r="YI27" s="8"/>
      <c r="YJ27" s="8"/>
      <c r="YK27" s="8"/>
      <c r="YL27" s="8"/>
      <c r="YM27" s="8"/>
      <c r="YN27" s="8"/>
      <c r="YO27" s="8"/>
      <c r="YP27" s="8"/>
      <c r="YQ27" s="8"/>
      <c r="YR27" s="8"/>
      <c r="YS27" s="8"/>
      <c r="YT27" s="8"/>
      <c r="YU27" s="8"/>
      <c r="YV27" s="8"/>
      <c r="YW27" s="8"/>
      <c r="YX27" s="8"/>
      <c r="YY27" s="8"/>
      <c r="YZ27" s="8"/>
      <c r="ZA27" s="8"/>
      <c r="ZB27" s="8"/>
      <c r="ZC27" s="8"/>
      <c r="ZD27" s="8"/>
      <c r="ZE27" s="8"/>
      <c r="ZF27" s="8"/>
      <c r="ZG27" s="8"/>
      <c r="ZH27" s="8"/>
      <c r="ZI27" s="8"/>
      <c r="ZJ27" s="8"/>
      <c r="ZK27" s="8"/>
      <c r="ZL27" s="8"/>
      <c r="ZM27" s="8"/>
      <c r="ZN27" s="8"/>
      <c r="ZO27" s="8"/>
      <c r="ZP27" s="8"/>
      <c r="ZQ27" s="8"/>
      <c r="ZR27" s="8"/>
      <c r="ZS27" s="8"/>
      <c r="ZT27" s="8"/>
      <c r="ZU27" s="8"/>
      <c r="ZV27" s="8"/>
      <c r="ZW27" s="8"/>
      <c r="ZX27" s="8"/>
      <c r="ZY27" s="8"/>
      <c r="ZZ27" s="8"/>
      <c r="AAA27" s="8"/>
      <c r="AAB27" s="8"/>
      <c r="AAC27" s="8"/>
      <c r="AAD27" s="8"/>
      <c r="AAE27" s="8"/>
      <c r="AAF27" s="8"/>
      <c r="AAG27" s="8"/>
      <c r="AAH27" s="8"/>
      <c r="AAI27" s="8"/>
      <c r="AAJ27" s="8"/>
      <c r="AAK27" s="8"/>
      <c r="AAL27" s="8"/>
      <c r="AAM27" s="8"/>
      <c r="AAN27" s="8"/>
      <c r="AAO27" s="8"/>
      <c r="AAP27" s="8"/>
      <c r="AAQ27" s="8"/>
      <c r="AAR27" s="8"/>
      <c r="AAS27" s="8"/>
      <c r="AAT27" s="8"/>
      <c r="AAU27" s="8"/>
      <c r="AAV27" s="8"/>
      <c r="AAW27" s="8"/>
      <c r="AAX27" s="8"/>
      <c r="AAY27" s="8"/>
      <c r="AAZ27" s="8"/>
      <c r="ABA27" s="8"/>
      <c r="ABB27" s="8"/>
      <c r="ABC27" s="8"/>
      <c r="ABD27" s="8"/>
      <c r="ABE27" s="8"/>
      <c r="ABF27" s="8"/>
      <c r="ABG27" s="8"/>
      <c r="ABH27" s="8"/>
      <c r="ABI27" s="8"/>
      <c r="ABJ27" s="8"/>
      <c r="ABK27" s="8"/>
      <c r="ABL27" s="8"/>
      <c r="ABM27" s="8"/>
      <c r="ABN27" s="8"/>
      <c r="ABO27" s="8"/>
      <c r="ABP27" s="8"/>
      <c r="ABQ27" s="8"/>
      <c r="ABR27" s="8"/>
      <c r="ABS27" s="8"/>
      <c r="ABT27" s="8"/>
      <c r="ABU27" s="8"/>
      <c r="ABV27" s="8"/>
      <c r="ABW27" s="8"/>
      <c r="ABX27" s="8"/>
      <c r="ABY27" s="8"/>
      <c r="ABZ27" s="8"/>
      <c r="ACA27" s="8"/>
      <c r="ACB27" s="8"/>
      <c r="ACC27" s="8"/>
      <c r="ACD27" s="8"/>
      <c r="ACE27" s="8"/>
      <c r="ACF27" s="8"/>
      <c r="ACG27" s="8"/>
      <c r="ACH27" s="8"/>
      <c r="ACI27" s="8"/>
      <c r="ACJ27" s="8"/>
      <c r="ACK27" s="8"/>
      <c r="ACL27" s="8"/>
      <c r="ACM27" s="8"/>
      <c r="ACN27" s="8"/>
      <c r="ACO27" s="8"/>
      <c r="ACP27" s="8"/>
      <c r="ACQ27" s="8"/>
      <c r="ACR27" s="8"/>
      <c r="ACS27" s="8"/>
      <c r="ACT27" s="8"/>
      <c r="ACU27" s="8"/>
      <c r="ACV27" s="8"/>
      <c r="ACW27" s="8"/>
      <c r="ACX27" s="8"/>
      <c r="ACY27" s="8"/>
      <c r="ACZ27" s="8"/>
      <c r="ADA27" s="8"/>
      <c r="ADB27" s="8"/>
      <c r="ADC27" s="8"/>
      <c r="ADD27" s="8"/>
      <c r="ADE27" s="8"/>
      <c r="ADF27" s="8"/>
      <c r="ADG27" s="8"/>
      <c r="ADH27" s="8"/>
      <c r="ADI27" s="8"/>
      <c r="ADJ27" s="8"/>
      <c r="ADK27" s="8"/>
      <c r="ADL27" s="8"/>
      <c r="ADM27" s="8"/>
      <c r="ADN27" s="8"/>
      <c r="ADO27" s="8"/>
      <c r="ADP27" s="8"/>
      <c r="ADQ27" s="8"/>
      <c r="ADR27" s="8"/>
      <c r="ADS27" s="8"/>
      <c r="ADT27" s="8"/>
      <c r="ADU27" s="8"/>
      <c r="ADV27" s="8"/>
      <c r="ADW27" s="8"/>
      <c r="ADX27" s="8"/>
      <c r="ADY27" s="8"/>
      <c r="ADZ27" s="8"/>
      <c r="AEA27" s="8"/>
      <c r="AEB27" s="8"/>
      <c r="AEC27" s="8"/>
      <c r="AED27" s="8"/>
      <c r="AEE27" s="8"/>
      <c r="AEF27" s="8"/>
      <c r="AEG27" s="8"/>
      <c r="AEH27" s="8"/>
      <c r="AEI27" s="8"/>
      <c r="AEJ27" s="8"/>
      <c r="AEK27" s="8"/>
      <c r="AEL27" s="8"/>
      <c r="AEM27" s="8"/>
      <c r="AEN27" s="8"/>
      <c r="AEO27" s="8"/>
      <c r="AEP27" s="8"/>
      <c r="AEQ27" s="8"/>
      <c r="AER27" s="8"/>
      <c r="AES27" s="8"/>
      <c r="AET27" s="8"/>
      <c r="AEU27" s="8"/>
      <c r="AEV27" s="8"/>
      <c r="AEW27" s="8"/>
      <c r="AEX27" s="8"/>
      <c r="AEY27" s="8"/>
      <c r="AEZ27" s="8"/>
      <c r="AFA27" s="8"/>
      <c r="AFB27" s="8"/>
      <c r="AFC27" s="8"/>
      <c r="AFD27" s="8"/>
      <c r="AFE27" s="8"/>
      <c r="AFF27" s="8"/>
      <c r="AFG27" s="8"/>
      <c r="AFH27" s="8"/>
      <c r="AFI27" s="8"/>
      <c r="AFJ27" s="8"/>
      <c r="AFK27" s="8"/>
      <c r="AFL27" s="8"/>
      <c r="AFM27" s="8"/>
      <c r="AFN27" s="8"/>
      <c r="AFO27" s="8"/>
      <c r="AFP27" s="8"/>
      <c r="AFQ27" s="8"/>
      <c r="AFR27" s="8"/>
      <c r="AFS27" s="8"/>
      <c r="AFT27" s="8"/>
      <c r="AFU27" s="8"/>
      <c r="AFV27" s="8"/>
      <c r="AFW27" s="8"/>
      <c r="AFX27" s="8"/>
      <c r="AFY27" s="8"/>
      <c r="AFZ27" s="8"/>
      <c r="AGA27" s="8"/>
      <c r="AGB27" s="8"/>
      <c r="AGC27" s="8"/>
      <c r="AGD27" s="8"/>
      <c r="AGE27" s="8"/>
      <c r="AGF27" s="8"/>
      <c r="AGG27" s="8"/>
      <c r="AGH27" s="8"/>
      <c r="AGI27" s="8"/>
      <c r="AGJ27" s="8"/>
      <c r="AGK27" s="8"/>
      <c r="AGL27" s="8"/>
      <c r="AGM27" s="8"/>
      <c r="AGN27" s="8"/>
      <c r="AGO27" s="8"/>
      <c r="AGP27" s="8"/>
      <c r="AGQ27" s="8"/>
      <c r="AGR27" s="8"/>
      <c r="AGS27" s="8"/>
      <c r="AGT27" s="8"/>
      <c r="AGU27" s="8"/>
      <c r="AGV27" s="8"/>
      <c r="AGW27" s="8"/>
      <c r="AGX27" s="8"/>
      <c r="AGY27" s="8"/>
      <c r="AGZ27" s="8"/>
      <c r="AHA27" s="8"/>
      <c r="AHB27" s="8"/>
      <c r="AHC27" s="8"/>
      <c r="AHD27" s="8"/>
      <c r="AHE27" s="8"/>
      <c r="AHF27" s="8"/>
      <c r="AHG27" s="8"/>
      <c r="AHH27" s="8"/>
      <c r="AHI27" s="8"/>
      <c r="AHJ27" s="8"/>
      <c r="AHK27" s="8"/>
      <c r="AHL27" s="8"/>
      <c r="AHM27" s="8"/>
      <c r="AHN27" s="8"/>
      <c r="AHO27" s="8"/>
      <c r="AHP27" s="8"/>
      <c r="AHQ27" s="8"/>
      <c r="AHR27" s="8"/>
      <c r="AHS27" s="8"/>
      <c r="AHT27" s="8"/>
      <c r="AHU27" s="8"/>
      <c r="AHV27" s="8"/>
      <c r="AHW27" s="8"/>
      <c r="AHX27" s="8"/>
      <c r="AHY27" s="8"/>
      <c r="AHZ27" s="8"/>
      <c r="AIA27" s="8"/>
      <c r="AIB27" s="8"/>
      <c r="AIC27" s="8"/>
      <c r="AID27" s="8"/>
      <c r="AIE27" s="8"/>
      <c r="AIF27" s="8"/>
      <c r="AIG27" s="8"/>
      <c r="AIH27" s="8"/>
      <c r="AII27" s="8"/>
      <c r="AIJ27" s="8"/>
      <c r="AIK27" s="8"/>
      <c r="AIL27" s="8"/>
      <c r="AIM27" s="8"/>
      <c r="AIN27" s="8"/>
      <c r="AIO27" s="8"/>
      <c r="AIP27" s="8"/>
      <c r="AIQ27" s="8"/>
      <c r="AIR27" s="8"/>
      <c r="AIS27" s="8"/>
      <c r="AIT27" s="8"/>
      <c r="AIU27" s="8"/>
      <c r="AIV27" s="8"/>
      <c r="AIW27" s="8"/>
      <c r="AIX27" s="8"/>
      <c r="AIY27" s="8"/>
      <c r="AIZ27" s="8"/>
      <c r="AJA27" s="8"/>
      <c r="AJB27" s="8"/>
      <c r="AJC27" s="8"/>
      <c r="AJD27" s="8"/>
      <c r="AJE27" s="8"/>
      <c r="AJF27" s="8"/>
      <c r="AJG27" s="8"/>
      <c r="AJH27" s="8"/>
      <c r="AJI27" s="8"/>
      <c r="AJJ27" s="8"/>
      <c r="AJK27" s="8"/>
      <c r="AJL27" s="8"/>
      <c r="AJM27" s="8"/>
      <c r="AJN27" s="8"/>
      <c r="AJO27" s="8"/>
      <c r="AJP27" s="8"/>
      <c r="AJQ27" s="8"/>
      <c r="AJR27" s="8"/>
      <c r="AJS27" s="8"/>
      <c r="AJT27" s="8"/>
      <c r="AJU27" s="8"/>
      <c r="AJV27" s="8"/>
      <c r="AJW27" s="8"/>
      <c r="AJX27" s="8"/>
      <c r="AJY27" s="8"/>
      <c r="AJZ27" s="8"/>
      <c r="AKA27" s="8"/>
      <c r="AKB27" s="8"/>
      <c r="AKC27" s="8"/>
      <c r="AKD27" s="8"/>
      <c r="AKE27" s="8"/>
      <c r="AKF27" s="8"/>
      <c r="AKG27" s="8"/>
      <c r="AKH27" s="8"/>
      <c r="AKI27" s="8"/>
      <c r="AKJ27" s="8"/>
      <c r="AKK27" s="8"/>
      <c r="AKL27" s="8"/>
      <c r="AKM27" s="8"/>
      <c r="AKN27" s="8"/>
      <c r="AKO27" s="8"/>
      <c r="AKP27" s="8"/>
      <c r="AKQ27" s="8"/>
      <c r="AKR27" s="8"/>
      <c r="AKS27" s="8"/>
      <c r="AKT27" s="8"/>
      <c r="AKU27" s="8"/>
      <c r="AKV27" s="8"/>
      <c r="AKW27" s="8"/>
      <c r="AKX27" s="8"/>
      <c r="AKY27" s="8"/>
      <c r="AKZ27" s="8"/>
      <c r="ALA27" s="8"/>
      <c r="ALB27" s="8"/>
      <c r="ALC27" s="8"/>
      <c r="ALD27" s="8"/>
      <c r="ALE27" s="8"/>
      <c r="ALF27" s="8"/>
      <c r="ALG27" s="8"/>
      <c r="ALH27" s="8"/>
      <c r="ALI27" s="8"/>
      <c r="ALJ27" s="8"/>
      <c r="ALK27" s="8"/>
      <c r="ALL27" s="8"/>
      <c r="ALM27" s="8"/>
      <c r="ALN27" s="8"/>
      <c r="ALO27" s="8"/>
      <c r="ALP27" s="8"/>
      <c r="ALQ27" s="8"/>
      <c r="ALR27" s="8"/>
      <c r="ALS27" s="8"/>
      <c r="ALT27" s="8"/>
      <c r="ALU27" s="8"/>
      <c r="ALV27" s="8"/>
      <c r="ALW27" s="8"/>
      <c r="ALX27" s="8"/>
      <c r="ALY27" s="8"/>
      <c r="ALZ27" s="8"/>
      <c r="AMA27" s="8"/>
      <c r="AMB27" s="8"/>
      <c r="AMC27" s="8"/>
      <c r="AMD27" s="8"/>
      <c r="AME27" s="8"/>
      <c r="AMF27" s="8"/>
      <c r="AMG27" s="8"/>
      <c r="AMH27" s="8"/>
      <c r="AMI27" s="8"/>
      <c r="AMJ27" s="8"/>
      <c r="AMK27" s="8"/>
      <c r="AML27" s="8"/>
      <c r="AMM27" s="8"/>
      <c r="AMN27" s="8"/>
      <c r="AMO27" s="8"/>
      <c r="AMP27" s="8"/>
      <c r="AMQ27" s="8"/>
      <c r="AMR27" s="8"/>
      <c r="AMS27" s="8"/>
      <c r="AMT27" s="8"/>
      <c r="AMU27" s="8"/>
      <c r="AMV27" s="8"/>
      <c r="AMW27" s="8"/>
      <c r="AMX27" s="8"/>
      <c r="AMY27" s="8"/>
      <c r="AMZ27" s="8"/>
      <c r="ANA27" s="8"/>
      <c r="ANB27" s="8"/>
      <c r="ANC27" s="8"/>
      <c r="AND27" s="8"/>
      <c r="ANE27" s="8"/>
      <c r="ANF27" s="8"/>
      <c r="ANG27" s="8"/>
      <c r="ANH27" s="8"/>
      <c r="ANI27" s="8"/>
      <c r="ANJ27" s="8"/>
      <c r="ANK27" s="8"/>
      <c r="ANL27" s="8"/>
      <c r="ANM27" s="8"/>
      <c r="ANN27" s="8"/>
      <c r="ANO27" s="8"/>
      <c r="ANP27" s="8"/>
      <c r="ANQ27" s="8"/>
      <c r="ANR27" s="8"/>
      <c r="ANS27" s="8"/>
      <c r="ANT27" s="8"/>
      <c r="ANU27" s="8"/>
      <c r="ANV27" s="8"/>
      <c r="ANW27" s="8"/>
      <c r="ANX27" s="8"/>
      <c r="ANY27" s="8"/>
      <c r="ANZ27" s="8"/>
      <c r="AOA27" s="8"/>
      <c r="AOB27" s="8"/>
      <c r="AOC27" s="8"/>
      <c r="AOD27" s="8"/>
      <c r="AOE27" s="8"/>
      <c r="AOF27" s="8"/>
      <c r="AOG27" s="8"/>
      <c r="AOH27" s="8"/>
      <c r="AOI27" s="8"/>
      <c r="AOJ27" s="8"/>
      <c r="AOK27" s="8"/>
      <c r="AOL27" s="8"/>
      <c r="AOM27" s="8"/>
      <c r="AON27" s="8"/>
      <c r="AOO27" s="8"/>
      <c r="AOP27" s="8"/>
      <c r="AOQ27" s="8"/>
      <c r="AOR27" s="8"/>
      <c r="AOS27" s="8"/>
      <c r="AOT27" s="8"/>
      <c r="AOU27" s="8"/>
      <c r="AOV27" s="8"/>
      <c r="AOW27" s="8"/>
      <c r="AOX27" s="8"/>
      <c r="AOY27" s="8"/>
      <c r="AOZ27" s="8"/>
      <c r="APA27" s="8"/>
      <c r="APB27" s="8"/>
      <c r="APC27" s="8"/>
      <c r="APD27" s="8"/>
      <c r="APE27" s="8"/>
      <c r="APF27" s="8"/>
      <c r="APG27" s="8"/>
      <c r="APH27" s="8"/>
      <c r="API27" s="8"/>
      <c r="APJ27" s="8"/>
      <c r="APK27" s="8"/>
      <c r="APL27" s="8"/>
      <c r="APM27" s="8"/>
      <c r="APN27" s="8"/>
      <c r="APO27" s="8"/>
      <c r="APP27" s="8"/>
      <c r="APQ27" s="8"/>
      <c r="APR27" s="8"/>
      <c r="APS27" s="8"/>
      <c r="APT27" s="8"/>
      <c r="APU27" s="8"/>
      <c r="APV27" s="8"/>
      <c r="APW27" s="8"/>
      <c r="APX27" s="8"/>
      <c r="APY27" s="8"/>
      <c r="APZ27" s="8"/>
      <c r="AQA27" s="8"/>
      <c r="AQB27" s="8"/>
      <c r="AQC27" s="8"/>
      <c r="AQD27" s="8"/>
      <c r="AQE27" s="8"/>
      <c r="AQF27" s="8"/>
      <c r="AQG27" s="8"/>
      <c r="AQH27" s="8"/>
      <c r="AQI27" s="8"/>
      <c r="AQJ27" s="8"/>
      <c r="AQK27" s="8"/>
      <c r="AQL27" s="8"/>
      <c r="AQM27" s="8"/>
      <c r="AQN27" s="8"/>
      <c r="AQO27" s="8"/>
      <c r="AQP27" s="8"/>
      <c r="AQQ27" s="8"/>
      <c r="AQR27" s="8"/>
      <c r="AQS27" s="8"/>
      <c r="AQT27" s="8"/>
      <c r="AQU27" s="8"/>
      <c r="AQV27" s="8"/>
      <c r="AQW27" s="8"/>
      <c r="AQX27" s="8"/>
      <c r="AQY27" s="8"/>
      <c r="AQZ27" s="8"/>
      <c r="ARA27" s="8"/>
      <c r="ARB27" s="8"/>
      <c r="ARC27" s="8"/>
      <c r="ARD27" s="8"/>
      <c r="ARE27" s="8"/>
      <c r="ARF27" s="8"/>
      <c r="ARG27" s="8"/>
      <c r="ARH27" s="8"/>
      <c r="ARI27" s="8"/>
      <c r="ARJ27" s="8"/>
      <c r="ARK27" s="8"/>
      <c r="ARL27" s="8"/>
      <c r="ARM27" s="8"/>
      <c r="ARN27" s="8"/>
      <c r="ARO27" s="8"/>
      <c r="ARP27" s="8"/>
      <c r="ARQ27" s="8"/>
      <c r="ARR27" s="8"/>
      <c r="ARS27" s="8"/>
      <c r="ART27" s="8"/>
      <c r="ARU27" s="8"/>
      <c r="ARV27" s="8"/>
      <c r="ARW27" s="8"/>
      <c r="ARX27" s="8"/>
      <c r="ARY27" s="8"/>
      <c r="ARZ27" s="8"/>
      <c r="ASA27" s="8"/>
      <c r="ASB27" s="8"/>
      <c r="ASC27" s="8"/>
      <c r="ASD27" s="8"/>
      <c r="ASE27" s="8"/>
      <c r="ASF27" s="8"/>
      <c r="ASG27" s="8"/>
      <c r="ASH27" s="8"/>
      <c r="ASI27" s="8"/>
      <c r="ASJ27" s="8"/>
      <c r="ASK27" s="8"/>
      <c r="ASL27" s="8"/>
      <c r="ASM27" s="8"/>
      <c r="ASN27" s="8"/>
      <c r="ASO27" s="8"/>
      <c r="ASP27" s="8"/>
      <c r="ASQ27" s="8"/>
      <c r="ASR27" s="8"/>
      <c r="ASS27" s="8"/>
      <c r="AST27" s="8"/>
      <c r="ASU27" s="8"/>
      <c r="ASV27" s="8"/>
      <c r="ASW27" s="8"/>
      <c r="ASX27" s="8"/>
      <c r="ASY27" s="8"/>
      <c r="ASZ27" s="8"/>
      <c r="ATA27" s="8"/>
      <c r="ATB27" s="8"/>
      <c r="ATC27" s="8"/>
      <c r="ATD27" s="8"/>
      <c r="ATE27" s="8"/>
      <c r="ATF27" s="8"/>
      <c r="ATG27" s="8"/>
      <c r="ATH27" s="8"/>
      <c r="ATI27" s="8"/>
      <c r="ATJ27" s="8"/>
      <c r="ATK27" s="8"/>
      <c r="ATL27" s="8"/>
      <c r="ATM27" s="8"/>
      <c r="ATN27" s="8"/>
      <c r="ATO27" s="8"/>
      <c r="ATP27" s="8"/>
      <c r="ATQ27" s="8"/>
      <c r="ATR27" s="8"/>
      <c r="ATS27" s="8"/>
      <c r="ATT27" s="8"/>
      <c r="ATU27" s="8"/>
      <c r="ATV27" s="8"/>
      <c r="ATW27" s="8"/>
      <c r="ATX27" s="8"/>
      <c r="ATY27" s="8"/>
      <c r="ATZ27" s="8"/>
      <c r="AUA27" s="8"/>
      <c r="AUB27" s="8"/>
      <c r="AUC27" s="8"/>
      <c r="AUD27" s="8"/>
      <c r="AUE27" s="8"/>
      <c r="AUF27" s="8"/>
      <c r="AUG27" s="8"/>
      <c r="AUH27" s="8"/>
      <c r="AUI27" s="8"/>
      <c r="AUJ27" s="8"/>
      <c r="AUK27" s="8"/>
      <c r="AUL27" s="8"/>
      <c r="AUM27" s="8"/>
      <c r="AUN27" s="8"/>
      <c r="AUO27" s="8"/>
      <c r="AUP27" s="8"/>
      <c r="AUQ27" s="8"/>
      <c r="AUR27" s="8"/>
      <c r="AUS27" s="8"/>
      <c r="AUT27" s="8"/>
      <c r="AUU27" s="8"/>
      <c r="AUV27" s="8"/>
      <c r="AUW27" s="8"/>
      <c r="AUX27" s="8"/>
      <c r="AUY27" s="8"/>
      <c r="AUZ27" s="8"/>
      <c r="AVA27" s="8"/>
      <c r="AVB27" s="8"/>
      <c r="AVC27" s="8"/>
      <c r="AVD27" s="8"/>
      <c r="AVE27" s="8"/>
      <c r="AVF27" s="8"/>
      <c r="AVG27" s="8"/>
      <c r="AVH27" s="8"/>
      <c r="AVI27" s="8"/>
      <c r="AVJ27" s="8"/>
      <c r="AVK27" s="8"/>
      <c r="AVL27" s="8"/>
      <c r="AVM27" s="8"/>
      <c r="AVN27" s="8"/>
      <c r="AVO27" s="8"/>
      <c r="AVP27" s="8"/>
      <c r="AVQ27" s="8"/>
      <c r="AVR27" s="8"/>
      <c r="AVS27" s="8"/>
      <c r="AVT27" s="8"/>
      <c r="AVU27" s="8"/>
      <c r="AVV27" s="8"/>
      <c r="AVW27" s="8"/>
      <c r="AVX27" s="8"/>
      <c r="AVY27" s="8"/>
      <c r="AVZ27" s="8"/>
      <c r="AWA27" s="8"/>
      <c r="AWB27" s="8"/>
      <c r="AWC27" s="8"/>
      <c r="AWD27" s="8"/>
      <c r="AWE27" s="8"/>
      <c r="AWF27" s="8"/>
      <c r="AWG27" s="8"/>
      <c r="AWH27" s="8"/>
      <c r="AWI27" s="8"/>
      <c r="AWJ27" s="8"/>
      <c r="AWK27" s="8"/>
      <c r="AWL27" s="8"/>
      <c r="AWM27" s="8"/>
      <c r="AWN27" s="8"/>
      <c r="AWO27" s="8"/>
      <c r="AWP27" s="8"/>
      <c r="AWQ27" s="8"/>
      <c r="AWR27" s="8"/>
      <c r="AWS27" s="8"/>
      <c r="AWT27" s="8"/>
      <c r="AWU27" s="8"/>
      <c r="AWV27" s="8"/>
      <c r="AWW27" s="8"/>
      <c r="AWX27" s="8"/>
      <c r="AWY27" s="8"/>
      <c r="AWZ27" s="8"/>
      <c r="AXA27" s="8"/>
      <c r="AXB27" s="8"/>
      <c r="AXC27" s="8"/>
      <c r="AXD27" s="8"/>
      <c r="AXE27" s="8"/>
      <c r="AXF27" s="8"/>
      <c r="AXG27" s="8"/>
      <c r="AXH27" s="8"/>
      <c r="AXI27" s="8"/>
      <c r="AXJ27" s="8"/>
      <c r="AXK27" s="8"/>
      <c r="AXL27" s="8"/>
      <c r="AXM27" s="8"/>
      <c r="AXN27" s="8"/>
      <c r="AXO27" s="8"/>
      <c r="AXP27" s="8"/>
      <c r="AXQ27" s="8"/>
      <c r="AXR27" s="8"/>
      <c r="AXS27" s="8"/>
      <c r="AXT27" s="8"/>
      <c r="AXU27" s="8"/>
      <c r="AXV27" s="8"/>
      <c r="AXW27" s="8"/>
      <c r="AXX27" s="8"/>
      <c r="AXY27" s="8"/>
      <c r="AXZ27" s="8"/>
      <c r="AYA27" s="8"/>
      <c r="AYB27" s="8"/>
      <c r="AYC27" s="8"/>
      <c r="AYD27" s="8"/>
      <c r="AYE27" s="8"/>
      <c r="AYF27" s="8"/>
      <c r="AYG27" s="8"/>
      <c r="AYH27" s="8"/>
      <c r="AYI27" s="8"/>
      <c r="AYJ27" s="8"/>
      <c r="AYK27" s="8"/>
      <c r="AYL27" s="8"/>
      <c r="AYM27" s="8"/>
      <c r="AYN27" s="8"/>
      <c r="AYO27" s="8"/>
      <c r="AYP27" s="8"/>
      <c r="AYQ27" s="8"/>
      <c r="AYR27" s="8"/>
      <c r="AYS27" s="8"/>
      <c r="AYT27" s="8"/>
      <c r="AYU27" s="8"/>
      <c r="AYV27" s="8"/>
      <c r="AYW27" s="8"/>
      <c r="AYX27" s="8"/>
      <c r="AYY27" s="8"/>
      <c r="AYZ27" s="8"/>
      <c r="AZA27" s="8"/>
      <c r="AZB27" s="8"/>
      <c r="AZC27" s="8"/>
      <c r="AZD27" s="8"/>
      <c r="AZE27" s="8"/>
      <c r="AZF27" s="8"/>
      <c r="AZG27" s="8"/>
      <c r="AZH27" s="8"/>
      <c r="AZI27" s="8"/>
      <c r="AZJ27" s="8"/>
      <c r="AZK27" s="8"/>
      <c r="AZL27" s="8"/>
      <c r="AZM27" s="8"/>
      <c r="AZN27" s="8"/>
      <c r="AZO27" s="8"/>
      <c r="AZP27" s="8"/>
      <c r="AZQ27" s="8"/>
      <c r="AZR27" s="8"/>
      <c r="AZS27" s="8"/>
      <c r="AZT27" s="8"/>
      <c r="AZU27" s="8"/>
      <c r="AZV27" s="8"/>
      <c r="AZW27" s="8"/>
      <c r="AZX27" s="8"/>
      <c r="AZY27" s="8"/>
      <c r="AZZ27" s="8"/>
      <c r="BAA27" s="8"/>
      <c r="BAB27" s="8"/>
      <c r="BAC27" s="8"/>
      <c r="BAD27" s="8"/>
      <c r="BAE27" s="8"/>
      <c r="BAF27" s="8"/>
      <c r="BAG27" s="8"/>
      <c r="BAH27" s="8"/>
      <c r="BAI27" s="8"/>
      <c r="BAJ27" s="8"/>
      <c r="BAK27" s="8"/>
      <c r="BAL27" s="8"/>
      <c r="BAM27" s="8"/>
      <c r="BAN27" s="8"/>
      <c r="BAO27" s="8"/>
      <c r="BAP27" s="8"/>
      <c r="BAQ27" s="8"/>
      <c r="BAR27" s="8"/>
      <c r="BAS27" s="8"/>
      <c r="BAT27" s="8"/>
      <c r="BAU27" s="8"/>
      <c r="BAV27" s="8"/>
      <c r="BAW27" s="8"/>
      <c r="BAX27" s="8"/>
      <c r="BAY27" s="8"/>
      <c r="BAZ27" s="8"/>
      <c r="BBA27" s="8"/>
      <c r="BBB27" s="8"/>
      <c r="BBC27" s="8"/>
      <c r="BBD27" s="8"/>
      <c r="BBE27" s="8"/>
      <c r="BBF27" s="8"/>
      <c r="BBG27" s="8"/>
      <c r="BBH27" s="8"/>
      <c r="BBI27" s="8"/>
      <c r="BBJ27" s="8"/>
      <c r="BBK27" s="8"/>
      <c r="BBL27" s="8"/>
      <c r="BBM27" s="8"/>
      <c r="BBN27" s="8"/>
      <c r="BBO27" s="8"/>
      <c r="BBP27" s="8"/>
      <c r="BBQ27" s="8"/>
      <c r="BBR27" s="8"/>
      <c r="BBS27" s="8"/>
      <c r="BBT27" s="8"/>
      <c r="BBU27" s="8"/>
      <c r="BBV27" s="8"/>
      <c r="BBW27" s="8"/>
      <c r="BBX27" s="8"/>
      <c r="BBY27" s="8"/>
      <c r="BBZ27" s="8"/>
      <c r="BCA27" s="8"/>
      <c r="BCB27" s="8"/>
      <c r="BCC27" s="8"/>
      <c r="BCD27" s="8"/>
      <c r="BCE27" s="8"/>
      <c r="BCF27" s="8"/>
      <c r="BCG27" s="8"/>
      <c r="BCH27" s="8"/>
      <c r="BCI27" s="8"/>
      <c r="BCJ27" s="8"/>
      <c r="BCK27" s="8"/>
      <c r="BCL27" s="8"/>
      <c r="BCM27" s="8"/>
      <c r="BCN27" s="8"/>
      <c r="BCO27" s="8"/>
      <c r="BCP27" s="8"/>
      <c r="BCQ27" s="8"/>
      <c r="BCR27" s="8"/>
      <c r="BCS27" s="8"/>
      <c r="BCT27" s="8"/>
      <c r="BCU27" s="8"/>
      <c r="BCV27" s="8"/>
      <c r="BCW27" s="8"/>
      <c r="BCX27" s="8"/>
      <c r="BCY27" s="8"/>
      <c r="BCZ27" s="8"/>
      <c r="BDA27" s="8"/>
      <c r="BDB27" s="8"/>
      <c r="BDC27" s="8"/>
      <c r="BDD27" s="8"/>
      <c r="BDE27" s="8"/>
      <c r="BDF27" s="8"/>
      <c r="BDG27" s="8"/>
      <c r="BDH27" s="8"/>
      <c r="BDI27" s="8"/>
      <c r="BDJ27" s="8"/>
      <c r="BDK27" s="8"/>
      <c r="BDL27" s="8"/>
      <c r="BDM27" s="8"/>
      <c r="BDN27" s="8"/>
      <c r="BDO27" s="8"/>
      <c r="BDP27" s="8"/>
      <c r="BDQ27" s="8"/>
      <c r="BDR27" s="8"/>
      <c r="BDS27" s="8"/>
      <c r="BDT27" s="8"/>
      <c r="BDU27" s="8"/>
      <c r="BDV27" s="8"/>
      <c r="BDW27" s="8"/>
      <c r="BDX27" s="8"/>
      <c r="BDY27" s="8"/>
      <c r="BDZ27" s="8"/>
      <c r="BEA27" s="8"/>
      <c r="BEB27" s="8"/>
      <c r="BEC27" s="8"/>
      <c r="BED27" s="8"/>
      <c r="BEE27" s="8"/>
      <c r="BEF27" s="8"/>
      <c r="BEG27" s="8"/>
      <c r="BEH27" s="8"/>
      <c r="BEI27" s="8"/>
      <c r="BEJ27" s="8"/>
      <c r="BEK27" s="8"/>
      <c r="BEL27" s="8"/>
      <c r="BEM27" s="8"/>
      <c r="BEN27" s="8"/>
      <c r="BEO27" s="8"/>
      <c r="BEP27" s="8"/>
      <c r="BEQ27" s="8"/>
      <c r="BER27" s="8"/>
      <c r="BES27" s="8"/>
      <c r="BET27" s="8"/>
      <c r="BEU27" s="8"/>
      <c r="BEV27" s="8"/>
      <c r="BEW27" s="8"/>
      <c r="BEX27" s="8"/>
      <c r="BEY27" s="8"/>
      <c r="BEZ27" s="8"/>
      <c r="BFA27" s="8"/>
      <c r="BFB27" s="8"/>
      <c r="BFC27" s="8"/>
      <c r="BFD27" s="8"/>
      <c r="BFE27" s="8"/>
      <c r="BFF27" s="8"/>
      <c r="BFG27" s="8"/>
      <c r="BFH27" s="8"/>
      <c r="BFI27" s="8"/>
      <c r="BFJ27" s="8"/>
      <c r="BFK27" s="8"/>
      <c r="BFL27" s="8"/>
      <c r="BFM27" s="8"/>
      <c r="BFN27" s="8"/>
      <c r="BFO27" s="8"/>
      <c r="BFP27" s="8"/>
      <c r="BFQ27" s="8"/>
      <c r="BFR27" s="8"/>
      <c r="BFS27" s="8"/>
      <c r="BFT27" s="8"/>
      <c r="BFU27" s="8"/>
      <c r="BFV27" s="8"/>
      <c r="BFW27" s="8"/>
      <c r="BFX27" s="8"/>
      <c r="BFY27" s="8"/>
      <c r="BFZ27" s="8"/>
      <c r="BGA27" s="8"/>
      <c r="BGB27" s="8"/>
      <c r="BGC27" s="8"/>
      <c r="BGD27" s="8"/>
      <c r="BGE27" s="8"/>
      <c r="BGF27" s="8"/>
      <c r="BGG27" s="8"/>
      <c r="BGH27" s="8"/>
      <c r="BGI27" s="8"/>
      <c r="BGJ27" s="8"/>
      <c r="BGK27" s="8"/>
      <c r="BGL27" s="8"/>
      <c r="BGM27" s="8"/>
      <c r="BGN27" s="8"/>
      <c r="BGO27" s="8"/>
      <c r="BGP27" s="8"/>
      <c r="BGQ27" s="8"/>
      <c r="BGR27" s="8"/>
      <c r="BGS27" s="8"/>
      <c r="BGT27" s="8"/>
      <c r="BGU27" s="8"/>
      <c r="BGV27" s="8"/>
      <c r="BGW27" s="8"/>
      <c r="BGX27" s="8"/>
      <c r="BGY27" s="8"/>
      <c r="BGZ27" s="8"/>
      <c r="BHA27" s="8"/>
      <c r="BHB27" s="8"/>
      <c r="BHC27" s="8"/>
      <c r="BHD27" s="8"/>
      <c r="BHE27" s="8"/>
      <c r="BHF27" s="8"/>
      <c r="BHG27" s="8"/>
      <c r="BHH27" s="8"/>
      <c r="BHI27" s="8"/>
      <c r="BHJ27" s="8"/>
      <c r="BHK27" s="8"/>
      <c r="BHL27" s="8"/>
      <c r="BHM27" s="8"/>
      <c r="BHN27" s="8"/>
      <c r="BHO27" s="8"/>
      <c r="BHP27" s="8"/>
      <c r="BHQ27" s="8"/>
      <c r="BHR27" s="8"/>
      <c r="BHS27" s="8"/>
      <c r="BHT27" s="8"/>
      <c r="BHU27" s="8"/>
      <c r="BHV27" s="8"/>
      <c r="BHW27" s="8"/>
      <c r="BHX27" s="8"/>
      <c r="BHY27" s="8"/>
      <c r="BHZ27" s="8"/>
      <c r="BIA27" s="8"/>
      <c r="BIB27" s="8"/>
      <c r="BIC27" s="8"/>
      <c r="BID27" s="8"/>
      <c r="BIE27" s="8"/>
      <c r="BIF27" s="8"/>
      <c r="BIG27" s="8"/>
      <c r="BIH27" s="8"/>
      <c r="BII27" s="8"/>
      <c r="BIJ27" s="8"/>
      <c r="BIK27" s="8"/>
      <c r="BIL27" s="8"/>
      <c r="BIM27" s="8"/>
      <c r="BIN27" s="8"/>
      <c r="BIO27" s="8"/>
      <c r="BIP27" s="8"/>
      <c r="BIQ27" s="8"/>
      <c r="BIR27" s="8"/>
      <c r="BIS27" s="8"/>
      <c r="BIT27" s="8"/>
      <c r="BIU27" s="8"/>
      <c r="BIV27" s="8"/>
      <c r="BIW27" s="8"/>
      <c r="BIX27" s="8"/>
      <c r="BIY27" s="8"/>
      <c r="BIZ27" s="8"/>
      <c r="BJA27" s="8"/>
      <c r="BJB27" s="8"/>
      <c r="BJC27" s="8"/>
      <c r="BJD27" s="8"/>
      <c r="BJE27" s="8"/>
      <c r="BJF27" s="8"/>
      <c r="BJG27" s="8"/>
      <c r="BJH27" s="8"/>
      <c r="BJI27" s="8"/>
      <c r="BJJ27" s="8"/>
      <c r="BJK27" s="8"/>
      <c r="BJL27" s="8"/>
      <c r="BJM27" s="8"/>
      <c r="BJN27" s="8"/>
      <c r="BJO27" s="8"/>
      <c r="BJP27" s="8"/>
      <c r="BJQ27" s="8"/>
      <c r="BJR27" s="8"/>
      <c r="BJS27" s="8"/>
      <c r="BJT27" s="8"/>
      <c r="BJU27" s="8"/>
      <c r="BJV27" s="8"/>
      <c r="BJW27" s="8"/>
      <c r="BJX27" s="8"/>
      <c r="BJY27" s="8"/>
      <c r="BJZ27" s="8"/>
      <c r="BKA27" s="8"/>
      <c r="BKB27" s="8"/>
      <c r="BKC27" s="8"/>
      <c r="BKD27" s="8"/>
      <c r="BKE27" s="8"/>
      <c r="BKF27" s="8"/>
      <c r="BKG27" s="8"/>
      <c r="BKH27" s="8"/>
      <c r="BKI27" s="8"/>
      <c r="BKJ27" s="8"/>
      <c r="BKK27" s="8"/>
      <c r="BKL27" s="8"/>
      <c r="BKM27" s="8"/>
      <c r="BKN27" s="8"/>
      <c r="BKO27" s="8"/>
      <c r="BKP27" s="8"/>
      <c r="BKQ27" s="8"/>
      <c r="BKR27" s="8"/>
      <c r="BKS27" s="8"/>
      <c r="BKT27" s="8"/>
      <c r="BKU27" s="8"/>
      <c r="BKV27" s="8"/>
      <c r="BKW27" s="8"/>
      <c r="BKX27" s="8"/>
      <c r="BKY27" s="8"/>
      <c r="BKZ27" s="8"/>
      <c r="BLA27" s="8"/>
      <c r="BLB27" s="8"/>
      <c r="BLC27" s="8"/>
      <c r="BLD27" s="8"/>
      <c r="BLE27" s="8"/>
      <c r="BLF27" s="8"/>
      <c r="BLG27" s="8"/>
      <c r="BLH27" s="8"/>
      <c r="BLI27" s="8"/>
      <c r="BLJ27" s="8"/>
      <c r="BLK27" s="8"/>
      <c r="BLL27" s="8"/>
      <c r="BLM27" s="8"/>
      <c r="BLN27" s="8"/>
      <c r="BLO27" s="8"/>
      <c r="BLP27" s="8"/>
      <c r="BLQ27" s="8"/>
      <c r="BLR27" s="8"/>
      <c r="BLS27" s="8"/>
      <c r="BLT27" s="8"/>
      <c r="BLU27" s="8"/>
      <c r="BLV27" s="8"/>
      <c r="BLW27" s="8"/>
      <c r="BLX27" s="8"/>
      <c r="BLY27" s="8"/>
      <c r="BLZ27" s="8"/>
      <c r="BMA27" s="8"/>
      <c r="BMB27" s="8"/>
      <c r="BMC27" s="8"/>
      <c r="BMD27" s="8"/>
      <c r="BME27" s="8"/>
      <c r="BMF27" s="8"/>
      <c r="BMG27" s="8"/>
      <c r="BMH27" s="8"/>
      <c r="BMI27" s="8"/>
      <c r="BMJ27" s="8"/>
      <c r="BMK27" s="8"/>
      <c r="BML27" s="8"/>
      <c r="BMM27" s="8"/>
      <c r="BMN27" s="8"/>
      <c r="BMO27" s="8"/>
      <c r="BMP27" s="8"/>
      <c r="BMQ27" s="8"/>
      <c r="BMR27" s="8"/>
      <c r="BMS27" s="8"/>
      <c r="BMT27" s="8"/>
      <c r="BMU27" s="8"/>
      <c r="BMV27" s="8"/>
      <c r="BMW27" s="8"/>
      <c r="BMX27" s="8"/>
      <c r="BMY27" s="8"/>
      <c r="BMZ27" s="8"/>
      <c r="BNA27" s="8"/>
      <c r="BNB27" s="8"/>
      <c r="BNC27" s="8"/>
      <c r="BND27" s="8"/>
      <c r="BNE27" s="8"/>
      <c r="BNF27" s="8"/>
      <c r="BNG27" s="8"/>
      <c r="BNH27" s="8"/>
      <c r="BNI27" s="8"/>
      <c r="BNJ27" s="8"/>
      <c r="BNK27" s="8"/>
      <c r="BNL27" s="8"/>
      <c r="BNM27" s="8"/>
      <c r="BNN27" s="8"/>
      <c r="BNO27" s="8"/>
      <c r="BNP27" s="8"/>
      <c r="BNQ27" s="8"/>
      <c r="BNR27" s="8"/>
      <c r="BNS27" s="8"/>
      <c r="BNT27" s="8"/>
      <c r="BNU27" s="8"/>
      <c r="BNV27" s="8"/>
      <c r="BNW27" s="8"/>
      <c r="BNX27" s="8"/>
      <c r="BNY27" s="8"/>
      <c r="BNZ27" s="8"/>
      <c r="BOA27" s="8"/>
      <c r="BOB27" s="8"/>
      <c r="BOC27" s="8"/>
      <c r="BOD27" s="8"/>
      <c r="BOE27" s="8"/>
      <c r="BOF27" s="8"/>
      <c r="BOG27" s="8"/>
      <c r="BOH27" s="8"/>
      <c r="BOI27" s="8"/>
      <c r="BOJ27" s="8"/>
      <c r="BOK27" s="8"/>
      <c r="BOL27" s="8"/>
      <c r="BOM27" s="8"/>
      <c r="BON27" s="8"/>
      <c r="BOO27" s="8"/>
      <c r="BOP27" s="8"/>
      <c r="BOQ27" s="8"/>
      <c r="BOR27" s="8"/>
      <c r="BOS27" s="8"/>
      <c r="BOT27" s="8"/>
      <c r="BOU27" s="8"/>
      <c r="BOV27" s="8"/>
      <c r="BOW27" s="8"/>
      <c r="BOX27" s="8"/>
      <c r="BOY27" s="8"/>
      <c r="BOZ27" s="8"/>
      <c r="BPA27" s="8"/>
      <c r="BPB27" s="8"/>
      <c r="BPC27" s="8"/>
      <c r="BPD27" s="8"/>
      <c r="BPE27" s="8"/>
      <c r="BPF27" s="8"/>
      <c r="BPG27" s="8"/>
      <c r="BPH27" s="8"/>
      <c r="BPI27" s="8"/>
      <c r="BPJ27" s="8"/>
      <c r="BPK27" s="8"/>
      <c r="BPL27" s="8"/>
      <c r="BPM27" s="8"/>
      <c r="BPN27" s="8"/>
      <c r="BPO27" s="8"/>
      <c r="BPP27" s="8"/>
      <c r="BPQ27" s="8"/>
      <c r="BPR27" s="8"/>
      <c r="BPS27" s="8"/>
      <c r="BPT27" s="8"/>
      <c r="BPU27" s="8"/>
      <c r="BPV27" s="8"/>
      <c r="BPW27" s="8"/>
      <c r="BPX27" s="8"/>
      <c r="BPY27" s="8"/>
      <c r="BPZ27" s="8"/>
      <c r="BQA27" s="8"/>
      <c r="BQB27" s="8"/>
      <c r="BQC27" s="8"/>
      <c r="BQD27" s="8"/>
      <c r="BQE27" s="8"/>
      <c r="BQF27" s="8"/>
      <c r="BQG27" s="8"/>
      <c r="BQH27" s="8"/>
      <c r="BQI27" s="8"/>
      <c r="BQJ27" s="8"/>
      <c r="BQK27" s="8"/>
      <c r="BQL27" s="8"/>
      <c r="BQM27" s="8"/>
      <c r="BQN27" s="8"/>
      <c r="BQO27" s="8"/>
      <c r="BQP27" s="8"/>
      <c r="BQQ27" s="8"/>
      <c r="BQR27" s="8"/>
      <c r="BQS27" s="8"/>
      <c r="BQT27" s="8"/>
      <c r="BQU27" s="8"/>
      <c r="BQV27" s="8"/>
      <c r="BQW27" s="8"/>
      <c r="BQX27" s="8"/>
      <c r="BQY27" s="8"/>
      <c r="BQZ27" s="8"/>
      <c r="BRA27" s="8"/>
      <c r="BRB27" s="8"/>
      <c r="BRC27" s="8"/>
      <c r="BRD27" s="8"/>
      <c r="BRE27" s="8"/>
      <c r="BRF27" s="8"/>
      <c r="BRG27" s="8"/>
      <c r="BRH27" s="8"/>
      <c r="BRI27" s="8"/>
      <c r="BRJ27" s="8"/>
      <c r="BRK27" s="8"/>
      <c r="BRL27" s="8"/>
      <c r="BRM27" s="8"/>
      <c r="BRN27" s="8"/>
      <c r="BRO27" s="8"/>
      <c r="BRP27" s="8"/>
      <c r="BRQ27" s="8"/>
      <c r="BRR27" s="8"/>
      <c r="BRS27" s="8"/>
      <c r="BRT27" s="8"/>
      <c r="BRU27" s="8"/>
      <c r="BRV27" s="8"/>
      <c r="BRW27" s="8"/>
      <c r="BRX27" s="8"/>
      <c r="BRY27" s="8"/>
      <c r="BRZ27" s="8"/>
      <c r="BSA27" s="8"/>
      <c r="BSB27" s="8"/>
      <c r="BSC27" s="8"/>
      <c r="BSD27" s="8"/>
      <c r="BSE27" s="8"/>
      <c r="BSF27" s="8"/>
      <c r="BSG27" s="8"/>
      <c r="BSH27" s="8"/>
      <c r="BSI27" s="8"/>
      <c r="BSJ27" s="8"/>
      <c r="BSK27" s="8"/>
      <c r="BSL27" s="8"/>
      <c r="BSM27" s="8"/>
      <c r="BSN27" s="8"/>
      <c r="BSO27" s="8"/>
      <c r="BSP27" s="8"/>
      <c r="BSQ27" s="8"/>
      <c r="BSR27" s="8"/>
      <c r="BSS27" s="8"/>
      <c r="BST27" s="8"/>
      <c r="BSU27" s="8"/>
      <c r="BSV27" s="8"/>
      <c r="BSW27" s="8"/>
      <c r="BSX27" s="8"/>
      <c r="BSY27" s="8"/>
      <c r="BSZ27" s="8"/>
      <c r="BTA27" s="8"/>
      <c r="BTB27" s="8"/>
      <c r="BTC27" s="8"/>
      <c r="BTD27" s="8"/>
      <c r="BTE27" s="8"/>
      <c r="BTF27" s="8"/>
      <c r="BTG27" s="8"/>
      <c r="BTH27" s="8"/>
      <c r="BTI27" s="8"/>
      <c r="BTJ27" s="8"/>
      <c r="BTK27" s="8"/>
      <c r="BTL27" s="8"/>
      <c r="BTM27" s="8"/>
      <c r="BTN27" s="8"/>
      <c r="BTO27" s="8"/>
      <c r="BTP27" s="8"/>
      <c r="BTQ27" s="8"/>
      <c r="BTR27" s="8"/>
      <c r="BTS27" s="8"/>
      <c r="BTT27" s="8"/>
      <c r="BTU27" s="8"/>
      <c r="BTV27" s="8"/>
      <c r="BTW27" s="8"/>
      <c r="BTX27" s="8"/>
      <c r="BTY27" s="8"/>
      <c r="BTZ27" s="8"/>
      <c r="BUA27" s="8"/>
      <c r="BUB27" s="8"/>
      <c r="BUC27" s="8"/>
      <c r="BUD27" s="8"/>
      <c r="BUE27" s="8"/>
      <c r="BUF27" s="8"/>
      <c r="BUG27" s="8"/>
      <c r="BUH27" s="8"/>
      <c r="BUI27" s="8"/>
      <c r="BUJ27" s="8"/>
      <c r="BUK27" s="8"/>
      <c r="BUL27" s="8"/>
      <c r="BUM27" s="8"/>
      <c r="BUN27" s="8"/>
      <c r="BUO27" s="8"/>
      <c r="BUP27" s="8"/>
      <c r="BUQ27" s="8"/>
      <c r="BUR27" s="8"/>
      <c r="BUS27" s="8"/>
      <c r="BUT27" s="8"/>
      <c r="BUU27" s="8"/>
      <c r="BUV27" s="8"/>
      <c r="BUW27" s="8"/>
      <c r="BUX27" s="8"/>
      <c r="BUY27" s="8"/>
      <c r="BUZ27" s="8"/>
      <c r="BVA27" s="8"/>
      <c r="BVB27" s="8"/>
      <c r="BVC27" s="8"/>
      <c r="BVD27" s="8"/>
      <c r="BVE27" s="8"/>
      <c r="BVF27" s="8"/>
      <c r="BVG27" s="8"/>
      <c r="BVH27" s="8"/>
      <c r="BVI27" s="8"/>
      <c r="BVJ27" s="8"/>
      <c r="BVK27" s="8"/>
      <c r="BVL27" s="8"/>
      <c r="BVM27" s="8"/>
      <c r="BVN27" s="8"/>
      <c r="BVO27" s="8"/>
      <c r="BVP27" s="8"/>
      <c r="BVQ27" s="8"/>
      <c r="BVR27" s="8"/>
      <c r="BVS27" s="8"/>
      <c r="BVT27" s="8"/>
      <c r="BVU27" s="8"/>
      <c r="BVV27" s="8"/>
      <c r="BVW27" s="8"/>
      <c r="BVX27" s="8"/>
      <c r="BVY27" s="8"/>
      <c r="BVZ27" s="8"/>
      <c r="BWA27" s="8"/>
      <c r="BWB27" s="8"/>
      <c r="BWC27" s="8"/>
      <c r="BWD27" s="8"/>
      <c r="BWE27" s="8"/>
      <c r="BWF27" s="8"/>
      <c r="BWG27" s="8"/>
      <c r="BWH27" s="8"/>
      <c r="BWI27" s="8"/>
      <c r="BWJ27" s="8"/>
      <c r="BWK27" s="8"/>
      <c r="BWL27" s="8"/>
      <c r="BWM27" s="8"/>
      <c r="BWN27" s="8"/>
      <c r="BWO27" s="8"/>
      <c r="BWP27" s="8"/>
      <c r="BWQ27" s="8"/>
      <c r="BWR27" s="8"/>
      <c r="BWS27" s="8"/>
      <c r="BWT27" s="8"/>
      <c r="BWU27" s="8"/>
      <c r="BWV27" s="8"/>
      <c r="BWW27" s="8"/>
      <c r="BWX27" s="8"/>
      <c r="BWY27" s="8"/>
      <c r="BWZ27" s="8"/>
      <c r="BXA27" s="8"/>
      <c r="BXB27" s="8"/>
      <c r="BXC27" s="8"/>
      <c r="BXD27" s="8"/>
      <c r="BXE27" s="8"/>
      <c r="BXF27" s="8"/>
      <c r="BXG27" s="8"/>
      <c r="BXH27" s="8"/>
      <c r="BXI27" s="8"/>
      <c r="BXJ27" s="8"/>
      <c r="BXK27" s="8"/>
      <c r="BXL27" s="8"/>
      <c r="BXM27" s="8"/>
      <c r="BXN27" s="8"/>
      <c r="BXO27" s="8"/>
      <c r="BXP27" s="8"/>
      <c r="BXQ27" s="8"/>
      <c r="BXR27" s="8"/>
      <c r="BXS27" s="8"/>
      <c r="BXT27" s="8"/>
      <c r="BXU27" s="8"/>
      <c r="BXV27" s="8"/>
      <c r="BXW27" s="8"/>
      <c r="BXX27" s="8"/>
      <c r="BXY27" s="8"/>
      <c r="BXZ27" s="8"/>
      <c r="BYA27" s="8"/>
      <c r="BYB27" s="8"/>
      <c r="BYC27" s="8"/>
      <c r="BYD27" s="8"/>
      <c r="BYE27" s="8"/>
      <c r="BYF27" s="8"/>
      <c r="BYG27" s="8"/>
      <c r="BYH27" s="8"/>
      <c r="BYI27" s="8"/>
      <c r="BYJ27" s="8"/>
      <c r="BYK27" s="8"/>
      <c r="BYL27" s="8"/>
      <c r="BYM27" s="8"/>
      <c r="BYN27" s="8"/>
      <c r="BYO27" s="8"/>
      <c r="BYP27" s="8"/>
      <c r="BYQ27" s="8"/>
      <c r="BYR27" s="8"/>
      <c r="BYS27" s="8"/>
      <c r="BYT27" s="8"/>
      <c r="BYU27" s="8"/>
      <c r="BYV27" s="8"/>
      <c r="BYW27" s="8"/>
      <c r="BYX27" s="8"/>
      <c r="BYY27" s="8"/>
      <c r="BYZ27" s="8"/>
      <c r="BZA27" s="8"/>
      <c r="BZB27" s="8"/>
      <c r="BZC27" s="8"/>
      <c r="BZD27" s="8"/>
      <c r="BZE27" s="8"/>
      <c r="BZF27" s="8"/>
      <c r="BZG27" s="8"/>
      <c r="BZH27" s="8"/>
      <c r="BZI27" s="8"/>
      <c r="BZJ27" s="8"/>
      <c r="BZK27" s="8"/>
      <c r="BZL27" s="8"/>
      <c r="BZM27" s="8"/>
      <c r="BZN27" s="8"/>
      <c r="BZO27" s="8"/>
      <c r="BZP27" s="8"/>
      <c r="BZQ27" s="8"/>
      <c r="BZR27" s="8"/>
      <c r="BZS27" s="8"/>
      <c r="BZT27" s="8"/>
      <c r="BZU27" s="8"/>
      <c r="BZV27" s="8"/>
      <c r="BZW27" s="8"/>
      <c r="BZX27" s="8"/>
      <c r="BZY27" s="8"/>
      <c r="BZZ27" s="8"/>
      <c r="CAA27" s="8"/>
      <c r="CAB27" s="8"/>
      <c r="CAC27" s="8"/>
      <c r="CAD27" s="8"/>
      <c r="CAE27" s="8"/>
      <c r="CAF27" s="8"/>
      <c r="CAG27" s="8"/>
      <c r="CAH27" s="8"/>
      <c r="CAI27" s="8"/>
      <c r="CAJ27" s="8"/>
      <c r="CAK27" s="8"/>
      <c r="CAL27" s="8"/>
      <c r="CAM27" s="8"/>
      <c r="CAN27" s="8"/>
      <c r="CAO27" s="8"/>
      <c r="CAP27" s="8"/>
      <c r="CAQ27" s="8"/>
      <c r="CAR27" s="8"/>
      <c r="CAS27" s="8"/>
      <c r="CAT27" s="8"/>
      <c r="CAU27" s="8"/>
      <c r="CAV27" s="8"/>
      <c r="CAW27" s="8"/>
      <c r="CAX27" s="8"/>
      <c r="CAY27" s="8"/>
      <c r="CAZ27" s="8"/>
      <c r="CBA27" s="8"/>
      <c r="CBB27" s="8"/>
      <c r="CBC27" s="8"/>
      <c r="CBD27" s="8"/>
      <c r="CBE27" s="8"/>
      <c r="CBF27" s="8"/>
      <c r="CBG27" s="8"/>
      <c r="CBH27" s="8"/>
      <c r="CBI27" s="8"/>
      <c r="CBJ27" s="8"/>
      <c r="CBK27" s="8"/>
      <c r="CBL27" s="8"/>
      <c r="CBM27" s="8"/>
      <c r="CBN27" s="8"/>
      <c r="CBO27" s="8"/>
      <c r="CBP27" s="8"/>
      <c r="CBQ27" s="8"/>
      <c r="CBR27" s="8"/>
      <c r="CBS27" s="8"/>
      <c r="CBT27" s="8"/>
      <c r="CBU27" s="8"/>
      <c r="CBV27" s="8"/>
      <c r="CBW27" s="8"/>
      <c r="CBX27" s="8"/>
      <c r="CBY27" s="8"/>
      <c r="CBZ27" s="8"/>
      <c r="CCA27" s="8"/>
      <c r="CCB27" s="8"/>
      <c r="CCC27" s="8"/>
      <c r="CCD27" s="8"/>
      <c r="CCE27" s="8"/>
      <c r="CCF27" s="8"/>
      <c r="CCG27" s="8"/>
      <c r="CCH27" s="8"/>
      <c r="CCI27" s="8"/>
      <c r="CCJ27" s="8"/>
      <c r="CCK27" s="8"/>
      <c r="CCL27" s="8"/>
      <c r="CCM27" s="8"/>
      <c r="CCN27" s="8"/>
      <c r="CCO27" s="8"/>
      <c r="CCP27" s="8"/>
      <c r="CCQ27" s="8"/>
      <c r="CCR27" s="8"/>
      <c r="CCS27" s="8"/>
      <c r="CCT27" s="8"/>
      <c r="CCU27" s="8"/>
      <c r="CCV27" s="8"/>
      <c r="CCW27" s="8"/>
      <c r="CCX27" s="8"/>
      <c r="CCY27" s="8"/>
      <c r="CCZ27" s="8"/>
      <c r="CDA27" s="8"/>
      <c r="CDB27" s="8"/>
      <c r="CDC27" s="8"/>
      <c r="CDD27" s="8"/>
      <c r="CDE27" s="8"/>
      <c r="CDF27" s="8"/>
      <c r="CDG27" s="8"/>
      <c r="CDH27" s="8"/>
      <c r="CDI27" s="8"/>
      <c r="CDJ27" s="8"/>
      <c r="CDK27" s="8"/>
      <c r="CDL27" s="8"/>
      <c r="CDM27" s="8"/>
      <c r="CDN27" s="8"/>
      <c r="CDO27" s="8"/>
      <c r="CDP27" s="8"/>
      <c r="CDQ27" s="8"/>
      <c r="CDR27" s="8"/>
      <c r="CDS27" s="8"/>
      <c r="CDT27" s="8"/>
      <c r="CDU27" s="8"/>
      <c r="CDV27" s="8"/>
      <c r="CDW27" s="8"/>
      <c r="CDX27" s="8"/>
      <c r="CDY27" s="8"/>
      <c r="CDZ27" s="8"/>
      <c r="CEA27" s="8"/>
      <c r="CEB27" s="8"/>
      <c r="CEC27" s="8"/>
      <c r="CED27" s="8"/>
      <c r="CEE27" s="8"/>
      <c r="CEF27" s="8"/>
      <c r="CEG27" s="8"/>
      <c r="CEH27" s="8"/>
      <c r="CEI27" s="8"/>
      <c r="CEJ27" s="8"/>
      <c r="CEK27" s="8"/>
      <c r="CEL27" s="8"/>
      <c r="CEM27" s="8"/>
      <c r="CEN27" s="8"/>
      <c r="CEO27" s="8"/>
      <c r="CEP27" s="8"/>
      <c r="CEQ27" s="8"/>
      <c r="CER27" s="8"/>
      <c r="CES27" s="8"/>
      <c r="CET27" s="8"/>
      <c r="CEU27" s="8"/>
      <c r="CEV27" s="8"/>
      <c r="CEW27" s="8"/>
      <c r="CEX27" s="8"/>
      <c r="CEY27" s="8"/>
      <c r="CEZ27" s="8"/>
      <c r="CFA27" s="8"/>
      <c r="CFB27" s="8"/>
      <c r="CFC27" s="8"/>
      <c r="CFD27" s="8"/>
      <c r="CFE27" s="8"/>
      <c r="CFF27" s="8"/>
      <c r="CFG27" s="8"/>
      <c r="CFH27" s="8"/>
      <c r="CFI27" s="8"/>
      <c r="CFJ27" s="8"/>
      <c r="CFK27" s="8"/>
      <c r="CFL27" s="8"/>
      <c r="CFM27" s="8"/>
      <c r="CFN27" s="8"/>
      <c r="CFO27" s="8"/>
      <c r="CFP27" s="8"/>
      <c r="CFQ27" s="8"/>
      <c r="CFR27" s="8"/>
      <c r="CFS27" s="8"/>
      <c r="CFT27" s="8"/>
      <c r="CFU27" s="8"/>
      <c r="CFV27" s="8"/>
      <c r="CFW27" s="8"/>
      <c r="CFX27" s="8"/>
      <c r="CFY27" s="8"/>
      <c r="CFZ27" s="8"/>
      <c r="CGA27" s="8"/>
      <c r="CGB27" s="8"/>
      <c r="CGC27" s="8"/>
      <c r="CGD27" s="8"/>
      <c r="CGE27" s="8"/>
      <c r="CGF27" s="8"/>
      <c r="CGG27" s="8"/>
      <c r="CGH27" s="8"/>
      <c r="CGI27" s="8"/>
      <c r="CGJ27" s="8"/>
      <c r="CGK27" s="8"/>
      <c r="CGL27" s="8"/>
      <c r="CGM27" s="8"/>
      <c r="CGN27" s="8"/>
      <c r="CGO27" s="8"/>
      <c r="CGP27" s="8"/>
      <c r="CGQ27" s="8"/>
      <c r="CGR27" s="8"/>
      <c r="CGS27" s="8"/>
      <c r="CGT27" s="8"/>
      <c r="CGU27" s="8"/>
      <c r="CGV27" s="8"/>
      <c r="CGW27" s="8"/>
      <c r="CGX27" s="8"/>
      <c r="CGY27" s="8"/>
      <c r="CGZ27" s="8"/>
      <c r="CHA27" s="8"/>
      <c r="CHB27" s="8"/>
      <c r="CHC27" s="8"/>
      <c r="CHD27" s="8"/>
      <c r="CHE27" s="8"/>
      <c r="CHF27" s="8"/>
      <c r="CHG27" s="8"/>
      <c r="CHH27" s="8"/>
      <c r="CHI27" s="8"/>
      <c r="CHJ27" s="8"/>
      <c r="CHK27" s="8"/>
      <c r="CHL27" s="8"/>
      <c r="CHM27" s="8"/>
      <c r="CHN27" s="8"/>
      <c r="CHO27" s="8"/>
      <c r="CHP27" s="8"/>
      <c r="CHQ27" s="8"/>
      <c r="CHR27" s="8"/>
      <c r="CHS27" s="8"/>
      <c r="CHT27" s="8"/>
      <c r="CHU27" s="8"/>
      <c r="CHV27" s="8"/>
      <c r="CHW27" s="8"/>
      <c r="CHX27" s="8"/>
      <c r="CHY27" s="8"/>
      <c r="CHZ27" s="8"/>
      <c r="CIA27" s="8"/>
      <c r="CIB27" s="8"/>
      <c r="CIC27" s="8"/>
      <c r="CID27" s="8"/>
      <c r="CIE27" s="8"/>
      <c r="CIF27" s="8"/>
      <c r="CIG27" s="8"/>
      <c r="CIH27" s="8"/>
      <c r="CII27" s="8"/>
      <c r="CIJ27" s="8"/>
      <c r="CIK27" s="8"/>
      <c r="CIL27" s="8"/>
      <c r="CIM27" s="8"/>
      <c r="CIN27" s="8"/>
      <c r="CIO27" s="8"/>
      <c r="CIP27" s="8"/>
      <c r="CIQ27" s="8"/>
      <c r="CIR27" s="8"/>
      <c r="CIS27" s="8"/>
      <c r="CIT27" s="8"/>
      <c r="CIU27" s="8"/>
      <c r="CIV27" s="8"/>
      <c r="CIW27" s="8"/>
      <c r="CIX27" s="8"/>
      <c r="CIY27" s="8"/>
      <c r="CIZ27" s="8"/>
      <c r="CJA27" s="8"/>
      <c r="CJB27" s="8"/>
      <c r="CJC27" s="8"/>
      <c r="CJD27" s="8"/>
      <c r="CJE27" s="8"/>
      <c r="CJF27" s="8"/>
      <c r="CJG27" s="8"/>
      <c r="CJH27" s="8"/>
      <c r="CJI27" s="8"/>
      <c r="CJJ27" s="8"/>
      <c r="CJK27" s="8"/>
      <c r="CJL27" s="8"/>
      <c r="CJM27" s="8"/>
      <c r="CJN27" s="8"/>
      <c r="CJO27" s="8"/>
      <c r="CJP27" s="8"/>
      <c r="CJQ27" s="8"/>
      <c r="CJR27" s="8"/>
      <c r="CJS27" s="8"/>
      <c r="CJT27" s="8"/>
      <c r="CJU27" s="8"/>
      <c r="CJV27" s="8"/>
      <c r="CJW27" s="8"/>
      <c r="CJX27" s="8"/>
      <c r="CJY27" s="8"/>
      <c r="CJZ27" s="8"/>
      <c r="CKA27" s="8"/>
      <c r="CKB27" s="8"/>
      <c r="CKC27" s="8"/>
      <c r="CKD27" s="8"/>
      <c r="CKE27" s="8"/>
      <c r="CKF27" s="8"/>
      <c r="CKG27" s="8"/>
      <c r="CKH27" s="8"/>
      <c r="CKI27" s="8"/>
      <c r="CKJ27" s="8"/>
      <c r="CKK27" s="8"/>
      <c r="CKL27" s="8"/>
      <c r="CKM27" s="8"/>
      <c r="CKN27" s="8"/>
      <c r="CKO27" s="8"/>
      <c r="CKP27" s="8"/>
      <c r="CKQ27" s="8"/>
      <c r="CKR27" s="8"/>
      <c r="CKS27" s="8"/>
      <c r="CKT27" s="8"/>
      <c r="CKU27" s="8"/>
      <c r="CKV27" s="8"/>
      <c r="CKW27" s="8"/>
      <c r="CKX27" s="8"/>
      <c r="CKY27" s="8"/>
      <c r="CKZ27" s="8"/>
      <c r="CLA27" s="8"/>
      <c r="CLB27" s="8"/>
      <c r="CLC27" s="8"/>
      <c r="CLD27" s="8"/>
      <c r="CLE27" s="8"/>
      <c r="CLF27" s="8"/>
      <c r="CLG27" s="8"/>
      <c r="CLH27" s="8"/>
      <c r="CLI27" s="8"/>
      <c r="CLJ27" s="8"/>
      <c r="CLK27" s="8"/>
      <c r="CLL27" s="8"/>
      <c r="CLM27" s="8"/>
      <c r="CLN27" s="8"/>
      <c r="CLO27" s="8"/>
      <c r="CLP27" s="8"/>
      <c r="CLQ27" s="8"/>
      <c r="CLR27" s="8"/>
      <c r="CLS27" s="8"/>
      <c r="CLT27" s="8"/>
      <c r="CLU27" s="8"/>
      <c r="CLV27" s="8"/>
      <c r="CLW27" s="8"/>
      <c r="CLX27" s="8"/>
      <c r="CLY27" s="8"/>
      <c r="CLZ27" s="8"/>
      <c r="CMA27" s="8"/>
      <c r="CMB27" s="8"/>
      <c r="CMC27" s="8"/>
      <c r="CMD27" s="8"/>
      <c r="CME27" s="8"/>
      <c r="CMF27" s="8"/>
      <c r="CMG27" s="8"/>
      <c r="CMH27" s="8"/>
      <c r="CMI27" s="8"/>
      <c r="CMJ27" s="8"/>
      <c r="CMK27" s="8"/>
      <c r="CML27" s="8"/>
      <c r="CMM27" s="8"/>
      <c r="CMN27" s="8"/>
      <c r="CMO27" s="8"/>
      <c r="CMP27" s="8"/>
      <c r="CMQ27" s="8"/>
      <c r="CMR27" s="8"/>
      <c r="CMS27" s="8"/>
      <c r="CMT27" s="8"/>
      <c r="CMU27" s="8"/>
      <c r="CMV27" s="8"/>
      <c r="CMW27" s="8"/>
      <c r="CMX27" s="8"/>
      <c r="CMY27" s="8"/>
      <c r="CMZ27" s="8"/>
      <c r="CNA27" s="8"/>
      <c r="CNB27" s="8"/>
      <c r="CNC27" s="8"/>
      <c r="CND27" s="8"/>
      <c r="CNE27" s="8"/>
      <c r="CNF27" s="8"/>
      <c r="CNG27" s="8"/>
      <c r="CNH27" s="8"/>
      <c r="CNI27" s="8"/>
      <c r="CNJ27" s="8"/>
      <c r="CNK27" s="8"/>
      <c r="CNL27" s="8"/>
      <c r="CNM27" s="8"/>
      <c r="CNN27" s="8"/>
      <c r="CNO27" s="8"/>
      <c r="CNP27" s="8"/>
      <c r="CNQ27" s="8"/>
      <c r="CNR27" s="8"/>
      <c r="CNS27" s="8"/>
      <c r="CNT27" s="8"/>
      <c r="CNU27" s="8"/>
      <c r="CNV27" s="8"/>
      <c r="CNW27" s="8"/>
      <c r="CNX27" s="8"/>
      <c r="CNY27" s="8"/>
      <c r="CNZ27" s="8"/>
      <c r="COA27" s="8"/>
      <c r="COB27" s="8"/>
      <c r="COC27" s="8"/>
      <c r="COD27" s="8"/>
      <c r="COE27" s="8"/>
      <c r="COF27" s="8"/>
      <c r="COG27" s="8"/>
      <c r="COH27" s="8"/>
      <c r="COI27" s="8"/>
      <c r="COJ27" s="8"/>
      <c r="COK27" s="8"/>
      <c r="COL27" s="8"/>
      <c r="COM27" s="8"/>
      <c r="CON27" s="8"/>
      <c r="COO27" s="8"/>
      <c r="COP27" s="8"/>
      <c r="COQ27" s="8"/>
      <c r="COR27" s="8"/>
      <c r="COS27" s="8"/>
      <c r="COT27" s="8"/>
      <c r="COU27" s="8"/>
      <c r="COV27" s="8"/>
      <c r="COW27" s="8"/>
      <c r="COX27" s="8"/>
      <c r="COY27" s="8"/>
      <c r="COZ27" s="8"/>
      <c r="CPA27" s="8"/>
      <c r="CPB27" s="8"/>
      <c r="CPC27" s="8"/>
      <c r="CPD27" s="8"/>
      <c r="CPE27" s="8"/>
      <c r="CPF27" s="8"/>
      <c r="CPG27" s="8"/>
      <c r="CPH27" s="8"/>
      <c r="CPI27" s="8"/>
      <c r="CPJ27" s="8"/>
      <c r="CPK27" s="8"/>
      <c r="CPL27" s="8"/>
      <c r="CPM27" s="8"/>
      <c r="CPN27" s="8"/>
      <c r="CPO27" s="8"/>
      <c r="CPP27" s="8"/>
      <c r="CPQ27" s="8"/>
      <c r="CPR27" s="8"/>
      <c r="CPS27" s="8"/>
      <c r="CPT27" s="8"/>
      <c r="CPU27" s="8"/>
      <c r="CPV27" s="8"/>
      <c r="CPW27" s="8"/>
      <c r="CPX27" s="8"/>
      <c r="CPY27" s="8"/>
      <c r="CPZ27" s="8"/>
      <c r="CQA27" s="8"/>
      <c r="CQB27" s="8"/>
      <c r="CQC27" s="8"/>
      <c r="CQD27" s="8"/>
      <c r="CQE27" s="8"/>
      <c r="CQF27" s="8"/>
      <c r="CQG27" s="8"/>
      <c r="CQH27" s="8"/>
      <c r="CQI27" s="8"/>
      <c r="CQJ27" s="8"/>
      <c r="CQK27" s="8"/>
      <c r="CQL27" s="8"/>
      <c r="CQM27" s="8"/>
      <c r="CQN27" s="8"/>
      <c r="CQO27" s="8"/>
      <c r="CQP27" s="8"/>
      <c r="CQQ27" s="8"/>
      <c r="CQR27" s="8"/>
      <c r="CQS27" s="8"/>
      <c r="CQT27" s="8"/>
      <c r="CQU27" s="8"/>
      <c r="CQV27" s="8"/>
      <c r="CQW27" s="8"/>
      <c r="CQX27" s="8"/>
      <c r="CQY27" s="8"/>
      <c r="CQZ27" s="8"/>
      <c r="CRA27" s="8"/>
      <c r="CRB27" s="8"/>
      <c r="CRC27" s="8"/>
      <c r="CRD27" s="8"/>
      <c r="CRE27" s="8"/>
      <c r="CRF27" s="8"/>
      <c r="CRG27" s="8"/>
      <c r="CRH27" s="8"/>
      <c r="CRI27" s="8"/>
      <c r="CRJ27" s="8"/>
      <c r="CRK27" s="8"/>
      <c r="CRL27" s="8"/>
      <c r="CRM27" s="8"/>
      <c r="CRN27" s="8"/>
      <c r="CRO27" s="8"/>
      <c r="CRP27" s="8"/>
      <c r="CRQ27" s="8"/>
      <c r="CRR27" s="8"/>
      <c r="CRS27" s="8"/>
      <c r="CRT27" s="8"/>
      <c r="CRU27" s="8"/>
      <c r="CRV27" s="8"/>
      <c r="CRW27" s="8"/>
      <c r="CRX27" s="8"/>
      <c r="CRY27" s="8"/>
      <c r="CRZ27" s="8"/>
      <c r="CSA27" s="8"/>
      <c r="CSB27" s="8"/>
      <c r="CSC27" s="8"/>
      <c r="CSD27" s="8"/>
      <c r="CSE27" s="8"/>
      <c r="CSF27" s="8"/>
      <c r="CSG27" s="8"/>
      <c r="CSH27" s="8"/>
      <c r="CSI27" s="8"/>
      <c r="CSJ27" s="8"/>
      <c r="CSK27" s="8"/>
      <c r="CSL27" s="8"/>
      <c r="CSM27" s="8"/>
      <c r="CSN27" s="8"/>
      <c r="CSO27" s="8"/>
      <c r="CSP27" s="8"/>
      <c r="CSQ27" s="8"/>
      <c r="CSR27" s="8"/>
      <c r="CSS27" s="8"/>
      <c r="CST27" s="8"/>
      <c r="CSU27" s="8"/>
      <c r="CSV27" s="8"/>
      <c r="CSW27" s="8"/>
      <c r="CSX27" s="8"/>
      <c r="CSY27" s="8"/>
      <c r="CSZ27" s="8"/>
      <c r="CTA27" s="8"/>
      <c r="CTB27" s="8"/>
      <c r="CTC27" s="8"/>
      <c r="CTD27" s="8"/>
      <c r="CTE27" s="8"/>
      <c r="CTF27" s="8"/>
      <c r="CTG27" s="8"/>
      <c r="CTH27" s="8"/>
      <c r="CTI27" s="8"/>
      <c r="CTJ27" s="8"/>
      <c r="CTK27" s="8"/>
      <c r="CTL27" s="8"/>
      <c r="CTM27" s="8"/>
      <c r="CTN27" s="8"/>
      <c r="CTO27" s="8"/>
      <c r="CTP27" s="8"/>
      <c r="CTQ27" s="8"/>
      <c r="CTR27" s="8"/>
      <c r="CTS27" s="8"/>
      <c r="CTT27" s="8"/>
      <c r="CTU27" s="8"/>
      <c r="CTV27" s="8"/>
      <c r="CTW27" s="8"/>
      <c r="CTX27" s="8"/>
      <c r="CTY27" s="8"/>
      <c r="CTZ27" s="8"/>
      <c r="CUA27" s="8"/>
      <c r="CUB27" s="8"/>
      <c r="CUC27" s="8"/>
      <c r="CUD27" s="8"/>
      <c r="CUE27" s="8"/>
      <c r="CUF27" s="8"/>
      <c r="CUG27" s="8"/>
      <c r="CUH27" s="8"/>
      <c r="CUI27" s="8"/>
      <c r="CUJ27" s="8"/>
      <c r="CUK27" s="8"/>
      <c r="CUL27" s="8"/>
      <c r="CUM27" s="8"/>
      <c r="CUN27" s="8"/>
      <c r="CUO27" s="8"/>
      <c r="CUP27" s="8"/>
      <c r="CUQ27" s="8"/>
      <c r="CUR27" s="8"/>
      <c r="CUS27" s="8"/>
      <c r="CUT27" s="8"/>
      <c r="CUU27" s="8"/>
      <c r="CUV27" s="8"/>
      <c r="CUW27" s="8"/>
      <c r="CUX27" s="8"/>
      <c r="CUY27" s="8"/>
      <c r="CUZ27" s="8"/>
      <c r="CVA27" s="8"/>
      <c r="CVB27" s="8"/>
      <c r="CVC27" s="8"/>
      <c r="CVD27" s="8"/>
      <c r="CVE27" s="8"/>
      <c r="CVF27" s="8"/>
      <c r="CVG27" s="8"/>
      <c r="CVH27" s="8"/>
      <c r="CVI27" s="8"/>
      <c r="CVJ27" s="8"/>
      <c r="CVK27" s="8"/>
      <c r="CVL27" s="8"/>
      <c r="CVM27" s="8"/>
      <c r="CVN27" s="8"/>
      <c r="CVO27" s="8"/>
      <c r="CVP27" s="8"/>
      <c r="CVQ27" s="8"/>
      <c r="CVR27" s="8"/>
      <c r="CVS27" s="8"/>
      <c r="CVT27" s="8"/>
      <c r="CVU27" s="8"/>
      <c r="CVV27" s="8"/>
      <c r="CVW27" s="8"/>
      <c r="CVX27" s="8"/>
      <c r="CVY27" s="8"/>
      <c r="CVZ27" s="8"/>
      <c r="CWA27" s="8"/>
      <c r="CWB27" s="8"/>
      <c r="CWC27" s="8"/>
      <c r="CWD27" s="8"/>
      <c r="CWE27" s="8"/>
      <c r="CWF27" s="8"/>
      <c r="CWG27" s="8"/>
      <c r="CWH27" s="8"/>
      <c r="CWI27" s="8"/>
      <c r="CWJ27" s="8"/>
      <c r="CWK27" s="8"/>
      <c r="CWL27" s="8"/>
      <c r="CWM27" s="8"/>
      <c r="CWN27" s="8"/>
      <c r="CWO27" s="8"/>
      <c r="CWP27" s="8"/>
      <c r="CWQ27" s="8"/>
      <c r="CWR27" s="8"/>
      <c r="CWS27" s="8"/>
      <c r="CWT27" s="8"/>
      <c r="CWU27" s="8"/>
      <c r="CWV27" s="8"/>
      <c r="CWW27" s="8"/>
      <c r="CWX27" s="8"/>
      <c r="CWY27" s="8"/>
      <c r="CWZ27" s="8"/>
      <c r="CXA27" s="8"/>
      <c r="CXB27" s="8"/>
      <c r="CXC27" s="8"/>
      <c r="CXD27" s="8"/>
      <c r="CXE27" s="8"/>
      <c r="CXF27" s="8"/>
      <c r="CXG27" s="8"/>
      <c r="CXH27" s="8"/>
      <c r="CXI27" s="8"/>
      <c r="CXJ27" s="8"/>
      <c r="CXK27" s="8"/>
      <c r="CXL27" s="8"/>
      <c r="CXM27" s="8"/>
      <c r="CXN27" s="8"/>
      <c r="CXO27" s="8"/>
      <c r="CXP27" s="8"/>
      <c r="CXQ27" s="8"/>
      <c r="CXR27" s="8"/>
      <c r="CXS27" s="8"/>
      <c r="CXT27" s="8"/>
      <c r="CXU27" s="8"/>
      <c r="CXV27" s="8"/>
      <c r="CXW27" s="8"/>
      <c r="CXX27" s="8"/>
      <c r="CXY27" s="8"/>
      <c r="CXZ27" s="8"/>
      <c r="CYA27" s="8"/>
      <c r="CYB27" s="8"/>
      <c r="CYC27" s="8"/>
      <c r="CYD27" s="8"/>
      <c r="CYE27" s="8"/>
      <c r="CYF27" s="8"/>
      <c r="CYG27" s="8"/>
      <c r="CYH27" s="8"/>
      <c r="CYI27" s="8"/>
      <c r="CYJ27" s="8"/>
      <c r="CYK27" s="8"/>
      <c r="CYL27" s="8"/>
      <c r="CYM27" s="8"/>
      <c r="CYN27" s="8"/>
      <c r="CYO27" s="8"/>
      <c r="CYP27" s="8"/>
      <c r="CYQ27" s="8"/>
      <c r="CYR27" s="8"/>
      <c r="CYS27" s="8"/>
      <c r="CYT27" s="8"/>
      <c r="CYU27" s="8"/>
      <c r="CYV27" s="8"/>
      <c r="CYW27" s="8"/>
      <c r="CYX27" s="8"/>
      <c r="CYY27" s="8"/>
      <c r="CYZ27" s="8"/>
      <c r="CZA27" s="8"/>
      <c r="CZB27" s="8"/>
      <c r="CZC27" s="8"/>
      <c r="CZD27" s="8"/>
      <c r="CZE27" s="8"/>
      <c r="CZF27" s="8"/>
      <c r="CZG27" s="8"/>
      <c r="CZH27" s="8"/>
      <c r="CZI27" s="8"/>
      <c r="CZJ27" s="8"/>
      <c r="CZK27" s="8"/>
      <c r="CZL27" s="8"/>
      <c r="CZM27" s="8"/>
      <c r="CZN27" s="8"/>
      <c r="CZO27" s="8"/>
      <c r="CZP27" s="8"/>
      <c r="CZQ27" s="8"/>
      <c r="CZR27" s="8"/>
      <c r="CZS27" s="8"/>
      <c r="CZT27" s="8"/>
      <c r="CZU27" s="8"/>
      <c r="CZV27" s="8"/>
      <c r="CZW27" s="8"/>
      <c r="CZX27" s="8"/>
      <c r="CZY27" s="8"/>
      <c r="CZZ27" s="8"/>
      <c r="DAA27" s="8"/>
      <c r="DAB27" s="8"/>
      <c r="DAC27" s="8"/>
      <c r="DAD27" s="8"/>
      <c r="DAE27" s="8"/>
      <c r="DAF27" s="8"/>
      <c r="DAG27" s="8"/>
      <c r="DAH27" s="8"/>
      <c r="DAI27" s="8"/>
      <c r="DAJ27" s="8"/>
      <c r="DAK27" s="8"/>
      <c r="DAL27" s="8"/>
      <c r="DAM27" s="8"/>
      <c r="DAN27" s="8"/>
      <c r="DAO27" s="8"/>
      <c r="DAP27" s="8"/>
      <c r="DAQ27" s="8"/>
      <c r="DAR27" s="8"/>
      <c r="DAS27" s="8"/>
      <c r="DAT27" s="8"/>
      <c r="DAU27" s="8"/>
      <c r="DAV27" s="8"/>
      <c r="DAW27" s="8"/>
      <c r="DAX27" s="8"/>
      <c r="DAY27" s="8"/>
      <c r="DAZ27" s="8"/>
      <c r="DBA27" s="8"/>
      <c r="DBB27" s="8"/>
      <c r="DBC27" s="8"/>
      <c r="DBD27" s="8"/>
      <c r="DBE27" s="8"/>
      <c r="DBF27" s="8"/>
      <c r="DBG27" s="8"/>
      <c r="DBH27" s="8"/>
      <c r="DBI27" s="8"/>
      <c r="DBJ27" s="8"/>
      <c r="DBK27" s="8"/>
      <c r="DBL27" s="8"/>
      <c r="DBM27" s="8"/>
      <c r="DBN27" s="8"/>
      <c r="DBO27" s="8"/>
      <c r="DBP27" s="8"/>
      <c r="DBQ27" s="8"/>
      <c r="DBR27" s="8"/>
      <c r="DBS27" s="8"/>
      <c r="DBT27" s="8"/>
      <c r="DBU27" s="8"/>
      <c r="DBV27" s="8"/>
      <c r="DBW27" s="8"/>
      <c r="DBX27" s="8"/>
      <c r="DBY27" s="8"/>
      <c r="DBZ27" s="8"/>
      <c r="DCA27" s="8"/>
      <c r="DCB27" s="8"/>
      <c r="DCC27" s="8"/>
      <c r="DCD27" s="8"/>
      <c r="DCE27" s="8"/>
      <c r="DCF27" s="8"/>
      <c r="DCG27" s="8"/>
      <c r="DCH27" s="8"/>
      <c r="DCI27" s="8"/>
      <c r="DCJ27" s="8"/>
      <c r="DCK27" s="8"/>
      <c r="DCL27" s="8"/>
      <c r="DCM27" s="8"/>
      <c r="DCN27" s="8"/>
      <c r="DCO27" s="8"/>
      <c r="DCP27" s="8"/>
      <c r="DCQ27" s="8"/>
      <c r="DCR27" s="8"/>
      <c r="DCS27" s="8"/>
      <c r="DCT27" s="8"/>
      <c r="DCU27" s="8"/>
      <c r="DCV27" s="8"/>
      <c r="DCW27" s="8"/>
      <c r="DCX27" s="8"/>
      <c r="DCY27" s="8"/>
      <c r="DCZ27" s="8"/>
      <c r="DDA27" s="8"/>
      <c r="DDB27" s="8"/>
      <c r="DDC27" s="8"/>
      <c r="DDD27" s="8"/>
      <c r="DDE27" s="8"/>
      <c r="DDF27" s="8"/>
      <c r="DDG27" s="8"/>
      <c r="DDH27" s="8"/>
      <c r="DDI27" s="8"/>
      <c r="DDJ27" s="8"/>
      <c r="DDK27" s="8"/>
      <c r="DDL27" s="8"/>
      <c r="DDM27" s="8"/>
      <c r="DDN27" s="8"/>
      <c r="DDO27" s="8"/>
      <c r="DDP27" s="8"/>
      <c r="DDQ27" s="8"/>
      <c r="DDR27" s="8"/>
      <c r="DDS27" s="8"/>
      <c r="DDT27" s="8"/>
      <c r="DDU27" s="8"/>
      <c r="DDV27" s="8"/>
      <c r="DDW27" s="8"/>
      <c r="DDX27" s="8"/>
      <c r="DDY27" s="8"/>
      <c r="DDZ27" s="8"/>
      <c r="DEA27" s="8"/>
      <c r="DEB27" s="8"/>
      <c r="DEC27" s="8"/>
      <c r="DED27" s="8"/>
      <c r="DEE27" s="8"/>
      <c r="DEF27" s="8"/>
      <c r="DEG27" s="8"/>
      <c r="DEH27" s="8"/>
      <c r="DEI27" s="8"/>
      <c r="DEJ27" s="8"/>
      <c r="DEK27" s="8"/>
      <c r="DEL27" s="8"/>
      <c r="DEM27" s="8"/>
      <c r="DEN27" s="8"/>
      <c r="DEO27" s="8"/>
      <c r="DEP27" s="8"/>
      <c r="DEQ27" s="8"/>
      <c r="DER27" s="8"/>
      <c r="DES27" s="8"/>
      <c r="DET27" s="8"/>
      <c r="DEU27" s="8"/>
      <c r="DEV27" s="8"/>
      <c r="DEW27" s="8"/>
      <c r="DEX27" s="8"/>
      <c r="DEY27" s="8"/>
      <c r="DEZ27" s="8"/>
      <c r="DFA27" s="8"/>
      <c r="DFB27" s="8"/>
      <c r="DFC27" s="8"/>
      <c r="DFD27" s="8"/>
      <c r="DFE27" s="8"/>
      <c r="DFF27" s="8"/>
      <c r="DFG27" s="8"/>
      <c r="DFH27" s="8"/>
      <c r="DFI27" s="8"/>
      <c r="DFJ27" s="8"/>
      <c r="DFK27" s="8"/>
      <c r="DFL27" s="8"/>
      <c r="DFM27" s="8"/>
      <c r="DFN27" s="8"/>
      <c r="DFO27" s="8"/>
      <c r="DFP27" s="8"/>
      <c r="DFQ27" s="8"/>
      <c r="DFR27" s="8"/>
      <c r="DFS27" s="8"/>
      <c r="DFT27" s="8"/>
      <c r="DFU27" s="8"/>
      <c r="DFV27" s="8"/>
      <c r="DFW27" s="8"/>
      <c r="DFX27" s="8"/>
      <c r="DFY27" s="8"/>
      <c r="DFZ27" s="8"/>
      <c r="DGA27" s="8"/>
      <c r="DGB27" s="8"/>
      <c r="DGC27" s="8"/>
      <c r="DGD27" s="8"/>
      <c r="DGE27" s="8"/>
      <c r="DGF27" s="8"/>
      <c r="DGG27" s="8"/>
      <c r="DGH27" s="8"/>
      <c r="DGI27" s="8"/>
      <c r="DGJ27" s="8"/>
      <c r="DGK27" s="8"/>
      <c r="DGL27" s="8"/>
      <c r="DGM27" s="8"/>
      <c r="DGN27" s="8"/>
      <c r="DGO27" s="8"/>
      <c r="DGP27" s="8"/>
      <c r="DGQ27" s="8"/>
      <c r="DGR27" s="8"/>
      <c r="DGS27" s="8"/>
      <c r="DGT27" s="8"/>
      <c r="DGU27" s="8"/>
      <c r="DGV27" s="8"/>
      <c r="DGW27" s="8"/>
      <c r="DGX27" s="8"/>
      <c r="DGY27" s="8"/>
      <c r="DGZ27" s="8"/>
      <c r="DHA27" s="8"/>
      <c r="DHB27" s="8"/>
      <c r="DHC27" s="8"/>
      <c r="DHD27" s="8"/>
      <c r="DHE27" s="8"/>
      <c r="DHF27" s="8"/>
      <c r="DHG27" s="8"/>
      <c r="DHH27" s="8"/>
      <c r="DHI27" s="8"/>
      <c r="DHJ27" s="8"/>
      <c r="DHK27" s="8"/>
      <c r="DHL27" s="8"/>
      <c r="DHM27" s="8"/>
      <c r="DHN27" s="8"/>
      <c r="DHO27" s="8"/>
      <c r="DHP27" s="8"/>
      <c r="DHQ27" s="8"/>
      <c r="DHR27" s="8"/>
      <c r="DHS27" s="8"/>
      <c r="DHT27" s="8"/>
      <c r="DHU27" s="8"/>
      <c r="DHV27" s="8"/>
      <c r="DHW27" s="8"/>
      <c r="DHX27" s="8"/>
      <c r="DHY27" s="8"/>
      <c r="DHZ27" s="8"/>
      <c r="DIA27" s="8"/>
      <c r="DIB27" s="8"/>
      <c r="DIC27" s="8"/>
      <c r="DID27" s="8"/>
      <c r="DIE27" s="8"/>
      <c r="DIF27" s="8"/>
      <c r="DIG27" s="8"/>
      <c r="DIH27" s="8"/>
      <c r="DII27" s="8"/>
      <c r="DIJ27" s="8"/>
      <c r="DIK27" s="8"/>
      <c r="DIL27" s="8"/>
      <c r="DIM27" s="8"/>
      <c r="DIN27" s="8"/>
      <c r="DIO27" s="8"/>
      <c r="DIP27" s="8"/>
      <c r="DIQ27" s="8"/>
      <c r="DIR27" s="8"/>
      <c r="DIS27" s="8"/>
      <c r="DIT27" s="8"/>
      <c r="DIU27" s="8"/>
      <c r="DIV27" s="8"/>
      <c r="DIW27" s="8"/>
      <c r="DIX27" s="8"/>
      <c r="DIY27" s="8"/>
      <c r="DIZ27" s="8"/>
      <c r="DJA27" s="8"/>
      <c r="DJB27" s="8"/>
      <c r="DJC27" s="8"/>
      <c r="DJD27" s="8"/>
      <c r="DJE27" s="8"/>
      <c r="DJF27" s="8"/>
      <c r="DJG27" s="8"/>
      <c r="DJH27" s="8"/>
      <c r="DJI27" s="8"/>
      <c r="DJJ27" s="8"/>
      <c r="DJK27" s="8"/>
      <c r="DJL27" s="8"/>
      <c r="DJM27" s="8"/>
      <c r="DJN27" s="8"/>
      <c r="DJO27" s="8"/>
      <c r="DJP27" s="8"/>
      <c r="DJQ27" s="8"/>
      <c r="DJR27" s="8"/>
      <c r="DJS27" s="8"/>
      <c r="DJT27" s="8"/>
      <c r="DJU27" s="8"/>
      <c r="DJV27" s="8"/>
      <c r="DJW27" s="8"/>
      <c r="DJX27" s="8"/>
      <c r="DJY27" s="8"/>
      <c r="DJZ27" s="8"/>
      <c r="DKA27" s="8"/>
      <c r="DKB27" s="8"/>
      <c r="DKC27" s="8"/>
      <c r="DKD27" s="8"/>
      <c r="DKE27" s="8"/>
      <c r="DKF27" s="8"/>
      <c r="DKG27" s="8"/>
      <c r="DKH27" s="8"/>
      <c r="DKI27" s="8"/>
      <c r="DKJ27" s="8"/>
      <c r="DKK27" s="8"/>
      <c r="DKL27" s="8"/>
      <c r="DKM27" s="8"/>
      <c r="DKN27" s="8"/>
      <c r="DKO27" s="8"/>
      <c r="DKP27" s="8"/>
      <c r="DKQ27" s="8"/>
      <c r="DKR27" s="8"/>
      <c r="DKS27" s="8"/>
      <c r="DKT27" s="8"/>
      <c r="DKU27" s="8"/>
      <c r="DKV27" s="8"/>
      <c r="DKW27" s="8"/>
      <c r="DKX27" s="8"/>
      <c r="DKY27" s="8"/>
      <c r="DKZ27" s="8"/>
      <c r="DLA27" s="8"/>
      <c r="DLB27" s="8"/>
      <c r="DLC27" s="8"/>
      <c r="DLD27" s="8"/>
      <c r="DLE27" s="8"/>
      <c r="DLF27" s="8"/>
      <c r="DLG27" s="8"/>
      <c r="DLH27" s="8"/>
      <c r="DLI27" s="8"/>
      <c r="DLJ27" s="8"/>
      <c r="DLK27" s="8"/>
      <c r="DLL27" s="8"/>
      <c r="DLM27" s="8"/>
      <c r="DLN27" s="8"/>
      <c r="DLO27" s="8"/>
      <c r="DLP27" s="8"/>
      <c r="DLQ27" s="8"/>
      <c r="DLR27" s="8"/>
      <c r="DLS27" s="8"/>
      <c r="DLT27" s="8"/>
      <c r="DLU27" s="8"/>
      <c r="DLV27" s="8"/>
      <c r="DLW27" s="8"/>
      <c r="DLX27" s="8"/>
      <c r="DLY27" s="8"/>
      <c r="DLZ27" s="8"/>
      <c r="DMA27" s="8"/>
      <c r="DMB27" s="8"/>
      <c r="DMC27" s="8"/>
      <c r="DMD27" s="8"/>
      <c r="DME27" s="8"/>
      <c r="DMF27" s="8"/>
      <c r="DMG27" s="8"/>
      <c r="DMH27" s="8"/>
      <c r="DMI27" s="8"/>
      <c r="DMJ27" s="8"/>
      <c r="DMK27" s="8"/>
      <c r="DML27" s="8"/>
      <c r="DMM27" s="8"/>
      <c r="DMN27" s="8"/>
      <c r="DMO27" s="8"/>
      <c r="DMP27" s="8"/>
      <c r="DMQ27" s="8"/>
      <c r="DMR27" s="8"/>
      <c r="DMS27" s="8"/>
      <c r="DMT27" s="8"/>
      <c r="DMU27" s="8"/>
      <c r="DMV27" s="8"/>
      <c r="DMW27" s="8"/>
      <c r="DMX27" s="8"/>
      <c r="DMY27" s="8"/>
      <c r="DMZ27" s="8"/>
      <c r="DNA27" s="8"/>
      <c r="DNB27" s="8"/>
      <c r="DNC27" s="8"/>
      <c r="DND27" s="8"/>
      <c r="DNE27" s="8"/>
      <c r="DNF27" s="8"/>
      <c r="DNG27" s="8"/>
      <c r="DNH27" s="8"/>
      <c r="DNI27" s="8"/>
      <c r="DNJ27" s="8"/>
      <c r="DNK27" s="8"/>
      <c r="DNL27" s="8"/>
      <c r="DNM27" s="8"/>
      <c r="DNN27" s="8"/>
      <c r="DNO27" s="8"/>
      <c r="DNP27" s="8"/>
      <c r="DNQ27" s="8"/>
      <c r="DNR27" s="8"/>
      <c r="DNS27" s="8"/>
      <c r="DNT27" s="8"/>
      <c r="DNU27" s="8"/>
      <c r="DNV27" s="8"/>
      <c r="DNW27" s="8"/>
      <c r="DNX27" s="8"/>
      <c r="DNY27" s="8"/>
      <c r="DNZ27" s="8"/>
      <c r="DOA27" s="8"/>
      <c r="DOB27" s="8"/>
      <c r="DOC27" s="8"/>
      <c r="DOD27" s="8"/>
      <c r="DOE27" s="8"/>
      <c r="DOF27" s="8"/>
      <c r="DOG27" s="8"/>
      <c r="DOH27" s="8"/>
      <c r="DOI27" s="8"/>
      <c r="DOJ27" s="8"/>
      <c r="DOK27" s="8"/>
      <c r="DOL27" s="8"/>
      <c r="DOM27" s="8"/>
      <c r="DON27" s="8"/>
      <c r="DOO27" s="8"/>
      <c r="DOP27" s="8"/>
      <c r="DOQ27" s="8"/>
      <c r="DOR27" s="8"/>
      <c r="DOS27" s="8"/>
      <c r="DOT27" s="8"/>
      <c r="DOU27" s="8"/>
      <c r="DOV27" s="8"/>
      <c r="DOW27" s="8"/>
      <c r="DOX27" s="8"/>
      <c r="DOY27" s="8"/>
      <c r="DOZ27" s="8"/>
      <c r="DPA27" s="8"/>
      <c r="DPB27" s="8"/>
      <c r="DPC27" s="8"/>
      <c r="DPD27" s="8"/>
      <c r="DPE27" s="8"/>
      <c r="DPF27" s="8"/>
      <c r="DPG27" s="8"/>
      <c r="DPH27" s="8"/>
      <c r="DPI27" s="8"/>
      <c r="DPJ27" s="8"/>
      <c r="DPK27" s="8"/>
      <c r="DPL27" s="8"/>
      <c r="DPM27" s="8"/>
      <c r="DPN27" s="8"/>
      <c r="DPO27" s="8"/>
      <c r="DPP27" s="8"/>
      <c r="DPQ27" s="8"/>
      <c r="DPR27" s="8"/>
      <c r="DPS27" s="8"/>
      <c r="DPT27" s="8"/>
      <c r="DPU27" s="8"/>
      <c r="DPV27" s="8"/>
      <c r="DPW27" s="8"/>
      <c r="DPX27" s="8"/>
      <c r="DPY27" s="8"/>
      <c r="DPZ27" s="8"/>
      <c r="DQA27" s="8"/>
      <c r="DQB27" s="8"/>
      <c r="DQC27" s="8"/>
      <c r="DQD27" s="8"/>
      <c r="DQE27" s="8"/>
      <c r="DQF27" s="8"/>
      <c r="DQG27" s="8"/>
      <c r="DQH27" s="8"/>
      <c r="DQI27" s="8"/>
      <c r="DQJ27" s="8"/>
      <c r="DQK27" s="8"/>
      <c r="DQL27" s="8"/>
      <c r="DQM27" s="8"/>
      <c r="DQN27" s="8"/>
      <c r="DQO27" s="8"/>
      <c r="DQP27" s="8"/>
      <c r="DQQ27" s="8"/>
      <c r="DQR27" s="8"/>
      <c r="DQS27" s="8"/>
      <c r="DQT27" s="8"/>
      <c r="DQU27" s="8"/>
      <c r="DQV27" s="8"/>
      <c r="DQW27" s="8"/>
      <c r="DQX27" s="8"/>
      <c r="DQY27" s="8"/>
      <c r="DQZ27" s="8"/>
      <c r="DRA27" s="8"/>
      <c r="DRB27" s="8"/>
      <c r="DRC27" s="8"/>
      <c r="DRD27" s="8"/>
      <c r="DRE27" s="8"/>
      <c r="DRF27" s="8"/>
      <c r="DRG27" s="8"/>
      <c r="DRH27" s="8"/>
      <c r="DRI27" s="8"/>
      <c r="DRJ27" s="8"/>
      <c r="DRK27" s="8"/>
      <c r="DRL27" s="8"/>
      <c r="DRM27" s="8"/>
      <c r="DRN27" s="8"/>
      <c r="DRO27" s="8"/>
      <c r="DRP27" s="8"/>
      <c r="DRQ27" s="8"/>
      <c r="DRR27" s="8"/>
      <c r="DRS27" s="8"/>
      <c r="DRT27" s="8"/>
      <c r="DRU27" s="8"/>
      <c r="DRV27" s="8"/>
      <c r="DRW27" s="8"/>
      <c r="DRX27" s="8"/>
      <c r="DRY27" s="8"/>
      <c r="DRZ27" s="8"/>
      <c r="DSA27" s="8"/>
      <c r="DSB27" s="8"/>
      <c r="DSC27" s="8"/>
      <c r="DSD27" s="8"/>
      <c r="DSE27" s="8"/>
      <c r="DSF27" s="8"/>
      <c r="DSG27" s="8"/>
      <c r="DSH27" s="8"/>
      <c r="DSI27" s="8"/>
      <c r="DSJ27" s="8"/>
      <c r="DSK27" s="8"/>
      <c r="DSL27" s="8"/>
      <c r="DSM27" s="8"/>
      <c r="DSN27" s="8"/>
      <c r="DSO27" s="8"/>
      <c r="DSP27" s="8"/>
      <c r="DSQ27" s="8"/>
      <c r="DSR27" s="8"/>
      <c r="DSS27" s="8"/>
      <c r="DST27" s="8"/>
      <c r="DSU27" s="8"/>
      <c r="DSV27" s="8"/>
      <c r="DSW27" s="8"/>
      <c r="DSX27" s="8"/>
      <c r="DSY27" s="8"/>
      <c r="DSZ27" s="8"/>
      <c r="DTA27" s="8"/>
      <c r="DTB27" s="8"/>
      <c r="DTC27" s="8"/>
      <c r="DTD27" s="8"/>
      <c r="DTE27" s="8"/>
      <c r="DTF27" s="8"/>
      <c r="DTG27" s="8"/>
      <c r="DTH27" s="8"/>
      <c r="DTI27" s="8"/>
      <c r="DTJ27" s="8"/>
      <c r="DTK27" s="8"/>
      <c r="DTL27" s="8"/>
      <c r="DTM27" s="8"/>
      <c r="DTN27" s="8"/>
      <c r="DTO27" s="8"/>
      <c r="DTP27" s="8"/>
      <c r="DTQ27" s="8"/>
      <c r="DTR27" s="8"/>
      <c r="DTS27" s="8"/>
      <c r="DTT27" s="8"/>
      <c r="DTU27" s="8"/>
      <c r="DTV27" s="8"/>
      <c r="DTW27" s="8"/>
      <c r="DTX27" s="8"/>
      <c r="DTY27" s="8"/>
      <c r="DTZ27" s="8"/>
      <c r="DUA27" s="8"/>
      <c r="DUB27" s="8"/>
      <c r="DUC27" s="8"/>
      <c r="DUD27" s="8"/>
      <c r="DUE27" s="8"/>
      <c r="DUF27" s="8"/>
      <c r="DUG27" s="8"/>
      <c r="DUH27" s="8"/>
      <c r="DUI27" s="8"/>
      <c r="DUJ27" s="8"/>
      <c r="DUK27" s="8"/>
      <c r="DUL27" s="8"/>
      <c r="DUM27" s="8"/>
      <c r="DUN27" s="8"/>
      <c r="DUO27" s="8"/>
      <c r="DUP27" s="8"/>
      <c r="DUQ27" s="8"/>
      <c r="DUR27" s="8"/>
      <c r="DUS27" s="8"/>
      <c r="DUT27" s="8"/>
      <c r="DUU27" s="8"/>
      <c r="DUV27" s="8"/>
      <c r="DUW27" s="8"/>
      <c r="DUX27" s="8"/>
      <c r="DUY27" s="8"/>
      <c r="DUZ27" s="8"/>
      <c r="DVA27" s="8"/>
      <c r="DVB27" s="8"/>
      <c r="DVC27" s="8"/>
      <c r="DVD27" s="8"/>
      <c r="DVE27" s="8"/>
      <c r="DVF27" s="8"/>
      <c r="DVG27" s="8"/>
      <c r="DVH27" s="8"/>
      <c r="DVI27" s="8"/>
      <c r="DVJ27" s="8"/>
      <c r="DVK27" s="8"/>
      <c r="DVL27" s="8"/>
      <c r="DVM27" s="8"/>
      <c r="DVN27" s="8"/>
      <c r="DVO27" s="8"/>
      <c r="DVP27" s="8"/>
      <c r="DVQ27" s="8"/>
      <c r="DVR27" s="8"/>
      <c r="DVS27" s="8"/>
      <c r="DVT27" s="8"/>
      <c r="DVU27" s="8"/>
      <c r="DVV27" s="8"/>
      <c r="DVW27" s="8"/>
      <c r="DVX27" s="8"/>
      <c r="DVY27" s="8"/>
      <c r="DVZ27" s="8"/>
      <c r="DWA27" s="8"/>
      <c r="DWB27" s="8"/>
      <c r="DWC27" s="8"/>
      <c r="DWD27" s="8"/>
      <c r="DWE27" s="8"/>
      <c r="DWF27" s="8"/>
      <c r="DWG27" s="8"/>
      <c r="DWH27" s="8"/>
      <c r="DWI27" s="8"/>
      <c r="DWJ27" s="8"/>
      <c r="DWK27" s="8"/>
      <c r="DWL27" s="8"/>
      <c r="DWM27" s="8"/>
      <c r="DWN27" s="8"/>
      <c r="DWO27" s="8"/>
      <c r="DWP27" s="8"/>
      <c r="DWQ27" s="8"/>
      <c r="DWR27" s="8"/>
      <c r="DWS27" s="8"/>
      <c r="DWT27" s="8"/>
      <c r="DWU27" s="8"/>
      <c r="DWV27" s="8"/>
      <c r="DWW27" s="8"/>
      <c r="DWX27" s="8"/>
      <c r="DWY27" s="8"/>
      <c r="DWZ27" s="8"/>
      <c r="DXA27" s="8"/>
      <c r="DXB27" s="8"/>
      <c r="DXC27" s="8"/>
      <c r="DXD27" s="8"/>
      <c r="DXE27" s="8"/>
      <c r="DXF27" s="8"/>
      <c r="DXG27" s="8"/>
      <c r="DXH27" s="8"/>
      <c r="DXI27" s="8"/>
      <c r="DXJ27" s="8"/>
      <c r="DXK27" s="8"/>
      <c r="DXL27" s="8"/>
      <c r="DXM27" s="8"/>
      <c r="DXN27" s="8"/>
      <c r="DXO27" s="8"/>
      <c r="DXP27" s="8"/>
      <c r="DXQ27" s="8"/>
      <c r="DXR27" s="8"/>
      <c r="DXS27" s="8"/>
      <c r="DXT27" s="8"/>
      <c r="DXU27" s="8"/>
      <c r="DXV27" s="8"/>
      <c r="DXW27" s="8"/>
      <c r="DXX27" s="8"/>
      <c r="DXY27" s="8"/>
      <c r="DXZ27" s="8"/>
      <c r="DYA27" s="8"/>
      <c r="DYB27" s="8"/>
      <c r="DYC27" s="8"/>
      <c r="DYD27" s="8"/>
      <c r="DYE27" s="8"/>
      <c r="DYF27" s="8"/>
      <c r="DYG27" s="8"/>
      <c r="DYH27" s="8"/>
      <c r="DYI27" s="8"/>
      <c r="DYJ27" s="8"/>
      <c r="DYK27" s="8"/>
      <c r="DYL27" s="8"/>
      <c r="DYM27" s="8"/>
      <c r="DYN27" s="8"/>
      <c r="DYO27" s="8"/>
      <c r="DYP27" s="8"/>
      <c r="DYQ27" s="8"/>
      <c r="DYR27" s="8"/>
      <c r="DYS27" s="8"/>
      <c r="DYT27" s="8"/>
      <c r="DYU27" s="8"/>
      <c r="DYV27" s="8"/>
      <c r="DYW27" s="8"/>
      <c r="DYX27" s="8"/>
      <c r="DYY27" s="8"/>
      <c r="DYZ27" s="8"/>
      <c r="DZA27" s="8"/>
      <c r="DZB27" s="8"/>
      <c r="DZC27" s="8"/>
      <c r="DZD27" s="8"/>
      <c r="DZE27" s="8"/>
      <c r="DZF27" s="8"/>
      <c r="DZG27" s="8"/>
      <c r="DZH27" s="8"/>
      <c r="DZI27" s="8"/>
      <c r="DZJ27" s="8"/>
      <c r="DZK27" s="8"/>
      <c r="DZL27" s="8"/>
      <c r="DZM27" s="8"/>
      <c r="DZN27" s="8"/>
      <c r="DZO27" s="8"/>
      <c r="DZP27" s="8"/>
      <c r="DZQ27" s="8"/>
      <c r="DZR27" s="8"/>
      <c r="DZS27" s="8"/>
      <c r="DZT27" s="8"/>
      <c r="DZU27" s="8"/>
      <c r="DZV27" s="8"/>
      <c r="DZW27" s="8"/>
      <c r="DZX27" s="8"/>
      <c r="DZY27" s="8"/>
      <c r="DZZ27" s="8"/>
      <c r="EAA27" s="8"/>
      <c r="EAB27" s="8"/>
      <c r="EAC27" s="8"/>
      <c r="EAD27" s="8"/>
      <c r="EAE27" s="8"/>
      <c r="EAF27" s="8"/>
      <c r="EAG27" s="8"/>
      <c r="EAH27" s="8"/>
      <c r="EAI27" s="8"/>
      <c r="EAJ27" s="8"/>
      <c r="EAK27" s="8"/>
      <c r="EAL27" s="8"/>
      <c r="EAM27" s="8"/>
      <c r="EAN27" s="8"/>
      <c r="EAO27" s="8"/>
      <c r="EAP27" s="8"/>
      <c r="EAQ27" s="8"/>
      <c r="EAR27" s="8"/>
      <c r="EAS27" s="8"/>
      <c r="EAT27" s="8"/>
      <c r="EAU27" s="8"/>
      <c r="EAV27" s="8"/>
      <c r="EAW27" s="8"/>
      <c r="EAX27" s="8"/>
      <c r="EAY27" s="8"/>
      <c r="EAZ27" s="8"/>
      <c r="EBA27" s="8"/>
      <c r="EBB27" s="8"/>
      <c r="EBC27" s="8"/>
      <c r="EBD27" s="8"/>
      <c r="EBE27" s="8"/>
      <c r="EBF27" s="8"/>
      <c r="EBG27" s="8"/>
      <c r="EBH27" s="8"/>
      <c r="EBI27" s="8"/>
      <c r="EBJ27" s="8"/>
      <c r="EBK27" s="8"/>
      <c r="EBL27" s="8"/>
      <c r="EBM27" s="8"/>
      <c r="EBN27" s="8"/>
      <c r="EBO27" s="8"/>
      <c r="EBP27" s="8"/>
      <c r="EBQ27" s="8"/>
      <c r="EBR27" s="8"/>
      <c r="EBS27" s="8"/>
      <c r="EBT27" s="8"/>
      <c r="EBU27" s="8"/>
      <c r="EBV27" s="8"/>
      <c r="EBW27" s="8"/>
      <c r="EBX27" s="8"/>
      <c r="EBY27" s="8"/>
      <c r="EBZ27" s="8"/>
      <c r="ECA27" s="8"/>
      <c r="ECB27" s="8"/>
      <c r="ECC27" s="8"/>
      <c r="ECD27" s="8"/>
      <c r="ECE27" s="8"/>
      <c r="ECF27" s="8"/>
      <c r="ECG27" s="8"/>
      <c r="ECH27" s="8"/>
      <c r="ECI27" s="8"/>
      <c r="ECJ27" s="8"/>
      <c r="ECK27" s="8"/>
      <c r="ECL27" s="8"/>
      <c r="ECM27" s="8"/>
      <c r="ECN27" s="8"/>
      <c r="ECO27" s="8"/>
      <c r="ECP27" s="8"/>
      <c r="ECQ27" s="8"/>
      <c r="ECR27" s="8"/>
      <c r="ECS27" s="8"/>
      <c r="ECT27" s="8"/>
      <c r="ECU27" s="8"/>
      <c r="ECV27" s="8"/>
      <c r="ECW27" s="8"/>
      <c r="ECX27" s="8"/>
      <c r="ECY27" s="8"/>
      <c r="ECZ27" s="8"/>
      <c r="EDA27" s="8"/>
      <c r="EDB27" s="8"/>
      <c r="EDC27" s="8"/>
      <c r="EDD27" s="8"/>
      <c r="EDE27" s="8"/>
      <c r="EDF27" s="8"/>
      <c r="EDG27" s="8"/>
      <c r="EDH27" s="8"/>
      <c r="EDI27" s="8"/>
      <c r="EDJ27" s="8"/>
      <c r="EDK27" s="8"/>
      <c r="EDL27" s="8"/>
      <c r="EDM27" s="8"/>
      <c r="EDN27" s="8"/>
      <c r="EDO27" s="8"/>
      <c r="EDP27" s="8"/>
      <c r="EDQ27" s="8"/>
      <c r="EDR27" s="8"/>
      <c r="EDS27" s="8"/>
      <c r="EDT27" s="8"/>
      <c r="EDU27" s="8"/>
      <c r="EDV27" s="8"/>
      <c r="EDW27" s="8"/>
      <c r="EDX27" s="8"/>
      <c r="EDY27" s="8"/>
      <c r="EDZ27" s="8"/>
      <c r="EEA27" s="8"/>
      <c r="EEB27" s="8"/>
      <c r="EEC27" s="8"/>
      <c r="EED27" s="8"/>
      <c r="EEE27" s="8"/>
      <c r="EEF27" s="8"/>
      <c r="EEG27" s="8"/>
      <c r="EEH27" s="8"/>
      <c r="EEI27" s="8"/>
      <c r="EEJ27" s="8"/>
      <c r="EEK27" s="8"/>
      <c r="EEL27" s="8"/>
      <c r="EEM27" s="8"/>
      <c r="EEN27" s="8"/>
      <c r="EEO27" s="8"/>
      <c r="EEP27" s="8"/>
      <c r="EEQ27" s="8"/>
      <c r="EER27" s="8"/>
      <c r="EES27" s="8"/>
      <c r="EET27" s="8"/>
      <c r="EEU27" s="8"/>
      <c r="EEV27" s="8"/>
      <c r="EEW27" s="8"/>
      <c r="EEX27" s="8"/>
      <c r="EEY27" s="8"/>
      <c r="EEZ27" s="8"/>
      <c r="EFA27" s="8"/>
      <c r="EFB27" s="8"/>
      <c r="EFC27" s="8"/>
      <c r="EFD27" s="8"/>
      <c r="EFE27" s="8"/>
      <c r="EFF27" s="8"/>
      <c r="EFG27" s="8"/>
      <c r="EFH27" s="8"/>
      <c r="EFI27" s="8"/>
      <c r="EFJ27" s="8"/>
      <c r="EFK27" s="8"/>
      <c r="EFL27" s="8"/>
      <c r="EFM27" s="8"/>
      <c r="EFN27" s="8"/>
      <c r="EFO27" s="8"/>
      <c r="EFP27" s="8"/>
      <c r="EFQ27" s="8"/>
      <c r="EFR27" s="8"/>
      <c r="EFS27" s="8"/>
      <c r="EFT27" s="8"/>
      <c r="EFU27" s="8"/>
      <c r="EFV27" s="8"/>
      <c r="EFW27" s="8"/>
      <c r="EFX27" s="8"/>
      <c r="EFY27" s="8"/>
      <c r="EFZ27" s="8"/>
      <c r="EGA27" s="8"/>
      <c r="EGB27" s="8"/>
      <c r="EGC27" s="8"/>
      <c r="EGD27" s="8"/>
      <c r="EGE27" s="8"/>
      <c r="EGF27" s="8"/>
      <c r="EGG27" s="8"/>
      <c r="EGH27" s="8"/>
      <c r="EGI27" s="8"/>
      <c r="EGJ27" s="8"/>
      <c r="EGK27" s="8"/>
      <c r="EGL27" s="8"/>
      <c r="EGM27" s="8"/>
      <c r="EGN27" s="8"/>
      <c r="EGO27" s="8"/>
      <c r="EGP27" s="8"/>
      <c r="EGQ27" s="8"/>
      <c r="EGR27" s="8"/>
      <c r="EGS27" s="8"/>
      <c r="EGT27" s="8"/>
      <c r="EGU27" s="8"/>
      <c r="EGV27" s="8"/>
      <c r="EGW27" s="8"/>
      <c r="EGX27" s="8"/>
      <c r="EGY27" s="8"/>
      <c r="EGZ27" s="8"/>
      <c r="EHA27" s="8"/>
      <c r="EHB27" s="8"/>
      <c r="EHC27" s="8"/>
      <c r="EHD27" s="8"/>
      <c r="EHE27" s="8"/>
      <c r="EHF27" s="8"/>
      <c r="EHG27" s="8"/>
      <c r="EHH27" s="8"/>
      <c r="EHI27" s="8"/>
      <c r="EHJ27" s="8"/>
      <c r="EHK27" s="8"/>
      <c r="EHL27" s="8"/>
      <c r="EHM27" s="8"/>
      <c r="EHN27" s="8"/>
      <c r="EHO27" s="8"/>
      <c r="EHP27" s="8"/>
      <c r="EHQ27" s="8"/>
      <c r="EHR27" s="8"/>
      <c r="EHS27" s="8"/>
      <c r="EHT27" s="8"/>
      <c r="EHU27" s="8"/>
      <c r="EHV27" s="8"/>
      <c r="EHW27" s="8"/>
      <c r="EHX27" s="8"/>
      <c r="EHY27" s="8"/>
      <c r="EHZ27" s="8"/>
      <c r="EIA27" s="8"/>
      <c r="EIB27" s="8"/>
      <c r="EIC27" s="8"/>
      <c r="EID27" s="8"/>
      <c r="EIE27" s="8"/>
      <c r="EIF27" s="8"/>
      <c r="EIG27" s="8"/>
      <c r="EIH27" s="8"/>
      <c r="EII27" s="8"/>
      <c r="EIJ27" s="8"/>
      <c r="EIK27" s="8"/>
      <c r="EIL27" s="8"/>
      <c r="EIM27" s="8"/>
      <c r="EIN27" s="8"/>
      <c r="EIO27" s="8"/>
      <c r="EIP27" s="8"/>
      <c r="EIQ27" s="8"/>
      <c r="EIR27" s="8"/>
      <c r="EIS27" s="8"/>
      <c r="EIT27" s="8"/>
      <c r="EIU27" s="8"/>
      <c r="EIV27" s="8"/>
      <c r="EIW27" s="8"/>
      <c r="EIX27" s="8"/>
      <c r="EIY27" s="8"/>
      <c r="EIZ27" s="8"/>
      <c r="EJA27" s="8"/>
      <c r="EJB27" s="8"/>
      <c r="EJC27" s="8"/>
      <c r="EJD27" s="8"/>
      <c r="EJE27" s="8"/>
      <c r="EJF27" s="8"/>
      <c r="EJG27" s="8"/>
      <c r="EJH27" s="8"/>
      <c r="EJI27" s="8"/>
      <c r="EJJ27" s="8"/>
      <c r="EJK27" s="8"/>
      <c r="EJL27" s="8"/>
      <c r="EJM27" s="8"/>
      <c r="EJN27" s="8"/>
      <c r="EJO27" s="8"/>
      <c r="EJP27" s="8"/>
      <c r="EJQ27" s="8"/>
      <c r="EJR27" s="8"/>
      <c r="EJS27" s="8"/>
      <c r="EJT27" s="8"/>
      <c r="EJU27" s="8"/>
      <c r="EJV27" s="8"/>
      <c r="EJW27" s="8"/>
      <c r="EJX27" s="8"/>
      <c r="EJY27" s="8"/>
      <c r="EJZ27" s="8"/>
      <c r="EKA27" s="8"/>
      <c r="EKB27" s="8"/>
      <c r="EKC27" s="8"/>
      <c r="EKD27" s="8"/>
      <c r="EKE27" s="8"/>
      <c r="EKF27" s="8"/>
      <c r="EKG27" s="8"/>
      <c r="EKH27" s="8"/>
      <c r="EKI27" s="8"/>
      <c r="EKJ27" s="8"/>
      <c r="EKK27" s="8"/>
      <c r="EKL27" s="8"/>
      <c r="EKM27" s="8"/>
      <c r="EKN27" s="8"/>
      <c r="EKO27" s="8"/>
      <c r="EKP27" s="8"/>
      <c r="EKQ27" s="8"/>
      <c r="EKR27" s="8"/>
      <c r="EKS27" s="8"/>
      <c r="EKT27" s="8"/>
      <c r="EKU27" s="8"/>
      <c r="EKV27" s="8"/>
      <c r="EKW27" s="8"/>
      <c r="EKX27" s="8"/>
      <c r="EKY27" s="8"/>
      <c r="EKZ27" s="8"/>
      <c r="ELA27" s="8"/>
      <c r="ELB27" s="8"/>
      <c r="ELC27" s="8"/>
      <c r="ELD27" s="8"/>
      <c r="ELE27" s="8"/>
      <c r="ELF27" s="8"/>
      <c r="ELG27" s="8"/>
      <c r="ELH27" s="8"/>
      <c r="ELI27" s="8"/>
      <c r="ELJ27" s="8"/>
      <c r="ELK27" s="8"/>
      <c r="ELL27" s="8"/>
      <c r="ELM27" s="8"/>
      <c r="ELN27" s="8"/>
      <c r="ELO27" s="8"/>
      <c r="ELP27" s="8"/>
      <c r="ELQ27" s="8"/>
      <c r="ELR27" s="8"/>
      <c r="ELS27" s="8"/>
      <c r="ELT27" s="8"/>
      <c r="ELU27" s="8"/>
      <c r="ELV27" s="8"/>
      <c r="ELW27" s="8"/>
      <c r="ELX27" s="8"/>
      <c r="ELY27" s="8"/>
      <c r="ELZ27" s="8"/>
      <c r="EMA27" s="8"/>
      <c r="EMB27" s="8"/>
      <c r="EMC27" s="8"/>
      <c r="EMD27" s="8"/>
      <c r="EME27" s="8"/>
      <c r="EMF27" s="8"/>
      <c r="EMG27" s="8"/>
      <c r="EMH27" s="8"/>
      <c r="EMI27" s="8"/>
      <c r="EMJ27" s="8"/>
      <c r="EMK27" s="8"/>
      <c r="EML27" s="8"/>
      <c r="EMM27" s="8"/>
      <c r="EMN27" s="8"/>
      <c r="EMO27" s="8"/>
      <c r="EMP27" s="8"/>
      <c r="EMQ27" s="8"/>
      <c r="EMR27" s="8"/>
      <c r="EMS27" s="8"/>
      <c r="EMT27" s="8"/>
      <c r="EMU27" s="8"/>
      <c r="EMV27" s="8"/>
      <c r="EMW27" s="8"/>
      <c r="EMX27" s="8"/>
      <c r="EMY27" s="8"/>
      <c r="EMZ27" s="8"/>
      <c r="ENA27" s="8"/>
      <c r="ENB27" s="8"/>
      <c r="ENC27" s="8"/>
      <c r="END27" s="8"/>
      <c r="ENE27" s="8"/>
      <c r="ENF27" s="8"/>
      <c r="ENG27" s="8"/>
      <c r="ENH27" s="8"/>
      <c r="ENI27" s="8"/>
      <c r="ENJ27" s="8"/>
      <c r="ENK27" s="8"/>
      <c r="ENL27" s="8"/>
      <c r="ENM27" s="8"/>
      <c r="ENN27" s="8"/>
      <c r="ENO27" s="8"/>
      <c r="ENP27" s="8"/>
      <c r="ENQ27" s="8"/>
      <c r="ENR27" s="8"/>
      <c r="ENS27" s="8"/>
      <c r="ENT27" s="8"/>
      <c r="ENU27" s="8"/>
      <c r="ENV27" s="8"/>
      <c r="ENW27" s="8"/>
      <c r="ENX27" s="8"/>
      <c r="ENY27" s="8"/>
      <c r="ENZ27" s="8"/>
      <c r="EOA27" s="8"/>
      <c r="EOB27" s="8"/>
      <c r="EOC27" s="8"/>
      <c r="EOD27" s="8"/>
      <c r="EOE27" s="8"/>
      <c r="EOF27" s="8"/>
      <c r="EOG27" s="8"/>
      <c r="EOH27" s="8"/>
      <c r="EOI27" s="8"/>
      <c r="EOJ27" s="8"/>
      <c r="EOK27" s="8"/>
      <c r="EOL27" s="8"/>
      <c r="EOM27" s="8"/>
      <c r="EON27" s="8"/>
      <c r="EOO27" s="8"/>
      <c r="EOP27" s="8"/>
      <c r="EOQ27" s="8"/>
      <c r="EOR27" s="8"/>
      <c r="EOS27" s="8"/>
      <c r="EOT27" s="8"/>
      <c r="EOU27" s="8"/>
      <c r="EOV27" s="8"/>
      <c r="EOW27" s="8"/>
      <c r="EOX27" s="8"/>
      <c r="EOY27" s="8"/>
      <c r="EOZ27" s="8"/>
      <c r="EPA27" s="8"/>
      <c r="EPB27" s="8"/>
      <c r="EPC27" s="8"/>
      <c r="EPD27" s="8"/>
      <c r="EPE27" s="8"/>
      <c r="EPF27" s="8"/>
      <c r="EPG27" s="8"/>
      <c r="EPH27" s="8"/>
      <c r="EPI27" s="8"/>
      <c r="EPJ27" s="8"/>
      <c r="EPK27" s="8"/>
      <c r="EPL27" s="8"/>
      <c r="EPM27" s="8"/>
      <c r="EPN27" s="8"/>
      <c r="EPO27" s="8"/>
      <c r="EPP27" s="8"/>
      <c r="EPQ27" s="8"/>
      <c r="EPR27" s="8"/>
      <c r="EPS27" s="8"/>
      <c r="EPT27" s="8"/>
      <c r="EPU27" s="8"/>
      <c r="EPV27" s="8"/>
      <c r="EPW27" s="8"/>
      <c r="EPX27" s="8"/>
      <c r="EPY27" s="8"/>
      <c r="EPZ27" s="8"/>
      <c r="EQA27" s="8"/>
      <c r="EQB27" s="8"/>
      <c r="EQC27" s="8"/>
      <c r="EQD27" s="8"/>
      <c r="EQE27" s="8"/>
      <c r="EQF27" s="8"/>
      <c r="EQG27" s="8"/>
      <c r="EQH27" s="8"/>
      <c r="EQI27" s="8"/>
      <c r="EQJ27" s="8"/>
      <c r="EQK27" s="8"/>
      <c r="EQL27" s="8"/>
      <c r="EQM27" s="8"/>
      <c r="EQN27" s="8"/>
      <c r="EQO27" s="8"/>
      <c r="EQP27" s="8"/>
      <c r="EQQ27" s="8"/>
      <c r="EQR27" s="8"/>
      <c r="EQS27" s="8"/>
      <c r="EQT27" s="8"/>
      <c r="EQU27" s="8"/>
      <c r="EQV27" s="8"/>
      <c r="EQW27" s="8"/>
      <c r="EQX27" s="8"/>
      <c r="EQY27" s="8"/>
      <c r="EQZ27" s="8"/>
      <c r="ERA27" s="8"/>
      <c r="ERB27" s="8"/>
      <c r="ERC27" s="8"/>
      <c r="ERD27" s="8"/>
      <c r="ERE27" s="8"/>
      <c r="ERF27" s="8"/>
      <c r="ERG27" s="8"/>
      <c r="ERH27" s="8"/>
      <c r="ERI27" s="8"/>
      <c r="ERJ27" s="8"/>
      <c r="ERK27" s="8"/>
      <c r="ERL27" s="8"/>
      <c r="ERM27" s="8"/>
      <c r="ERN27" s="8"/>
      <c r="ERO27" s="8"/>
      <c r="ERP27" s="8"/>
      <c r="ERQ27" s="8"/>
      <c r="ERR27" s="8"/>
      <c r="ERS27" s="8"/>
      <c r="ERT27" s="8"/>
      <c r="ERU27" s="8"/>
      <c r="ERV27" s="8"/>
      <c r="ERW27" s="8"/>
      <c r="ERX27" s="8"/>
      <c r="ERY27" s="8"/>
      <c r="ERZ27" s="8"/>
      <c r="ESA27" s="8"/>
      <c r="ESB27" s="8"/>
      <c r="ESC27" s="8"/>
      <c r="ESD27" s="8"/>
      <c r="ESE27" s="8"/>
      <c r="ESF27" s="8"/>
      <c r="ESG27" s="8"/>
      <c r="ESH27" s="8"/>
      <c r="ESI27" s="8"/>
      <c r="ESJ27" s="8"/>
      <c r="ESK27" s="8"/>
      <c r="ESL27" s="8"/>
      <c r="ESM27" s="8"/>
      <c r="ESN27" s="8"/>
      <c r="ESO27" s="8"/>
      <c r="ESP27" s="8"/>
      <c r="ESQ27" s="8"/>
      <c r="ESR27" s="8"/>
      <c r="ESS27" s="8"/>
      <c r="EST27" s="8"/>
      <c r="ESU27" s="8"/>
      <c r="ESV27" s="8"/>
      <c r="ESW27" s="8"/>
      <c r="ESX27" s="8"/>
      <c r="ESY27" s="8"/>
      <c r="ESZ27" s="8"/>
      <c r="ETA27" s="8"/>
      <c r="ETB27" s="8"/>
      <c r="ETC27" s="8"/>
      <c r="ETD27" s="8"/>
      <c r="ETE27" s="8"/>
      <c r="ETF27" s="8"/>
      <c r="ETG27" s="8"/>
      <c r="ETH27" s="8"/>
      <c r="ETI27" s="8"/>
      <c r="ETJ27" s="8"/>
      <c r="ETK27" s="8"/>
      <c r="ETL27" s="8"/>
      <c r="ETM27" s="8"/>
      <c r="ETN27" s="8"/>
      <c r="ETO27" s="8"/>
      <c r="ETP27" s="8"/>
      <c r="ETQ27" s="8"/>
      <c r="ETR27" s="8"/>
      <c r="ETS27" s="8"/>
      <c r="ETT27" s="8"/>
      <c r="ETU27" s="8"/>
      <c r="ETV27" s="8"/>
      <c r="ETW27" s="8"/>
      <c r="ETX27" s="8"/>
      <c r="ETY27" s="8"/>
      <c r="ETZ27" s="8"/>
      <c r="EUA27" s="8"/>
      <c r="EUB27" s="8"/>
      <c r="EUC27" s="8"/>
      <c r="EUD27" s="8"/>
      <c r="EUE27" s="8"/>
      <c r="EUF27" s="8"/>
      <c r="EUG27" s="8"/>
      <c r="EUH27" s="8"/>
      <c r="EUI27" s="8"/>
      <c r="EUJ27" s="8"/>
      <c r="EUK27" s="8"/>
      <c r="EUL27" s="8"/>
      <c r="EUM27" s="8"/>
      <c r="EUN27" s="8"/>
      <c r="EUO27" s="8"/>
      <c r="EUP27" s="8"/>
      <c r="EUQ27" s="8"/>
      <c r="EUR27" s="8"/>
      <c r="EUS27" s="8"/>
      <c r="EUT27" s="8"/>
      <c r="EUU27" s="8"/>
      <c r="EUV27" s="8"/>
      <c r="EUW27" s="8"/>
      <c r="EUX27" s="8"/>
      <c r="EUY27" s="8"/>
      <c r="EUZ27" s="8"/>
      <c r="EVA27" s="8"/>
      <c r="EVB27" s="8"/>
      <c r="EVC27" s="8"/>
      <c r="EVD27" s="8"/>
      <c r="EVE27" s="8"/>
      <c r="EVF27" s="8"/>
      <c r="EVG27" s="8"/>
      <c r="EVH27" s="8"/>
      <c r="EVI27" s="8"/>
      <c r="EVJ27" s="8"/>
      <c r="EVK27" s="8"/>
      <c r="EVL27" s="8"/>
      <c r="EVM27" s="8"/>
      <c r="EVN27" s="8"/>
      <c r="EVO27" s="8"/>
      <c r="EVP27" s="8"/>
      <c r="EVQ27" s="8"/>
      <c r="EVR27" s="8"/>
      <c r="EVS27" s="8"/>
      <c r="EVT27" s="8"/>
      <c r="EVU27" s="8"/>
      <c r="EVV27" s="8"/>
      <c r="EVW27" s="8"/>
      <c r="EVX27" s="8"/>
      <c r="EVY27" s="8"/>
      <c r="EVZ27" s="8"/>
      <c r="EWA27" s="8"/>
      <c r="EWB27" s="8"/>
      <c r="EWC27" s="8"/>
      <c r="EWD27" s="8"/>
      <c r="EWE27" s="8"/>
      <c r="EWF27" s="8"/>
      <c r="EWG27" s="8"/>
      <c r="EWH27" s="8"/>
      <c r="EWI27" s="8"/>
      <c r="EWJ27" s="8"/>
      <c r="EWK27" s="8"/>
      <c r="EWL27" s="8"/>
      <c r="EWM27" s="8"/>
      <c r="EWN27" s="8"/>
      <c r="EWO27" s="8"/>
      <c r="EWP27" s="8"/>
      <c r="EWQ27" s="8"/>
      <c r="EWR27" s="8"/>
      <c r="EWS27" s="8"/>
      <c r="EWT27" s="8"/>
      <c r="EWU27" s="8"/>
      <c r="EWV27" s="8"/>
      <c r="EWW27" s="8"/>
      <c r="EWX27" s="8"/>
      <c r="EWY27" s="8"/>
      <c r="EWZ27" s="8"/>
      <c r="EXA27" s="8"/>
      <c r="EXB27" s="8"/>
      <c r="EXC27" s="8"/>
      <c r="EXD27" s="8"/>
      <c r="EXE27" s="8"/>
      <c r="EXF27" s="8"/>
      <c r="EXG27" s="8"/>
      <c r="EXH27" s="8"/>
      <c r="EXI27" s="8"/>
      <c r="EXJ27" s="8"/>
      <c r="EXK27" s="8"/>
      <c r="EXL27" s="8"/>
      <c r="EXM27" s="8"/>
      <c r="EXN27" s="8"/>
      <c r="EXO27" s="8"/>
      <c r="EXP27" s="8"/>
      <c r="EXQ27" s="8"/>
      <c r="EXR27" s="8"/>
      <c r="EXS27" s="8"/>
      <c r="EXT27" s="8"/>
      <c r="EXU27" s="8"/>
      <c r="EXV27" s="8"/>
      <c r="EXW27" s="8"/>
      <c r="EXX27" s="8"/>
      <c r="EXY27" s="8"/>
      <c r="EXZ27" s="8"/>
      <c r="EYA27" s="8"/>
      <c r="EYB27" s="8"/>
      <c r="EYC27" s="8"/>
      <c r="EYD27" s="8"/>
      <c r="EYE27" s="8"/>
      <c r="EYF27" s="8"/>
      <c r="EYG27" s="8"/>
      <c r="EYH27" s="8"/>
      <c r="EYI27" s="8"/>
      <c r="EYJ27" s="8"/>
      <c r="EYK27" s="8"/>
      <c r="EYL27" s="8"/>
      <c r="EYM27" s="8"/>
      <c r="EYN27" s="8"/>
      <c r="EYO27" s="8"/>
      <c r="EYP27" s="8"/>
      <c r="EYQ27" s="8"/>
      <c r="EYR27" s="8"/>
      <c r="EYS27" s="8"/>
      <c r="EYT27" s="8"/>
      <c r="EYU27" s="8"/>
      <c r="EYV27" s="8"/>
      <c r="EYW27" s="8"/>
      <c r="EYX27" s="8"/>
      <c r="EYY27" s="8"/>
      <c r="EYZ27" s="8"/>
      <c r="EZA27" s="8"/>
      <c r="EZB27" s="8"/>
      <c r="EZC27" s="8"/>
      <c r="EZD27" s="8"/>
      <c r="EZE27" s="8"/>
      <c r="EZF27" s="8"/>
      <c r="EZG27" s="8"/>
      <c r="EZH27" s="8"/>
      <c r="EZI27" s="8"/>
      <c r="EZJ27" s="8"/>
      <c r="EZK27" s="8"/>
      <c r="EZL27" s="8"/>
      <c r="EZM27" s="8"/>
      <c r="EZN27" s="8"/>
      <c r="EZO27" s="8"/>
      <c r="EZP27" s="8"/>
      <c r="EZQ27" s="8"/>
      <c r="EZR27" s="8"/>
      <c r="EZS27" s="8"/>
      <c r="EZT27" s="8"/>
      <c r="EZU27" s="8"/>
      <c r="EZV27" s="8"/>
      <c r="EZW27" s="8"/>
      <c r="EZX27" s="8"/>
      <c r="EZY27" s="8"/>
      <c r="EZZ27" s="8"/>
      <c r="FAA27" s="8"/>
      <c r="FAB27" s="8"/>
      <c r="FAC27" s="8"/>
      <c r="FAD27" s="8"/>
      <c r="FAE27" s="8"/>
      <c r="FAF27" s="8"/>
      <c r="FAG27" s="8"/>
      <c r="FAH27" s="8"/>
      <c r="FAI27" s="8"/>
      <c r="FAJ27" s="8"/>
      <c r="FAK27" s="8"/>
      <c r="FAL27" s="8"/>
      <c r="FAM27" s="8"/>
      <c r="FAN27" s="8"/>
      <c r="FAO27" s="8"/>
      <c r="FAP27" s="8"/>
      <c r="FAQ27" s="8"/>
      <c r="FAR27" s="8"/>
      <c r="FAS27" s="8"/>
      <c r="FAT27" s="8"/>
      <c r="FAU27" s="8"/>
      <c r="FAV27" s="8"/>
      <c r="FAW27" s="8"/>
      <c r="FAX27" s="8"/>
      <c r="FAY27" s="8"/>
      <c r="FAZ27" s="8"/>
      <c r="FBA27" s="8"/>
      <c r="FBB27" s="8"/>
      <c r="FBC27" s="8"/>
      <c r="FBD27" s="8"/>
      <c r="FBE27" s="8"/>
      <c r="FBF27" s="8"/>
      <c r="FBG27" s="8"/>
      <c r="FBH27" s="8"/>
      <c r="FBI27" s="8"/>
      <c r="FBJ27" s="8"/>
      <c r="FBK27" s="8"/>
      <c r="FBL27" s="8"/>
      <c r="FBM27" s="8"/>
      <c r="FBN27" s="8"/>
      <c r="FBO27" s="8"/>
      <c r="FBP27" s="8"/>
      <c r="FBQ27" s="8"/>
      <c r="FBR27" s="8"/>
      <c r="FBS27" s="8"/>
      <c r="FBT27" s="8"/>
      <c r="FBU27" s="8"/>
      <c r="FBV27" s="8"/>
      <c r="FBW27" s="8"/>
      <c r="FBX27" s="8"/>
      <c r="FBY27" s="8"/>
      <c r="FBZ27" s="8"/>
      <c r="FCA27" s="8"/>
      <c r="FCB27" s="8"/>
      <c r="FCC27" s="8"/>
      <c r="FCD27" s="8"/>
      <c r="FCE27" s="8"/>
      <c r="FCF27" s="8"/>
      <c r="FCG27" s="8"/>
      <c r="FCH27" s="8"/>
      <c r="FCI27" s="8"/>
      <c r="FCJ27" s="8"/>
      <c r="FCK27" s="8"/>
      <c r="FCL27" s="8"/>
      <c r="FCM27" s="8"/>
      <c r="FCN27" s="8"/>
      <c r="FCO27" s="8"/>
      <c r="FCP27" s="8"/>
      <c r="FCQ27" s="8"/>
      <c r="FCR27" s="8"/>
      <c r="FCS27" s="8"/>
      <c r="FCT27" s="8"/>
      <c r="FCU27" s="8"/>
      <c r="FCV27" s="8"/>
      <c r="FCW27" s="8"/>
      <c r="FCX27" s="8"/>
      <c r="FCY27" s="8"/>
      <c r="FCZ27" s="8"/>
      <c r="FDA27" s="8"/>
      <c r="FDB27" s="8"/>
      <c r="FDC27" s="8"/>
      <c r="FDD27" s="8"/>
      <c r="FDE27" s="8"/>
      <c r="FDF27" s="8"/>
      <c r="FDG27" s="8"/>
      <c r="FDH27" s="8"/>
      <c r="FDI27" s="8"/>
      <c r="FDJ27" s="8"/>
      <c r="FDK27" s="8"/>
      <c r="FDL27" s="8"/>
      <c r="FDM27" s="8"/>
      <c r="FDN27" s="8"/>
      <c r="FDO27" s="8"/>
      <c r="FDP27" s="8"/>
      <c r="FDQ27" s="8"/>
      <c r="FDR27" s="8"/>
      <c r="FDS27" s="8"/>
      <c r="FDT27" s="8"/>
      <c r="FDU27" s="8"/>
      <c r="FDV27" s="8"/>
      <c r="FDW27" s="8"/>
      <c r="FDX27" s="8"/>
      <c r="FDY27" s="8"/>
      <c r="FDZ27" s="8"/>
      <c r="FEA27" s="8"/>
      <c r="FEB27" s="8"/>
      <c r="FEC27" s="8"/>
      <c r="FED27" s="8"/>
      <c r="FEE27" s="8"/>
      <c r="FEF27" s="8"/>
      <c r="FEG27" s="8"/>
      <c r="FEH27" s="8"/>
      <c r="FEI27" s="8"/>
      <c r="FEJ27" s="8"/>
      <c r="FEK27" s="8"/>
      <c r="FEL27" s="8"/>
      <c r="FEM27" s="8"/>
      <c r="FEN27" s="8"/>
      <c r="FEO27" s="8"/>
      <c r="FEP27" s="8"/>
      <c r="FEQ27" s="8"/>
      <c r="FER27" s="8"/>
      <c r="FES27" s="8"/>
      <c r="FET27" s="8"/>
      <c r="FEU27" s="8"/>
      <c r="FEV27" s="8"/>
      <c r="FEW27" s="8"/>
      <c r="FEX27" s="8"/>
      <c r="FEY27" s="8"/>
      <c r="FEZ27" s="8"/>
      <c r="FFA27" s="8"/>
      <c r="FFB27" s="8"/>
      <c r="FFC27" s="8"/>
      <c r="FFD27" s="8"/>
      <c r="FFE27" s="8"/>
      <c r="FFF27" s="8"/>
      <c r="FFG27" s="8"/>
      <c r="FFH27" s="8"/>
      <c r="FFI27" s="8"/>
      <c r="FFJ27" s="8"/>
      <c r="FFK27" s="8"/>
      <c r="FFL27" s="8"/>
      <c r="FFM27" s="8"/>
      <c r="FFN27" s="8"/>
      <c r="FFO27" s="8"/>
      <c r="FFP27" s="8"/>
      <c r="FFQ27" s="8"/>
      <c r="FFR27" s="8"/>
      <c r="FFS27" s="8"/>
      <c r="FFT27" s="8"/>
      <c r="FFU27" s="8"/>
      <c r="FFV27" s="8"/>
      <c r="FFW27" s="8"/>
      <c r="FFX27" s="8"/>
      <c r="FFY27" s="8"/>
      <c r="FFZ27" s="8"/>
      <c r="FGA27" s="8"/>
      <c r="FGB27" s="8"/>
      <c r="FGC27" s="8"/>
      <c r="FGD27" s="8"/>
      <c r="FGE27" s="8"/>
      <c r="FGF27" s="8"/>
      <c r="FGG27" s="8"/>
      <c r="FGH27" s="8"/>
      <c r="FGI27" s="8"/>
      <c r="FGJ27" s="8"/>
      <c r="FGK27" s="8"/>
      <c r="FGL27" s="8"/>
      <c r="FGM27" s="8"/>
      <c r="FGN27" s="8"/>
      <c r="FGO27" s="8"/>
      <c r="FGP27" s="8"/>
      <c r="FGQ27" s="8"/>
      <c r="FGR27" s="8"/>
      <c r="FGS27" s="8"/>
      <c r="FGT27" s="8"/>
      <c r="FGU27" s="8"/>
      <c r="FGV27" s="8"/>
      <c r="FGW27" s="8"/>
      <c r="FGX27" s="8"/>
      <c r="FGY27" s="8"/>
      <c r="FGZ27" s="8"/>
      <c r="FHA27" s="8"/>
      <c r="FHB27" s="8"/>
      <c r="FHC27" s="8"/>
      <c r="FHD27" s="8"/>
      <c r="FHE27" s="8"/>
      <c r="FHF27" s="8"/>
      <c r="FHG27" s="8"/>
      <c r="FHH27" s="8"/>
      <c r="FHI27" s="8"/>
      <c r="FHJ27" s="8"/>
      <c r="FHK27" s="8"/>
      <c r="FHL27" s="8"/>
      <c r="FHM27" s="8"/>
      <c r="FHN27" s="8"/>
      <c r="FHO27" s="8"/>
      <c r="FHP27" s="8"/>
      <c r="FHQ27" s="8"/>
      <c r="FHR27" s="8"/>
      <c r="FHS27" s="8"/>
      <c r="FHT27" s="8"/>
      <c r="FHU27" s="8"/>
      <c r="FHV27" s="8"/>
      <c r="FHW27" s="8"/>
      <c r="FHX27" s="8"/>
      <c r="FHY27" s="8"/>
      <c r="FHZ27" s="8"/>
      <c r="FIA27" s="8"/>
      <c r="FIB27" s="8"/>
      <c r="FIC27" s="8"/>
      <c r="FID27" s="8"/>
      <c r="FIE27" s="8"/>
      <c r="FIF27" s="8"/>
      <c r="FIG27" s="8"/>
      <c r="FIH27" s="8"/>
      <c r="FII27" s="8"/>
      <c r="FIJ27" s="8"/>
      <c r="FIK27" s="8"/>
      <c r="FIL27" s="8"/>
      <c r="FIM27" s="8"/>
      <c r="FIN27" s="8"/>
      <c r="FIO27" s="8"/>
      <c r="FIP27" s="8"/>
      <c r="FIQ27" s="8"/>
      <c r="FIR27" s="8"/>
      <c r="FIS27" s="8"/>
      <c r="FIT27" s="8"/>
      <c r="FIU27" s="8"/>
      <c r="FIV27" s="8"/>
      <c r="FIW27" s="8"/>
      <c r="FIX27" s="8"/>
      <c r="FIY27" s="8"/>
      <c r="FIZ27" s="8"/>
      <c r="FJA27" s="8"/>
      <c r="FJB27" s="8"/>
      <c r="FJC27" s="8"/>
      <c r="FJD27" s="8"/>
      <c r="FJE27" s="8"/>
      <c r="FJF27" s="8"/>
      <c r="FJG27" s="8"/>
      <c r="FJH27" s="8"/>
      <c r="FJI27" s="8"/>
      <c r="FJJ27" s="8"/>
      <c r="FJK27" s="8"/>
      <c r="FJL27" s="8"/>
      <c r="FJM27" s="8"/>
      <c r="FJN27" s="8"/>
      <c r="FJO27" s="8"/>
      <c r="FJP27" s="8"/>
      <c r="FJQ27" s="8"/>
      <c r="FJR27" s="8"/>
      <c r="FJS27" s="8"/>
      <c r="FJT27" s="8"/>
      <c r="FJU27" s="8"/>
      <c r="FJV27" s="8"/>
      <c r="FJW27" s="8"/>
      <c r="FJX27" s="8"/>
      <c r="FJY27" s="8"/>
      <c r="FJZ27" s="8"/>
      <c r="FKA27" s="8"/>
      <c r="FKB27" s="8"/>
      <c r="FKC27" s="8"/>
      <c r="FKD27" s="8"/>
      <c r="FKE27" s="8"/>
      <c r="FKF27" s="8"/>
      <c r="FKG27" s="8"/>
      <c r="FKH27" s="8"/>
      <c r="FKI27" s="8"/>
      <c r="FKJ27" s="8"/>
      <c r="FKK27" s="8"/>
      <c r="FKL27" s="8"/>
      <c r="FKM27" s="8"/>
      <c r="FKN27" s="8"/>
      <c r="FKO27" s="8"/>
      <c r="FKP27" s="8"/>
      <c r="FKQ27" s="8"/>
      <c r="FKR27" s="8"/>
      <c r="FKS27" s="8"/>
      <c r="FKT27" s="8"/>
      <c r="FKU27" s="8"/>
      <c r="FKV27" s="8"/>
      <c r="FKW27" s="8"/>
      <c r="FKX27" s="8"/>
      <c r="FKY27" s="8"/>
      <c r="FKZ27" s="8"/>
      <c r="FLA27" s="8"/>
      <c r="FLB27" s="8"/>
      <c r="FLC27" s="8"/>
      <c r="FLD27" s="8"/>
      <c r="FLE27" s="8"/>
      <c r="FLF27" s="8"/>
      <c r="FLG27" s="8"/>
      <c r="FLH27" s="8"/>
      <c r="FLI27" s="8"/>
      <c r="FLJ27" s="8"/>
      <c r="FLK27" s="8"/>
      <c r="FLL27" s="8"/>
      <c r="FLM27" s="8"/>
      <c r="FLN27" s="8"/>
      <c r="FLO27" s="8"/>
      <c r="FLP27" s="8"/>
      <c r="FLQ27" s="8"/>
      <c r="FLR27" s="8"/>
      <c r="FLS27" s="8"/>
      <c r="FLT27" s="8"/>
      <c r="FLU27" s="8"/>
      <c r="FLV27" s="8"/>
      <c r="FLW27" s="8"/>
      <c r="FLX27" s="8"/>
      <c r="FLY27" s="8"/>
      <c r="FLZ27" s="8"/>
      <c r="FMA27" s="8"/>
      <c r="FMB27" s="8"/>
      <c r="FMC27" s="8"/>
      <c r="FMD27" s="8"/>
      <c r="FME27" s="8"/>
      <c r="FMF27" s="8"/>
      <c r="FMG27" s="8"/>
      <c r="FMH27" s="8"/>
      <c r="FMI27" s="8"/>
      <c r="FMJ27" s="8"/>
      <c r="FMK27" s="8"/>
      <c r="FML27" s="8"/>
      <c r="FMM27" s="8"/>
      <c r="FMN27" s="8"/>
      <c r="FMO27" s="8"/>
      <c r="FMP27" s="8"/>
      <c r="FMQ27" s="8"/>
      <c r="FMR27" s="8"/>
      <c r="FMS27" s="8"/>
      <c r="FMT27" s="8"/>
      <c r="FMU27" s="8"/>
      <c r="FMV27" s="8"/>
      <c r="FMW27" s="8"/>
      <c r="FMX27" s="8"/>
      <c r="FMY27" s="8"/>
      <c r="FMZ27" s="8"/>
      <c r="FNA27" s="8"/>
      <c r="FNB27" s="8"/>
      <c r="FNC27" s="8"/>
      <c r="FND27" s="8"/>
      <c r="FNE27" s="8"/>
      <c r="FNF27" s="8"/>
      <c r="FNG27" s="8"/>
      <c r="FNH27" s="8"/>
      <c r="FNI27" s="8"/>
      <c r="FNJ27" s="8"/>
      <c r="FNK27" s="8"/>
      <c r="FNL27" s="8"/>
      <c r="FNM27" s="8"/>
      <c r="FNN27" s="8"/>
      <c r="FNO27" s="8"/>
      <c r="FNP27" s="8"/>
      <c r="FNQ27" s="8"/>
      <c r="FNR27" s="8"/>
      <c r="FNS27" s="8"/>
      <c r="FNT27" s="8"/>
      <c r="FNU27" s="8"/>
      <c r="FNV27" s="8"/>
      <c r="FNW27" s="8"/>
      <c r="FNX27" s="8"/>
      <c r="FNY27" s="8"/>
      <c r="FNZ27" s="8"/>
      <c r="FOA27" s="8"/>
      <c r="FOB27" s="8"/>
      <c r="FOC27" s="8"/>
      <c r="FOD27" s="8"/>
      <c r="FOE27" s="8"/>
      <c r="FOF27" s="8"/>
      <c r="FOG27" s="8"/>
      <c r="FOH27" s="8"/>
      <c r="FOI27" s="8"/>
      <c r="FOJ27" s="8"/>
      <c r="FOK27" s="8"/>
      <c r="FOL27" s="8"/>
      <c r="FOM27" s="8"/>
      <c r="FON27" s="8"/>
      <c r="FOO27" s="8"/>
      <c r="FOP27" s="8"/>
      <c r="FOQ27" s="8"/>
      <c r="FOR27" s="8"/>
      <c r="FOS27" s="8"/>
      <c r="FOT27" s="8"/>
      <c r="FOU27" s="8"/>
      <c r="FOV27" s="8"/>
      <c r="FOW27" s="8"/>
      <c r="FOX27" s="8"/>
      <c r="FOY27" s="8"/>
      <c r="FOZ27" s="8"/>
      <c r="FPA27" s="8"/>
      <c r="FPB27" s="8"/>
      <c r="FPC27" s="8"/>
      <c r="FPD27" s="8"/>
      <c r="FPE27" s="8"/>
      <c r="FPF27" s="8"/>
      <c r="FPG27" s="8"/>
      <c r="FPH27" s="8"/>
      <c r="FPI27" s="8"/>
      <c r="FPJ27" s="8"/>
      <c r="FPK27" s="8"/>
      <c r="FPL27" s="8"/>
      <c r="FPM27" s="8"/>
      <c r="FPN27" s="8"/>
      <c r="FPO27" s="8"/>
      <c r="FPP27" s="8"/>
      <c r="FPQ27" s="8"/>
      <c r="FPR27" s="8"/>
      <c r="FPS27" s="8"/>
      <c r="FPT27" s="8"/>
      <c r="FPU27" s="8"/>
      <c r="FPV27" s="8"/>
      <c r="FPW27" s="8"/>
      <c r="FPX27" s="8"/>
      <c r="FPY27" s="8"/>
      <c r="FPZ27" s="8"/>
      <c r="FQA27" s="8"/>
      <c r="FQB27" s="8"/>
      <c r="FQC27" s="8"/>
      <c r="FQD27" s="8"/>
      <c r="FQE27" s="8"/>
      <c r="FQF27" s="8"/>
      <c r="FQG27" s="8"/>
      <c r="FQH27" s="8"/>
      <c r="FQI27" s="8"/>
      <c r="FQJ27" s="8"/>
      <c r="FQK27" s="8"/>
      <c r="FQL27" s="8"/>
      <c r="FQM27" s="8"/>
      <c r="FQN27" s="8"/>
      <c r="FQO27" s="8"/>
      <c r="FQP27" s="8"/>
      <c r="FQQ27" s="8"/>
      <c r="FQR27" s="8"/>
      <c r="FQS27" s="8"/>
      <c r="FQT27" s="8"/>
      <c r="FQU27" s="8"/>
      <c r="FQV27" s="8"/>
      <c r="FQW27" s="8"/>
      <c r="FQX27" s="8"/>
      <c r="FQY27" s="8"/>
      <c r="FQZ27" s="8"/>
      <c r="FRA27" s="8"/>
      <c r="FRB27" s="8"/>
      <c r="FRC27" s="8"/>
      <c r="FRD27" s="8"/>
      <c r="FRE27" s="8"/>
      <c r="FRF27" s="8"/>
      <c r="FRG27" s="8"/>
      <c r="FRH27" s="8"/>
      <c r="FRI27" s="8"/>
      <c r="FRJ27" s="8"/>
      <c r="FRK27" s="8"/>
      <c r="FRL27" s="8"/>
      <c r="FRM27" s="8"/>
      <c r="FRN27" s="8"/>
      <c r="FRO27" s="8"/>
      <c r="FRP27" s="8"/>
      <c r="FRQ27" s="8"/>
      <c r="FRR27" s="8"/>
      <c r="FRS27" s="8"/>
      <c r="FRT27" s="8"/>
      <c r="FRU27" s="8"/>
      <c r="FRV27" s="8"/>
      <c r="FRW27" s="8"/>
      <c r="FRX27" s="8"/>
      <c r="FRY27" s="8"/>
      <c r="FRZ27" s="8"/>
      <c r="FSA27" s="8"/>
      <c r="FSB27" s="8"/>
      <c r="FSC27" s="8"/>
      <c r="FSD27" s="8"/>
      <c r="FSE27" s="8"/>
      <c r="FSF27" s="8"/>
      <c r="FSG27" s="8"/>
      <c r="FSH27" s="8"/>
      <c r="FSI27" s="8"/>
      <c r="FSJ27" s="8"/>
      <c r="FSK27" s="8"/>
      <c r="FSL27" s="8"/>
      <c r="FSM27" s="8"/>
      <c r="FSN27" s="8"/>
      <c r="FSO27" s="8"/>
      <c r="FSP27" s="8"/>
      <c r="FSQ27" s="8"/>
      <c r="FSR27" s="8"/>
      <c r="FSS27" s="8"/>
      <c r="FST27" s="8"/>
      <c r="FSU27" s="8"/>
      <c r="FSV27" s="8"/>
      <c r="FSW27" s="8"/>
      <c r="FSX27" s="8"/>
      <c r="FSY27" s="8"/>
      <c r="FSZ27" s="8"/>
      <c r="FTA27" s="8"/>
      <c r="FTB27" s="8"/>
      <c r="FTC27" s="8"/>
      <c r="FTD27" s="8"/>
      <c r="FTE27" s="8"/>
      <c r="FTF27" s="8"/>
      <c r="FTG27" s="8"/>
      <c r="FTH27" s="8"/>
      <c r="FTI27" s="8"/>
      <c r="FTJ27" s="8"/>
      <c r="FTK27" s="8"/>
      <c r="FTL27" s="8"/>
      <c r="FTM27" s="8"/>
      <c r="FTN27" s="8"/>
      <c r="FTO27" s="8"/>
      <c r="FTP27" s="8"/>
      <c r="FTQ27" s="8"/>
      <c r="FTR27" s="8"/>
      <c r="FTS27" s="8"/>
      <c r="FTT27" s="8"/>
      <c r="FTU27" s="8"/>
      <c r="FTV27" s="8"/>
      <c r="FTW27" s="8"/>
      <c r="FTX27" s="8"/>
      <c r="FTY27" s="8"/>
      <c r="FTZ27" s="8"/>
      <c r="FUA27" s="8"/>
      <c r="FUB27" s="8"/>
      <c r="FUC27" s="8"/>
      <c r="FUD27" s="8"/>
      <c r="FUE27" s="8"/>
      <c r="FUF27" s="8"/>
      <c r="FUG27" s="8"/>
      <c r="FUH27" s="8"/>
      <c r="FUI27" s="8"/>
      <c r="FUJ27" s="8"/>
      <c r="FUK27" s="8"/>
      <c r="FUL27" s="8"/>
      <c r="FUM27" s="8"/>
      <c r="FUN27" s="8"/>
      <c r="FUO27" s="8"/>
      <c r="FUP27" s="8"/>
      <c r="FUQ27" s="8"/>
      <c r="FUR27" s="8"/>
      <c r="FUS27" s="8"/>
      <c r="FUT27" s="8"/>
      <c r="FUU27" s="8"/>
      <c r="FUV27" s="8"/>
      <c r="FUW27" s="8"/>
      <c r="FUX27" s="8"/>
      <c r="FUY27" s="8"/>
      <c r="FUZ27" s="8"/>
      <c r="FVA27" s="8"/>
      <c r="FVB27" s="8"/>
      <c r="FVC27" s="8"/>
      <c r="FVD27" s="8"/>
      <c r="FVE27" s="8"/>
      <c r="FVF27" s="8"/>
      <c r="FVG27" s="8"/>
      <c r="FVH27" s="8"/>
      <c r="FVI27" s="8"/>
      <c r="FVJ27" s="8"/>
      <c r="FVK27" s="8"/>
      <c r="FVL27" s="8"/>
      <c r="FVM27" s="8"/>
      <c r="FVN27" s="8"/>
      <c r="FVO27" s="8"/>
      <c r="FVP27" s="8"/>
      <c r="FVQ27" s="8"/>
      <c r="FVR27" s="8"/>
      <c r="FVS27" s="8"/>
      <c r="FVT27" s="8"/>
      <c r="FVU27" s="8"/>
      <c r="FVV27" s="8"/>
      <c r="FVW27" s="8"/>
      <c r="FVX27" s="8"/>
      <c r="FVY27" s="8"/>
      <c r="FVZ27" s="8"/>
      <c r="FWA27" s="8"/>
      <c r="FWB27" s="8"/>
      <c r="FWC27" s="8"/>
      <c r="FWD27" s="8"/>
      <c r="FWE27" s="8"/>
      <c r="FWF27" s="8"/>
      <c r="FWG27" s="8"/>
      <c r="FWH27" s="8"/>
      <c r="FWI27" s="8"/>
      <c r="FWJ27" s="8"/>
      <c r="FWK27" s="8"/>
      <c r="FWL27" s="8"/>
      <c r="FWM27" s="8"/>
      <c r="FWN27" s="8"/>
      <c r="FWO27" s="8"/>
      <c r="FWP27" s="8"/>
      <c r="FWQ27" s="8"/>
      <c r="FWR27" s="8"/>
      <c r="FWS27" s="8"/>
      <c r="FWT27" s="8"/>
      <c r="FWU27" s="8"/>
      <c r="FWV27" s="8"/>
      <c r="FWW27" s="8"/>
      <c r="FWX27" s="8"/>
      <c r="FWY27" s="8"/>
      <c r="FWZ27" s="8"/>
      <c r="FXA27" s="8"/>
      <c r="FXB27" s="8"/>
      <c r="FXC27" s="8"/>
      <c r="FXD27" s="8"/>
      <c r="FXE27" s="8"/>
      <c r="FXF27" s="8"/>
      <c r="FXG27" s="8"/>
      <c r="FXH27" s="8"/>
      <c r="FXI27" s="8"/>
      <c r="FXJ27" s="8"/>
      <c r="FXK27" s="8"/>
      <c r="FXL27" s="8"/>
      <c r="FXM27" s="8"/>
      <c r="FXN27" s="8"/>
      <c r="FXO27" s="8"/>
      <c r="FXP27" s="8"/>
      <c r="FXQ27" s="8"/>
      <c r="FXR27" s="8"/>
      <c r="FXS27" s="8"/>
      <c r="FXT27" s="8"/>
      <c r="FXU27" s="8"/>
      <c r="FXV27" s="8"/>
      <c r="FXW27" s="8"/>
      <c r="FXX27" s="8"/>
      <c r="FXY27" s="8"/>
      <c r="FXZ27" s="8"/>
      <c r="FYA27" s="8"/>
      <c r="FYB27" s="8"/>
      <c r="FYC27" s="8"/>
      <c r="FYD27" s="8"/>
      <c r="FYE27" s="8"/>
      <c r="FYF27" s="8"/>
      <c r="FYG27" s="8"/>
      <c r="FYH27" s="8"/>
      <c r="FYI27" s="8"/>
      <c r="FYJ27" s="8"/>
      <c r="FYK27" s="8"/>
      <c r="FYL27" s="8"/>
      <c r="FYM27" s="8"/>
      <c r="FYN27" s="8"/>
      <c r="FYO27" s="8"/>
      <c r="FYP27" s="8"/>
      <c r="FYQ27" s="8"/>
      <c r="FYR27" s="8"/>
      <c r="FYS27" s="8"/>
      <c r="FYT27" s="8"/>
      <c r="FYU27" s="8"/>
      <c r="FYV27" s="8"/>
      <c r="FYW27" s="8"/>
      <c r="FYX27" s="8"/>
      <c r="FYY27" s="8"/>
      <c r="FYZ27" s="8"/>
      <c r="FZA27" s="8"/>
      <c r="FZB27" s="8"/>
      <c r="FZC27" s="8"/>
      <c r="FZD27" s="8"/>
      <c r="FZE27" s="8"/>
      <c r="FZF27" s="8"/>
      <c r="FZG27" s="8"/>
      <c r="FZH27" s="8"/>
      <c r="FZI27" s="8"/>
      <c r="FZJ27" s="8"/>
      <c r="FZK27" s="8"/>
      <c r="FZL27" s="8"/>
      <c r="FZM27" s="8"/>
      <c r="FZN27" s="8"/>
      <c r="FZO27" s="8"/>
      <c r="FZP27" s="8"/>
      <c r="FZQ27" s="8"/>
      <c r="FZR27" s="8"/>
      <c r="FZS27" s="8"/>
      <c r="FZT27" s="8"/>
      <c r="FZU27" s="8"/>
      <c r="FZV27" s="8"/>
      <c r="FZW27" s="8"/>
      <c r="FZX27" s="8"/>
      <c r="FZY27" s="8"/>
      <c r="FZZ27" s="8"/>
      <c r="GAA27" s="8"/>
      <c r="GAB27" s="8"/>
      <c r="GAC27" s="8"/>
      <c r="GAD27" s="8"/>
      <c r="GAE27" s="8"/>
      <c r="GAF27" s="8"/>
      <c r="GAG27" s="8"/>
      <c r="GAH27" s="8"/>
      <c r="GAI27" s="8"/>
      <c r="GAJ27" s="8"/>
      <c r="GAK27" s="8"/>
      <c r="GAL27" s="8"/>
      <c r="GAM27" s="8"/>
      <c r="GAN27" s="8"/>
      <c r="GAO27" s="8"/>
      <c r="GAP27" s="8"/>
      <c r="GAQ27" s="8"/>
      <c r="GAR27" s="8"/>
      <c r="GAS27" s="8"/>
      <c r="GAT27" s="8"/>
      <c r="GAU27" s="8"/>
      <c r="GAV27" s="8"/>
      <c r="GAW27" s="8"/>
      <c r="GAX27" s="8"/>
      <c r="GAY27" s="8"/>
      <c r="GAZ27" s="8"/>
      <c r="GBA27" s="8"/>
      <c r="GBB27" s="8"/>
      <c r="GBC27" s="8"/>
      <c r="GBD27" s="8"/>
      <c r="GBE27" s="8"/>
      <c r="GBF27" s="8"/>
      <c r="GBG27" s="8"/>
      <c r="GBH27" s="8"/>
      <c r="GBI27" s="8"/>
      <c r="GBJ27" s="8"/>
      <c r="GBK27" s="8"/>
      <c r="GBL27" s="8"/>
      <c r="GBM27" s="8"/>
      <c r="GBN27" s="8"/>
      <c r="GBO27" s="8"/>
      <c r="GBP27" s="8"/>
      <c r="GBQ27" s="8"/>
      <c r="GBR27" s="8"/>
      <c r="GBS27" s="8"/>
      <c r="GBT27" s="8"/>
      <c r="GBU27" s="8"/>
      <c r="GBV27" s="8"/>
      <c r="GBW27" s="8"/>
      <c r="GBX27" s="8"/>
      <c r="GBY27" s="8"/>
      <c r="GBZ27" s="8"/>
      <c r="GCA27" s="8"/>
      <c r="GCB27" s="8"/>
      <c r="GCC27" s="8"/>
      <c r="GCD27" s="8"/>
      <c r="GCE27" s="8"/>
      <c r="GCF27" s="8"/>
      <c r="GCG27" s="8"/>
      <c r="GCH27" s="8"/>
      <c r="GCI27" s="8"/>
      <c r="GCJ27" s="8"/>
      <c r="GCK27" s="8"/>
      <c r="GCL27" s="8"/>
      <c r="GCM27" s="8"/>
      <c r="GCN27" s="8"/>
      <c r="GCO27" s="8"/>
      <c r="GCP27" s="8"/>
      <c r="GCQ27" s="8"/>
      <c r="GCR27" s="8"/>
      <c r="GCS27" s="8"/>
      <c r="GCT27" s="8"/>
      <c r="GCU27" s="8"/>
      <c r="GCV27" s="8"/>
      <c r="GCW27" s="8"/>
      <c r="GCX27" s="8"/>
      <c r="GCY27" s="8"/>
      <c r="GCZ27" s="8"/>
      <c r="GDA27" s="8"/>
      <c r="GDB27" s="8"/>
      <c r="GDC27" s="8"/>
      <c r="GDD27" s="8"/>
      <c r="GDE27" s="8"/>
      <c r="GDF27" s="8"/>
      <c r="GDG27" s="8"/>
      <c r="GDH27" s="8"/>
      <c r="GDI27" s="8"/>
      <c r="GDJ27" s="8"/>
      <c r="GDK27" s="8"/>
      <c r="GDL27" s="8"/>
      <c r="GDM27" s="8"/>
      <c r="GDN27" s="8"/>
      <c r="GDO27" s="8"/>
      <c r="GDP27" s="8"/>
      <c r="GDQ27" s="8"/>
      <c r="GDR27" s="8"/>
      <c r="GDS27" s="8"/>
      <c r="GDT27" s="8"/>
      <c r="GDU27" s="8"/>
      <c r="GDV27" s="8"/>
      <c r="GDW27" s="8"/>
      <c r="GDX27" s="8"/>
      <c r="GDY27" s="8"/>
      <c r="GDZ27" s="8"/>
      <c r="GEA27" s="8"/>
      <c r="GEB27" s="8"/>
      <c r="GEC27" s="8"/>
      <c r="GED27" s="8"/>
      <c r="GEE27" s="8"/>
      <c r="GEF27" s="8"/>
      <c r="GEG27" s="8"/>
      <c r="GEH27" s="8"/>
      <c r="GEI27" s="8"/>
      <c r="GEJ27" s="8"/>
      <c r="GEK27" s="8"/>
      <c r="GEL27" s="8"/>
      <c r="GEM27" s="8"/>
      <c r="GEN27" s="8"/>
      <c r="GEO27" s="8"/>
      <c r="GEP27" s="8"/>
      <c r="GEQ27" s="8"/>
      <c r="GER27" s="8"/>
      <c r="GES27" s="8"/>
      <c r="GET27" s="8"/>
      <c r="GEU27" s="8"/>
      <c r="GEV27" s="8"/>
      <c r="GEW27" s="8"/>
      <c r="GEX27" s="8"/>
      <c r="GEY27" s="8"/>
      <c r="GEZ27" s="8"/>
      <c r="GFA27" s="8"/>
      <c r="GFB27" s="8"/>
      <c r="GFC27" s="8"/>
      <c r="GFD27" s="8"/>
      <c r="GFE27" s="8"/>
      <c r="GFF27" s="8"/>
      <c r="GFG27" s="8"/>
      <c r="GFH27" s="8"/>
      <c r="GFI27" s="8"/>
      <c r="GFJ27" s="8"/>
      <c r="GFK27" s="8"/>
      <c r="GFL27" s="8"/>
      <c r="GFM27" s="8"/>
      <c r="GFN27" s="8"/>
      <c r="GFO27" s="8"/>
      <c r="GFP27" s="8"/>
      <c r="GFQ27" s="8"/>
      <c r="GFR27" s="8"/>
      <c r="GFS27" s="8"/>
      <c r="GFT27" s="8"/>
      <c r="GFU27" s="8"/>
      <c r="GFV27" s="8"/>
      <c r="GFW27" s="8"/>
      <c r="GFX27" s="8"/>
      <c r="GFY27" s="8"/>
      <c r="GFZ27" s="8"/>
      <c r="GGA27" s="8"/>
      <c r="GGB27" s="8"/>
      <c r="GGC27" s="8"/>
      <c r="GGD27" s="8"/>
      <c r="GGE27" s="8"/>
      <c r="GGF27" s="8"/>
      <c r="GGG27" s="8"/>
      <c r="GGH27" s="8"/>
      <c r="GGI27" s="8"/>
      <c r="GGJ27" s="8"/>
      <c r="GGK27" s="8"/>
      <c r="GGL27" s="8"/>
      <c r="GGM27" s="8"/>
      <c r="GGN27" s="8"/>
      <c r="GGO27" s="8"/>
      <c r="GGP27" s="8"/>
      <c r="GGQ27" s="8"/>
      <c r="GGR27" s="8"/>
      <c r="GGS27" s="8"/>
      <c r="GGT27" s="8"/>
      <c r="GGU27" s="8"/>
      <c r="GGV27" s="8"/>
      <c r="GGW27" s="8"/>
      <c r="GGX27" s="8"/>
      <c r="GGY27" s="8"/>
      <c r="GGZ27" s="8"/>
      <c r="GHA27" s="8"/>
      <c r="GHB27" s="8"/>
      <c r="GHC27" s="8"/>
      <c r="GHD27" s="8"/>
      <c r="GHE27" s="8"/>
      <c r="GHF27" s="8"/>
      <c r="GHG27" s="8"/>
      <c r="GHH27" s="8"/>
      <c r="GHI27" s="8"/>
      <c r="GHJ27" s="8"/>
      <c r="GHK27" s="8"/>
      <c r="GHL27" s="8"/>
      <c r="GHM27" s="8"/>
      <c r="GHN27" s="8"/>
      <c r="GHO27" s="8"/>
      <c r="GHP27" s="8"/>
      <c r="GHQ27" s="8"/>
      <c r="GHR27" s="8"/>
      <c r="GHS27" s="8"/>
      <c r="GHT27" s="8"/>
      <c r="GHU27" s="8"/>
      <c r="GHV27" s="8"/>
      <c r="GHW27" s="8"/>
      <c r="GHX27" s="8"/>
      <c r="GHY27" s="8"/>
      <c r="GHZ27" s="8"/>
      <c r="GIA27" s="8"/>
      <c r="GIB27" s="8"/>
      <c r="GIC27" s="8"/>
      <c r="GID27" s="8"/>
      <c r="GIE27" s="8"/>
      <c r="GIF27" s="8"/>
      <c r="GIG27" s="8"/>
      <c r="GIH27" s="8"/>
      <c r="GII27" s="8"/>
      <c r="GIJ27" s="8"/>
      <c r="GIK27" s="8"/>
      <c r="GIL27" s="8"/>
      <c r="GIM27" s="8"/>
      <c r="GIN27" s="8"/>
      <c r="GIO27" s="8"/>
      <c r="GIP27" s="8"/>
      <c r="GIQ27" s="8"/>
      <c r="GIR27" s="8"/>
      <c r="GIS27" s="8"/>
      <c r="GIT27" s="8"/>
      <c r="GIU27" s="8"/>
      <c r="GIV27" s="8"/>
      <c r="GIW27" s="8"/>
      <c r="GIX27" s="8"/>
      <c r="GIY27" s="8"/>
      <c r="GIZ27" s="8"/>
      <c r="GJA27" s="8"/>
      <c r="GJB27" s="8"/>
      <c r="GJC27" s="8"/>
      <c r="GJD27" s="8"/>
      <c r="GJE27" s="8"/>
      <c r="GJF27" s="8"/>
      <c r="GJG27" s="8"/>
      <c r="GJH27" s="8"/>
      <c r="GJI27" s="8"/>
      <c r="GJJ27" s="8"/>
      <c r="GJK27" s="8"/>
      <c r="GJL27" s="8"/>
      <c r="GJM27" s="8"/>
      <c r="GJN27" s="8"/>
      <c r="GJO27" s="8"/>
      <c r="GJP27" s="8"/>
      <c r="GJQ27" s="8"/>
      <c r="GJR27" s="8"/>
      <c r="GJS27" s="8"/>
      <c r="GJT27" s="8"/>
      <c r="GJU27" s="8"/>
      <c r="GJV27" s="8"/>
      <c r="GJW27" s="8"/>
      <c r="GJX27" s="8"/>
      <c r="GJY27" s="8"/>
      <c r="GJZ27" s="8"/>
      <c r="GKA27" s="8"/>
      <c r="GKB27" s="8"/>
      <c r="GKC27" s="8"/>
      <c r="GKD27" s="8"/>
      <c r="GKE27" s="8"/>
      <c r="GKF27" s="8"/>
      <c r="GKG27" s="8"/>
      <c r="GKH27" s="8"/>
      <c r="GKI27" s="8"/>
      <c r="GKJ27" s="8"/>
      <c r="GKK27" s="8"/>
      <c r="GKL27" s="8"/>
      <c r="GKM27" s="8"/>
      <c r="GKN27" s="8"/>
      <c r="GKO27" s="8"/>
      <c r="GKP27" s="8"/>
      <c r="GKQ27" s="8"/>
      <c r="GKR27" s="8"/>
      <c r="GKS27" s="8"/>
      <c r="GKT27" s="8"/>
      <c r="GKU27" s="8"/>
      <c r="GKV27" s="8"/>
      <c r="GKW27" s="8"/>
      <c r="GKX27" s="8"/>
      <c r="GKY27" s="8"/>
      <c r="GKZ27" s="8"/>
      <c r="GLA27" s="8"/>
      <c r="GLB27" s="8"/>
      <c r="GLC27" s="8"/>
      <c r="GLD27" s="8"/>
      <c r="GLE27" s="8"/>
      <c r="GLF27" s="8"/>
      <c r="GLG27" s="8"/>
      <c r="GLH27" s="8"/>
      <c r="GLI27" s="8"/>
      <c r="GLJ27" s="8"/>
      <c r="GLK27" s="8"/>
      <c r="GLL27" s="8"/>
      <c r="GLM27" s="8"/>
      <c r="GLN27" s="8"/>
      <c r="GLO27" s="8"/>
      <c r="GLP27" s="8"/>
      <c r="GLQ27" s="8"/>
      <c r="GLR27" s="8"/>
      <c r="GLS27" s="8"/>
      <c r="GLT27" s="8"/>
      <c r="GLU27" s="8"/>
      <c r="GLV27" s="8"/>
      <c r="GLW27" s="8"/>
      <c r="GLX27" s="8"/>
      <c r="GLY27" s="8"/>
      <c r="GLZ27" s="8"/>
      <c r="GMA27" s="8"/>
      <c r="GMB27" s="8"/>
      <c r="GMC27" s="8"/>
      <c r="GMD27" s="8"/>
      <c r="GME27" s="8"/>
      <c r="GMF27" s="8"/>
      <c r="GMG27" s="8"/>
      <c r="GMH27" s="8"/>
      <c r="GMI27" s="8"/>
      <c r="GMJ27" s="8"/>
      <c r="GMK27" s="8"/>
      <c r="GML27" s="8"/>
      <c r="GMM27" s="8"/>
      <c r="GMN27" s="8"/>
      <c r="GMO27" s="8"/>
      <c r="GMP27" s="8"/>
      <c r="GMQ27" s="8"/>
      <c r="GMR27" s="8"/>
      <c r="GMS27" s="8"/>
      <c r="GMT27" s="8"/>
      <c r="GMU27" s="8"/>
      <c r="GMV27" s="8"/>
      <c r="GMW27" s="8"/>
      <c r="GMX27" s="8"/>
      <c r="GMY27" s="8"/>
      <c r="GMZ27" s="8"/>
      <c r="GNA27" s="8"/>
      <c r="GNB27" s="8"/>
      <c r="GNC27" s="8"/>
      <c r="GND27" s="8"/>
      <c r="GNE27" s="8"/>
      <c r="GNF27" s="8"/>
      <c r="GNG27" s="8"/>
      <c r="GNH27" s="8"/>
      <c r="GNI27" s="8"/>
      <c r="GNJ27" s="8"/>
      <c r="GNK27" s="8"/>
      <c r="GNL27" s="8"/>
      <c r="GNM27" s="8"/>
      <c r="GNN27" s="8"/>
      <c r="GNO27" s="8"/>
      <c r="GNP27" s="8"/>
      <c r="GNQ27" s="8"/>
      <c r="GNR27" s="8"/>
      <c r="GNS27" s="8"/>
      <c r="GNT27" s="8"/>
      <c r="GNU27" s="8"/>
      <c r="GNV27" s="8"/>
      <c r="GNW27" s="8"/>
      <c r="GNX27" s="8"/>
      <c r="GNY27" s="8"/>
      <c r="GNZ27" s="8"/>
      <c r="GOA27" s="8"/>
      <c r="GOB27" s="8"/>
      <c r="GOC27" s="8"/>
      <c r="GOD27" s="8"/>
      <c r="GOE27" s="8"/>
      <c r="GOF27" s="8"/>
      <c r="GOG27" s="8"/>
      <c r="GOH27" s="8"/>
      <c r="GOI27" s="8"/>
      <c r="GOJ27" s="8"/>
      <c r="GOK27" s="8"/>
      <c r="GOL27" s="8"/>
      <c r="GOM27" s="8"/>
      <c r="GON27" s="8"/>
      <c r="GOO27" s="8"/>
      <c r="GOP27" s="8"/>
      <c r="GOQ27" s="8"/>
      <c r="GOR27" s="8"/>
      <c r="GOS27" s="8"/>
      <c r="GOT27" s="8"/>
      <c r="GOU27" s="8"/>
      <c r="GOV27" s="8"/>
      <c r="GOW27" s="8"/>
      <c r="GOX27" s="8"/>
      <c r="GOY27" s="8"/>
      <c r="GOZ27" s="8"/>
      <c r="GPA27" s="8"/>
      <c r="GPB27" s="8"/>
      <c r="GPC27" s="8"/>
      <c r="GPD27" s="8"/>
      <c r="GPE27" s="8"/>
      <c r="GPF27" s="8"/>
      <c r="GPG27" s="8"/>
      <c r="GPH27" s="8"/>
      <c r="GPI27" s="8"/>
      <c r="GPJ27" s="8"/>
      <c r="GPK27" s="8"/>
      <c r="GPL27" s="8"/>
      <c r="GPM27" s="8"/>
      <c r="GPN27" s="8"/>
      <c r="GPO27" s="8"/>
      <c r="GPP27" s="8"/>
      <c r="GPQ27" s="8"/>
      <c r="GPR27" s="8"/>
      <c r="GPS27" s="8"/>
      <c r="GPT27" s="8"/>
      <c r="GPU27" s="8"/>
      <c r="GPV27" s="8"/>
      <c r="GPW27" s="8"/>
      <c r="GPX27" s="8"/>
      <c r="GPY27" s="8"/>
      <c r="GPZ27" s="8"/>
      <c r="GQA27" s="8"/>
      <c r="GQB27" s="8"/>
      <c r="GQC27" s="8"/>
      <c r="GQD27" s="8"/>
      <c r="GQE27" s="8"/>
      <c r="GQF27" s="8"/>
      <c r="GQG27" s="8"/>
      <c r="GQH27" s="8"/>
      <c r="GQI27" s="8"/>
      <c r="GQJ27" s="8"/>
      <c r="GQK27" s="8"/>
      <c r="GQL27" s="8"/>
      <c r="GQM27" s="8"/>
      <c r="GQN27" s="8"/>
      <c r="GQO27" s="8"/>
      <c r="GQP27" s="8"/>
      <c r="GQQ27" s="8"/>
      <c r="GQR27" s="8"/>
      <c r="GQS27" s="8"/>
      <c r="GQT27" s="8"/>
      <c r="GQU27" s="8"/>
      <c r="GQV27" s="8"/>
      <c r="GQW27" s="8"/>
      <c r="GQX27" s="8"/>
      <c r="GQY27" s="8"/>
      <c r="GQZ27" s="8"/>
      <c r="GRA27" s="8"/>
      <c r="GRB27" s="8"/>
      <c r="GRC27" s="8"/>
      <c r="GRD27" s="8"/>
      <c r="GRE27" s="8"/>
      <c r="GRF27" s="8"/>
      <c r="GRG27" s="8"/>
      <c r="GRH27" s="8"/>
      <c r="GRI27" s="8"/>
      <c r="GRJ27" s="8"/>
      <c r="GRK27" s="8"/>
      <c r="GRL27" s="8"/>
      <c r="GRM27" s="8"/>
      <c r="GRN27" s="8"/>
      <c r="GRO27" s="8"/>
      <c r="GRP27" s="8"/>
      <c r="GRQ27" s="8"/>
      <c r="GRR27" s="8"/>
      <c r="GRS27" s="8"/>
      <c r="GRT27" s="8"/>
      <c r="GRU27" s="8"/>
      <c r="GRV27" s="8"/>
      <c r="GRW27" s="8"/>
      <c r="GRX27" s="8"/>
      <c r="GRY27" s="8"/>
      <c r="GRZ27" s="8"/>
      <c r="GSA27" s="8"/>
      <c r="GSB27" s="8"/>
      <c r="GSC27" s="8"/>
      <c r="GSD27" s="8"/>
      <c r="GSE27" s="8"/>
      <c r="GSF27" s="8"/>
      <c r="GSG27" s="8"/>
      <c r="GSH27" s="8"/>
      <c r="GSI27" s="8"/>
      <c r="GSJ27" s="8"/>
      <c r="GSK27" s="8"/>
      <c r="GSL27" s="8"/>
      <c r="GSM27" s="8"/>
      <c r="GSN27" s="8"/>
      <c r="GSO27" s="8"/>
      <c r="GSP27" s="8"/>
      <c r="GSQ27" s="8"/>
      <c r="GSR27" s="8"/>
      <c r="GSS27" s="8"/>
      <c r="GST27" s="8"/>
      <c r="GSU27" s="8"/>
      <c r="GSV27" s="8"/>
      <c r="GSW27" s="8"/>
      <c r="GSX27" s="8"/>
      <c r="GSY27" s="8"/>
      <c r="GSZ27" s="8"/>
      <c r="GTA27" s="8"/>
      <c r="GTB27" s="8"/>
      <c r="GTC27" s="8"/>
      <c r="GTD27" s="8"/>
      <c r="GTE27" s="8"/>
      <c r="GTF27" s="8"/>
      <c r="GTG27" s="8"/>
      <c r="GTH27" s="8"/>
      <c r="GTI27" s="8"/>
      <c r="GTJ27" s="8"/>
      <c r="GTK27" s="8"/>
      <c r="GTL27" s="8"/>
      <c r="GTM27" s="8"/>
      <c r="GTN27" s="8"/>
      <c r="GTO27" s="8"/>
      <c r="GTP27" s="8"/>
      <c r="GTQ27" s="8"/>
      <c r="GTR27" s="8"/>
      <c r="GTS27" s="8"/>
      <c r="GTT27" s="8"/>
      <c r="GTU27" s="8"/>
      <c r="GTV27" s="8"/>
      <c r="GTW27" s="8"/>
      <c r="GTX27" s="8"/>
      <c r="GTY27" s="8"/>
      <c r="GTZ27" s="8"/>
      <c r="GUA27" s="8"/>
      <c r="GUB27" s="8"/>
      <c r="GUC27" s="8"/>
      <c r="GUD27" s="8"/>
      <c r="GUE27" s="8"/>
      <c r="GUF27" s="8"/>
      <c r="GUG27" s="8"/>
      <c r="GUH27" s="8"/>
      <c r="GUI27" s="8"/>
      <c r="GUJ27" s="8"/>
      <c r="GUK27" s="8"/>
      <c r="GUL27" s="8"/>
      <c r="GUM27" s="8"/>
      <c r="GUN27" s="8"/>
      <c r="GUO27" s="8"/>
      <c r="GUP27" s="8"/>
      <c r="GUQ27" s="8"/>
      <c r="GUR27" s="8"/>
      <c r="GUS27" s="8"/>
      <c r="GUT27" s="8"/>
      <c r="GUU27" s="8"/>
      <c r="GUV27" s="8"/>
      <c r="GUW27" s="8"/>
      <c r="GUX27" s="8"/>
      <c r="GUY27" s="8"/>
      <c r="GUZ27" s="8"/>
      <c r="GVA27" s="8"/>
      <c r="GVB27" s="8"/>
      <c r="GVC27" s="8"/>
      <c r="GVD27" s="8"/>
      <c r="GVE27" s="8"/>
      <c r="GVF27" s="8"/>
      <c r="GVG27" s="8"/>
      <c r="GVH27" s="8"/>
      <c r="GVI27" s="8"/>
      <c r="GVJ27" s="8"/>
      <c r="GVK27" s="8"/>
      <c r="GVL27" s="8"/>
      <c r="GVM27" s="8"/>
      <c r="GVN27" s="8"/>
      <c r="GVO27" s="8"/>
      <c r="GVP27" s="8"/>
      <c r="GVQ27" s="8"/>
      <c r="GVR27" s="8"/>
      <c r="GVS27" s="8"/>
      <c r="GVT27" s="8"/>
      <c r="GVU27" s="8"/>
      <c r="GVV27" s="8"/>
      <c r="GVW27" s="8"/>
      <c r="GVX27" s="8"/>
      <c r="GVY27" s="8"/>
      <c r="GVZ27" s="8"/>
      <c r="GWA27" s="8"/>
      <c r="GWB27" s="8"/>
      <c r="GWC27" s="8"/>
      <c r="GWD27" s="8"/>
      <c r="GWE27" s="8"/>
      <c r="GWF27" s="8"/>
      <c r="GWG27" s="8"/>
      <c r="GWH27" s="8"/>
      <c r="GWI27" s="8"/>
      <c r="GWJ27" s="8"/>
      <c r="GWK27" s="8"/>
      <c r="GWL27" s="8"/>
      <c r="GWM27" s="8"/>
      <c r="GWN27" s="8"/>
      <c r="GWO27" s="8"/>
      <c r="GWP27" s="8"/>
      <c r="GWQ27" s="8"/>
      <c r="GWR27" s="8"/>
      <c r="GWS27" s="8"/>
      <c r="GWT27" s="8"/>
      <c r="GWU27" s="8"/>
      <c r="GWV27" s="8"/>
      <c r="GWW27" s="8"/>
      <c r="GWX27" s="8"/>
      <c r="GWY27" s="8"/>
      <c r="GWZ27" s="8"/>
      <c r="GXA27" s="8"/>
      <c r="GXB27" s="8"/>
      <c r="GXC27" s="8"/>
      <c r="GXD27" s="8"/>
      <c r="GXE27" s="8"/>
      <c r="GXF27" s="8"/>
      <c r="GXG27" s="8"/>
      <c r="GXH27" s="8"/>
      <c r="GXI27" s="8"/>
      <c r="GXJ27" s="8"/>
      <c r="GXK27" s="8"/>
      <c r="GXL27" s="8"/>
      <c r="GXM27" s="8"/>
      <c r="GXN27" s="8"/>
      <c r="GXO27" s="8"/>
      <c r="GXP27" s="8"/>
      <c r="GXQ27" s="8"/>
      <c r="GXR27" s="8"/>
      <c r="GXS27" s="8"/>
      <c r="GXT27" s="8"/>
      <c r="GXU27" s="8"/>
      <c r="GXV27" s="8"/>
      <c r="GXW27" s="8"/>
      <c r="GXX27" s="8"/>
      <c r="GXY27" s="8"/>
      <c r="GXZ27" s="8"/>
      <c r="GYA27" s="8"/>
      <c r="GYB27" s="8"/>
      <c r="GYC27" s="8"/>
      <c r="GYD27" s="8"/>
      <c r="GYE27" s="8"/>
      <c r="GYF27" s="8"/>
      <c r="GYG27" s="8"/>
      <c r="GYH27" s="8"/>
      <c r="GYI27" s="8"/>
      <c r="GYJ27" s="8"/>
      <c r="GYK27" s="8"/>
      <c r="GYL27" s="8"/>
      <c r="GYM27" s="8"/>
      <c r="GYN27" s="8"/>
      <c r="GYO27" s="8"/>
      <c r="GYP27" s="8"/>
      <c r="GYQ27" s="8"/>
      <c r="GYR27" s="8"/>
      <c r="GYS27" s="8"/>
      <c r="GYT27" s="8"/>
      <c r="GYU27" s="8"/>
      <c r="GYV27" s="8"/>
      <c r="GYW27" s="8"/>
      <c r="GYX27" s="8"/>
      <c r="GYY27" s="8"/>
      <c r="GYZ27" s="8"/>
      <c r="GZA27" s="8"/>
      <c r="GZB27" s="8"/>
      <c r="GZC27" s="8"/>
      <c r="GZD27" s="8"/>
      <c r="GZE27" s="8"/>
      <c r="GZF27" s="8"/>
      <c r="GZG27" s="8"/>
      <c r="GZH27" s="8"/>
      <c r="GZI27" s="8"/>
      <c r="GZJ27" s="8"/>
      <c r="GZK27" s="8"/>
      <c r="GZL27" s="8"/>
      <c r="GZM27" s="8"/>
      <c r="GZN27" s="8"/>
      <c r="GZO27" s="8"/>
      <c r="GZP27" s="8"/>
      <c r="GZQ27" s="8"/>
      <c r="GZR27" s="8"/>
      <c r="GZS27" s="8"/>
      <c r="GZT27" s="8"/>
      <c r="GZU27" s="8"/>
      <c r="GZV27" s="8"/>
      <c r="GZW27" s="8"/>
      <c r="GZX27" s="8"/>
      <c r="GZY27" s="8"/>
      <c r="GZZ27" s="8"/>
      <c r="HAA27" s="8"/>
      <c r="HAB27" s="8"/>
      <c r="HAC27" s="8"/>
      <c r="HAD27" s="8"/>
      <c r="HAE27" s="8"/>
      <c r="HAF27" s="8"/>
      <c r="HAG27" s="8"/>
      <c r="HAH27" s="8"/>
      <c r="HAI27" s="8"/>
      <c r="HAJ27" s="8"/>
      <c r="HAK27" s="8"/>
      <c r="HAL27" s="8"/>
      <c r="HAM27" s="8"/>
      <c r="HAN27" s="8"/>
      <c r="HAO27" s="8"/>
      <c r="HAP27" s="8"/>
      <c r="HAQ27" s="8"/>
      <c r="HAR27" s="8"/>
      <c r="HAS27" s="8"/>
      <c r="HAT27" s="8"/>
      <c r="HAU27" s="8"/>
      <c r="HAV27" s="8"/>
      <c r="HAW27" s="8"/>
      <c r="HAX27" s="8"/>
      <c r="HAY27" s="8"/>
      <c r="HAZ27" s="8"/>
      <c r="HBA27" s="8"/>
      <c r="HBB27" s="8"/>
      <c r="HBC27" s="8"/>
      <c r="HBD27" s="8"/>
      <c r="HBE27" s="8"/>
      <c r="HBF27" s="8"/>
      <c r="HBG27" s="8"/>
      <c r="HBH27" s="8"/>
      <c r="HBI27" s="8"/>
      <c r="HBJ27" s="8"/>
      <c r="HBK27" s="8"/>
      <c r="HBL27" s="8"/>
      <c r="HBM27" s="8"/>
      <c r="HBN27" s="8"/>
      <c r="HBO27" s="8"/>
      <c r="HBP27" s="8"/>
      <c r="HBQ27" s="8"/>
      <c r="HBR27" s="8"/>
      <c r="HBS27" s="8"/>
      <c r="HBT27" s="8"/>
      <c r="HBU27" s="8"/>
      <c r="HBV27" s="8"/>
      <c r="HBW27" s="8"/>
      <c r="HBX27" s="8"/>
      <c r="HBY27" s="8"/>
      <c r="HBZ27" s="8"/>
      <c r="HCA27" s="8"/>
      <c r="HCB27" s="8"/>
      <c r="HCC27" s="8"/>
      <c r="HCD27" s="8"/>
      <c r="HCE27" s="8"/>
      <c r="HCF27" s="8"/>
      <c r="HCG27" s="8"/>
      <c r="HCH27" s="8"/>
      <c r="HCI27" s="8"/>
      <c r="HCJ27" s="8"/>
      <c r="HCK27" s="8"/>
      <c r="HCL27" s="8"/>
      <c r="HCM27" s="8"/>
      <c r="HCN27" s="8"/>
      <c r="HCO27" s="8"/>
      <c r="HCP27" s="8"/>
      <c r="HCQ27" s="8"/>
      <c r="HCR27" s="8"/>
      <c r="HCS27" s="8"/>
      <c r="HCT27" s="8"/>
      <c r="HCU27" s="8"/>
      <c r="HCV27" s="8"/>
      <c r="HCW27" s="8"/>
      <c r="HCX27" s="8"/>
      <c r="HCY27" s="8"/>
      <c r="HCZ27" s="8"/>
      <c r="HDA27" s="8"/>
      <c r="HDB27" s="8"/>
      <c r="HDC27" s="8"/>
      <c r="HDD27" s="8"/>
      <c r="HDE27" s="8"/>
      <c r="HDF27" s="8"/>
      <c r="HDG27" s="8"/>
      <c r="HDH27" s="8"/>
      <c r="HDI27" s="8"/>
      <c r="HDJ27" s="8"/>
      <c r="HDK27" s="8"/>
      <c r="HDL27" s="8"/>
      <c r="HDM27" s="8"/>
      <c r="HDN27" s="8"/>
      <c r="HDO27" s="8"/>
      <c r="HDP27" s="8"/>
      <c r="HDQ27" s="8"/>
      <c r="HDR27" s="8"/>
      <c r="HDS27" s="8"/>
      <c r="HDT27" s="8"/>
      <c r="HDU27" s="8"/>
      <c r="HDV27" s="8"/>
      <c r="HDW27" s="8"/>
      <c r="HDX27" s="8"/>
      <c r="HDY27" s="8"/>
      <c r="HDZ27" s="8"/>
      <c r="HEA27" s="8"/>
      <c r="HEB27" s="8"/>
      <c r="HEC27" s="8"/>
      <c r="HED27" s="8"/>
      <c r="HEE27" s="8"/>
      <c r="HEF27" s="8"/>
      <c r="HEG27" s="8"/>
      <c r="HEH27" s="8"/>
      <c r="HEI27" s="8"/>
      <c r="HEJ27" s="8"/>
      <c r="HEK27" s="8"/>
      <c r="HEL27" s="8"/>
      <c r="HEM27" s="8"/>
      <c r="HEN27" s="8"/>
      <c r="HEO27" s="8"/>
      <c r="HEP27" s="8"/>
      <c r="HEQ27" s="8"/>
      <c r="HER27" s="8"/>
      <c r="HES27" s="8"/>
      <c r="HET27" s="8"/>
      <c r="HEU27" s="8"/>
      <c r="HEV27" s="8"/>
      <c r="HEW27" s="8"/>
      <c r="HEX27" s="8"/>
      <c r="HEY27" s="8"/>
      <c r="HEZ27" s="8"/>
      <c r="HFA27" s="8"/>
      <c r="HFB27" s="8"/>
      <c r="HFC27" s="8"/>
      <c r="HFD27" s="8"/>
      <c r="HFE27" s="8"/>
      <c r="HFF27" s="8"/>
      <c r="HFG27" s="8"/>
      <c r="HFH27" s="8"/>
      <c r="HFI27" s="8"/>
      <c r="HFJ27" s="8"/>
      <c r="HFK27" s="8"/>
      <c r="HFL27" s="8"/>
      <c r="HFM27" s="8"/>
      <c r="HFN27" s="8"/>
      <c r="HFO27" s="8"/>
      <c r="HFP27" s="8"/>
      <c r="HFQ27" s="8"/>
      <c r="HFR27" s="8"/>
      <c r="HFS27" s="8"/>
      <c r="HFT27" s="8"/>
      <c r="HFU27" s="8"/>
      <c r="HFV27" s="8"/>
      <c r="HFW27" s="8"/>
      <c r="HFX27" s="8"/>
      <c r="HFY27" s="8"/>
      <c r="HFZ27" s="8"/>
      <c r="HGA27" s="8"/>
      <c r="HGB27" s="8"/>
      <c r="HGC27" s="8"/>
      <c r="HGD27" s="8"/>
      <c r="HGE27" s="8"/>
      <c r="HGF27" s="8"/>
      <c r="HGG27" s="8"/>
      <c r="HGH27" s="8"/>
      <c r="HGI27" s="8"/>
      <c r="HGJ27" s="8"/>
      <c r="HGK27" s="8"/>
      <c r="HGL27" s="8"/>
      <c r="HGM27" s="8"/>
      <c r="HGN27" s="8"/>
      <c r="HGO27" s="8"/>
      <c r="HGP27" s="8"/>
      <c r="HGQ27" s="8"/>
      <c r="HGR27" s="8"/>
      <c r="HGS27" s="8"/>
      <c r="HGT27" s="8"/>
      <c r="HGU27" s="8"/>
      <c r="HGV27" s="8"/>
      <c r="HGW27" s="8"/>
      <c r="HGX27" s="8"/>
      <c r="HGY27" s="8"/>
      <c r="HGZ27" s="8"/>
      <c r="HHA27" s="8"/>
      <c r="HHB27" s="8"/>
      <c r="HHC27" s="8"/>
      <c r="HHD27" s="8"/>
      <c r="HHE27" s="8"/>
      <c r="HHF27" s="8"/>
      <c r="HHG27" s="8"/>
      <c r="HHH27" s="8"/>
      <c r="HHI27" s="8"/>
      <c r="HHJ27" s="8"/>
      <c r="HHK27" s="8"/>
      <c r="HHL27" s="8"/>
      <c r="HHM27" s="8"/>
      <c r="HHN27" s="8"/>
      <c r="HHO27" s="8"/>
      <c r="HHP27" s="8"/>
      <c r="HHQ27" s="8"/>
      <c r="HHR27" s="8"/>
      <c r="HHS27" s="8"/>
      <c r="HHT27" s="8"/>
      <c r="HHU27" s="8"/>
      <c r="HHV27" s="8"/>
      <c r="HHW27" s="8"/>
      <c r="HHX27" s="8"/>
      <c r="HHY27" s="8"/>
      <c r="HHZ27" s="8"/>
      <c r="HIA27" s="8"/>
      <c r="HIB27" s="8"/>
      <c r="HIC27" s="8"/>
      <c r="HID27" s="8"/>
      <c r="HIE27" s="8"/>
      <c r="HIF27" s="8"/>
      <c r="HIG27" s="8"/>
      <c r="HIH27" s="8"/>
      <c r="HII27" s="8"/>
      <c r="HIJ27" s="8"/>
      <c r="HIK27" s="8"/>
      <c r="HIL27" s="8"/>
      <c r="HIM27" s="8"/>
      <c r="HIN27" s="8"/>
      <c r="HIO27" s="8"/>
      <c r="HIP27" s="8"/>
      <c r="HIQ27" s="8"/>
      <c r="HIR27" s="8"/>
      <c r="HIS27" s="8"/>
      <c r="HIT27" s="8"/>
      <c r="HIU27" s="8"/>
      <c r="HIV27" s="8"/>
      <c r="HIW27" s="8"/>
      <c r="HIX27" s="8"/>
      <c r="HIY27" s="8"/>
      <c r="HIZ27" s="8"/>
      <c r="HJA27" s="8"/>
      <c r="HJB27" s="8"/>
      <c r="HJC27" s="8"/>
      <c r="HJD27" s="8"/>
      <c r="HJE27" s="8"/>
      <c r="HJF27" s="8"/>
      <c r="HJG27" s="8"/>
      <c r="HJH27" s="8"/>
      <c r="HJI27" s="8"/>
      <c r="HJJ27" s="8"/>
      <c r="HJK27" s="8"/>
      <c r="HJL27" s="8"/>
      <c r="HJM27" s="8"/>
      <c r="HJN27" s="8"/>
      <c r="HJO27" s="8"/>
      <c r="HJP27" s="8"/>
      <c r="HJQ27" s="8"/>
      <c r="HJR27" s="8"/>
      <c r="HJS27" s="8"/>
      <c r="HJT27" s="8"/>
      <c r="HJU27" s="8"/>
      <c r="HJV27" s="8"/>
      <c r="HJW27" s="8"/>
      <c r="HJX27" s="8"/>
      <c r="HJY27" s="8"/>
      <c r="HJZ27" s="8"/>
      <c r="HKA27" s="8"/>
      <c r="HKB27" s="8"/>
      <c r="HKC27" s="8"/>
      <c r="HKD27" s="8"/>
      <c r="HKE27" s="8"/>
      <c r="HKF27" s="8"/>
      <c r="HKG27" s="8"/>
      <c r="HKH27" s="8"/>
      <c r="HKI27" s="8"/>
      <c r="HKJ27" s="8"/>
      <c r="HKK27" s="8"/>
      <c r="HKL27" s="8"/>
      <c r="HKM27" s="8"/>
      <c r="HKN27" s="8"/>
      <c r="HKO27" s="8"/>
      <c r="HKP27" s="8"/>
      <c r="HKQ27" s="8"/>
      <c r="HKR27" s="8"/>
      <c r="HKS27" s="8"/>
      <c r="HKT27" s="8"/>
      <c r="HKU27" s="8"/>
      <c r="HKV27" s="8"/>
      <c r="HKW27" s="8"/>
      <c r="HKX27" s="8"/>
      <c r="HKY27" s="8"/>
      <c r="HKZ27" s="8"/>
      <c r="HLA27" s="8"/>
      <c r="HLB27" s="8"/>
      <c r="HLC27" s="8"/>
      <c r="HLD27" s="8"/>
      <c r="HLE27" s="8"/>
      <c r="HLF27" s="8"/>
      <c r="HLG27" s="8"/>
      <c r="HLH27" s="8"/>
      <c r="HLI27" s="8"/>
      <c r="HLJ27" s="8"/>
      <c r="HLK27" s="8"/>
      <c r="HLL27" s="8"/>
      <c r="HLM27" s="8"/>
      <c r="HLN27" s="8"/>
      <c r="HLO27" s="8"/>
      <c r="HLP27" s="8"/>
      <c r="HLQ27" s="8"/>
      <c r="HLR27" s="8"/>
      <c r="HLS27" s="8"/>
      <c r="HLT27" s="8"/>
      <c r="HLU27" s="8"/>
      <c r="HLV27" s="8"/>
      <c r="HLW27" s="8"/>
      <c r="HLX27" s="8"/>
      <c r="HLY27" s="8"/>
      <c r="HLZ27" s="8"/>
      <c r="HMA27" s="8"/>
      <c r="HMB27" s="8"/>
      <c r="HMC27" s="8"/>
      <c r="HMD27" s="8"/>
      <c r="HME27" s="8"/>
      <c r="HMF27" s="8"/>
      <c r="HMG27" s="8"/>
      <c r="HMH27" s="8"/>
      <c r="HMI27" s="8"/>
      <c r="HMJ27" s="8"/>
      <c r="HMK27" s="8"/>
      <c r="HML27" s="8"/>
      <c r="HMM27" s="8"/>
      <c r="HMN27" s="8"/>
      <c r="HMO27" s="8"/>
      <c r="HMP27" s="8"/>
      <c r="HMQ27" s="8"/>
      <c r="HMR27" s="8"/>
      <c r="HMS27" s="8"/>
      <c r="HMT27" s="8"/>
      <c r="HMU27" s="8"/>
      <c r="HMV27" s="8"/>
      <c r="HMW27" s="8"/>
      <c r="HMX27" s="8"/>
      <c r="HMY27" s="8"/>
      <c r="HMZ27" s="8"/>
      <c r="HNA27" s="8"/>
      <c r="HNB27" s="8"/>
      <c r="HNC27" s="8"/>
      <c r="HND27" s="8"/>
      <c r="HNE27" s="8"/>
      <c r="HNF27" s="8"/>
      <c r="HNG27" s="8"/>
      <c r="HNH27" s="8"/>
      <c r="HNI27" s="8"/>
      <c r="HNJ27" s="8"/>
      <c r="HNK27" s="8"/>
      <c r="HNL27" s="8"/>
      <c r="HNM27" s="8"/>
      <c r="HNN27" s="8"/>
      <c r="HNO27" s="8"/>
      <c r="HNP27" s="8"/>
      <c r="HNQ27" s="8"/>
      <c r="HNR27" s="8"/>
      <c r="HNS27" s="8"/>
      <c r="HNT27" s="8"/>
      <c r="HNU27" s="8"/>
      <c r="HNV27" s="8"/>
      <c r="HNW27" s="8"/>
      <c r="HNX27" s="8"/>
      <c r="HNY27" s="8"/>
      <c r="HNZ27" s="8"/>
      <c r="HOA27" s="8"/>
      <c r="HOB27" s="8"/>
      <c r="HOC27" s="8"/>
      <c r="HOD27" s="8"/>
      <c r="HOE27" s="8"/>
      <c r="HOF27" s="8"/>
      <c r="HOG27" s="8"/>
      <c r="HOH27" s="8"/>
      <c r="HOI27" s="8"/>
      <c r="HOJ27" s="8"/>
      <c r="HOK27" s="8"/>
      <c r="HOL27" s="8"/>
      <c r="HOM27" s="8"/>
      <c r="HON27" s="8"/>
      <c r="HOO27" s="8"/>
      <c r="HOP27" s="8"/>
      <c r="HOQ27" s="8"/>
      <c r="HOR27" s="8"/>
      <c r="HOS27" s="8"/>
      <c r="HOT27" s="8"/>
      <c r="HOU27" s="8"/>
      <c r="HOV27" s="8"/>
      <c r="HOW27" s="8"/>
      <c r="HOX27" s="8"/>
      <c r="HOY27" s="8"/>
      <c r="HOZ27" s="8"/>
      <c r="HPA27" s="8"/>
      <c r="HPB27" s="8"/>
      <c r="HPC27" s="8"/>
      <c r="HPD27" s="8"/>
      <c r="HPE27" s="8"/>
      <c r="HPF27" s="8"/>
      <c r="HPG27" s="8"/>
      <c r="HPH27" s="8"/>
      <c r="HPI27" s="8"/>
      <c r="HPJ27" s="8"/>
      <c r="HPK27" s="8"/>
      <c r="HPL27" s="8"/>
      <c r="HPM27" s="8"/>
      <c r="HPN27" s="8"/>
      <c r="HPO27" s="8"/>
      <c r="HPP27" s="8"/>
      <c r="HPQ27" s="8"/>
      <c r="HPR27" s="8"/>
      <c r="HPS27" s="8"/>
      <c r="HPT27" s="8"/>
      <c r="HPU27" s="8"/>
      <c r="HPV27" s="8"/>
      <c r="HPW27" s="8"/>
      <c r="HPX27" s="8"/>
      <c r="HPY27" s="8"/>
      <c r="HPZ27" s="8"/>
      <c r="HQA27" s="8"/>
      <c r="HQB27" s="8"/>
      <c r="HQC27" s="8"/>
      <c r="HQD27" s="8"/>
      <c r="HQE27" s="8"/>
      <c r="HQF27" s="8"/>
      <c r="HQG27" s="8"/>
      <c r="HQH27" s="8"/>
      <c r="HQI27" s="8"/>
      <c r="HQJ27" s="8"/>
      <c r="HQK27" s="8"/>
      <c r="HQL27" s="8"/>
      <c r="HQM27" s="8"/>
      <c r="HQN27" s="8"/>
      <c r="HQO27" s="8"/>
      <c r="HQP27" s="8"/>
      <c r="HQQ27" s="8"/>
      <c r="HQR27" s="8"/>
      <c r="HQS27" s="8"/>
      <c r="HQT27" s="8"/>
      <c r="HQU27" s="8"/>
      <c r="HQV27" s="8"/>
      <c r="HQW27" s="8"/>
      <c r="HQX27" s="8"/>
      <c r="HQY27" s="8"/>
      <c r="HQZ27" s="8"/>
      <c r="HRA27" s="8"/>
      <c r="HRB27" s="8"/>
      <c r="HRC27" s="8"/>
      <c r="HRD27" s="8"/>
      <c r="HRE27" s="8"/>
      <c r="HRF27" s="8"/>
      <c r="HRG27" s="8"/>
      <c r="HRH27" s="8"/>
      <c r="HRI27" s="8"/>
      <c r="HRJ27" s="8"/>
      <c r="HRK27" s="8"/>
      <c r="HRL27" s="8"/>
      <c r="HRM27" s="8"/>
      <c r="HRN27" s="8"/>
      <c r="HRO27" s="8"/>
      <c r="HRP27" s="8"/>
      <c r="HRQ27" s="8"/>
      <c r="HRR27" s="8"/>
      <c r="HRS27" s="8"/>
      <c r="HRT27" s="8"/>
      <c r="HRU27" s="8"/>
      <c r="HRV27" s="8"/>
      <c r="HRW27" s="8"/>
      <c r="HRX27" s="8"/>
      <c r="HRY27" s="8"/>
      <c r="HRZ27" s="8"/>
      <c r="HSA27" s="8"/>
      <c r="HSB27" s="8"/>
      <c r="HSC27" s="8"/>
      <c r="HSD27" s="8"/>
      <c r="HSE27" s="8"/>
      <c r="HSF27" s="8"/>
      <c r="HSG27" s="8"/>
      <c r="HSH27" s="8"/>
      <c r="HSI27" s="8"/>
      <c r="HSJ27" s="8"/>
      <c r="HSK27" s="8"/>
      <c r="HSL27" s="8"/>
      <c r="HSM27" s="8"/>
      <c r="HSN27" s="8"/>
      <c r="HSO27" s="8"/>
      <c r="HSP27" s="8"/>
      <c r="HSQ27" s="8"/>
      <c r="HSR27" s="8"/>
      <c r="HSS27" s="8"/>
      <c r="HST27" s="8"/>
      <c r="HSU27" s="8"/>
      <c r="HSV27" s="8"/>
      <c r="HSW27" s="8"/>
      <c r="HSX27" s="8"/>
      <c r="HSY27" s="8"/>
      <c r="HSZ27" s="8"/>
      <c r="HTA27" s="8"/>
      <c r="HTB27" s="8"/>
      <c r="HTC27" s="8"/>
      <c r="HTD27" s="8"/>
      <c r="HTE27" s="8"/>
      <c r="HTF27" s="8"/>
      <c r="HTG27" s="8"/>
      <c r="HTH27" s="8"/>
      <c r="HTI27" s="8"/>
      <c r="HTJ27" s="8"/>
      <c r="HTK27" s="8"/>
      <c r="HTL27" s="8"/>
      <c r="HTM27" s="8"/>
      <c r="HTN27" s="8"/>
      <c r="HTO27" s="8"/>
      <c r="HTP27" s="8"/>
      <c r="HTQ27" s="8"/>
      <c r="HTR27" s="8"/>
      <c r="HTS27" s="8"/>
      <c r="HTT27" s="8"/>
      <c r="HTU27" s="8"/>
      <c r="HTV27" s="8"/>
      <c r="HTW27" s="8"/>
      <c r="HTX27" s="8"/>
      <c r="HTY27" s="8"/>
      <c r="HTZ27" s="8"/>
      <c r="HUA27" s="8"/>
      <c r="HUB27" s="8"/>
      <c r="HUC27" s="8"/>
      <c r="HUD27" s="8"/>
      <c r="HUE27" s="8"/>
      <c r="HUF27" s="8"/>
      <c r="HUG27" s="8"/>
      <c r="HUH27" s="8"/>
      <c r="HUI27" s="8"/>
      <c r="HUJ27" s="8"/>
      <c r="HUK27" s="8"/>
      <c r="HUL27" s="8"/>
      <c r="HUM27" s="8"/>
      <c r="HUN27" s="8"/>
      <c r="HUO27" s="8"/>
      <c r="HUP27" s="8"/>
      <c r="HUQ27" s="8"/>
      <c r="HUR27" s="8"/>
      <c r="HUS27" s="8"/>
      <c r="HUT27" s="8"/>
      <c r="HUU27" s="8"/>
      <c r="HUV27" s="8"/>
      <c r="HUW27" s="8"/>
      <c r="HUX27" s="8"/>
      <c r="HUY27" s="8"/>
      <c r="HUZ27" s="8"/>
      <c r="HVA27" s="8"/>
      <c r="HVB27" s="8"/>
      <c r="HVC27" s="8"/>
      <c r="HVD27" s="8"/>
      <c r="HVE27" s="8"/>
      <c r="HVF27" s="8"/>
      <c r="HVG27" s="8"/>
      <c r="HVH27" s="8"/>
      <c r="HVI27" s="8"/>
      <c r="HVJ27" s="8"/>
      <c r="HVK27" s="8"/>
      <c r="HVL27" s="8"/>
      <c r="HVM27" s="8"/>
      <c r="HVN27" s="8"/>
      <c r="HVO27" s="8"/>
      <c r="HVP27" s="8"/>
      <c r="HVQ27" s="8"/>
      <c r="HVR27" s="8"/>
      <c r="HVS27" s="8"/>
      <c r="HVT27" s="8"/>
      <c r="HVU27" s="8"/>
      <c r="HVV27" s="8"/>
      <c r="HVW27" s="8"/>
      <c r="HVX27" s="8"/>
      <c r="HVY27" s="8"/>
      <c r="HVZ27" s="8"/>
      <c r="HWA27" s="8"/>
      <c r="HWB27" s="8"/>
      <c r="HWC27" s="8"/>
      <c r="HWD27" s="8"/>
      <c r="HWE27" s="8"/>
      <c r="HWF27" s="8"/>
      <c r="HWG27" s="8"/>
      <c r="HWH27" s="8"/>
      <c r="HWI27" s="8"/>
      <c r="HWJ27" s="8"/>
      <c r="HWK27" s="8"/>
      <c r="HWL27" s="8"/>
      <c r="HWM27" s="8"/>
      <c r="HWN27" s="8"/>
      <c r="HWO27" s="8"/>
      <c r="HWP27" s="8"/>
      <c r="HWQ27" s="8"/>
      <c r="HWR27" s="8"/>
      <c r="HWS27" s="8"/>
      <c r="HWT27" s="8"/>
      <c r="HWU27" s="8"/>
      <c r="HWV27" s="8"/>
      <c r="HWW27" s="8"/>
      <c r="HWX27" s="8"/>
      <c r="HWY27" s="8"/>
      <c r="HWZ27" s="8"/>
      <c r="HXA27" s="8"/>
      <c r="HXB27" s="8"/>
      <c r="HXC27" s="8"/>
      <c r="HXD27" s="8"/>
      <c r="HXE27" s="8"/>
      <c r="HXF27" s="8"/>
      <c r="HXG27" s="8"/>
      <c r="HXH27" s="8"/>
      <c r="HXI27" s="8"/>
      <c r="HXJ27" s="8"/>
      <c r="HXK27" s="8"/>
      <c r="HXL27" s="8"/>
      <c r="HXM27" s="8"/>
      <c r="HXN27" s="8"/>
      <c r="HXO27" s="8"/>
      <c r="HXP27" s="8"/>
      <c r="HXQ27" s="8"/>
      <c r="HXR27" s="8"/>
      <c r="HXS27" s="8"/>
      <c r="HXT27" s="8"/>
      <c r="HXU27" s="8"/>
      <c r="HXV27" s="8"/>
      <c r="HXW27" s="8"/>
      <c r="HXX27" s="8"/>
      <c r="HXY27" s="8"/>
      <c r="HXZ27" s="8"/>
      <c r="HYA27" s="8"/>
      <c r="HYB27" s="8"/>
      <c r="HYC27" s="8"/>
      <c r="HYD27" s="8"/>
      <c r="HYE27" s="8"/>
      <c r="HYF27" s="8"/>
      <c r="HYG27" s="8"/>
      <c r="HYH27" s="8"/>
      <c r="HYI27" s="8"/>
      <c r="HYJ27" s="8"/>
      <c r="HYK27" s="8"/>
      <c r="HYL27" s="8"/>
      <c r="HYM27" s="8"/>
      <c r="HYN27" s="8"/>
      <c r="HYO27" s="8"/>
      <c r="HYP27" s="8"/>
      <c r="HYQ27" s="8"/>
      <c r="HYR27" s="8"/>
      <c r="HYS27" s="8"/>
      <c r="HYT27" s="8"/>
      <c r="HYU27" s="8"/>
      <c r="HYV27" s="8"/>
      <c r="HYW27" s="8"/>
      <c r="HYX27" s="8"/>
      <c r="HYY27" s="8"/>
      <c r="HYZ27" s="8"/>
      <c r="HZA27" s="8"/>
      <c r="HZB27" s="8"/>
      <c r="HZC27" s="8"/>
      <c r="HZD27" s="8"/>
      <c r="HZE27" s="8"/>
      <c r="HZF27" s="8"/>
      <c r="HZG27" s="8"/>
      <c r="HZH27" s="8"/>
      <c r="HZI27" s="8"/>
      <c r="HZJ27" s="8"/>
      <c r="HZK27" s="8"/>
      <c r="HZL27" s="8"/>
      <c r="HZM27" s="8"/>
      <c r="HZN27" s="8"/>
      <c r="HZO27" s="8"/>
      <c r="HZP27" s="8"/>
      <c r="HZQ27" s="8"/>
      <c r="HZR27" s="8"/>
      <c r="HZS27" s="8"/>
      <c r="HZT27" s="8"/>
      <c r="HZU27" s="8"/>
      <c r="HZV27" s="8"/>
      <c r="HZW27" s="8"/>
      <c r="HZX27" s="8"/>
      <c r="HZY27" s="8"/>
      <c r="HZZ27" s="8"/>
      <c r="IAA27" s="8"/>
      <c r="IAB27" s="8"/>
      <c r="IAC27" s="8"/>
      <c r="IAD27" s="8"/>
      <c r="IAE27" s="8"/>
      <c r="IAF27" s="8"/>
      <c r="IAG27" s="8"/>
      <c r="IAH27" s="8"/>
      <c r="IAI27" s="8"/>
      <c r="IAJ27" s="8"/>
      <c r="IAK27" s="8"/>
      <c r="IAL27" s="8"/>
      <c r="IAM27" s="8"/>
      <c r="IAN27" s="8"/>
      <c r="IAO27" s="8"/>
      <c r="IAP27" s="8"/>
      <c r="IAQ27" s="8"/>
      <c r="IAR27" s="8"/>
      <c r="IAS27" s="8"/>
      <c r="IAT27" s="8"/>
      <c r="IAU27" s="8"/>
      <c r="IAV27" s="8"/>
      <c r="IAW27" s="8"/>
      <c r="IAX27" s="8"/>
      <c r="IAY27" s="8"/>
      <c r="IAZ27" s="8"/>
      <c r="IBA27" s="8"/>
      <c r="IBB27" s="8"/>
      <c r="IBC27" s="8"/>
      <c r="IBD27" s="8"/>
      <c r="IBE27" s="8"/>
      <c r="IBF27" s="8"/>
      <c r="IBG27" s="8"/>
      <c r="IBH27" s="8"/>
      <c r="IBI27" s="8"/>
      <c r="IBJ27" s="8"/>
      <c r="IBK27" s="8"/>
      <c r="IBL27" s="8"/>
      <c r="IBM27" s="8"/>
      <c r="IBN27" s="8"/>
      <c r="IBO27" s="8"/>
      <c r="IBP27" s="8"/>
      <c r="IBQ27" s="8"/>
      <c r="IBR27" s="8"/>
      <c r="IBS27" s="8"/>
      <c r="IBT27" s="8"/>
      <c r="IBU27" s="8"/>
      <c r="IBV27" s="8"/>
      <c r="IBW27" s="8"/>
      <c r="IBX27" s="8"/>
      <c r="IBY27" s="8"/>
      <c r="IBZ27" s="8"/>
      <c r="ICA27" s="8"/>
      <c r="ICB27" s="8"/>
      <c r="ICC27" s="8"/>
      <c r="ICD27" s="8"/>
      <c r="ICE27" s="8"/>
      <c r="ICF27" s="8"/>
      <c r="ICG27" s="8"/>
      <c r="ICH27" s="8"/>
      <c r="ICI27" s="8"/>
      <c r="ICJ27" s="8"/>
      <c r="ICK27" s="8"/>
      <c r="ICL27" s="8"/>
      <c r="ICM27" s="8"/>
      <c r="ICN27" s="8"/>
      <c r="ICO27" s="8"/>
      <c r="ICP27" s="8"/>
      <c r="ICQ27" s="8"/>
      <c r="ICR27" s="8"/>
      <c r="ICS27" s="8"/>
      <c r="ICT27" s="8"/>
      <c r="ICU27" s="8"/>
      <c r="ICV27" s="8"/>
      <c r="ICW27" s="8"/>
      <c r="ICX27" s="8"/>
      <c r="ICY27" s="8"/>
      <c r="ICZ27" s="8"/>
      <c r="IDA27" s="8"/>
      <c r="IDB27" s="8"/>
      <c r="IDC27" s="8"/>
      <c r="IDD27" s="8"/>
      <c r="IDE27" s="8"/>
      <c r="IDF27" s="8"/>
      <c r="IDG27" s="8"/>
      <c r="IDH27" s="8"/>
      <c r="IDI27" s="8"/>
      <c r="IDJ27" s="8"/>
      <c r="IDK27" s="8"/>
      <c r="IDL27" s="8"/>
      <c r="IDM27" s="8"/>
      <c r="IDN27" s="8"/>
      <c r="IDO27" s="8"/>
      <c r="IDP27" s="8"/>
      <c r="IDQ27" s="8"/>
      <c r="IDR27" s="8"/>
      <c r="IDS27" s="8"/>
      <c r="IDT27" s="8"/>
      <c r="IDU27" s="8"/>
      <c r="IDV27" s="8"/>
      <c r="IDW27" s="8"/>
      <c r="IDX27" s="8"/>
      <c r="IDY27" s="8"/>
      <c r="IDZ27" s="8"/>
      <c r="IEA27" s="8"/>
      <c r="IEB27" s="8"/>
      <c r="IEC27" s="8"/>
      <c r="IED27" s="8"/>
      <c r="IEE27" s="8"/>
      <c r="IEF27" s="8"/>
      <c r="IEG27" s="8"/>
      <c r="IEH27" s="8"/>
      <c r="IEI27" s="8"/>
      <c r="IEJ27" s="8"/>
      <c r="IEK27" s="8"/>
      <c r="IEL27" s="8"/>
      <c r="IEM27" s="8"/>
      <c r="IEN27" s="8"/>
      <c r="IEO27" s="8"/>
      <c r="IEP27" s="8"/>
      <c r="IEQ27" s="8"/>
      <c r="IER27" s="8"/>
      <c r="IES27" s="8"/>
      <c r="IET27" s="8"/>
      <c r="IEU27" s="8"/>
      <c r="IEV27" s="8"/>
      <c r="IEW27" s="8"/>
      <c r="IEX27" s="8"/>
      <c r="IEY27" s="8"/>
      <c r="IEZ27" s="8"/>
      <c r="IFA27" s="8"/>
      <c r="IFB27" s="8"/>
      <c r="IFC27" s="8"/>
      <c r="IFD27" s="8"/>
      <c r="IFE27" s="8"/>
      <c r="IFF27" s="8"/>
      <c r="IFG27" s="8"/>
      <c r="IFH27" s="8"/>
      <c r="IFI27" s="8"/>
      <c r="IFJ27" s="8"/>
      <c r="IFK27" s="8"/>
      <c r="IFL27" s="8"/>
      <c r="IFM27" s="8"/>
      <c r="IFN27" s="8"/>
      <c r="IFO27" s="8"/>
      <c r="IFP27" s="8"/>
      <c r="IFQ27" s="8"/>
      <c r="IFR27" s="8"/>
      <c r="IFS27" s="8"/>
      <c r="IFT27" s="8"/>
      <c r="IFU27" s="8"/>
      <c r="IFV27" s="8"/>
      <c r="IFW27" s="8"/>
      <c r="IFX27" s="8"/>
      <c r="IFY27" s="8"/>
      <c r="IFZ27" s="8"/>
      <c r="IGA27" s="8"/>
      <c r="IGB27" s="8"/>
      <c r="IGC27" s="8"/>
      <c r="IGD27" s="8"/>
      <c r="IGE27" s="8"/>
      <c r="IGF27" s="8"/>
      <c r="IGG27" s="8"/>
      <c r="IGH27" s="8"/>
      <c r="IGI27" s="8"/>
      <c r="IGJ27" s="8"/>
      <c r="IGK27" s="8"/>
      <c r="IGL27" s="8"/>
      <c r="IGM27" s="8"/>
      <c r="IGN27" s="8"/>
      <c r="IGO27" s="8"/>
      <c r="IGP27" s="8"/>
      <c r="IGQ27" s="8"/>
      <c r="IGR27" s="8"/>
      <c r="IGS27" s="8"/>
      <c r="IGT27" s="8"/>
      <c r="IGU27" s="8"/>
      <c r="IGV27" s="8"/>
      <c r="IGW27" s="8"/>
      <c r="IGX27" s="8"/>
      <c r="IGY27" s="8"/>
      <c r="IGZ27" s="8"/>
      <c r="IHA27" s="8"/>
      <c r="IHB27" s="8"/>
      <c r="IHC27" s="8"/>
      <c r="IHD27" s="8"/>
      <c r="IHE27" s="8"/>
      <c r="IHF27" s="8"/>
      <c r="IHG27" s="8"/>
      <c r="IHH27" s="8"/>
      <c r="IHI27" s="8"/>
      <c r="IHJ27" s="8"/>
      <c r="IHK27" s="8"/>
      <c r="IHL27" s="8"/>
      <c r="IHM27" s="8"/>
      <c r="IHN27" s="8"/>
      <c r="IHO27" s="8"/>
      <c r="IHP27" s="8"/>
      <c r="IHQ27" s="8"/>
      <c r="IHR27" s="8"/>
      <c r="IHS27" s="8"/>
      <c r="IHT27" s="8"/>
      <c r="IHU27" s="8"/>
      <c r="IHV27" s="8"/>
      <c r="IHW27" s="8"/>
      <c r="IHX27" s="8"/>
      <c r="IHY27" s="8"/>
      <c r="IHZ27" s="8"/>
      <c r="IIA27" s="8"/>
      <c r="IIB27" s="8"/>
      <c r="IIC27" s="8"/>
      <c r="IID27" s="8"/>
      <c r="IIE27" s="8"/>
      <c r="IIF27" s="8"/>
      <c r="IIG27" s="8"/>
      <c r="IIH27" s="8"/>
      <c r="III27" s="8"/>
      <c r="IIJ27" s="8"/>
      <c r="IIK27" s="8"/>
      <c r="IIL27" s="8"/>
      <c r="IIM27" s="8"/>
      <c r="IIN27" s="8"/>
      <c r="IIO27" s="8"/>
      <c r="IIP27" s="8"/>
      <c r="IIQ27" s="8"/>
      <c r="IIR27" s="8"/>
      <c r="IIS27" s="8"/>
      <c r="IIT27" s="8"/>
      <c r="IIU27" s="8"/>
      <c r="IIV27" s="8"/>
      <c r="IIW27" s="8"/>
      <c r="IIX27" s="8"/>
      <c r="IIY27" s="8"/>
      <c r="IIZ27" s="8"/>
      <c r="IJA27" s="8"/>
      <c r="IJB27" s="8"/>
      <c r="IJC27" s="8"/>
      <c r="IJD27" s="8"/>
      <c r="IJE27" s="8"/>
      <c r="IJF27" s="8"/>
      <c r="IJG27" s="8"/>
      <c r="IJH27" s="8"/>
      <c r="IJI27" s="8"/>
      <c r="IJJ27" s="8"/>
      <c r="IJK27" s="8"/>
      <c r="IJL27" s="8"/>
      <c r="IJM27" s="8"/>
      <c r="IJN27" s="8"/>
      <c r="IJO27" s="8"/>
      <c r="IJP27" s="8"/>
      <c r="IJQ27" s="8"/>
      <c r="IJR27" s="8"/>
      <c r="IJS27" s="8"/>
      <c r="IJT27" s="8"/>
      <c r="IJU27" s="8"/>
      <c r="IJV27" s="8"/>
      <c r="IJW27" s="8"/>
      <c r="IJX27" s="8"/>
      <c r="IJY27" s="8"/>
      <c r="IJZ27" s="8"/>
      <c r="IKA27" s="8"/>
      <c r="IKB27" s="8"/>
      <c r="IKC27" s="8"/>
      <c r="IKD27" s="8"/>
      <c r="IKE27" s="8"/>
      <c r="IKF27" s="8"/>
      <c r="IKG27" s="8"/>
      <c r="IKH27" s="8"/>
      <c r="IKI27" s="8"/>
      <c r="IKJ27" s="8"/>
      <c r="IKK27" s="8"/>
      <c r="IKL27" s="8"/>
      <c r="IKM27" s="8"/>
      <c r="IKN27" s="8"/>
      <c r="IKO27" s="8"/>
      <c r="IKP27" s="8"/>
      <c r="IKQ27" s="8"/>
      <c r="IKR27" s="8"/>
      <c r="IKS27" s="8"/>
      <c r="IKT27" s="8"/>
      <c r="IKU27" s="8"/>
      <c r="IKV27" s="8"/>
      <c r="IKW27" s="8"/>
      <c r="IKX27" s="8"/>
      <c r="IKY27" s="8"/>
      <c r="IKZ27" s="8"/>
      <c r="ILA27" s="8"/>
      <c r="ILB27" s="8"/>
      <c r="ILC27" s="8"/>
      <c r="ILD27" s="8"/>
      <c r="ILE27" s="8"/>
      <c r="ILF27" s="8"/>
      <c r="ILG27" s="8"/>
      <c r="ILH27" s="8"/>
      <c r="ILI27" s="8"/>
      <c r="ILJ27" s="8"/>
      <c r="ILK27" s="8"/>
      <c r="ILL27" s="8"/>
      <c r="ILM27" s="8"/>
      <c r="ILN27" s="8"/>
      <c r="ILO27" s="8"/>
      <c r="ILP27" s="8"/>
      <c r="ILQ27" s="8"/>
      <c r="ILR27" s="8"/>
      <c r="ILS27" s="8"/>
      <c r="ILT27" s="8"/>
      <c r="ILU27" s="8"/>
      <c r="ILV27" s="8"/>
      <c r="ILW27" s="8"/>
      <c r="ILX27" s="8"/>
      <c r="ILY27" s="8"/>
      <c r="ILZ27" s="8"/>
      <c r="IMA27" s="8"/>
      <c r="IMB27" s="8"/>
      <c r="IMC27" s="8"/>
      <c r="IMD27" s="8"/>
      <c r="IME27" s="8"/>
      <c r="IMF27" s="8"/>
      <c r="IMG27" s="8"/>
      <c r="IMH27" s="8"/>
      <c r="IMI27" s="8"/>
      <c r="IMJ27" s="8"/>
      <c r="IMK27" s="8"/>
      <c r="IML27" s="8"/>
      <c r="IMM27" s="8"/>
      <c r="IMN27" s="8"/>
      <c r="IMO27" s="8"/>
      <c r="IMP27" s="8"/>
      <c r="IMQ27" s="8"/>
      <c r="IMR27" s="8"/>
      <c r="IMS27" s="8"/>
      <c r="IMT27" s="8"/>
      <c r="IMU27" s="8"/>
      <c r="IMV27" s="8"/>
      <c r="IMW27" s="8"/>
      <c r="IMX27" s="8"/>
      <c r="IMY27" s="8"/>
      <c r="IMZ27" s="8"/>
      <c r="INA27" s="8"/>
      <c r="INB27" s="8"/>
      <c r="INC27" s="8"/>
      <c r="IND27" s="8"/>
      <c r="INE27" s="8"/>
      <c r="INF27" s="8"/>
      <c r="ING27" s="8"/>
      <c r="INH27" s="8"/>
      <c r="INI27" s="8"/>
      <c r="INJ27" s="8"/>
      <c r="INK27" s="8"/>
      <c r="INL27" s="8"/>
      <c r="INM27" s="8"/>
      <c r="INN27" s="8"/>
      <c r="INO27" s="8"/>
      <c r="INP27" s="8"/>
      <c r="INQ27" s="8"/>
      <c r="INR27" s="8"/>
      <c r="INS27" s="8"/>
      <c r="INT27" s="8"/>
      <c r="INU27" s="8"/>
      <c r="INV27" s="8"/>
      <c r="INW27" s="8"/>
      <c r="INX27" s="8"/>
      <c r="INY27" s="8"/>
      <c r="INZ27" s="8"/>
      <c r="IOA27" s="8"/>
      <c r="IOB27" s="8"/>
      <c r="IOC27" s="8"/>
      <c r="IOD27" s="8"/>
      <c r="IOE27" s="8"/>
      <c r="IOF27" s="8"/>
      <c r="IOG27" s="8"/>
      <c r="IOH27" s="8"/>
      <c r="IOI27" s="8"/>
      <c r="IOJ27" s="8"/>
      <c r="IOK27" s="8"/>
      <c r="IOL27" s="8"/>
      <c r="IOM27" s="8"/>
      <c r="ION27" s="8"/>
      <c r="IOO27" s="8"/>
      <c r="IOP27" s="8"/>
      <c r="IOQ27" s="8"/>
      <c r="IOR27" s="8"/>
      <c r="IOS27" s="8"/>
      <c r="IOT27" s="8"/>
      <c r="IOU27" s="8"/>
      <c r="IOV27" s="8"/>
      <c r="IOW27" s="8"/>
      <c r="IOX27" s="8"/>
      <c r="IOY27" s="8"/>
      <c r="IOZ27" s="8"/>
      <c r="IPA27" s="8"/>
      <c r="IPB27" s="8"/>
      <c r="IPC27" s="8"/>
      <c r="IPD27" s="8"/>
      <c r="IPE27" s="8"/>
      <c r="IPF27" s="8"/>
      <c r="IPG27" s="8"/>
      <c r="IPH27" s="8"/>
      <c r="IPI27" s="8"/>
      <c r="IPJ27" s="8"/>
      <c r="IPK27" s="8"/>
      <c r="IPL27" s="8"/>
      <c r="IPM27" s="8"/>
      <c r="IPN27" s="8"/>
      <c r="IPO27" s="8"/>
      <c r="IPP27" s="8"/>
      <c r="IPQ27" s="8"/>
      <c r="IPR27" s="8"/>
      <c r="IPS27" s="8"/>
      <c r="IPT27" s="8"/>
      <c r="IPU27" s="8"/>
      <c r="IPV27" s="8"/>
      <c r="IPW27" s="8"/>
      <c r="IPX27" s="8"/>
      <c r="IPY27" s="8"/>
      <c r="IPZ27" s="8"/>
      <c r="IQA27" s="8"/>
      <c r="IQB27" s="8"/>
      <c r="IQC27" s="8"/>
      <c r="IQD27" s="8"/>
      <c r="IQE27" s="8"/>
      <c r="IQF27" s="8"/>
      <c r="IQG27" s="8"/>
      <c r="IQH27" s="8"/>
      <c r="IQI27" s="8"/>
      <c r="IQJ27" s="8"/>
      <c r="IQK27" s="8"/>
      <c r="IQL27" s="8"/>
      <c r="IQM27" s="8"/>
      <c r="IQN27" s="8"/>
      <c r="IQO27" s="8"/>
      <c r="IQP27" s="8"/>
      <c r="IQQ27" s="8"/>
      <c r="IQR27" s="8"/>
      <c r="IQS27" s="8"/>
      <c r="IQT27" s="8"/>
      <c r="IQU27" s="8"/>
      <c r="IQV27" s="8"/>
      <c r="IQW27" s="8"/>
      <c r="IQX27" s="8"/>
      <c r="IQY27" s="8"/>
      <c r="IQZ27" s="8"/>
      <c r="IRA27" s="8"/>
      <c r="IRB27" s="8"/>
      <c r="IRC27" s="8"/>
      <c r="IRD27" s="8"/>
      <c r="IRE27" s="8"/>
      <c r="IRF27" s="8"/>
      <c r="IRG27" s="8"/>
      <c r="IRH27" s="8"/>
      <c r="IRI27" s="8"/>
      <c r="IRJ27" s="8"/>
      <c r="IRK27" s="8"/>
      <c r="IRL27" s="8"/>
      <c r="IRM27" s="8"/>
      <c r="IRN27" s="8"/>
      <c r="IRO27" s="8"/>
      <c r="IRP27" s="8"/>
      <c r="IRQ27" s="8"/>
      <c r="IRR27" s="8"/>
      <c r="IRS27" s="8"/>
      <c r="IRT27" s="8"/>
      <c r="IRU27" s="8"/>
      <c r="IRV27" s="8"/>
      <c r="IRW27" s="8"/>
      <c r="IRX27" s="8"/>
      <c r="IRY27" s="8"/>
      <c r="IRZ27" s="8"/>
      <c r="ISA27" s="8"/>
      <c r="ISB27" s="8"/>
      <c r="ISC27" s="8"/>
      <c r="ISD27" s="8"/>
      <c r="ISE27" s="8"/>
      <c r="ISF27" s="8"/>
      <c r="ISG27" s="8"/>
      <c r="ISH27" s="8"/>
      <c r="ISI27" s="8"/>
      <c r="ISJ27" s="8"/>
      <c r="ISK27" s="8"/>
      <c r="ISL27" s="8"/>
      <c r="ISM27" s="8"/>
      <c r="ISN27" s="8"/>
      <c r="ISO27" s="8"/>
      <c r="ISP27" s="8"/>
      <c r="ISQ27" s="8"/>
      <c r="ISR27" s="8"/>
      <c r="ISS27" s="8"/>
      <c r="IST27" s="8"/>
      <c r="ISU27" s="8"/>
      <c r="ISV27" s="8"/>
      <c r="ISW27" s="8"/>
      <c r="ISX27" s="8"/>
      <c r="ISY27" s="8"/>
      <c r="ISZ27" s="8"/>
      <c r="ITA27" s="8"/>
      <c r="ITB27" s="8"/>
      <c r="ITC27" s="8"/>
      <c r="ITD27" s="8"/>
      <c r="ITE27" s="8"/>
      <c r="ITF27" s="8"/>
      <c r="ITG27" s="8"/>
      <c r="ITH27" s="8"/>
      <c r="ITI27" s="8"/>
      <c r="ITJ27" s="8"/>
      <c r="ITK27" s="8"/>
      <c r="ITL27" s="8"/>
      <c r="ITM27" s="8"/>
      <c r="ITN27" s="8"/>
      <c r="ITO27" s="8"/>
      <c r="ITP27" s="8"/>
      <c r="ITQ27" s="8"/>
      <c r="ITR27" s="8"/>
      <c r="ITS27" s="8"/>
      <c r="ITT27" s="8"/>
      <c r="ITU27" s="8"/>
      <c r="ITV27" s="8"/>
      <c r="ITW27" s="8"/>
      <c r="ITX27" s="8"/>
      <c r="ITY27" s="8"/>
      <c r="ITZ27" s="8"/>
      <c r="IUA27" s="8"/>
      <c r="IUB27" s="8"/>
      <c r="IUC27" s="8"/>
      <c r="IUD27" s="8"/>
      <c r="IUE27" s="8"/>
      <c r="IUF27" s="8"/>
      <c r="IUG27" s="8"/>
      <c r="IUH27" s="8"/>
      <c r="IUI27" s="8"/>
      <c r="IUJ27" s="8"/>
      <c r="IUK27" s="8"/>
      <c r="IUL27" s="8"/>
      <c r="IUM27" s="8"/>
      <c r="IUN27" s="8"/>
      <c r="IUO27" s="8"/>
      <c r="IUP27" s="8"/>
      <c r="IUQ27" s="8"/>
      <c r="IUR27" s="8"/>
      <c r="IUS27" s="8"/>
      <c r="IUT27" s="8"/>
      <c r="IUU27" s="8"/>
      <c r="IUV27" s="8"/>
      <c r="IUW27" s="8"/>
      <c r="IUX27" s="8"/>
      <c r="IUY27" s="8"/>
      <c r="IUZ27" s="8"/>
      <c r="IVA27" s="8"/>
      <c r="IVB27" s="8"/>
      <c r="IVC27" s="8"/>
      <c r="IVD27" s="8"/>
      <c r="IVE27" s="8"/>
      <c r="IVF27" s="8"/>
      <c r="IVG27" s="8"/>
      <c r="IVH27" s="8"/>
      <c r="IVI27" s="8"/>
      <c r="IVJ27" s="8"/>
      <c r="IVK27" s="8"/>
      <c r="IVL27" s="8"/>
      <c r="IVM27" s="8"/>
      <c r="IVN27" s="8"/>
      <c r="IVO27" s="8"/>
      <c r="IVP27" s="8"/>
      <c r="IVQ27" s="8"/>
      <c r="IVR27" s="8"/>
      <c r="IVS27" s="8"/>
      <c r="IVT27" s="8"/>
      <c r="IVU27" s="8"/>
      <c r="IVV27" s="8"/>
      <c r="IVW27" s="8"/>
      <c r="IVX27" s="8"/>
      <c r="IVY27" s="8"/>
      <c r="IVZ27" s="8"/>
      <c r="IWA27" s="8"/>
      <c r="IWB27" s="8"/>
      <c r="IWC27" s="8"/>
      <c r="IWD27" s="8"/>
      <c r="IWE27" s="8"/>
      <c r="IWF27" s="8"/>
      <c r="IWG27" s="8"/>
      <c r="IWH27" s="8"/>
      <c r="IWI27" s="8"/>
      <c r="IWJ27" s="8"/>
      <c r="IWK27" s="8"/>
      <c r="IWL27" s="8"/>
      <c r="IWM27" s="8"/>
      <c r="IWN27" s="8"/>
      <c r="IWO27" s="8"/>
      <c r="IWP27" s="8"/>
      <c r="IWQ27" s="8"/>
      <c r="IWR27" s="8"/>
      <c r="IWS27" s="8"/>
      <c r="IWT27" s="8"/>
      <c r="IWU27" s="8"/>
      <c r="IWV27" s="8"/>
      <c r="IWW27" s="8"/>
      <c r="IWX27" s="8"/>
      <c r="IWY27" s="8"/>
      <c r="IWZ27" s="8"/>
      <c r="IXA27" s="8"/>
      <c r="IXB27" s="8"/>
      <c r="IXC27" s="8"/>
      <c r="IXD27" s="8"/>
      <c r="IXE27" s="8"/>
      <c r="IXF27" s="8"/>
      <c r="IXG27" s="8"/>
      <c r="IXH27" s="8"/>
      <c r="IXI27" s="8"/>
      <c r="IXJ27" s="8"/>
      <c r="IXK27" s="8"/>
      <c r="IXL27" s="8"/>
      <c r="IXM27" s="8"/>
      <c r="IXN27" s="8"/>
      <c r="IXO27" s="8"/>
      <c r="IXP27" s="8"/>
      <c r="IXQ27" s="8"/>
      <c r="IXR27" s="8"/>
      <c r="IXS27" s="8"/>
      <c r="IXT27" s="8"/>
      <c r="IXU27" s="8"/>
      <c r="IXV27" s="8"/>
      <c r="IXW27" s="8"/>
      <c r="IXX27" s="8"/>
      <c r="IXY27" s="8"/>
      <c r="IXZ27" s="8"/>
      <c r="IYA27" s="8"/>
      <c r="IYB27" s="8"/>
      <c r="IYC27" s="8"/>
      <c r="IYD27" s="8"/>
      <c r="IYE27" s="8"/>
      <c r="IYF27" s="8"/>
      <c r="IYG27" s="8"/>
      <c r="IYH27" s="8"/>
      <c r="IYI27" s="8"/>
      <c r="IYJ27" s="8"/>
      <c r="IYK27" s="8"/>
      <c r="IYL27" s="8"/>
      <c r="IYM27" s="8"/>
      <c r="IYN27" s="8"/>
      <c r="IYO27" s="8"/>
      <c r="IYP27" s="8"/>
      <c r="IYQ27" s="8"/>
      <c r="IYR27" s="8"/>
      <c r="IYS27" s="8"/>
      <c r="IYT27" s="8"/>
      <c r="IYU27" s="8"/>
      <c r="IYV27" s="8"/>
      <c r="IYW27" s="8"/>
      <c r="IYX27" s="8"/>
      <c r="IYY27" s="8"/>
      <c r="IYZ27" s="8"/>
      <c r="IZA27" s="8"/>
      <c r="IZB27" s="8"/>
      <c r="IZC27" s="8"/>
      <c r="IZD27" s="8"/>
      <c r="IZE27" s="8"/>
      <c r="IZF27" s="8"/>
      <c r="IZG27" s="8"/>
      <c r="IZH27" s="8"/>
      <c r="IZI27" s="8"/>
      <c r="IZJ27" s="8"/>
      <c r="IZK27" s="8"/>
      <c r="IZL27" s="8"/>
      <c r="IZM27" s="8"/>
      <c r="IZN27" s="8"/>
      <c r="IZO27" s="8"/>
      <c r="IZP27" s="8"/>
      <c r="IZQ27" s="8"/>
      <c r="IZR27" s="8"/>
      <c r="IZS27" s="8"/>
      <c r="IZT27" s="8"/>
      <c r="IZU27" s="8"/>
      <c r="IZV27" s="8"/>
      <c r="IZW27" s="8"/>
      <c r="IZX27" s="8"/>
      <c r="IZY27" s="8"/>
      <c r="IZZ27" s="8"/>
      <c r="JAA27" s="8"/>
      <c r="JAB27" s="8"/>
      <c r="JAC27" s="8"/>
      <c r="JAD27" s="8"/>
      <c r="JAE27" s="8"/>
      <c r="JAF27" s="8"/>
      <c r="JAG27" s="8"/>
      <c r="JAH27" s="8"/>
      <c r="JAI27" s="8"/>
      <c r="JAJ27" s="8"/>
      <c r="JAK27" s="8"/>
      <c r="JAL27" s="8"/>
      <c r="JAM27" s="8"/>
      <c r="JAN27" s="8"/>
      <c r="JAO27" s="8"/>
      <c r="JAP27" s="8"/>
      <c r="JAQ27" s="8"/>
      <c r="JAR27" s="8"/>
      <c r="JAS27" s="8"/>
      <c r="JAT27" s="8"/>
      <c r="JAU27" s="8"/>
      <c r="JAV27" s="8"/>
      <c r="JAW27" s="8"/>
      <c r="JAX27" s="8"/>
      <c r="JAY27" s="8"/>
      <c r="JAZ27" s="8"/>
      <c r="JBA27" s="8"/>
      <c r="JBB27" s="8"/>
      <c r="JBC27" s="8"/>
      <c r="JBD27" s="8"/>
      <c r="JBE27" s="8"/>
      <c r="JBF27" s="8"/>
      <c r="JBG27" s="8"/>
      <c r="JBH27" s="8"/>
      <c r="JBI27" s="8"/>
      <c r="JBJ27" s="8"/>
      <c r="JBK27" s="8"/>
      <c r="JBL27" s="8"/>
      <c r="JBM27" s="8"/>
      <c r="JBN27" s="8"/>
      <c r="JBO27" s="8"/>
      <c r="JBP27" s="8"/>
      <c r="JBQ27" s="8"/>
      <c r="JBR27" s="8"/>
      <c r="JBS27" s="8"/>
      <c r="JBT27" s="8"/>
      <c r="JBU27" s="8"/>
      <c r="JBV27" s="8"/>
      <c r="JBW27" s="8"/>
      <c r="JBX27" s="8"/>
      <c r="JBY27" s="8"/>
      <c r="JBZ27" s="8"/>
      <c r="JCA27" s="8"/>
      <c r="JCB27" s="8"/>
      <c r="JCC27" s="8"/>
      <c r="JCD27" s="8"/>
      <c r="JCE27" s="8"/>
      <c r="JCF27" s="8"/>
      <c r="JCG27" s="8"/>
      <c r="JCH27" s="8"/>
      <c r="JCI27" s="8"/>
      <c r="JCJ27" s="8"/>
      <c r="JCK27" s="8"/>
      <c r="JCL27" s="8"/>
      <c r="JCM27" s="8"/>
      <c r="JCN27" s="8"/>
      <c r="JCO27" s="8"/>
      <c r="JCP27" s="8"/>
      <c r="JCQ27" s="8"/>
      <c r="JCR27" s="8"/>
      <c r="JCS27" s="8"/>
      <c r="JCT27" s="8"/>
      <c r="JCU27" s="8"/>
      <c r="JCV27" s="8"/>
      <c r="JCW27" s="8"/>
      <c r="JCX27" s="8"/>
      <c r="JCY27" s="8"/>
      <c r="JCZ27" s="8"/>
      <c r="JDA27" s="8"/>
      <c r="JDB27" s="8"/>
      <c r="JDC27" s="8"/>
      <c r="JDD27" s="8"/>
      <c r="JDE27" s="8"/>
      <c r="JDF27" s="8"/>
      <c r="JDG27" s="8"/>
      <c r="JDH27" s="8"/>
      <c r="JDI27" s="8"/>
      <c r="JDJ27" s="8"/>
      <c r="JDK27" s="8"/>
      <c r="JDL27" s="8"/>
      <c r="JDM27" s="8"/>
      <c r="JDN27" s="8"/>
      <c r="JDO27" s="8"/>
      <c r="JDP27" s="8"/>
      <c r="JDQ27" s="8"/>
      <c r="JDR27" s="8"/>
      <c r="JDS27" s="8"/>
      <c r="JDT27" s="8"/>
      <c r="JDU27" s="8"/>
      <c r="JDV27" s="8"/>
      <c r="JDW27" s="8"/>
      <c r="JDX27" s="8"/>
      <c r="JDY27" s="8"/>
      <c r="JDZ27" s="8"/>
      <c r="JEA27" s="8"/>
      <c r="JEB27" s="8"/>
      <c r="JEC27" s="8"/>
      <c r="JED27" s="8"/>
      <c r="JEE27" s="8"/>
      <c r="JEF27" s="8"/>
      <c r="JEG27" s="8"/>
      <c r="JEH27" s="8"/>
      <c r="JEI27" s="8"/>
      <c r="JEJ27" s="8"/>
      <c r="JEK27" s="8"/>
      <c r="JEL27" s="8"/>
      <c r="JEM27" s="8"/>
      <c r="JEN27" s="8"/>
      <c r="JEO27" s="8"/>
      <c r="JEP27" s="8"/>
      <c r="JEQ27" s="8"/>
      <c r="JER27" s="8"/>
      <c r="JES27" s="8"/>
      <c r="JET27" s="8"/>
      <c r="JEU27" s="8"/>
      <c r="JEV27" s="8"/>
      <c r="JEW27" s="8"/>
      <c r="JEX27" s="8"/>
      <c r="JEY27" s="8"/>
      <c r="JEZ27" s="8"/>
      <c r="JFA27" s="8"/>
      <c r="JFB27" s="8"/>
      <c r="JFC27" s="8"/>
      <c r="JFD27" s="8"/>
      <c r="JFE27" s="8"/>
      <c r="JFF27" s="8"/>
      <c r="JFG27" s="8"/>
      <c r="JFH27" s="8"/>
      <c r="JFI27" s="8"/>
      <c r="JFJ27" s="8"/>
      <c r="JFK27" s="8"/>
      <c r="JFL27" s="8"/>
      <c r="JFM27" s="8"/>
      <c r="JFN27" s="8"/>
      <c r="JFO27" s="8"/>
      <c r="JFP27" s="8"/>
      <c r="JFQ27" s="8"/>
      <c r="JFR27" s="8"/>
      <c r="JFS27" s="8"/>
      <c r="JFT27" s="8"/>
      <c r="JFU27" s="8"/>
      <c r="JFV27" s="8"/>
      <c r="JFW27" s="8"/>
      <c r="JFX27" s="8"/>
      <c r="JFY27" s="8"/>
      <c r="JFZ27" s="8"/>
      <c r="JGA27" s="8"/>
      <c r="JGB27" s="8"/>
      <c r="JGC27" s="8"/>
      <c r="JGD27" s="8"/>
      <c r="JGE27" s="8"/>
      <c r="JGF27" s="8"/>
      <c r="JGG27" s="8"/>
      <c r="JGH27" s="8"/>
      <c r="JGI27" s="8"/>
      <c r="JGJ27" s="8"/>
      <c r="JGK27" s="8"/>
      <c r="JGL27" s="8"/>
      <c r="JGM27" s="8"/>
      <c r="JGN27" s="8"/>
      <c r="JGO27" s="8"/>
      <c r="JGP27" s="8"/>
      <c r="JGQ27" s="8"/>
      <c r="JGR27" s="8"/>
      <c r="JGS27" s="8"/>
      <c r="JGT27" s="8"/>
      <c r="JGU27" s="8"/>
      <c r="JGV27" s="8"/>
      <c r="JGW27" s="8"/>
      <c r="JGX27" s="8"/>
      <c r="JGY27" s="8"/>
      <c r="JGZ27" s="8"/>
      <c r="JHA27" s="8"/>
      <c r="JHB27" s="8"/>
      <c r="JHC27" s="8"/>
      <c r="JHD27" s="8"/>
      <c r="JHE27" s="8"/>
      <c r="JHF27" s="8"/>
      <c r="JHG27" s="8"/>
      <c r="JHH27" s="8"/>
      <c r="JHI27" s="8"/>
      <c r="JHJ27" s="8"/>
      <c r="JHK27" s="8"/>
      <c r="JHL27" s="8"/>
      <c r="JHM27" s="8"/>
      <c r="JHN27" s="8"/>
      <c r="JHO27" s="8"/>
      <c r="JHP27" s="8"/>
      <c r="JHQ27" s="8"/>
      <c r="JHR27" s="8"/>
      <c r="JHS27" s="8"/>
      <c r="JHT27" s="8"/>
      <c r="JHU27" s="8"/>
      <c r="JHV27" s="8"/>
      <c r="JHW27" s="8"/>
      <c r="JHX27" s="8"/>
      <c r="JHY27" s="8"/>
      <c r="JHZ27" s="8"/>
      <c r="JIA27" s="8"/>
      <c r="JIB27" s="8"/>
      <c r="JIC27" s="8"/>
      <c r="JID27" s="8"/>
      <c r="JIE27" s="8"/>
      <c r="JIF27" s="8"/>
      <c r="JIG27" s="8"/>
      <c r="JIH27" s="8"/>
      <c r="JII27" s="8"/>
      <c r="JIJ27" s="8"/>
      <c r="JIK27" s="8"/>
      <c r="JIL27" s="8"/>
      <c r="JIM27" s="8"/>
      <c r="JIN27" s="8"/>
      <c r="JIO27" s="8"/>
      <c r="JIP27" s="8"/>
      <c r="JIQ27" s="8"/>
      <c r="JIR27" s="8"/>
      <c r="JIS27" s="8"/>
      <c r="JIT27" s="8"/>
      <c r="JIU27" s="8"/>
      <c r="JIV27" s="8"/>
      <c r="JIW27" s="8"/>
      <c r="JIX27" s="8"/>
      <c r="JIY27" s="8"/>
      <c r="JIZ27" s="8"/>
      <c r="JJA27" s="8"/>
      <c r="JJB27" s="8"/>
      <c r="JJC27" s="8"/>
      <c r="JJD27" s="8"/>
      <c r="JJE27" s="8"/>
      <c r="JJF27" s="8"/>
      <c r="JJG27" s="8"/>
      <c r="JJH27" s="8"/>
      <c r="JJI27" s="8"/>
      <c r="JJJ27" s="8"/>
      <c r="JJK27" s="8"/>
      <c r="JJL27" s="8"/>
      <c r="JJM27" s="8"/>
      <c r="JJN27" s="8"/>
      <c r="JJO27" s="8"/>
      <c r="JJP27" s="8"/>
      <c r="JJQ27" s="8"/>
      <c r="JJR27" s="8"/>
      <c r="JJS27" s="8"/>
      <c r="JJT27" s="8"/>
      <c r="JJU27" s="8"/>
      <c r="JJV27" s="8"/>
      <c r="JJW27" s="8"/>
      <c r="JJX27" s="8"/>
      <c r="JJY27" s="8"/>
      <c r="JJZ27" s="8"/>
      <c r="JKA27" s="8"/>
      <c r="JKB27" s="8"/>
      <c r="JKC27" s="8"/>
      <c r="JKD27" s="8"/>
      <c r="JKE27" s="8"/>
      <c r="JKF27" s="8"/>
      <c r="JKG27" s="8"/>
      <c r="JKH27" s="8"/>
      <c r="JKI27" s="8"/>
      <c r="JKJ27" s="8"/>
      <c r="JKK27" s="8"/>
      <c r="JKL27" s="8"/>
      <c r="JKM27" s="8"/>
      <c r="JKN27" s="8"/>
      <c r="JKO27" s="8"/>
      <c r="JKP27" s="8"/>
      <c r="JKQ27" s="8"/>
      <c r="JKR27" s="8"/>
      <c r="JKS27" s="8"/>
      <c r="JKT27" s="8"/>
      <c r="JKU27" s="8"/>
      <c r="JKV27" s="8"/>
      <c r="JKW27" s="8"/>
      <c r="JKX27" s="8"/>
      <c r="JKY27" s="8"/>
      <c r="JKZ27" s="8"/>
      <c r="JLA27" s="8"/>
      <c r="JLB27" s="8"/>
      <c r="JLC27" s="8"/>
      <c r="JLD27" s="8"/>
      <c r="JLE27" s="8"/>
      <c r="JLF27" s="8"/>
      <c r="JLG27" s="8"/>
      <c r="JLH27" s="8"/>
      <c r="JLI27" s="8"/>
      <c r="JLJ27" s="8"/>
      <c r="JLK27" s="8"/>
      <c r="JLL27" s="8"/>
      <c r="JLM27" s="8"/>
      <c r="JLN27" s="8"/>
      <c r="JLO27" s="8"/>
      <c r="JLP27" s="8"/>
      <c r="JLQ27" s="8"/>
      <c r="JLR27" s="8"/>
      <c r="JLS27" s="8"/>
      <c r="JLT27" s="8"/>
      <c r="JLU27" s="8"/>
      <c r="JLV27" s="8"/>
      <c r="JLW27" s="8"/>
      <c r="JLX27" s="8"/>
      <c r="JLY27" s="8"/>
      <c r="JLZ27" s="8"/>
      <c r="JMA27" s="8"/>
      <c r="JMB27" s="8"/>
      <c r="JMC27" s="8"/>
      <c r="JMD27" s="8"/>
      <c r="JME27" s="8"/>
      <c r="JMF27" s="8"/>
      <c r="JMG27" s="8"/>
      <c r="JMH27" s="8"/>
      <c r="JMI27" s="8"/>
      <c r="JMJ27" s="8"/>
      <c r="JMK27" s="8"/>
      <c r="JML27" s="8"/>
      <c r="JMM27" s="8"/>
      <c r="JMN27" s="8"/>
      <c r="JMO27" s="8"/>
      <c r="JMP27" s="8"/>
      <c r="JMQ27" s="8"/>
      <c r="JMR27" s="8"/>
      <c r="JMS27" s="8"/>
      <c r="JMT27" s="8"/>
      <c r="JMU27" s="8"/>
      <c r="JMV27" s="8"/>
      <c r="JMW27" s="8"/>
      <c r="JMX27" s="8"/>
      <c r="JMY27" s="8"/>
      <c r="JMZ27" s="8"/>
      <c r="JNA27" s="8"/>
      <c r="JNB27" s="8"/>
      <c r="JNC27" s="8"/>
      <c r="JND27" s="8"/>
      <c r="JNE27" s="8"/>
      <c r="JNF27" s="8"/>
      <c r="JNG27" s="8"/>
      <c r="JNH27" s="8"/>
      <c r="JNI27" s="8"/>
      <c r="JNJ27" s="8"/>
      <c r="JNK27" s="8"/>
      <c r="JNL27" s="8"/>
      <c r="JNM27" s="8"/>
      <c r="JNN27" s="8"/>
      <c r="JNO27" s="8"/>
      <c r="JNP27" s="8"/>
      <c r="JNQ27" s="8"/>
      <c r="JNR27" s="8"/>
      <c r="JNS27" s="8"/>
      <c r="JNT27" s="8"/>
      <c r="JNU27" s="8"/>
      <c r="JNV27" s="8"/>
      <c r="JNW27" s="8"/>
      <c r="JNX27" s="8"/>
      <c r="JNY27" s="8"/>
      <c r="JNZ27" s="8"/>
      <c r="JOA27" s="8"/>
      <c r="JOB27" s="8"/>
      <c r="JOC27" s="8"/>
      <c r="JOD27" s="8"/>
      <c r="JOE27" s="8"/>
      <c r="JOF27" s="8"/>
      <c r="JOG27" s="8"/>
      <c r="JOH27" s="8"/>
      <c r="JOI27" s="8"/>
      <c r="JOJ27" s="8"/>
      <c r="JOK27" s="8"/>
      <c r="JOL27" s="8"/>
      <c r="JOM27" s="8"/>
      <c r="JON27" s="8"/>
      <c r="JOO27" s="8"/>
      <c r="JOP27" s="8"/>
      <c r="JOQ27" s="8"/>
      <c r="JOR27" s="8"/>
      <c r="JOS27" s="8"/>
      <c r="JOT27" s="8"/>
      <c r="JOU27" s="8"/>
      <c r="JOV27" s="8"/>
      <c r="JOW27" s="8"/>
      <c r="JOX27" s="8"/>
      <c r="JOY27" s="8"/>
      <c r="JOZ27" s="8"/>
      <c r="JPA27" s="8"/>
      <c r="JPB27" s="8"/>
      <c r="JPC27" s="8"/>
      <c r="JPD27" s="8"/>
      <c r="JPE27" s="8"/>
      <c r="JPF27" s="8"/>
      <c r="JPG27" s="8"/>
      <c r="JPH27" s="8"/>
      <c r="JPI27" s="8"/>
      <c r="JPJ27" s="8"/>
      <c r="JPK27" s="8"/>
      <c r="JPL27" s="8"/>
      <c r="JPM27" s="8"/>
      <c r="JPN27" s="8"/>
      <c r="JPO27" s="8"/>
      <c r="JPP27" s="8"/>
      <c r="JPQ27" s="8"/>
      <c r="JPR27" s="8"/>
      <c r="JPS27" s="8"/>
      <c r="JPT27" s="8"/>
      <c r="JPU27" s="8"/>
      <c r="JPV27" s="8"/>
      <c r="JPW27" s="8"/>
      <c r="JPX27" s="8"/>
      <c r="JPY27" s="8"/>
      <c r="JPZ27" s="8"/>
      <c r="JQA27" s="8"/>
      <c r="JQB27" s="8"/>
      <c r="JQC27" s="8"/>
      <c r="JQD27" s="8"/>
      <c r="JQE27" s="8"/>
      <c r="JQF27" s="8"/>
      <c r="JQG27" s="8"/>
      <c r="JQH27" s="8"/>
      <c r="JQI27" s="8"/>
      <c r="JQJ27" s="8"/>
      <c r="JQK27" s="8"/>
      <c r="JQL27" s="8"/>
      <c r="JQM27" s="8"/>
      <c r="JQN27" s="8"/>
      <c r="JQO27" s="8"/>
      <c r="JQP27" s="8"/>
      <c r="JQQ27" s="8"/>
      <c r="JQR27" s="8"/>
      <c r="JQS27" s="8"/>
      <c r="JQT27" s="8"/>
      <c r="JQU27" s="8"/>
      <c r="JQV27" s="8"/>
      <c r="JQW27" s="8"/>
      <c r="JQX27" s="8"/>
      <c r="JQY27" s="8"/>
      <c r="JQZ27" s="8"/>
      <c r="JRA27" s="8"/>
      <c r="JRB27" s="8"/>
      <c r="JRC27" s="8"/>
      <c r="JRD27" s="8"/>
      <c r="JRE27" s="8"/>
      <c r="JRF27" s="8"/>
      <c r="JRG27" s="8"/>
      <c r="JRH27" s="8"/>
      <c r="JRI27" s="8"/>
      <c r="JRJ27" s="8"/>
      <c r="JRK27" s="8"/>
      <c r="JRL27" s="8"/>
      <c r="JRM27" s="8"/>
      <c r="JRN27" s="8"/>
      <c r="JRO27" s="8"/>
      <c r="JRP27" s="8"/>
      <c r="JRQ27" s="8"/>
      <c r="JRR27" s="8"/>
      <c r="JRS27" s="8"/>
      <c r="JRT27" s="8"/>
      <c r="JRU27" s="8"/>
      <c r="JRV27" s="8"/>
      <c r="JRW27" s="8"/>
      <c r="JRX27" s="8"/>
      <c r="JRY27" s="8"/>
      <c r="JRZ27" s="8"/>
      <c r="JSA27" s="8"/>
      <c r="JSB27" s="8"/>
      <c r="JSC27" s="8"/>
      <c r="JSD27" s="8"/>
      <c r="JSE27" s="8"/>
      <c r="JSF27" s="8"/>
      <c r="JSG27" s="8"/>
      <c r="JSH27" s="8"/>
      <c r="JSI27" s="8"/>
      <c r="JSJ27" s="8"/>
      <c r="JSK27" s="8"/>
      <c r="JSL27" s="8"/>
      <c r="JSM27" s="8"/>
      <c r="JSN27" s="8"/>
      <c r="JSO27" s="8"/>
      <c r="JSP27" s="8"/>
      <c r="JSQ27" s="8"/>
      <c r="JSR27" s="8"/>
      <c r="JSS27" s="8"/>
      <c r="JST27" s="8"/>
      <c r="JSU27" s="8"/>
      <c r="JSV27" s="8"/>
      <c r="JSW27" s="8"/>
      <c r="JSX27" s="8"/>
      <c r="JSY27" s="8"/>
      <c r="JSZ27" s="8"/>
      <c r="JTA27" s="8"/>
      <c r="JTB27" s="8"/>
      <c r="JTC27" s="8"/>
      <c r="JTD27" s="8"/>
      <c r="JTE27" s="8"/>
      <c r="JTF27" s="8"/>
      <c r="JTG27" s="8"/>
      <c r="JTH27" s="8"/>
      <c r="JTI27" s="8"/>
      <c r="JTJ27" s="8"/>
      <c r="JTK27" s="8"/>
      <c r="JTL27" s="8"/>
      <c r="JTM27" s="8"/>
      <c r="JTN27" s="8"/>
      <c r="JTO27" s="8"/>
      <c r="JTP27" s="8"/>
      <c r="JTQ27" s="8"/>
      <c r="JTR27" s="8"/>
      <c r="JTS27" s="8"/>
      <c r="JTT27" s="8"/>
      <c r="JTU27" s="8"/>
      <c r="JTV27" s="8"/>
      <c r="JTW27" s="8"/>
      <c r="JTX27" s="8"/>
      <c r="JTY27" s="8"/>
      <c r="JTZ27" s="8"/>
      <c r="JUA27" s="8"/>
      <c r="JUB27" s="8"/>
      <c r="JUC27" s="8"/>
      <c r="JUD27" s="8"/>
      <c r="JUE27" s="8"/>
      <c r="JUF27" s="8"/>
      <c r="JUG27" s="8"/>
      <c r="JUH27" s="8"/>
      <c r="JUI27" s="8"/>
      <c r="JUJ27" s="8"/>
      <c r="JUK27" s="8"/>
      <c r="JUL27" s="8"/>
      <c r="JUM27" s="8"/>
      <c r="JUN27" s="8"/>
      <c r="JUO27" s="8"/>
      <c r="JUP27" s="8"/>
      <c r="JUQ27" s="8"/>
      <c r="JUR27" s="8"/>
      <c r="JUS27" s="8"/>
      <c r="JUT27" s="8"/>
      <c r="JUU27" s="8"/>
      <c r="JUV27" s="8"/>
      <c r="JUW27" s="8"/>
      <c r="JUX27" s="8"/>
      <c r="JUY27" s="8"/>
      <c r="JUZ27" s="8"/>
      <c r="JVA27" s="8"/>
      <c r="JVB27" s="8"/>
      <c r="JVC27" s="8"/>
      <c r="JVD27" s="8"/>
      <c r="JVE27" s="8"/>
      <c r="JVF27" s="8"/>
      <c r="JVG27" s="8"/>
      <c r="JVH27" s="8"/>
      <c r="JVI27" s="8"/>
      <c r="JVJ27" s="8"/>
      <c r="JVK27" s="8"/>
      <c r="JVL27" s="8"/>
      <c r="JVM27" s="8"/>
      <c r="JVN27" s="8"/>
      <c r="JVO27" s="8"/>
      <c r="JVP27" s="8"/>
      <c r="JVQ27" s="8"/>
      <c r="JVR27" s="8"/>
      <c r="JVS27" s="8"/>
      <c r="JVT27" s="8"/>
      <c r="JVU27" s="8"/>
      <c r="JVV27" s="8"/>
      <c r="JVW27" s="8"/>
      <c r="JVX27" s="8"/>
      <c r="JVY27" s="8"/>
      <c r="JVZ27" s="8"/>
      <c r="JWA27" s="8"/>
      <c r="JWB27" s="8"/>
      <c r="JWC27" s="8"/>
      <c r="JWD27" s="8"/>
      <c r="JWE27" s="8"/>
      <c r="JWF27" s="8"/>
      <c r="JWG27" s="8"/>
      <c r="JWH27" s="8"/>
      <c r="JWI27" s="8"/>
      <c r="JWJ27" s="8"/>
      <c r="JWK27" s="8"/>
      <c r="JWL27" s="8"/>
      <c r="JWM27" s="8"/>
      <c r="JWN27" s="8"/>
      <c r="JWO27" s="8"/>
      <c r="JWP27" s="8"/>
      <c r="JWQ27" s="8"/>
      <c r="JWR27" s="8"/>
      <c r="JWS27" s="8"/>
      <c r="JWT27" s="8"/>
      <c r="JWU27" s="8"/>
      <c r="JWV27" s="8"/>
      <c r="JWW27" s="8"/>
      <c r="JWX27" s="8"/>
      <c r="JWY27" s="8"/>
      <c r="JWZ27" s="8"/>
      <c r="JXA27" s="8"/>
      <c r="JXB27" s="8"/>
      <c r="JXC27" s="8"/>
      <c r="JXD27" s="8"/>
      <c r="JXE27" s="8"/>
      <c r="JXF27" s="8"/>
      <c r="JXG27" s="8"/>
      <c r="JXH27" s="8"/>
      <c r="JXI27" s="8"/>
      <c r="JXJ27" s="8"/>
      <c r="JXK27" s="8"/>
      <c r="JXL27" s="8"/>
      <c r="JXM27" s="8"/>
      <c r="JXN27" s="8"/>
      <c r="JXO27" s="8"/>
      <c r="JXP27" s="8"/>
      <c r="JXQ27" s="8"/>
      <c r="JXR27" s="8"/>
      <c r="JXS27" s="8"/>
      <c r="JXT27" s="8"/>
      <c r="JXU27" s="8"/>
      <c r="JXV27" s="8"/>
      <c r="JXW27" s="8"/>
      <c r="JXX27" s="8"/>
      <c r="JXY27" s="8"/>
      <c r="JXZ27" s="8"/>
      <c r="JYA27" s="8"/>
      <c r="JYB27" s="8"/>
      <c r="JYC27" s="8"/>
      <c r="JYD27" s="8"/>
      <c r="JYE27" s="8"/>
      <c r="JYF27" s="8"/>
      <c r="JYG27" s="8"/>
      <c r="JYH27" s="8"/>
      <c r="JYI27" s="8"/>
      <c r="JYJ27" s="8"/>
      <c r="JYK27" s="8"/>
      <c r="JYL27" s="8"/>
      <c r="JYM27" s="8"/>
      <c r="JYN27" s="8"/>
      <c r="JYO27" s="8"/>
      <c r="JYP27" s="8"/>
      <c r="JYQ27" s="8"/>
      <c r="JYR27" s="8"/>
      <c r="JYS27" s="8"/>
      <c r="JYT27" s="8"/>
      <c r="JYU27" s="8"/>
      <c r="JYV27" s="8"/>
      <c r="JYW27" s="8"/>
      <c r="JYX27" s="8"/>
      <c r="JYY27" s="8"/>
      <c r="JYZ27" s="8"/>
      <c r="JZA27" s="8"/>
      <c r="JZB27" s="8"/>
      <c r="JZC27" s="8"/>
      <c r="JZD27" s="8"/>
      <c r="JZE27" s="8"/>
      <c r="JZF27" s="8"/>
      <c r="JZG27" s="8"/>
      <c r="JZH27" s="8"/>
      <c r="JZI27" s="8"/>
      <c r="JZJ27" s="8"/>
      <c r="JZK27" s="8"/>
      <c r="JZL27" s="8"/>
      <c r="JZM27" s="8"/>
      <c r="JZN27" s="8"/>
      <c r="JZO27" s="8"/>
      <c r="JZP27" s="8"/>
      <c r="JZQ27" s="8"/>
      <c r="JZR27" s="8"/>
      <c r="JZS27" s="8"/>
      <c r="JZT27" s="8"/>
      <c r="JZU27" s="8"/>
      <c r="JZV27" s="8"/>
      <c r="JZW27" s="8"/>
      <c r="JZX27" s="8"/>
      <c r="JZY27" s="8"/>
      <c r="JZZ27" s="8"/>
      <c r="KAA27" s="8"/>
      <c r="KAB27" s="8"/>
      <c r="KAC27" s="8"/>
      <c r="KAD27" s="8"/>
      <c r="KAE27" s="8"/>
      <c r="KAF27" s="8"/>
      <c r="KAG27" s="8"/>
      <c r="KAH27" s="8"/>
      <c r="KAI27" s="8"/>
      <c r="KAJ27" s="8"/>
      <c r="KAK27" s="8"/>
      <c r="KAL27" s="8"/>
      <c r="KAM27" s="8"/>
      <c r="KAN27" s="8"/>
      <c r="KAO27" s="8"/>
      <c r="KAP27" s="8"/>
      <c r="KAQ27" s="8"/>
      <c r="KAR27" s="8"/>
      <c r="KAS27" s="8"/>
      <c r="KAT27" s="8"/>
      <c r="KAU27" s="8"/>
      <c r="KAV27" s="8"/>
      <c r="KAW27" s="8"/>
      <c r="KAX27" s="8"/>
      <c r="KAY27" s="8"/>
      <c r="KAZ27" s="8"/>
      <c r="KBA27" s="8"/>
      <c r="KBB27" s="8"/>
      <c r="KBC27" s="8"/>
      <c r="KBD27" s="8"/>
      <c r="KBE27" s="8"/>
      <c r="KBF27" s="8"/>
      <c r="KBG27" s="8"/>
      <c r="KBH27" s="8"/>
      <c r="KBI27" s="8"/>
      <c r="KBJ27" s="8"/>
      <c r="KBK27" s="8"/>
      <c r="KBL27" s="8"/>
      <c r="KBM27" s="8"/>
      <c r="KBN27" s="8"/>
      <c r="KBO27" s="8"/>
      <c r="KBP27" s="8"/>
      <c r="KBQ27" s="8"/>
      <c r="KBR27" s="8"/>
      <c r="KBS27" s="8"/>
      <c r="KBT27" s="8"/>
      <c r="KBU27" s="8"/>
      <c r="KBV27" s="8"/>
      <c r="KBW27" s="8"/>
      <c r="KBX27" s="8"/>
      <c r="KBY27" s="8"/>
      <c r="KBZ27" s="8"/>
      <c r="KCA27" s="8"/>
      <c r="KCB27" s="8"/>
      <c r="KCC27" s="8"/>
      <c r="KCD27" s="8"/>
      <c r="KCE27" s="8"/>
      <c r="KCF27" s="8"/>
      <c r="KCG27" s="8"/>
      <c r="KCH27" s="8"/>
      <c r="KCI27" s="8"/>
      <c r="KCJ27" s="8"/>
      <c r="KCK27" s="8"/>
      <c r="KCL27" s="8"/>
      <c r="KCM27" s="8"/>
      <c r="KCN27" s="8"/>
      <c r="KCO27" s="8"/>
      <c r="KCP27" s="8"/>
      <c r="KCQ27" s="8"/>
      <c r="KCR27" s="8"/>
      <c r="KCS27" s="8"/>
      <c r="KCT27" s="8"/>
      <c r="KCU27" s="8"/>
      <c r="KCV27" s="8"/>
      <c r="KCW27" s="8"/>
      <c r="KCX27" s="8"/>
      <c r="KCY27" s="8"/>
      <c r="KCZ27" s="8"/>
      <c r="KDA27" s="8"/>
      <c r="KDB27" s="8"/>
      <c r="KDC27" s="8"/>
      <c r="KDD27" s="8"/>
      <c r="KDE27" s="8"/>
      <c r="KDF27" s="8"/>
      <c r="KDG27" s="8"/>
      <c r="KDH27" s="8"/>
      <c r="KDI27" s="8"/>
      <c r="KDJ27" s="8"/>
      <c r="KDK27" s="8"/>
      <c r="KDL27" s="8"/>
      <c r="KDM27" s="8"/>
      <c r="KDN27" s="8"/>
      <c r="KDO27" s="8"/>
      <c r="KDP27" s="8"/>
      <c r="KDQ27" s="8"/>
      <c r="KDR27" s="8"/>
      <c r="KDS27" s="8"/>
      <c r="KDT27" s="8"/>
      <c r="KDU27" s="8"/>
      <c r="KDV27" s="8"/>
      <c r="KDW27" s="8"/>
      <c r="KDX27" s="8"/>
      <c r="KDY27" s="8"/>
      <c r="KDZ27" s="8"/>
      <c r="KEA27" s="8"/>
      <c r="KEB27" s="8"/>
      <c r="KEC27" s="8"/>
      <c r="KED27" s="8"/>
      <c r="KEE27" s="8"/>
      <c r="KEF27" s="8"/>
      <c r="KEG27" s="8"/>
      <c r="KEH27" s="8"/>
      <c r="KEI27" s="8"/>
      <c r="KEJ27" s="8"/>
      <c r="KEK27" s="8"/>
      <c r="KEL27" s="8"/>
      <c r="KEM27" s="8"/>
      <c r="KEN27" s="8"/>
      <c r="KEO27" s="8"/>
      <c r="KEP27" s="8"/>
      <c r="KEQ27" s="8"/>
      <c r="KER27" s="8"/>
      <c r="KES27" s="8"/>
      <c r="KET27" s="8"/>
      <c r="KEU27" s="8"/>
      <c r="KEV27" s="8"/>
      <c r="KEW27" s="8"/>
      <c r="KEX27" s="8"/>
      <c r="KEY27" s="8"/>
      <c r="KEZ27" s="8"/>
      <c r="KFA27" s="8"/>
      <c r="KFB27" s="8"/>
      <c r="KFC27" s="8"/>
      <c r="KFD27" s="8"/>
      <c r="KFE27" s="8"/>
      <c r="KFF27" s="8"/>
      <c r="KFG27" s="8"/>
      <c r="KFH27" s="8"/>
      <c r="KFI27" s="8"/>
      <c r="KFJ27" s="8"/>
      <c r="KFK27" s="8"/>
      <c r="KFL27" s="8"/>
      <c r="KFM27" s="8"/>
      <c r="KFN27" s="8"/>
      <c r="KFO27" s="8"/>
      <c r="KFP27" s="8"/>
      <c r="KFQ27" s="8"/>
      <c r="KFR27" s="8"/>
      <c r="KFS27" s="8"/>
      <c r="KFT27" s="8"/>
      <c r="KFU27" s="8"/>
      <c r="KFV27" s="8"/>
      <c r="KFW27" s="8"/>
      <c r="KFX27" s="8"/>
      <c r="KFY27" s="8"/>
      <c r="KFZ27" s="8"/>
      <c r="KGA27" s="8"/>
      <c r="KGB27" s="8"/>
      <c r="KGC27" s="8"/>
      <c r="KGD27" s="8"/>
      <c r="KGE27" s="8"/>
      <c r="KGF27" s="8"/>
      <c r="KGG27" s="8"/>
      <c r="KGH27" s="8"/>
      <c r="KGI27" s="8"/>
      <c r="KGJ27" s="8"/>
      <c r="KGK27" s="8"/>
      <c r="KGL27" s="8"/>
      <c r="KGM27" s="8"/>
      <c r="KGN27" s="8"/>
      <c r="KGO27" s="8"/>
      <c r="KGP27" s="8"/>
      <c r="KGQ27" s="8"/>
      <c r="KGR27" s="8"/>
      <c r="KGS27" s="8"/>
      <c r="KGT27" s="8"/>
      <c r="KGU27" s="8"/>
      <c r="KGV27" s="8"/>
      <c r="KGW27" s="8"/>
      <c r="KGX27" s="8"/>
      <c r="KGY27" s="8"/>
      <c r="KGZ27" s="8"/>
      <c r="KHA27" s="8"/>
      <c r="KHB27" s="8"/>
      <c r="KHC27" s="8"/>
      <c r="KHD27" s="8"/>
      <c r="KHE27" s="8"/>
      <c r="KHF27" s="8"/>
      <c r="KHG27" s="8"/>
      <c r="KHH27" s="8"/>
      <c r="KHI27" s="8"/>
      <c r="KHJ27" s="8"/>
      <c r="KHK27" s="8"/>
      <c r="KHL27" s="8"/>
      <c r="KHM27" s="8"/>
      <c r="KHN27" s="8"/>
      <c r="KHO27" s="8"/>
      <c r="KHP27" s="8"/>
      <c r="KHQ27" s="8"/>
      <c r="KHR27" s="8"/>
      <c r="KHS27" s="8"/>
      <c r="KHT27" s="8"/>
      <c r="KHU27" s="8"/>
      <c r="KHV27" s="8"/>
      <c r="KHW27" s="8"/>
      <c r="KHX27" s="8"/>
      <c r="KHY27" s="8"/>
      <c r="KHZ27" s="8"/>
      <c r="KIA27" s="8"/>
      <c r="KIB27" s="8"/>
      <c r="KIC27" s="8"/>
      <c r="KID27" s="8"/>
      <c r="KIE27" s="8"/>
      <c r="KIF27" s="8"/>
      <c r="KIG27" s="8"/>
      <c r="KIH27" s="8"/>
      <c r="KII27" s="8"/>
      <c r="KIJ27" s="8"/>
      <c r="KIK27" s="8"/>
      <c r="KIL27" s="8"/>
      <c r="KIM27" s="8"/>
      <c r="KIN27" s="8"/>
      <c r="KIO27" s="8"/>
      <c r="KIP27" s="8"/>
      <c r="KIQ27" s="8"/>
      <c r="KIR27" s="8"/>
      <c r="KIS27" s="8"/>
      <c r="KIT27" s="8"/>
      <c r="KIU27" s="8"/>
      <c r="KIV27" s="8"/>
      <c r="KIW27" s="8"/>
      <c r="KIX27" s="8"/>
      <c r="KIY27" s="8"/>
      <c r="KIZ27" s="8"/>
      <c r="KJA27" s="8"/>
      <c r="KJB27" s="8"/>
      <c r="KJC27" s="8"/>
      <c r="KJD27" s="8"/>
      <c r="KJE27" s="8"/>
      <c r="KJF27" s="8"/>
      <c r="KJG27" s="8"/>
      <c r="KJH27" s="8"/>
      <c r="KJI27" s="8"/>
      <c r="KJJ27" s="8"/>
      <c r="KJK27" s="8"/>
      <c r="KJL27" s="8"/>
      <c r="KJM27" s="8"/>
      <c r="KJN27" s="8"/>
      <c r="KJO27" s="8"/>
      <c r="KJP27" s="8"/>
      <c r="KJQ27" s="8"/>
      <c r="KJR27" s="8"/>
      <c r="KJS27" s="8"/>
      <c r="KJT27" s="8"/>
      <c r="KJU27" s="8"/>
      <c r="KJV27" s="8"/>
      <c r="KJW27" s="8"/>
      <c r="KJX27" s="8"/>
      <c r="KJY27" s="8"/>
      <c r="KJZ27" s="8"/>
      <c r="KKA27" s="8"/>
      <c r="KKB27" s="8"/>
      <c r="KKC27" s="8"/>
      <c r="KKD27" s="8"/>
      <c r="KKE27" s="8"/>
      <c r="KKF27" s="8"/>
      <c r="KKG27" s="8"/>
      <c r="KKH27" s="8"/>
      <c r="KKI27" s="8"/>
      <c r="KKJ27" s="8"/>
      <c r="KKK27" s="8"/>
      <c r="KKL27" s="8"/>
      <c r="KKM27" s="8"/>
      <c r="KKN27" s="8"/>
      <c r="KKO27" s="8"/>
      <c r="KKP27" s="8"/>
      <c r="KKQ27" s="8"/>
      <c r="KKR27" s="8"/>
      <c r="KKS27" s="8"/>
      <c r="KKT27" s="8"/>
      <c r="KKU27" s="8"/>
      <c r="KKV27" s="8"/>
      <c r="KKW27" s="8"/>
      <c r="KKX27" s="8"/>
      <c r="KKY27" s="8"/>
      <c r="KKZ27" s="8"/>
      <c r="KLA27" s="8"/>
      <c r="KLB27" s="8"/>
      <c r="KLC27" s="8"/>
      <c r="KLD27" s="8"/>
      <c r="KLE27" s="8"/>
      <c r="KLF27" s="8"/>
      <c r="KLG27" s="8"/>
      <c r="KLH27" s="8"/>
      <c r="KLI27" s="8"/>
      <c r="KLJ27" s="8"/>
      <c r="KLK27" s="8"/>
      <c r="KLL27" s="8"/>
      <c r="KLM27" s="8"/>
      <c r="KLN27" s="8"/>
      <c r="KLO27" s="8"/>
      <c r="KLP27" s="8"/>
      <c r="KLQ27" s="8"/>
      <c r="KLR27" s="8"/>
      <c r="KLS27" s="8"/>
      <c r="KLT27" s="8"/>
      <c r="KLU27" s="8"/>
      <c r="KLV27" s="8"/>
      <c r="KLW27" s="8"/>
      <c r="KLX27" s="8"/>
      <c r="KLY27" s="8"/>
      <c r="KLZ27" s="8"/>
      <c r="KMA27" s="8"/>
      <c r="KMB27" s="8"/>
      <c r="KMC27" s="8"/>
      <c r="KMD27" s="8"/>
      <c r="KME27" s="8"/>
      <c r="KMF27" s="8"/>
      <c r="KMG27" s="8"/>
      <c r="KMH27" s="8"/>
      <c r="KMI27" s="8"/>
      <c r="KMJ27" s="8"/>
      <c r="KMK27" s="8"/>
      <c r="KML27" s="8"/>
      <c r="KMM27" s="8"/>
      <c r="KMN27" s="8"/>
      <c r="KMO27" s="8"/>
      <c r="KMP27" s="8"/>
      <c r="KMQ27" s="8"/>
      <c r="KMR27" s="8"/>
      <c r="KMS27" s="8"/>
      <c r="KMT27" s="8"/>
      <c r="KMU27" s="8"/>
      <c r="KMV27" s="8"/>
      <c r="KMW27" s="8"/>
      <c r="KMX27" s="8"/>
      <c r="KMY27" s="8"/>
      <c r="KMZ27" s="8"/>
      <c r="KNA27" s="8"/>
      <c r="KNB27" s="8"/>
      <c r="KNC27" s="8"/>
      <c r="KND27" s="8"/>
      <c r="KNE27" s="8"/>
      <c r="KNF27" s="8"/>
      <c r="KNG27" s="8"/>
      <c r="KNH27" s="8"/>
      <c r="KNI27" s="8"/>
      <c r="KNJ27" s="8"/>
      <c r="KNK27" s="8"/>
      <c r="KNL27" s="8"/>
      <c r="KNM27" s="8"/>
      <c r="KNN27" s="8"/>
      <c r="KNO27" s="8"/>
      <c r="KNP27" s="8"/>
      <c r="KNQ27" s="8"/>
      <c r="KNR27" s="8"/>
      <c r="KNS27" s="8"/>
      <c r="KNT27" s="8"/>
      <c r="KNU27" s="8"/>
      <c r="KNV27" s="8"/>
      <c r="KNW27" s="8"/>
      <c r="KNX27" s="8"/>
      <c r="KNY27" s="8"/>
      <c r="KNZ27" s="8"/>
      <c r="KOA27" s="8"/>
      <c r="KOB27" s="8"/>
      <c r="KOC27" s="8"/>
      <c r="KOD27" s="8"/>
      <c r="KOE27" s="8"/>
      <c r="KOF27" s="8"/>
      <c r="KOG27" s="8"/>
      <c r="KOH27" s="8"/>
      <c r="KOI27" s="8"/>
      <c r="KOJ27" s="8"/>
      <c r="KOK27" s="8"/>
      <c r="KOL27" s="8"/>
      <c r="KOM27" s="8"/>
      <c r="KON27" s="8"/>
      <c r="KOO27" s="8"/>
      <c r="KOP27" s="8"/>
      <c r="KOQ27" s="8"/>
      <c r="KOR27" s="8"/>
      <c r="KOS27" s="8"/>
      <c r="KOT27" s="8"/>
      <c r="KOU27" s="8"/>
      <c r="KOV27" s="8"/>
      <c r="KOW27" s="8"/>
      <c r="KOX27" s="8"/>
      <c r="KOY27" s="8"/>
      <c r="KOZ27" s="8"/>
      <c r="KPA27" s="8"/>
      <c r="KPB27" s="8"/>
      <c r="KPC27" s="8"/>
      <c r="KPD27" s="8"/>
      <c r="KPE27" s="8"/>
      <c r="KPF27" s="8"/>
      <c r="KPG27" s="8"/>
      <c r="KPH27" s="8"/>
      <c r="KPI27" s="8"/>
      <c r="KPJ27" s="8"/>
      <c r="KPK27" s="8"/>
      <c r="KPL27" s="8"/>
      <c r="KPM27" s="8"/>
      <c r="KPN27" s="8"/>
      <c r="KPO27" s="8"/>
      <c r="KPP27" s="8"/>
      <c r="KPQ27" s="8"/>
      <c r="KPR27" s="8"/>
      <c r="KPS27" s="8"/>
      <c r="KPT27" s="8"/>
      <c r="KPU27" s="8"/>
      <c r="KPV27" s="8"/>
      <c r="KPW27" s="8"/>
      <c r="KPX27" s="8"/>
      <c r="KPY27" s="8"/>
      <c r="KPZ27" s="8"/>
      <c r="KQA27" s="8"/>
      <c r="KQB27" s="8"/>
      <c r="KQC27" s="8"/>
      <c r="KQD27" s="8"/>
      <c r="KQE27" s="8"/>
      <c r="KQF27" s="8"/>
      <c r="KQG27" s="8"/>
      <c r="KQH27" s="8"/>
      <c r="KQI27" s="8"/>
      <c r="KQJ27" s="8"/>
      <c r="KQK27" s="8"/>
      <c r="KQL27" s="8"/>
      <c r="KQM27" s="8"/>
      <c r="KQN27" s="8"/>
      <c r="KQO27" s="8"/>
      <c r="KQP27" s="8"/>
      <c r="KQQ27" s="8"/>
      <c r="KQR27" s="8"/>
      <c r="KQS27" s="8"/>
      <c r="KQT27" s="8"/>
      <c r="KQU27" s="8"/>
      <c r="KQV27" s="8"/>
      <c r="KQW27" s="8"/>
      <c r="KQX27" s="8"/>
      <c r="KQY27" s="8"/>
      <c r="KQZ27" s="8"/>
      <c r="KRA27" s="8"/>
      <c r="KRB27" s="8"/>
      <c r="KRC27" s="8"/>
      <c r="KRD27" s="8"/>
      <c r="KRE27" s="8"/>
      <c r="KRF27" s="8"/>
      <c r="KRG27" s="8"/>
      <c r="KRH27" s="8"/>
      <c r="KRI27" s="8"/>
      <c r="KRJ27" s="8"/>
      <c r="KRK27" s="8"/>
      <c r="KRL27" s="8"/>
      <c r="KRM27" s="8"/>
      <c r="KRN27" s="8"/>
      <c r="KRO27" s="8"/>
      <c r="KRP27" s="8"/>
      <c r="KRQ27" s="8"/>
      <c r="KRR27" s="8"/>
      <c r="KRS27" s="8"/>
      <c r="KRT27" s="8"/>
      <c r="KRU27" s="8"/>
      <c r="KRV27" s="8"/>
      <c r="KRW27" s="8"/>
      <c r="KRX27" s="8"/>
      <c r="KRY27" s="8"/>
      <c r="KRZ27" s="8"/>
      <c r="KSA27" s="8"/>
      <c r="KSB27" s="8"/>
      <c r="KSC27" s="8"/>
      <c r="KSD27" s="8"/>
      <c r="KSE27" s="8"/>
      <c r="KSF27" s="8"/>
      <c r="KSG27" s="8"/>
      <c r="KSH27" s="8"/>
      <c r="KSI27" s="8"/>
      <c r="KSJ27" s="8"/>
      <c r="KSK27" s="8"/>
      <c r="KSL27" s="8"/>
      <c r="KSM27" s="8"/>
      <c r="KSN27" s="8"/>
      <c r="KSO27" s="8"/>
      <c r="KSP27" s="8"/>
      <c r="KSQ27" s="8"/>
      <c r="KSR27" s="8"/>
      <c r="KSS27" s="8"/>
      <c r="KST27" s="8"/>
      <c r="KSU27" s="8"/>
      <c r="KSV27" s="8"/>
      <c r="KSW27" s="8"/>
      <c r="KSX27" s="8"/>
      <c r="KSY27" s="8"/>
      <c r="KSZ27" s="8"/>
      <c r="KTA27" s="8"/>
      <c r="KTB27" s="8"/>
      <c r="KTC27" s="8"/>
      <c r="KTD27" s="8"/>
      <c r="KTE27" s="8"/>
      <c r="KTF27" s="8"/>
      <c r="KTG27" s="8"/>
      <c r="KTH27" s="8"/>
      <c r="KTI27" s="8"/>
      <c r="KTJ27" s="8"/>
      <c r="KTK27" s="8"/>
      <c r="KTL27" s="8"/>
      <c r="KTM27" s="8"/>
      <c r="KTN27" s="8"/>
      <c r="KTO27" s="8"/>
      <c r="KTP27" s="8"/>
      <c r="KTQ27" s="8"/>
      <c r="KTR27" s="8"/>
      <c r="KTS27" s="8"/>
      <c r="KTT27" s="8"/>
      <c r="KTU27" s="8"/>
      <c r="KTV27" s="8"/>
      <c r="KTW27" s="8"/>
      <c r="KTX27" s="8"/>
      <c r="KTY27" s="8"/>
      <c r="KTZ27" s="8"/>
      <c r="KUA27" s="8"/>
      <c r="KUB27" s="8"/>
      <c r="KUC27" s="8"/>
      <c r="KUD27" s="8"/>
      <c r="KUE27" s="8"/>
      <c r="KUF27" s="8"/>
      <c r="KUG27" s="8"/>
      <c r="KUH27" s="8"/>
      <c r="KUI27" s="8"/>
      <c r="KUJ27" s="8"/>
      <c r="KUK27" s="8"/>
      <c r="KUL27" s="8"/>
      <c r="KUM27" s="8"/>
      <c r="KUN27" s="8"/>
      <c r="KUO27" s="8"/>
      <c r="KUP27" s="8"/>
      <c r="KUQ27" s="8"/>
      <c r="KUR27" s="8"/>
      <c r="KUS27" s="8"/>
      <c r="KUT27" s="8"/>
      <c r="KUU27" s="8"/>
      <c r="KUV27" s="8"/>
      <c r="KUW27" s="8"/>
      <c r="KUX27" s="8"/>
      <c r="KUY27" s="8"/>
      <c r="KUZ27" s="8"/>
      <c r="KVA27" s="8"/>
      <c r="KVB27" s="8"/>
      <c r="KVC27" s="8"/>
      <c r="KVD27" s="8"/>
      <c r="KVE27" s="8"/>
      <c r="KVF27" s="8"/>
      <c r="KVG27" s="8"/>
      <c r="KVH27" s="8"/>
      <c r="KVI27" s="8"/>
      <c r="KVJ27" s="8"/>
      <c r="KVK27" s="8"/>
      <c r="KVL27" s="8"/>
      <c r="KVM27" s="8"/>
      <c r="KVN27" s="8"/>
      <c r="KVO27" s="8"/>
      <c r="KVP27" s="8"/>
      <c r="KVQ27" s="8"/>
      <c r="KVR27" s="8"/>
      <c r="KVS27" s="8"/>
      <c r="KVT27" s="8"/>
      <c r="KVU27" s="8"/>
      <c r="KVV27" s="8"/>
      <c r="KVW27" s="8"/>
      <c r="KVX27" s="8"/>
      <c r="KVY27" s="8"/>
      <c r="KVZ27" s="8"/>
      <c r="KWA27" s="8"/>
      <c r="KWB27" s="8"/>
      <c r="KWC27" s="8"/>
      <c r="KWD27" s="8"/>
      <c r="KWE27" s="8"/>
      <c r="KWF27" s="8"/>
      <c r="KWG27" s="8"/>
      <c r="KWH27" s="8"/>
      <c r="KWI27" s="8"/>
      <c r="KWJ27" s="8"/>
      <c r="KWK27" s="8"/>
      <c r="KWL27" s="8"/>
      <c r="KWM27" s="8"/>
      <c r="KWN27" s="8"/>
      <c r="KWO27" s="8"/>
      <c r="KWP27" s="8"/>
      <c r="KWQ27" s="8"/>
      <c r="KWR27" s="8"/>
      <c r="KWS27" s="8"/>
      <c r="KWT27" s="8"/>
      <c r="KWU27" s="8"/>
      <c r="KWV27" s="8"/>
      <c r="KWW27" s="8"/>
      <c r="KWX27" s="8"/>
      <c r="KWY27" s="8"/>
      <c r="KWZ27" s="8"/>
      <c r="KXA27" s="8"/>
      <c r="KXB27" s="8"/>
      <c r="KXC27" s="8"/>
      <c r="KXD27" s="8"/>
      <c r="KXE27" s="8"/>
      <c r="KXF27" s="8"/>
      <c r="KXG27" s="8"/>
      <c r="KXH27" s="8"/>
      <c r="KXI27" s="8"/>
      <c r="KXJ27" s="8"/>
      <c r="KXK27" s="8"/>
      <c r="KXL27" s="8"/>
      <c r="KXM27" s="8"/>
      <c r="KXN27" s="8"/>
      <c r="KXO27" s="8"/>
      <c r="KXP27" s="8"/>
      <c r="KXQ27" s="8"/>
      <c r="KXR27" s="8"/>
      <c r="KXS27" s="8"/>
      <c r="KXT27" s="8"/>
      <c r="KXU27" s="8"/>
      <c r="KXV27" s="8"/>
      <c r="KXW27" s="8"/>
      <c r="KXX27" s="8"/>
      <c r="KXY27" s="8"/>
      <c r="KXZ27" s="8"/>
      <c r="KYA27" s="8"/>
      <c r="KYB27" s="8"/>
      <c r="KYC27" s="8"/>
      <c r="KYD27" s="8"/>
      <c r="KYE27" s="8"/>
      <c r="KYF27" s="8"/>
      <c r="KYG27" s="8"/>
      <c r="KYH27" s="8"/>
      <c r="KYI27" s="8"/>
      <c r="KYJ27" s="8"/>
      <c r="KYK27" s="8"/>
      <c r="KYL27" s="8"/>
      <c r="KYM27" s="8"/>
      <c r="KYN27" s="8"/>
      <c r="KYO27" s="8"/>
      <c r="KYP27" s="8"/>
      <c r="KYQ27" s="8"/>
      <c r="KYR27" s="8"/>
      <c r="KYS27" s="8"/>
      <c r="KYT27" s="8"/>
      <c r="KYU27" s="8"/>
      <c r="KYV27" s="8"/>
      <c r="KYW27" s="8"/>
      <c r="KYX27" s="8"/>
      <c r="KYY27" s="8"/>
      <c r="KYZ27" s="8"/>
      <c r="KZA27" s="8"/>
      <c r="KZB27" s="8"/>
      <c r="KZC27" s="8"/>
      <c r="KZD27" s="8"/>
      <c r="KZE27" s="8"/>
      <c r="KZF27" s="8"/>
      <c r="KZG27" s="8"/>
      <c r="KZH27" s="8"/>
      <c r="KZI27" s="8"/>
      <c r="KZJ27" s="8"/>
      <c r="KZK27" s="8"/>
      <c r="KZL27" s="8"/>
      <c r="KZM27" s="8"/>
      <c r="KZN27" s="8"/>
      <c r="KZO27" s="8"/>
      <c r="KZP27" s="8"/>
      <c r="KZQ27" s="8"/>
      <c r="KZR27" s="8"/>
      <c r="KZS27" s="8"/>
      <c r="KZT27" s="8"/>
      <c r="KZU27" s="8"/>
      <c r="KZV27" s="8"/>
      <c r="KZW27" s="8"/>
      <c r="KZX27" s="8"/>
      <c r="KZY27" s="8"/>
      <c r="KZZ27" s="8"/>
      <c r="LAA27" s="8"/>
      <c r="LAB27" s="8"/>
      <c r="LAC27" s="8"/>
      <c r="LAD27" s="8"/>
      <c r="LAE27" s="8"/>
      <c r="LAF27" s="8"/>
      <c r="LAG27" s="8"/>
      <c r="LAH27" s="8"/>
      <c r="LAI27" s="8"/>
      <c r="LAJ27" s="8"/>
      <c r="LAK27" s="8"/>
      <c r="LAL27" s="8"/>
      <c r="LAM27" s="8"/>
      <c r="LAN27" s="8"/>
      <c r="LAO27" s="8"/>
      <c r="LAP27" s="8"/>
      <c r="LAQ27" s="8"/>
      <c r="LAR27" s="8"/>
      <c r="LAS27" s="8"/>
      <c r="LAT27" s="8"/>
      <c r="LAU27" s="8"/>
      <c r="LAV27" s="8"/>
      <c r="LAW27" s="8"/>
      <c r="LAX27" s="8"/>
      <c r="LAY27" s="8"/>
      <c r="LAZ27" s="8"/>
      <c r="LBA27" s="8"/>
      <c r="LBB27" s="8"/>
      <c r="LBC27" s="8"/>
      <c r="LBD27" s="8"/>
      <c r="LBE27" s="8"/>
      <c r="LBF27" s="8"/>
      <c r="LBG27" s="8"/>
      <c r="LBH27" s="8"/>
      <c r="LBI27" s="8"/>
      <c r="LBJ27" s="8"/>
      <c r="LBK27" s="8"/>
      <c r="LBL27" s="8"/>
      <c r="LBM27" s="8"/>
      <c r="LBN27" s="8"/>
      <c r="LBO27" s="8"/>
      <c r="LBP27" s="8"/>
      <c r="LBQ27" s="8"/>
      <c r="LBR27" s="8"/>
      <c r="LBS27" s="8"/>
      <c r="LBT27" s="8"/>
      <c r="LBU27" s="8"/>
      <c r="LBV27" s="8"/>
      <c r="LBW27" s="8"/>
      <c r="LBX27" s="8"/>
      <c r="LBY27" s="8"/>
      <c r="LBZ27" s="8"/>
      <c r="LCA27" s="8"/>
      <c r="LCB27" s="8"/>
      <c r="LCC27" s="8"/>
      <c r="LCD27" s="8"/>
      <c r="LCE27" s="8"/>
      <c r="LCF27" s="8"/>
      <c r="LCG27" s="8"/>
      <c r="LCH27" s="8"/>
      <c r="LCI27" s="8"/>
      <c r="LCJ27" s="8"/>
      <c r="LCK27" s="8"/>
      <c r="LCL27" s="8"/>
      <c r="LCM27" s="8"/>
      <c r="LCN27" s="8"/>
      <c r="LCO27" s="8"/>
      <c r="LCP27" s="8"/>
      <c r="LCQ27" s="8"/>
      <c r="LCR27" s="8"/>
      <c r="LCS27" s="8"/>
      <c r="LCT27" s="8"/>
      <c r="LCU27" s="8"/>
      <c r="LCV27" s="8"/>
      <c r="LCW27" s="8"/>
      <c r="LCX27" s="8"/>
      <c r="LCY27" s="8"/>
      <c r="LCZ27" s="8"/>
      <c r="LDA27" s="8"/>
      <c r="LDB27" s="8"/>
      <c r="LDC27" s="8"/>
      <c r="LDD27" s="8"/>
      <c r="LDE27" s="8"/>
      <c r="LDF27" s="8"/>
      <c r="LDG27" s="8"/>
      <c r="LDH27" s="8"/>
      <c r="LDI27" s="8"/>
      <c r="LDJ27" s="8"/>
      <c r="LDK27" s="8"/>
      <c r="LDL27" s="8"/>
      <c r="LDM27" s="8"/>
      <c r="LDN27" s="8"/>
      <c r="LDO27" s="8"/>
      <c r="LDP27" s="8"/>
      <c r="LDQ27" s="8"/>
      <c r="LDR27" s="8"/>
      <c r="LDS27" s="8"/>
      <c r="LDT27" s="8"/>
      <c r="LDU27" s="8"/>
      <c r="LDV27" s="8"/>
      <c r="LDW27" s="8"/>
      <c r="LDX27" s="8"/>
      <c r="LDY27" s="8"/>
      <c r="LDZ27" s="8"/>
      <c r="LEA27" s="8"/>
      <c r="LEB27" s="8"/>
      <c r="LEC27" s="8"/>
      <c r="LED27" s="8"/>
      <c r="LEE27" s="8"/>
      <c r="LEF27" s="8"/>
      <c r="LEG27" s="8"/>
      <c r="LEH27" s="8"/>
      <c r="LEI27" s="8"/>
      <c r="LEJ27" s="8"/>
      <c r="LEK27" s="8"/>
      <c r="LEL27" s="8"/>
      <c r="LEM27" s="8"/>
      <c r="LEN27" s="8"/>
      <c r="LEO27" s="8"/>
      <c r="LEP27" s="8"/>
      <c r="LEQ27" s="8"/>
      <c r="LER27" s="8"/>
      <c r="LES27" s="8"/>
      <c r="LET27" s="8"/>
      <c r="LEU27" s="8"/>
      <c r="LEV27" s="8"/>
      <c r="LEW27" s="8"/>
      <c r="LEX27" s="8"/>
      <c r="LEY27" s="8"/>
      <c r="LEZ27" s="8"/>
      <c r="LFA27" s="8"/>
      <c r="LFB27" s="8"/>
      <c r="LFC27" s="8"/>
      <c r="LFD27" s="8"/>
      <c r="LFE27" s="8"/>
      <c r="LFF27" s="8"/>
      <c r="LFG27" s="8"/>
      <c r="LFH27" s="8"/>
      <c r="LFI27" s="8"/>
      <c r="LFJ27" s="8"/>
      <c r="LFK27" s="8"/>
      <c r="LFL27" s="8"/>
      <c r="LFM27" s="8"/>
      <c r="LFN27" s="8"/>
      <c r="LFO27" s="8"/>
      <c r="LFP27" s="8"/>
      <c r="LFQ27" s="8"/>
      <c r="LFR27" s="8"/>
      <c r="LFS27" s="8"/>
      <c r="LFT27" s="8"/>
      <c r="LFU27" s="8"/>
      <c r="LFV27" s="8"/>
      <c r="LFW27" s="8"/>
      <c r="LFX27" s="8"/>
      <c r="LFY27" s="8"/>
      <c r="LFZ27" s="8"/>
      <c r="LGA27" s="8"/>
      <c r="LGB27" s="8"/>
      <c r="LGC27" s="8"/>
      <c r="LGD27" s="8"/>
      <c r="LGE27" s="8"/>
      <c r="LGF27" s="8"/>
      <c r="LGG27" s="8"/>
      <c r="LGH27" s="8"/>
      <c r="LGI27" s="8"/>
      <c r="LGJ27" s="8"/>
      <c r="LGK27" s="8"/>
      <c r="LGL27" s="8"/>
      <c r="LGM27" s="8"/>
      <c r="LGN27" s="8"/>
      <c r="LGO27" s="8"/>
      <c r="LGP27" s="8"/>
      <c r="LGQ27" s="8"/>
      <c r="LGR27" s="8"/>
      <c r="LGS27" s="8"/>
      <c r="LGT27" s="8"/>
      <c r="LGU27" s="8"/>
      <c r="LGV27" s="8"/>
      <c r="LGW27" s="8"/>
      <c r="LGX27" s="8"/>
      <c r="LGY27" s="8"/>
      <c r="LGZ27" s="8"/>
      <c r="LHA27" s="8"/>
      <c r="LHB27" s="8"/>
      <c r="LHC27" s="8"/>
      <c r="LHD27" s="8"/>
      <c r="LHE27" s="8"/>
      <c r="LHF27" s="8"/>
      <c r="LHG27" s="8"/>
      <c r="LHH27" s="8"/>
      <c r="LHI27" s="8"/>
      <c r="LHJ27" s="8"/>
      <c r="LHK27" s="8"/>
      <c r="LHL27" s="8"/>
      <c r="LHM27" s="8"/>
      <c r="LHN27" s="8"/>
      <c r="LHO27" s="8"/>
      <c r="LHP27" s="8"/>
      <c r="LHQ27" s="8"/>
      <c r="LHR27" s="8"/>
      <c r="LHS27" s="8"/>
      <c r="LHT27" s="8"/>
      <c r="LHU27" s="8"/>
      <c r="LHV27" s="8"/>
      <c r="LHW27" s="8"/>
      <c r="LHX27" s="8"/>
      <c r="LHY27" s="8"/>
      <c r="LHZ27" s="8"/>
      <c r="LIA27" s="8"/>
      <c r="LIB27" s="8"/>
      <c r="LIC27" s="8"/>
      <c r="LID27" s="8"/>
      <c r="LIE27" s="8"/>
      <c r="LIF27" s="8"/>
      <c r="LIG27" s="8"/>
      <c r="LIH27" s="8"/>
      <c r="LII27" s="8"/>
      <c r="LIJ27" s="8"/>
      <c r="LIK27" s="8"/>
      <c r="LIL27" s="8"/>
      <c r="LIM27" s="8"/>
      <c r="LIN27" s="8"/>
      <c r="LIO27" s="8"/>
      <c r="LIP27" s="8"/>
      <c r="LIQ27" s="8"/>
      <c r="LIR27" s="8"/>
      <c r="LIS27" s="8"/>
      <c r="LIT27" s="8"/>
      <c r="LIU27" s="8"/>
      <c r="LIV27" s="8"/>
      <c r="LIW27" s="8"/>
      <c r="LIX27" s="8"/>
      <c r="LIY27" s="8"/>
      <c r="LIZ27" s="8"/>
      <c r="LJA27" s="8"/>
      <c r="LJB27" s="8"/>
      <c r="LJC27" s="8"/>
      <c r="LJD27" s="8"/>
      <c r="LJE27" s="8"/>
      <c r="LJF27" s="8"/>
      <c r="LJG27" s="8"/>
      <c r="LJH27" s="8"/>
      <c r="LJI27" s="8"/>
      <c r="LJJ27" s="8"/>
      <c r="LJK27" s="8"/>
      <c r="LJL27" s="8"/>
      <c r="LJM27" s="8"/>
      <c r="LJN27" s="8"/>
      <c r="LJO27" s="8"/>
      <c r="LJP27" s="8"/>
      <c r="LJQ27" s="8"/>
      <c r="LJR27" s="8"/>
      <c r="LJS27" s="8"/>
      <c r="LJT27" s="8"/>
      <c r="LJU27" s="8"/>
      <c r="LJV27" s="8"/>
      <c r="LJW27" s="8"/>
      <c r="LJX27" s="8"/>
      <c r="LJY27" s="8"/>
      <c r="LJZ27" s="8"/>
      <c r="LKA27" s="8"/>
      <c r="LKB27" s="8"/>
      <c r="LKC27" s="8"/>
      <c r="LKD27" s="8"/>
      <c r="LKE27" s="8"/>
      <c r="LKF27" s="8"/>
      <c r="LKG27" s="8"/>
      <c r="LKH27" s="8"/>
      <c r="LKI27" s="8"/>
      <c r="LKJ27" s="8"/>
      <c r="LKK27" s="8"/>
      <c r="LKL27" s="8"/>
      <c r="LKM27" s="8"/>
      <c r="LKN27" s="8"/>
      <c r="LKO27" s="8"/>
      <c r="LKP27" s="8"/>
      <c r="LKQ27" s="8"/>
      <c r="LKR27" s="8"/>
      <c r="LKS27" s="8"/>
      <c r="LKT27" s="8"/>
      <c r="LKU27" s="8"/>
      <c r="LKV27" s="8"/>
      <c r="LKW27" s="8"/>
      <c r="LKX27" s="8"/>
      <c r="LKY27" s="8"/>
      <c r="LKZ27" s="8"/>
      <c r="LLA27" s="8"/>
      <c r="LLB27" s="8"/>
      <c r="LLC27" s="8"/>
      <c r="LLD27" s="8"/>
      <c r="LLE27" s="8"/>
      <c r="LLF27" s="8"/>
      <c r="LLG27" s="8"/>
      <c r="LLH27" s="8"/>
      <c r="LLI27" s="8"/>
      <c r="LLJ27" s="8"/>
      <c r="LLK27" s="8"/>
      <c r="LLL27" s="8"/>
      <c r="LLM27" s="8"/>
      <c r="LLN27" s="8"/>
      <c r="LLO27" s="8"/>
      <c r="LLP27" s="8"/>
      <c r="LLQ27" s="8"/>
      <c r="LLR27" s="8"/>
      <c r="LLS27" s="8"/>
      <c r="LLT27" s="8"/>
      <c r="LLU27" s="8"/>
      <c r="LLV27" s="8"/>
      <c r="LLW27" s="8"/>
      <c r="LLX27" s="8"/>
      <c r="LLY27" s="8"/>
      <c r="LLZ27" s="8"/>
      <c r="LMA27" s="8"/>
      <c r="LMB27" s="8"/>
      <c r="LMC27" s="8"/>
      <c r="LMD27" s="8"/>
      <c r="LME27" s="8"/>
      <c r="LMF27" s="8"/>
      <c r="LMG27" s="8"/>
      <c r="LMH27" s="8"/>
      <c r="LMI27" s="8"/>
      <c r="LMJ27" s="8"/>
      <c r="LMK27" s="8"/>
      <c r="LML27" s="8"/>
      <c r="LMM27" s="8"/>
      <c r="LMN27" s="8"/>
      <c r="LMO27" s="8"/>
      <c r="LMP27" s="8"/>
      <c r="LMQ27" s="8"/>
      <c r="LMR27" s="8"/>
      <c r="LMS27" s="8"/>
      <c r="LMT27" s="8"/>
      <c r="LMU27" s="8"/>
      <c r="LMV27" s="8"/>
      <c r="LMW27" s="8"/>
      <c r="LMX27" s="8"/>
      <c r="LMY27" s="8"/>
      <c r="LMZ27" s="8"/>
      <c r="LNA27" s="8"/>
      <c r="LNB27" s="8"/>
      <c r="LNC27" s="8"/>
      <c r="LND27" s="8"/>
      <c r="LNE27" s="8"/>
      <c r="LNF27" s="8"/>
      <c r="LNG27" s="8"/>
      <c r="LNH27" s="8"/>
      <c r="LNI27" s="8"/>
      <c r="LNJ27" s="8"/>
      <c r="LNK27" s="8"/>
      <c r="LNL27" s="8"/>
      <c r="LNM27" s="8"/>
      <c r="LNN27" s="8"/>
      <c r="LNO27" s="8"/>
      <c r="LNP27" s="8"/>
      <c r="LNQ27" s="8"/>
      <c r="LNR27" s="8"/>
      <c r="LNS27" s="8"/>
      <c r="LNT27" s="8"/>
      <c r="LNU27" s="8"/>
      <c r="LNV27" s="8"/>
      <c r="LNW27" s="8"/>
      <c r="LNX27" s="8"/>
      <c r="LNY27" s="8"/>
      <c r="LNZ27" s="8"/>
      <c r="LOA27" s="8"/>
      <c r="LOB27" s="8"/>
      <c r="LOC27" s="8"/>
      <c r="LOD27" s="8"/>
      <c r="LOE27" s="8"/>
      <c r="LOF27" s="8"/>
      <c r="LOG27" s="8"/>
      <c r="LOH27" s="8"/>
      <c r="LOI27" s="8"/>
      <c r="LOJ27" s="8"/>
      <c r="LOK27" s="8"/>
      <c r="LOL27" s="8"/>
      <c r="LOM27" s="8"/>
      <c r="LON27" s="8"/>
      <c r="LOO27" s="8"/>
      <c r="LOP27" s="8"/>
      <c r="LOQ27" s="8"/>
      <c r="LOR27" s="8"/>
      <c r="LOS27" s="8"/>
      <c r="LOT27" s="8"/>
      <c r="LOU27" s="8"/>
      <c r="LOV27" s="8"/>
      <c r="LOW27" s="8"/>
      <c r="LOX27" s="8"/>
      <c r="LOY27" s="8"/>
      <c r="LOZ27" s="8"/>
      <c r="LPA27" s="8"/>
      <c r="LPB27" s="8"/>
      <c r="LPC27" s="8"/>
      <c r="LPD27" s="8"/>
      <c r="LPE27" s="8"/>
      <c r="LPF27" s="8"/>
      <c r="LPG27" s="8"/>
      <c r="LPH27" s="8"/>
      <c r="LPI27" s="8"/>
      <c r="LPJ27" s="8"/>
      <c r="LPK27" s="8"/>
      <c r="LPL27" s="8"/>
      <c r="LPM27" s="8"/>
      <c r="LPN27" s="8"/>
      <c r="LPO27" s="8"/>
      <c r="LPP27" s="8"/>
      <c r="LPQ27" s="8"/>
      <c r="LPR27" s="8"/>
      <c r="LPS27" s="8"/>
      <c r="LPT27" s="8"/>
      <c r="LPU27" s="8"/>
      <c r="LPV27" s="8"/>
      <c r="LPW27" s="8"/>
      <c r="LPX27" s="8"/>
      <c r="LPY27" s="8"/>
      <c r="LPZ27" s="8"/>
      <c r="LQA27" s="8"/>
      <c r="LQB27" s="8"/>
      <c r="LQC27" s="8"/>
      <c r="LQD27" s="8"/>
      <c r="LQE27" s="8"/>
      <c r="LQF27" s="8"/>
      <c r="LQG27" s="8"/>
      <c r="LQH27" s="8"/>
      <c r="LQI27" s="8"/>
      <c r="LQJ27" s="8"/>
      <c r="LQK27" s="8"/>
      <c r="LQL27" s="8"/>
      <c r="LQM27" s="8"/>
      <c r="LQN27" s="8"/>
      <c r="LQO27" s="8"/>
      <c r="LQP27" s="8"/>
      <c r="LQQ27" s="8"/>
      <c r="LQR27" s="8"/>
      <c r="LQS27" s="8"/>
      <c r="LQT27" s="8"/>
      <c r="LQU27" s="8"/>
      <c r="LQV27" s="8"/>
      <c r="LQW27" s="8"/>
      <c r="LQX27" s="8"/>
      <c r="LQY27" s="8"/>
      <c r="LQZ27" s="8"/>
      <c r="LRA27" s="8"/>
      <c r="LRB27" s="8"/>
      <c r="LRC27" s="8"/>
      <c r="LRD27" s="8"/>
      <c r="LRE27" s="8"/>
      <c r="LRF27" s="8"/>
      <c r="LRG27" s="8"/>
      <c r="LRH27" s="8"/>
      <c r="LRI27" s="8"/>
      <c r="LRJ27" s="8"/>
      <c r="LRK27" s="8"/>
      <c r="LRL27" s="8"/>
      <c r="LRM27" s="8"/>
      <c r="LRN27" s="8"/>
      <c r="LRO27" s="8"/>
      <c r="LRP27" s="8"/>
      <c r="LRQ27" s="8"/>
      <c r="LRR27" s="8"/>
      <c r="LRS27" s="8"/>
      <c r="LRT27" s="8"/>
      <c r="LRU27" s="8"/>
      <c r="LRV27" s="8"/>
      <c r="LRW27" s="8"/>
      <c r="LRX27" s="8"/>
      <c r="LRY27" s="8"/>
      <c r="LRZ27" s="8"/>
      <c r="LSA27" s="8"/>
      <c r="LSB27" s="8"/>
      <c r="LSC27" s="8"/>
      <c r="LSD27" s="8"/>
      <c r="LSE27" s="8"/>
      <c r="LSF27" s="8"/>
      <c r="LSG27" s="8"/>
      <c r="LSH27" s="8"/>
      <c r="LSI27" s="8"/>
      <c r="LSJ27" s="8"/>
      <c r="LSK27" s="8"/>
      <c r="LSL27" s="8"/>
      <c r="LSM27" s="8"/>
      <c r="LSN27" s="8"/>
      <c r="LSO27" s="8"/>
      <c r="LSP27" s="8"/>
      <c r="LSQ27" s="8"/>
      <c r="LSR27" s="8"/>
      <c r="LSS27" s="8"/>
      <c r="LST27" s="8"/>
      <c r="LSU27" s="8"/>
      <c r="LSV27" s="8"/>
      <c r="LSW27" s="8"/>
      <c r="LSX27" s="8"/>
      <c r="LSY27" s="8"/>
      <c r="LSZ27" s="8"/>
      <c r="LTA27" s="8"/>
      <c r="LTB27" s="8"/>
      <c r="LTC27" s="8"/>
      <c r="LTD27" s="8"/>
      <c r="LTE27" s="8"/>
      <c r="LTF27" s="8"/>
      <c r="LTG27" s="8"/>
      <c r="LTH27" s="8"/>
      <c r="LTI27" s="8"/>
      <c r="LTJ27" s="8"/>
      <c r="LTK27" s="8"/>
      <c r="LTL27" s="8"/>
      <c r="LTM27" s="8"/>
      <c r="LTN27" s="8"/>
      <c r="LTO27" s="8"/>
      <c r="LTP27" s="8"/>
      <c r="LTQ27" s="8"/>
      <c r="LTR27" s="8"/>
      <c r="LTS27" s="8"/>
      <c r="LTT27" s="8"/>
      <c r="LTU27" s="8"/>
      <c r="LTV27" s="8"/>
      <c r="LTW27" s="8"/>
      <c r="LTX27" s="8"/>
      <c r="LTY27" s="8"/>
      <c r="LTZ27" s="8"/>
      <c r="LUA27" s="8"/>
      <c r="LUB27" s="8"/>
      <c r="LUC27" s="8"/>
      <c r="LUD27" s="8"/>
      <c r="LUE27" s="8"/>
      <c r="LUF27" s="8"/>
      <c r="LUG27" s="8"/>
      <c r="LUH27" s="8"/>
      <c r="LUI27" s="8"/>
      <c r="LUJ27" s="8"/>
      <c r="LUK27" s="8"/>
      <c r="LUL27" s="8"/>
      <c r="LUM27" s="8"/>
      <c r="LUN27" s="8"/>
      <c r="LUO27" s="8"/>
      <c r="LUP27" s="8"/>
      <c r="LUQ27" s="8"/>
      <c r="LUR27" s="8"/>
      <c r="LUS27" s="8"/>
      <c r="LUT27" s="8"/>
      <c r="LUU27" s="8"/>
      <c r="LUV27" s="8"/>
      <c r="LUW27" s="8"/>
      <c r="LUX27" s="8"/>
      <c r="LUY27" s="8"/>
      <c r="LUZ27" s="8"/>
      <c r="LVA27" s="8"/>
      <c r="LVB27" s="8"/>
      <c r="LVC27" s="8"/>
      <c r="LVD27" s="8"/>
      <c r="LVE27" s="8"/>
      <c r="LVF27" s="8"/>
      <c r="LVG27" s="8"/>
      <c r="LVH27" s="8"/>
      <c r="LVI27" s="8"/>
      <c r="LVJ27" s="8"/>
      <c r="LVK27" s="8"/>
      <c r="LVL27" s="8"/>
      <c r="LVM27" s="8"/>
      <c r="LVN27" s="8"/>
      <c r="LVO27" s="8"/>
      <c r="LVP27" s="8"/>
      <c r="LVQ27" s="8"/>
      <c r="LVR27" s="8"/>
      <c r="LVS27" s="8"/>
      <c r="LVT27" s="8"/>
      <c r="LVU27" s="8"/>
      <c r="LVV27" s="8"/>
      <c r="LVW27" s="8"/>
      <c r="LVX27" s="8"/>
      <c r="LVY27" s="8"/>
      <c r="LVZ27" s="8"/>
      <c r="LWA27" s="8"/>
      <c r="LWB27" s="8"/>
      <c r="LWC27" s="8"/>
      <c r="LWD27" s="8"/>
      <c r="LWE27" s="8"/>
      <c r="LWF27" s="8"/>
      <c r="LWG27" s="8"/>
      <c r="LWH27" s="8"/>
      <c r="LWI27" s="8"/>
      <c r="LWJ27" s="8"/>
      <c r="LWK27" s="8"/>
      <c r="LWL27" s="8"/>
      <c r="LWM27" s="8"/>
      <c r="LWN27" s="8"/>
      <c r="LWO27" s="8"/>
      <c r="LWP27" s="8"/>
      <c r="LWQ27" s="8"/>
      <c r="LWR27" s="8"/>
      <c r="LWS27" s="8"/>
      <c r="LWT27" s="8"/>
      <c r="LWU27" s="8"/>
      <c r="LWV27" s="8"/>
      <c r="LWW27" s="8"/>
      <c r="LWX27" s="8"/>
      <c r="LWY27" s="8"/>
      <c r="LWZ27" s="8"/>
      <c r="LXA27" s="8"/>
      <c r="LXB27" s="8"/>
      <c r="LXC27" s="8"/>
      <c r="LXD27" s="8"/>
      <c r="LXE27" s="8"/>
      <c r="LXF27" s="8"/>
      <c r="LXG27" s="8"/>
      <c r="LXH27" s="8"/>
      <c r="LXI27" s="8"/>
      <c r="LXJ27" s="8"/>
      <c r="LXK27" s="8"/>
      <c r="LXL27" s="8"/>
      <c r="LXM27" s="8"/>
      <c r="LXN27" s="8"/>
      <c r="LXO27" s="8"/>
      <c r="LXP27" s="8"/>
      <c r="LXQ27" s="8"/>
      <c r="LXR27" s="8"/>
      <c r="LXS27" s="8"/>
      <c r="LXT27" s="8"/>
      <c r="LXU27" s="8"/>
      <c r="LXV27" s="8"/>
      <c r="LXW27" s="8"/>
      <c r="LXX27" s="8"/>
      <c r="LXY27" s="8"/>
      <c r="LXZ27" s="8"/>
      <c r="LYA27" s="8"/>
      <c r="LYB27" s="8"/>
      <c r="LYC27" s="8"/>
      <c r="LYD27" s="8"/>
      <c r="LYE27" s="8"/>
      <c r="LYF27" s="8"/>
      <c r="LYG27" s="8"/>
      <c r="LYH27" s="8"/>
      <c r="LYI27" s="8"/>
      <c r="LYJ27" s="8"/>
      <c r="LYK27" s="8"/>
      <c r="LYL27" s="8"/>
      <c r="LYM27" s="8"/>
      <c r="LYN27" s="8"/>
      <c r="LYO27" s="8"/>
      <c r="LYP27" s="8"/>
      <c r="LYQ27" s="8"/>
      <c r="LYR27" s="8"/>
      <c r="LYS27" s="8"/>
      <c r="LYT27" s="8"/>
      <c r="LYU27" s="8"/>
      <c r="LYV27" s="8"/>
      <c r="LYW27" s="8"/>
      <c r="LYX27" s="8"/>
      <c r="LYY27" s="8"/>
      <c r="LYZ27" s="8"/>
      <c r="LZA27" s="8"/>
      <c r="LZB27" s="8"/>
      <c r="LZC27" s="8"/>
      <c r="LZD27" s="8"/>
      <c r="LZE27" s="8"/>
      <c r="LZF27" s="8"/>
      <c r="LZG27" s="8"/>
      <c r="LZH27" s="8"/>
      <c r="LZI27" s="8"/>
      <c r="LZJ27" s="8"/>
      <c r="LZK27" s="8"/>
      <c r="LZL27" s="8"/>
      <c r="LZM27" s="8"/>
      <c r="LZN27" s="8"/>
      <c r="LZO27" s="8"/>
      <c r="LZP27" s="8"/>
      <c r="LZQ27" s="8"/>
      <c r="LZR27" s="8"/>
      <c r="LZS27" s="8"/>
      <c r="LZT27" s="8"/>
      <c r="LZU27" s="8"/>
      <c r="LZV27" s="8"/>
      <c r="LZW27" s="8"/>
      <c r="LZX27" s="8"/>
      <c r="LZY27" s="8"/>
      <c r="LZZ27" s="8"/>
      <c r="MAA27" s="8"/>
      <c r="MAB27" s="8"/>
      <c r="MAC27" s="8"/>
      <c r="MAD27" s="8"/>
      <c r="MAE27" s="8"/>
      <c r="MAF27" s="8"/>
      <c r="MAG27" s="8"/>
      <c r="MAH27" s="8"/>
      <c r="MAI27" s="8"/>
      <c r="MAJ27" s="8"/>
      <c r="MAK27" s="8"/>
      <c r="MAL27" s="8"/>
      <c r="MAM27" s="8"/>
      <c r="MAN27" s="8"/>
      <c r="MAO27" s="8"/>
      <c r="MAP27" s="8"/>
      <c r="MAQ27" s="8"/>
      <c r="MAR27" s="8"/>
      <c r="MAS27" s="8"/>
      <c r="MAT27" s="8"/>
      <c r="MAU27" s="8"/>
      <c r="MAV27" s="8"/>
      <c r="MAW27" s="8"/>
      <c r="MAX27" s="8"/>
      <c r="MAY27" s="8"/>
      <c r="MAZ27" s="8"/>
      <c r="MBA27" s="8"/>
      <c r="MBB27" s="8"/>
      <c r="MBC27" s="8"/>
      <c r="MBD27" s="8"/>
      <c r="MBE27" s="8"/>
      <c r="MBF27" s="8"/>
      <c r="MBG27" s="8"/>
      <c r="MBH27" s="8"/>
      <c r="MBI27" s="8"/>
      <c r="MBJ27" s="8"/>
      <c r="MBK27" s="8"/>
      <c r="MBL27" s="8"/>
      <c r="MBM27" s="8"/>
      <c r="MBN27" s="8"/>
      <c r="MBO27" s="8"/>
      <c r="MBP27" s="8"/>
      <c r="MBQ27" s="8"/>
      <c r="MBR27" s="8"/>
      <c r="MBS27" s="8"/>
      <c r="MBT27" s="8"/>
      <c r="MBU27" s="8"/>
      <c r="MBV27" s="8"/>
      <c r="MBW27" s="8"/>
      <c r="MBX27" s="8"/>
      <c r="MBY27" s="8"/>
      <c r="MBZ27" s="8"/>
      <c r="MCA27" s="8"/>
      <c r="MCB27" s="8"/>
      <c r="MCC27" s="8"/>
      <c r="MCD27" s="8"/>
      <c r="MCE27" s="8"/>
      <c r="MCF27" s="8"/>
      <c r="MCG27" s="8"/>
      <c r="MCH27" s="8"/>
      <c r="MCI27" s="8"/>
      <c r="MCJ27" s="8"/>
      <c r="MCK27" s="8"/>
      <c r="MCL27" s="8"/>
      <c r="MCM27" s="8"/>
      <c r="MCN27" s="8"/>
      <c r="MCO27" s="8"/>
      <c r="MCP27" s="8"/>
      <c r="MCQ27" s="8"/>
      <c r="MCR27" s="8"/>
      <c r="MCS27" s="8"/>
      <c r="MCT27" s="8"/>
      <c r="MCU27" s="8"/>
      <c r="MCV27" s="8"/>
      <c r="MCW27" s="8"/>
      <c r="MCX27" s="8"/>
      <c r="MCY27" s="8"/>
      <c r="MCZ27" s="8"/>
      <c r="MDA27" s="8"/>
      <c r="MDB27" s="8"/>
      <c r="MDC27" s="8"/>
      <c r="MDD27" s="8"/>
      <c r="MDE27" s="8"/>
      <c r="MDF27" s="8"/>
      <c r="MDG27" s="8"/>
      <c r="MDH27" s="8"/>
      <c r="MDI27" s="8"/>
      <c r="MDJ27" s="8"/>
      <c r="MDK27" s="8"/>
      <c r="MDL27" s="8"/>
      <c r="MDM27" s="8"/>
      <c r="MDN27" s="8"/>
      <c r="MDO27" s="8"/>
      <c r="MDP27" s="8"/>
      <c r="MDQ27" s="8"/>
      <c r="MDR27" s="8"/>
      <c r="MDS27" s="8"/>
      <c r="MDT27" s="8"/>
      <c r="MDU27" s="8"/>
      <c r="MDV27" s="8"/>
      <c r="MDW27" s="8"/>
      <c r="MDX27" s="8"/>
      <c r="MDY27" s="8"/>
      <c r="MDZ27" s="8"/>
      <c r="MEA27" s="8"/>
      <c r="MEB27" s="8"/>
      <c r="MEC27" s="8"/>
      <c r="MED27" s="8"/>
      <c r="MEE27" s="8"/>
      <c r="MEF27" s="8"/>
      <c r="MEG27" s="8"/>
      <c r="MEH27" s="8"/>
      <c r="MEI27" s="8"/>
      <c r="MEJ27" s="8"/>
      <c r="MEK27" s="8"/>
      <c r="MEL27" s="8"/>
      <c r="MEM27" s="8"/>
      <c r="MEN27" s="8"/>
      <c r="MEO27" s="8"/>
      <c r="MEP27" s="8"/>
      <c r="MEQ27" s="8"/>
      <c r="MER27" s="8"/>
      <c r="MES27" s="8"/>
      <c r="MET27" s="8"/>
      <c r="MEU27" s="8"/>
      <c r="MEV27" s="8"/>
      <c r="MEW27" s="8"/>
      <c r="MEX27" s="8"/>
      <c r="MEY27" s="8"/>
      <c r="MEZ27" s="8"/>
      <c r="MFA27" s="8"/>
      <c r="MFB27" s="8"/>
      <c r="MFC27" s="8"/>
      <c r="MFD27" s="8"/>
      <c r="MFE27" s="8"/>
      <c r="MFF27" s="8"/>
      <c r="MFG27" s="8"/>
      <c r="MFH27" s="8"/>
      <c r="MFI27" s="8"/>
      <c r="MFJ27" s="8"/>
      <c r="MFK27" s="8"/>
      <c r="MFL27" s="8"/>
      <c r="MFM27" s="8"/>
      <c r="MFN27" s="8"/>
      <c r="MFO27" s="8"/>
      <c r="MFP27" s="8"/>
      <c r="MFQ27" s="8"/>
      <c r="MFR27" s="8"/>
      <c r="MFS27" s="8"/>
      <c r="MFT27" s="8"/>
      <c r="MFU27" s="8"/>
      <c r="MFV27" s="8"/>
      <c r="MFW27" s="8"/>
      <c r="MFX27" s="8"/>
      <c r="MFY27" s="8"/>
      <c r="MFZ27" s="8"/>
      <c r="MGA27" s="8"/>
      <c r="MGB27" s="8"/>
      <c r="MGC27" s="8"/>
      <c r="MGD27" s="8"/>
      <c r="MGE27" s="8"/>
      <c r="MGF27" s="8"/>
      <c r="MGG27" s="8"/>
      <c r="MGH27" s="8"/>
      <c r="MGI27" s="8"/>
      <c r="MGJ27" s="8"/>
      <c r="MGK27" s="8"/>
      <c r="MGL27" s="8"/>
      <c r="MGM27" s="8"/>
      <c r="MGN27" s="8"/>
      <c r="MGO27" s="8"/>
      <c r="MGP27" s="8"/>
      <c r="MGQ27" s="8"/>
      <c r="MGR27" s="8"/>
      <c r="MGS27" s="8"/>
      <c r="MGT27" s="8"/>
      <c r="MGU27" s="8"/>
      <c r="MGV27" s="8"/>
      <c r="MGW27" s="8"/>
      <c r="MGX27" s="8"/>
      <c r="MGY27" s="8"/>
      <c r="MGZ27" s="8"/>
      <c r="MHA27" s="8"/>
      <c r="MHB27" s="8"/>
      <c r="MHC27" s="8"/>
      <c r="MHD27" s="8"/>
      <c r="MHE27" s="8"/>
      <c r="MHF27" s="8"/>
      <c r="MHG27" s="8"/>
      <c r="MHH27" s="8"/>
      <c r="MHI27" s="8"/>
      <c r="MHJ27" s="8"/>
      <c r="MHK27" s="8"/>
      <c r="MHL27" s="8"/>
      <c r="MHM27" s="8"/>
      <c r="MHN27" s="8"/>
      <c r="MHO27" s="8"/>
      <c r="MHP27" s="8"/>
      <c r="MHQ27" s="8"/>
      <c r="MHR27" s="8"/>
      <c r="MHS27" s="8"/>
      <c r="MHT27" s="8"/>
      <c r="MHU27" s="8"/>
      <c r="MHV27" s="8"/>
      <c r="MHW27" s="8"/>
      <c r="MHX27" s="8"/>
      <c r="MHY27" s="8"/>
      <c r="MHZ27" s="8"/>
      <c r="MIA27" s="8"/>
      <c r="MIB27" s="8"/>
      <c r="MIC27" s="8"/>
      <c r="MID27" s="8"/>
      <c r="MIE27" s="8"/>
      <c r="MIF27" s="8"/>
      <c r="MIG27" s="8"/>
      <c r="MIH27" s="8"/>
      <c r="MII27" s="8"/>
      <c r="MIJ27" s="8"/>
      <c r="MIK27" s="8"/>
      <c r="MIL27" s="8"/>
      <c r="MIM27" s="8"/>
      <c r="MIN27" s="8"/>
      <c r="MIO27" s="8"/>
      <c r="MIP27" s="8"/>
      <c r="MIQ27" s="8"/>
      <c r="MIR27" s="8"/>
      <c r="MIS27" s="8"/>
      <c r="MIT27" s="8"/>
      <c r="MIU27" s="8"/>
      <c r="MIV27" s="8"/>
      <c r="MIW27" s="8"/>
      <c r="MIX27" s="8"/>
      <c r="MIY27" s="8"/>
      <c r="MIZ27" s="8"/>
      <c r="MJA27" s="8"/>
      <c r="MJB27" s="8"/>
      <c r="MJC27" s="8"/>
      <c r="MJD27" s="8"/>
      <c r="MJE27" s="8"/>
      <c r="MJF27" s="8"/>
      <c r="MJG27" s="8"/>
      <c r="MJH27" s="8"/>
      <c r="MJI27" s="8"/>
      <c r="MJJ27" s="8"/>
      <c r="MJK27" s="8"/>
      <c r="MJL27" s="8"/>
      <c r="MJM27" s="8"/>
      <c r="MJN27" s="8"/>
      <c r="MJO27" s="8"/>
      <c r="MJP27" s="8"/>
      <c r="MJQ27" s="8"/>
      <c r="MJR27" s="8"/>
      <c r="MJS27" s="8"/>
      <c r="MJT27" s="8"/>
      <c r="MJU27" s="8"/>
      <c r="MJV27" s="8"/>
      <c r="MJW27" s="8"/>
      <c r="MJX27" s="8"/>
      <c r="MJY27" s="8"/>
      <c r="MJZ27" s="8"/>
      <c r="MKA27" s="8"/>
      <c r="MKB27" s="8"/>
      <c r="MKC27" s="8"/>
      <c r="MKD27" s="8"/>
      <c r="MKE27" s="8"/>
      <c r="MKF27" s="8"/>
      <c r="MKG27" s="8"/>
      <c r="MKH27" s="8"/>
      <c r="MKI27" s="8"/>
      <c r="MKJ27" s="8"/>
      <c r="MKK27" s="8"/>
      <c r="MKL27" s="8"/>
      <c r="MKM27" s="8"/>
      <c r="MKN27" s="8"/>
      <c r="MKO27" s="8"/>
      <c r="MKP27" s="8"/>
      <c r="MKQ27" s="8"/>
      <c r="MKR27" s="8"/>
      <c r="MKS27" s="8"/>
      <c r="MKT27" s="8"/>
      <c r="MKU27" s="8"/>
      <c r="MKV27" s="8"/>
      <c r="MKW27" s="8"/>
      <c r="MKX27" s="8"/>
      <c r="MKY27" s="8"/>
      <c r="MKZ27" s="8"/>
      <c r="MLA27" s="8"/>
      <c r="MLB27" s="8"/>
      <c r="MLC27" s="8"/>
      <c r="MLD27" s="8"/>
      <c r="MLE27" s="8"/>
      <c r="MLF27" s="8"/>
      <c r="MLG27" s="8"/>
      <c r="MLH27" s="8"/>
      <c r="MLI27" s="8"/>
      <c r="MLJ27" s="8"/>
      <c r="MLK27" s="8"/>
      <c r="MLL27" s="8"/>
      <c r="MLM27" s="8"/>
      <c r="MLN27" s="8"/>
      <c r="MLO27" s="8"/>
      <c r="MLP27" s="8"/>
      <c r="MLQ27" s="8"/>
      <c r="MLR27" s="8"/>
      <c r="MLS27" s="8"/>
      <c r="MLT27" s="8"/>
      <c r="MLU27" s="8"/>
      <c r="MLV27" s="8"/>
      <c r="MLW27" s="8"/>
      <c r="MLX27" s="8"/>
      <c r="MLY27" s="8"/>
      <c r="MLZ27" s="8"/>
      <c r="MMA27" s="8"/>
      <c r="MMB27" s="8"/>
      <c r="MMC27" s="8"/>
      <c r="MMD27" s="8"/>
      <c r="MME27" s="8"/>
      <c r="MMF27" s="8"/>
      <c r="MMG27" s="8"/>
      <c r="MMH27" s="8"/>
      <c r="MMI27" s="8"/>
      <c r="MMJ27" s="8"/>
      <c r="MMK27" s="8"/>
      <c r="MML27" s="8"/>
      <c r="MMM27" s="8"/>
      <c r="MMN27" s="8"/>
      <c r="MMO27" s="8"/>
      <c r="MMP27" s="8"/>
      <c r="MMQ27" s="8"/>
      <c r="MMR27" s="8"/>
      <c r="MMS27" s="8"/>
      <c r="MMT27" s="8"/>
      <c r="MMU27" s="8"/>
      <c r="MMV27" s="8"/>
      <c r="MMW27" s="8"/>
      <c r="MMX27" s="8"/>
      <c r="MMY27" s="8"/>
      <c r="MMZ27" s="8"/>
      <c r="MNA27" s="8"/>
      <c r="MNB27" s="8"/>
      <c r="MNC27" s="8"/>
      <c r="MND27" s="8"/>
      <c r="MNE27" s="8"/>
      <c r="MNF27" s="8"/>
      <c r="MNG27" s="8"/>
      <c r="MNH27" s="8"/>
      <c r="MNI27" s="8"/>
      <c r="MNJ27" s="8"/>
      <c r="MNK27" s="8"/>
      <c r="MNL27" s="8"/>
      <c r="MNM27" s="8"/>
      <c r="MNN27" s="8"/>
      <c r="MNO27" s="8"/>
      <c r="MNP27" s="8"/>
      <c r="MNQ27" s="8"/>
      <c r="MNR27" s="8"/>
      <c r="MNS27" s="8"/>
      <c r="MNT27" s="8"/>
      <c r="MNU27" s="8"/>
      <c r="MNV27" s="8"/>
      <c r="MNW27" s="8"/>
      <c r="MNX27" s="8"/>
      <c r="MNY27" s="8"/>
      <c r="MNZ27" s="8"/>
      <c r="MOA27" s="8"/>
      <c r="MOB27" s="8"/>
      <c r="MOC27" s="8"/>
      <c r="MOD27" s="8"/>
      <c r="MOE27" s="8"/>
      <c r="MOF27" s="8"/>
      <c r="MOG27" s="8"/>
      <c r="MOH27" s="8"/>
      <c r="MOI27" s="8"/>
      <c r="MOJ27" s="8"/>
      <c r="MOK27" s="8"/>
      <c r="MOL27" s="8"/>
      <c r="MOM27" s="8"/>
      <c r="MON27" s="8"/>
      <c r="MOO27" s="8"/>
      <c r="MOP27" s="8"/>
      <c r="MOQ27" s="8"/>
      <c r="MOR27" s="8"/>
      <c r="MOS27" s="8"/>
      <c r="MOT27" s="8"/>
      <c r="MOU27" s="8"/>
      <c r="MOV27" s="8"/>
      <c r="MOW27" s="8"/>
      <c r="MOX27" s="8"/>
      <c r="MOY27" s="8"/>
      <c r="MOZ27" s="8"/>
      <c r="MPA27" s="8"/>
      <c r="MPB27" s="8"/>
      <c r="MPC27" s="8"/>
      <c r="MPD27" s="8"/>
      <c r="MPE27" s="8"/>
      <c r="MPF27" s="8"/>
      <c r="MPG27" s="8"/>
      <c r="MPH27" s="8"/>
      <c r="MPI27" s="8"/>
      <c r="MPJ27" s="8"/>
      <c r="MPK27" s="8"/>
      <c r="MPL27" s="8"/>
      <c r="MPM27" s="8"/>
      <c r="MPN27" s="8"/>
      <c r="MPO27" s="8"/>
      <c r="MPP27" s="8"/>
      <c r="MPQ27" s="8"/>
      <c r="MPR27" s="8"/>
      <c r="MPS27" s="8"/>
      <c r="MPT27" s="8"/>
      <c r="MPU27" s="8"/>
      <c r="MPV27" s="8"/>
      <c r="MPW27" s="8"/>
      <c r="MPX27" s="8"/>
      <c r="MPY27" s="8"/>
      <c r="MPZ27" s="8"/>
      <c r="MQA27" s="8"/>
      <c r="MQB27" s="8"/>
      <c r="MQC27" s="8"/>
      <c r="MQD27" s="8"/>
      <c r="MQE27" s="8"/>
      <c r="MQF27" s="8"/>
      <c r="MQG27" s="8"/>
      <c r="MQH27" s="8"/>
      <c r="MQI27" s="8"/>
      <c r="MQJ27" s="8"/>
      <c r="MQK27" s="8"/>
      <c r="MQL27" s="8"/>
      <c r="MQM27" s="8"/>
      <c r="MQN27" s="8"/>
      <c r="MQO27" s="8"/>
      <c r="MQP27" s="8"/>
      <c r="MQQ27" s="8"/>
      <c r="MQR27" s="8"/>
      <c r="MQS27" s="8"/>
      <c r="MQT27" s="8"/>
      <c r="MQU27" s="8"/>
      <c r="MQV27" s="8"/>
      <c r="MQW27" s="8"/>
      <c r="MQX27" s="8"/>
      <c r="MQY27" s="8"/>
      <c r="MQZ27" s="8"/>
      <c r="MRA27" s="8"/>
      <c r="MRB27" s="8"/>
      <c r="MRC27" s="8"/>
      <c r="MRD27" s="8"/>
      <c r="MRE27" s="8"/>
      <c r="MRF27" s="8"/>
      <c r="MRG27" s="8"/>
      <c r="MRH27" s="8"/>
      <c r="MRI27" s="8"/>
      <c r="MRJ27" s="8"/>
      <c r="MRK27" s="8"/>
      <c r="MRL27" s="8"/>
      <c r="MRM27" s="8"/>
      <c r="MRN27" s="8"/>
      <c r="MRO27" s="8"/>
      <c r="MRP27" s="8"/>
      <c r="MRQ27" s="8"/>
      <c r="MRR27" s="8"/>
      <c r="MRS27" s="8"/>
      <c r="MRT27" s="8"/>
      <c r="MRU27" s="8"/>
      <c r="MRV27" s="8"/>
      <c r="MRW27" s="8"/>
      <c r="MRX27" s="8"/>
      <c r="MRY27" s="8"/>
      <c r="MRZ27" s="8"/>
      <c r="MSA27" s="8"/>
      <c r="MSB27" s="8"/>
      <c r="MSC27" s="8"/>
      <c r="MSD27" s="8"/>
      <c r="MSE27" s="8"/>
      <c r="MSF27" s="8"/>
      <c r="MSG27" s="8"/>
      <c r="MSH27" s="8"/>
      <c r="MSI27" s="8"/>
      <c r="MSJ27" s="8"/>
      <c r="MSK27" s="8"/>
      <c r="MSL27" s="8"/>
      <c r="MSM27" s="8"/>
      <c r="MSN27" s="8"/>
      <c r="MSO27" s="8"/>
      <c r="MSP27" s="8"/>
      <c r="MSQ27" s="8"/>
      <c r="MSR27" s="8"/>
      <c r="MSS27" s="8"/>
      <c r="MST27" s="8"/>
      <c r="MSU27" s="8"/>
      <c r="MSV27" s="8"/>
      <c r="MSW27" s="8"/>
      <c r="MSX27" s="8"/>
      <c r="MSY27" s="8"/>
      <c r="MSZ27" s="8"/>
      <c r="MTA27" s="8"/>
      <c r="MTB27" s="8"/>
      <c r="MTC27" s="8"/>
      <c r="MTD27" s="8"/>
      <c r="MTE27" s="8"/>
      <c r="MTF27" s="8"/>
      <c r="MTG27" s="8"/>
      <c r="MTH27" s="8"/>
      <c r="MTI27" s="8"/>
      <c r="MTJ27" s="8"/>
      <c r="MTK27" s="8"/>
      <c r="MTL27" s="8"/>
      <c r="MTM27" s="8"/>
      <c r="MTN27" s="8"/>
      <c r="MTO27" s="8"/>
      <c r="MTP27" s="8"/>
      <c r="MTQ27" s="8"/>
      <c r="MTR27" s="8"/>
      <c r="MTS27" s="8"/>
      <c r="MTT27" s="8"/>
      <c r="MTU27" s="8"/>
      <c r="MTV27" s="8"/>
      <c r="MTW27" s="8"/>
      <c r="MTX27" s="8"/>
      <c r="MTY27" s="8"/>
      <c r="MTZ27" s="8"/>
      <c r="MUA27" s="8"/>
      <c r="MUB27" s="8"/>
      <c r="MUC27" s="8"/>
      <c r="MUD27" s="8"/>
      <c r="MUE27" s="8"/>
      <c r="MUF27" s="8"/>
      <c r="MUG27" s="8"/>
      <c r="MUH27" s="8"/>
      <c r="MUI27" s="8"/>
      <c r="MUJ27" s="8"/>
      <c r="MUK27" s="8"/>
      <c r="MUL27" s="8"/>
      <c r="MUM27" s="8"/>
      <c r="MUN27" s="8"/>
      <c r="MUO27" s="8"/>
      <c r="MUP27" s="8"/>
      <c r="MUQ27" s="8"/>
      <c r="MUR27" s="8"/>
      <c r="MUS27" s="8"/>
      <c r="MUT27" s="8"/>
      <c r="MUU27" s="8"/>
      <c r="MUV27" s="8"/>
      <c r="MUW27" s="8"/>
      <c r="MUX27" s="8"/>
      <c r="MUY27" s="8"/>
      <c r="MUZ27" s="8"/>
      <c r="MVA27" s="8"/>
      <c r="MVB27" s="8"/>
      <c r="MVC27" s="8"/>
      <c r="MVD27" s="8"/>
      <c r="MVE27" s="8"/>
      <c r="MVF27" s="8"/>
      <c r="MVG27" s="8"/>
      <c r="MVH27" s="8"/>
      <c r="MVI27" s="8"/>
      <c r="MVJ27" s="8"/>
      <c r="MVK27" s="8"/>
      <c r="MVL27" s="8"/>
      <c r="MVM27" s="8"/>
      <c r="MVN27" s="8"/>
      <c r="MVO27" s="8"/>
      <c r="MVP27" s="8"/>
      <c r="MVQ27" s="8"/>
      <c r="MVR27" s="8"/>
      <c r="MVS27" s="8"/>
      <c r="MVT27" s="8"/>
      <c r="MVU27" s="8"/>
      <c r="MVV27" s="8"/>
      <c r="MVW27" s="8"/>
      <c r="MVX27" s="8"/>
      <c r="MVY27" s="8"/>
      <c r="MVZ27" s="8"/>
      <c r="MWA27" s="8"/>
      <c r="MWB27" s="8"/>
      <c r="MWC27" s="8"/>
      <c r="MWD27" s="8"/>
      <c r="MWE27" s="8"/>
      <c r="MWF27" s="8"/>
      <c r="MWG27" s="8"/>
      <c r="MWH27" s="8"/>
      <c r="MWI27" s="8"/>
      <c r="MWJ27" s="8"/>
      <c r="MWK27" s="8"/>
      <c r="MWL27" s="8"/>
      <c r="MWM27" s="8"/>
      <c r="MWN27" s="8"/>
      <c r="MWO27" s="8"/>
      <c r="MWP27" s="8"/>
      <c r="MWQ27" s="8"/>
      <c r="MWR27" s="8"/>
      <c r="MWS27" s="8"/>
      <c r="MWT27" s="8"/>
      <c r="MWU27" s="8"/>
      <c r="MWV27" s="8"/>
      <c r="MWW27" s="8"/>
      <c r="MWX27" s="8"/>
      <c r="MWY27" s="8"/>
      <c r="MWZ27" s="8"/>
      <c r="MXA27" s="8"/>
      <c r="MXB27" s="8"/>
      <c r="MXC27" s="8"/>
      <c r="MXD27" s="8"/>
      <c r="MXE27" s="8"/>
      <c r="MXF27" s="8"/>
      <c r="MXG27" s="8"/>
      <c r="MXH27" s="8"/>
      <c r="MXI27" s="8"/>
      <c r="MXJ27" s="8"/>
      <c r="MXK27" s="8"/>
      <c r="MXL27" s="8"/>
      <c r="MXM27" s="8"/>
      <c r="MXN27" s="8"/>
      <c r="MXO27" s="8"/>
      <c r="MXP27" s="8"/>
      <c r="MXQ27" s="8"/>
      <c r="MXR27" s="8"/>
      <c r="MXS27" s="8"/>
      <c r="MXT27" s="8"/>
      <c r="MXU27" s="8"/>
      <c r="MXV27" s="8"/>
      <c r="MXW27" s="8"/>
      <c r="MXX27" s="8"/>
      <c r="MXY27" s="8"/>
      <c r="MXZ27" s="8"/>
      <c r="MYA27" s="8"/>
      <c r="MYB27" s="8"/>
      <c r="MYC27" s="8"/>
      <c r="MYD27" s="8"/>
      <c r="MYE27" s="8"/>
      <c r="MYF27" s="8"/>
      <c r="MYG27" s="8"/>
      <c r="MYH27" s="8"/>
      <c r="MYI27" s="8"/>
      <c r="MYJ27" s="8"/>
      <c r="MYK27" s="8"/>
      <c r="MYL27" s="8"/>
      <c r="MYM27" s="8"/>
      <c r="MYN27" s="8"/>
      <c r="MYO27" s="8"/>
      <c r="MYP27" s="8"/>
      <c r="MYQ27" s="8"/>
      <c r="MYR27" s="8"/>
      <c r="MYS27" s="8"/>
      <c r="MYT27" s="8"/>
      <c r="MYU27" s="8"/>
      <c r="MYV27" s="8"/>
      <c r="MYW27" s="8"/>
      <c r="MYX27" s="8"/>
      <c r="MYY27" s="8"/>
      <c r="MYZ27" s="8"/>
      <c r="MZA27" s="8"/>
      <c r="MZB27" s="8"/>
      <c r="MZC27" s="8"/>
      <c r="MZD27" s="8"/>
      <c r="MZE27" s="8"/>
      <c r="MZF27" s="8"/>
      <c r="MZG27" s="8"/>
      <c r="MZH27" s="8"/>
      <c r="MZI27" s="8"/>
      <c r="MZJ27" s="8"/>
      <c r="MZK27" s="8"/>
      <c r="MZL27" s="8"/>
      <c r="MZM27" s="8"/>
      <c r="MZN27" s="8"/>
      <c r="MZO27" s="8"/>
      <c r="MZP27" s="8"/>
      <c r="MZQ27" s="8"/>
      <c r="MZR27" s="8"/>
      <c r="MZS27" s="8"/>
      <c r="MZT27" s="8"/>
      <c r="MZU27" s="8"/>
      <c r="MZV27" s="8"/>
      <c r="MZW27" s="8"/>
      <c r="MZX27" s="8"/>
      <c r="MZY27" s="8"/>
      <c r="MZZ27" s="8"/>
      <c r="NAA27" s="8"/>
      <c r="NAB27" s="8"/>
      <c r="NAC27" s="8"/>
      <c r="NAD27" s="8"/>
      <c r="NAE27" s="8"/>
      <c r="NAF27" s="8"/>
      <c r="NAG27" s="8"/>
      <c r="NAH27" s="8"/>
      <c r="NAI27" s="8"/>
      <c r="NAJ27" s="8"/>
      <c r="NAK27" s="8"/>
      <c r="NAL27" s="8"/>
      <c r="NAM27" s="8"/>
      <c r="NAN27" s="8"/>
      <c r="NAO27" s="8"/>
      <c r="NAP27" s="8"/>
      <c r="NAQ27" s="8"/>
      <c r="NAR27" s="8"/>
      <c r="NAS27" s="8"/>
      <c r="NAT27" s="8"/>
      <c r="NAU27" s="8"/>
      <c r="NAV27" s="8"/>
      <c r="NAW27" s="8"/>
      <c r="NAX27" s="8"/>
      <c r="NAY27" s="8"/>
      <c r="NAZ27" s="8"/>
      <c r="NBA27" s="8"/>
      <c r="NBB27" s="8"/>
      <c r="NBC27" s="8"/>
      <c r="NBD27" s="8"/>
      <c r="NBE27" s="8"/>
      <c r="NBF27" s="8"/>
      <c r="NBG27" s="8"/>
      <c r="NBH27" s="8"/>
      <c r="NBI27" s="8"/>
      <c r="NBJ27" s="8"/>
      <c r="NBK27" s="8"/>
      <c r="NBL27" s="8"/>
      <c r="NBM27" s="8"/>
      <c r="NBN27" s="8"/>
      <c r="NBO27" s="8"/>
      <c r="NBP27" s="8"/>
      <c r="NBQ27" s="8"/>
      <c r="NBR27" s="8"/>
      <c r="NBS27" s="8"/>
      <c r="NBT27" s="8"/>
      <c r="NBU27" s="8"/>
      <c r="NBV27" s="8"/>
      <c r="NBW27" s="8"/>
      <c r="NBX27" s="8"/>
      <c r="NBY27" s="8"/>
      <c r="NBZ27" s="8"/>
      <c r="NCA27" s="8"/>
      <c r="NCB27" s="8"/>
      <c r="NCC27" s="8"/>
      <c r="NCD27" s="8"/>
      <c r="NCE27" s="8"/>
      <c r="NCF27" s="8"/>
      <c r="NCG27" s="8"/>
      <c r="NCH27" s="8"/>
      <c r="NCI27" s="8"/>
      <c r="NCJ27" s="8"/>
      <c r="NCK27" s="8"/>
      <c r="NCL27" s="8"/>
      <c r="NCM27" s="8"/>
      <c r="NCN27" s="8"/>
      <c r="NCO27" s="8"/>
      <c r="NCP27" s="8"/>
      <c r="NCQ27" s="8"/>
      <c r="NCR27" s="8"/>
      <c r="NCS27" s="8"/>
      <c r="NCT27" s="8"/>
      <c r="NCU27" s="8"/>
      <c r="NCV27" s="8"/>
      <c r="NCW27" s="8"/>
      <c r="NCX27" s="8"/>
      <c r="NCY27" s="8"/>
      <c r="NCZ27" s="8"/>
      <c r="NDA27" s="8"/>
      <c r="NDB27" s="8"/>
      <c r="NDC27" s="8"/>
      <c r="NDD27" s="8"/>
      <c r="NDE27" s="8"/>
      <c r="NDF27" s="8"/>
      <c r="NDG27" s="8"/>
      <c r="NDH27" s="8"/>
      <c r="NDI27" s="8"/>
      <c r="NDJ27" s="8"/>
      <c r="NDK27" s="8"/>
      <c r="NDL27" s="8"/>
      <c r="NDM27" s="8"/>
      <c r="NDN27" s="8"/>
      <c r="NDO27" s="8"/>
      <c r="NDP27" s="8"/>
      <c r="NDQ27" s="8"/>
      <c r="NDR27" s="8"/>
      <c r="NDS27" s="8"/>
      <c r="NDT27" s="8"/>
      <c r="NDU27" s="8"/>
      <c r="NDV27" s="8"/>
      <c r="NDW27" s="8"/>
      <c r="NDX27" s="8"/>
      <c r="NDY27" s="8"/>
      <c r="NDZ27" s="8"/>
      <c r="NEA27" s="8"/>
      <c r="NEB27" s="8"/>
      <c r="NEC27" s="8"/>
      <c r="NED27" s="8"/>
      <c r="NEE27" s="8"/>
      <c r="NEF27" s="8"/>
      <c r="NEG27" s="8"/>
      <c r="NEH27" s="8"/>
      <c r="NEI27" s="8"/>
      <c r="NEJ27" s="8"/>
      <c r="NEK27" s="8"/>
      <c r="NEL27" s="8"/>
      <c r="NEM27" s="8"/>
      <c r="NEN27" s="8"/>
      <c r="NEO27" s="8"/>
      <c r="NEP27" s="8"/>
      <c r="NEQ27" s="8"/>
      <c r="NER27" s="8"/>
      <c r="NES27" s="8"/>
      <c r="NET27" s="8"/>
      <c r="NEU27" s="8"/>
      <c r="NEV27" s="8"/>
      <c r="NEW27" s="8"/>
      <c r="NEX27" s="8"/>
      <c r="NEY27" s="8"/>
      <c r="NEZ27" s="8"/>
      <c r="NFA27" s="8"/>
      <c r="NFB27" s="8"/>
      <c r="NFC27" s="8"/>
      <c r="NFD27" s="8"/>
      <c r="NFE27" s="8"/>
      <c r="NFF27" s="8"/>
      <c r="NFG27" s="8"/>
      <c r="NFH27" s="8"/>
      <c r="NFI27" s="8"/>
      <c r="NFJ27" s="8"/>
      <c r="NFK27" s="8"/>
      <c r="NFL27" s="8"/>
      <c r="NFM27" s="8"/>
      <c r="NFN27" s="8"/>
      <c r="NFO27" s="8"/>
      <c r="NFP27" s="8"/>
      <c r="NFQ27" s="8"/>
      <c r="NFR27" s="8"/>
      <c r="NFS27" s="8"/>
      <c r="NFT27" s="8"/>
      <c r="NFU27" s="8"/>
      <c r="NFV27" s="8"/>
      <c r="NFW27" s="8"/>
      <c r="NFX27" s="8"/>
      <c r="NFY27" s="8"/>
      <c r="NFZ27" s="8"/>
      <c r="NGA27" s="8"/>
      <c r="NGB27" s="8"/>
      <c r="NGC27" s="8"/>
      <c r="NGD27" s="8"/>
      <c r="NGE27" s="8"/>
      <c r="NGF27" s="8"/>
      <c r="NGG27" s="8"/>
      <c r="NGH27" s="8"/>
      <c r="NGI27" s="8"/>
      <c r="NGJ27" s="8"/>
      <c r="NGK27" s="8"/>
      <c r="NGL27" s="8"/>
      <c r="NGM27" s="8"/>
      <c r="NGN27" s="8"/>
      <c r="NGO27" s="8"/>
      <c r="NGP27" s="8"/>
      <c r="NGQ27" s="8"/>
      <c r="NGR27" s="8"/>
      <c r="NGS27" s="8"/>
      <c r="NGT27" s="8"/>
      <c r="NGU27" s="8"/>
      <c r="NGV27" s="8"/>
      <c r="NGW27" s="8"/>
      <c r="NGX27" s="8"/>
      <c r="NGY27" s="8"/>
      <c r="NGZ27" s="8"/>
      <c r="NHA27" s="8"/>
      <c r="NHB27" s="8"/>
      <c r="NHC27" s="8"/>
      <c r="NHD27" s="8"/>
      <c r="NHE27" s="8"/>
      <c r="NHF27" s="8"/>
      <c r="NHG27" s="8"/>
      <c r="NHH27" s="8"/>
      <c r="NHI27" s="8"/>
      <c r="NHJ27" s="8"/>
      <c r="NHK27" s="8"/>
      <c r="NHL27" s="8"/>
      <c r="NHM27" s="8"/>
      <c r="NHN27" s="8"/>
      <c r="NHO27" s="8"/>
      <c r="NHP27" s="8"/>
      <c r="NHQ27" s="8"/>
      <c r="NHR27" s="8"/>
      <c r="NHS27" s="8"/>
      <c r="NHT27" s="8"/>
      <c r="NHU27" s="8"/>
      <c r="NHV27" s="8"/>
      <c r="NHW27" s="8"/>
      <c r="NHX27" s="8"/>
      <c r="NHY27" s="8"/>
      <c r="NHZ27" s="8"/>
      <c r="NIA27" s="8"/>
      <c r="NIB27" s="8"/>
      <c r="NIC27" s="8"/>
      <c r="NID27" s="8"/>
      <c r="NIE27" s="8"/>
      <c r="NIF27" s="8"/>
      <c r="NIG27" s="8"/>
      <c r="NIH27" s="8"/>
      <c r="NII27" s="8"/>
      <c r="NIJ27" s="8"/>
      <c r="NIK27" s="8"/>
      <c r="NIL27" s="8"/>
      <c r="NIM27" s="8"/>
      <c r="NIN27" s="8"/>
      <c r="NIO27" s="8"/>
      <c r="NIP27" s="8"/>
      <c r="NIQ27" s="8"/>
      <c r="NIR27" s="8"/>
      <c r="NIS27" s="8"/>
      <c r="NIT27" s="8"/>
      <c r="NIU27" s="8"/>
      <c r="NIV27" s="8"/>
      <c r="NIW27" s="8"/>
      <c r="NIX27" s="8"/>
      <c r="NIY27" s="8"/>
      <c r="NIZ27" s="8"/>
      <c r="NJA27" s="8"/>
      <c r="NJB27" s="8"/>
      <c r="NJC27" s="8"/>
      <c r="NJD27" s="8"/>
      <c r="NJE27" s="8"/>
      <c r="NJF27" s="8"/>
      <c r="NJG27" s="8"/>
      <c r="NJH27" s="8"/>
      <c r="NJI27" s="8"/>
      <c r="NJJ27" s="8"/>
      <c r="NJK27" s="8"/>
      <c r="NJL27" s="8"/>
      <c r="NJM27" s="8"/>
      <c r="NJN27" s="8"/>
      <c r="NJO27" s="8"/>
      <c r="NJP27" s="8"/>
      <c r="NJQ27" s="8"/>
      <c r="NJR27" s="8"/>
      <c r="NJS27" s="8"/>
      <c r="NJT27" s="8"/>
      <c r="NJU27" s="8"/>
      <c r="NJV27" s="8"/>
      <c r="NJW27" s="8"/>
      <c r="NJX27" s="8"/>
      <c r="NJY27" s="8"/>
      <c r="NJZ27" s="8"/>
      <c r="NKA27" s="8"/>
      <c r="NKB27" s="8"/>
      <c r="NKC27" s="8"/>
      <c r="NKD27" s="8"/>
      <c r="NKE27" s="8"/>
      <c r="NKF27" s="8"/>
      <c r="NKG27" s="8"/>
      <c r="NKH27" s="8"/>
      <c r="NKI27" s="8"/>
      <c r="NKJ27" s="8"/>
      <c r="NKK27" s="8"/>
      <c r="NKL27" s="8"/>
      <c r="NKM27" s="8"/>
      <c r="NKN27" s="8"/>
      <c r="NKO27" s="8"/>
      <c r="NKP27" s="8"/>
      <c r="NKQ27" s="8"/>
      <c r="NKR27" s="8"/>
      <c r="NKS27" s="8"/>
      <c r="NKT27" s="8"/>
      <c r="NKU27" s="8"/>
      <c r="NKV27" s="8"/>
      <c r="NKW27" s="8"/>
      <c r="NKX27" s="8"/>
      <c r="NKY27" s="8"/>
      <c r="NKZ27" s="8"/>
      <c r="NLA27" s="8"/>
      <c r="NLB27" s="8"/>
      <c r="NLC27" s="8"/>
      <c r="NLD27" s="8"/>
      <c r="NLE27" s="8"/>
      <c r="NLF27" s="8"/>
      <c r="NLG27" s="8"/>
      <c r="NLH27" s="8"/>
      <c r="NLI27" s="8"/>
      <c r="NLJ27" s="8"/>
      <c r="NLK27" s="8"/>
      <c r="NLL27" s="8"/>
      <c r="NLM27" s="8"/>
      <c r="NLN27" s="8"/>
      <c r="NLO27" s="8"/>
      <c r="NLP27" s="8"/>
      <c r="NLQ27" s="8"/>
      <c r="NLR27" s="8"/>
      <c r="NLS27" s="8"/>
      <c r="NLT27" s="8"/>
      <c r="NLU27" s="8"/>
      <c r="NLV27" s="8"/>
      <c r="NLW27" s="8"/>
      <c r="NLX27" s="8"/>
      <c r="NLY27" s="8"/>
      <c r="NLZ27" s="8"/>
      <c r="NMA27" s="8"/>
      <c r="NMB27" s="8"/>
      <c r="NMC27" s="8"/>
      <c r="NMD27" s="8"/>
      <c r="NME27" s="8"/>
      <c r="NMF27" s="8"/>
      <c r="NMG27" s="8"/>
      <c r="NMH27" s="8"/>
      <c r="NMI27" s="8"/>
      <c r="NMJ27" s="8"/>
      <c r="NMK27" s="8"/>
      <c r="NML27" s="8"/>
      <c r="NMM27" s="8"/>
      <c r="NMN27" s="8"/>
      <c r="NMO27" s="8"/>
      <c r="NMP27" s="8"/>
      <c r="NMQ27" s="8"/>
      <c r="NMR27" s="8"/>
      <c r="NMS27" s="8"/>
      <c r="NMT27" s="8"/>
      <c r="NMU27" s="8"/>
      <c r="NMV27" s="8"/>
      <c r="NMW27" s="8"/>
      <c r="NMX27" s="8"/>
      <c r="NMY27" s="8"/>
      <c r="NMZ27" s="8"/>
      <c r="NNA27" s="8"/>
      <c r="NNB27" s="8"/>
      <c r="NNC27" s="8"/>
      <c r="NND27" s="8"/>
      <c r="NNE27" s="8"/>
      <c r="NNF27" s="8"/>
      <c r="NNG27" s="8"/>
      <c r="NNH27" s="8"/>
      <c r="NNI27" s="8"/>
      <c r="NNJ27" s="8"/>
      <c r="NNK27" s="8"/>
      <c r="NNL27" s="8"/>
      <c r="NNM27" s="8"/>
      <c r="NNN27" s="8"/>
      <c r="NNO27" s="8"/>
      <c r="NNP27" s="8"/>
      <c r="NNQ27" s="8"/>
      <c r="NNR27" s="8"/>
      <c r="NNS27" s="8"/>
      <c r="NNT27" s="8"/>
      <c r="NNU27" s="8"/>
      <c r="NNV27" s="8"/>
      <c r="NNW27" s="8"/>
      <c r="NNX27" s="8"/>
      <c r="NNY27" s="8"/>
      <c r="NNZ27" s="8"/>
      <c r="NOA27" s="8"/>
      <c r="NOB27" s="8"/>
      <c r="NOC27" s="8"/>
      <c r="NOD27" s="8"/>
      <c r="NOE27" s="8"/>
      <c r="NOF27" s="8"/>
      <c r="NOG27" s="8"/>
      <c r="NOH27" s="8"/>
      <c r="NOI27" s="8"/>
      <c r="NOJ27" s="8"/>
      <c r="NOK27" s="8"/>
      <c r="NOL27" s="8"/>
      <c r="NOM27" s="8"/>
      <c r="NON27" s="8"/>
      <c r="NOO27" s="8"/>
      <c r="NOP27" s="8"/>
      <c r="NOQ27" s="8"/>
      <c r="NOR27" s="8"/>
      <c r="NOS27" s="8"/>
      <c r="NOT27" s="8"/>
      <c r="NOU27" s="8"/>
      <c r="NOV27" s="8"/>
      <c r="NOW27" s="8"/>
      <c r="NOX27" s="8"/>
      <c r="NOY27" s="8"/>
      <c r="NOZ27" s="8"/>
      <c r="NPA27" s="8"/>
      <c r="NPB27" s="8"/>
      <c r="NPC27" s="8"/>
      <c r="NPD27" s="8"/>
      <c r="NPE27" s="8"/>
      <c r="NPF27" s="8"/>
      <c r="NPG27" s="8"/>
      <c r="NPH27" s="8"/>
      <c r="NPI27" s="8"/>
      <c r="NPJ27" s="8"/>
      <c r="NPK27" s="8"/>
      <c r="NPL27" s="8"/>
      <c r="NPM27" s="8"/>
      <c r="NPN27" s="8"/>
      <c r="NPO27" s="8"/>
      <c r="NPP27" s="8"/>
      <c r="NPQ27" s="8"/>
      <c r="NPR27" s="8"/>
      <c r="NPS27" s="8"/>
      <c r="NPT27" s="8"/>
      <c r="NPU27" s="8"/>
      <c r="NPV27" s="8"/>
      <c r="NPW27" s="8"/>
      <c r="NPX27" s="8"/>
      <c r="NPY27" s="8"/>
      <c r="NPZ27" s="8"/>
      <c r="NQA27" s="8"/>
      <c r="NQB27" s="8"/>
      <c r="NQC27" s="8"/>
      <c r="NQD27" s="8"/>
      <c r="NQE27" s="8"/>
      <c r="NQF27" s="8"/>
      <c r="NQG27" s="8"/>
      <c r="NQH27" s="8"/>
      <c r="NQI27" s="8"/>
      <c r="NQJ27" s="8"/>
      <c r="NQK27" s="8"/>
      <c r="NQL27" s="8"/>
      <c r="NQM27" s="8"/>
      <c r="NQN27" s="8"/>
      <c r="NQO27" s="8"/>
      <c r="NQP27" s="8"/>
      <c r="NQQ27" s="8"/>
      <c r="NQR27" s="8"/>
      <c r="NQS27" s="8"/>
      <c r="NQT27" s="8"/>
      <c r="NQU27" s="8"/>
      <c r="NQV27" s="8"/>
      <c r="NQW27" s="8"/>
      <c r="NQX27" s="8"/>
      <c r="NQY27" s="8"/>
      <c r="NQZ27" s="8"/>
      <c r="NRA27" s="8"/>
      <c r="NRB27" s="8"/>
      <c r="NRC27" s="8"/>
      <c r="NRD27" s="8"/>
      <c r="NRE27" s="8"/>
      <c r="NRF27" s="8"/>
      <c r="NRG27" s="8"/>
      <c r="NRH27" s="8"/>
      <c r="NRI27" s="8"/>
      <c r="NRJ27" s="8"/>
      <c r="NRK27" s="8"/>
      <c r="NRL27" s="8"/>
      <c r="NRM27" s="8"/>
      <c r="NRN27" s="8"/>
      <c r="NRO27" s="8"/>
      <c r="NRP27" s="8"/>
      <c r="NRQ27" s="8"/>
      <c r="NRR27" s="8"/>
      <c r="NRS27" s="8"/>
      <c r="NRT27" s="8"/>
      <c r="NRU27" s="8"/>
      <c r="NRV27" s="8"/>
      <c r="NRW27" s="8"/>
      <c r="NRX27" s="8"/>
      <c r="NRY27" s="8"/>
      <c r="NRZ27" s="8"/>
      <c r="NSA27" s="8"/>
      <c r="NSB27" s="8"/>
      <c r="NSC27" s="8"/>
      <c r="NSD27" s="8"/>
      <c r="NSE27" s="8"/>
      <c r="NSF27" s="8"/>
      <c r="NSG27" s="8"/>
      <c r="NSH27" s="8"/>
      <c r="NSI27" s="8"/>
      <c r="NSJ27" s="8"/>
      <c r="NSK27" s="8"/>
      <c r="NSL27" s="8"/>
      <c r="NSM27" s="8"/>
      <c r="NSN27" s="8"/>
      <c r="NSO27" s="8"/>
      <c r="NSP27" s="8"/>
      <c r="NSQ27" s="8"/>
      <c r="NSR27" s="8"/>
      <c r="NSS27" s="8"/>
      <c r="NST27" s="8"/>
      <c r="NSU27" s="8"/>
      <c r="NSV27" s="8"/>
      <c r="NSW27" s="8"/>
      <c r="NSX27" s="8"/>
      <c r="NSY27" s="8"/>
      <c r="NSZ27" s="8"/>
      <c r="NTA27" s="8"/>
      <c r="NTB27" s="8"/>
      <c r="NTC27" s="8"/>
      <c r="NTD27" s="8"/>
      <c r="NTE27" s="8"/>
      <c r="NTF27" s="8"/>
      <c r="NTG27" s="8"/>
      <c r="NTH27" s="8"/>
      <c r="NTI27" s="8"/>
      <c r="NTJ27" s="8"/>
      <c r="NTK27" s="8"/>
      <c r="NTL27" s="8"/>
      <c r="NTM27" s="8"/>
      <c r="NTN27" s="8"/>
      <c r="NTO27" s="8"/>
      <c r="NTP27" s="8"/>
      <c r="NTQ27" s="8"/>
      <c r="NTR27" s="8"/>
      <c r="NTS27" s="8"/>
      <c r="NTT27" s="8"/>
      <c r="NTU27" s="8"/>
      <c r="NTV27" s="8"/>
      <c r="NTW27" s="8"/>
      <c r="NTX27" s="8"/>
      <c r="NTY27" s="8"/>
      <c r="NTZ27" s="8"/>
      <c r="NUA27" s="8"/>
      <c r="NUB27" s="8"/>
      <c r="NUC27" s="8"/>
      <c r="NUD27" s="8"/>
      <c r="NUE27" s="8"/>
      <c r="NUF27" s="8"/>
      <c r="NUG27" s="8"/>
      <c r="NUH27" s="8"/>
      <c r="NUI27" s="8"/>
      <c r="NUJ27" s="8"/>
      <c r="NUK27" s="8"/>
      <c r="NUL27" s="8"/>
      <c r="NUM27" s="8"/>
      <c r="NUN27" s="8"/>
      <c r="NUO27" s="8"/>
      <c r="NUP27" s="8"/>
      <c r="NUQ27" s="8"/>
      <c r="NUR27" s="8"/>
      <c r="NUS27" s="8"/>
      <c r="NUT27" s="8"/>
      <c r="NUU27" s="8"/>
      <c r="NUV27" s="8"/>
      <c r="NUW27" s="8"/>
      <c r="NUX27" s="8"/>
      <c r="NUY27" s="8"/>
      <c r="NUZ27" s="8"/>
      <c r="NVA27" s="8"/>
      <c r="NVB27" s="8"/>
      <c r="NVC27" s="8"/>
      <c r="NVD27" s="8"/>
      <c r="NVE27" s="8"/>
      <c r="NVF27" s="8"/>
      <c r="NVG27" s="8"/>
      <c r="NVH27" s="8"/>
      <c r="NVI27" s="8"/>
      <c r="NVJ27" s="8"/>
      <c r="NVK27" s="8"/>
      <c r="NVL27" s="8"/>
      <c r="NVM27" s="8"/>
      <c r="NVN27" s="8"/>
      <c r="NVO27" s="8"/>
      <c r="NVP27" s="8"/>
      <c r="NVQ27" s="8"/>
      <c r="NVR27" s="8"/>
      <c r="NVS27" s="8"/>
      <c r="NVT27" s="8"/>
      <c r="NVU27" s="8"/>
      <c r="NVV27" s="8"/>
      <c r="NVW27" s="8"/>
      <c r="NVX27" s="8"/>
      <c r="NVY27" s="8"/>
      <c r="NVZ27" s="8"/>
      <c r="NWA27" s="8"/>
      <c r="NWB27" s="8"/>
      <c r="NWC27" s="8"/>
      <c r="NWD27" s="8"/>
      <c r="NWE27" s="8"/>
      <c r="NWF27" s="8"/>
      <c r="NWG27" s="8"/>
      <c r="NWH27" s="8"/>
      <c r="NWI27" s="8"/>
      <c r="NWJ27" s="8"/>
      <c r="NWK27" s="8"/>
      <c r="NWL27" s="8"/>
      <c r="NWM27" s="8"/>
      <c r="NWN27" s="8"/>
      <c r="NWO27" s="8"/>
      <c r="NWP27" s="8"/>
      <c r="NWQ27" s="8"/>
      <c r="NWR27" s="8"/>
      <c r="NWS27" s="8"/>
      <c r="NWT27" s="8"/>
      <c r="NWU27" s="8"/>
      <c r="NWV27" s="8"/>
      <c r="NWW27" s="8"/>
      <c r="NWX27" s="8"/>
      <c r="NWY27" s="8"/>
      <c r="NWZ27" s="8"/>
      <c r="NXA27" s="8"/>
      <c r="NXB27" s="8"/>
      <c r="NXC27" s="8"/>
      <c r="NXD27" s="8"/>
      <c r="NXE27" s="8"/>
      <c r="NXF27" s="8"/>
      <c r="NXG27" s="8"/>
      <c r="NXH27" s="8"/>
      <c r="NXI27" s="8"/>
      <c r="NXJ27" s="8"/>
      <c r="NXK27" s="8"/>
      <c r="NXL27" s="8"/>
      <c r="NXM27" s="8"/>
      <c r="NXN27" s="8"/>
      <c r="NXO27" s="8"/>
      <c r="NXP27" s="8"/>
      <c r="NXQ27" s="8"/>
      <c r="NXR27" s="8"/>
      <c r="NXS27" s="8"/>
      <c r="NXT27" s="8"/>
      <c r="NXU27" s="8"/>
      <c r="NXV27" s="8"/>
      <c r="NXW27" s="8"/>
      <c r="NXX27" s="8"/>
      <c r="NXY27" s="8"/>
      <c r="NXZ27" s="8"/>
      <c r="NYA27" s="8"/>
      <c r="NYB27" s="8"/>
      <c r="NYC27" s="8"/>
      <c r="NYD27" s="8"/>
      <c r="NYE27" s="8"/>
      <c r="NYF27" s="8"/>
      <c r="NYG27" s="8"/>
      <c r="NYH27" s="8"/>
      <c r="NYI27" s="8"/>
      <c r="NYJ27" s="8"/>
      <c r="NYK27" s="8"/>
      <c r="NYL27" s="8"/>
      <c r="NYM27" s="8"/>
      <c r="NYN27" s="8"/>
      <c r="NYO27" s="8"/>
      <c r="NYP27" s="8"/>
      <c r="NYQ27" s="8"/>
      <c r="NYR27" s="8"/>
      <c r="NYS27" s="8"/>
      <c r="NYT27" s="8"/>
      <c r="NYU27" s="8"/>
      <c r="NYV27" s="8"/>
      <c r="NYW27" s="8"/>
      <c r="NYX27" s="8"/>
      <c r="NYY27" s="8"/>
      <c r="NYZ27" s="8"/>
      <c r="NZA27" s="8"/>
      <c r="NZB27" s="8"/>
      <c r="NZC27" s="8"/>
      <c r="NZD27" s="8"/>
      <c r="NZE27" s="8"/>
      <c r="NZF27" s="8"/>
      <c r="NZG27" s="8"/>
      <c r="NZH27" s="8"/>
      <c r="NZI27" s="8"/>
      <c r="NZJ27" s="8"/>
      <c r="NZK27" s="8"/>
      <c r="NZL27" s="8"/>
      <c r="NZM27" s="8"/>
      <c r="NZN27" s="8"/>
      <c r="NZO27" s="8"/>
      <c r="NZP27" s="8"/>
      <c r="NZQ27" s="8"/>
      <c r="NZR27" s="8"/>
      <c r="NZS27" s="8"/>
      <c r="NZT27" s="8"/>
      <c r="NZU27" s="8"/>
      <c r="NZV27" s="8"/>
      <c r="NZW27" s="8"/>
      <c r="NZX27" s="8"/>
      <c r="NZY27" s="8"/>
      <c r="NZZ27" s="8"/>
      <c r="OAA27" s="8"/>
      <c r="OAB27" s="8"/>
      <c r="OAC27" s="8"/>
      <c r="OAD27" s="8"/>
      <c r="OAE27" s="8"/>
      <c r="OAF27" s="8"/>
      <c r="OAG27" s="8"/>
      <c r="OAH27" s="8"/>
      <c r="OAI27" s="8"/>
      <c r="OAJ27" s="8"/>
      <c r="OAK27" s="8"/>
      <c r="OAL27" s="8"/>
      <c r="OAM27" s="8"/>
      <c r="OAN27" s="8"/>
      <c r="OAO27" s="8"/>
      <c r="OAP27" s="8"/>
      <c r="OAQ27" s="8"/>
      <c r="OAR27" s="8"/>
      <c r="OAS27" s="8"/>
      <c r="OAT27" s="8"/>
      <c r="OAU27" s="8"/>
      <c r="OAV27" s="8"/>
      <c r="OAW27" s="8"/>
      <c r="OAX27" s="8"/>
      <c r="OAY27" s="8"/>
      <c r="OAZ27" s="8"/>
      <c r="OBA27" s="8"/>
      <c r="OBB27" s="8"/>
      <c r="OBC27" s="8"/>
      <c r="OBD27" s="8"/>
      <c r="OBE27" s="8"/>
      <c r="OBF27" s="8"/>
      <c r="OBG27" s="8"/>
      <c r="OBH27" s="8"/>
      <c r="OBI27" s="8"/>
      <c r="OBJ27" s="8"/>
      <c r="OBK27" s="8"/>
      <c r="OBL27" s="8"/>
      <c r="OBM27" s="8"/>
      <c r="OBN27" s="8"/>
      <c r="OBO27" s="8"/>
      <c r="OBP27" s="8"/>
      <c r="OBQ27" s="8"/>
      <c r="OBR27" s="8"/>
      <c r="OBS27" s="8"/>
      <c r="OBT27" s="8"/>
      <c r="OBU27" s="8"/>
      <c r="OBV27" s="8"/>
      <c r="OBW27" s="8"/>
      <c r="OBX27" s="8"/>
      <c r="OBY27" s="8"/>
      <c r="OBZ27" s="8"/>
      <c r="OCA27" s="8"/>
      <c r="OCB27" s="8"/>
      <c r="OCC27" s="8"/>
      <c r="OCD27" s="8"/>
      <c r="OCE27" s="8"/>
      <c r="OCF27" s="8"/>
      <c r="OCG27" s="8"/>
      <c r="OCH27" s="8"/>
      <c r="OCI27" s="8"/>
      <c r="OCJ27" s="8"/>
      <c r="OCK27" s="8"/>
      <c r="OCL27" s="8"/>
      <c r="OCM27" s="8"/>
      <c r="OCN27" s="8"/>
      <c r="OCO27" s="8"/>
      <c r="OCP27" s="8"/>
      <c r="OCQ27" s="8"/>
      <c r="OCR27" s="8"/>
      <c r="OCS27" s="8"/>
      <c r="OCT27" s="8"/>
      <c r="OCU27" s="8"/>
      <c r="OCV27" s="8"/>
      <c r="OCW27" s="8"/>
      <c r="OCX27" s="8"/>
      <c r="OCY27" s="8"/>
      <c r="OCZ27" s="8"/>
      <c r="ODA27" s="8"/>
      <c r="ODB27" s="8"/>
      <c r="ODC27" s="8"/>
      <c r="ODD27" s="8"/>
      <c r="ODE27" s="8"/>
      <c r="ODF27" s="8"/>
      <c r="ODG27" s="8"/>
      <c r="ODH27" s="8"/>
      <c r="ODI27" s="8"/>
      <c r="ODJ27" s="8"/>
      <c r="ODK27" s="8"/>
      <c r="ODL27" s="8"/>
      <c r="ODM27" s="8"/>
      <c r="ODN27" s="8"/>
      <c r="ODO27" s="8"/>
      <c r="ODP27" s="8"/>
      <c r="ODQ27" s="8"/>
      <c r="ODR27" s="8"/>
      <c r="ODS27" s="8"/>
      <c r="ODT27" s="8"/>
      <c r="ODU27" s="8"/>
      <c r="ODV27" s="8"/>
      <c r="ODW27" s="8"/>
      <c r="ODX27" s="8"/>
      <c r="ODY27" s="8"/>
      <c r="ODZ27" s="8"/>
      <c r="OEA27" s="8"/>
      <c r="OEB27" s="8"/>
      <c r="OEC27" s="8"/>
      <c r="OED27" s="8"/>
      <c r="OEE27" s="8"/>
      <c r="OEF27" s="8"/>
      <c r="OEG27" s="8"/>
      <c r="OEH27" s="8"/>
      <c r="OEI27" s="8"/>
      <c r="OEJ27" s="8"/>
      <c r="OEK27" s="8"/>
      <c r="OEL27" s="8"/>
      <c r="OEM27" s="8"/>
      <c r="OEN27" s="8"/>
      <c r="OEO27" s="8"/>
      <c r="OEP27" s="8"/>
      <c r="OEQ27" s="8"/>
      <c r="OER27" s="8"/>
      <c r="OES27" s="8"/>
      <c r="OET27" s="8"/>
      <c r="OEU27" s="8"/>
      <c r="OEV27" s="8"/>
      <c r="OEW27" s="8"/>
      <c r="OEX27" s="8"/>
      <c r="OEY27" s="8"/>
      <c r="OEZ27" s="8"/>
      <c r="OFA27" s="8"/>
      <c r="OFB27" s="8"/>
      <c r="OFC27" s="8"/>
      <c r="OFD27" s="8"/>
      <c r="OFE27" s="8"/>
      <c r="OFF27" s="8"/>
      <c r="OFG27" s="8"/>
      <c r="OFH27" s="8"/>
      <c r="OFI27" s="8"/>
      <c r="OFJ27" s="8"/>
      <c r="OFK27" s="8"/>
      <c r="OFL27" s="8"/>
      <c r="OFM27" s="8"/>
      <c r="OFN27" s="8"/>
      <c r="OFO27" s="8"/>
      <c r="OFP27" s="8"/>
      <c r="OFQ27" s="8"/>
      <c r="OFR27" s="8"/>
      <c r="OFS27" s="8"/>
      <c r="OFT27" s="8"/>
      <c r="OFU27" s="8"/>
      <c r="OFV27" s="8"/>
      <c r="OFW27" s="8"/>
      <c r="OFX27" s="8"/>
      <c r="OFY27" s="8"/>
      <c r="OFZ27" s="8"/>
      <c r="OGA27" s="8"/>
      <c r="OGB27" s="8"/>
      <c r="OGC27" s="8"/>
      <c r="OGD27" s="8"/>
      <c r="OGE27" s="8"/>
      <c r="OGF27" s="8"/>
      <c r="OGG27" s="8"/>
      <c r="OGH27" s="8"/>
      <c r="OGI27" s="8"/>
      <c r="OGJ27" s="8"/>
      <c r="OGK27" s="8"/>
      <c r="OGL27" s="8"/>
      <c r="OGM27" s="8"/>
      <c r="OGN27" s="8"/>
      <c r="OGO27" s="8"/>
      <c r="OGP27" s="8"/>
      <c r="OGQ27" s="8"/>
      <c r="OGR27" s="8"/>
      <c r="OGS27" s="8"/>
      <c r="OGT27" s="8"/>
      <c r="OGU27" s="8"/>
      <c r="OGV27" s="8"/>
      <c r="OGW27" s="8"/>
      <c r="OGX27" s="8"/>
      <c r="OGY27" s="8"/>
      <c r="OGZ27" s="8"/>
      <c r="OHA27" s="8"/>
      <c r="OHB27" s="8"/>
      <c r="OHC27" s="8"/>
      <c r="OHD27" s="8"/>
      <c r="OHE27" s="8"/>
      <c r="OHF27" s="8"/>
      <c r="OHG27" s="8"/>
      <c r="OHH27" s="8"/>
      <c r="OHI27" s="8"/>
      <c r="OHJ27" s="8"/>
      <c r="OHK27" s="8"/>
      <c r="OHL27" s="8"/>
      <c r="OHM27" s="8"/>
      <c r="OHN27" s="8"/>
      <c r="OHO27" s="8"/>
      <c r="OHP27" s="8"/>
      <c r="OHQ27" s="8"/>
      <c r="OHR27" s="8"/>
      <c r="OHS27" s="8"/>
      <c r="OHT27" s="8"/>
      <c r="OHU27" s="8"/>
      <c r="OHV27" s="8"/>
      <c r="OHW27" s="8"/>
      <c r="OHX27" s="8"/>
      <c r="OHY27" s="8"/>
      <c r="OHZ27" s="8"/>
      <c r="OIA27" s="8"/>
      <c r="OIB27" s="8"/>
      <c r="OIC27" s="8"/>
      <c r="OID27" s="8"/>
      <c r="OIE27" s="8"/>
      <c r="OIF27" s="8"/>
      <c r="OIG27" s="8"/>
      <c r="OIH27" s="8"/>
      <c r="OII27" s="8"/>
      <c r="OIJ27" s="8"/>
      <c r="OIK27" s="8"/>
      <c r="OIL27" s="8"/>
      <c r="OIM27" s="8"/>
      <c r="OIN27" s="8"/>
      <c r="OIO27" s="8"/>
      <c r="OIP27" s="8"/>
      <c r="OIQ27" s="8"/>
      <c r="OIR27" s="8"/>
      <c r="OIS27" s="8"/>
      <c r="OIT27" s="8"/>
      <c r="OIU27" s="8"/>
      <c r="OIV27" s="8"/>
      <c r="OIW27" s="8"/>
      <c r="OIX27" s="8"/>
      <c r="OIY27" s="8"/>
      <c r="OIZ27" s="8"/>
      <c r="OJA27" s="8"/>
      <c r="OJB27" s="8"/>
      <c r="OJC27" s="8"/>
      <c r="OJD27" s="8"/>
      <c r="OJE27" s="8"/>
      <c r="OJF27" s="8"/>
      <c r="OJG27" s="8"/>
      <c r="OJH27" s="8"/>
      <c r="OJI27" s="8"/>
      <c r="OJJ27" s="8"/>
      <c r="OJK27" s="8"/>
      <c r="OJL27" s="8"/>
      <c r="OJM27" s="8"/>
      <c r="OJN27" s="8"/>
      <c r="OJO27" s="8"/>
      <c r="OJP27" s="8"/>
      <c r="OJQ27" s="8"/>
      <c r="OJR27" s="8"/>
      <c r="OJS27" s="8"/>
      <c r="OJT27" s="8"/>
      <c r="OJU27" s="8"/>
      <c r="OJV27" s="8"/>
      <c r="OJW27" s="8"/>
      <c r="OJX27" s="8"/>
      <c r="OJY27" s="8"/>
      <c r="OJZ27" s="8"/>
      <c r="OKA27" s="8"/>
      <c r="OKB27" s="8"/>
      <c r="OKC27" s="8"/>
      <c r="OKD27" s="8"/>
      <c r="OKE27" s="8"/>
      <c r="OKF27" s="8"/>
      <c r="OKG27" s="8"/>
      <c r="OKH27" s="8"/>
      <c r="OKI27" s="8"/>
      <c r="OKJ27" s="8"/>
      <c r="OKK27" s="8"/>
      <c r="OKL27" s="8"/>
      <c r="OKM27" s="8"/>
      <c r="OKN27" s="8"/>
      <c r="OKO27" s="8"/>
      <c r="OKP27" s="8"/>
      <c r="OKQ27" s="8"/>
      <c r="OKR27" s="8"/>
      <c r="OKS27" s="8"/>
      <c r="OKT27" s="8"/>
      <c r="OKU27" s="8"/>
      <c r="OKV27" s="8"/>
      <c r="OKW27" s="8"/>
      <c r="OKX27" s="8"/>
      <c r="OKY27" s="8"/>
      <c r="OKZ27" s="8"/>
      <c r="OLA27" s="8"/>
      <c r="OLB27" s="8"/>
      <c r="OLC27" s="8"/>
      <c r="OLD27" s="8"/>
      <c r="OLE27" s="8"/>
      <c r="OLF27" s="8"/>
      <c r="OLG27" s="8"/>
      <c r="OLH27" s="8"/>
      <c r="OLI27" s="8"/>
      <c r="OLJ27" s="8"/>
      <c r="OLK27" s="8"/>
      <c r="OLL27" s="8"/>
      <c r="OLM27" s="8"/>
      <c r="OLN27" s="8"/>
      <c r="OLO27" s="8"/>
      <c r="OLP27" s="8"/>
      <c r="OLQ27" s="8"/>
      <c r="OLR27" s="8"/>
      <c r="OLS27" s="8"/>
      <c r="OLT27" s="8"/>
      <c r="OLU27" s="8"/>
      <c r="OLV27" s="8"/>
      <c r="OLW27" s="8"/>
      <c r="OLX27" s="8"/>
      <c r="OLY27" s="8"/>
      <c r="OLZ27" s="8"/>
      <c r="OMA27" s="8"/>
      <c r="OMB27" s="8"/>
      <c r="OMC27" s="8"/>
      <c r="OMD27" s="8"/>
      <c r="OME27" s="8"/>
      <c r="OMF27" s="8"/>
      <c r="OMG27" s="8"/>
      <c r="OMH27" s="8"/>
      <c r="OMI27" s="8"/>
      <c r="OMJ27" s="8"/>
      <c r="OMK27" s="8"/>
      <c r="OML27" s="8"/>
      <c r="OMM27" s="8"/>
      <c r="OMN27" s="8"/>
      <c r="OMO27" s="8"/>
      <c r="OMP27" s="8"/>
      <c r="OMQ27" s="8"/>
      <c r="OMR27" s="8"/>
      <c r="OMS27" s="8"/>
      <c r="OMT27" s="8"/>
      <c r="OMU27" s="8"/>
      <c r="OMV27" s="8"/>
      <c r="OMW27" s="8"/>
      <c r="OMX27" s="8"/>
      <c r="OMY27" s="8"/>
      <c r="OMZ27" s="8"/>
      <c r="ONA27" s="8"/>
      <c r="ONB27" s="8"/>
      <c r="ONC27" s="8"/>
      <c r="OND27" s="8"/>
      <c r="ONE27" s="8"/>
      <c r="ONF27" s="8"/>
      <c r="ONG27" s="8"/>
      <c r="ONH27" s="8"/>
      <c r="ONI27" s="8"/>
      <c r="ONJ27" s="8"/>
      <c r="ONK27" s="8"/>
      <c r="ONL27" s="8"/>
      <c r="ONM27" s="8"/>
      <c r="ONN27" s="8"/>
      <c r="ONO27" s="8"/>
      <c r="ONP27" s="8"/>
      <c r="ONQ27" s="8"/>
      <c r="ONR27" s="8"/>
      <c r="ONS27" s="8"/>
      <c r="ONT27" s="8"/>
      <c r="ONU27" s="8"/>
      <c r="ONV27" s="8"/>
      <c r="ONW27" s="8"/>
      <c r="ONX27" s="8"/>
      <c r="ONY27" s="8"/>
      <c r="ONZ27" s="8"/>
      <c r="OOA27" s="8"/>
      <c r="OOB27" s="8"/>
      <c r="OOC27" s="8"/>
      <c r="OOD27" s="8"/>
      <c r="OOE27" s="8"/>
      <c r="OOF27" s="8"/>
      <c r="OOG27" s="8"/>
      <c r="OOH27" s="8"/>
      <c r="OOI27" s="8"/>
      <c r="OOJ27" s="8"/>
      <c r="OOK27" s="8"/>
      <c r="OOL27" s="8"/>
      <c r="OOM27" s="8"/>
      <c r="OON27" s="8"/>
      <c r="OOO27" s="8"/>
      <c r="OOP27" s="8"/>
      <c r="OOQ27" s="8"/>
      <c r="OOR27" s="8"/>
      <c r="OOS27" s="8"/>
      <c r="OOT27" s="8"/>
      <c r="OOU27" s="8"/>
      <c r="OOV27" s="8"/>
      <c r="OOW27" s="8"/>
      <c r="OOX27" s="8"/>
      <c r="OOY27" s="8"/>
      <c r="OOZ27" s="8"/>
      <c r="OPA27" s="8"/>
      <c r="OPB27" s="8"/>
      <c r="OPC27" s="8"/>
      <c r="OPD27" s="8"/>
      <c r="OPE27" s="8"/>
      <c r="OPF27" s="8"/>
      <c r="OPG27" s="8"/>
      <c r="OPH27" s="8"/>
      <c r="OPI27" s="8"/>
      <c r="OPJ27" s="8"/>
      <c r="OPK27" s="8"/>
      <c r="OPL27" s="8"/>
      <c r="OPM27" s="8"/>
      <c r="OPN27" s="8"/>
      <c r="OPO27" s="8"/>
      <c r="OPP27" s="8"/>
      <c r="OPQ27" s="8"/>
      <c r="OPR27" s="8"/>
      <c r="OPS27" s="8"/>
      <c r="OPT27" s="8"/>
      <c r="OPU27" s="8"/>
      <c r="OPV27" s="8"/>
      <c r="OPW27" s="8"/>
      <c r="OPX27" s="8"/>
      <c r="OPY27" s="8"/>
      <c r="OPZ27" s="8"/>
      <c r="OQA27" s="8"/>
      <c r="OQB27" s="8"/>
      <c r="OQC27" s="8"/>
      <c r="OQD27" s="8"/>
      <c r="OQE27" s="8"/>
      <c r="OQF27" s="8"/>
      <c r="OQG27" s="8"/>
      <c r="OQH27" s="8"/>
      <c r="OQI27" s="8"/>
      <c r="OQJ27" s="8"/>
      <c r="OQK27" s="8"/>
      <c r="OQL27" s="8"/>
      <c r="OQM27" s="8"/>
      <c r="OQN27" s="8"/>
      <c r="OQO27" s="8"/>
      <c r="OQP27" s="8"/>
      <c r="OQQ27" s="8"/>
      <c r="OQR27" s="8"/>
      <c r="OQS27" s="8"/>
      <c r="OQT27" s="8"/>
      <c r="OQU27" s="8"/>
      <c r="OQV27" s="8"/>
      <c r="OQW27" s="8"/>
      <c r="OQX27" s="8"/>
      <c r="OQY27" s="8"/>
      <c r="OQZ27" s="8"/>
      <c r="ORA27" s="8"/>
      <c r="ORB27" s="8"/>
      <c r="ORC27" s="8"/>
      <c r="ORD27" s="8"/>
      <c r="ORE27" s="8"/>
      <c r="ORF27" s="8"/>
      <c r="ORG27" s="8"/>
      <c r="ORH27" s="8"/>
      <c r="ORI27" s="8"/>
      <c r="ORJ27" s="8"/>
      <c r="ORK27" s="8"/>
      <c r="ORL27" s="8"/>
      <c r="ORM27" s="8"/>
      <c r="ORN27" s="8"/>
      <c r="ORO27" s="8"/>
      <c r="ORP27" s="8"/>
      <c r="ORQ27" s="8"/>
      <c r="ORR27" s="8"/>
      <c r="ORS27" s="8"/>
      <c r="ORT27" s="8"/>
      <c r="ORU27" s="8"/>
      <c r="ORV27" s="8"/>
      <c r="ORW27" s="8"/>
      <c r="ORX27" s="8"/>
      <c r="ORY27" s="8"/>
      <c r="ORZ27" s="8"/>
      <c r="OSA27" s="8"/>
      <c r="OSB27" s="8"/>
      <c r="OSC27" s="8"/>
      <c r="OSD27" s="8"/>
      <c r="OSE27" s="8"/>
      <c r="OSF27" s="8"/>
      <c r="OSG27" s="8"/>
      <c r="OSH27" s="8"/>
      <c r="OSI27" s="8"/>
      <c r="OSJ27" s="8"/>
      <c r="OSK27" s="8"/>
      <c r="OSL27" s="8"/>
      <c r="OSM27" s="8"/>
      <c r="OSN27" s="8"/>
      <c r="OSO27" s="8"/>
      <c r="OSP27" s="8"/>
      <c r="OSQ27" s="8"/>
      <c r="OSR27" s="8"/>
      <c r="OSS27" s="8"/>
      <c r="OST27" s="8"/>
      <c r="OSU27" s="8"/>
      <c r="OSV27" s="8"/>
      <c r="OSW27" s="8"/>
      <c r="OSX27" s="8"/>
      <c r="OSY27" s="8"/>
      <c r="OSZ27" s="8"/>
      <c r="OTA27" s="8"/>
      <c r="OTB27" s="8"/>
      <c r="OTC27" s="8"/>
      <c r="OTD27" s="8"/>
      <c r="OTE27" s="8"/>
      <c r="OTF27" s="8"/>
      <c r="OTG27" s="8"/>
      <c r="OTH27" s="8"/>
      <c r="OTI27" s="8"/>
      <c r="OTJ27" s="8"/>
      <c r="OTK27" s="8"/>
      <c r="OTL27" s="8"/>
      <c r="OTM27" s="8"/>
      <c r="OTN27" s="8"/>
      <c r="OTO27" s="8"/>
      <c r="OTP27" s="8"/>
      <c r="OTQ27" s="8"/>
      <c r="OTR27" s="8"/>
      <c r="OTS27" s="8"/>
      <c r="OTT27" s="8"/>
      <c r="OTU27" s="8"/>
      <c r="OTV27" s="8"/>
      <c r="OTW27" s="8"/>
      <c r="OTX27" s="8"/>
      <c r="OTY27" s="8"/>
      <c r="OTZ27" s="8"/>
      <c r="OUA27" s="8"/>
      <c r="OUB27" s="8"/>
      <c r="OUC27" s="8"/>
      <c r="OUD27" s="8"/>
      <c r="OUE27" s="8"/>
      <c r="OUF27" s="8"/>
      <c r="OUG27" s="8"/>
      <c r="OUH27" s="8"/>
      <c r="OUI27" s="8"/>
      <c r="OUJ27" s="8"/>
      <c r="OUK27" s="8"/>
      <c r="OUL27" s="8"/>
      <c r="OUM27" s="8"/>
      <c r="OUN27" s="8"/>
      <c r="OUO27" s="8"/>
      <c r="OUP27" s="8"/>
      <c r="OUQ27" s="8"/>
      <c r="OUR27" s="8"/>
      <c r="OUS27" s="8"/>
      <c r="OUT27" s="8"/>
      <c r="OUU27" s="8"/>
      <c r="OUV27" s="8"/>
      <c r="OUW27" s="8"/>
      <c r="OUX27" s="8"/>
      <c r="OUY27" s="8"/>
      <c r="OUZ27" s="8"/>
      <c r="OVA27" s="8"/>
      <c r="OVB27" s="8"/>
      <c r="OVC27" s="8"/>
      <c r="OVD27" s="8"/>
      <c r="OVE27" s="8"/>
      <c r="OVF27" s="8"/>
      <c r="OVG27" s="8"/>
      <c r="OVH27" s="8"/>
      <c r="OVI27" s="8"/>
      <c r="OVJ27" s="8"/>
      <c r="OVK27" s="8"/>
      <c r="OVL27" s="8"/>
      <c r="OVM27" s="8"/>
      <c r="OVN27" s="8"/>
      <c r="OVO27" s="8"/>
      <c r="OVP27" s="8"/>
      <c r="OVQ27" s="8"/>
      <c r="OVR27" s="8"/>
      <c r="OVS27" s="8"/>
      <c r="OVT27" s="8"/>
      <c r="OVU27" s="8"/>
      <c r="OVV27" s="8"/>
      <c r="OVW27" s="8"/>
      <c r="OVX27" s="8"/>
      <c r="OVY27" s="8"/>
      <c r="OVZ27" s="8"/>
      <c r="OWA27" s="8"/>
      <c r="OWB27" s="8"/>
      <c r="OWC27" s="8"/>
      <c r="OWD27" s="8"/>
      <c r="OWE27" s="8"/>
      <c r="OWF27" s="8"/>
      <c r="OWG27" s="8"/>
      <c r="OWH27" s="8"/>
      <c r="OWI27" s="8"/>
      <c r="OWJ27" s="8"/>
      <c r="OWK27" s="8"/>
      <c r="OWL27" s="8"/>
      <c r="OWM27" s="8"/>
      <c r="OWN27" s="8"/>
      <c r="OWO27" s="8"/>
      <c r="OWP27" s="8"/>
      <c r="OWQ27" s="8"/>
      <c r="OWR27" s="8"/>
      <c r="OWS27" s="8"/>
      <c r="OWT27" s="8"/>
      <c r="OWU27" s="8"/>
      <c r="OWV27" s="8"/>
      <c r="OWW27" s="8"/>
      <c r="OWX27" s="8"/>
      <c r="OWY27" s="8"/>
      <c r="OWZ27" s="8"/>
      <c r="OXA27" s="8"/>
      <c r="OXB27" s="8"/>
      <c r="OXC27" s="8"/>
      <c r="OXD27" s="8"/>
      <c r="OXE27" s="8"/>
      <c r="OXF27" s="8"/>
      <c r="OXG27" s="8"/>
      <c r="OXH27" s="8"/>
      <c r="OXI27" s="8"/>
      <c r="OXJ27" s="8"/>
      <c r="OXK27" s="8"/>
      <c r="OXL27" s="8"/>
      <c r="OXM27" s="8"/>
      <c r="OXN27" s="8"/>
      <c r="OXO27" s="8"/>
      <c r="OXP27" s="8"/>
      <c r="OXQ27" s="8"/>
      <c r="OXR27" s="8"/>
      <c r="OXS27" s="8"/>
      <c r="OXT27" s="8"/>
      <c r="OXU27" s="8"/>
      <c r="OXV27" s="8"/>
      <c r="OXW27" s="8"/>
      <c r="OXX27" s="8"/>
      <c r="OXY27" s="8"/>
      <c r="OXZ27" s="8"/>
      <c r="OYA27" s="8"/>
      <c r="OYB27" s="8"/>
      <c r="OYC27" s="8"/>
      <c r="OYD27" s="8"/>
      <c r="OYE27" s="8"/>
      <c r="OYF27" s="8"/>
      <c r="OYG27" s="8"/>
      <c r="OYH27" s="8"/>
      <c r="OYI27" s="8"/>
      <c r="OYJ27" s="8"/>
      <c r="OYK27" s="8"/>
      <c r="OYL27" s="8"/>
      <c r="OYM27" s="8"/>
      <c r="OYN27" s="8"/>
      <c r="OYO27" s="8"/>
      <c r="OYP27" s="8"/>
      <c r="OYQ27" s="8"/>
      <c r="OYR27" s="8"/>
      <c r="OYS27" s="8"/>
      <c r="OYT27" s="8"/>
      <c r="OYU27" s="8"/>
      <c r="OYV27" s="8"/>
      <c r="OYW27" s="8"/>
      <c r="OYX27" s="8"/>
      <c r="OYY27" s="8"/>
      <c r="OYZ27" s="8"/>
      <c r="OZA27" s="8"/>
      <c r="OZB27" s="8"/>
      <c r="OZC27" s="8"/>
      <c r="OZD27" s="8"/>
      <c r="OZE27" s="8"/>
      <c r="OZF27" s="8"/>
      <c r="OZG27" s="8"/>
      <c r="OZH27" s="8"/>
      <c r="OZI27" s="8"/>
      <c r="OZJ27" s="8"/>
      <c r="OZK27" s="8"/>
      <c r="OZL27" s="8"/>
      <c r="OZM27" s="8"/>
      <c r="OZN27" s="8"/>
      <c r="OZO27" s="8"/>
      <c r="OZP27" s="8"/>
      <c r="OZQ27" s="8"/>
      <c r="OZR27" s="8"/>
      <c r="OZS27" s="8"/>
      <c r="OZT27" s="8"/>
      <c r="OZU27" s="8"/>
      <c r="OZV27" s="8"/>
      <c r="OZW27" s="8"/>
      <c r="OZX27" s="8"/>
      <c r="OZY27" s="8"/>
      <c r="OZZ27" s="8"/>
      <c r="PAA27" s="8"/>
      <c r="PAB27" s="8"/>
      <c r="PAC27" s="8"/>
      <c r="PAD27" s="8"/>
      <c r="PAE27" s="8"/>
      <c r="PAF27" s="8"/>
      <c r="PAG27" s="8"/>
      <c r="PAH27" s="8"/>
      <c r="PAI27" s="8"/>
      <c r="PAJ27" s="8"/>
      <c r="PAK27" s="8"/>
      <c r="PAL27" s="8"/>
      <c r="PAM27" s="8"/>
      <c r="PAN27" s="8"/>
      <c r="PAO27" s="8"/>
      <c r="PAP27" s="8"/>
      <c r="PAQ27" s="8"/>
      <c r="PAR27" s="8"/>
      <c r="PAS27" s="8"/>
      <c r="PAT27" s="8"/>
      <c r="PAU27" s="8"/>
      <c r="PAV27" s="8"/>
      <c r="PAW27" s="8"/>
      <c r="PAX27" s="8"/>
      <c r="PAY27" s="8"/>
      <c r="PAZ27" s="8"/>
      <c r="PBA27" s="8"/>
      <c r="PBB27" s="8"/>
      <c r="PBC27" s="8"/>
      <c r="PBD27" s="8"/>
      <c r="PBE27" s="8"/>
      <c r="PBF27" s="8"/>
      <c r="PBG27" s="8"/>
      <c r="PBH27" s="8"/>
      <c r="PBI27" s="8"/>
      <c r="PBJ27" s="8"/>
      <c r="PBK27" s="8"/>
      <c r="PBL27" s="8"/>
      <c r="PBM27" s="8"/>
      <c r="PBN27" s="8"/>
      <c r="PBO27" s="8"/>
      <c r="PBP27" s="8"/>
      <c r="PBQ27" s="8"/>
      <c r="PBR27" s="8"/>
      <c r="PBS27" s="8"/>
      <c r="PBT27" s="8"/>
      <c r="PBU27" s="8"/>
      <c r="PBV27" s="8"/>
      <c r="PBW27" s="8"/>
      <c r="PBX27" s="8"/>
      <c r="PBY27" s="8"/>
      <c r="PBZ27" s="8"/>
      <c r="PCA27" s="8"/>
      <c r="PCB27" s="8"/>
      <c r="PCC27" s="8"/>
      <c r="PCD27" s="8"/>
      <c r="PCE27" s="8"/>
      <c r="PCF27" s="8"/>
      <c r="PCG27" s="8"/>
      <c r="PCH27" s="8"/>
      <c r="PCI27" s="8"/>
      <c r="PCJ27" s="8"/>
      <c r="PCK27" s="8"/>
      <c r="PCL27" s="8"/>
      <c r="PCM27" s="8"/>
      <c r="PCN27" s="8"/>
      <c r="PCO27" s="8"/>
      <c r="PCP27" s="8"/>
      <c r="PCQ27" s="8"/>
      <c r="PCR27" s="8"/>
      <c r="PCS27" s="8"/>
      <c r="PCT27" s="8"/>
      <c r="PCU27" s="8"/>
      <c r="PCV27" s="8"/>
      <c r="PCW27" s="8"/>
      <c r="PCX27" s="8"/>
      <c r="PCY27" s="8"/>
      <c r="PCZ27" s="8"/>
      <c r="PDA27" s="8"/>
      <c r="PDB27" s="8"/>
      <c r="PDC27" s="8"/>
      <c r="PDD27" s="8"/>
      <c r="PDE27" s="8"/>
      <c r="PDF27" s="8"/>
      <c r="PDG27" s="8"/>
      <c r="PDH27" s="8"/>
      <c r="PDI27" s="8"/>
      <c r="PDJ27" s="8"/>
      <c r="PDK27" s="8"/>
      <c r="PDL27" s="8"/>
      <c r="PDM27" s="8"/>
      <c r="PDN27" s="8"/>
      <c r="PDO27" s="8"/>
      <c r="PDP27" s="8"/>
      <c r="PDQ27" s="8"/>
      <c r="PDR27" s="8"/>
      <c r="PDS27" s="8"/>
      <c r="PDT27" s="8"/>
      <c r="PDU27" s="8"/>
      <c r="PDV27" s="8"/>
      <c r="PDW27" s="8"/>
      <c r="PDX27" s="8"/>
      <c r="PDY27" s="8"/>
      <c r="PDZ27" s="8"/>
      <c r="PEA27" s="8"/>
      <c r="PEB27" s="8"/>
      <c r="PEC27" s="8"/>
      <c r="PED27" s="8"/>
      <c r="PEE27" s="8"/>
      <c r="PEF27" s="8"/>
      <c r="PEG27" s="8"/>
      <c r="PEH27" s="8"/>
      <c r="PEI27" s="8"/>
      <c r="PEJ27" s="8"/>
      <c r="PEK27" s="8"/>
      <c r="PEL27" s="8"/>
      <c r="PEM27" s="8"/>
      <c r="PEN27" s="8"/>
      <c r="PEO27" s="8"/>
      <c r="PEP27" s="8"/>
      <c r="PEQ27" s="8"/>
      <c r="PER27" s="8"/>
      <c r="PES27" s="8"/>
      <c r="PET27" s="8"/>
      <c r="PEU27" s="8"/>
      <c r="PEV27" s="8"/>
      <c r="PEW27" s="8"/>
      <c r="PEX27" s="8"/>
      <c r="PEY27" s="8"/>
      <c r="PEZ27" s="8"/>
      <c r="PFA27" s="8"/>
      <c r="PFB27" s="8"/>
      <c r="PFC27" s="8"/>
      <c r="PFD27" s="8"/>
      <c r="PFE27" s="8"/>
      <c r="PFF27" s="8"/>
      <c r="PFG27" s="8"/>
      <c r="PFH27" s="8"/>
      <c r="PFI27" s="8"/>
      <c r="PFJ27" s="8"/>
      <c r="PFK27" s="8"/>
      <c r="PFL27" s="8"/>
      <c r="PFM27" s="8"/>
      <c r="PFN27" s="8"/>
      <c r="PFO27" s="8"/>
      <c r="PFP27" s="8"/>
      <c r="PFQ27" s="8"/>
      <c r="PFR27" s="8"/>
      <c r="PFS27" s="8"/>
      <c r="PFT27" s="8"/>
      <c r="PFU27" s="8"/>
      <c r="PFV27" s="8"/>
      <c r="PFW27" s="8"/>
      <c r="PFX27" s="8"/>
      <c r="PFY27" s="8"/>
      <c r="PFZ27" s="8"/>
      <c r="PGA27" s="8"/>
      <c r="PGB27" s="8"/>
      <c r="PGC27" s="8"/>
      <c r="PGD27" s="8"/>
      <c r="PGE27" s="8"/>
      <c r="PGF27" s="8"/>
      <c r="PGG27" s="8"/>
      <c r="PGH27" s="8"/>
      <c r="PGI27" s="8"/>
      <c r="PGJ27" s="8"/>
      <c r="PGK27" s="8"/>
      <c r="PGL27" s="8"/>
      <c r="PGM27" s="8"/>
      <c r="PGN27" s="8"/>
      <c r="PGO27" s="8"/>
      <c r="PGP27" s="8"/>
      <c r="PGQ27" s="8"/>
      <c r="PGR27" s="8"/>
      <c r="PGS27" s="8"/>
      <c r="PGT27" s="8"/>
      <c r="PGU27" s="8"/>
      <c r="PGV27" s="8"/>
      <c r="PGW27" s="8"/>
      <c r="PGX27" s="8"/>
      <c r="PGY27" s="8"/>
      <c r="PGZ27" s="8"/>
      <c r="PHA27" s="8"/>
      <c r="PHB27" s="8"/>
      <c r="PHC27" s="8"/>
      <c r="PHD27" s="8"/>
      <c r="PHE27" s="8"/>
      <c r="PHF27" s="8"/>
      <c r="PHG27" s="8"/>
      <c r="PHH27" s="8"/>
      <c r="PHI27" s="8"/>
      <c r="PHJ27" s="8"/>
      <c r="PHK27" s="8"/>
      <c r="PHL27" s="8"/>
      <c r="PHM27" s="8"/>
      <c r="PHN27" s="8"/>
      <c r="PHO27" s="8"/>
      <c r="PHP27" s="8"/>
      <c r="PHQ27" s="8"/>
      <c r="PHR27" s="8"/>
      <c r="PHS27" s="8"/>
      <c r="PHT27" s="8"/>
      <c r="PHU27" s="8"/>
      <c r="PHV27" s="8"/>
      <c r="PHW27" s="8"/>
      <c r="PHX27" s="8"/>
      <c r="PHY27" s="8"/>
      <c r="PHZ27" s="8"/>
      <c r="PIA27" s="8"/>
      <c r="PIB27" s="8"/>
      <c r="PIC27" s="8"/>
      <c r="PID27" s="8"/>
      <c r="PIE27" s="8"/>
      <c r="PIF27" s="8"/>
      <c r="PIG27" s="8"/>
      <c r="PIH27" s="8"/>
      <c r="PII27" s="8"/>
      <c r="PIJ27" s="8"/>
      <c r="PIK27" s="8"/>
      <c r="PIL27" s="8"/>
      <c r="PIM27" s="8"/>
      <c r="PIN27" s="8"/>
      <c r="PIO27" s="8"/>
      <c r="PIP27" s="8"/>
      <c r="PIQ27" s="8"/>
      <c r="PIR27" s="8"/>
      <c r="PIS27" s="8"/>
      <c r="PIT27" s="8"/>
      <c r="PIU27" s="8"/>
      <c r="PIV27" s="8"/>
      <c r="PIW27" s="8"/>
      <c r="PIX27" s="8"/>
      <c r="PIY27" s="8"/>
      <c r="PIZ27" s="8"/>
      <c r="PJA27" s="8"/>
      <c r="PJB27" s="8"/>
      <c r="PJC27" s="8"/>
      <c r="PJD27" s="8"/>
      <c r="PJE27" s="8"/>
      <c r="PJF27" s="8"/>
      <c r="PJG27" s="8"/>
      <c r="PJH27" s="8"/>
      <c r="PJI27" s="8"/>
      <c r="PJJ27" s="8"/>
      <c r="PJK27" s="8"/>
      <c r="PJL27" s="8"/>
      <c r="PJM27" s="8"/>
      <c r="PJN27" s="8"/>
      <c r="PJO27" s="8"/>
      <c r="PJP27" s="8"/>
      <c r="PJQ27" s="8"/>
      <c r="PJR27" s="8"/>
      <c r="PJS27" s="8"/>
      <c r="PJT27" s="8"/>
      <c r="PJU27" s="8"/>
      <c r="PJV27" s="8"/>
      <c r="PJW27" s="8"/>
      <c r="PJX27" s="8"/>
      <c r="PJY27" s="8"/>
      <c r="PJZ27" s="8"/>
      <c r="PKA27" s="8"/>
      <c r="PKB27" s="8"/>
      <c r="PKC27" s="8"/>
      <c r="PKD27" s="8"/>
      <c r="PKE27" s="8"/>
      <c r="PKF27" s="8"/>
      <c r="PKG27" s="8"/>
      <c r="PKH27" s="8"/>
      <c r="PKI27" s="8"/>
      <c r="PKJ27" s="8"/>
      <c r="PKK27" s="8"/>
      <c r="PKL27" s="8"/>
      <c r="PKM27" s="8"/>
      <c r="PKN27" s="8"/>
      <c r="PKO27" s="8"/>
      <c r="PKP27" s="8"/>
      <c r="PKQ27" s="8"/>
      <c r="PKR27" s="8"/>
      <c r="PKS27" s="8"/>
      <c r="PKT27" s="8"/>
      <c r="PKU27" s="8"/>
      <c r="PKV27" s="8"/>
      <c r="PKW27" s="8"/>
      <c r="PKX27" s="8"/>
      <c r="PKY27" s="8"/>
      <c r="PKZ27" s="8"/>
      <c r="PLA27" s="8"/>
      <c r="PLB27" s="8"/>
      <c r="PLC27" s="8"/>
      <c r="PLD27" s="8"/>
      <c r="PLE27" s="8"/>
      <c r="PLF27" s="8"/>
      <c r="PLG27" s="8"/>
      <c r="PLH27" s="8"/>
      <c r="PLI27" s="8"/>
      <c r="PLJ27" s="8"/>
      <c r="PLK27" s="8"/>
      <c r="PLL27" s="8"/>
      <c r="PLM27" s="8"/>
      <c r="PLN27" s="8"/>
      <c r="PLO27" s="8"/>
      <c r="PLP27" s="8"/>
      <c r="PLQ27" s="8"/>
      <c r="PLR27" s="8"/>
      <c r="PLS27" s="8"/>
      <c r="PLT27" s="8"/>
      <c r="PLU27" s="8"/>
      <c r="PLV27" s="8"/>
      <c r="PLW27" s="8"/>
      <c r="PLX27" s="8"/>
      <c r="PLY27" s="8"/>
      <c r="PLZ27" s="8"/>
      <c r="PMA27" s="8"/>
      <c r="PMB27" s="8"/>
      <c r="PMC27" s="8"/>
      <c r="PMD27" s="8"/>
      <c r="PME27" s="8"/>
      <c r="PMF27" s="8"/>
      <c r="PMG27" s="8"/>
      <c r="PMH27" s="8"/>
      <c r="PMI27" s="8"/>
      <c r="PMJ27" s="8"/>
      <c r="PMK27" s="8"/>
      <c r="PML27" s="8"/>
      <c r="PMM27" s="8"/>
      <c r="PMN27" s="8"/>
      <c r="PMO27" s="8"/>
      <c r="PMP27" s="8"/>
      <c r="PMQ27" s="8"/>
      <c r="PMR27" s="8"/>
      <c r="PMS27" s="8"/>
      <c r="PMT27" s="8"/>
      <c r="PMU27" s="8"/>
      <c r="PMV27" s="8"/>
      <c r="PMW27" s="8"/>
      <c r="PMX27" s="8"/>
      <c r="PMY27" s="8"/>
      <c r="PMZ27" s="8"/>
      <c r="PNA27" s="8"/>
      <c r="PNB27" s="8"/>
      <c r="PNC27" s="8"/>
      <c r="PND27" s="8"/>
      <c r="PNE27" s="8"/>
      <c r="PNF27" s="8"/>
      <c r="PNG27" s="8"/>
      <c r="PNH27" s="8"/>
      <c r="PNI27" s="8"/>
      <c r="PNJ27" s="8"/>
      <c r="PNK27" s="8"/>
      <c r="PNL27" s="8"/>
      <c r="PNM27" s="8"/>
      <c r="PNN27" s="8"/>
      <c r="PNO27" s="8"/>
      <c r="PNP27" s="8"/>
      <c r="PNQ27" s="8"/>
      <c r="PNR27" s="8"/>
      <c r="PNS27" s="8"/>
      <c r="PNT27" s="8"/>
      <c r="PNU27" s="8"/>
      <c r="PNV27" s="8"/>
      <c r="PNW27" s="8"/>
      <c r="PNX27" s="8"/>
      <c r="PNY27" s="8"/>
      <c r="PNZ27" s="8"/>
      <c r="POA27" s="8"/>
      <c r="POB27" s="8"/>
      <c r="POC27" s="8"/>
      <c r="POD27" s="8"/>
      <c r="POE27" s="8"/>
      <c r="POF27" s="8"/>
      <c r="POG27" s="8"/>
      <c r="POH27" s="8"/>
      <c r="POI27" s="8"/>
      <c r="POJ27" s="8"/>
      <c r="POK27" s="8"/>
      <c r="POL27" s="8"/>
      <c r="POM27" s="8"/>
      <c r="PON27" s="8"/>
      <c r="POO27" s="8"/>
      <c r="POP27" s="8"/>
      <c r="POQ27" s="8"/>
      <c r="POR27" s="8"/>
      <c r="POS27" s="8"/>
      <c r="POT27" s="8"/>
      <c r="POU27" s="8"/>
      <c r="POV27" s="8"/>
      <c r="POW27" s="8"/>
      <c r="POX27" s="8"/>
      <c r="POY27" s="8"/>
      <c r="POZ27" s="8"/>
      <c r="PPA27" s="8"/>
      <c r="PPB27" s="8"/>
      <c r="PPC27" s="8"/>
      <c r="PPD27" s="8"/>
      <c r="PPE27" s="8"/>
      <c r="PPF27" s="8"/>
      <c r="PPG27" s="8"/>
      <c r="PPH27" s="8"/>
      <c r="PPI27" s="8"/>
      <c r="PPJ27" s="8"/>
      <c r="PPK27" s="8"/>
      <c r="PPL27" s="8"/>
      <c r="PPM27" s="8"/>
      <c r="PPN27" s="8"/>
      <c r="PPO27" s="8"/>
      <c r="PPP27" s="8"/>
      <c r="PPQ27" s="8"/>
      <c r="PPR27" s="8"/>
      <c r="PPS27" s="8"/>
      <c r="PPT27" s="8"/>
      <c r="PPU27" s="8"/>
      <c r="PPV27" s="8"/>
      <c r="PPW27" s="8"/>
      <c r="PPX27" s="8"/>
      <c r="PPY27" s="8"/>
      <c r="PPZ27" s="8"/>
      <c r="PQA27" s="8"/>
      <c r="PQB27" s="8"/>
      <c r="PQC27" s="8"/>
      <c r="PQD27" s="8"/>
      <c r="PQE27" s="8"/>
      <c r="PQF27" s="8"/>
      <c r="PQG27" s="8"/>
      <c r="PQH27" s="8"/>
      <c r="PQI27" s="8"/>
      <c r="PQJ27" s="8"/>
      <c r="PQK27" s="8"/>
      <c r="PQL27" s="8"/>
      <c r="PQM27" s="8"/>
      <c r="PQN27" s="8"/>
      <c r="PQO27" s="8"/>
      <c r="PQP27" s="8"/>
      <c r="PQQ27" s="8"/>
      <c r="PQR27" s="8"/>
      <c r="PQS27" s="8"/>
      <c r="PQT27" s="8"/>
      <c r="PQU27" s="8"/>
      <c r="PQV27" s="8"/>
      <c r="PQW27" s="8"/>
      <c r="PQX27" s="8"/>
      <c r="PQY27" s="8"/>
      <c r="PQZ27" s="8"/>
      <c r="PRA27" s="8"/>
      <c r="PRB27" s="8"/>
      <c r="PRC27" s="8"/>
      <c r="PRD27" s="8"/>
      <c r="PRE27" s="8"/>
      <c r="PRF27" s="8"/>
      <c r="PRG27" s="8"/>
      <c r="PRH27" s="8"/>
      <c r="PRI27" s="8"/>
      <c r="PRJ27" s="8"/>
      <c r="PRK27" s="8"/>
      <c r="PRL27" s="8"/>
      <c r="PRM27" s="8"/>
      <c r="PRN27" s="8"/>
      <c r="PRO27" s="8"/>
      <c r="PRP27" s="8"/>
      <c r="PRQ27" s="8"/>
      <c r="PRR27" s="8"/>
      <c r="PRS27" s="8"/>
      <c r="PRT27" s="8"/>
      <c r="PRU27" s="8"/>
      <c r="PRV27" s="8"/>
      <c r="PRW27" s="8"/>
      <c r="PRX27" s="8"/>
      <c r="PRY27" s="8"/>
      <c r="PRZ27" s="8"/>
      <c r="PSA27" s="8"/>
      <c r="PSB27" s="8"/>
      <c r="PSC27" s="8"/>
      <c r="PSD27" s="8"/>
      <c r="PSE27" s="8"/>
      <c r="PSF27" s="8"/>
      <c r="PSG27" s="8"/>
      <c r="PSH27" s="8"/>
      <c r="PSI27" s="8"/>
      <c r="PSJ27" s="8"/>
      <c r="PSK27" s="8"/>
      <c r="PSL27" s="8"/>
      <c r="PSM27" s="8"/>
      <c r="PSN27" s="8"/>
      <c r="PSO27" s="8"/>
      <c r="PSP27" s="8"/>
      <c r="PSQ27" s="8"/>
      <c r="PSR27" s="8"/>
      <c r="PSS27" s="8"/>
      <c r="PST27" s="8"/>
      <c r="PSU27" s="8"/>
      <c r="PSV27" s="8"/>
      <c r="PSW27" s="8"/>
      <c r="PSX27" s="8"/>
      <c r="PSY27" s="8"/>
      <c r="PSZ27" s="8"/>
      <c r="PTA27" s="8"/>
      <c r="PTB27" s="8"/>
      <c r="PTC27" s="8"/>
      <c r="PTD27" s="8"/>
      <c r="PTE27" s="8"/>
      <c r="PTF27" s="8"/>
      <c r="PTG27" s="8"/>
      <c r="PTH27" s="8"/>
      <c r="PTI27" s="8"/>
      <c r="PTJ27" s="8"/>
      <c r="PTK27" s="8"/>
      <c r="PTL27" s="8"/>
      <c r="PTM27" s="8"/>
      <c r="PTN27" s="8"/>
      <c r="PTO27" s="8"/>
      <c r="PTP27" s="8"/>
      <c r="PTQ27" s="8"/>
      <c r="PTR27" s="8"/>
      <c r="PTS27" s="8"/>
      <c r="PTT27" s="8"/>
      <c r="PTU27" s="8"/>
      <c r="PTV27" s="8"/>
      <c r="PTW27" s="8"/>
      <c r="PTX27" s="8"/>
      <c r="PTY27" s="8"/>
      <c r="PTZ27" s="8"/>
      <c r="PUA27" s="8"/>
      <c r="PUB27" s="8"/>
      <c r="PUC27" s="8"/>
      <c r="PUD27" s="8"/>
      <c r="PUE27" s="8"/>
      <c r="PUF27" s="8"/>
      <c r="PUG27" s="8"/>
      <c r="PUH27" s="8"/>
      <c r="PUI27" s="8"/>
      <c r="PUJ27" s="8"/>
      <c r="PUK27" s="8"/>
      <c r="PUL27" s="8"/>
      <c r="PUM27" s="8"/>
      <c r="PUN27" s="8"/>
      <c r="PUO27" s="8"/>
      <c r="PUP27" s="8"/>
      <c r="PUQ27" s="8"/>
      <c r="PUR27" s="8"/>
      <c r="PUS27" s="8"/>
      <c r="PUT27" s="8"/>
      <c r="PUU27" s="8"/>
      <c r="PUV27" s="8"/>
      <c r="PUW27" s="8"/>
      <c r="PUX27" s="8"/>
      <c r="PUY27" s="8"/>
      <c r="PUZ27" s="8"/>
      <c r="PVA27" s="8"/>
      <c r="PVB27" s="8"/>
      <c r="PVC27" s="8"/>
      <c r="PVD27" s="8"/>
      <c r="PVE27" s="8"/>
      <c r="PVF27" s="8"/>
      <c r="PVG27" s="8"/>
      <c r="PVH27" s="8"/>
      <c r="PVI27" s="8"/>
      <c r="PVJ27" s="8"/>
      <c r="PVK27" s="8"/>
      <c r="PVL27" s="8"/>
      <c r="PVM27" s="8"/>
      <c r="PVN27" s="8"/>
      <c r="PVO27" s="8"/>
      <c r="PVP27" s="8"/>
      <c r="PVQ27" s="8"/>
      <c r="PVR27" s="8"/>
      <c r="PVS27" s="8"/>
      <c r="PVT27" s="8"/>
      <c r="PVU27" s="8"/>
      <c r="PVV27" s="8"/>
      <c r="PVW27" s="8"/>
      <c r="PVX27" s="8"/>
      <c r="PVY27" s="8"/>
      <c r="PVZ27" s="8"/>
      <c r="PWA27" s="8"/>
      <c r="PWB27" s="8"/>
      <c r="PWC27" s="8"/>
      <c r="PWD27" s="8"/>
      <c r="PWE27" s="8"/>
      <c r="PWF27" s="8"/>
      <c r="PWG27" s="8"/>
      <c r="PWH27" s="8"/>
      <c r="PWI27" s="8"/>
      <c r="PWJ27" s="8"/>
      <c r="PWK27" s="8"/>
      <c r="PWL27" s="8"/>
      <c r="PWM27" s="8"/>
      <c r="PWN27" s="8"/>
      <c r="PWO27" s="8"/>
      <c r="PWP27" s="8"/>
      <c r="PWQ27" s="8"/>
      <c r="PWR27" s="8"/>
      <c r="PWS27" s="8"/>
      <c r="PWT27" s="8"/>
      <c r="PWU27" s="8"/>
      <c r="PWV27" s="8"/>
      <c r="PWW27" s="8"/>
      <c r="PWX27" s="8"/>
      <c r="PWY27" s="8"/>
      <c r="PWZ27" s="8"/>
      <c r="PXA27" s="8"/>
      <c r="PXB27" s="8"/>
      <c r="PXC27" s="8"/>
      <c r="PXD27" s="8"/>
      <c r="PXE27" s="8"/>
      <c r="PXF27" s="8"/>
      <c r="PXG27" s="8"/>
      <c r="PXH27" s="8"/>
      <c r="PXI27" s="8"/>
      <c r="PXJ27" s="8"/>
      <c r="PXK27" s="8"/>
      <c r="PXL27" s="8"/>
      <c r="PXM27" s="8"/>
      <c r="PXN27" s="8"/>
      <c r="PXO27" s="8"/>
      <c r="PXP27" s="8"/>
      <c r="PXQ27" s="8"/>
      <c r="PXR27" s="8"/>
      <c r="PXS27" s="8"/>
      <c r="PXT27" s="8"/>
      <c r="PXU27" s="8"/>
      <c r="PXV27" s="8"/>
      <c r="PXW27" s="8"/>
      <c r="PXX27" s="8"/>
      <c r="PXY27" s="8"/>
      <c r="PXZ27" s="8"/>
      <c r="PYA27" s="8"/>
      <c r="PYB27" s="8"/>
      <c r="PYC27" s="8"/>
      <c r="PYD27" s="8"/>
      <c r="PYE27" s="8"/>
      <c r="PYF27" s="8"/>
      <c r="PYG27" s="8"/>
      <c r="PYH27" s="8"/>
      <c r="PYI27" s="8"/>
      <c r="PYJ27" s="8"/>
      <c r="PYK27" s="8"/>
      <c r="PYL27" s="8"/>
      <c r="PYM27" s="8"/>
      <c r="PYN27" s="8"/>
      <c r="PYO27" s="8"/>
      <c r="PYP27" s="8"/>
      <c r="PYQ27" s="8"/>
      <c r="PYR27" s="8"/>
      <c r="PYS27" s="8"/>
      <c r="PYT27" s="8"/>
      <c r="PYU27" s="8"/>
      <c r="PYV27" s="8"/>
      <c r="PYW27" s="8"/>
      <c r="PYX27" s="8"/>
      <c r="PYY27" s="8"/>
      <c r="PYZ27" s="8"/>
      <c r="PZA27" s="8"/>
      <c r="PZB27" s="8"/>
      <c r="PZC27" s="8"/>
      <c r="PZD27" s="8"/>
      <c r="PZE27" s="8"/>
      <c r="PZF27" s="8"/>
      <c r="PZG27" s="8"/>
      <c r="PZH27" s="8"/>
      <c r="PZI27" s="8"/>
      <c r="PZJ27" s="8"/>
      <c r="PZK27" s="8"/>
      <c r="PZL27" s="8"/>
      <c r="PZM27" s="8"/>
      <c r="PZN27" s="8"/>
      <c r="PZO27" s="8"/>
      <c r="PZP27" s="8"/>
      <c r="PZQ27" s="8"/>
      <c r="PZR27" s="8"/>
      <c r="PZS27" s="8"/>
      <c r="PZT27" s="8"/>
      <c r="PZU27" s="8"/>
      <c r="PZV27" s="8"/>
      <c r="PZW27" s="8"/>
      <c r="PZX27" s="8"/>
      <c r="PZY27" s="8"/>
      <c r="PZZ27" s="8"/>
      <c r="QAA27" s="8"/>
      <c r="QAB27" s="8"/>
      <c r="QAC27" s="8"/>
      <c r="QAD27" s="8"/>
      <c r="QAE27" s="8"/>
      <c r="QAF27" s="8"/>
      <c r="QAG27" s="8"/>
      <c r="QAH27" s="8"/>
      <c r="QAI27" s="8"/>
      <c r="QAJ27" s="8"/>
      <c r="QAK27" s="8"/>
      <c r="QAL27" s="8"/>
      <c r="QAM27" s="8"/>
      <c r="QAN27" s="8"/>
      <c r="QAO27" s="8"/>
      <c r="QAP27" s="8"/>
      <c r="QAQ27" s="8"/>
      <c r="QAR27" s="8"/>
      <c r="QAS27" s="8"/>
      <c r="QAT27" s="8"/>
      <c r="QAU27" s="8"/>
      <c r="QAV27" s="8"/>
      <c r="QAW27" s="8"/>
      <c r="QAX27" s="8"/>
      <c r="QAY27" s="8"/>
      <c r="QAZ27" s="8"/>
      <c r="QBA27" s="8"/>
      <c r="QBB27" s="8"/>
      <c r="QBC27" s="8"/>
      <c r="QBD27" s="8"/>
      <c r="QBE27" s="8"/>
      <c r="QBF27" s="8"/>
      <c r="QBG27" s="8"/>
      <c r="QBH27" s="8"/>
      <c r="QBI27" s="8"/>
      <c r="QBJ27" s="8"/>
      <c r="QBK27" s="8"/>
      <c r="QBL27" s="8"/>
      <c r="QBM27" s="8"/>
      <c r="QBN27" s="8"/>
      <c r="QBO27" s="8"/>
      <c r="QBP27" s="8"/>
      <c r="QBQ27" s="8"/>
      <c r="QBR27" s="8"/>
      <c r="QBS27" s="8"/>
      <c r="QBT27" s="8"/>
      <c r="QBU27" s="8"/>
      <c r="QBV27" s="8"/>
      <c r="QBW27" s="8"/>
      <c r="QBX27" s="8"/>
      <c r="QBY27" s="8"/>
      <c r="QBZ27" s="8"/>
      <c r="QCA27" s="8"/>
      <c r="QCB27" s="8"/>
      <c r="QCC27" s="8"/>
      <c r="QCD27" s="8"/>
      <c r="QCE27" s="8"/>
      <c r="QCF27" s="8"/>
      <c r="QCG27" s="8"/>
      <c r="QCH27" s="8"/>
      <c r="QCI27" s="8"/>
      <c r="QCJ27" s="8"/>
      <c r="QCK27" s="8"/>
      <c r="QCL27" s="8"/>
      <c r="QCM27" s="8"/>
      <c r="QCN27" s="8"/>
      <c r="QCO27" s="8"/>
      <c r="QCP27" s="8"/>
      <c r="QCQ27" s="8"/>
      <c r="QCR27" s="8"/>
      <c r="QCS27" s="8"/>
      <c r="QCT27" s="8"/>
      <c r="QCU27" s="8"/>
      <c r="QCV27" s="8"/>
      <c r="QCW27" s="8"/>
      <c r="QCX27" s="8"/>
      <c r="QCY27" s="8"/>
      <c r="QCZ27" s="8"/>
      <c r="QDA27" s="8"/>
      <c r="QDB27" s="8"/>
      <c r="QDC27" s="8"/>
      <c r="QDD27" s="8"/>
      <c r="QDE27" s="8"/>
      <c r="QDF27" s="8"/>
      <c r="QDG27" s="8"/>
      <c r="QDH27" s="8"/>
      <c r="QDI27" s="8"/>
      <c r="QDJ27" s="8"/>
      <c r="QDK27" s="8"/>
      <c r="QDL27" s="8"/>
      <c r="QDM27" s="8"/>
      <c r="QDN27" s="8"/>
      <c r="QDO27" s="8"/>
      <c r="QDP27" s="8"/>
      <c r="QDQ27" s="8"/>
      <c r="QDR27" s="8"/>
      <c r="QDS27" s="8"/>
      <c r="QDT27" s="8"/>
      <c r="QDU27" s="8"/>
      <c r="QDV27" s="8"/>
      <c r="QDW27" s="8"/>
      <c r="QDX27" s="8"/>
      <c r="QDY27" s="8"/>
      <c r="QDZ27" s="8"/>
      <c r="QEA27" s="8"/>
      <c r="QEB27" s="8"/>
      <c r="QEC27" s="8"/>
      <c r="QED27" s="8"/>
      <c r="QEE27" s="8"/>
      <c r="QEF27" s="8"/>
      <c r="QEG27" s="8"/>
      <c r="QEH27" s="8"/>
      <c r="QEI27" s="8"/>
      <c r="QEJ27" s="8"/>
      <c r="QEK27" s="8"/>
      <c r="QEL27" s="8"/>
      <c r="QEM27" s="8"/>
      <c r="QEN27" s="8"/>
      <c r="QEO27" s="8"/>
      <c r="QEP27" s="8"/>
      <c r="QEQ27" s="8"/>
      <c r="QER27" s="8"/>
      <c r="QES27" s="8"/>
      <c r="QET27" s="8"/>
      <c r="QEU27" s="8"/>
      <c r="QEV27" s="8"/>
      <c r="QEW27" s="8"/>
      <c r="QEX27" s="8"/>
      <c r="QEY27" s="8"/>
      <c r="QEZ27" s="8"/>
      <c r="QFA27" s="8"/>
      <c r="QFB27" s="8"/>
      <c r="QFC27" s="8"/>
      <c r="QFD27" s="8"/>
      <c r="QFE27" s="8"/>
      <c r="QFF27" s="8"/>
      <c r="QFG27" s="8"/>
      <c r="QFH27" s="8"/>
      <c r="QFI27" s="8"/>
      <c r="QFJ27" s="8"/>
      <c r="QFK27" s="8"/>
      <c r="QFL27" s="8"/>
      <c r="QFM27" s="8"/>
      <c r="QFN27" s="8"/>
      <c r="QFO27" s="8"/>
      <c r="QFP27" s="8"/>
      <c r="QFQ27" s="8"/>
      <c r="QFR27" s="8"/>
      <c r="QFS27" s="8"/>
      <c r="QFT27" s="8"/>
      <c r="QFU27" s="8"/>
      <c r="QFV27" s="8"/>
      <c r="QFW27" s="8"/>
      <c r="QFX27" s="8"/>
      <c r="QFY27" s="8"/>
      <c r="QFZ27" s="8"/>
      <c r="QGA27" s="8"/>
      <c r="QGB27" s="8"/>
      <c r="QGC27" s="8"/>
      <c r="QGD27" s="8"/>
      <c r="QGE27" s="8"/>
      <c r="QGF27" s="8"/>
      <c r="QGG27" s="8"/>
      <c r="QGH27" s="8"/>
      <c r="QGI27" s="8"/>
      <c r="QGJ27" s="8"/>
      <c r="QGK27" s="8"/>
      <c r="QGL27" s="8"/>
      <c r="QGM27" s="8"/>
      <c r="QGN27" s="8"/>
      <c r="QGO27" s="8"/>
      <c r="QGP27" s="8"/>
      <c r="QGQ27" s="8"/>
      <c r="QGR27" s="8"/>
      <c r="QGS27" s="8"/>
      <c r="QGT27" s="8"/>
      <c r="QGU27" s="8"/>
      <c r="QGV27" s="8"/>
      <c r="QGW27" s="8"/>
      <c r="QGX27" s="8"/>
      <c r="QGY27" s="8"/>
      <c r="QGZ27" s="8"/>
      <c r="QHA27" s="8"/>
      <c r="QHB27" s="8"/>
      <c r="QHC27" s="8"/>
      <c r="QHD27" s="8"/>
      <c r="QHE27" s="8"/>
      <c r="QHF27" s="8"/>
      <c r="QHG27" s="8"/>
      <c r="QHH27" s="8"/>
      <c r="QHI27" s="8"/>
      <c r="QHJ27" s="8"/>
      <c r="QHK27" s="8"/>
      <c r="QHL27" s="8"/>
      <c r="QHM27" s="8"/>
      <c r="QHN27" s="8"/>
      <c r="QHO27" s="8"/>
      <c r="QHP27" s="8"/>
      <c r="QHQ27" s="8"/>
      <c r="QHR27" s="8"/>
      <c r="QHS27" s="8"/>
      <c r="QHT27" s="8"/>
      <c r="QHU27" s="8"/>
      <c r="QHV27" s="8"/>
      <c r="QHW27" s="8"/>
      <c r="QHX27" s="8"/>
      <c r="QHY27" s="8"/>
      <c r="QHZ27" s="8"/>
      <c r="QIA27" s="8"/>
      <c r="QIB27" s="8"/>
      <c r="QIC27" s="8"/>
      <c r="QID27" s="8"/>
      <c r="QIE27" s="8"/>
      <c r="QIF27" s="8"/>
      <c r="QIG27" s="8"/>
      <c r="QIH27" s="8"/>
      <c r="QII27" s="8"/>
      <c r="QIJ27" s="8"/>
      <c r="QIK27" s="8"/>
      <c r="QIL27" s="8"/>
      <c r="QIM27" s="8"/>
      <c r="QIN27" s="8"/>
      <c r="QIO27" s="8"/>
      <c r="QIP27" s="8"/>
      <c r="QIQ27" s="8"/>
      <c r="QIR27" s="8"/>
      <c r="QIS27" s="8"/>
      <c r="QIT27" s="8"/>
      <c r="QIU27" s="8"/>
      <c r="QIV27" s="8"/>
      <c r="QIW27" s="8"/>
      <c r="QIX27" s="8"/>
      <c r="QIY27" s="8"/>
      <c r="QIZ27" s="8"/>
      <c r="QJA27" s="8"/>
      <c r="QJB27" s="8"/>
      <c r="QJC27" s="8"/>
      <c r="QJD27" s="8"/>
      <c r="QJE27" s="8"/>
      <c r="QJF27" s="8"/>
      <c r="QJG27" s="8"/>
      <c r="QJH27" s="8"/>
      <c r="QJI27" s="8"/>
      <c r="QJJ27" s="8"/>
      <c r="QJK27" s="8"/>
      <c r="QJL27" s="8"/>
      <c r="QJM27" s="8"/>
      <c r="QJN27" s="8"/>
      <c r="QJO27" s="8"/>
      <c r="QJP27" s="8"/>
      <c r="QJQ27" s="8"/>
      <c r="QJR27" s="8"/>
      <c r="QJS27" s="8"/>
      <c r="QJT27" s="8"/>
      <c r="QJU27" s="8"/>
      <c r="QJV27" s="8"/>
      <c r="QJW27" s="8"/>
      <c r="QJX27" s="8"/>
      <c r="QJY27" s="8"/>
      <c r="QJZ27" s="8"/>
      <c r="QKA27" s="8"/>
      <c r="QKB27" s="8"/>
      <c r="QKC27" s="8"/>
      <c r="QKD27" s="8"/>
      <c r="QKE27" s="8"/>
      <c r="QKF27" s="8"/>
      <c r="QKG27" s="8"/>
      <c r="QKH27" s="8"/>
      <c r="QKI27" s="8"/>
      <c r="QKJ27" s="8"/>
      <c r="QKK27" s="8"/>
      <c r="QKL27" s="8"/>
      <c r="QKM27" s="8"/>
      <c r="QKN27" s="8"/>
      <c r="QKO27" s="8"/>
      <c r="QKP27" s="8"/>
      <c r="QKQ27" s="8"/>
      <c r="QKR27" s="8"/>
      <c r="QKS27" s="8"/>
      <c r="QKT27" s="8"/>
      <c r="QKU27" s="8"/>
      <c r="QKV27" s="8"/>
      <c r="QKW27" s="8"/>
      <c r="QKX27" s="8"/>
      <c r="QKY27" s="8"/>
      <c r="QKZ27" s="8"/>
      <c r="QLA27" s="8"/>
      <c r="QLB27" s="8"/>
      <c r="QLC27" s="8"/>
      <c r="QLD27" s="8"/>
      <c r="QLE27" s="8"/>
      <c r="QLF27" s="8"/>
      <c r="QLG27" s="8"/>
      <c r="QLH27" s="8"/>
      <c r="QLI27" s="8"/>
      <c r="QLJ27" s="8"/>
      <c r="QLK27" s="8"/>
      <c r="QLL27" s="8"/>
      <c r="QLM27" s="8"/>
      <c r="QLN27" s="8"/>
      <c r="QLO27" s="8"/>
      <c r="QLP27" s="8"/>
      <c r="QLQ27" s="8"/>
      <c r="QLR27" s="8"/>
      <c r="QLS27" s="8"/>
      <c r="QLT27" s="8"/>
      <c r="QLU27" s="8"/>
      <c r="QLV27" s="8"/>
      <c r="QLW27" s="8"/>
      <c r="QLX27" s="8"/>
      <c r="QLY27" s="8"/>
      <c r="QLZ27" s="8"/>
      <c r="QMA27" s="8"/>
      <c r="QMB27" s="8"/>
      <c r="QMC27" s="8"/>
      <c r="QMD27" s="8"/>
      <c r="QME27" s="8"/>
      <c r="QMF27" s="8"/>
      <c r="QMG27" s="8"/>
      <c r="QMH27" s="8"/>
      <c r="QMI27" s="8"/>
      <c r="QMJ27" s="8"/>
      <c r="QMK27" s="8"/>
      <c r="QML27" s="8"/>
      <c r="QMM27" s="8"/>
      <c r="QMN27" s="8"/>
      <c r="QMO27" s="8"/>
      <c r="QMP27" s="8"/>
      <c r="QMQ27" s="8"/>
      <c r="QMR27" s="8"/>
      <c r="QMS27" s="8"/>
      <c r="QMT27" s="8"/>
      <c r="QMU27" s="8"/>
      <c r="QMV27" s="8"/>
      <c r="QMW27" s="8"/>
      <c r="QMX27" s="8"/>
      <c r="QMY27" s="8"/>
      <c r="QMZ27" s="8"/>
      <c r="QNA27" s="8"/>
      <c r="QNB27" s="8"/>
      <c r="QNC27" s="8"/>
      <c r="QND27" s="8"/>
      <c r="QNE27" s="8"/>
      <c r="QNF27" s="8"/>
      <c r="QNG27" s="8"/>
      <c r="QNH27" s="8"/>
      <c r="QNI27" s="8"/>
      <c r="QNJ27" s="8"/>
      <c r="QNK27" s="8"/>
      <c r="QNL27" s="8"/>
      <c r="QNM27" s="8"/>
      <c r="QNN27" s="8"/>
      <c r="QNO27" s="8"/>
      <c r="QNP27" s="8"/>
      <c r="QNQ27" s="8"/>
      <c r="QNR27" s="8"/>
      <c r="QNS27" s="8"/>
      <c r="QNT27" s="8"/>
      <c r="QNU27" s="8"/>
      <c r="QNV27" s="8"/>
      <c r="QNW27" s="8"/>
      <c r="QNX27" s="8"/>
      <c r="QNY27" s="8"/>
      <c r="QNZ27" s="8"/>
      <c r="QOA27" s="8"/>
      <c r="QOB27" s="8"/>
      <c r="QOC27" s="8"/>
      <c r="QOD27" s="8"/>
      <c r="QOE27" s="8"/>
      <c r="QOF27" s="8"/>
      <c r="QOG27" s="8"/>
      <c r="QOH27" s="8"/>
      <c r="QOI27" s="8"/>
      <c r="QOJ27" s="8"/>
      <c r="QOK27" s="8"/>
      <c r="QOL27" s="8"/>
      <c r="QOM27" s="8"/>
      <c r="QON27" s="8"/>
      <c r="QOO27" s="8"/>
      <c r="QOP27" s="8"/>
      <c r="QOQ27" s="8"/>
      <c r="QOR27" s="8"/>
      <c r="QOS27" s="8"/>
      <c r="QOT27" s="8"/>
      <c r="QOU27" s="8"/>
      <c r="QOV27" s="8"/>
      <c r="QOW27" s="8"/>
      <c r="QOX27" s="8"/>
      <c r="QOY27" s="8"/>
      <c r="QOZ27" s="8"/>
      <c r="QPA27" s="8"/>
      <c r="QPB27" s="8"/>
      <c r="QPC27" s="8"/>
      <c r="QPD27" s="8"/>
      <c r="QPE27" s="8"/>
      <c r="QPF27" s="8"/>
      <c r="QPG27" s="8"/>
      <c r="QPH27" s="8"/>
      <c r="QPI27" s="8"/>
      <c r="QPJ27" s="8"/>
      <c r="QPK27" s="8"/>
      <c r="QPL27" s="8"/>
      <c r="QPM27" s="8"/>
      <c r="QPN27" s="8"/>
      <c r="QPO27" s="8"/>
      <c r="QPP27" s="8"/>
      <c r="QPQ27" s="8"/>
      <c r="QPR27" s="8"/>
      <c r="QPS27" s="8"/>
      <c r="QPT27" s="8"/>
      <c r="QPU27" s="8"/>
      <c r="QPV27" s="8"/>
      <c r="QPW27" s="8"/>
      <c r="QPX27" s="8"/>
      <c r="QPY27" s="8"/>
      <c r="QPZ27" s="8"/>
      <c r="QQA27" s="8"/>
      <c r="QQB27" s="8"/>
      <c r="QQC27" s="8"/>
      <c r="QQD27" s="8"/>
      <c r="QQE27" s="8"/>
      <c r="QQF27" s="8"/>
      <c r="QQG27" s="8"/>
      <c r="QQH27" s="8"/>
      <c r="QQI27" s="8"/>
      <c r="QQJ27" s="8"/>
      <c r="QQK27" s="8"/>
      <c r="QQL27" s="8"/>
      <c r="QQM27" s="8"/>
      <c r="QQN27" s="8"/>
      <c r="QQO27" s="8"/>
      <c r="QQP27" s="8"/>
      <c r="QQQ27" s="8"/>
      <c r="QQR27" s="8"/>
      <c r="QQS27" s="8"/>
      <c r="QQT27" s="8"/>
      <c r="QQU27" s="8"/>
      <c r="QQV27" s="8"/>
      <c r="QQW27" s="8"/>
      <c r="QQX27" s="8"/>
      <c r="QQY27" s="8"/>
      <c r="QQZ27" s="8"/>
      <c r="QRA27" s="8"/>
      <c r="QRB27" s="8"/>
      <c r="QRC27" s="8"/>
      <c r="QRD27" s="8"/>
      <c r="QRE27" s="8"/>
      <c r="QRF27" s="8"/>
      <c r="QRG27" s="8"/>
      <c r="QRH27" s="8"/>
      <c r="QRI27" s="8"/>
      <c r="QRJ27" s="8"/>
      <c r="QRK27" s="8"/>
      <c r="QRL27" s="8"/>
      <c r="QRM27" s="8"/>
      <c r="QRN27" s="8"/>
      <c r="QRO27" s="8"/>
      <c r="QRP27" s="8"/>
      <c r="QRQ27" s="8"/>
      <c r="QRR27" s="8"/>
      <c r="QRS27" s="8"/>
      <c r="QRT27" s="8"/>
      <c r="QRU27" s="8"/>
      <c r="QRV27" s="8"/>
      <c r="QRW27" s="8"/>
      <c r="QRX27" s="8"/>
      <c r="QRY27" s="8"/>
      <c r="QRZ27" s="8"/>
      <c r="QSA27" s="8"/>
      <c r="QSB27" s="8"/>
      <c r="QSC27" s="8"/>
      <c r="QSD27" s="8"/>
      <c r="QSE27" s="8"/>
      <c r="QSF27" s="8"/>
      <c r="QSG27" s="8"/>
      <c r="QSH27" s="8"/>
      <c r="QSI27" s="8"/>
      <c r="QSJ27" s="8"/>
      <c r="QSK27" s="8"/>
      <c r="QSL27" s="8"/>
      <c r="QSM27" s="8"/>
      <c r="QSN27" s="8"/>
      <c r="QSO27" s="8"/>
      <c r="QSP27" s="8"/>
      <c r="QSQ27" s="8"/>
      <c r="QSR27" s="8"/>
      <c r="QSS27" s="8"/>
      <c r="QST27" s="8"/>
      <c r="QSU27" s="8"/>
      <c r="QSV27" s="8"/>
      <c r="QSW27" s="8"/>
      <c r="QSX27" s="8"/>
      <c r="QSY27" s="8"/>
      <c r="QSZ27" s="8"/>
      <c r="QTA27" s="8"/>
      <c r="QTB27" s="8"/>
      <c r="QTC27" s="8"/>
      <c r="QTD27" s="8"/>
      <c r="QTE27" s="8"/>
      <c r="QTF27" s="8"/>
      <c r="QTG27" s="8"/>
      <c r="QTH27" s="8"/>
      <c r="QTI27" s="8"/>
      <c r="QTJ27" s="8"/>
      <c r="QTK27" s="8"/>
      <c r="QTL27" s="8"/>
      <c r="QTM27" s="8"/>
      <c r="QTN27" s="8"/>
      <c r="QTO27" s="8"/>
      <c r="QTP27" s="8"/>
      <c r="QTQ27" s="8"/>
      <c r="QTR27" s="8"/>
      <c r="QTS27" s="8"/>
      <c r="QTT27" s="8"/>
      <c r="QTU27" s="8"/>
      <c r="QTV27" s="8"/>
      <c r="QTW27" s="8"/>
      <c r="QTX27" s="8"/>
      <c r="QTY27" s="8"/>
      <c r="QTZ27" s="8"/>
      <c r="QUA27" s="8"/>
      <c r="QUB27" s="8"/>
      <c r="QUC27" s="8"/>
      <c r="QUD27" s="8"/>
      <c r="QUE27" s="8"/>
      <c r="QUF27" s="8"/>
      <c r="QUG27" s="8"/>
      <c r="QUH27" s="8"/>
      <c r="QUI27" s="8"/>
      <c r="QUJ27" s="8"/>
      <c r="QUK27" s="8"/>
      <c r="QUL27" s="8"/>
      <c r="QUM27" s="8"/>
      <c r="QUN27" s="8"/>
      <c r="QUO27" s="8"/>
      <c r="QUP27" s="8"/>
      <c r="QUQ27" s="8"/>
      <c r="QUR27" s="8"/>
      <c r="QUS27" s="8"/>
      <c r="QUT27" s="8"/>
      <c r="QUU27" s="8"/>
      <c r="QUV27" s="8"/>
      <c r="QUW27" s="8"/>
      <c r="QUX27" s="8"/>
      <c r="QUY27" s="8"/>
      <c r="QUZ27" s="8"/>
      <c r="QVA27" s="8"/>
      <c r="QVB27" s="8"/>
      <c r="QVC27" s="8"/>
      <c r="QVD27" s="8"/>
      <c r="QVE27" s="8"/>
      <c r="QVF27" s="8"/>
      <c r="QVG27" s="8"/>
      <c r="QVH27" s="8"/>
      <c r="QVI27" s="8"/>
      <c r="QVJ27" s="8"/>
      <c r="QVK27" s="8"/>
      <c r="QVL27" s="8"/>
      <c r="QVM27" s="8"/>
      <c r="QVN27" s="8"/>
      <c r="QVO27" s="8"/>
      <c r="QVP27" s="8"/>
      <c r="QVQ27" s="8"/>
      <c r="QVR27" s="8"/>
      <c r="QVS27" s="8"/>
      <c r="QVT27" s="8"/>
      <c r="QVU27" s="8"/>
      <c r="QVV27" s="8"/>
      <c r="QVW27" s="8"/>
      <c r="QVX27" s="8"/>
      <c r="QVY27" s="8"/>
      <c r="QVZ27" s="8"/>
      <c r="QWA27" s="8"/>
      <c r="QWB27" s="8"/>
      <c r="QWC27" s="8"/>
      <c r="QWD27" s="8"/>
      <c r="QWE27" s="8"/>
      <c r="QWF27" s="8"/>
      <c r="QWG27" s="8"/>
      <c r="QWH27" s="8"/>
      <c r="QWI27" s="8"/>
      <c r="QWJ27" s="8"/>
      <c r="QWK27" s="8"/>
      <c r="QWL27" s="8"/>
      <c r="QWM27" s="8"/>
      <c r="QWN27" s="8"/>
      <c r="QWO27" s="8"/>
      <c r="QWP27" s="8"/>
      <c r="QWQ27" s="8"/>
      <c r="QWR27" s="8"/>
      <c r="QWS27" s="8"/>
      <c r="QWT27" s="8"/>
      <c r="QWU27" s="8"/>
      <c r="QWV27" s="8"/>
      <c r="QWW27" s="8"/>
      <c r="QWX27" s="8"/>
      <c r="QWY27" s="8"/>
      <c r="QWZ27" s="8"/>
      <c r="QXA27" s="8"/>
      <c r="QXB27" s="8"/>
      <c r="QXC27" s="8"/>
      <c r="QXD27" s="8"/>
      <c r="QXE27" s="8"/>
      <c r="QXF27" s="8"/>
      <c r="QXG27" s="8"/>
      <c r="QXH27" s="8"/>
      <c r="QXI27" s="8"/>
      <c r="QXJ27" s="8"/>
      <c r="QXK27" s="8"/>
      <c r="QXL27" s="8"/>
      <c r="QXM27" s="8"/>
      <c r="QXN27" s="8"/>
      <c r="QXO27" s="8"/>
      <c r="QXP27" s="8"/>
      <c r="QXQ27" s="8"/>
      <c r="QXR27" s="8"/>
      <c r="QXS27" s="8"/>
      <c r="QXT27" s="8"/>
      <c r="QXU27" s="8"/>
      <c r="QXV27" s="8"/>
      <c r="QXW27" s="8"/>
      <c r="QXX27" s="8"/>
      <c r="QXY27" s="8"/>
      <c r="QXZ27" s="8"/>
      <c r="QYA27" s="8"/>
      <c r="QYB27" s="8"/>
      <c r="QYC27" s="8"/>
      <c r="QYD27" s="8"/>
      <c r="QYE27" s="8"/>
      <c r="QYF27" s="8"/>
      <c r="QYG27" s="8"/>
      <c r="QYH27" s="8"/>
      <c r="QYI27" s="8"/>
      <c r="QYJ27" s="8"/>
      <c r="QYK27" s="8"/>
      <c r="QYL27" s="8"/>
      <c r="QYM27" s="8"/>
      <c r="QYN27" s="8"/>
      <c r="QYO27" s="8"/>
      <c r="QYP27" s="8"/>
      <c r="QYQ27" s="8"/>
      <c r="QYR27" s="8"/>
      <c r="QYS27" s="8"/>
      <c r="QYT27" s="8"/>
      <c r="QYU27" s="8"/>
      <c r="QYV27" s="8"/>
      <c r="QYW27" s="8"/>
      <c r="QYX27" s="8"/>
      <c r="QYY27" s="8"/>
      <c r="QYZ27" s="8"/>
      <c r="QZA27" s="8"/>
      <c r="QZB27" s="8"/>
      <c r="QZC27" s="8"/>
      <c r="QZD27" s="8"/>
      <c r="QZE27" s="8"/>
      <c r="QZF27" s="8"/>
      <c r="QZG27" s="8"/>
      <c r="QZH27" s="8"/>
      <c r="QZI27" s="8"/>
      <c r="QZJ27" s="8"/>
      <c r="QZK27" s="8"/>
      <c r="QZL27" s="8"/>
      <c r="QZM27" s="8"/>
      <c r="QZN27" s="8"/>
      <c r="QZO27" s="8"/>
      <c r="QZP27" s="8"/>
      <c r="QZQ27" s="8"/>
      <c r="QZR27" s="8"/>
      <c r="QZS27" s="8"/>
      <c r="QZT27" s="8"/>
      <c r="QZU27" s="8"/>
      <c r="QZV27" s="8"/>
      <c r="QZW27" s="8"/>
      <c r="QZX27" s="8"/>
      <c r="QZY27" s="8"/>
      <c r="QZZ27" s="8"/>
      <c r="RAA27" s="8"/>
      <c r="RAB27" s="8"/>
      <c r="RAC27" s="8"/>
      <c r="RAD27" s="8"/>
      <c r="RAE27" s="8"/>
      <c r="RAF27" s="8"/>
      <c r="RAG27" s="8"/>
      <c r="RAH27" s="8"/>
      <c r="RAI27" s="8"/>
      <c r="RAJ27" s="8"/>
      <c r="RAK27" s="8"/>
      <c r="RAL27" s="8"/>
      <c r="RAM27" s="8"/>
      <c r="RAN27" s="8"/>
      <c r="RAO27" s="8"/>
      <c r="RAP27" s="8"/>
      <c r="RAQ27" s="8"/>
      <c r="RAR27" s="8"/>
      <c r="RAS27" s="8"/>
      <c r="RAT27" s="8"/>
      <c r="RAU27" s="8"/>
      <c r="RAV27" s="8"/>
      <c r="RAW27" s="8"/>
      <c r="RAX27" s="8"/>
      <c r="RAY27" s="8"/>
      <c r="RAZ27" s="8"/>
      <c r="RBA27" s="8"/>
      <c r="RBB27" s="8"/>
      <c r="RBC27" s="8"/>
      <c r="RBD27" s="8"/>
      <c r="RBE27" s="8"/>
      <c r="RBF27" s="8"/>
      <c r="RBG27" s="8"/>
      <c r="RBH27" s="8"/>
      <c r="RBI27" s="8"/>
      <c r="RBJ27" s="8"/>
      <c r="RBK27" s="8"/>
      <c r="RBL27" s="8"/>
      <c r="RBM27" s="8"/>
      <c r="RBN27" s="8"/>
      <c r="RBO27" s="8"/>
      <c r="RBP27" s="8"/>
      <c r="RBQ27" s="8"/>
      <c r="RBR27" s="8"/>
      <c r="RBS27" s="8"/>
      <c r="RBT27" s="8"/>
      <c r="RBU27" s="8"/>
      <c r="RBV27" s="8"/>
      <c r="RBW27" s="8"/>
      <c r="RBX27" s="8"/>
      <c r="RBY27" s="8"/>
      <c r="RBZ27" s="8"/>
      <c r="RCA27" s="8"/>
      <c r="RCB27" s="8"/>
      <c r="RCC27" s="8"/>
      <c r="RCD27" s="8"/>
      <c r="RCE27" s="8"/>
      <c r="RCF27" s="8"/>
      <c r="RCG27" s="8"/>
      <c r="RCH27" s="8"/>
      <c r="RCI27" s="8"/>
      <c r="RCJ27" s="8"/>
      <c r="RCK27" s="8"/>
      <c r="RCL27" s="8"/>
      <c r="RCM27" s="8"/>
      <c r="RCN27" s="8"/>
      <c r="RCO27" s="8"/>
      <c r="RCP27" s="8"/>
      <c r="RCQ27" s="8"/>
      <c r="RCR27" s="8"/>
      <c r="RCS27" s="8"/>
      <c r="RCT27" s="8"/>
      <c r="RCU27" s="8"/>
      <c r="RCV27" s="8"/>
      <c r="RCW27" s="8"/>
      <c r="RCX27" s="8"/>
      <c r="RCY27" s="8"/>
      <c r="RCZ27" s="8"/>
      <c r="RDA27" s="8"/>
      <c r="RDB27" s="8"/>
      <c r="RDC27" s="8"/>
      <c r="RDD27" s="8"/>
      <c r="RDE27" s="8"/>
      <c r="RDF27" s="8"/>
      <c r="RDG27" s="8"/>
      <c r="RDH27" s="8"/>
      <c r="RDI27" s="8"/>
      <c r="RDJ27" s="8"/>
      <c r="RDK27" s="8"/>
      <c r="RDL27" s="8"/>
      <c r="RDM27" s="8"/>
      <c r="RDN27" s="8"/>
      <c r="RDO27" s="8"/>
      <c r="RDP27" s="8"/>
      <c r="RDQ27" s="8"/>
      <c r="RDR27" s="8"/>
      <c r="RDS27" s="8"/>
      <c r="RDT27" s="8"/>
      <c r="RDU27" s="8"/>
      <c r="RDV27" s="8"/>
      <c r="RDW27" s="8"/>
      <c r="RDX27" s="8"/>
      <c r="RDY27" s="8"/>
      <c r="RDZ27" s="8"/>
      <c r="REA27" s="8"/>
      <c r="REB27" s="8"/>
      <c r="REC27" s="8"/>
      <c r="RED27" s="8"/>
      <c r="REE27" s="8"/>
      <c r="REF27" s="8"/>
      <c r="REG27" s="8"/>
      <c r="REH27" s="8"/>
      <c r="REI27" s="8"/>
      <c r="REJ27" s="8"/>
      <c r="REK27" s="8"/>
      <c r="REL27" s="8"/>
      <c r="REM27" s="8"/>
      <c r="REN27" s="8"/>
      <c r="REO27" s="8"/>
      <c r="REP27" s="8"/>
      <c r="REQ27" s="8"/>
      <c r="RER27" s="8"/>
      <c r="RES27" s="8"/>
      <c r="RET27" s="8"/>
      <c r="REU27" s="8"/>
      <c r="REV27" s="8"/>
      <c r="REW27" s="8"/>
      <c r="REX27" s="8"/>
      <c r="REY27" s="8"/>
      <c r="REZ27" s="8"/>
      <c r="RFA27" s="8"/>
      <c r="RFB27" s="8"/>
      <c r="RFC27" s="8"/>
      <c r="RFD27" s="8"/>
      <c r="RFE27" s="8"/>
      <c r="RFF27" s="8"/>
      <c r="RFG27" s="8"/>
      <c r="RFH27" s="8"/>
      <c r="RFI27" s="8"/>
      <c r="RFJ27" s="8"/>
      <c r="RFK27" s="8"/>
      <c r="RFL27" s="8"/>
      <c r="RFM27" s="8"/>
      <c r="RFN27" s="8"/>
      <c r="RFO27" s="8"/>
      <c r="RFP27" s="8"/>
      <c r="RFQ27" s="8"/>
      <c r="RFR27" s="8"/>
      <c r="RFS27" s="8"/>
      <c r="RFT27" s="8"/>
      <c r="RFU27" s="8"/>
      <c r="RFV27" s="8"/>
      <c r="RFW27" s="8"/>
      <c r="RFX27" s="8"/>
      <c r="RFY27" s="8"/>
      <c r="RFZ27" s="8"/>
      <c r="RGA27" s="8"/>
      <c r="RGB27" s="8"/>
      <c r="RGC27" s="8"/>
      <c r="RGD27" s="8"/>
      <c r="RGE27" s="8"/>
      <c r="RGF27" s="8"/>
      <c r="RGG27" s="8"/>
      <c r="RGH27" s="8"/>
      <c r="RGI27" s="8"/>
      <c r="RGJ27" s="8"/>
      <c r="RGK27" s="8"/>
      <c r="RGL27" s="8"/>
      <c r="RGM27" s="8"/>
      <c r="RGN27" s="8"/>
      <c r="RGO27" s="8"/>
      <c r="RGP27" s="8"/>
      <c r="RGQ27" s="8"/>
      <c r="RGR27" s="8"/>
      <c r="RGS27" s="8"/>
      <c r="RGT27" s="8"/>
      <c r="RGU27" s="8"/>
      <c r="RGV27" s="8"/>
      <c r="RGW27" s="8"/>
      <c r="RGX27" s="8"/>
      <c r="RGY27" s="8"/>
      <c r="RGZ27" s="8"/>
      <c r="RHA27" s="8"/>
      <c r="RHB27" s="8"/>
      <c r="RHC27" s="8"/>
      <c r="RHD27" s="8"/>
      <c r="RHE27" s="8"/>
      <c r="RHF27" s="8"/>
      <c r="RHG27" s="8"/>
      <c r="RHH27" s="8"/>
      <c r="RHI27" s="8"/>
      <c r="RHJ27" s="8"/>
      <c r="RHK27" s="8"/>
      <c r="RHL27" s="8"/>
      <c r="RHM27" s="8"/>
      <c r="RHN27" s="8"/>
      <c r="RHO27" s="8"/>
      <c r="RHP27" s="8"/>
      <c r="RHQ27" s="8"/>
      <c r="RHR27" s="8"/>
      <c r="RHS27" s="8"/>
      <c r="RHT27" s="8"/>
      <c r="RHU27" s="8"/>
      <c r="RHV27" s="8"/>
      <c r="RHW27" s="8"/>
      <c r="RHX27" s="8"/>
      <c r="RHY27" s="8"/>
      <c r="RHZ27" s="8"/>
      <c r="RIA27" s="8"/>
      <c r="RIB27" s="8"/>
      <c r="RIC27" s="8"/>
      <c r="RID27" s="8"/>
      <c r="RIE27" s="8"/>
      <c r="RIF27" s="8"/>
      <c r="RIG27" s="8"/>
      <c r="RIH27" s="8"/>
      <c r="RII27" s="8"/>
      <c r="RIJ27" s="8"/>
      <c r="RIK27" s="8"/>
      <c r="RIL27" s="8"/>
      <c r="RIM27" s="8"/>
      <c r="RIN27" s="8"/>
      <c r="RIO27" s="8"/>
      <c r="RIP27" s="8"/>
      <c r="RIQ27" s="8"/>
      <c r="RIR27" s="8"/>
      <c r="RIS27" s="8"/>
      <c r="RIT27" s="8"/>
      <c r="RIU27" s="8"/>
      <c r="RIV27" s="8"/>
      <c r="RIW27" s="8"/>
      <c r="RIX27" s="8"/>
      <c r="RIY27" s="8"/>
      <c r="RIZ27" s="8"/>
      <c r="RJA27" s="8"/>
      <c r="RJB27" s="8"/>
      <c r="RJC27" s="8"/>
      <c r="RJD27" s="8"/>
      <c r="RJE27" s="8"/>
      <c r="RJF27" s="8"/>
      <c r="RJG27" s="8"/>
      <c r="RJH27" s="8"/>
      <c r="RJI27" s="8"/>
      <c r="RJJ27" s="8"/>
      <c r="RJK27" s="8"/>
      <c r="RJL27" s="8"/>
      <c r="RJM27" s="8"/>
      <c r="RJN27" s="8"/>
      <c r="RJO27" s="8"/>
      <c r="RJP27" s="8"/>
      <c r="RJQ27" s="8"/>
      <c r="RJR27" s="8"/>
      <c r="RJS27" s="8"/>
      <c r="RJT27" s="8"/>
      <c r="RJU27" s="8"/>
      <c r="RJV27" s="8"/>
      <c r="RJW27" s="8"/>
      <c r="RJX27" s="8"/>
      <c r="RJY27" s="8"/>
      <c r="RJZ27" s="8"/>
      <c r="RKA27" s="8"/>
      <c r="RKB27" s="8"/>
      <c r="RKC27" s="8"/>
      <c r="RKD27" s="8"/>
      <c r="RKE27" s="8"/>
      <c r="RKF27" s="8"/>
      <c r="RKG27" s="8"/>
      <c r="RKH27" s="8"/>
      <c r="RKI27" s="8"/>
      <c r="RKJ27" s="8"/>
      <c r="RKK27" s="8"/>
      <c r="RKL27" s="8"/>
      <c r="RKM27" s="8"/>
      <c r="RKN27" s="8"/>
      <c r="RKO27" s="8"/>
      <c r="RKP27" s="8"/>
      <c r="RKQ27" s="8"/>
      <c r="RKR27" s="8"/>
      <c r="RKS27" s="8"/>
      <c r="RKT27" s="8"/>
      <c r="RKU27" s="8"/>
      <c r="RKV27" s="8"/>
      <c r="RKW27" s="8"/>
      <c r="RKX27" s="8"/>
      <c r="RKY27" s="8"/>
      <c r="RKZ27" s="8"/>
      <c r="RLA27" s="8"/>
      <c r="RLB27" s="8"/>
      <c r="RLC27" s="8"/>
      <c r="RLD27" s="8"/>
      <c r="RLE27" s="8"/>
      <c r="RLF27" s="8"/>
      <c r="RLG27" s="8"/>
      <c r="RLH27" s="8"/>
      <c r="RLI27" s="8"/>
      <c r="RLJ27" s="8"/>
      <c r="RLK27" s="8"/>
      <c r="RLL27" s="8"/>
      <c r="RLM27" s="8"/>
      <c r="RLN27" s="8"/>
      <c r="RLO27" s="8"/>
      <c r="RLP27" s="8"/>
      <c r="RLQ27" s="8"/>
      <c r="RLR27" s="8"/>
      <c r="RLS27" s="8"/>
      <c r="RLT27" s="8"/>
      <c r="RLU27" s="8"/>
      <c r="RLV27" s="8"/>
      <c r="RLW27" s="8"/>
      <c r="RLX27" s="8"/>
      <c r="RLY27" s="8"/>
      <c r="RLZ27" s="8"/>
      <c r="RMA27" s="8"/>
      <c r="RMB27" s="8"/>
      <c r="RMC27" s="8"/>
      <c r="RMD27" s="8"/>
      <c r="RME27" s="8"/>
      <c r="RMF27" s="8"/>
      <c r="RMG27" s="8"/>
      <c r="RMH27" s="8"/>
      <c r="RMI27" s="8"/>
      <c r="RMJ27" s="8"/>
      <c r="RMK27" s="8"/>
      <c r="RML27" s="8"/>
      <c r="RMM27" s="8"/>
      <c r="RMN27" s="8"/>
      <c r="RMO27" s="8"/>
      <c r="RMP27" s="8"/>
      <c r="RMQ27" s="8"/>
      <c r="RMR27" s="8"/>
      <c r="RMS27" s="8"/>
      <c r="RMT27" s="8"/>
      <c r="RMU27" s="8"/>
      <c r="RMV27" s="8"/>
      <c r="RMW27" s="8"/>
      <c r="RMX27" s="8"/>
      <c r="RMY27" s="8"/>
      <c r="RMZ27" s="8"/>
      <c r="RNA27" s="8"/>
      <c r="RNB27" s="8"/>
      <c r="RNC27" s="8"/>
      <c r="RND27" s="8"/>
      <c r="RNE27" s="8"/>
      <c r="RNF27" s="8"/>
      <c r="RNG27" s="8"/>
      <c r="RNH27" s="8"/>
      <c r="RNI27" s="8"/>
      <c r="RNJ27" s="8"/>
      <c r="RNK27" s="8"/>
      <c r="RNL27" s="8"/>
      <c r="RNM27" s="8"/>
      <c r="RNN27" s="8"/>
      <c r="RNO27" s="8"/>
      <c r="RNP27" s="8"/>
      <c r="RNQ27" s="8"/>
      <c r="RNR27" s="8"/>
      <c r="RNS27" s="8"/>
      <c r="RNT27" s="8"/>
      <c r="RNU27" s="8"/>
      <c r="RNV27" s="8"/>
      <c r="RNW27" s="8"/>
      <c r="RNX27" s="8"/>
      <c r="RNY27" s="8"/>
      <c r="RNZ27" s="8"/>
      <c r="ROA27" s="8"/>
      <c r="ROB27" s="8"/>
      <c r="ROC27" s="8"/>
      <c r="ROD27" s="8"/>
      <c r="ROE27" s="8"/>
      <c r="ROF27" s="8"/>
      <c r="ROG27" s="8"/>
      <c r="ROH27" s="8"/>
      <c r="ROI27" s="8"/>
      <c r="ROJ27" s="8"/>
      <c r="ROK27" s="8"/>
      <c r="ROL27" s="8"/>
      <c r="ROM27" s="8"/>
      <c r="RON27" s="8"/>
      <c r="ROO27" s="8"/>
      <c r="ROP27" s="8"/>
      <c r="ROQ27" s="8"/>
      <c r="ROR27" s="8"/>
      <c r="ROS27" s="8"/>
      <c r="ROT27" s="8"/>
      <c r="ROU27" s="8"/>
      <c r="ROV27" s="8"/>
      <c r="ROW27" s="8"/>
      <c r="ROX27" s="8"/>
      <c r="ROY27" s="8"/>
      <c r="ROZ27" s="8"/>
      <c r="RPA27" s="8"/>
      <c r="RPB27" s="8"/>
      <c r="RPC27" s="8"/>
      <c r="RPD27" s="8"/>
      <c r="RPE27" s="8"/>
      <c r="RPF27" s="8"/>
      <c r="RPG27" s="8"/>
      <c r="RPH27" s="8"/>
      <c r="RPI27" s="8"/>
      <c r="RPJ27" s="8"/>
      <c r="RPK27" s="8"/>
      <c r="RPL27" s="8"/>
      <c r="RPM27" s="8"/>
      <c r="RPN27" s="8"/>
      <c r="RPO27" s="8"/>
      <c r="RPP27" s="8"/>
      <c r="RPQ27" s="8"/>
      <c r="RPR27" s="8"/>
      <c r="RPS27" s="8"/>
      <c r="RPT27" s="8"/>
      <c r="RPU27" s="8"/>
      <c r="RPV27" s="8"/>
      <c r="RPW27" s="8"/>
      <c r="RPX27" s="8"/>
      <c r="RPY27" s="8"/>
      <c r="RPZ27" s="8"/>
      <c r="RQA27" s="8"/>
      <c r="RQB27" s="8"/>
      <c r="RQC27" s="8"/>
      <c r="RQD27" s="8"/>
      <c r="RQE27" s="8"/>
      <c r="RQF27" s="8"/>
      <c r="RQG27" s="8"/>
      <c r="RQH27" s="8"/>
      <c r="RQI27" s="8"/>
      <c r="RQJ27" s="8"/>
      <c r="RQK27" s="8"/>
      <c r="RQL27" s="8"/>
      <c r="RQM27" s="8"/>
      <c r="RQN27" s="8"/>
      <c r="RQO27" s="8"/>
      <c r="RQP27" s="8"/>
      <c r="RQQ27" s="8"/>
      <c r="RQR27" s="8"/>
      <c r="RQS27" s="8"/>
      <c r="RQT27" s="8"/>
      <c r="RQU27" s="8"/>
      <c r="RQV27" s="8"/>
      <c r="RQW27" s="8"/>
      <c r="RQX27" s="8"/>
      <c r="RQY27" s="8"/>
      <c r="RQZ27" s="8"/>
      <c r="RRA27" s="8"/>
      <c r="RRB27" s="8"/>
      <c r="RRC27" s="8"/>
      <c r="RRD27" s="8"/>
      <c r="RRE27" s="8"/>
      <c r="RRF27" s="8"/>
      <c r="RRG27" s="8"/>
      <c r="RRH27" s="8"/>
      <c r="RRI27" s="8"/>
      <c r="RRJ27" s="8"/>
      <c r="RRK27" s="8"/>
      <c r="RRL27" s="8"/>
      <c r="RRM27" s="8"/>
      <c r="RRN27" s="8"/>
      <c r="RRO27" s="8"/>
      <c r="RRP27" s="8"/>
      <c r="RRQ27" s="8"/>
      <c r="RRR27" s="8"/>
      <c r="RRS27" s="8"/>
      <c r="RRT27" s="8"/>
      <c r="RRU27" s="8"/>
      <c r="RRV27" s="8"/>
      <c r="RRW27" s="8"/>
      <c r="RRX27" s="8"/>
      <c r="RRY27" s="8"/>
      <c r="RRZ27" s="8"/>
      <c r="RSA27" s="8"/>
      <c r="RSB27" s="8"/>
      <c r="RSC27" s="8"/>
      <c r="RSD27" s="8"/>
      <c r="RSE27" s="8"/>
      <c r="RSF27" s="8"/>
      <c r="RSG27" s="8"/>
      <c r="RSH27" s="8"/>
      <c r="RSI27" s="8"/>
      <c r="RSJ27" s="8"/>
      <c r="RSK27" s="8"/>
      <c r="RSL27" s="8"/>
      <c r="RSM27" s="8"/>
      <c r="RSN27" s="8"/>
      <c r="RSO27" s="8"/>
      <c r="RSP27" s="8"/>
      <c r="RSQ27" s="8"/>
      <c r="RSR27" s="8"/>
      <c r="RSS27" s="8"/>
      <c r="RST27" s="8"/>
      <c r="RSU27" s="8"/>
      <c r="RSV27" s="8"/>
      <c r="RSW27" s="8"/>
      <c r="RSX27" s="8"/>
      <c r="RSY27" s="8"/>
      <c r="RSZ27" s="8"/>
      <c r="RTA27" s="8"/>
      <c r="RTB27" s="8"/>
      <c r="RTC27" s="8"/>
      <c r="RTD27" s="8"/>
      <c r="RTE27" s="8"/>
      <c r="RTF27" s="8"/>
      <c r="RTG27" s="8"/>
      <c r="RTH27" s="8"/>
      <c r="RTI27" s="8"/>
      <c r="RTJ27" s="8"/>
      <c r="RTK27" s="8"/>
      <c r="RTL27" s="8"/>
      <c r="RTM27" s="8"/>
      <c r="RTN27" s="8"/>
      <c r="RTO27" s="8"/>
      <c r="RTP27" s="8"/>
      <c r="RTQ27" s="8"/>
      <c r="RTR27" s="8"/>
      <c r="RTS27" s="8"/>
      <c r="RTT27" s="8"/>
      <c r="RTU27" s="8"/>
      <c r="RTV27" s="8"/>
      <c r="RTW27" s="8"/>
      <c r="RTX27" s="8"/>
      <c r="RTY27" s="8"/>
      <c r="RTZ27" s="8"/>
      <c r="RUA27" s="8"/>
      <c r="RUB27" s="8"/>
      <c r="RUC27" s="8"/>
      <c r="RUD27" s="8"/>
      <c r="RUE27" s="8"/>
      <c r="RUF27" s="8"/>
      <c r="RUG27" s="8"/>
      <c r="RUH27" s="8"/>
      <c r="RUI27" s="8"/>
      <c r="RUJ27" s="8"/>
      <c r="RUK27" s="8"/>
      <c r="RUL27" s="8"/>
      <c r="RUM27" s="8"/>
      <c r="RUN27" s="8"/>
      <c r="RUO27" s="8"/>
      <c r="RUP27" s="8"/>
      <c r="RUQ27" s="8"/>
      <c r="RUR27" s="8"/>
      <c r="RUS27" s="8"/>
      <c r="RUT27" s="8"/>
      <c r="RUU27" s="8"/>
      <c r="RUV27" s="8"/>
      <c r="RUW27" s="8"/>
      <c r="RUX27" s="8"/>
      <c r="RUY27" s="8"/>
      <c r="RUZ27" s="8"/>
      <c r="RVA27" s="8"/>
      <c r="RVB27" s="8"/>
      <c r="RVC27" s="8"/>
      <c r="RVD27" s="8"/>
      <c r="RVE27" s="8"/>
      <c r="RVF27" s="8"/>
      <c r="RVG27" s="8"/>
      <c r="RVH27" s="8"/>
      <c r="RVI27" s="8"/>
      <c r="RVJ27" s="8"/>
      <c r="RVK27" s="8"/>
      <c r="RVL27" s="8"/>
      <c r="RVM27" s="8"/>
      <c r="RVN27" s="8"/>
      <c r="RVO27" s="8"/>
      <c r="RVP27" s="8"/>
      <c r="RVQ27" s="8"/>
      <c r="RVR27" s="8"/>
      <c r="RVS27" s="8"/>
      <c r="RVT27" s="8"/>
      <c r="RVU27" s="8"/>
      <c r="RVV27" s="8"/>
      <c r="RVW27" s="8"/>
      <c r="RVX27" s="8"/>
      <c r="RVY27" s="8"/>
      <c r="RVZ27" s="8"/>
      <c r="RWA27" s="8"/>
      <c r="RWB27" s="8"/>
      <c r="RWC27" s="8"/>
      <c r="RWD27" s="8"/>
      <c r="RWE27" s="8"/>
      <c r="RWF27" s="8"/>
      <c r="RWG27" s="8"/>
      <c r="RWH27" s="8"/>
      <c r="RWI27" s="8"/>
      <c r="RWJ27" s="8"/>
      <c r="RWK27" s="8"/>
      <c r="RWL27" s="8"/>
      <c r="RWM27" s="8"/>
      <c r="RWN27" s="8"/>
      <c r="RWO27" s="8"/>
      <c r="RWP27" s="8"/>
      <c r="RWQ27" s="8"/>
      <c r="RWR27" s="8"/>
      <c r="RWS27" s="8"/>
      <c r="RWT27" s="8"/>
      <c r="RWU27" s="8"/>
      <c r="RWV27" s="8"/>
      <c r="RWW27" s="8"/>
      <c r="RWX27" s="8"/>
      <c r="RWY27" s="8"/>
      <c r="RWZ27" s="8"/>
      <c r="RXA27" s="8"/>
      <c r="RXB27" s="8"/>
      <c r="RXC27" s="8"/>
      <c r="RXD27" s="8"/>
      <c r="RXE27" s="8"/>
      <c r="RXF27" s="8"/>
      <c r="RXG27" s="8"/>
      <c r="RXH27" s="8"/>
      <c r="RXI27" s="8"/>
      <c r="RXJ27" s="8"/>
      <c r="RXK27" s="8"/>
      <c r="RXL27" s="8"/>
      <c r="RXM27" s="8"/>
      <c r="RXN27" s="8"/>
      <c r="RXO27" s="8"/>
      <c r="RXP27" s="8"/>
      <c r="RXQ27" s="8"/>
      <c r="RXR27" s="8"/>
      <c r="RXS27" s="8"/>
      <c r="RXT27" s="8"/>
      <c r="RXU27" s="8"/>
      <c r="RXV27" s="8"/>
      <c r="RXW27" s="8"/>
      <c r="RXX27" s="8"/>
      <c r="RXY27" s="8"/>
      <c r="RXZ27" s="8"/>
      <c r="RYA27" s="8"/>
      <c r="RYB27" s="8"/>
      <c r="RYC27" s="8"/>
      <c r="RYD27" s="8"/>
      <c r="RYE27" s="8"/>
      <c r="RYF27" s="8"/>
      <c r="RYG27" s="8"/>
      <c r="RYH27" s="8"/>
      <c r="RYI27" s="8"/>
      <c r="RYJ27" s="8"/>
      <c r="RYK27" s="8"/>
      <c r="RYL27" s="8"/>
      <c r="RYM27" s="8"/>
      <c r="RYN27" s="8"/>
      <c r="RYO27" s="8"/>
      <c r="RYP27" s="8"/>
      <c r="RYQ27" s="8"/>
      <c r="RYR27" s="8"/>
      <c r="RYS27" s="8"/>
      <c r="RYT27" s="8"/>
      <c r="RYU27" s="8"/>
      <c r="RYV27" s="8"/>
      <c r="RYW27" s="8"/>
      <c r="RYX27" s="8"/>
      <c r="RYY27" s="8"/>
      <c r="RYZ27" s="8"/>
      <c r="RZA27" s="8"/>
      <c r="RZB27" s="8"/>
      <c r="RZC27" s="8"/>
      <c r="RZD27" s="8"/>
      <c r="RZE27" s="8"/>
      <c r="RZF27" s="8"/>
      <c r="RZG27" s="8"/>
      <c r="RZH27" s="8"/>
      <c r="RZI27" s="8"/>
      <c r="RZJ27" s="8"/>
      <c r="RZK27" s="8"/>
      <c r="RZL27" s="8"/>
      <c r="RZM27" s="8"/>
      <c r="RZN27" s="8"/>
      <c r="RZO27" s="8"/>
      <c r="RZP27" s="8"/>
      <c r="RZQ27" s="8"/>
      <c r="RZR27" s="8"/>
      <c r="RZS27" s="8"/>
      <c r="RZT27" s="8"/>
      <c r="RZU27" s="8"/>
      <c r="RZV27" s="8"/>
      <c r="RZW27" s="8"/>
      <c r="RZX27" s="8"/>
      <c r="RZY27" s="8"/>
      <c r="RZZ27" s="8"/>
      <c r="SAA27" s="8"/>
      <c r="SAB27" s="8"/>
      <c r="SAC27" s="8"/>
      <c r="SAD27" s="8"/>
      <c r="SAE27" s="8"/>
      <c r="SAF27" s="8"/>
      <c r="SAG27" s="8"/>
      <c r="SAH27" s="8"/>
      <c r="SAI27" s="8"/>
      <c r="SAJ27" s="8"/>
      <c r="SAK27" s="8"/>
      <c r="SAL27" s="8"/>
      <c r="SAM27" s="8"/>
      <c r="SAN27" s="8"/>
      <c r="SAO27" s="8"/>
      <c r="SAP27" s="8"/>
      <c r="SAQ27" s="8"/>
      <c r="SAR27" s="8"/>
      <c r="SAS27" s="8"/>
      <c r="SAT27" s="8"/>
      <c r="SAU27" s="8"/>
      <c r="SAV27" s="8"/>
      <c r="SAW27" s="8"/>
      <c r="SAX27" s="8"/>
      <c r="SAY27" s="8"/>
      <c r="SAZ27" s="8"/>
      <c r="SBA27" s="8"/>
      <c r="SBB27" s="8"/>
      <c r="SBC27" s="8"/>
      <c r="SBD27" s="8"/>
      <c r="SBE27" s="8"/>
      <c r="SBF27" s="8"/>
      <c r="SBG27" s="8"/>
      <c r="SBH27" s="8"/>
      <c r="SBI27" s="8"/>
      <c r="SBJ27" s="8"/>
      <c r="SBK27" s="8"/>
      <c r="SBL27" s="8"/>
      <c r="SBM27" s="8"/>
      <c r="SBN27" s="8"/>
      <c r="SBO27" s="8"/>
      <c r="SBP27" s="8"/>
      <c r="SBQ27" s="8"/>
      <c r="SBR27" s="8"/>
      <c r="SBS27" s="8"/>
      <c r="SBT27" s="8"/>
      <c r="SBU27" s="8"/>
      <c r="SBV27" s="8"/>
      <c r="SBW27" s="8"/>
      <c r="SBX27" s="8"/>
      <c r="SBY27" s="8"/>
      <c r="SBZ27" s="8"/>
      <c r="SCA27" s="8"/>
      <c r="SCB27" s="8"/>
      <c r="SCC27" s="8"/>
      <c r="SCD27" s="8"/>
      <c r="SCE27" s="8"/>
      <c r="SCF27" s="8"/>
      <c r="SCG27" s="8"/>
      <c r="SCH27" s="8"/>
      <c r="SCI27" s="8"/>
      <c r="SCJ27" s="8"/>
      <c r="SCK27" s="8"/>
      <c r="SCL27" s="8"/>
      <c r="SCM27" s="8"/>
      <c r="SCN27" s="8"/>
      <c r="SCO27" s="8"/>
      <c r="SCP27" s="8"/>
      <c r="SCQ27" s="8"/>
      <c r="SCR27" s="8"/>
      <c r="SCS27" s="8"/>
      <c r="SCT27" s="8"/>
      <c r="SCU27" s="8"/>
      <c r="SCV27" s="8"/>
      <c r="SCW27" s="8"/>
      <c r="SCX27" s="8"/>
      <c r="SCY27" s="8"/>
      <c r="SCZ27" s="8"/>
      <c r="SDA27" s="8"/>
      <c r="SDB27" s="8"/>
      <c r="SDC27" s="8"/>
      <c r="SDD27" s="8"/>
      <c r="SDE27" s="8"/>
      <c r="SDF27" s="8"/>
      <c r="SDG27" s="8"/>
      <c r="SDH27" s="8"/>
      <c r="SDI27" s="8"/>
      <c r="SDJ27" s="8"/>
      <c r="SDK27" s="8"/>
      <c r="SDL27" s="8"/>
      <c r="SDM27" s="8"/>
      <c r="SDN27" s="8"/>
      <c r="SDO27" s="8"/>
      <c r="SDP27" s="8"/>
      <c r="SDQ27" s="8"/>
      <c r="SDR27" s="8"/>
      <c r="SDS27" s="8"/>
      <c r="SDT27" s="8"/>
      <c r="SDU27" s="8"/>
      <c r="SDV27" s="8"/>
      <c r="SDW27" s="8"/>
      <c r="SDX27" s="8"/>
      <c r="SDY27" s="8"/>
      <c r="SDZ27" s="8"/>
      <c r="SEA27" s="8"/>
      <c r="SEB27" s="8"/>
      <c r="SEC27" s="8"/>
      <c r="SED27" s="8"/>
      <c r="SEE27" s="8"/>
      <c r="SEF27" s="8"/>
      <c r="SEG27" s="8"/>
      <c r="SEH27" s="8"/>
      <c r="SEI27" s="8"/>
      <c r="SEJ27" s="8"/>
      <c r="SEK27" s="8"/>
      <c r="SEL27" s="8"/>
      <c r="SEM27" s="8"/>
      <c r="SEN27" s="8"/>
      <c r="SEO27" s="8"/>
      <c r="SEP27" s="8"/>
      <c r="SEQ27" s="8"/>
      <c r="SER27" s="8"/>
      <c r="SES27" s="8"/>
      <c r="SET27" s="8"/>
      <c r="SEU27" s="8"/>
      <c r="SEV27" s="8"/>
      <c r="SEW27" s="8"/>
      <c r="SEX27" s="8"/>
      <c r="SEY27" s="8"/>
      <c r="SEZ27" s="8"/>
      <c r="SFA27" s="8"/>
      <c r="SFB27" s="8"/>
      <c r="SFC27" s="8"/>
      <c r="SFD27" s="8"/>
      <c r="SFE27" s="8"/>
      <c r="SFF27" s="8"/>
      <c r="SFG27" s="8"/>
      <c r="SFH27" s="8"/>
      <c r="SFI27" s="8"/>
      <c r="SFJ27" s="8"/>
      <c r="SFK27" s="8"/>
      <c r="SFL27" s="8"/>
      <c r="SFM27" s="8"/>
      <c r="SFN27" s="8"/>
      <c r="SFO27" s="8"/>
      <c r="SFP27" s="8"/>
      <c r="SFQ27" s="8"/>
      <c r="SFR27" s="8"/>
      <c r="SFS27" s="8"/>
      <c r="SFT27" s="8"/>
      <c r="SFU27" s="8"/>
      <c r="SFV27" s="8"/>
      <c r="SFW27" s="8"/>
      <c r="SFX27" s="8"/>
      <c r="SFY27" s="8"/>
      <c r="SFZ27" s="8"/>
      <c r="SGA27" s="8"/>
      <c r="SGB27" s="8"/>
      <c r="SGC27" s="8"/>
      <c r="SGD27" s="8"/>
      <c r="SGE27" s="8"/>
      <c r="SGF27" s="8"/>
      <c r="SGG27" s="8"/>
      <c r="SGH27" s="8"/>
      <c r="SGI27" s="8"/>
      <c r="SGJ27" s="8"/>
      <c r="SGK27" s="8"/>
      <c r="SGL27" s="8"/>
      <c r="SGM27" s="8"/>
      <c r="SGN27" s="8"/>
      <c r="SGO27" s="8"/>
      <c r="SGP27" s="8"/>
      <c r="SGQ27" s="8"/>
      <c r="SGR27" s="8"/>
      <c r="SGS27" s="8"/>
      <c r="SGT27" s="8"/>
      <c r="SGU27" s="8"/>
      <c r="SGV27" s="8"/>
      <c r="SGW27" s="8"/>
      <c r="SGX27" s="8"/>
      <c r="SGY27" s="8"/>
      <c r="SGZ27" s="8"/>
      <c r="SHA27" s="8"/>
      <c r="SHB27" s="8"/>
      <c r="SHC27" s="8"/>
      <c r="SHD27" s="8"/>
      <c r="SHE27" s="8"/>
      <c r="SHF27" s="8"/>
      <c r="SHG27" s="8"/>
      <c r="SHH27" s="8"/>
      <c r="SHI27" s="8"/>
      <c r="SHJ27" s="8"/>
      <c r="SHK27" s="8"/>
      <c r="SHL27" s="8"/>
      <c r="SHM27" s="8"/>
      <c r="SHN27" s="8"/>
      <c r="SHO27" s="8"/>
      <c r="SHP27" s="8"/>
      <c r="SHQ27" s="8"/>
      <c r="SHR27" s="8"/>
      <c r="SHS27" s="8"/>
      <c r="SHT27" s="8"/>
      <c r="SHU27" s="8"/>
      <c r="SHV27" s="8"/>
      <c r="SHW27" s="8"/>
      <c r="SHX27" s="8"/>
      <c r="SHY27" s="8"/>
      <c r="SHZ27" s="8"/>
      <c r="SIA27" s="8"/>
      <c r="SIB27" s="8"/>
      <c r="SIC27" s="8"/>
      <c r="SID27" s="8"/>
      <c r="SIE27" s="8"/>
      <c r="SIF27" s="8"/>
      <c r="SIG27" s="8"/>
      <c r="SIH27" s="8"/>
      <c r="SII27" s="8"/>
      <c r="SIJ27" s="8"/>
      <c r="SIK27" s="8"/>
      <c r="SIL27" s="8"/>
      <c r="SIM27" s="8"/>
      <c r="SIN27" s="8"/>
      <c r="SIO27" s="8"/>
      <c r="SIP27" s="8"/>
      <c r="SIQ27" s="8"/>
      <c r="SIR27" s="8"/>
      <c r="SIS27" s="8"/>
      <c r="SIT27" s="8"/>
      <c r="SIU27" s="8"/>
      <c r="SIV27" s="8"/>
      <c r="SIW27" s="8"/>
      <c r="SIX27" s="8"/>
      <c r="SIY27" s="8"/>
      <c r="SIZ27" s="8"/>
      <c r="SJA27" s="8"/>
      <c r="SJB27" s="8"/>
      <c r="SJC27" s="8"/>
      <c r="SJD27" s="8"/>
      <c r="SJE27" s="8"/>
      <c r="SJF27" s="8"/>
      <c r="SJG27" s="8"/>
      <c r="SJH27" s="8"/>
      <c r="SJI27" s="8"/>
      <c r="SJJ27" s="8"/>
      <c r="SJK27" s="8"/>
      <c r="SJL27" s="8"/>
      <c r="SJM27" s="8"/>
      <c r="SJN27" s="8"/>
      <c r="SJO27" s="8"/>
      <c r="SJP27" s="8"/>
      <c r="SJQ27" s="8"/>
      <c r="SJR27" s="8"/>
      <c r="SJS27" s="8"/>
      <c r="SJT27" s="8"/>
      <c r="SJU27" s="8"/>
      <c r="SJV27" s="8"/>
      <c r="SJW27" s="8"/>
      <c r="SJX27" s="8"/>
      <c r="SJY27" s="8"/>
      <c r="SJZ27" s="8"/>
      <c r="SKA27" s="8"/>
      <c r="SKB27" s="8"/>
      <c r="SKC27" s="8"/>
      <c r="SKD27" s="8"/>
      <c r="SKE27" s="8"/>
      <c r="SKF27" s="8"/>
      <c r="SKG27" s="8"/>
      <c r="SKH27" s="8"/>
      <c r="SKI27" s="8"/>
      <c r="SKJ27" s="8"/>
      <c r="SKK27" s="8"/>
      <c r="SKL27" s="8"/>
      <c r="SKM27" s="8"/>
      <c r="SKN27" s="8"/>
      <c r="SKO27" s="8"/>
      <c r="SKP27" s="8"/>
      <c r="SKQ27" s="8"/>
      <c r="SKR27" s="8"/>
      <c r="SKS27" s="8"/>
      <c r="SKT27" s="8"/>
      <c r="SKU27" s="8"/>
      <c r="SKV27" s="8"/>
      <c r="SKW27" s="8"/>
      <c r="SKX27" s="8"/>
      <c r="SKY27" s="8"/>
      <c r="SKZ27" s="8"/>
      <c r="SLA27" s="8"/>
      <c r="SLB27" s="8"/>
      <c r="SLC27" s="8"/>
      <c r="SLD27" s="8"/>
      <c r="SLE27" s="8"/>
      <c r="SLF27" s="8"/>
      <c r="SLG27" s="8"/>
      <c r="SLH27" s="8"/>
      <c r="SLI27" s="8"/>
      <c r="SLJ27" s="8"/>
      <c r="SLK27" s="8"/>
      <c r="SLL27" s="8"/>
      <c r="SLM27" s="8"/>
      <c r="SLN27" s="8"/>
      <c r="SLO27" s="8"/>
      <c r="SLP27" s="8"/>
      <c r="SLQ27" s="8"/>
      <c r="SLR27" s="8"/>
      <c r="SLS27" s="8"/>
      <c r="SLT27" s="8"/>
      <c r="SLU27" s="8"/>
      <c r="SLV27" s="8"/>
      <c r="SLW27" s="8"/>
      <c r="SLX27" s="8"/>
      <c r="SLY27" s="8"/>
      <c r="SLZ27" s="8"/>
      <c r="SMA27" s="8"/>
      <c r="SMB27" s="8"/>
      <c r="SMC27" s="8"/>
      <c r="SMD27" s="8"/>
      <c r="SME27" s="8"/>
      <c r="SMF27" s="8"/>
      <c r="SMG27" s="8"/>
      <c r="SMH27" s="8"/>
      <c r="SMI27" s="8"/>
      <c r="SMJ27" s="8"/>
      <c r="SMK27" s="8"/>
      <c r="SML27" s="8"/>
      <c r="SMM27" s="8"/>
      <c r="SMN27" s="8"/>
      <c r="SMO27" s="8"/>
      <c r="SMP27" s="8"/>
      <c r="SMQ27" s="8"/>
      <c r="SMR27" s="8"/>
      <c r="SMS27" s="8"/>
      <c r="SMT27" s="8"/>
      <c r="SMU27" s="8"/>
      <c r="SMV27" s="8"/>
      <c r="SMW27" s="8"/>
      <c r="SMX27" s="8"/>
      <c r="SMY27" s="8"/>
      <c r="SMZ27" s="8"/>
      <c r="SNA27" s="8"/>
      <c r="SNB27" s="8"/>
      <c r="SNC27" s="8"/>
      <c r="SND27" s="8"/>
      <c r="SNE27" s="8"/>
      <c r="SNF27" s="8"/>
      <c r="SNG27" s="8"/>
      <c r="SNH27" s="8"/>
      <c r="SNI27" s="8"/>
      <c r="SNJ27" s="8"/>
      <c r="SNK27" s="8"/>
      <c r="SNL27" s="8"/>
      <c r="SNM27" s="8"/>
      <c r="SNN27" s="8"/>
      <c r="SNO27" s="8"/>
      <c r="SNP27" s="8"/>
      <c r="SNQ27" s="8"/>
      <c r="SNR27" s="8"/>
      <c r="SNS27" s="8"/>
      <c r="SNT27" s="8"/>
      <c r="SNU27" s="8"/>
      <c r="SNV27" s="8"/>
      <c r="SNW27" s="8"/>
      <c r="SNX27" s="8"/>
      <c r="SNY27" s="8"/>
      <c r="SNZ27" s="8"/>
      <c r="SOA27" s="8"/>
      <c r="SOB27" s="8"/>
      <c r="SOC27" s="8"/>
      <c r="SOD27" s="8"/>
      <c r="SOE27" s="8"/>
      <c r="SOF27" s="8"/>
      <c r="SOG27" s="8"/>
      <c r="SOH27" s="8"/>
      <c r="SOI27" s="8"/>
      <c r="SOJ27" s="8"/>
      <c r="SOK27" s="8"/>
      <c r="SOL27" s="8"/>
      <c r="SOM27" s="8"/>
      <c r="SON27" s="8"/>
      <c r="SOO27" s="8"/>
      <c r="SOP27" s="8"/>
      <c r="SOQ27" s="8"/>
      <c r="SOR27" s="8"/>
      <c r="SOS27" s="8"/>
      <c r="SOT27" s="8"/>
      <c r="SOU27" s="8"/>
      <c r="SOV27" s="8"/>
      <c r="SOW27" s="8"/>
      <c r="SOX27" s="8"/>
      <c r="SOY27" s="8"/>
      <c r="SOZ27" s="8"/>
      <c r="SPA27" s="8"/>
      <c r="SPB27" s="8"/>
      <c r="SPC27" s="8"/>
      <c r="SPD27" s="8"/>
      <c r="SPE27" s="8"/>
      <c r="SPF27" s="8"/>
      <c r="SPG27" s="8"/>
      <c r="SPH27" s="8"/>
      <c r="SPI27" s="8"/>
      <c r="SPJ27" s="8"/>
      <c r="SPK27" s="8"/>
      <c r="SPL27" s="8"/>
      <c r="SPM27" s="8"/>
      <c r="SPN27" s="8"/>
      <c r="SPO27" s="8"/>
      <c r="SPP27" s="8"/>
      <c r="SPQ27" s="8"/>
      <c r="SPR27" s="8"/>
      <c r="SPS27" s="8"/>
      <c r="SPT27" s="8"/>
      <c r="SPU27" s="8"/>
      <c r="SPV27" s="8"/>
      <c r="SPW27" s="8"/>
      <c r="SPX27" s="8"/>
      <c r="SPY27" s="8"/>
      <c r="SPZ27" s="8"/>
      <c r="SQA27" s="8"/>
      <c r="SQB27" s="8"/>
      <c r="SQC27" s="8"/>
      <c r="SQD27" s="8"/>
      <c r="SQE27" s="8"/>
      <c r="SQF27" s="8"/>
      <c r="SQG27" s="8"/>
      <c r="SQH27" s="8"/>
      <c r="SQI27" s="8"/>
      <c r="SQJ27" s="8"/>
      <c r="SQK27" s="8"/>
      <c r="SQL27" s="8"/>
      <c r="SQM27" s="8"/>
      <c r="SQN27" s="8"/>
      <c r="SQO27" s="8"/>
      <c r="SQP27" s="8"/>
      <c r="SQQ27" s="8"/>
      <c r="SQR27" s="8"/>
      <c r="SQS27" s="8"/>
      <c r="SQT27" s="8"/>
      <c r="SQU27" s="8"/>
      <c r="SQV27" s="8"/>
      <c r="SQW27" s="8"/>
      <c r="SQX27" s="8"/>
      <c r="SQY27" s="8"/>
      <c r="SQZ27" s="8"/>
      <c r="SRA27" s="8"/>
      <c r="SRB27" s="8"/>
      <c r="SRC27" s="8"/>
      <c r="SRD27" s="8"/>
      <c r="SRE27" s="8"/>
      <c r="SRF27" s="8"/>
      <c r="SRG27" s="8"/>
      <c r="SRH27" s="8"/>
      <c r="SRI27" s="8"/>
      <c r="SRJ27" s="8"/>
      <c r="SRK27" s="8"/>
      <c r="SRL27" s="8"/>
      <c r="SRM27" s="8"/>
      <c r="SRN27" s="8"/>
      <c r="SRO27" s="8"/>
      <c r="SRP27" s="8"/>
      <c r="SRQ27" s="8"/>
      <c r="SRR27" s="8"/>
      <c r="SRS27" s="8"/>
      <c r="SRT27" s="8"/>
      <c r="SRU27" s="8"/>
      <c r="SRV27" s="8"/>
      <c r="SRW27" s="8"/>
      <c r="SRX27" s="8"/>
      <c r="SRY27" s="8"/>
      <c r="SRZ27" s="8"/>
      <c r="SSA27" s="8"/>
      <c r="SSB27" s="8"/>
      <c r="SSC27" s="8"/>
      <c r="SSD27" s="8"/>
      <c r="SSE27" s="8"/>
      <c r="SSF27" s="8"/>
      <c r="SSG27" s="8"/>
      <c r="SSH27" s="8"/>
      <c r="SSI27" s="8"/>
      <c r="SSJ27" s="8"/>
      <c r="SSK27" s="8"/>
      <c r="SSL27" s="8"/>
      <c r="SSM27" s="8"/>
      <c r="SSN27" s="8"/>
      <c r="SSO27" s="8"/>
      <c r="SSP27" s="8"/>
      <c r="SSQ27" s="8"/>
      <c r="SSR27" s="8"/>
      <c r="SSS27" s="8"/>
      <c r="SST27" s="8"/>
      <c r="SSU27" s="8"/>
      <c r="SSV27" s="8"/>
      <c r="SSW27" s="8"/>
      <c r="SSX27" s="8"/>
      <c r="SSY27" s="8"/>
      <c r="SSZ27" s="8"/>
      <c r="STA27" s="8"/>
      <c r="STB27" s="8"/>
      <c r="STC27" s="8"/>
      <c r="STD27" s="8"/>
      <c r="STE27" s="8"/>
      <c r="STF27" s="8"/>
      <c r="STG27" s="8"/>
      <c r="STH27" s="8"/>
      <c r="STI27" s="8"/>
      <c r="STJ27" s="8"/>
      <c r="STK27" s="8"/>
      <c r="STL27" s="8"/>
      <c r="STM27" s="8"/>
      <c r="STN27" s="8"/>
      <c r="STO27" s="8"/>
      <c r="STP27" s="8"/>
      <c r="STQ27" s="8"/>
      <c r="STR27" s="8"/>
      <c r="STS27" s="8"/>
      <c r="STT27" s="8"/>
      <c r="STU27" s="8"/>
      <c r="STV27" s="8"/>
      <c r="STW27" s="8"/>
      <c r="STX27" s="8"/>
      <c r="STY27" s="8"/>
      <c r="STZ27" s="8"/>
      <c r="SUA27" s="8"/>
      <c r="SUB27" s="8"/>
      <c r="SUC27" s="8"/>
      <c r="SUD27" s="8"/>
      <c r="SUE27" s="8"/>
      <c r="SUF27" s="8"/>
      <c r="SUG27" s="8"/>
      <c r="SUH27" s="8"/>
      <c r="SUI27" s="8"/>
      <c r="SUJ27" s="8"/>
      <c r="SUK27" s="8"/>
      <c r="SUL27" s="8"/>
      <c r="SUM27" s="8"/>
      <c r="SUN27" s="8"/>
      <c r="SUO27" s="8"/>
      <c r="SUP27" s="8"/>
      <c r="SUQ27" s="8"/>
      <c r="SUR27" s="8"/>
      <c r="SUS27" s="8"/>
      <c r="SUT27" s="8"/>
      <c r="SUU27" s="8"/>
      <c r="SUV27" s="8"/>
      <c r="SUW27" s="8"/>
      <c r="SUX27" s="8"/>
      <c r="SUY27" s="8"/>
      <c r="SUZ27" s="8"/>
      <c r="SVA27" s="8"/>
      <c r="SVB27" s="8"/>
      <c r="SVC27" s="8"/>
      <c r="SVD27" s="8"/>
      <c r="SVE27" s="8"/>
      <c r="SVF27" s="8"/>
      <c r="SVG27" s="8"/>
      <c r="SVH27" s="8"/>
      <c r="SVI27" s="8"/>
      <c r="SVJ27" s="8"/>
      <c r="SVK27" s="8"/>
      <c r="SVL27" s="8"/>
      <c r="SVM27" s="8"/>
      <c r="SVN27" s="8"/>
      <c r="SVO27" s="8"/>
      <c r="SVP27" s="8"/>
      <c r="SVQ27" s="8"/>
      <c r="SVR27" s="8"/>
      <c r="SVS27" s="8"/>
      <c r="SVT27" s="8"/>
      <c r="SVU27" s="8"/>
      <c r="SVV27" s="8"/>
      <c r="SVW27" s="8"/>
      <c r="SVX27" s="8"/>
      <c r="SVY27" s="8"/>
      <c r="SVZ27" s="8"/>
      <c r="SWA27" s="8"/>
      <c r="SWB27" s="8"/>
      <c r="SWC27" s="8"/>
      <c r="SWD27" s="8"/>
      <c r="SWE27" s="8"/>
      <c r="SWF27" s="8"/>
      <c r="SWG27" s="8"/>
      <c r="SWH27" s="8"/>
      <c r="SWI27" s="8"/>
      <c r="SWJ27" s="8"/>
      <c r="SWK27" s="8"/>
      <c r="SWL27" s="8"/>
      <c r="SWM27" s="8"/>
      <c r="SWN27" s="8"/>
      <c r="SWO27" s="8"/>
      <c r="SWP27" s="8"/>
      <c r="SWQ27" s="8"/>
      <c r="SWR27" s="8"/>
      <c r="SWS27" s="8"/>
      <c r="SWT27" s="8"/>
      <c r="SWU27" s="8"/>
      <c r="SWV27" s="8"/>
      <c r="SWW27" s="8"/>
      <c r="SWX27" s="8"/>
      <c r="SWY27" s="8"/>
      <c r="SWZ27" s="8"/>
      <c r="SXA27" s="8"/>
      <c r="SXB27" s="8"/>
      <c r="SXC27" s="8"/>
      <c r="SXD27" s="8"/>
      <c r="SXE27" s="8"/>
      <c r="SXF27" s="8"/>
      <c r="SXG27" s="8"/>
      <c r="SXH27" s="8"/>
      <c r="SXI27" s="8"/>
      <c r="SXJ27" s="8"/>
      <c r="SXK27" s="8"/>
      <c r="SXL27" s="8"/>
      <c r="SXM27" s="8"/>
      <c r="SXN27" s="8"/>
      <c r="SXO27" s="8"/>
      <c r="SXP27" s="8"/>
      <c r="SXQ27" s="8"/>
      <c r="SXR27" s="8"/>
      <c r="SXS27" s="8"/>
      <c r="SXT27" s="8"/>
      <c r="SXU27" s="8"/>
      <c r="SXV27" s="8"/>
      <c r="SXW27" s="8"/>
      <c r="SXX27" s="8"/>
      <c r="SXY27" s="8"/>
      <c r="SXZ27" s="8"/>
      <c r="SYA27" s="8"/>
      <c r="SYB27" s="8"/>
      <c r="SYC27" s="8"/>
      <c r="SYD27" s="8"/>
      <c r="SYE27" s="8"/>
      <c r="SYF27" s="8"/>
      <c r="SYG27" s="8"/>
      <c r="SYH27" s="8"/>
      <c r="SYI27" s="8"/>
      <c r="SYJ27" s="8"/>
      <c r="SYK27" s="8"/>
      <c r="SYL27" s="8"/>
      <c r="SYM27" s="8"/>
      <c r="SYN27" s="8"/>
      <c r="SYO27" s="8"/>
      <c r="SYP27" s="8"/>
      <c r="SYQ27" s="8"/>
      <c r="SYR27" s="8"/>
      <c r="SYS27" s="8"/>
      <c r="SYT27" s="8"/>
      <c r="SYU27" s="8"/>
      <c r="SYV27" s="8"/>
      <c r="SYW27" s="8"/>
      <c r="SYX27" s="8"/>
      <c r="SYY27" s="8"/>
      <c r="SYZ27" s="8"/>
      <c r="SZA27" s="8"/>
      <c r="SZB27" s="8"/>
      <c r="SZC27" s="8"/>
      <c r="SZD27" s="8"/>
      <c r="SZE27" s="8"/>
      <c r="SZF27" s="8"/>
      <c r="SZG27" s="8"/>
      <c r="SZH27" s="8"/>
      <c r="SZI27" s="8"/>
      <c r="SZJ27" s="8"/>
      <c r="SZK27" s="8"/>
      <c r="SZL27" s="8"/>
      <c r="SZM27" s="8"/>
      <c r="SZN27" s="8"/>
      <c r="SZO27" s="8"/>
      <c r="SZP27" s="8"/>
      <c r="SZQ27" s="8"/>
      <c r="SZR27" s="8"/>
      <c r="SZS27" s="8"/>
      <c r="SZT27" s="8"/>
      <c r="SZU27" s="8"/>
      <c r="SZV27" s="8"/>
      <c r="SZW27" s="8"/>
      <c r="SZX27" s="8"/>
      <c r="SZY27" s="8"/>
      <c r="SZZ27" s="8"/>
      <c r="TAA27" s="8"/>
      <c r="TAB27" s="8"/>
      <c r="TAC27" s="8"/>
      <c r="TAD27" s="8"/>
      <c r="TAE27" s="8"/>
      <c r="TAF27" s="8"/>
      <c r="TAG27" s="8"/>
      <c r="TAH27" s="8"/>
      <c r="TAI27" s="8"/>
      <c r="TAJ27" s="8"/>
      <c r="TAK27" s="8"/>
      <c r="TAL27" s="8"/>
      <c r="TAM27" s="8"/>
      <c r="TAN27" s="8"/>
      <c r="TAO27" s="8"/>
      <c r="TAP27" s="8"/>
      <c r="TAQ27" s="8"/>
      <c r="TAR27" s="8"/>
      <c r="TAS27" s="8"/>
      <c r="TAT27" s="8"/>
      <c r="TAU27" s="8"/>
      <c r="TAV27" s="8"/>
      <c r="TAW27" s="8"/>
      <c r="TAX27" s="8"/>
      <c r="TAY27" s="8"/>
      <c r="TAZ27" s="8"/>
      <c r="TBA27" s="8"/>
      <c r="TBB27" s="8"/>
      <c r="TBC27" s="8"/>
      <c r="TBD27" s="8"/>
      <c r="TBE27" s="8"/>
      <c r="TBF27" s="8"/>
      <c r="TBG27" s="8"/>
      <c r="TBH27" s="8"/>
      <c r="TBI27" s="8"/>
      <c r="TBJ27" s="8"/>
      <c r="TBK27" s="8"/>
      <c r="TBL27" s="8"/>
      <c r="TBM27" s="8"/>
      <c r="TBN27" s="8"/>
      <c r="TBO27" s="8"/>
      <c r="TBP27" s="8"/>
      <c r="TBQ27" s="8"/>
      <c r="TBR27" s="8"/>
      <c r="TBS27" s="8"/>
      <c r="TBT27" s="8"/>
      <c r="TBU27" s="8"/>
      <c r="TBV27" s="8"/>
      <c r="TBW27" s="8"/>
      <c r="TBX27" s="8"/>
      <c r="TBY27" s="8"/>
      <c r="TBZ27" s="8"/>
      <c r="TCA27" s="8"/>
      <c r="TCB27" s="8"/>
      <c r="TCC27" s="8"/>
      <c r="TCD27" s="8"/>
      <c r="TCE27" s="8"/>
      <c r="TCF27" s="8"/>
      <c r="TCG27" s="8"/>
      <c r="TCH27" s="8"/>
      <c r="TCI27" s="8"/>
      <c r="TCJ27" s="8"/>
      <c r="TCK27" s="8"/>
      <c r="TCL27" s="8"/>
      <c r="TCM27" s="8"/>
      <c r="TCN27" s="8"/>
      <c r="TCO27" s="8"/>
      <c r="TCP27" s="8"/>
      <c r="TCQ27" s="8"/>
      <c r="TCR27" s="8"/>
      <c r="TCS27" s="8"/>
      <c r="TCT27" s="8"/>
      <c r="TCU27" s="8"/>
      <c r="TCV27" s="8"/>
      <c r="TCW27" s="8"/>
      <c r="TCX27" s="8"/>
      <c r="TCY27" s="8"/>
      <c r="TCZ27" s="8"/>
      <c r="TDA27" s="8"/>
      <c r="TDB27" s="8"/>
      <c r="TDC27" s="8"/>
      <c r="TDD27" s="8"/>
      <c r="TDE27" s="8"/>
      <c r="TDF27" s="8"/>
      <c r="TDG27" s="8"/>
      <c r="TDH27" s="8"/>
      <c r="TDI27" s="8"/>
      <c r="TDJ27" s="8"/>
      <c r="TDK27" s="8"/>
      <c r="TDL27" s="8"/>
      <c r="TDM27" s="8"/>
      <c r="TDN27" s="8"/>
      <c r="TDO27" s="8"/>
      <c r="TDP27" s="8"/>
      <c r="TDQ27" s="8"/>
      <c r="TDR27" s="8"/>
      <c r="TDS27" s="8"/>
      <c r="TDT27" s="8"/>
      <c r="TDU27" s="8"/>
      <c r="TDV27" s="8"/>
      <c r="TDW27" s="8"/>
      <c r="TDX27" s="8"/>
      <c r="TDY27" s="8"/>
      <c r="TDZ27" s="8"/>
      <c r="TEA27" s="8"/>
      <c r="TEB27" s="8"/>
      <c r="TEC27" s="8"/>
      <c r="TED27" s="8"/>
      <c r="TEE27" s="8"/>
      <c r="TEF27" s="8"/>
      <c r="TEG27" s="8"/>
      <c r="TEH27" s="8"/>
      <c r="TEI27" s="8"/>
      <c r="TEJ27" s="8"/>
      <c r="TEK27" s="8"/>
      <c r="TEL27" s="8"/>
      <c r="TEM27" s="8"/>
      <c r="TEN27" s="8"/>
      <c r="TEO27" s="8"/>
      <c r="TEP27" s="8"/>
      <c r="TEQ27" s="8"/>
      <c r="TER27" s="8"/>
      <c r="TES27" s="8"/>
      <c r="TET27" s="8"/>
      <c r="TEU27" s="8"/>
      <c r="TEV27" s="8"/>
      <c r="TEW27" s="8"/>
      <c r="TEX27" s="8"/>
      <c r="TEY27" s="8"/>
      <c r="TEZ27" s="8"/>
      <c r="TFA27" s="8"/>
      <c r="TFB27" s="8"/>
      <c r="TFC27" s="8"/>
      <c r="TFD27" s="8"/>
      <c r="TFE27" s="8"/>
      <c r="TFF27" s="8"/>
      <c r="TFG27" s="8"/>
      <c r="TFH27" s="8"/>
      <c r="TFI27" s="8"/>
      <c r="TFJ27" s="8"/>
      <c r="TFK27" s="8"/>
      <c r="TFL27" s="8"/>
      <c r="TFM27" s="8"/>
      <c r="TFN27" s="8"/>
      <c r="TFO27" s="8"/>
      <c r="TFP27" s="8"/>
      <c r="TFQ27" s="8"/>
      <c r="TFR27" s="8"/>
      <c r="TFS27" s="8"/>
      <c r="TFT27" s="8"/>
      <c r="TFU27" s="8"/>
      <c r="TFV27" s="8"/>
      <c r="TFW27" s="8"/>
      <c r="TFX27" s="8"/>
      <c r="TFY27" s="8"/>
      <c r="TFZ27" s="8"/>
      <c r="TGA27" s="8"/>
      <c r="TGB27" s="8"/>
      <c r="TGC27" s="8"/>
      <c r="TGD27" s="8"/>
      <c r="TGE27" s="8"/>
      <c r="TGF27" s="8"/>
      <c r="TGG27" s="8"/>
      <c r="TGH27" s="8"/>
      <c r="TGI27" s="8"/>
      <c r="TGJ27" s="8"/>
      <c r="TGK27" s="8"/>
      <c r="TGL27" s="8"/>
      <c r="TGM27" s="8"/>
      <c r="TGN27" s="8"/>
      <c r="TGO27" s="8"/>
      <c r="TGP27" s="8"/>
      <c r="TGQ27" s="8"/>
      <c r="TGR27" s="8"/>
      <c r="TGS27" s="8"/>
      <c r="TGT27" s="8"/>
      <c r="TGU27" s="8"/>
      <c r="TGV27" s="8"/>
      <c r="TGW27" s="8"/>
      <c r="TGX27" s="8"/>
      <c r="TGY27" s="8"/>
      <c r="TGZ27" s="8"/>
      <c r="THA27" s="8"/>
      <c r="THB27" s="8"/>
      <c r="THC27" s="8"/>
      <c r="THD27" s="8"/>
      <c r="THE27" s="8"/>
      <c r="THF27" s="8"/>
      <c r="THG27" s="8"/>
      <c r="THH27" s="8"/>
      <c r="THI27" s="8"/>
      <c r="THJ27" s="8"/>
      <c r="THK27" s="8"/>
      <c r="THL27" s="8"/>
      <c r="THM27" s="8"/>
      <c r="THN27" s="8"/>
      <c r="THO27" s="8"/>
      <c r="THP27" s="8"/>
      <c r="THQ27" s="8"/>
      <c r="THR27" s="8"/>
      <c r="THS27" s="8"/>
      <c r="THT27" s="8"/>
      <c r="THU27" s="8"/>
      <c r="THV27" s="8"/>
      <c r="THW27" s="8"/>
      <c r="THX27" s="8"/>
      <c r="THY27" s="8"/>
      <c r="THZ27" s="8"/>
      <c r="TIA27" s="8"/>
      <c r="TIB27" s="8"/>
      <c r="TIC27" s="8"/>
      <c r="TID27" s="8"/>
      <c r="TIE27" s="8"/>
      <c r="TIF27" s="8"/>
      <c r="TIG27" s="8"/>
      <c r="TIH27" s="8"/>
      <c r="TII27" s="8"/>
      <c r="TIJ27" s="8"/>
      <c r="TIK27" s="8"/>
      <c r="TIL27" s="8"/>
      <c r="TIM27" s="8"/>
      <c r="TIN27" s="8"/>
      <c r="TIO27" s="8"/>
      <c r="TIP27" s="8"/>
      <c r="TIQ27" s="8"/>
      <c r="TIR27" s="8"/>
      <c r="TIS27" s="8"/>
      <c r="TIT27" s="8"/>
      <c r="TIU27" s="8"/>
      <c r="TIV27" s="8"/>
      <c r="TIW27" s="8"/>
      <c r="TIX27" s="8"/>
      <c r="TIY27" s="8"/>
      <c r="TIZ27" s="8"/>
      <c r="TJA27" s="8"/>
      <c r="TJB27" s="8"/>
      <c r="TJC27" s="8"/>
      <c r="TJD27" s="8"/>
      <c r="TJE27" s="8"/>
      <c r="TJF27" s="8"/>
      <c r="TJG27" s="8"/>
      <c r="TJH27" s="8"/>
      <c r="TJI27" s="8"/>
      <c r="TJJ27" s="8"/>
      <c r="TJK27" s="8"/>
      <c r="TJL27" s="8"/>
      <c r="TJM27" s="8"/>
      <c r="TJN27" s="8"/>
      <c r="TJO27" s="8"/>
      <c r="TJP27" s="8"/>
      <c r="TJQ27" s="8"/>
      <c r="TJR27" s="8"/>
      <c r="TJS27" s="8"/>
      <c r="TJT27" s="8"/>
      <c r="TJU27" s="8"/>
      <c r="TJV27" s="8"/>
      <c r="TJW27" s="8"/>
      <c r="TJX27" s="8"/>
      <c r="TJY27" s="8"/>
      <c r="TJZ27" s="8"/>
      <c r="TKA27" s="8"/>
      <c r="TKB27" s="8"/>
      <c r="TKC27" s="8"/>
      <c r="TKD27" s="8"/>
      <c r="TKE27" s="8"/>
      <c r="TKF27" s="8"/>
      <c r="TKG27" s="8"/>
      <c r="TKH27" s="8"/>
      <c r="TKI27" s="8"/>
      <c r="TKJ27" s="8"/>
      <c r="TKK27" s="8"/>
      <c r="TKL27" s="8"/>
      <c r="TKM27" s="8"/>
      <c r="TKN27" s="8"/>
      <c r="TKO27" s="8"/>
      <c r="TKP27" s="8"/>
      <c r="TKQ27" s="8"/>
      <c r="TKR27" s="8"/>
      <c r="TKS27" s="8"/>
      <c r="TKT27" s="8"/>
      <c r="TKU27" s="8"/>
      <c r="TKV27" s="8"/>
      <c r="TKW27" s="8"/>
      <c r="TKX27" s="8"/>
      <c r="TKY27" s="8"/>
      <c r="TKZ27" s="8"/>
      <c r="TLA27" s="8"/>
      <c r="TLB27" s="8"/>
      <c r="TLC27" s="8"/>
      <c r="TLD27" s="8"/>
      <c r="TLE27" s="8"/>
      <c r="TLF27" s="8"/>
      <c r="TLG27" s="8"/>
      <c r="TLH27" s="8"/>
      <c r="TLI27" s="8"/>
      <c r="TLJ27" s="8"/>
      <c r="TLK27" s="8"/>
      <c r="TLL27" s="8"/>
      <c r="TLM27" s="8"/>
      <c r="TLN27" s="8"/>
      <c r="TLO27" s="8"/>
      <c r="TLP27" s="8"/>
      <c r="TLQ27" s="8"/>
      <c r="TLR27" s="8"/>
      <c r="TLS27" s="8"/>
      <c r="TLT27" s="8"/>
      <c r="TLU27" s="8"/>
      <c r="TLV27" s="8"/>
      <c r="TLW27" s="8"/>
      <c r="TLX27" s="8"/>
      <c r="TLY27" s="8"/>
      <c r="TLZ27" s="8"/>
      <c r="TMA27" s="8"/>
      <c r="TMB27" s="8"/>
      <c r="TMC27" s="8"/>
      <c r="TMD27" s="8"/>
      <c r="TME27" s="8"/>
      <c r="TMF27" s="8"/>
      <c r="TMG27" s="8"/>
      <c r="TMH27" s="8"/>
      <c r="TMI27" s="8"/>
      <c r="TMJ27" s="8"/>
      <c r="TMK27" s="8"/>
      <c r="TML27" s="8"/>
      <c r="TMM27" s="8"/>
      <c r="TMN27" s="8"/>
      <c r="TMO27" s="8"/>
      <c r="TMP27" s="8"/>
      <c r="TMQ27" s="8"/>
      <c r="TMR27" s="8"/>
      <c r="TMS27" s="8"/>
      <c r="TMT27" s="8"/>
      <c r="TMU27" s="8"/>
      <c r="TMV27" s="8"/>
      <c r="TMW27" s="8"/>
      <c r="TMX27" s="8"/>
      <c r="TMY27" s="8"/>
      <c r="TMZ27" s="8"/>
      <c r="TNA27" s="8"/>
      <c r="TNB27" s="8"/>
      <c r="TNC27" s="8"/>
      <c r="TND27" s="8"/>
      <c r="TNE27" s="8"/>
      <c r="TNF27" s="8"/>
      <c r="TNG27" s="8"/>
      <c r="TNH27" s="8"/>
      <c r="TNI27" s="8"/>
      <c r="TNJ27" s="8"/>
      <c r="TNK27" s="8"/>
      <c r="TNL27" s="8"/>
      <c r="TNM27" s="8"/>
      <c r="TNN27" s="8"/>
      <c r="TNO27" s="8"/>
      <c r="TNP27" s="8"/>
      <c r="TNQ27" s="8"/>
      <c r="TNR27" s="8"/>
      <c r="TNS27" s="8"/>
      <c r="TNT27" s="8"/>
      <c r="TNU27" s="8"/>
      <c r="TNV27" s="8"/>
      <c r="TNW27" s="8"/>
      <c r="TNX27" s="8"/>
      <c r="TNY27" s="8"/>
      <c r="TNZ27" s="8"/>
      <c r="TOA27" s="8"/>
      <c r="TOB27" s="8"/>
      <c r="TOC27" s="8"/>
      <c r="TOD27" s="8"/>
      <c r="TOE27" s="8"/>
      <c r="TOF27" s="8"/>
      <c r="TOG27" s="8"/>
      <c r="TOH27" s="8"/>
      <c r="TOI27" s="8"/>
      <c r="TOJ27" s="8"/>
      <c r="TOK27" s="8"/>
      <c r="TOL27" s="8"/>
      <c r="TOM27" s="8"/>
      <c r="TON27" s="8"/>
      <c r="TOO27" s="8"/>
      <c r="TOP27" s="8"/>
      <c r="TOQ27" s="8"/>
      <c r="TOR27" s="8"/>
      <c r="TOS27" s="8"/>
      <c r="TOT27" s="8"/>
      <c r="TOU27" s="8"/>
      <c r="TOV27" s="8"/>
      <c r="TOW27" s="8"/>
      <c r="TOX27" s="8"/>
      <c r="TOY27" s="8"/>
      <c r="TOZ27" s="8"/>
      <c r="TPA27" s="8"/>
      <c r="TPB27" s="8"/>
      <c r="TPC27" s="8"/>
      <c r="TPD27" s="8"/>
      <c r="TPE27" s="8"/>
      <c r="TPF27" s="8"/>
      <c r="TPG27" s="8"/>
      <c r="TPH27" s="8"/>
      <c r="TPI27" s="8"/>
      <c r="TPJ27" s="8"/>
      <c r="TPK27" s="8"/>
      <c r="TPL27" s="8"/>
      <c r="TPM27" s="8"/>
      <c r="TPN27" s="8"/>
      <c r="TPO27" s="8"/>
      <c r="TPP27" s="8"/>
      <c r="TPQ27" s="8"/>
      <c r="TPR27" s="8"/>
      <c r="TPS27" s="8"/>
      <c r="TPT27" s="8"/>
      <c r="TPU27" s="8"/>
      <c r="TPV27" s="8"/>
      <c r="TPW27" s="8"/>
      <c r="TPX27" s="8"/>
      <c r="TPY27" s="8"/>
      <c r="TPZ27" s="8"/>
      <c r="TQA27" s="8"/>
      <c r="TQB27" s="8"/>
      <c r="TQC27" s="8"/>
      <c r="TQD27" s="8"/>
      <c r="TQE27" s="8"/>
      <c r="TQF27" s="8"/>
      <c r="TQG27" s="8"/>
      <c r="TQH27" s="8"/>
      <c r="TQI27" s="8"/>
      <c r="TQJ27" s="8"/>
      <c r="TQK27" s="8"/>
      <c r="TQL27" s="8"/>
      <c r="TQM27" s="8"/>
      <c r="TQN27" s="8"/>
      <c r="TQO27" s="8"/>
      <c r="TQP27" s="8"/>
      <c r="TQQ27" s="8"/>
      <c r="TQR27" s="8"/>
      <c r="TQS27" s="8"/>
      <c r="TQT27" s="8"/>
      <c r="TQU27" s="8"/>
      <c r="TQV27" s="8"/>
      <c r="TQW27" s="8"/>
      <c r="TQX27" s="8"/>
      <c r="TQY27" s="8"/>
      <c r="TQZ27" s="8"/>
      <c r="TRA27" s="8"/>
      <c r="TRB27" s="8"/>
      <c r="TRC27" s="8"/>
      <c r="TRD27" s="8"/>
      <c r="TRE27" s="8"/>
      <c r="TRF27" s="8"/>
      <c r="TRG27" s="8"/>
      <c r="TRH27" s="8"/>
      <c r="TRI27" s="8"/>
      <c r="TRJ27" s="8"/>
      <c r="TRK27" s="8"/>
      <c r="TRL27" s="8"/>
      <c r="TRM27" s="8"/>
      <c r="TRN27" s="8"/>
      <c r="TRO27" s="8"/>
      <c r="TRP27" s="8"/>
      <c r="TRQ27" s="8"/>
      <c r="TRR27" s="8"/>
      <c r="TRS27" s="8"/>
      <c r="TRT27" s="8"/>
      <c r="TRU27" s="8"/>
      <c r="TRV27" s="8"/>
      <c r="TRW27" s="8"/>
      <c r="TRX27" s="8"/>
      <c r="TRY27" s="8"/>
      <c r="TRZ27" s="8"/>
      <c r="TSA27" s="8"/>
      <c r="TSB27" s="8"/>
      <c r="TSC27" s="8"/>
      <c r="TSD27" s="8"/>
      <c r="TSE27" s="8"/>
      <c r="TSF27" s="8"/>
      <c r="TSG27" s="8"/>
      <c r="TSH27" s="8"/>
      <c r="TSI27" s="8"/>
      <c r="TSJ27" s="8"/>
      <c r="TSK27" s="8"/>
      <c r="TSL27" s="8"/>
      <c r="TSM27" s="8"/>
      <c r="TSN27" s="8"/>
      <c r="TSO27" s="8"/>
      <c r="TSP27" s="8"/>
      <c r="TSQ27" s="8"/>
      <c r="TSR27" s="8"/>
      <c r="TSS27" s="8"/>
      <c r="TST27" s="8"/>
      <c r="TSU27" s="8"/>
      <c r="TSV27" s="8"/>
      <c r="TSW27" s="8"/>
      <c r="TSX27" s="8"/>
      <c r="TSY27" s="8"/>
      <c r="TSZ27" s="8"/>
      <c r="TTA27" s="8"/>
      <c r="TTB27" s="8"/>
      <c r="TTC27" s="8"/>
      <c r="TTD27" s="8"/>
      <c r="TTE27" s="8"/>
      <c r="TTF27" s="8"/>
      <c r="TTG27" s="8"/>
      <c r="TTH27" s="8"/>
      <c r="TTI27" s="8"/>
      <c r="TTJ27" s="8"/>
      <c r="TTK27" s="8"/>
      <c r="TTL27" s="8"/>
      <c r="TTM27" s="8"/>
      <c r="TTN27" s="8"/>
      <c r="TTO27" s="8"/>
      <c r="TTP27" s="8"/>
      <c r="TTQ27" s="8"/>
      <c r="TTR27" s="8"/>
      <c r="TTS27" s="8"/>
      <c r="TTT27" s="8"/>
      <c r="TTU27" s="8"/>
      <c r="TTV27" s="8"/>
      <c r="TTW27" s="8"/>
      <c r="TTX27" s="8"/>
      <c r="TTY27" s="8"/>
      <c r="TTZ27" s="8"/>
      <c r="TUA27" s="8"/>
      <c r="TUB27" s="8"/>
      <c r="TUC27" s="8"/>
      <c r="TUD27" s="8"/>
      <c r="TUE27" s="8"/>
      <c r="TUF27" s="8"/>
      <c r="TUG27" s="8"/>
      <c r="TUH27" s="8"/>
      <c r="TUI27" s="8"/>
      <c r="TUJ27" s="8"/>
      <c r="TUK27" s="8"/>
      <c r="TUL27" s="8"/>
      <c r="TUM27" s="8"/>
      <c r="TUN27" s="8"/>
      <c r="TUO27" s="8"/>
      <c r="TUP27" s="8"/>
      <c r="TUQ27" s="8"/>
      <c r="TUR27" s="8"/>
      <c r="TUS27" s="8"/>
      <c r="TUT27" s="8"/>
      <c r="TUU27" s="8"/>
      <c r="TUV27" s="8"/>
      <c r="TUW27" s="8"/>
      <c r="TUX27" s="8"/>
      <c r="TUY27" s="8"/>
      <c r="TUZ27" s="8"/>
      <c r="TVA27" s="8"/>
      <c r="TVB27" s="8"/>
      <c r="TVC27" s="8"/>
      <c r="TVD27" s="8"/>
      <c r="TVE27" s="8"/>
      <c r="TVF27" s="8"/>
      <c r="TVG27" s="8"/>
      <c r="TVH27" s="8"/>
      <c r="TVI27" s="8"/>
      <c r="TVJ27" s="8"/>
      <c r="TVK27" s="8"/>
      <c r="TVL27" s="8"/>
      <c r="TVM27" s="8"/>
      <c r="TVN27" s="8"/>
      <c r="TVO27" s="8"/>
      <c r="TVP27" s="8"/>
      <c r="TVQ27" s="8"/>
      <c r="TVR27" s="8"/>
      <c r="TVS27" s="8"/>
      <c r="TVT27" s="8"/>
      <c r="TVU27" s="8"/>
      <c r="TVV27" s="8"/>
      <c r="TVW27" s="8"/>
      <c r="TVX27" s="8"/>
      <c r="TVY27" s="8"/>
      <c r="TVZ27" s="8"/>
      <c r="TWA27" s="8"/>
      <c r="TWB27" s="8"/>
      <c r="TWC27" s="8"/>
      <c r="TWD27" s="8"/>
      <c r="TWE27" s="8"/>
      <c r="TWF27" s="8"/>
      <c r="TWG27" s="8"/>
      <c r="TWH27" s="8"/>
      <c r="TWI27" s="8"/>
      <c r="TWJ27" s="8"/>
      <c r="TWK27" s="8"/>
      <c r="TWL27" s="8"/>
      <c r="TWM27" s="8"/>
      <c r="TWN27" s="8"/>
      <c r="TWO27" s="8"/>
      <c r="TWP27" s="8"/>
      <c r="TWQ27" s="8"/>
      <c r="TWR27" s="8"/>
      <c r="TWS27" s="8"/>
      <c r="TWT27" s="8"/>
      <c r="TWU27" s="8"/>
      <c r="TWV27" s="8"/>
      <c r="TWW27" s="8"/>
      <c r="TWX27" s="8"/>
      <c r="TWY27" s="8"/>
      <c r="TWZ27" s="8"/>
      <c r="TXA27" s="8"/>
      <c r="TXB27" s="8"/>
      <c r="TXC27" s="8"/>
      <c r="TXD27" s="8"/>
      <c r="TXE27" s="8"/>
      <c r="TXF27" s="8"/>
      <c r="TXG27" s="8"/>
      <c r="TXH27" s="8"/>
      <c r="TXI27" s="8"/>
      <c r="TXJ27" s="8"/>
      <c r="TXK27" s="8"/>
      <c r="TXL27" s="8"/>
      <c r="TXM27" s="8"/>
      <c r="TXN27" s="8"/>
      <c r="TXO27" s="8"/>
      <c r="TXP27" s="8"/>
      <c r="TXQ27" s="8"/>
      <c r="TXR27" s="8"/>
      <c r="TXS27" s="8"/>
      <c r="TXT27" s="8"/>
      <c r="TXU27" s="8"/>
      <c r="TXV27" s="8"/>
      <c r="TXW27" s="8"/>
      <c r="TXX27" s="8"/>
      <c r="TXY27" s="8"/>
      <c r="TXZ27" s="8"/>
      <c r="TYA27" s="8"/>
      <c r="TYB27" s="8"/>
      <c r="TYC27" s="8"/>
      <c r="TYD27" s="8"/>
      <c r="TYE27" s="8"/>
      <c r="TYF27" s="8"/>
      <c r="TYG27" s="8"/>
      <c r="TYH27" s="8"/>
      <c r="TYI27" s="8"/>
      <c r="TYJ27" s="8"/>
      <c r="TYK27" s="8"/>
      <c r="TYL27" s="8"/>
      <c r="TYM27" s="8"/>
      <c r="TYN27" s="8"/>
      <c r="TYO27" s="8"/>
      <c r="TYP27" s="8"/>
      <c r="TYQ27" s="8"/>
      <c r="TYR27" s="8"/>
      <c r="TYS27" s="8"/>
      <c r="TYT27" s="8"/>
      <c r="TYU27" s="8"/>
      <c r="TYV27" s="8"/>
      <c r="TYW27" s="8"/>
      <c r="TYX27" s="8"/>
      <c r="TYY27" s="8"/>
      <c r="TYZ27" s="8"/>
      <c r="TZA27" s="8"/>
      <c r="TZB27" s="8"/>
      <c r="TZC27" s="8"/>
      <c r="TZD27" s="8"/>
      <c r="TZE27" s="8"/>
      <c r="TZF27" s="8"/>
      <c r="TZG27" s="8"/>
      <c r="TZH27" s="8"/>
      <c r="TZI27" s="8"/>
      <c r="TZJ27" s="8"/>
      <c r="TZK27" s="8"/>
      <c r="TZL27" s="8"/>
      <c r="TZM27" s="8"/>
      <c r="TZN27" s="8"/>
      <c r="TZO27" s="8"/>
      <c r="TZP27" s="8"/>
      <c r="TZQ27" s="8"/>
      <c r="TZR27" s="8"/>
      <c r="TZS27" s="8"/>
      <c r="TZT27" s="8"/>
      <c r="TZU27" s="8"/>
      <c r="TZV27" s="8"/>
      <c r="TZW27" s="8"/>
      <c r="TZX27" s="8"/>
      <c r="TZY27" s="8"/>
      <c r="TZZ27" s="8"/>
      <c r="UAA27" s="8"/>
      <c r="UAB27" s="8"/>
      <c r="UAC27" s="8"/>
      <c r="UAD27" s="8"/>
      <c r="UAE27" s="8"/>
      <c r="UAF27" s="8"/>
      <c r="UAG27" s="8"/>
      <c r="UAH27" s="8"/>
      <c r="UAI27" s="8"/>
      <c r="UAJ27" s="8"/>
      <c r="UAK27" s="8"/>
      <c r="UAL27" s="8"/>
      <c r="UAM27" s="8"/>
      <c r="UAN27" s="8"/>
      <c r="UAO27" s="8"/>
      <c r="UAP27" s="8"/>
      <c r="UAQ27" s="8"/>
      <c r="UAR27" s="8"/>
      <c r="UAS27" s="8"/>
      <c r="UAT27" s="8"/>
      <c r="UAU27" s="8"/>
      <c r="UAV27" s="8"/>
      <c r="UAW27" s="8"/>
      <c r="UAX27" s="8"/>
      <c r="UAY27" s="8"/>
      <c r="UAZ27" s="8"/>
      <c r="UBA27" s="8"/>
      <c r="UBB27" s="8"/>
      <c r="UBC27" s="8"/>
      <c r="UBD27" s="8"/>
      <c r="UBE27" s="8"/>
      <c r="UBF27" s="8"/>
      <c r="UBG27" s="8"/>
      <c r="UBH27" s="8"/>
      <c r="UBI27" s="8"/>
      <c r="UBJ27" s="8"/>
      <c r="UBK27" s="8"/>
      <c r="UBL27" s="8"/>
      <c r="UBM27" s="8"/>
      <c r="UBN27" s="8"/>
      <c r="UBO27" s="8"/>
      <c r="UBP27" s="8"/>
      <c r="UBQ27" s="8"/>
      <c r="UBR27" s="8"/>
      <c r="UBS27" s="8"/>
      <c r="UBT27" s="8"/>
      <c r="UBU27" s="8"/>
      <c r="UBV27" s="8"/>
      <c r="UBW27" s="8"/>
      <c r="UBX27" s="8"/>
      <c r="UBY27" s="8"/>
      <c r="UBZ27" s="8"/>
      <c r="UCA27" s="8"/>
      <c r="UCB27" s="8"/>
      <c r="UCC27" s="8"/>
      <c r="UCD27" s="8"/>
      <c r="UCE27" s="8"/>
      <c r="UCF27" s="8"/>
      <c r="UCG27" s="8"/>
      <c r="UCH27" s="8"/>
      <c r="UCI27" s="8"/>
      <c r="UCJ27" s="8"/>
      <c r="UCK27" s="8"/>
      <c r="UCL27" s="8"/>
      <c r="UCM27" s="8"/>
      <c r="UCN27" s="8"/>
      <c r="UCO27" s="8"/>
      <c r="UCP27" s="8"/>
      <c r="UCQ27" s="8"/>
      <c r="UCR27" s="8"/>
      <c r="UCS27" s="8"/>
      <c r="UCT27" s="8"/>
      <c r="UCU27" s="8"/>
      <c r="UCV27" s="8"/>
      <c r="UCW27" s="8"/>
      <c r="UCX27" s="8"/>
      <c r="UCY27" s="8"/>
      <c r="UCZ27" s="8"/>
      <c r="UDA27" s="8"/>
      <c r="UDB27" s="8"/>
      <c r="UDC27" s="8"/>
      <c r="UDD27" s="8"/>
      <c r="UDE27" s="8"/>
      <c r="UDF27" s="8"/>
      <c r="UDG27" s="8"/>
      <c r="UDH27" s="8"/>
      <c r="UDI27" s="8"/>
      <c r="UDJ27" s="8"/>
      <c r="UDK27" s="8"/>
      <c r="UDL27" s="8"/>
      <c r="UDM27" s="8"/>
      <c r="UDN27" s="8"/>
      <c r="UDO27" s="8"/>
      <c r="UDP27" s="8"/>
      <c r="UDQ27" s="8"/>
      <c r="UDR27" s="8"/>
      <c r="UDS27" s="8"/>
      <c r="UDT27" s="8"/>
      <c r="UDU27" s="8"/>
      <c r="UDV27" s="8"/>
      <c r="UDW27" s="8"/>
      <c r="UDX27" s="8"/>
      <c r="UDY27" s="8"/>
      <c r="UDZ27" s="8"/>
      <c r="UEA27" s="8"/>
      <c r="UEB27" s="8"/>
      <c r="UEC27" s="8"/>
      <c r="UED27" s="8"/>
      <c r="UEE27" s="8"/>
      <c r="UEF27" s="8"/>
      <c r="UEG27" s="8"/>
      <c r="UEH27" s="8"/>
      <c r="UEI27" s="8"/>
      <c r="UEJ27" s="8"/>
      <c r="UEK27" s="8"/>
      <c r="UEL27" s="8"/>
      <c r="UEM27" s="8"/>
      <c r="UEN27" s="8"/>
      <c r="UEO27" s="8"/>
      <c r="UEP27" s="8"/>
      <c r="UEQ27" s="8"/>
      <c r="UER27" s="8"/>
      <c r="UES27" s="8"/>
      <c r="UET27" s="8"/>
      <c r="UEU27" s="8"/>
      <c r="UEV27" s="8"/>
      <c r="UEW27" s="8"/>
      <c r="UEX27" s="8"/>
      <c r="UEY27" s="8"/>
      <c r="UEZ27" s="8"/>
      <c r="UFA27" s="8"/>
      <c r="UFB27" s="8"/>
      <c r="UFC27" s="8"/>
      <c r="UFD27" s="8"/>
      <c r="UFE27" s="8"/>
      <c r="UFF27" s="8"/>
      <c r="UFG27" s="8"/>
      <c r="UFH27" s="8"/>
      <c r="UFI27" s="8"/>
      <c r="UFJ27" s="8"/>
      <c r="UFK27" s="8"/>
      <c r="UFL27" s="8"/>
      <c r="UFM27" s="8"/>
      <c r="UFN27" s="8"/>
      <c r="UFO27" s="8"/>
      <c r="UFP27" s="8"/>
      <c r="UFQ27" s="8"/>
      <c r="UFR27" s="8"/>
      <c r="UFS27" s="8"/>
      <c r="UFT27" s="8"/>
      <c r="UFU27" s="8"/>
      <c r="UFV27" s="8"/>
      <c r="UFW27" s="8"/>
      <c r="UFX27" s="8"/>
      <c r="UFY27" s="8"/>
      <c r="UFZ27" s="8"/>
      <c r="UGA27" s="8"/>
      <c r="UGB27" s="8"/>
      <c r="UGC27" s="8"/>
      <c r="UGD27" s="8"/>
      <c r="UGE27" s="8"/>
      <c r="UGF27" s="8"/>
      <c r="UGG27" s="8"/>
      <c r="UGH27" s="8"/>
      <c r="UGI27" s="8"/>
      <c r="UGJ27" s="8"/>
      <c r="UGK27" s="8"/>
      <c r="UGL27" s="8"/>
      <c r="UGM27" s="8"/>
      <c r="UGN27" s="8"/>
      <c r="UGO27" s="8"/>
      <c r="UGP27" s="8"/>
      <c r="UGQ27" s="8"/>
      <c r="UGR27" s="8"/>
      <c r="UGS27" s="8"/>
      <c r="UGT27" s="8"/>
      <c r="UGU27" s="8"/>
      <c r="UGV27" s="8"/>
      <c r="UGW27" s="8"/>
      <c r="UGX27" s="8"/>
      <c r="UGY27" s="8"/>
      <c r="UGZ27" s="8"/>
      <c r="UHA27" s="8"/>
      <c r="UHB27" s="8"/>
      <c r="UHC27" s="8"/>
      <c r="UHD27" s="8"/>
      <c r="UHE27" s="8"/>
      <c r="UHF27" s="8"/>
      <c r="UHG27" s="8"/>
      <c r="UHH27" s="8"/>
      <c r="UHI27" s="8"/>
      <c r="UHJ27" s="8"/>
      <c r="UHK27" s="8"/>
      <c r="UHL27" s="8"/>
      <c r="UHM27" s="8"/>
      <c r="UHN27" s="8"/>
      <c r="UHO27" s="8"/>
      <c r="UHP27" s="8"/>
      <c r="UHQ27" s="8"/>
      <c r="UHR27" s="8"/>
      <c r="UHS27" s="8"/>
      <c r="UHT27" s="8"/>
      <c r="UHU27" s="8"/>
      <c r="UHV27" s="8"/>
      <c r="UHW27" s="8"/>
      <c r="UHX27" s="8"/>
      <c r="UHY27" s="8"/>
      <c r="UHZ27" s="8"/>
      <c r="UIA27" s="8"/>
      <c r="UIB27" s="8"/>
      <c r="UIC27" s="8"/>
      <c r="UID27" s="8"/>
      <c r="UIE27" s="8"/>
      <c r="UIF27" s="8"/>
      <c r="UIG27" s="8"/>
      <c r="UIH27" s="8"/>
      <c r="UII27" s="8"/>
      <c r="UIJ27" s="8"/>
      <c r="UIK27" s="8"/>
      <c r="UIL27" s="8"/>
      <c r="UIM27" s="8"/>
      <c r="UIN27" s="8"/>
      <c r="UIO27" s="8"/>
      <c r="UIP27" s="8"/>
      <c r="UIQ27" s="8"/>
      <c r="UIR27" s="8"/>
      <c r="UIS27" s="8"/>
      <c r="UIT27" s="8"/>
      <c r="UIU27" s="8"/>
      <c r="UIV27" s="8"/>
      <c r="UIW27" s="8"/>
      <c r="UIX27" s="8"/>
      <c r="UIY27" s="8"/>
      <c r="UIZ27" s="8"/>
      <c r="UJA27" s="8"/>
      <c r="UJB27" s="8"/>
      <c r="UJC27" s="8"/>
      <c r="UJD27" s="8"/>
      <c r="UJE27" s="8"/>
      <c r="UJF27" s="8"/>
      <c r="UJG27" s="8"/>
      <c r="UJH27" s="8"/>
      <c r="UJI27" s="8"/>
      <c r="UJJ27" s="8"/>
      <c r="UJK27" s="8"/>
      <c r="UJL27" s="8"/>
      <c r="UJM27" s="8"/>
      <c r="UJN27" s="8"/>
      <c r="UJO27" s="8"/>
      <c r="UJP27" s="8"/>
      <c r="UJQ27" s="8"/>
      <c r="UJR27" s="8"/>
      <c r="UJS27" s="8"/>
      <c r="UJT27" s="8"/>
      <c r="UJU27" s="8"/>
      <c r="UJV27" s="8"/>
      <c r="UJW27" s="8"/>
      <c r="UJX27" s="8"/>
      <c r="UJY27" s="8"/>
      <c r="UJZ27" s="8"/>
      <c r="UKA27" s="8"/>
      <c r="UKB27" s="8"/>
      <c r="UKC27" s="8"/>
      <c r="UKD27" s="8"/>
      <c r="UKE27" s="8"/>
      <c r="UKF27" s="8"/>
      <c r="UKG27" s="8"/>
      <c r="UKH27" s="8"/>
      <c r="UKI27" s="8"/>
      <c r="UKJ27" s="8"/>
      <c r="UKK27" s="8"/>
      <c r="UKL27" s="8"/>
      <c r="UKM27" s="8"/>
      <c r="UKN27" s="8"/>
      <c r="UKO27" s="8"/>
      <c r="UKP27" s="8"/>
      <c r="UKQ27" s="8"/>
      <c r="UKR27" s="8"/>
      <c r="UKS27" s="8"/>
      <c r="UKT27" s="8"/>
      <c r="UKU27" s="8"/>
      <c r="UKV27" s="8"/>
      <c r="UKW27" s="8"/>
      <c r="UKX27" s="8"/>
      <c r="UKY27" s="8"/>
      <c r="UKZ27" s="8"/>
      <c r="ULA27" s="8"/>
      <c r="ULB27" s="8"/>
      <c r="ULC27" s="8"/>
      <c r="ULD27" s="8"/>
      <c r="ULE27" s="8"/>
      <c r="ULF27" s="8"/>
      <c r="ULG27" s="8"/>
      <c r="ULH27" s="8"/>
      <c r="ULI27" s="8"/>
      <c r="ULJ27" s="8"/>
      <c r="ULK27" s="8"/>
      <c r="ULL27" s="8"/>
      <c r="ULM27" s="8"/>
      <c r="ULN27" s="8"/>
      <c r="ULO27" s="8"/>
      <c r="ULP27" s="8"/>
      <c r="ULQ27" s="8"/>
      <c r="ULR27" s="8"/>
      <c r="ULS27" s="8"/>
      <c r="ULT27" s="8"/>
      <c r="ULU27" s="8"/>
      <c r="ULV27" s="8"/>
      <c r="ULW27" s="8"/>
      <c r="ULX27" s="8"/>
      <c r="ULY27" s="8"/>
      <c r="ULZ27" s="8"/>
      <c r="UMA27" s="8"/>
      <c r="UMB27" s="8"/>
      <c r="UMC27" s="8"/>
      <c r="UMD27" s="8"/>
      <c r="UME27" s="8"/>
      <c r="UMF27" s="8"/>
      <c r="UMG27" s="8"/>
      <c r="UMH27" s="8"/>
      <c r="UMI27" s="8"/>
      <c r="UMJ27" s="8"/>
      <c r="UMK27" s="8"/>
      <c r="UML27" s="8"/>
      <c r="UMM27" s="8"/>
      <c r="UMN27" s="8"/>
      <c r="UMO27" s="8"/>
      <c r="UMP27" s="8"/>
      <c r="UMQ27" s="8"/>
      <c r="UMR27" s="8"/>
      <c r="UMS27" s="8"/>
      <c r="UMT27" s="8"/>
      <c r="UMU27" s="8"/>
      <c r="UMV27" s="8"/>
      <c r="UMW27" s="8"/>
      <c r="UMX27" s="8"/>
      <c r="UMY27" s="8"/>
      <c r="UMZ27" s="8"/>
      <c r="UNA27" s="8"/>
      <c r="UNB27" s="8"/>
      <c r="UNC27" s="8"/>
      <c r="UND27" s="8"/>
      <c r="UNE27" s="8"/>
      <c r="UNF27" s="8"/>
      <c r="UNG27" s="8"/>
      <c r="UNH27" s="8"/>
      <c r="UNI27" s="8"/>
      <c r="UNJ27" s="8"/>
      <c r="UNK27" s="8"/>
      <c r="UNL27" s="8"/>
      <c r="UNM27" s="8"/>
      <c r="UNN27" s="8"/>
      <c r="UNO27" s="8"/>
      <c r="UNP27" s="8"/>
      <c r="UNQ27" s="8"/>
      <c r="UNR27" s="8"/>
      <c r="UNS27" s="8"/>
      <c r="UNT27" s="8"/>
      <c r="UNU27" s="8"/>
      <c r="UNV27" s="8"/>
      <c r="UNW27" s="8"/>
      <c r="UNX27" s="8"/>
      <c r="UNY27" s="8"/>
      <c r="UNZ27" s="8"/>
      <c r="UOA27" s="8"/>
      <c r="UOB27" s="8"/>
      <c r="UOC27" s="8"/>
      <c r="UOD27" s="8"/>
      <c r="UOE27" s="8"/>
      <c r="UOF27" s="8"/>
      <c r="UOG27" s="8"/>
      <c r="UOH27" s="8"/>
      <c r="UOI27" s="8"/>
      <c r="UOJ27" s="8"/>
      <c r="UOK27" s="8"/>
      <c r="UOL27" s="8"/>
      <c r="UOM27" s="8"/>
      <c r="UON27" s="8"/>
      <c r="UOO27" s="8"/>
      <c r="UOP27" s="8"/>
      <c r="UOQ27" s="8"/>
      <c r="UOR27" s="8"/>
      <c r="UOS27" s="8"/>
      <c r="UOT27" s="8"/>
      <c r="UOU27" s="8"/>
      <c r="UOV27" s="8"/>
      <c r="UOW27" s="8"/>
      <c r="UOX27" s="8"/>
      <c r="UOY27" s="8"/>
      <c r="UOZ27" s="8"/>
      <c r="UPA27" s="8"/>
      <c r="UPB27" s="8"/>
      <c r="UPC27" s="8"/>
      <c r="UPD27" s="8"/>
      <c r="UPE27" s="8"/>
      <c r="UPF27" s="8"/>
      <c r="UPG27" s="8"/>
      <c r="UPH27" s="8"/>
      <c r="UPI27" s="8"/>
      <c r="UPJ27" s="8"/>
      <c r="UPK27" s="8"/>
      <c r="UPL27" s="8"/>
      <c r="UPM27" s="8"/>
      <c r="UPN27" s="8"/>
      <c r="UPO27" s="8"/>
      <c r="UPP27" s="8"/>
      <c r="UPQ27" s="8"/>
      <c r="UPR27" s="8"/>
      <c r="UPS27" s="8"/>
      <c r="UPT27" s="8"/>
      <c r="UPU27" s="8"/>
      <c r="UPV27" s="8"/>
      <c r="UPW27" s="8"/>
      <c r="UPX27" s="8"/>
      <c r="UPY27" s="8"/>
      <c r="UPZ27" s="8"/>
      <c r="UQA27" s="8"/>
      <c r="UQB27" s="8"/>
      <c r="UQC27" s="8"/>
      <c r="UQD27" s="8"/>
      <c r="UQE27" s="8"/>
      <c r="UQF27" s="8"/>
      <c r="UQG27" s="8"/>
      <c r="UQH27" s="8"/>
      <c r="UQI27" s="8"/>
      <c r="UQJ27" s="8"/>
      <c r="UQK27" s="8"/>
      <c r="UQL27" s="8"/>
      <c r="UQM27" s="8"/>
      <c r="UQN27" s="8"/>
      <c r="UQO27" s="8"/>
      <c r="UQP27" s="8"/>
      <c r="UQQ27" s="8"/>
      <c r="UQR27" s="8"/>
      <c r="UQS27" s="8"/>
      <c r="UQT27" s="8"/>
      <c r="UQU27" s="8"/>
      <c r="UQV27" s="8"/>
      <c r="UQW27" s="8"/>
      <c r="UQX27" s="8"/>
      <c r="UQY27" s="8"/>
      <c r="UQZ27" s="8"/>
      <c r="URA27" s="8"/>
      <c r="URB27" s="8"/>
      <c r="URC27" s="8"/>
      <c r="URD27" s="8"/>
      <c r="URE27" s="8"/>
      <c r="URF27" s="8"/>
      <c r="URG27" s="8"/>
      <c r="URH27" s="8"/>
      <c r="URI27" s="8"/>
      <c r="URJ27" s="8"/>
      <c r="URK27" s="8"/>
      <c r="URL27" s="8"/>
      <c r="URM27" s="8"/>
      <c r="URN27" s="8"/>
      <c r="URO27" s="8"/>
      <c r="URP27" s="8"/>
      <c r="URQ27" s="8"/>
      <c r="URR27" s="8"/>
      <c r="URS27" s="8"/>
      <c r="URT27" s="8"/>
      <c r="URU27" s="8"/>
      <c r="URV27" s="8"/>
      <c r="URW27" s="8"/>
      <c r="URX27" s="8"/>
      <c r="URY27" s="8"/>
      <c r="URZ27" s="8"/>
      <c r="USA27" s="8"/>
      <c r="USB27" s="8"/>
      <c r="USC27" s="8"/>
      <c r="USD27" s="8"/>
      <c r="USE27" s="8"/>
      <c r="USF27" s="8"/>
      <c r="USG27" s="8"/>
      <c r="USH27" s="8"/>
      <c r="USI27" s="8"/>
      <c r="USJ27" s="8"/>
      <c r="USK27" s="8"/>
      <c r="USL27" s="8"/>
      <c r="USM27" s="8"/>
      <c r="USN27" s="8"/>
      <c r="USO27" s="8"/>
      <c r="USP27" s="8"/>
      <c r="USQ27" s="8"/>
      <c r="USR27" s="8"/>
      <c r="USS27" s="8"/>
      <c r="UST27" s="8"/>
      <c r="USU27" s="8"/>
      <c r="USV27" s="8"/>
      <c r="USW27" s="8"/>
      <c r="USX27" s="8"/>
      <c r="USY27" s="8"/>
      <c r="USZ27" s="8"/>
      <c r="UTA27" s="8"/>
      <c r="UTB27" s="8"/>
      <c r="UTC27" s="8"/>
      <c r="UTD27" s="8"/>
      <c r="UTE27" s="8"/>
      <c r="UTF27" s="8"/>
      <c r="UTG27" s="8"/>
      <c r="UTH27" s="8"/>
      <c r="UTI27" s="8"/>
      <c r="UTJ27" s="8"/>
      <c r="UTK27" s="8"/>
      <c r="UTL27" s="8"/>
      <c r="UTM27" s="8"/>
      <c r="UTN27" s="8"/>
      <c r="UTO27" s="8"/>
      <c r="UTP27" s="8"/>
      <c r="UTQ27" s="8"/>
      <c r="UTR27" s="8"/>
      <c r="UTS27" s="8"/>
      <c r="UTT27" s="8"/>
      <c r="UTU27" s="8"/>
      <c r="UTV27" s="8"/>
      <c r="UTW27" s="8"/>
      <c r="UTX27" s="8"/>
      <c r="UTY27" s="8"/>
      <c r="UTZ27" s="8"/>
      <c r="UUA27" s="8"/>
      <c r="UUB27" s="8"/>
      <c r="UUC27" s="8"/>
      <c r="UUD27" s="8"/>
      <c r="UUE27" s="8"/>
      <c r="UUF27" s="8"/>
      <c r="UUG27" s="8"/>
      <c r="UUH27" s="8"/>
      <c r="UUI27" s="8"/>
      <c r="UUJ27" s="8"/>
      <c r="UUK27" s="8"/>
      <c r="UUL27" s="8"/>
      <c r="UUM27" s="8"/>
      <c r="UUN27" s="8"/>
      <c r="UUO27" s="8"/>
      <c r="UUP27" s="8"/>
      <c r="UUQ27" s="8"/>
      <c r="UUR27" s="8"/>
      <c r="UUS27" s="8"/>
      <c r="UUT27" s="8"/>
      <c r="UUU27" s="8"/>
      <c r="UUV27" s="8"/>
      <c r="UUW27" s="8"/>
      <c r="UUX27" s="8"/>
      <c r="UUY27" s="8"/>
      <c r="UUZ27" s="8"/>
      <c r="UVA27" s="8"/>
      <c r="UVB27" s="8"/>
      <c r="UVC27" s="8"/>
      <c r="UVD27" s="8"/>
      <c r="UVE27" s="8"/>
      <c r="UVF27" s="8"/>
      <c r="UVG27" s="8"/>
      <c r="UVH27" s="8"/>
      <c r="UVI27" s="8"/>
      <c r="UVJ27" s="8"/>
      <c r="UVK27" s="8"/>
      <c r="UVL27" s="8"/>
      <c r="UVM27" s="8"/>
      <c r="UVN27" s="8"/>
      <c r="UVO27" s="8"/>
      <c r="UVP27" s="8"/>
      <c r="UVQ27" s="8"/>
      <c r="UVR27" s="8"/>
      <c r="UVS27" s="8"/>
      <c r="UVT27" s="8"/>
      <c r="UVU27" s="8"/>
      <c r="UVV27" s="8"/>
      <c r="UVW27" s="8"/>
      <c r="UVX27" s="8"/>
      <c r="UVY27" s="8"/>
      <c r="UVZ27" s="8"/>
      <c r="UWA27" s="8"/>
      <c r="UWB27" s="8"/>
      <c r="UWC27" s="8"/>
      <c r="UWD27" s="8"/>
      <c r="UWE27" s="8"/>
      <c r="UWF27" s="8"/>
      <c r="UWG27" s="8"/>
      <c r="UWH27" s="8"/>
      <c r="UWI27" s="8"/>
      <c r="UWJ27" s="8"/>
      <c r="UWK27" s="8"/>
      <c r="UWL27" s="8"/>
      <c r="UWM27" s="8"/>
      <c r="UWN27" s="8"/>
      <c r="UWO27" s="8"/>
      <c r="UWP27" s="8"/>
      <c r="UWQ27" s="8"/>
      <c r="UWR27" s="8"/>
      <c r="UWS27" s="8"/>
      <c r="UWT27" s="8"/>
      <c r="UWU27" s="8"/>
      <c r="UWV27" s="8"/>
      <c r="UWW27" s="8"/>
      <c r="UWX27" s="8"/>
      <c r="UWY27" s="8"/>
      <c r="UWZ27" s="8"/>
      <c r="UXA27" s="8"/>
      <c r="UXB27" s="8"/>
      <c r="UXC27" s="8"/>
      <c r="UXD27" s="8"/>
      <c r="UXE27" s="8"/>
      <c r="UXF27" s="8"/>
      <c r="UXG27" s="8"/>
      <c r="UXH27" s="8"/>
      <c r="UXI27" s="8"/>
      <c r="UXJ27" s="8"/>
      <c r="UXK27" s="8"/>
      <c r="UXL27" s="8"/>
      <c r="UXM27" s="8"/>
      <c r="UXN27" s="8"/>
      <c r="UXO27" s="8"/>
      <c r="UXP27" s="8"/>
      <c r="UXQ27" s="8"/>
      <c r="UXR27" s="8"/>
      <c r="UXS27" s="8"/>
      <c r="UXT27" s="8"/>
      <c r="UXU27" s="8"/>
      <c r="UXV27" s="8"/>
      <c r="UXW27" s="8"/>
      <c r="UXX27" s="8"/>
      <c r="UXY27" s="8"/>
      <c r="UXZ27" s="8"/>
      <c r="UYA27" s="8"/>
      <c r="UYB27" s="8"/>
      <c r="UYC27" s="8"/>
      <c r="UYD27" s="8"/>
      <c r="UYE27" s="8"/>
      <c r="UYF27" s="8"/>
      <c r="UYG27" s="8"/>
      <c r="UYH27" s="8"/>
      <c r="UYI27" s="8"/>
      <c r="UYJ27" s="8"/>
      <c r="UYK27" s="8"/>
      <c r="UYL27" s="8"/>
      <c r="UYM27" s="8"/>
      <c r="UYN27" s="8"/>
      <c r="UYO27" s="8"/>
      <c r="UYP27" s="8"/>
      <c r="UYQ27" s="8"/>
      <c r="UYR27" s="8"/>
      <c r="UYS27" s="8"/>
      <c r="UYT27" s="8"/>
      <c r="UYU27" s="8"/>
      <c r="UYV27" s="8"/>
      <c r="UYW27" s="8"/>
      <c r="UYX27" s="8"/>
      <c r="UYY27" s="8"/>
      <c r="UYZ27" s="8"/>
      <c r="UZA27" s="8"/>
      <c r="UZB27" s="8"/>
      <c r="UZC27" s="8"/>
      <c r="UZD27" s="8"/>
      <c r="UZE27" s="8"/>
      <c r="UZF27" s="8"/>
      <c r="UZG27" s="8"/>
      <c r="UZH27" s="8"/>
      <c r="UZI27" s="8"/>
      <c r="UZJ27" s="8"/>
      <c r="UZK27" s="8"/>
      <c r="UZL27" s="8"/>
      <c r="UZM27" s="8"/>
      <c r="UZN27" s="8"/>
      <c r="UZO27" s="8"/>
      <c r="UZP27" s="8"/>
      <c r="UZQ27" s="8"/>
      <c r="UZR27" s="8"/>
      <c r="UZS27" s="8"/>
      <c r="UZT27" s="8"/>
      <c r="UZU27" s="8"/>
      <c r="UZV27" s="8"/>
      <c r="UZW27" s="8"/>
      <c r="UZX27" s="8"/>
      <c r="UZY27" s="8"/>
      <c r="UZZ27" s="8"/>
      <c r="VAA27" s="8"/>
      <c r="VAB27" s="8"/>
      <c r="VAC27" s="8"/>
      <c r="VAD27" s="8"/>
      <c r="VAE27" s="8"/>
      <c r="VAF27" s="8"/>
      <c r="VAG27" s="8"/>
      <c r="VAH27" s="8"/>
      <c r="VAI27" s="8"/>
      <c r="VAJ27" s="8"/>
      <c r="VAK27" s="8"/>
      <c r="VAL27" s="8"/>
      <c r="VAM27" s="8"/>
      <c r="VAN27" s="8"/>
      <c r="VAO27" s="8"/>
      <c r="VAP27" s="8"/>
      <c r="VAQ27" s="8"/>
      <c r="VAR27" s="8"/>
      <c r="VAS27" s="8"/>
      <c r="VAT27" s="8"/>
      <c r="VAU27" s="8"/>
      <c r="VAV27" s="8"/>
      <c r="VAW27" s="8"/>
      <c r="VAX27" s="8"/>
      <c r="VAY27" s="8"/>
      <c r="VAZ27" s="8"/>
      <c r="VBA27" s="8"/>
      <c r="VBB27" s="8"/>
      <c r="VBC27" s="8"/>
      <c r="VBD27" s="8"/>
      <c r="VBE27" s="8"/>
      <c r="VBF27" s="8"/>
      <c r="VBG27" s="8"/>
      <c r="VBH27" s="8"/>
      <c r="VBI27" s="8"/>
      <c r="VBJ27" s="8"/>
      <c r="VBK27" s="8"/>
      <c r="VBL27" s="8"/>
      <c r="VBM27" s="8"/>
      <c r="VBN27" s="8"/>
      <c r="VBO27" s="8"/>
      <c r="VBP27" s="8"/>
      <c r="VBQ27" s="8"/>
      <c r="VBR27" s="8"/>
      <c r="VBS27" s="8"/>
      <c r="VBT27" s="8"/>
      <c r="VBU27" s="8"/>
      <c r="VBV27" s="8"/>
      <c r="VBW27" s="8"/>
      <c r="VBX27" s="8"/>
      <c r="VBY27" s="8"/>
      <c r="VBZ27" s="8"/>
      <c r="VCA27" s="8"/>
      <c r="VCB27" s="8"/>
      <c r="VCC27" s="8"/>
      <c r="VCD27" s="8"/>
      <c r="VCE27" s="8"/>
      <c r="VCF27" s="8"/>
      <c r="VCG27" s="8"/>
      <c r="VCH27" s="8"/>
      <c r="VCI27" s="8"/>
      <c r="VCJ27" s="8"/>
      <c r="VCK27" s="8"/>
      <c r="VCL27" s="8"/>
      <c r="VCM27" s="8"/>
      <c r="VCN27" s="8"/>
      <c r="VCO27" s="8"/>
      <c r="VCP27" s="8"/>
      <c r="VCQ27" s="8"/>
      <c r="VCR27" s="8"/>
      <c r="VCS27" s="8"/>
      <c r="VCT27" s="8"/>
      <c r="VCU27" s="8"/>
      <c r="VCV27" s="8"/>
      <c r="VCW27" s="8"/>
      <c r="VCX27" s="8"/>
      <c r="VCY27" s="8"/>
      <c r="VCZ27" s="8"/>
      <c r="VDA27" s="8"/>
      <c r="VDB27" s="8"/>
      <c r="VDC27" s="8"/>
      <c r="VDD27" s="8"/>
      <c r="VDE27" s="8"/>
      <c r="VDF27" s="8"/>
      <c r="VDG27" s="8"/>
      <c r="VDH27" s="8"/>
      <c r="VDI27" s="8"/>
      <c r="VDJ27" s="8"/>
      <c r="VDK27" s="8"/>
      <c r="VDL27" s="8"/>
      <c r="VDM27" s="8"/>
      <c r="VDN27" s="8"/>
      <c r="VDO27" s="8"/>
      <c r="VDP27" s="8"/>
      <c r="VDQ27" s="8"/>
      <c r="VDR27" s="8"/>
      <c r="VDS27" s="8"/>
      <c r="VDT27" s="8"/>
      <c r="VDU27" s="8"/>
      <c r="VDV27" s="8"/>
      <c r="VDW27" s="8"/>
      <c r="VDX27" s="8"/>
      <c r="VDY27" s="8"/>
      <c r="VDZ27" s="8"/>
      <c r="VEA27" s="8"/>
      <c r="VEB27" s="8"/>
      <c r="VEC27" s="8"/>
      <c r="VED27" s="8"/>
      <c r="VEE27" s="8"/>
      <c r="VEF27" s="8"/>
      <c r="VEG27" s="8"/>
      <c r="VEH27" s="8"/>
      <c r="VEI27" s="8"/>
      <c r="VEJ27" s="8"/>
      <c r="VEK27" s="8"/>
      <c r="VEL27" s="8"/>
      <c r="VEM27" s="8"/>
      <c r="VEN27" s="8"/>
      <c r="VEO27" s="8"/>
      <c r="VEP27" s="8"/>
      <c r="VEQ27" s="8"/>
      <c r="VER27" s="8"/>
      <c r="VES27" s="8"/>
      <c r="VET27" s="8"/>
      <c r="VEU27" s="8"/>
      <c r="VEV27" s="8"/>
      <c r="VEW27" s="8"/>
      <c r="VEX27" s="8"/>
      <c r="VEY27" s="8"/>
      <c r="VEZ27" s="8"/>
      <c r="VFA27" s="8"/>
      <c r="VFB27" s="8"/>
      <c r="VFC27" s="8"/>
      <c r="VFD27" s="8"/>
      <c r="VFE27" s="8"/>
      <c r="VFF27" s="8"/>
      <c r="VFG27" s="8"/>
      <c r="VFH27" s="8"/>
      <c r="VFI27" s="8"/>
      <c r="VFJ27" s="8"/>
      <c r="VFK27" s="8"/>
      <c r="VFL27" s="8"/>
      <c r="VFM27" s="8"/>
      <c r="VFN27" s="8"/>
      <c r="VFO27" s="8"/>
      <c r="VFP27" s="8"/>
      <c r="VFQ27" s="8"/>
      <c r="VFR27" s="8"/>
      <c r="VFS27" s="8"/>
      <c r="VFT27" s="8"/>
      <c r="VFU27" s="8"/>
      <c r="VFV27" s="8"/>
      <c r="VFW27" s="8"/>
      <c r="VFX27" s="8"/>
      <c r="VFY27" s="8"/>
      <c r="VFZ27" s="8"/>
      <c r="VGA27" s="8"/>
      <c r="VGB27" s="8"/>
      <c r="VGC27" s="8"/>
      <c r="VGD27" s="8"/>
      <c r="VGE27" s="8"/>
      <c r="VGF27" s="8"/>
      <c r="VGG27" s="8"/>
      <c r="VGH27" s="8"/>
      <c r="VGI27" s="8"/>
      <c r="VGJ27" s="8"/>
      <c r="VGK27" s="8"/>
      <c r="VGL27" s="8"/>
      <c r="VGM27" s="8"/>
      <c r="VGN27" s="8"/>
      <c r="VGO27" s="8"/>
      <c r="VGP27" s="8"/>
      <c r="VGQ27" s="8"/>
      <c r="VGR27" s="8"/>
      <c r="VGS27" s="8"/>
      <c r="VGT27" s="8"/>
      <c r="VGU27" s="8"/>
      <c r="VGV27" s="8"/>
      <c r="VGW27" s="8"/>
      <c r="VGX27" s="8"/>
      <c r="VGY27" s="8"/>
      <c r="VGZ27" s="8"/>
      <c r="VHA27" s="8"/>
      <c r="VHB27" s="8"/>
      <c r="VHC27" s="8"/>
      <c r="VHD27" s="8"/>
      <c r="VHE27" s="8"/>
      <c r="VHF27" s="8"/>
      <c r="VHG27" s="8"/>
      <c r="VHH27" s="8"/>
      <c r="VHI27" s="8"/>
      <c r="VHJ27" s="8"/>
      <c r="VHK27" s="8"/>
      <c r="VHL27" s="8"/>
      <c r="VHM27" s="8"/>
      <c r="VHN27" s="8"/>
      <c r="VHO27" s="8"/>
      <c r="VHP27" s="8"/>
      <c r="VHQ27" s="8"/>
      <c r="VHR27" s="8"/>
      <c r="VHS27" s="8"/>
      <c r="VHT27" s="8"/>
      <c r="VHU27" s="8"/>
      <c r="VHV27" s="8"/>
      <c r="VHW27" s="8"/>
      <c r="VHX27" s="8"/>
      <c r="VHY27" s="8"/>
      <c r="VHZ27" s="8"/>
      <c r="VIA27" s="8"/>
      <c r="VIB27" s="8"/>
      <c r="VIC27" s="8"/>
      <c r="VID27" s="8"/>
      <c r="VIE27" s="8"/>
      <c r="VIF27" s="8"/>
      <c r="VIG27" s="8"/>
      <c r="VIH27" s="8"/>
      <c r="VII27" s="8"/>
      <c r="VIJ27" s="8"/>
      <c r="VIK27" s="8"/>
      <c r="VIL27" s="8"/>
      <c r="VIM27" s="8"/>
      <c r="VIN27" s="8"/>
      <c r="VIO27" s="8"/>
      <c r="VIP27" s="8"/>
      <c r="VIQ27" s="8"/>
      <c r="VIR27" s="8"/>
      <c r="VIS27" s="8"/>
      <c r="VIT27" s="8"/>
      <c r="VIU27" s="8"/>
      <c r="VIV27" s="8"/>
      <c r="VIW27" s="8"/>
      <c r="VIX27" s="8"/>
      <c r="VIY27" s="8"/>
      <c r="VIZ27" s="8"/>
      <c r="VJA27" s="8"/>
      <c r="VJB27" s="8"/>
      <c r="VJC27" s="8"/>
      <c r="VJD27" s="8"/>
      <c r="VJE27" s="8"/>
      <c r="VJF27" s="8"/>
      <c r="VJG27" s="8"/>
      <c r="VJH27" s="8"/>
      <c r="VJI27" s="8"/>
      <c r="VJJ27" s="8"/>
      <c r="VJK27" s="8"/>
      <c r="VJL27" s="8"/>
      <c r="VJM27" s="8"/>
      <c r="VJN27" s="8"/>
      <c r="VJO27" s="8"/>
      <c r="VJP27" s="8"/>
      <c r="VJQ27" s="8"/>
      <c r="VJR27" s="8"/>
      <c r="VJS27" s="8"/>
      <c r="VJT27" s="8"/>
      <c r="VJU27" s="8"/>
      <c r="VJV27" s="8"/>
      <c r="VJW27" s="8"/>
      <c r="VJX27" s="8"/>
      <c r="VJY27" s="8"/>
      <c r="VJZ27" s="8"/>
      <c r="VKA27" s="8"/>
      <c r="VKB27" s="8"/>
      <c r="VKC27" s="8"/>
      <c r="VKD27" s="8"/>
      <c r="VKE27" s="8"/>
      <c r="VKF27" s="8"/>
      <c r="VKG27" s="8"/>
      <c r="VKH27" s="8"/>
      <c r="VKI27" s="8"/>
      <c r="VKJ27" s="8"/>
      <c r="VKK27" s="8"/>
      <c r="VKL27" s="8"/>
      <c r="VKM27" s="8"/>
      <c r="VKN27" s="8"/>
      <c r="VKO27" s="8"/>
      <c r="VKP27" s="8"/>
      <c r="VKQ27" s="8"/>
      <c r="VKR27" s="8"/>
      <c r="VKS27" s="8"/>
      <c r="VKT27" s="8"/>
      <c r="VKU27" s="8"/>
      <c r="VKV27" s="8"/>
      <c r="VKW27" s="8"/>
      <c r="VKX27" s="8"/>
      <c r="VKY27" s="8"/>
      <c r="VKZ27" s="8"/>
      <c r="VLA27" s="8"/>
      <c r="VLB27" s="8"/>
      <c r="VLC27" s="8"/>
      <c r="VLD27" s="8"/>
      <c r="VLE27" s="8"/>
      <c r="VLF27" s="8"/>
      <c r="VLG27" s="8"/>
      <c r="VLH27" s="8"/>
      <c r="VLI27" s="8"/>
      <c r="VLJ27" s="8"/>
      <c r="VLK27" s="8"/>
      <c r="VLL27" s="8"/>
      <c r="VLM27" s="8"/>
      <c r="VLN27" s="8"/>
      <c r="VLO27" s="8"/>
      <c r="VLP27" s="8"/>
      <c r="VLQ27" s="8"/>
      <c r="VLR27" s="8"/>
      <c r="VLS27" s="8"/>
      <c r="VLT27" s="8"/>
      <c r="VLU27" s="8"/>
      <c r="VLV27" s="8"/>
      <c r="VLW27" s="8"/>
      <c r="VLX27" s="8"/>
      <c r="VLY27" s="8"/>
      <c r="VLZ27" s="8"/>
      <c r="VMA27" s="8"/>
      <c r="VMB27" s="8"/>
      <c r="VMC27" s="8"/>
      <c r="VMD27" s="8"/>
      <c r="VME27" s="8"/>
      <c r="VMF27" s="8"/>
      <c r="VMG27" s="8"/>
      <c r="VMH27" s="8"/>
      <c r="VMI27" s="8"/>
      <c r="VMJ27" s="8"/>
      <c r="VMK27" s="8"/>
      <c r="VML27" s="8"/>
      <c r="VMM27" s="8"/>
      <c r="VMN27" s="8"/>
      <c r="VMO27" s="8"/>
      <c r="VMP27" s="8"/>
      <c r="VMQ27" s="8"/>
      <c r="VMR27" s="8"/>
      <c r="VMS27" s="8"/>
      <c r="VMT27" s="8"/>
      <c r="VMU27" s="8"/>
      <c r="VMV27" s="8"/>
      <c r="VMW27" s="8"/>
      <c r="VMX27" s="8"/>
      <c r="VMY27" s="8"/>
      <c r="VMZ27" s="8"/>
      <c r="VNA27" s="8"/>
      <c r="VNB27" s="8"/>
      <c r="VNC27" s="8"/>
      <c r="VND27" s="8"/>
      <c r="VNE27" s="8"/>
      <c r="VNF27" s="8"/>
      <c r="VNG27" s="8"/>
      <c r="VNH27" s="8"/>
      <c r="VNI27" s="8"/>
      <c r="VNJ27" s="8"/>
      <c r="VNK27" s="8"/>
      <c r="VNL27" s="8"/>
      <c r="VNM27" s="8"/>
      <c r="VNN27" s="8"/>
      <c r="VNO27" s="8"/>
      <c r="VNP27" s="8"/>
      <c r="VNQ27" s="8"/>
      <c r="VNR27" s="8"/>
      <c r="VNS27" s="8"/>
      <c r="VNT27" s="8"/>
      <c r="VNU27" s="8"/>
      <c r="VNV27" s="8"/>
      <c r="VNW27" s="8"/>
      <c r="VNX27" s="8"/>
      <c r="VNY27" s="8"/>
      <c r="VNZ27" s="8"/>
      <c r="VOA27" s="8"/>
      <c r="VOB27" s="8"/>
      <c r="VOC27" s="8"/>
      <c r="VOD27" s="8"/>
      <c r="VOE27" s="8"/>
      <c r="VOF27" s="8"/>
      <c r="VOG27" s="8"/>
      <c r="VOH27" s="8"/>
      <c r="VOI27" s="8"/>
      <c r="VOJ27" s="8"/>
      <c r="VOK27" s="8"/>
      <c r="VOL27" s="8"/>
      <c r="VOM27" s="8"/>
      <c r="VON27" s="8"/>
      <c r="VOO27" s="8"/>
      <c r="VOP27" s="8"/>
      <c r="VOQ27" s="8"/>
      <c r="VOR27" s="8"/>
      <c r="VOS27" s="8"/>
      <c r="VOT27" s="8"/>
      <c r="VOU27" s="8"/>
      <c r="VOV27" s="8"/>
      <c r="VOW27" s="8"/>
      <c r="VOX27" s="8"/>
      <c r="VOY27" s="8"/>
      <c r="VOZ27" s="8"/>
      <c r="VPA27" s="8"/>
      <c r="VPB27" s="8"/>
      <c r="VPC27" s="8"/>
      <c r="VPD27" s="8"/>
      <c r="VPE27" s="8"/>
      <c r="VPF27" s="8"/>
      <c r="VPG27" s="8"/>
      <c r="VPH27" s="8"/>
      <c r="VPI27" s="8"/>
      <c r="VPJ27" s="8"/>
      <c r="VPK27" s="8"/>
      <c r="VPL27" s="8"/>
      <c r="VPM27" s="8"/>
      <c r="VPN27" s="8"/>
      <c r="VPO27" s="8"/>
      <c r="VPP27" s="8"/>
      <c r="VPQ27" s="8"/>
      <c r="VPR27" s="8"/>
      <c r="VPS27" s="8"/>
      <c r="VPT27" s="8"/>
      <c r="VPU27" s="8"/>
      <c r="VPV27" s="8"/>
      <c r="VPW27" s="8"/>
      <c r="VPX27" s="8"/>
      <c r="VPY27" s="8"/>
      <c r="VPZ27" s="8"/>
      <c r="VQA27" s="8"/>
      <c r="VQB27" s="8"/>
      <c r="VQC27" s="8"/>
      <c r="VQD27" s="8"/>
      <c r="VQE27" s="8"/>
      <c r="VQF27" s="8"/>
      <c r="VQG27" s="8"/>
      <c r="VQH27" s="8"/>
      <c r="VQI27" s="8"/>
      <c r="VQJ27" s="8"/>
      <c r="VQK27" s="8"/>
      <c r="VQL27" s="8"/>
      <c r="VQM27" s="8"/>
      <c r="VQN27" s="8"/>
      <c r="VQO27" s="8"/>
      <c r="VQP27" s="8"/>
      <c r="VQQ27" s="8"/>
      <c r="VQR27" s="8"/>
      <c r="VQS27" s="8"/>
      <c r="VQT27" s="8"/>
      <c r="VQU27" s="8"/>
      <c r="VQV27" s="8"/>
      <c r="VQW27" s="8"/>
      <c r="VQX27" s="8"/>
      <c r="VQY27" s="8"/>
      <c r="VQZ27" s="8"/>
      <c r="VRA27" s="8"/>
      <c r="VRB27" s="8"/>
      <c r="VRC27" s="8"/>
      <c r="VRD27" s="8"/>
      <c r="VRE27" s="8"/>
      <c r="VRF27" s="8"/>
      <c r="VRG27" s="8"/>
      <c r="VRH27" s="8"/>
      <c r="VRI27" s="8"/>
      <c r="VRJ27" s="8"/>
      <c r="VRK27" s="8"/>
      <c r="VRL27" s="8"/>
      <c r="VRM27" s="8"/>
      <c r="VRN27" s="8"/>
      <c r="VRO27" s="8"/>
      <c r="VRP27" s="8"/>
      <c r="VRQ27" s="8"/>
      <c r="VRR27" s="8"/>
      <c r="VRS27" s="8"/>
      <c r="VRT27" s="8"/>
      <c r="VRU27" s="8"/>
      <c r="VRV27" s="8"/>
      <c r="VRW27" s="8"/>
      <c r="VRX27" s="8"/>
      <c r="VRY27" s="8"/>
      <c r="VRZ27" s="8"/>
      <c r="VSA27" s="8"/>
      <c r="VSB27" s="8"/>
      <c r="VSC27" s="8"/>
      <c r="VSD27" s="8"/>
      <c r="VSE27" s="8"/>
      <c r="VSF27" s="8"/>
      <c r="VSG27" s="8"/>
      <c r="VSH27" s="8"/>
      <c r="VSI27" s="8"/>
      <c r="VSJ27" s="8"/>
      <c r="VSK27" s="8"/>
      <c r="VSL27" s="8"/>
      <c r="VSM27" s="8"/>
      <c r="VSN27" s="8"/>
      <c r="VSO27" s="8"/>
      <c r="VSP27" s="8"/>
      <c r="VSQ27" s="8"/>
      <c r="VSR27" s="8"/>
      <c r="VSS27" s="8"/>
      <c r="VST27" s="8"/>
      <c r="VSU27" s="8"/>
      <c r="VSV27" s="8"/>
      <c r="VSW27" s="8"/>
      <c r="VSX27" s="8"/>
      <c r="VSY27" s="8"/>
      <c r="VSZ27" s="8"/>
      <c r="VTA27" s="8"/>
      <c r="VTB27" s="8"/>
      <c r="VTC27" s="8"/>
      <c r="VTD27" s="8"/>
      <c r="VTE27" s="8"/>
      <c r="VTF27" s="8"/>
      <c r="VTG27" s="8"/>
      <c r="VTH27" s="8"/>
      <c r="VTI27" s="8"/>
      <c r="VTJ27" s="8"/>
      <c r="VTK27" s="8"/>
      <c r="VTL27" s="8"/>
      <c r="VTM27" s="8"/>
      <c r="VTN27" s="8"/>
      <c r="VTO27" s="8"/>
      <c r="VTP27" s="8"/>
      <c r="VTQ27" s="8"/>
      <c r="VTR27" s="8"/>
      <c r="VTS27" s="8"/>
      <c r="VTT27" s="8"/>
      <c r="VTU27" s="8"/>
      <c r="VTV27" s="8"/>
      <c r="VTW27" s="8"/>
      <c r="VTX27" s="8"/>
      <c r="VTY27" s="8"/>
      <c r="VTZ27" s="8"/>
      <c r="VUA27" s="8"/>
      <c r="VUB27" s="8"/>
      <c r="VUC27" s="8"/>
      <c r="VUD27" s="8"/>
      <c r="VUE27" s="8"/>
      <c r="VUF27" s="8"/>
      <c r="VUG27" s="8"/>
      <c r="VUH27" s="8"/>
      <c r="VUI27" s="8"/>
      <c r="VUJ27" s="8"/>
      <c r="VUK27" s="8"/>
      <c r="VUL27" s="8"/>
      <c r="VUM27" s="8"/>
      <c r="VUN27" s="8"/>
      <c r="VUO27" s="8"/>
      <c r="VUP27" s="8"/>
      <c r="VUQ27" s="8"/>
      <c r="VUR27" s="8"/>
      <c r="VUS27" s="8"/>
      <c r="VUT27" s="8"/>
      <c r="VUU27" s="8"/>
      <c r="VUV27" s="8"/>
      <c r="VUW27" s="8"/>
      <c r="VUX27" s="8"/>
      <c r="VUY27" s="8"/>
      <c r="VUZ27" s="8"/>
      <c r="VVA27" s="8"/>
      <c r="VVB27" s="8"/>
      <c r="VVC27" s="8"/>
      <c r="VVD27" s="8"/>
      <c r="VVE27" s="8"/>
      <c r="VVF27" s="8"/>
      <c r="VVG27" s="8"/>
      <c r="VVH27" s="8"/>
      <c r="VVI27" s="8"/>
      <c r="VVJ27" s="8"/>
      <c r="VVK27" s="8"/>
      <c r="VVL27" s="8"/>
      <c r="VVM27" s="8"/>
      <c r="VVN27" s="8"/>
      <c r="VVO27" s="8"/>
      <c r="VVP27" s="8"/>
      <c r="VVQ27" s="8"/>
      <c r="VVR27" s="8"/>
      <c r="VVS27" s="8"/>
      <c r="VVT27" s="8"/>
      <c r="VVU27" s="8"/>
      <c r="VVV27" s="8"/>
      <c r="VVW27" s="8"/>
      <c r="VVX27" s="8"/>
      <c r="VVY27" s="8"/>
      <c r="VVZ27" s="8"/>
      <c r="VWA27" s="8"/>
      <c r="VWB27" s="8"/>
      <c r="VWC27" s="8"/>
      <c r="VWD27" s="8"/>
      <c r="VWE27" s="8"/>
      <c r="VWF27" s="8"/>
      <c r="VWG27" s="8"/>
      <c r="VWH27" s="8"/>
      <c r="VWI27" s="8"/>
      <c r="VWJ27" s="8"/>
      <c r="VWK27" s="8"/>
      <c r="VWL27" s="8"/>
      <c r="VWM27" s="8"/>
      <c r="VWN27" s="8"/>
      <c r="VWO27" s="8"/>
      <c r="VWP27" s="8"/>
      <c r="VWQ27" s="8"/>
      <c r="VWR27" s="8"/>
      <c r="VWS27" s="8"/>
      <c r="VWT27" s="8"/>
      <c r="VWU27" s="8"/>
      <c r="VWV27" s="8"/>
      <c r="VWW27" s="8"/>
      <c r="VWX27" s="8"/>
      <c r="VWY27" s="8"/>
      <c r="VWZ27" s="8"/>
      <c r="VXA27" s="8"/>
      <c r="VXB27" s="8"/>
      <c r="VXC27" s="8"/>
      <c r="VXD27" s="8"/>
      <c r="VXE27" s="8"/>
      <c r="VXF27" s="8"/>
      <c r="VXG27" s="8"/>
      <c r="VXH27" s="8"/>
      <c r="VXI27" s="8"/>
      <c r="VXJ27" s="8"/>
      <c r="VXK27" s="8"/>
      <c r="VXL27" s="8"/>
      <c r="VXM27" s="8"/>
      <c r="VXN27" s="8"/>
      <c r="VXO27" s="8"/>
      <c r="VXP27" s="8"/>
      <c r="VXQ27" s="8"/>
      <c r="VXR27" s="8"/>
      <c r="VXS27" s="8"/>
      <c r="VXT27" s="8"/>
      <c r="VXU27" s="8"/>
      <c r="VXV27" s="8"/>
      <c r="VXW27" s="8"/>
      <c r="VXX27" s="8"/>
      <c r="VXY27" s="8"/>
      <c r="VXZ27" s="8"/>
      <c r="VYA27" s="8"/>
      <c r="VYB27" s="8"/>
      <c r="VYC27" s="8"/>
      <c r="VYD27" s="8"/>
      <c r="VYE27" s="8"/>
      <c r="VYF27" s="8"/>
      <c r="VYG27" s="8"/>
      <c r="VYH27" s="8"/>
      <c r="VYI27" s="8"/>
      <c r="VYJ27" s="8"/>
      <c r="VYK27" s="8"/>
      <c r="VYL27" s="8"/>
      <c r="VYM27" s="8"/>
      <c r="VYN27" s="8"/>
      <c r="VYO27" s="8"/>
      <c r="VYP27" s="8"/>
      <c r="VYQ27" s="8"/>
      <c r="VYR27" s="8"/>
      <c r="VYS27" s="8"/>
      <c r="VYT27" s="8"/>
      <c r="VYU27" s="8"/>
      <c r="VYV27" s="8"/>
      <c r="VYW27" s="8"/>
      <c r="VYX27" s="8"/>
      <c r="VYY27" s="8"/>
      <c r="VYZ27" s="8"/>
      <c r="VZA27" s="8"/>
      <c r="VZB27" s="8"/>
      <c r="VZC27" s="8"/>
      <c r="VZD27" s="8"/>
      <c r="VZE27" s="8"/>
      <c r="VZF27" s="8"/>
      <c r="VZG27" s="8"/>
      <c r="VZH27" s="8"/>
      <c r="VZI27" s="8"/>
      <c r="VZJ27" s="8"/>
      <c r="VZK27" s="8"/>
      <c r="VZL27" s="8"/>
      <c r="VZM27" s="8"/>
      <c r="VZN27" s="8"/>
      <c r="VZO27" s="8"/>
      <c r="VZP27" s="8"/>
      <c r="VZQ27" s="8"/>
      <c r="VZR27" s="8"/>
      <c r="VZS27" s="8"/>
      <c r="VZT27" s="8"/>
      <c r="VZU27" s="8"/>
      <c r="VZV27" s="8"/>
      <c r="VZW27" s="8"/>
      <c r="VZX27" s="8"/>
      <c r="VZY27" s="8"/>
      <c r="VZZ27" s="8"/>
      <c r="WAA27" s="8"/>
      <c r="WAB27" s="8"/>
      <c r="WAC27" s="8"/>
      <c r="WAD27" s="8"/>
      <c r="WAE27" s="8"/>
      <c r="WAF27" s="8"/>
      <c r="WAG27" s="8"/>
      <c r="WAH27" s="8"/>
      <c r="WAI27" s="8"/>
      <c r="WAJ27" s="8"/>
      <c r="WAK27" s="8"/>
      <c r="WAL27" s="8"/>
      <c r="WAM27" s="8"/>
      <c r="WAN27" s="8"/>
      <c r="WAO27" s="8"/>
      <c r="WAP27" s="8"/>
      <c r="WAQ27" s="8"/>
      <c r="WAR27" s="8"/>
      <c r="WAS27" s="8"/>
      <c r="WAT27" s="8"/>
      <c r="WAU27" s="8"/>
      <c r="WAV27" s="8"/>
      <c r="WAW27" s="8"/>
      <c r="WAX27" s="8"/>
      <c r="WAY27" s="8"/>
      <c r="WAZ27" s="8"/>
      <c r="WBA27" s="8"/>
      <c r="WBB27" s="8"/>
      <c r="WBC27" s="8"/>
      <c r="WBD27" s="8"/>
      <c r="WBE27" s="8"/>
      <c r="WBF27" s="8"/>
      <c r="WBG27" s="8"/>
      <c r="WBH27" s="8"/>
      <c r="WBI27" s="8"/>
      <c r="WBJ27" s="8"/>
      <c r="WBK27" s="8"/>
      <c r="WBL27" s="8"/>
      <c r="WBM27" s="8"/>
      <c r="WBN27" s="8"/>
      <c r="WBO27" s="8"/>
      <c r="WBP27" s="8"/>
      <c r="WBQ27" s="8"/>
      <c r="WBR27" s="8"/>
      <c r="WBS27" s="8"/>
      <c r="WBT27" s="8"/>
      <c r="WBU27" s="8"/>
      <c r="WBV27" s="8"/>
      <c r="WBW27" s="8"/>
      <c r="WBX27" s="8"/>
      <c r="WBY27" s="8"/>
      <c r="WBZ27" s="8"/>
      <c r="WCA27" s="8"/>
      <c r="WCB27" s="8"/>
      <c r="WCC27" s="8"/>
      <c r="WCD27" s="8"/>
      <c r="WCE27" s="8"/>
      <c r="WCF27" s="8"/>
      <c r="WCG27" s="8"/>
      <c r="WCH27" s="8"/>
      <c r="WCI27" s="8"/>
      <c r="WCJ27" s="8"/>
      <c r="WCK27" s="8"/>
      <c r="WCL27" s="8"/>
      <c r="WCM27" s="8"/>
      <c r="WCN27" s="8"/>
      <c r="WCO27" s="8"/>
      <c r="WCP27" s="8"/>
      <c r="WCQ27" s="8"/>
      <c r="WCR27" s="8"/>
      <c r="WCS27" s="8"/>
      <c r="WCT27" s="8"/>
      <c r="WCU27" s="8"/>
      <c r="WCV27" s="8"/>
      <c r="WCW27" s="8"/>
      <c r="WCX27" s="8"/>
      <c r="WCY27" s="8"/>
      <c r="WCZ27" s="8"/>
      <c r="WDA27" s="8"/>
      <c r="WDB27" s="8"/>
      <c r="WDC27" s="8"/>
      <c r="WDD27" s="8"/>
      <c r="WDE27" s="8"/>
      <c r="WDF27" s="8"/>
      <c r="WDG27" s="8"/>
      <c r="WDH27" s="8"/>
      <c r="WDI27" s="8"/>
      <c r="WDJ27" s="8"/>
      <c r="WDK27" s="8"/>
      <c r="WDL27" s="8"/>
      <c r="WDM27" s="8"/>
      <c r="WDN27" s="8"/>
      <c r="WDO27" s="8"/>
      <c r="WDP27" s="8"/>
      <c r="WDQ27" s="8"/>
      <c r="WDR27" s="8"/>
      <c r="WDS27" s="8"/>
      <c r="WDT27" s="8"/>
      <c r="WDU27" s="8"/>
      <c r="WDV27" s="8"/>
      <c r="WDW27" s="8"/>
      <c r="WDX27" s="8"/>
      <c r="WDY27" s="8"/>
      <c r="WDZ27" s="8"/>
      <c r="WEA27" s="8"/>
      <c r="WEB27" s="8"/>
      <c r="WEC27" s="8"/>
      <c r="WED27" s="8"/>
      <c r="WEE27" s="8"/>
      <c r="WEF27" s="8"/>
      <c r="WEG27" s="8"/>
      <c r="WEH27" s="8"/>
      <c r="WEI27" s="8"/>
      <c r="WEJ27" s="8"/>
      <c r="WEK27" s="8"/>
      <c r="WEL27" s="8"/>
      <c r="WEM27" s="8"/>
      <c r="WEN27" s="8"/>
      <c r="WEO27" s="8"/>
      <c r="WEP27" s="8"/>
      <c r="WEQ27" s="8"/>
      <c r="WER27" s="8"/>
      <c r="WES27" s="8"/>
      <c r="WET27" s="8"/>
      <c r="WEU27" s="8"/>
      <c r="WEV27" s="8"/>
      <c r="WEW27" s="8"/>
      <c r="WEX27" s="8"/>
      <c r="WEY27" s="8"/>
      <c r="WEZ27" s="8"/>
      <c r="WFA27" s="8"/>
      <c r="WFB27" s="8"/>
      <c r="WFC27" s="8"/>
      <c r="WFD27" s="8"/>
      <c r="WFE27" s="8"/>
      <c r="WFF27" s="8"/>
      <c r="WFG27" s="8"/>
      <c r="WFH27" s="8"/>
      <c r="WFI27" s="8"/>
      <c r="WFJ27" s="8"/>
      <c r="WFK27" s="8"/>
      <c r="WFL27" s="8"/>
      <c r="WFM27" s="8"/>
      <c r="WFN27" s="8"/>
      <c r="WFO27" s="8"/>
      <c r="WFP27" s="8"/>
      <c r="WFQ27" s="8"/>
      <c r="WFR27" s="8"/>
      <c r="WFS27" s="8"/>
      <c r="WFT27" s="8"/>
      <c r="WFU27" s="8"/>
      <c r="WFV27" s="8"/>
      <c r="WFW27" s="8"/>
      <c r="WFX27" s="8"/>
      <c r="WFY27" s="8"/>
      <c r="WFZ27" s="8"/>
      <c r="WGA27" s="8"/>
      <c r="WGB27" s="8"/>
      <c r="WGC27" s="8"/>
      <c r="WGD27" s="8"/>
      <c r="WGE27" s="8"/>
      <c r="WGF27" s="8"/>
      <c r="WGG27" s="8"/>
      <c r="WGH27" s="8"/>
      <c r="WGI27" s="8"/>
      <c r="WGJ27" s="8"/>
      <c r="WGK27" s="8"/>
      <c r="WGL27" s="8"/>
      <c r="WGM27" s="8"/>
      <c r="WGN27" s="8"/>
      <c r="WGO27" s="8"/>
      <c r="WGP27" s="8"/>
      <c r="WGQ27" s="8"/>
      <c r="WGR27" s="8"/>
      <c r="WGS27" s="8"/>
      <c r="WGT27" s="8"/>
      <c r="WGU27" s="8"/>
      <c r="WGV27" s="8"/>
      <c r="WGW27" s="8"/>
      <c r="WGX27" s="8"/>
      <c r="WGY27" s="8"/>
      <c r="WGZ27" s="8"/>
      <c r="WHA27" s="8"/>
      <c r="WHB27" s="8"/>
      <c r="WHC27" s="8"/>
      <c r="WHD27" s="8"/>
      <c r="WHE27" s="8"/>
      <c r="WHF27" s="8"/>
      <c r="WHG27" s="8"/>
      <c r="WHH27" s="8"/>
      <c r="WHI27" s="8"/>
      <c r="WHJ27" s="8"/>
      <c r="WHK27" s="8"/>
      <c r="WHL27" s="8"/>
      <c r="WHM27" s="8"/>
      <c r="WHN27" s="8"/>
      <c r="WHO27" s="8"/>
      <c r="WHP27" s="8"/>
      <c r="WHQ27" s="8"/>
      <c r="WHR27" s="8"/>
      <c r="WHS27" s="8"/>
      <c r="WHT27" s="8"/>
      <c r="WHU27" s="8"/>
      <c r="WHV27" s="8"/>
      <c r="WHW27" s="8"/>
      <c r="WHX27" s="8"/>
      <c r="WHY27" s="8"/>
      <c r="WHZ27" s="8"/>
      <c r="WIA27" s="8"/>
      <c r="WIB27" s="8"/>
      <c r="WIC27" s="8"/>
      <c r="WID27" s="8"/>
      <c r="WIE27" s="8"/>
      <c r="WIF27" s="8"/>
      <c r="WIG27" s="8"/>
      <c r="WIH27" s="8"/>
      <c r="WII27" s="8"/>
      <c r="WIJ27" s="8"/>
      <c r="WIK27" s="8"/>
      <c r="WIL27" s="8"/>
      <c r="WIM27" s="8"/>
      <c r="WIN27" s="8"/>
      <c r="WIO27" s="8"/>
      <c r="WIP27" s="8"/>
      <c r="WIQ27" s="8"/>
      <c r="WIR27" s="8"/>
      <c r="WIS27" s="8"/>
      <c r="WIT27" s="8"/>
      <c r="WIU27" s="8"/>
      <c r="WIV27" s="8"/>
      <c r="WIW27" s="8"/>
      <c r="WIX27" s="8"/>
      <c r="WIY27" s="8"/>
      <c r="WIZ27" s="8"/>
      <c r="WJA27" s="8"/>
      <c r="WJB27" s="8"/>
      <c r="WJC27" s="8"/>
      <c r="WJD27" s="8"/>
      <c r="WJE27" s="8"/>
      <c r="WJF27" s="8"/>
      <c r="WJG27" s="8"/>
      <c r="WJH27" s="8"/>
      <c r="WJI27" s="8"/>
      <c r="WJJ27" s="8"/>
      <c r="WJK27" s="8"/>
      <c r="WJL27" s="8"/>
      <c r="WJM27" s="8"/>
      <c r="WJN27" s="8"/>
      <c r="WJO27" s="8"/>
      <c r="WJP27" s="8"/>
      <c r="WJQ27" s="8"/>
      <c r="WJR27" s="8"/>
      <c r="WJS27" s="8"/>
      <c r="WJT27" s="8"/>
      <c r="WJU27" s="8"/>
      <c r="WJV27" s="8"/>
      <c r="WJW27" s="8"/>
      <c r="WJX27" s="8"/>
      <c r="WJY27" s="8"/>
      <c r="WJZ27" s="8"/>
      <c r="WKA27" s="8"/>
      <c r="WKB27" s="8"/>
      <c r="WKC27" s="8"/>
      <c r="WKD27" s="8"/>
      <c r="WKE27" s="8"/>
      <c r="WKF27" s="8"/>
      <c r="WKG27" s="8"/>
      <c r="WKH27" s="8"/>
      <c r="WKI27" s="8"/>
      <c r="WKJ27" s="8"/>
      <c r="WKK27" s="8"/>
      <c r="WKL27" s="8"/>
      <c r="WKM27" s="8"/>
      <c r="WKN27" s="8"/>
      <c r="WKO27" s="8"/>
      <c r="WKP27" s="8"/>
      <c r="WKQ27" s="8"/>
      <c r="WKR27" s="8"/>
      <c r="WKS27" s="8"/>
      <c r="WKT27" s="8"/>
      <c r="WKU27" s="8"/>
      <c r="WKV27" s="8"/>
      <c r="WKW27" s="8"/>
      <c r="WKX27" s="8"/>
      <c r="WKY27" s="8"/>
      <c r="WKZ27" s="8"/>
      <c r="WLA27" s="8"/>
      <c r="WLB27" s="8"/>
      <c r="WLC27" s="8"/>
      <c r="WLD27" s="8"/>
      <c r="WLE27" s="8"/>
      <c r="WLF27" s="8"/>
      <c r="WLG27" s="8"/>
      <c r="WLH27" s="8"/>
      <c r="WLI27" s="8"/>
      <c r="WLJ27" s="8"/>
      <c r="WLK27" s="8"/>
      <c r="WLL27" s="8"/>
      <c r="WLM27" s="8"/>
      <c r="WLN27" s="8"/>
      <c r="WLO27" s="8"/>
      <c r="WLP27" s="8"/>
      <c r="WLQ27" s="8"/>
      <c r="WLR27" s="8"/>
      <c r="WLS27" s="8"/>
      <c r="WLT27" s="8"/>
      <c r="WLU27" s="8"/>
      <c r="WLV27" s="8"/>
      <c r="WLW27" s="8"/>
      <c r="WLX27" s="8"/>
      <c r="WLY27" s="8"/>
      <c r="WLZ27" s="8"/>
      <c r="WMA27" s="8"/>
      <c r="WMB27" s="8"/>
      <c r="WMC27" s="8"/>
      <c r="WMD27" s="8"/>
      <c r="WME27" s="8"/>
      <c r="WMF27" s="8"/>
      <c r="WMG27" s="8"/>
      <c r="WMH27" s="8"/>
      <c r="WMI27" s="8"/>
      <c r="WMJ27" s="8"/>
      <c r="WMK27" s="8"/>
      <c r="WML27" s="8"/>
      <c r="WMM27" s="8"/>
      <c r="WMN27" s="8"/>
      <c r="WMO27" s="8"/>
      <c r="WMP27" s="8"/>
      <c r="WMQ27" s="8"/>
      <c r="WMR27" s="8"/>
      <c r="WMS27" s="8"/>
      <c r="WMT27" s="8"/>
      <c r="WMU27" s="8"/>
      <c r="WMV27" s="8"/>
      <c r="WMW27" s="8"/>
      <c r="WMX27" s="8"/>
      <c r="WMY27" s="8"/>
      <c r="WMZ27" s="8"/>
      <c r="WNA27" s="8"/>
      <c r="WNB27" s="8"/>
      <c r="WNC27" s="8"/>
      <c r="WND27" s="8"/>
      <c r="WNE27" s="8"/>
      <c r="WNF27" s="8"/>
      <c r="WNG27" s="8"/>
      <c r="WNH27" s="8"/>
      <c r="WNI27" s="8"/>
      <c r="WNJ27" s="8"/>
      <c r="WNK27" s="8"/>
      <c r="WNL27" s="8"/>
      <c r="WNM27" s="8"/>
      <c r="WNN27" s="8"/>
      <c r="WNO27" s="8"/>
      <c r="WNP27" s="8"/>
      <c r="WNQ27" s="8"/>
      <c r="WNR27" s="8"/>
      <c r="WNS27" s="8"/>
      <c r="WNT27" s="8"/>
      <c r="WNU27" s="8"/>
      <c r="WNV27" s="8"/>
      <c r="WNW27" s="8"/>
      <c r="WNX27" s="8"/>
      <c r="WNY27" s="8"/>
      <c r="WNZ27" s="8"/>
      <c r="WOA27" s="8"/>
      <c r="WOB27" s="8"/>
      <c r="WOC27" s="8"/>
      <c r="WOD27" s="8"/>
      <c r="WOE27" s="8"/>
      <c r="WOF27" s="8"/>
      <c r="WOG27" s="8"/>
      <c r="WOH27" s="8"/>
      <c r="WOI27" s="8"/>
      <c r="WOJ27" s="8"/>
      <c r="WOK27" s="8"/>
      <c r="WOL27" s="8"/>
      <c r="WOM27" s="8"/>
      <c r="WON27" s="8"/>
      <c r="WOO27" s="8"/>
      <c r="WOP27" s="8"/>
      <c r="WOQ27" s="8"/>
      <c r="WOR27" s="8"/>
      <c r="WOS27" s="8"/>
      <c r="WOT27" s="8"/>
      <c r="WOU27" s="8"/>
      <c r="WOV27" s="8"/>
      <c r="WOW27" s="8"/>
      <c r="WOX27" s="8"/>
      <c r="WOY27" s="8"/>
      <c r="WOZ27" s="8"/>
      <c r="WPA27" s="8"/>
      <c r="WPB27" s="8"/>
      <c r="WPC27" s="8"/>
      <c r="WPD27" s="8"/>
      <c r="WPE27" s="8"/>
      <c r="WPF27" s="8"/>
      <c r="WPG27" s="8"/>
      <c r="WPH27" s="8"/>
      <c r="WPI27" s="8"/>
      <c r="WPJ27" s="8"/>
      <c r="WPK27" s="8"/>
      <c r="WPL27" s="8"/>
      <c r="WPM27" s="8"/>
      <c r="WPN27" s="8"/>
      <c r="WPO27" s="8"/>
      <c r="WPP27" s="8"/>
      <c r="WPQ27" s="8"/>
      <c r="WPR27" s="8"/>
      <c r="WPS27" s="8"/>
      <c r="WPT27" s="8"/>
      <c r="WPU27" s="8"/>
      <c r="WPV27" s="8"/>
      <c r="WPW27" s="8"/>
      <c r="WPX27" s="8"/>
      <c r="WPY27" s="8"/>
      <c r="WPZ27" s="8"/>
      <c r="WQA27" s="8"/>
      <c r="WQB27" s="8"/>
      <c r="WQC27" s="8"/>
      <c r="WQD27" s="8"/>
      <c r="WQE27" s="8"/>
      <c r="WQF27" s="8"/>
      <c r="WQG27" s="8"/>
      <c r="WQH27" s="8"/>
      <c r="WQI27" s="8"/>
      <c r="WQJ27" s="8"/>
      <c r="WQK27" s="8"/>
      <c r="WQL27" s="8"/>
      <c r="WQM27" s="8"/>
      <c r="WQN27" s="8"/>
      <c r="WQO27" s="8"/>
      <c r="WQP27" s="8"/>
      <c r="WQQ27" s="8"/>
      <c r="WQR27" s="8"/>
      <c r="WQS27" s="8"/>
      <c r="WQT27" s="8"/>
      <c r="WQU27" s="8"/>
      <c r="WQV27" s="8"/>
      <c r="WQW27" s="8"/>
      <c r="WQX27" s="8"/>
      <c r="WQY27" s="8"/>
      <c r="WQZ27" s="8"/>
      <c r="WRA27" s="8"/>
      <c r="WRB27" s="8"/>
      <c r="WRC27" s="8"/>
      <c r="WRD27" s="8"/>
      <c r="WRE27" s="8"/>
      <c r="WRF27" s="8"/>
      <c r="WRG27" s="8"/>
      <c r="WRH27" s="8"/>
      <c r="WRI27" s="8"/>
      <c r="WRJ27" s="8"/>
      <c r="WRK27" s="8"/>
      <c r="WRL27" s="8"/>
      <c r="WRM27" s="8"/>
      <c r="WRN27" s="8"/>
      <c r="WRO27" s="8"/>
      <c r="WRP27" s="8"/>
      <c r="WRQ27" s="8"/>
      <c r="WRR27" s="8"/>
      <c r="WRS27" s="8"/>
      <c r="WRT27" s="8"/>
      <c r="WRU27" s="8"/>
      <c r="WRV27" s="8"/>
      <c r="WRW27" s="8"/>
      <c r="WRX27" s="8"/>
      <c r="WRY27" s="8"/>
      <c r="WRZ27" s="8"/>
      <c r="WSA27" s="8"/>
      <c r="WSB27" s="8"/>
      <c r="WSC27" s="8"/>
      <c r="WSD27" s="8"/>
      <c r="WSE27" s="8"/>
      <c r="WSF27" s="8"/>
      <c r="WSG27" s="8"/>
      <c r="WSH27" s="8"/>
      <c r="WSI27" s="8"/>
      <c r="WSJ27" s="8"/>
      <c r="WSK27" s="8"/>
      <c r="WSL27" s="8"/>
      <c r="WSM27" s="8"/>
      <c r="WSN27" s="8"/>
      <c r="WSO27" s="8"/>
      <c r="WSP27" s="8"/>
      <c r="WSQ27" s="8"/>
      <c r="WSR27" s="8"/>
      <c r="WSS27" s="8"/>
      <c r="WST27" s="8"/>
      <c r="WSU27" s="8"/>
      <c r="WSV27" s="8"/>
      <c r="WSW27" s="8"/>
      <c r="WSX27" s="8"/>
      <c r="WSY27" s="8"/>
      <c r="WSZ27" s="8"/>
      <c r="WTA27" s="8"/>
      <c r="WTB27" s="8"/>
      <c r="WTC27" s="8"/>
      <c r="WTD27" s="8"/>
      <c r="WTE27" s="8"/>
      <c r="WTF27" s="8"/>
      <c r="WTG27" s="8"/>
      <c r="WTH27" s="8"/>
      <c r="WTI27" s="8"/>
      <c r="WTJ27" s="8"/>
      <c r="WTK27" s="8"/>
      <c r="WTL27" s="8"/>
      <c r="WTM27" s="8"/>
      <c r="WTN27" s="8"/>
      <c r="WTO27" s="8"/>
      <c r="WTP27" s="8"/>
      <c r="WTQ27" s="8"/>
      <c r="WTR27" s="8"/>
      <c r="WTS27" s="8"/>
      <c r="WTT27" s="8"/>
      <c r="WTU27" s="8"/>
      <c r="WTV27" s="8"/>
      <c r="WTW27" s="8"/>
      <c r="WTX27" s="8"/>
      <c r="WTY27" s="8"/>
      <c r="WTZ27" s="8"/>
      <c r="WUA27" s="8"/>
      <c r="WUB27" s="8"/>
      <c r="WUC27" s="8"/>
      <c r="WUD27" s="8"/>
      <c r="WUE27" s="8"/>
      <c r="WUF27" s="8"/>
      <c r="WUG27" s="8"/>
      <c r="WUH27" s="8"/>
      <c r="WUI27" s="8"/>
      <c r="WUJ27" s="8"/>
      <c r="WUK27" s="8"/>
      <c r="WUL27" s="8"/>
      <c r="WUM27" s="8"/>
      <c r="WUN27" s="8"/>
      <c r="WUO27" s="8"/>
      <c r="WUP27" s="8"/>
      <c r="WUQ27" s="8"/>
      <c r="WUR27" s="8"/>
      <c r="WUS27" s="8"/>
      <c r="WUT27" s="8"/>
      <c r="WUU27" s="8"/>
      <c r="WUV27" s="8"/>
      <c r="WUW27" s="8"/>
      <c r="WUX27" s="8"/>
      <c r="WUY27" s="8"/>
      <c r="WUZ27" s="8"/>
      <c r="WVA27" s="8"/>
      <c r="WVB27" s="8"/>
      <c r="WVC27" s="8"/>
      <c r="WVD27" s="8"/>
      <c r="WVE27" s="8"/>
      <c r="WVF27" s="8"/>
      <c r="WVG27" s="8"/>
      <c r="WVH27" s="8"/>
      <c r="WVI27" s="8"/>
      <c r="WVJ27" s="8"/>
      <c r="WVK27" s="8"/>
      <c r="WVL27" s="8"/>
      <c r="WVM27" s="8"/>
      <c r="WVN27" s="8"/>
      <c r="WVO27" s="8"/>
      <c r="WVP27" s="8"/>
      <c r="WVQ27" s="8"/>
      <c r="WVR27" s="8"/>
      <c r="WVS27" s="8"/>
      <c r="WVT27" s="8"/>
      <c r="WVU27" s="8"/>
      <c r="WVV27" s="8"/>
      <c r="WVW27" s="8"/>
      <c r="WVX27" s="8"/>
      <c r="WVY27" s="8"/>
      <c r="WVZ27" s="8"/>
      <c r="WWA27" s="8"/>
      <c r="WWB27" s="8"/>
      <c r="WWC27" s="8"/>
      <c r="WWD27" s="8"/>
      <c r="WWE27" s="8"/>
      <c r="WWF27" s="8"/>
      <c r="WWG27" s="8"/>
      <c r="WWH27" s="8"/>
      <c r="WWI27" s="8"/>
      <c r="WWJ27" s="8"/>
      <c r="WWK27" s="8"/>
      <c r="WWL27" s="8"/>
      <c r="WWM27" s="8"/>
      <c r="WWN27" s="8"/>
      <c r="WWO27" s="8"/>
      <c r="WWP27" s="8"/>
      <c r="WWQ27" s="8"/>
      <c r="WWR27" s="8"/>
      <c r="WWS27" s="8"/>
      <c r="WWT27" s="8"/>
      <c r="WWU27" s="8"/>
      <c r="WWV27" s="8"/>
      <c r="WWW27" s="8"/>
      <c r="WWX27" s="8"/>
      <c r="WWY27" s="8"/>
      <c r="WWZ27" s="8"/>
      <c r="WXA27" s="8"/>
      <c r="WXB27" s="8"/>
      <c r="WXC27" s="8"/>
      <c r="WXD27" s="8"/>
      <c r="WXE27" s="8"/>
      <c r="WXF27" s="8"/>
      <c r="WXG27" s="8"/>
      <c r="WXH27" s="8"/>
      <c r="WXI27" s="8"/>
      <c r="WXJ27" s="8"/>
      <c r="WXK27" s="8"/>
      <c r="WXL27" s="8"/>
      <c r="WXM27" s="8"/>
      <c r="WXN27" s="8"/>
      <c r="WXO27" s="8"/>
      <c r="WXP27" s="8"/>
      <c r="WXQ27" s="8"/>
      <c r="WXR27" s="8"/>
      <c r="WXS27" s="8"/>
      <c r="WXT27" s="8"/>
      <c r="WXU27" s="8"/>
      <c r="WXV27" s="8"/>
      <c r="WXW27" s="8"/>
      <c r="WXX27" s="8"/>
      <c r="WXY27" s="8"/>
      <c r="WXZ27" s="8"/>
      <c r="WYA27" s="8"/>
      <c r="WYB27" s="8"/>
      <c r="WYC27" s="8"/>
      <c r="WYD27" s="8"/>
      <c r="WYE27" s="8"/>
      <c r="WYF27" s="8"/>
      <c r="WYG27" s="8"/>
      <c r="WYH27" s="8"/>
      <c r="WYI27" s="8"/>
      <c r="WYJ27" s="8"/>
      <c r="WYK27" s="8"/>
      <c r="WYL27" s="8"/>
      <c r="WYM27" s="8"/>
      <c r="WYN27" s="8"/>
      <c r="WYO27" s="8"/>
      <c r="WYP27" s="8"/>
      <c r="WYQ27" s="8"/>
      <c r="WYR27" s="8"/>
      <c r="WYS27" s="8"/>
      <c r="WYT27" s="8"/>
      <c r="WYU27" s="8"/>
      <c r="WYV27" s="8"/>
      <c r="WYW27" s="8"/>
      <c r="WYX27" s="8"/>
      <c r="WYY27" s="8"/>
      <c r="WYZ27" s="8"/>
      <c r="WZA27" s="8"/>
      <c r="WZB27" s="8"/>
      <c r="WZC27" s="8"/>
      <c r="WZD27" s="8"/>
      <c r="WZE27" s="8"/>
      <c r="WZF27" s="8"/>
      <c r="WZG27" s="8"/>
      <c r="WZH27" s="8"/>
      <c r="WZI27" s="8"/>
      <c r="WZJ27" s="8"/>
      <c r="WZK27" s="8"/>
      <c r="WZL27" s="8"/>
      <c r="WZM27" s="8"/>
      <c r="WZN27" s="8"/>
      <c r="WZO27" s="8"/>
      <c r="WZP27" s="8"/>
      <c r="WZQ27" s="8"/>
      <c r="WZR27" s="8"/>
      <c r="WZS27" s="8"/>
      <c r="WZT27" s="8"/>
      <c r="WZU27" s="8"/>
      <c r="WZV27" s="8"/>
      <c r="WZW27" s="8"/>
      <c r="WZX27" s="8"/>
      <c r="WZY27" s="8"/>
      <c r="WZZ27" s="8"/>
      <c r="XAA27" s="8"/>
      <c r="XAB27" s="8"/>
      <c r="XAC27" s="8"/>
      <c r="XAD27" s="8"/>
      <c r="XAE27" s="8"/>
      <c r="XAF27" s="8"/>
      <c r="XAG27" s="8"/>
      <c r="XAH27" s="8"/>
      <c r="XAI27" s="8"/>
      <c r="XAJ27" s="8"/>
      <c r="XAK27" s="8"/>
      <c r="XAL27" s="8"/>
      <c r="XAM27" s="8"/>
      <c r="XAN27" s="8"/>
      <c r="XAO27" s="8"/>
      <c r="XAP27" s="8"/>
      <c r="XAQ27" s="8"/>
      <c r="XAR27" s="8"/>
      <c r="XAS27" s="8"/>
      <c r="XAT27" s="8"/>
      <c r="XAU27" s="8"/>
      <c r="XAV27" s="8"/>
      <c r="XAW27" s="8"/>
      <c r="XAX27" s="8"/>
      <c r="XAY27" s="8"/>
      <c r="XAZ27" s="8"/>
      <c r="XBA27" s="8"/>
      <c r="XBB27" s="8"/>
      <c r="XBC27" s="8"/>
      <c r="XBD27" s="8"/>
      <c r="XBE27" s="8"/>
      <c r="XBF27" s="8"/>
      <c r="XBG27" s="8"/>
      <c r="XBH27" s="8"/>
      <c r="XBI27" s="8"/>
      <c r="XBJ27" s="8"/>
      <c r="XBK27" s="8"/>
      <c r="XBL27" s="8"/>
      <c r="XBM27" s="8"/>
      <c r="XBN27" s="8"/>
      <c r="XBO27" s="8"/>
      <c r="XBP27" s="8"/>
      <c r="XBQ27" s="8"/>
      <c r="XBR27" s="8"/>
      <c r="XBS27" s="8"/>
      <c r="XBT27" s="8"/>
      <c r="XBU27" s="8"/>
      <c r="XBV27" s="8"/>
      <c r="XBW27" s="8"/>
      <c r="XBX27" s="8"/>
      <c r="XBY27" s="8"/>
      <c r="XBZ27" s="8"/>
      <c r="XCA27" s="8"/>
      <c r="XCB27" s="8"/>
      <c r="XCC27" s="8"/>
      <c r="XCD27" s="8"/>
      <c r="XCE27" s="8"/>
      <c r="XCF27" s="8"/>
      <c r="XCG27" s="8"/>
      <c r="XCH27" s="8"/>
      <c r="XCI27" s="8"/>
      <c r="XCJ27" s="8"/>
      <c r="XCK27" s="8"/>
      <c r="XCL27" s="8"/>
      <c r="XCM27" s="8"/>
      <c r="XCN27" s="8"/>
      <c r="XCO27" s="8"/>
      <c r="XCP27" s="8"/>
      <c r="XCQ27" s="8"/>
      <c r="XCR27" s="8"/>
      <c r="XCS27" s="8"/>
      <c r="XCT27" s="8"/>
      <c r="XCU27" s="8"/>
      <c r="XCV27" s="8"/>
      <c r="XCW27" s="8"/>
      <c r="XCX27" s="8"/>
      <c r="XCY27" s="8"/>
      <c r="XCZ27" s="8"/>
      <c r="XDA27" s="8"/>
      <c r="XDB27" s="8"/>
      <c r="XDC27" s="8"/>
      <c r="XDD27" s="8"/>
      <c r="XDE27" s="8"/>
      <c r="XDF27" s="8"/>
      <c r="XDG27" s="8"/>
      <c r="XDH27" s="8"/>
      <c r="XDI27" s="8"/>
      <c r="XDJ27" s="8"/>
      <c r="XDK27" s="8"/>
      <c r="XDL27" s="8"/>
      <c r="XDM27" s="8"/>
      <c r="XDN27" s="8"/>
      <c r="XDO27" s="8"/>
      <c r="XDP27" s="8"/>
      <c r="XDQ27" s="8"/>
      <c r="XDR27" s="8"/>
      <c r="XDS27" s="8"/>
      <c r="XDT27" s="8"/>
      <c r="XDU27" s="8"/>
      <c r="XDV27" s="8"/>
      <c r="XDW27" s="8"/>
      <c r="XDX27" s="8"/>
      <c r="XDY27" s="8"/>
      <c r="XDZ27" s="8"/>
      <c r="XEA27" s="8"/>
      <c r="XEB27" s="8"/>
      <c r="XEC27" s="8"/>
      <c r="XED27" s="8"/>
      <c r="XEE27" s="8"/>
      <c r="XEF27" s="8"/>
      <c r="XEG27" s="8"/>
      <c r="XEH27" s="8"/>
      <c r="XEI27" s="8"/>
      <c r="XEJ27" s="8"/>
      <c r="XEK27" s="8"/>
      <c r="XEL27" s="8"/>
      <c r="XEM27" s="8"/>
      <c r="XEN27" s="8"/>
      <c r="XEO27" s="8"/>
      <c r="XEP27" s="8"/>
      <c r="XEQ27" s="8"/>
      <c r="XER27" s="8"/>
      <c r="XES27" s="8"/>
      <c r="XET27" s="8"/>
      <c r="XEU27" s="8"/>
      <c r="XEV27" s="8"/>
      <c r="XEW27" s="8"/>
      <c r="XEX27" s="8"/>
      <c r="XEY27" s="8"/>
      <c r="XEZ27" s="8"/>
      <c r="XFA27" s="8"/>
      <c r="XFB27" s="8"/>
      <c r="XFC27" s="8"/>
      <c r="XFD27" s="8"/>
    </row>
    <row r="28" spans="1:16384" s="8" customFormat="1" ht="13.95" customHeight="1" x14ac:dyDescent="0.25">
      <c r="A28" s="14" t="s">
        <v>19791</v>
      </c>
      <c r="B28" s="96" t="s">
        <v>58</v>
      </c>
      <c r="C28" s="93" t="s">
        <v>19792</v>
      </c>
      <c r="D28" s="93" t="s">
        <v>171</v>
      </c>
      <c r="E28" s="93">
        <v>2017</v>
      </c>
      <c r="F28" s="93">
        <v>178981</v>
      </c>
      <c r="G28" s="93" t="s">
        <v>4</v>
      </c>
      <c r="H28" s="111">
        <v>1</v>
      </c>
      <c r="I28" s="111">
        <v>1</v>
      </c>
      <c r="J28" s="111">
        <v>1</v>
      </c>
      <c r="K28" s="111">
        <v>1</v>
      </c>
      <c r="L28" s="111">
        <v>0</v>
      </c>
      <c r="M28" s="111">
        <v>0</v>
      </c>
      <c r="N28" s="111">
        <v>1</v>
      </c>
      <c r="O28" s="111">
        <v>0</v>
      </c>
      <c r="P28" s="111">
        <v>1</v>
      </c>
      <c r="Q28" s="111">
        <v>1</v>
      </c>
      <c r="R28" s="111">
        <v>1</v>
      </c>
      <c r="S28" s="111">
        <v>0</v>
      </c>
      <c r="T28" s="111">
        <v>1</v>
      </c>
      <c r="U28" s="111">
        <v>1</v>
      </c>
      <c r="V28" s="111">
        <v>0</v>
      </c>
      <c r="W28" s="111">
        <v>1</v>
      </c>
      <c r="X28" s="111">
        <v>0</v>
      </c>
      <c r="Y28" s="111">
        <v>0</v>
      </c>
      <c r="Z28" s="111">
        <v>0</v>
      </c>
      <c r="AA28" s="111">
        <v>0</v>
      </c>
      <c r="AB28" s="111">
        <v>0</v>
      </c>
      <c r="AC28" s="111">
        <v>0</v>
      </c>
      <c r="AD28" s="111">
        <v>0</v>
      </c>
      <c r="AE28" s="111">
        <v>0</v>
      </c>
      <c r="AF28" s="111">
        <v>0</v>
      </c>
      <c r="AG28" s="111">
        <v>0</v>
      </c>
      <c r="AH28" s="111">
        <v>0</v>
      </c>
      <c r="AI28" s="111">
        <v>0</v>
      </c>
      <c r="AJ28" s="111">
        <v>0</v>
      </c>
      <c r="AK28" s="111">
        <v>0</v>
      </c>
      <c r="AL28" s="111">
        <v>0</v>
      </c>
      <c r="AM28" s="111">
        <v>0</v>
      </c>
      <c r="AN28" s="111">
        <v>0</v>
      </c>
      <c r="AO28" s="111">
        <v>1</v>
      </c>
      <c r="AP28" s="111">
        <v>0</v>
      </c>
      <c r="AQ28" s="111">
        <v>0</v>
      </c>
      <c r="AR28" s="111">
        <v>0</v>
      </c>
      <c r="AS28" s="111">
        <v>0</v>
      </c>
      <c r="AT28" s="111" t="s">
        <v>400</v>
      </c>
      <c r="AU28" s="111">
        <v>1</v>
      </c>
      <c r="AV28" s="111">
        <v>0</v>
      </c>
      <c r="AW28" s="111">
        <v>0</v>
      </c>
      <c r="AX28" s="112" t="s">
        <v>22356</v>
      </c>
      <c r="AY28" s="112" t="s">
        <v>22357</v>
      </c>
      <c r="AZ28" s="112" t="s">
        <v>19793</v>
      </c>
      <c r="BA28" s="112" t="s">
        <v>22358</v>
      </c>
      <c r="BB28" s="107">
        <v>45884</v>
      </c>
    </row>
    <row r="29" spans="1:16384" s="207" customFormat="1" ht="13.95" customHeight="1" x14ac:dyDescent="0.25">
      <c r="A29" s="208" t="s">
        <v>172</v>
      </c>
      <c r="B29" s="209" t="s">
        <v>20420</v>
      </c>
      <c r="C29" s="113" t="s">
        <v>173</v>
      </c>
      <c r="D29" s="114" t="s">
        <v>22360</v>
      </c>
      <c r="E29" s="210">
        <v>1995</v>
      </c>
      <c r="F29" s="210">
        <v>65</v>
      </c>
      <c r="G29" s="113" t="s">
        <v>5</v>
      </c>
      <c r="H29" s="113">
        <v>0</v>
      </c>
      <c r="I29" s="113">
        <v>0</v>
      </c>
      <c r="J29" s="115">
        <v>0</v>
      </c>
      <c r="K29" s="116" t="s">
        <v>174</v>
      </c>
      <c r="L29" s="115">
        <v>0</v>
      </c>
      <c r="M29" s="115">
        <v>0</v>
      </c>
      <c r="N29" s="115">
        <v>0</v>
      </c>
      <c r="O29" s="115">
        <v>0</v>
      </c>
      <c r="P29" s="115" t="s">
        <v>400</v>
      </c>
      <c r="Q29" s="115" t="s">
        <v>400</v>
      </c>
      <c r="R29" s="115">
        <v>0</v>
      </c>
      <c r="S29" s="115">
        <v>0</v>
      </c>
      <c r="T29" s="115">
        <v>0</v>
      </c>
      <c r="U29" s="117"/>
      <c r="V29" s="117"/>
      <c r="W29" s="117"/>
      <c r="X29" s="117"/>
      <c r="Y29" s="117"/>
      <c r="Z29" s="117"/>
      <c r="AA29" s="117"/>
      <c r="AB29" s="117"/>
      <c r="AC29" s="117"/>
      <c r="AD29" s="117"/>
      <c r="AE29" s="117"/>
      <c r="AF29" s="117"/>
      <c r="AG29" s="117"/>
      <c r="AH29" s="117"/>
      <c r="AI29" s="117"/>
      <c r="AJ29" s="117"/>
      <c r="AK29" s="117"/>
      <c r="AL29" s="117"/>
      <c r="AM29" s="117"/>
      <c r="AN29" s="117"/>
      <c r="AO29" s="117"/>
      <c r="AP29" s="117"/>
      <c r="AQ29" s="117"/>
      <c r="AR29" s="117"/>
      <c r="AS29" s="117"/>
      <c r="AT29" s="117"/>
      <c r="AU29" s="117"/>
      <c r="AV29" s="117"/>
      <c r="AW29" s="117"/>
      <c r="AX29" s="117"/>
      <c r="AY29" s="117"/>
      <c r="AZ29" s="118"/>
      <c r="BA29" s="117"/>
      <c r="BB29" s="107">
        <v>45884</v>
      </c>
    </row>
    <row r="30" spans="1:16384" s="207" customFormat="1" ht="13.95" customHeight="1" x14ac:dyDescent="0.25">
      <c r="A30" s="208" t="s">
        <v>175</v>
      </c>
      <c r="B30" s="209" t="s">
        <v>20420</v>
      </c>
      <c r="C30" s="113" t="s">
        <v>176</v>
      </c>
      <c r="D30" s="113" t="s">
        <v>22361</v>
      </c>
      <c r="E30" s="210">
        <v>1991</v>
      </c>
      <c r="F30" s="210">
        <v>74</v>
      </c>
      <c r="G30" s="113" t="s">
        <v>1</v>
      </c>
      <c r="H30" s="113">
        <v>0</v>
      </c>
      <c r="I30" s="113">
        <v>0</v>
      </c>
      <c r="J30" s="115">
        <v>0</v>
      </c>
      <c r="K30" s="116" t="s">
        <v>174</v>
      </c>
      <c r="L30" s="115">
        <v>0</v>
      </c>
      <c r="M30" s="115">
        <v>0</v>
      </c>
      <c r="N30" s="115">
        <v>0</v>
      </c>
      <c r="O30" s="115">
        <v>0</v>
      </c>
      <c r="P30" s="115" t="s">
        <v>400</v>
      </c>
      <c r="Q30" s="115" t="s">
        <v>400</v>
      </c>
      <c r="R30" s="115">
        <v>0</v>
      </c>
      <c r="S30" s="115">
        <v>0</v>
      </c>
      <c r="T30" s="115">
        <v>0</v>
      </c>
      <c r="U30" s="119"/>
      <c r="V30" s="119"/>
      <c r="W30" s="119"/>
      <c r="X30" s="119"/>
      <c r="Y30" s="119"/>
      <c r="Z30" s="119"/>
      <c r="AA30" s="119"/>
      <c r="AB30" s="119"/>
      <c r="AC30" s="119"/>
      <c r="AD30" s="119"/>
      <c r="AE30" s="119"/>
      <c r="AF30" s="119"/>
      <c r="AG30" s="119"/>
      <c r="AH30" s="119"/>
      <c r="AI30" s="119"/>
      <c r="AJ30" s="119"/>
      <c r="AK30" s="119"/>
      <c r="AL30" s="119"/>
      <c r="AM30" s="119"/>
      <c r="AN30" s="119"/>
      <c r="AO30" s="119"/>
      <c r="AP30" s="119"/>
      <c r="AQ30" s="119"/>
      <c r="AR30" s="119"/>
      <c r="AS30" s="119"/>
      <c r="AT30" s="119"/>
      <c r="AU30" s="119"/>
      <c r="AV30" s="119"/>
      <c r="AW30" s="119"/>
      <c r="AX30" s="119"/>
      <c r="AY30" s="119"/>
      <c r="AZ30" s="119"/>
      <c r="BA30" s="119"/>
      <c r="BB30" s="107">
        <v>45884</v>
      </c>
    </row>
    <row r="31" spans="1:16384" s="207" customFormat="1" ht="13.95" customHeight="1" x14ac:dyDescent="0.25">
      <c r="A31" s="208" t="s">
        <v>177</v>
      </c>
      <c r="B31" s="209" t="s">
        <v>20420</v>
      </c>
      <c r="C31" s="113" t="s">
        <v>178</v>
      </c>
      <c r="D31" s="113" t="s">
        <v>179</v>
      </c>
      <c r="E31" s="210">
        <v>1998</v>
      </c>
      <c r="F31" s="210">
        <v>113</v>
      </c>
      <c r="G31" s="113" t="s">
        <v>1</v>
      </c>
      <c r="H31" s="113">
        <v>0</v>
      </c>
      <c r="I31" s="113">
        <v>0</v>
      </c>
      <c r="J31" s="115">
        <v>0</v>
      </c>
      <c r="K31" s="116" t="s">
        <v>174</v>
      </c>
      <c r="L31" s="115">
        <v>0</v>
      </c>
      <c r="M31" s="115">
        <v>0</v>
      </c>
      <c r="N31" s="115">
        <v>0</v>
      </c>
      <c r="O31" s="115">
        <v>0</v>
      </c>
      <c r="P31" s="115" t="s">
        <v>400</v>
      </c>
      <c r="Q31" s="115" t="s">
        <v>400</v>
      </c>
      <c r="R31" s="115">
        <v>0</v>
      </c>
      <c r="S31" s="115">
        <v>0</v>
      </c>
      <c r="T31" s="115">
        <v>0</v>
      </c>
      <c r="U31" s="119"/>
      <c r="V31" s="119"/>
      <c r="W31" s="119"/>
      <c r="X31" s="119"/>
      <c r="Y31" s="119"/>
      <c r="Z31" s="119"/>
      <c r="AA31" s="119"/>
      <c r="AB31" s="119"/>
      <c r="AC31" s="119"/>
      <c r="AD31" s="119"/>
      <c r="AE31" s="119"/>
      <c r="AF31" s="119"/>
      <c r="AG31" s="119"/>
      <c r="AH31" s="119"/>
      <c r="AI31" s="119"/>
      <c r="AJ31" s="119"/>
      <c r="AK31" s="119"/>
      <c r="AL31" s="119"/>
      <c r="AM31" s="119"/>
      <c r="AN31" s="119"/>
      <c r="AO31" s="119"/>
      <c r="AP31" s="119"/>
      <c r="AQ31" s="119"/>
      <c r="AR31" s="119"/>
      <c r="AS31" s="119"/>
      <c r="AT31" s="119"/>
      <c r="AU31" s="119"/>
      <c r="AV31" s="119"/>
      <c r="AW31" s="119"/>
      <c r="AX31" s="119"/>
      <c r="AY31" s="119"/>
      <c r="AZ31" s="119"/>
      <c r="BA31" s="119"/>
      <c r="BB31" s="107">
        <v>45884</v>
      </c>
    </row>
    <row r="32" spans="1:16384" s="207" customFormat="1" ht="13.95" customHeight="1" x14ac:dyDescent="0.25">
      <c r="A32" s="208" t="s">
        <v>180</v>
      </c>
      <c r="B32" s="209" t="s">
        <v>20420</v>
      </c>
      <c r="C32" s="113" t="s">
        <v>181</v>
      </c>
      <c r="D32" s="113" t="s">
        <v>182</v>
      </c>
      <c r="E32" s="210">
        <v>1987</v>
      </c>
      <c r="F32" s="210">
        <v>119</v>
      </c>
      <c r="G32" s="113" t="s">
        <v>1</v>
      </c>
      <c r="H32" s="113">
        <v>0</v>
      </c>
      <c r="I32" s="113">
        <v>0</v>
      </c>
      <c r="J32" s="115">
        <v>1</v>
      </c>
      <c r="K32" s="211">
        <v>1</v>
      </c>
      <c r="L32" s="115">
        <v>0</v>
      </c>
      <c r="M32" s="115">
        <v>1</v>
      </c>
      <c r="N32" s="115">
        <v>0</v>
      </c>
      <c r="O32" s="115">
        <v>0</v>
      </c>
      <c r="P32" s="115" t="s">
        <v>400</v>
      </c>
      <c r="Q32" s="115" t="s">
        <v>400</v>
      </c>
      <c r="R32" s="115">
        <v>0</v>
      </c>
      <c r="S32" s="115">
        <v>0</v>
      </c>
      <c r="T32" s="115">
        <v>0</v>
      </c>
      <c r="U32" s="119"/>
      <c r="V32" s="119"/>
      <c r="W32" s="119"/>
      <c r="X32" s="119"/>
      <c r="Y32" s="119"/>
      <c r="Z32" s="119"/>
      <c r="AA32" s="119"/>
      <c r="AB32" s="119"/>
      <c r="AC32" s="119"/>
      <c r="AD32" s="119"/>
      <c r="AE32" s="119"/>
      <c r="AF32" s="119"/>
      <c r="AG32" s="119"/>
      <c r="AH32" s="119"/>
      <c r="AI32" s="119"/>
      <c r="AJ32" s="119"/>
      <c r="AK32" s="119"/>
      <c r="AL32" s="119"/>
      <c r="AM32" s="119"/>
      <c r="AN32" s="119"/>
      <c r="AO32" s="119"/>
      <c r="AP32" s="119"/>
      <c r="AQ32" s="119"/>
      <c r="AR32" s="119"/>
      <c r="AS32" s="119"/>
      <c r="AT32" s="119"/>
      <c r="AU32" s="119"/>
      <c r="AV32" s="119"/>
      <c r="AW32" s="119"/>
      <c r="AX32" s="119"/>
      <c r="AY32" s="119"/>
      <c r="AZ32" s="119"/>
      <c r="BA32" s="119"/>
      <c r="BB32" s="107">
        <v>45884</v>
      </c>
    </row>
    <row r="33" spans="1:54" s="207" customFormat="1" ht="13.95" customHeight="1" x14ac:dyDescent="0.25">
      <c r="A33" s="208" t="s">
        <v>183</v>
      </c>
      <c r="B33" s="209" t="s">
        <v>20420</v>
      </c>
      <c r="C33" s="113" t="s">
        <v>184</v>
      </c>
      <c r="D33" s="113" t="s">
        <v>185</v>
      </c>
      <c r="E33" s="210">
        <v>1990</v>
      </c>
      <c r="F33" s="210">
        <v>126</v>
      </c>
      <c r="G33" s="113" t="s">
        <v>1</v>
      </c>
      <c r="H33" s="113">
        <v>0</v>
      </c>
      <c r="I33" s="113">
        <v>0</v>
      </c>
      <c r="J33" s="115">
        <v>0</v>
      </c>
      <c r="K33" s="116" t="s">
        <v>174</v>
      </c>
      <c r="L33" s="115">
        <v>0</v>
      </c>
      <c r="M33" s="115">
        <v>0</v>
      </c>
      <c r="N33" s="115">
        <v>0</v>
      </c>
      <c r="O33" s="115">
        <v>0</v>
      </c>
      <c r="P33" s="115" t="s">
        <v>400</v>
      </c>
      <c r="Q33" s="115" t="s">
        <v>400</v>
      </c>
      <c r="R33" s="115">
        <v>0</v>
      </c>
      <c r="S33" s="115">
        <v>0</v>
      </c>
      <c r="T33" s="115">
        <v>0</v>
      </c>
      <c r="U33" s="119"/>
      <c r="V33" s="119"/>
      <c r="W33" s="119"/>
      <c r="X33" s="119"/>
      <c r="Y33" s="119"/>
      <c r="Z33" s="119"/>
      <c r="AA33" s="119"/>
      <c r="AB33" s="119"/>
      <c r="AC33" s="119"/>
      <c r="AD33" s="119"/>
      <c r="AE33" s="119"/>
      <c r="AF33" s="119"/>
      <c r="AG33" s="119"/>
      <c r="AH33" s="119"/>
      <c r="AI33" s="119"/>
      <c r="AJ33" s="119"/>
      <c r="AK33" s="119"/>
      <c r="AL33" s="119"/>
      <c r="AM33" s="119"/>
      <c r="AN33" s="119"/>
      <c r="AO33" s="119"/>
      <c r="AP33" s="119"/>
      <c r="AQ33" s="119"/>
      <c r="AR33" s="119"/>
      <c r="AS33" s="119"/>
      <c r="AT33" s="119"/>
      <c r="AU33" s="119"/>
      <c r="AV33" s="119"/>
      <c r="AW33" s="119"/>
      <c r="AX33" s="119"/>
      <c r="AY33" s="119"/>
      <c r="AZ33" s="119"/>
      <c r="BA33" s="119"/>
      <c r="BB33" s="107">
        <v>45884</v>
      </c>
    </row>
    <row r="34" spans="1:54" s="207" customFormat="1" ht="13.95" customHeight="1" x14ac:dyDescent="0.25">
      <c r="A34" s="208" t="s">
        <v>186</v>
      </c>
      <c r="B34" s="209" t="s">
        <v>20420</v>
      </c>
      <c r="C34" s="113" t="s">
        <v>187</v>
      </c>
      <c r="D34" s="113" t="s">
        <v>188</v>
      </c>
      <c r="E34" s="210">
        <v>2013</v>
      </c>
      <c r="F34" s="210">
        <v>133</v>
      </c>
      <c r="G34" s="113" t="s">
        <v>1</v>
      </c>
      <c r="H34" s="113">
        <v>0</v>
      </c>
      <c r="I34" s="113">
        <v>0</v>
      </c>
      <c r="J34" s="115">
        <v>1</v>
      </c>
      <c r="K34" s="116" t="s">
        <v>174</v>
      </c>
      <c r="L34" s="115">
        <v>0</v>
      </c>
      <c r="M34" s="115">
        <v>0</v>
      </c>
      <c r="N34" s="115">
        <v>0</v>
      </c>
      <c r="O34" s="115">
        <v>0</v>
      </c>
      <c r="P34" s="115" t="s">
        <v>400</v>
      </c>
      <c r="Q34" s="115" t="s">
        <v>400</v>
      </c>
      <c r="R34" s="115">
        <v>0</v>
      </c>
      <c r="S34" s="115">
        <v>0</v>
      </c>
      <c r="T34" s="115">
        <v>0</v>
      </c>
      <c r="U34" s="119"/>
      <c r="V34" s="119"/>
      <c r="W34" s="119"/>
      <c r="X34" s="119"/>
      <c r="Y34" s="119"/>
      <c r="Z34" s="119"/>
      <c r="AA34" s="119"/>
      <c r="AB34" s="119"/>
      <c r="AC34" s="119"/>
      <c r="AD34" s="119"/>
      <c r="AE34" s="119"/>
      <c r="AF34" s="119"/>
      <c r="AG34" s="119"/>
      <c r="AH34" s="119"/>
      <c r="AI34" s="119"/>
      <c r="AJ34" s="119"/>
      <c r="AK34" s="119"/>
      <c r="AL34" s="119"/>
      <c r="AM34" s="119"/>
      <c r="AN34" s="119"/>
      <c r="AO34" s="119"/>
      <c r="AP34" s="119"/>
      <c r="AQ34" s="119"/>
      <c r="AR34" s="119"/>
      <c r="AS34" s="119"/>
      <c r="AT34" s="119"/>
      <c r="AU34" s="119"/>
      <c r="AV34" s="119"/>
      <c r="AW34" s="119"/>
      <c r="AX34" s="119"/>
      <c r="AY34" s="119"/>
      <c r="AZ34" s="119"/>
      <c r="BA34" s="119"/>
      <c r="BB34" s="107">
        <v>45884</v>
      </c>
    </row>
    <row r="35" spans="1:54" s="207" customFormat="1" ht="13.95" customHeight="1" x14ac:dyDescent="0.25">
      <c r="A35" s="208" t="s">
        <v>189</v>
      </c>
      <c r="B35" s="209" t="s">
        <v>20420</v>
      </c>
      <c r="C35" s="113" t="s">
        <v>190</v>
      </c>
      <c r="D35" s="113" t="s">
        <v>191</v>
      </c>
      <c r="E35" s="210">
        <v>1989</v>
      </c>
      <c r="F35" s="210">
        <v>148</v>
      </c>
      <c r="G35" s="113" t="s">
        <v>1</v>
      </c>
      <c r="H35" s="113">
        <v>0</v>
      </c>
      <c r="I35" s="113">
        <v>0</v>
      </c>
      <c r="J35" s="115">
        <v>1</v>
      </c>
      <c r="K35" s="116" t="s">
        <v>174</v>
      </c>
      <c r="L35" s="120">
        <v>0</v>
      </c>
      <c r="M35" s="115">
        <v>1</v>
      </c>
      <c r="N35" s="120">
        <v>1</v>
      </c>
      <c r="O35" s="115">
        <v>0</v>
      </c>
      <c r="P35" s="115" t="s">
        <v>400</v>
      </c>
      <c r="Q35" s="115" t="s">
        <v>400</v>
      </c>
      <c r="R35" s="115">
        <v>0</v>
      </c>
      <c r="S35" s="115">
        <v>0</v>
      </c>
      <c r="T35" s="115">
        <v>0</v>
      </c>
      <c r="U35" s="119"/>
      <c r="V35" s="119"/>
      <c r="W35" s="119"/>
      <c r="X35" s="119"/>
      <c r="Y35" s="119"/>
      <c r="Z35" s="119"/>
      <c r="AA35" s="119"/>
      <c r="AB35" s="119"/>
      <c r="AC35" s="119"/>
      <c r="AD35" s="119"/>
      <c r="AE35" s="119"/>
      <c r="AF35" s="119"/>
      <c r="AG35" s="119"/>
      <c r="AH35" s="119"/>
      <c r="AI35" s="119"/>
      <c r="AJ35" s="119"/>
      <c r="AK35" s="119"/>
      <c r="AL35" s="119"/>
      <c r="AM35" s="119"/>
      <c r="AN35" s="119"/>
      <c r="AO35" s="119"/>
      <c r="AP35" s="119"/>
      <c r="AQ35" s="119"/>
      <c r="AR35" s="119"/>
      <c r="AS35" s="119"/>
      <c r="AT35" s="119"/>
      <c r="AU35" s="119"/>
      <c r="AV35" s="119"/>
      <c r="AW35" s="119"/>
      <c r="AX35" s="119"/>
      <c r="AY35" s="119"/>
      <c r="AZ35" s="119"/>
      <c r="BA35" s="119"/>
      <c r="BB35" s="107">
        <v>45884</v>
      </c>
    </row>
    <row r="36" spans="1:54" s="207" customFormat="1" ht="13.95" customHeight="1" x14ac:dyDescent="0.25">
      <c r="A36" s="208" t="s">
        <v>192</v>
      </c>
      <c r="B36" s="209" t="s">
        <v>20420</v>
      </c>
      <c r="C36" s="113" t="s">
        <v>193</v>
      </c>
      <c r="D36" s="113" t="s">
        <v>22362</v>
      </c>
      <c r="E36" s="210">
        <v>1981</v>
      </c>
      <c r="F36" s="210">
        <v>150</v>
      </c>
      <c r="G36" s="113" t="s">
        <v>1</v>
      </c>
      <c r="H36" s="113">
        <v>0</v>
      </c>
      <c r="I36" s="113">
        <v>0</v>
      </c>
      <c r="J36" s="115">
        <v>1</v>
      </c>
      <c r="K36" s="116" t="s">
        <v>174</v>
      </c>
      <c r="L36" s="115">
        <v>1</v>
      </c>
      <c r="M36" s="115">
        <v>0</v>
      </c>
      <c r="N36" s="115">
        <v>0</v>
      </c>
      <c r="O36" s="115">
        <v>0</v>
      </c>
      <c r="P36" s="115">
        <v>1</v>
      </c>
      <c r="Q36" s="115" t="s">
        <v>400</v>
      </c>
      <c r="R36" s="115">
        <v>0</v>
      </c>
      <c r="S36" s="115">
        <v>0</v>
      </c>
      <c r="T36" s="115">
        <v>0</v>
      </c>
      <c r="U36" s="119"/>
      <c r="V36" s="119"/>
      <c r="W36" s="119"/>
      <c r="X36" s="119"/>
      <c r="Y36" s="119"/>
      <c r="Z36" s="119"/>
      <c r="AA36" s="119"/>
      <c r="AB36" s="119"/>
      <c r="AC36" s="119"/>
      <c r="AD36" s="119"/>
      <c r="AE36" s="119"/>
      <c r="AF36" s="119"/>
      <c r="AG36" s="119"/>
      <c r="AH36" s="119"/>
      <c r="AI36" s="119"/>
      <c r="AJ36" s="119"/>
      <c r="AK36" s="119"/>
      <c r="AL36" s="119"/>
      <c r="AM36" s="119"/>
      <c r="AN36" s="119"/>
      <c r="AO36" s="119"/>
      <c r="AP36" s="119"/>
      <c r="AQ36" s="119"/>
      <c r="AR36" s="119"/>
      <c r="AS36" s="119"/>
      <c r="AT36" s="119"/>
      <c r="AU36" s="119"/>
      <c r="AV36" s="119"/>
      <c r="AW36" s="119"/>
      <c r="AX36" s="119"/>
      <c r="AY36" s="119"/>
      <c r="AZ36" s="119"/>
      <c r="BA36" s="119"/>
      <c r="BB36" s="107">
        <v>45884</v>
      </c>
    </row>
    <row r="37" spans="1:54" s="207" customFormat="1" ht="13.95" customHeight="1" x14ac:dyDescent="0.25">
      <c r="A37" s="208" t="s">
        <v>194</v>
      </c>
      <c r="B37" s="209" t="s">
        <v>20420</v>
      </c>
      <c r="C37" s="113" t="s">
        <v>195</v>
      </c>
      <c r="D37" s="113" t="s">
        <v>22363</v>
      </c>
      <c r="E37" s="210">
        <v>1976</v>
      </c>
      <c r="F37" s="210">
        <v>150</v>
      </c>
      <c r="G37" s="113" t="s">
        <v>1</v>
      </c>
      <c r="H37" s="113">
        <v>0</v>
      </c>
      <c r="I37" s="113">
        <v>0</v>
      </c>
      <c r="J37" s="115">
        <v>1</v>
      </c>
      <c r="K37" s="116" t="s">
        <v>174</v>
      </c>
      <c r="L37" s="115">
        <v>0</v>
      </c>
      <c r="M37" s="115">
        <v>0</v>
      </c>
      <c r="N37" s="115">
        <v>0</v>
      </c>
      <c r="O37" s="115">
        <v>0</v>
      </c>
      <c r="P37" s="115" t="s">
        <v>400</v>
      </c>
      <c r="Q37" s="115" t="s">
        <v>400</v>
      </c>
      <c r="R37" s="115">
        <v>0</v>
      </c>
      <c r="S37" s="115">
        <v>0</v>
      </c>
      <c r="T37" s="115">
        <v>0</v>
      </c>
      <c r="U37" s="119"/>
      <c r="V37" s="119"/>
      <c r="W37" s="119"/>
      <c r="X37" s="119"/>
      <c r="Y37" s="119"/>
      <c r="Z37" s="119"/>
      <c r="AA37" s="119"/>
      <c r="AB37" s="119"/>
      <c r="AC37" s="119"/>
      <c r="AD37" s="119"/>
      <c r="AE37" s="119"/>
      <c r="AF37" s="119"/>
      <c r="AG37" s="119"/>
      <c r="AH37" s="119"/>
      <c r="AI37" s="119"/>
      <c r="AJ37" s="119"/>
      <c r="AK37" s="119"/>
      <c r="AL37" s="119"/>
      <c r="AM37" s="119"/>
      <c r="AN37" s="119"/>
      <c r="AO37" s="119"/>
      <c r="AP37" s="119"/>
      <c r="AQ37" s="119"/>
      <c r="AR37" s="119"/>
      <c r="AS37" s="119"/>
      <c r="AT37" s="119"/>
      <c r="AU37" s="119"/>
      <c r="AV37" s="119"/>
      <c r="AW37" s="119"/>
      <c r="AX37" s="119"/>
      <c r="AY37" s="119"/>
      <c r="AZ37" s="119"/>
      <c r="BA37" s="119"/>
      <c r="BB37" s="107">
        <v>45884</v>
      </c>
    </row>
    <row r="38" spans="1:54" s="207" customFormat="1" ht="13.95" customHeight="1" x14ac:dyDescent="0.25">
      <c r="A38" s="208" t="s">
        <v>196</v>
      </c>
      <c r="B38" s="209" t="s">
        <v>20420</v>
      </c>
      <c r="C38" s="113" t="s">
        <v>197</v>
      </c>
      <c r="D38" s="113" t="s">
        <v>22364</v>
      </c>
      <c r="E38" s="210">
        <v>1983</v>
      </c>
      <c r="F38" s="210">
        <v>150</v>
      </c>
      <c r="G38" s="113" t="s">
        <v>1</v>
      </c>
      <c r="H38" s="113">
        <v>0</v>
      </c>
      <c r="I38" s="113">
        <v>0</v>
      </c>
      <c r="J38" s="115">
        <v>1</v>
      </c>
      <c r="K38" s="116" t="s">
        <v>174</v>
      </c>
      <c r="L38" s="115">
        <v>0</v>
      </c>
      <c r="M38" s="115">
        <v>0</v>
      </c>
      <c r="N38" s="212">
        <v>1</v>
      </c>
      <c r="O38" s="115">
        <v>0</v>
      </c>
      <c r="P38" s="115" t="s">
        <v>400</v>
      </c>
      <c r="Q38" s="115" t="s">
        <v>400</v>
      </c>
      <c r="R38" s="115">
        <v>0</v>
      </c>
      <c r="S38" s="115">
        <v>0</v>
      </c>
      <c r="T38" s="115">
        <v>0</v>
      </c>
      <c r="U38" s="119"/>
      <c r="V38" s="119"/>
      <c r="W38" s="119"/>
      <c r="X38" s="119"/>
      <c r="Y38" s="119"/>
      <c r="Z38" s="119"/>
      <c r="AA38" s="119"/>
      <c r="AB38" s="119"/>
      <c r="AC38" s="119"/>
      <c r="AD38" s="119"/>
      <c r="AE38" s="119"/>
      <c r="AF38" s="119"/>
      <c r="AG38" s="119"/>
      <c r="AH38" s="119"/>
      <c r="AI38" s="119"/>
      <c r="AJ38" s="119"/>
      <c r="AK38" s="119"/>
      <c r="AL38" s="119"/>
      <c r="AM38" s="119"/>
      <c r="AN38" s="119"/>
      <c r="AO38" s="119"/>
      <c r="AP38" s="119"/>
      <c r="AQ38" s="119"/>
      <c r="AR38" s="119"/>
      <c r="AS38" s="119"/>
      <c r="AT38" s="119"/>
      <c r="AU38" s="119"/>
      <c r="AV38" s="119"/>
      <c r="AW38" s="119"/>
      <c r="AX38" s="119"/>
      <c r="AY38" s="119"/>
      <c r="AZ38" s="119"/>
      <c r="BA38" s="119"/>
      <c r="BB38" s="107">
        <v>45884</v>
      </c>
    </row>
    <row r="39" spans="1:54" s="207" customFormat="1" ht="13.95" customHeight="1" x14ac:dyDescent="0.25">
      <c r="A39" s="208" t="s">
        <v>198</v>
      </c>
      <c r="B39" s="209" t="s">
        <v>20420</v>
      </c>
      <c r="C39" s="113" t="s">
        <v>199</v>
      </c>
      <c r="D39" s="113" t="s">
        <v>200</v>
      </c>
      <c r="E39" s="210">
        <v>1979</v>
      </c>
      <c r="F39" s="210">
        <v>150</v>
      </c>
      <c r="G39" s="113" t="s">
        <v>1</v>
      </c>
      <c r="H39" s="113">
        <v>0</v>
      </c>
      <c r="I39" s="113">
        <v>0</v>
      </c>
      <c r="J39" s="115">
        <v>1</v>
      </c>
      <c r="K39" s="116" t="s">
        <v>174</v>
      </c>
      <c r="L39" s="115">
        <v>0</v>
      </c>
      <c r="M39" s="115">
        <v>0</v>
      </c>
      <c r="N39" s="115">
        <v>0</v>
      </c>
      <c r="O39" s="115">
        <v>0</v>
      </c>
      <c r="P39" s="115" t="s">
        <v>400</v>
      </c>
      <c r="Q39" s="115" t="s">
        <v>400</v>
      </c>
      <c r="R39" s="115">
        <v>0</v>
      </c>
      <c r="S39" s="115">
        <v>0</v>
      </c>
      <c r="T39" s="115">
        <v>0</v>
      </c>
      <c r="U39" s="119"/>
      <c r="V39" s="119"/>
      <c r="W39" s="119"/>
      <c r="X39" s="119"/>
      <c r="Y39" s="119"/>
      <c r="Z39" s="119"/>
      <c r="AA39" s="119"/>
      <c r="AB39" s="119"/>
      <c r="AC39" s="119"/>
      <c r="AD39" s="119"/>
      <c r="AE39" s="119"/>
      <c r="AF39" s="119"/>
      <c r="AG39" s="119"/>
      <c r="AH39" s="119"/>
      <c r="AI39" s="119"/>
      <c r="AJ39" s="119"/>
      <c r="AK39" s="119"/>
      <c r="AL39" s="119"/>
      <c r="AM39" s="119"/>
      <c r="AN39" s="119"/>
      <c r="AO39" s="119"/>
      <c r="AP39" s="119"/>
      <c r="AQ39" s="119"/>
      <c r="AR39" s="119"/>
      <c r="AS39" s="119"/>
      <c r="AT39" s="119"/>
      <c r="AU39" s="119"/>
      <c r="AV39" s="119"/>
      <c r="AW39" s="119"/>
      <c r="AX39" s="119"/>
      <c r="AY39" s="119"/>
      <c r="AZ39" s="119"/>
      <c r="BA39" s="119"/>
      <c r="BB39" s="107">
        <v>45884</v>
      </c>
    </row>
    <row r="40" spans="1:54" s="207" customFormat="1" ht="13.95" customHeight="1" x14ac:dyDescent="0.25">
      <c r="A40" s="208" t="s">
        <v>201</v>
      </c>
      <c r="B40" s="209" t="s">
        <v>20420</v>
      </c>
      <c r="C40" s="113" t="s">
        <v>202</v>
      </c>
      <c r="D40" s="113" t="s">
        <v>22365</v>
      </c>
      <c r="E40" s="210">
        <v>1975</v>
      </c>
      <c r="F40" s="210">
        <v>150</v>
      </c>
      <c r="G40" s="113" t="s">
        <v>1</v>
      </c>
      <c r="H40" s="113">
        <v>0</v>
      </c>
      <c r="I40" s="113">
        <v>0</v>
      </c>
      <c r="J40" s="115">
        <v>1</v>
      </c>
      <c r="K40" s="116" t="s">
        <v>174</v>
      </c>
      <c r="L40" s="115">
        <v>0</v>
      </c>
      <c r="M40" s="115">
        <v>0</v>
      </c>
      <c r="N40" s="115">
        <v>0</v>
      </c>
      <c r="O40" s="115">
        <v>0</v>
      </c>
      <c r="P40" s="115" t="s">
        <v>400</v>
      </c>
      <c r="Q40" s="115" t="s">
        <v>400</v>
      </c>
      <c r="R40" s="115">
        <v>0</v>
      </c>
      <c r="S40" s="115">
        <v>0</v>
      </c>
      <c r="T40" s="115">
        <v>0</v>
      </c>
      <c r="U40" s="119"/>
      <c r="V40" s="119"/>
      <c r="W40" s="119"/>
      <c r="X40" s="119"/>
      <c r="Y40" s="119"/>
      <c r="Z40" s="119"/>
      <c r="AA40" s="119"/>
      <c r="AB40" s="119"/>
      <c r="AC40" s="119"/>
      <c r="AD40" s="119"/>
      <c r="AE40" s="119"/>
      <c r="AF40" s="119"/>
      <c r="AG40" s="119"/>
      <c r="AH40" s="119"/>
      <c r="AI40" s="119"/>
      <c r="AJ40" s="119"/>
      <c r="AK40" s="119"/>
      <c r="AL40" s="119"/>
      <c r="AM40" s="119"/>
      <c r="AN40" s="119"/>
      <c r="AO40" s="119"/>
      <c r="AP40" s="119"/>
      <c r="AQ40" s="119"/>
      <c r="AR40" s="119"/>
      <c r="AS40" s="119"/>
      <c r="AT40" s="119"/>
      <c r="AU40" s="119"/>
      <c r="AV40" s="119"/>
      <c r="AW40" s="119"/>
      <c r="AX40" s="119"/>
      <c r="AY40" s="119"/>
      <c r="AZ40" s="119"/>
      <c r="BA40" s="119"/>
      <c r="BB40" s="107">
        <v>45884</v>
      </c>
    </row>
    <row r="41" spans="1:54" s="207" customFormat="1" ht="13.95" customHeight="1" x14ac:dyDescent="0.25">
      <c r="A41" s="208" t="s">
        <v>203</v>
      </c>
      <c r="B41" s="209" t="s">
        <v>20420</v>
      </c>
      <c r="C41" s="113" t="s">
        <v>204</v>
      </c>
      <c r="D41" s="113" t="s">
        <v>22366</v>
      </c>
      <c r="E41" s="210">
        <v>1998</v>
      </c>
      <c r="F41" s="210">
        <v>150</v>
      </c>
      <c r="G41" s="113" t="s">
        <v>1</v>
      </c>
      <c r="H41" s="113">
        <v>0</v>
      </c>
      <c r="I41" s="113">
        <v>0</v>
      </c>
      <c r="J41" s="115">
        <v>1</v>
      </c>
      <c r="K41" s="116" t="s">
        <v>174</v>
      </c>
      <c r="L41" s="115">
        <v>0</v>
      </c>
      <c r="M41" s="115">
        <v>0</v>
      </c>
      <c r="N41" s="115">
        <v>0</v>
      </c>
      <c r="O41" s="115">
        <v>0</v>
      </c>
      <c r="P41" s="115">
        <v>1</v>
      </c>
      <c r="Q41" s="115" t="s">
        <v>400</v>
      </c>
      <c r="R41" s="115">
        <v>0</v>
      </c>
      <c r="S41" s="115">
        <v>0</v>
      </c>
      <c r="T41" s="115">
        <v>0</v>
      </c>
      <c r="U41" s="119"/>
      <c r="V41" s="119"/>
      <c r="W41" s="119"/>
      <c r="X41" s="119"/>
      <c r="Y41" s="119"/>
      <c r="Z41" s="119"/>
      <c r="AA41" s="119"/>
      <c r="AB41" s="119"/>
      <c r="AC41" s="119"/>
      <c r="AD41" s="119"/>
      <c r="AE41" s="119"/>
      <c r="AF41" s="119"/>
      <c r="AG41" s="119"/>
      <c r="AH41" s="119"/>
      <c r="AI41" s="119"/>
      <c r="AJ41" s="119"/>
      <c r="AK41" s="119"/>
      <c r="AL41" s="119"/>
      <c r="AM41" s="119"/>
      <c r="AN41" s="119"/>
      <c r="AO41" s="119"/>
      <c r="AP41" s="119"/>
      <c r="AQ41" s="119"/>
      <c r="AR41" s="119"/>
      <c r="AS41" s="119"/>
      <c r="AT41" s="119"/>
      <c r="AU41" s="119"/>
      <c r="AV41" s="119"/>
      <c r="AW41" s="119"/>
      <c r="AX41" s="119"/>
      <c r="AY41" s="119"/>
      <c r="AZ41" s="119"/>
      <c r="BA41" s="119"/>
      <c r="BB41" s="107">
        <v>45884</v>
      </c>
    </row>
    <row r="42" spans="1:54" s="207" customFormat="1" ht="13.95" customHeight="1" x14ac:dyDescent="0.25">
      <c r="A42" s="208" t="s">
        <v>205</v>
      </c>
      <c r="B42" s="209" t="s">
        <v>20420</v>
      </c>
      <c r="C42" s="113" t="s">
        <v>206</v>
      </c>
      <c r="D42" s="113" t="s">
        <v>19915</v>
      </c>
      <c r="E42" s="210">
        <v>1979</v>
      </c>
      <c r="F42" s="210">
        <v>150</v>
      </c>
      <c r="G42" s="113" t="s">
        <v>1</v>
      </c>
      <c r="H42" s="113">
        <v>0</v>
      </c>
      <c r="I42" s="113">
        <v>0</v>
      </c>
      <c r="J42" s="115">
        <v>1</v>
      </c>
      <c r="K42" s="116" t="s">
        <v>174</v>
      </c>
      <c r="L42" s="115">
        <v>0</v>
      </c>
      <c r="M42" s="115">
        <v>0</v>
      </c>
      <c r="N42" s="115">
        <v>0</v>
      </c>
      <c r="O42" s="115">
        <v>0</v>
      </c>
      <c r="P42" s="115" t="s">
        <v>400</v>
      </c>
      <c r="Q42" s="115" t="s">
        <v>400</v>
      </c>
      <c r="R42" s="115">
        <v>0</v>
      </c>
      <c r="S42" s="115">
        <v>0</v>
      </c>
      <c r="T42" s="115">
        <v>0</v>
      </c>
      <c r="U42" s="119"/>
      <c r="V42" s="119"/>
      <c r="W42" s="119"/>
      <c r="X42" s="119"/>
      <c r="Y42" s="119"/>
      <c r="Z42" s="119"/>
      <c r="AA42" s="119"/>
      <c r="AB42" s="119"/>
      <c r="AC42" s="119"/>
      <c r="AD42" s="119"/>
      <c r="AE42" s="119"/>
      <c r="AF42" s="119"/>
      <c r="AG42" s="119"/>
      <c r="AH42" s="119"/>
      <c r="AI42" s="119"/>
      <c r="AJ42" s="119"/>
      <c r="AK42" s="119"/>
      <c r="AL42" s="119"/>
      <c r="AM42" s="119"/>
      <c r="AN42" s="119"/>
      <c r="AO42" s="119"/>
      <c r="AP42" s="119"/>
      <c r="AQ42" s="119"/>
      <c r="AR42" s="119"/>
      <c r="AS42" s="119"/>
      <c r="AT42" s="119"/>
      <c r="AU42" s="119"/>
      <c r="AV42" s="119"/>
      <c r="AW42" s="119"/>
      <c r="AX42" s="119"/>
      <c r="AY42" s="119"/>
      <c r="AZ42" s="119"/>
      <c r="BA42" s="119"/>
      <c r="BB42" s="107">
        <v>45884</v>
      </c>
    </row>
    <row r="43" spans="1:54" s="207" customFormat="1" ht="13.95" customHeight="1" x14ac:dyDescent="0.25">
      <c r="A43" s="208" t="s">
        <v>207</v>
      </c>
      <c r="B43" s="209" t="s">
        <v>20420</v>
      </c>
      <c r="C43" s="113" t="s">
        <v>208</v>
      </c>
      <c r="D43" s="113" t="s">
        <v>22367</v>
      </c>
      <c r="E43" s="210">
        <v>1977</v>
      </c>
      <c r="F43" s="210">
        <v>150</v>
      </c>
      <c r="G43" s="113" t="s">
        <v>1</v>
      </c>
      <c r="H43" s="113">
        <v>0</v>
      </c>
      <c r="I43" s="113">
        <v>0</v>
      </c>
      <c r="J43" s="115">
        <v>1</v>
      </c>
      <c r="K43" s="116" t="s">
        <v>174</v>
      </c>
      <c r="L43" s="115">
        <v>1</v>
      </c>
      <c r="M43" s="115">
        <v>0</v>
      </c>
      <c r="N43" s="115">
        <v>0</v>
      </c>
      <c r="O43" s="115">
        <v>0</v>
      </c>
      <c r="P43" s="115" t="s">
        <v>400</v>
      </c>
      <c r="Q43" s="115" t="s">
        <v>400</v>
      </c>
      <c r="R43" s="115">
        <v>0</v>
      </c>
      <c r="S43" s="115">
        <v>0</v>
      </c>
      <c r="T43" s="115">
        <v>0</v>
      </c>
      <c r="U43" s="119"/>
      <c r="V43" s="119"/>
      <c r="W43" s="119"/>
      <c r="X43" s="119"/>
      <c r="Y43" s="119"/>
      <c r="Z43" s="119"/>
      <c r="AA43" s="119"/>
      <c r="AB43" s="119"/>
      <c r="AC43" s="119"/>
      <c r="AD43" s="119"/>
      <c r="AE43" s="119"/>
      <c r="AF43" s="119"/>
      <c r="AG43" s="119"/>
      <c r="AH43" s="119"/>
      <c r="AI43" s="119"/>
      <c r="AJ43" s="119"/>
      <c r="AK43" s="119"/>
      <c r="AL43" s="119"/>
      <c r="AM43" s="119"/>
      <c r="AN43" s="119"/>
      <c r="AO43" s="119"/>
      <c r="AP43" s="119"/>
      <c r="AQ43" s="119"/>
      <c r="AR43" s="119"/>
      <c r="AS43" s="119"/>
      <c r="AT43" s="119"/>
      <c r="AU43" s="119"/>
      <c r="AV43" s="119"/>
      <c r="AW43" s="119"/>
      <c r="AX43" s="119"/>
      <c r="AY43" s="119"/>
      <c r="AZ43" s="119"/>
      <c r="BA43" s="119"/>
      <c r="BB43" s="107">
        <v>45884</v>
      </c>
    </row>
    <row r="44" spans="1:54" s="207" customFormat="1" ht="13.95" customHeight="1" x14ac:dyDescent="0.25">
      <c r="A44" s="208" t="s">
        <v>209</v>
      </c>
      <c r="B44" s="209" t="s">
        <v>20420</v>
      </c>
      <c r="C44" s="113" t="s">
        <v>210</v>
      </c>
      <c r="D44" s="113" t="s">
        <v>22368</v>
      </c>
      <c r="E44" s="210">
        <v>2001</v>
      </c>
      <c r="F44" s="210">
        <v>150</v>
      </c>
      <c r="G44" s="113" t="s">
        <v>1</v>
      </c>
      <c r="H44" s="113">
        <v>0</v>
      </c>
      <c r="I44" s="113">
        <v>0</v>
      </c>
      <c r="J44" s="115">
        <v>0</v>
      </c>
      <c r="K44" s="116" t="s">
        <v>174</v>
      </c>
      <c r="L44" s="115">
        <v>0</v>
      </c>
      <c r="M44" s="115">
        <v>0</v>
      </c>
      <c r="N44" s="115">
        <v>0</v>
      </c>
      <c r="O44" s="115">
        <v>0</v>
      </c>
      <c r="P44" s="115" t="s">
        <v>400</v>
      </c>
      <c r="Q44" s="115" t="s">
        <v>400</v>
      </c>
      <c r="R44" s="115">
        <v>0</v>
      </c>
      <c r="S44" s="115">
        <v>0</v>
      </c>
      <c r="T44" s="115">
        <v>0</v>
      </c>
      <c r="U44" s="119"/>
      <c r="V44" s="119"/>
      <c r="W44" s="119"/>
      <c r="X44" s="119"/>
      <c r="Y44" s="119"/>
      <c r="Z44" s="119"/>
      <c r="AA44" s="119"/>
      <c r="AB44" s="119"/>
      <c r="AC44" s="119"/>
      <c r="AD44" s="119"/>
      <c r="AE44" s="119"/>
      <c r="AF44" s="119"/>
      <c r="AG44" s="119"/>
      <c r="AH44" s="119"/>
      <c r="AI44" s="119"/>
      <c r="AJ44" s="119"/>
      <c r="AK44" s="119"/>
      <c r="AL44" s="119"/>
      <c r="AM44" s="119"/>
      <c r="AN44" s="119"/>
      <c r="AO44" s="119"/>
      <c r="AP44" s="119"/>
      <c r="AQ44" s="119"/>
      <c r="AR44" s="119"/>
      <c r="AS44" s="119"/>
      <c r="AT44" s="119"/>
      <c r="AU44" s="119"/>
      <c r="AV44" s="119"/>
      <c r="AW44" s="119"/>
      <c r="AX44" s="119"/>
      <c r="AY44" s="119"/>
      <c r="AZ44" s="119"/>
      <c r="BA44" s="119"/>
      <c r="BB44" s="107">
        <v>45884</v>
      </c>
    </row>
    <row r="45" spans="1:54" s="207" customFormat="1" ht="13.95" customHeight="1" x14ac:dyDescent="0.25">
      <c r="A45" s="208" t="s">
        <v>211</v>
      </c>
      <c r="B45" s="209" t="s">
        <v>20420</v>
      </c>
      <c r="C45" s="113" t="s">
        <v>212</v>
      </c>
      <c r="D45" s="113" t="s">
        <v>22369</v>
      </c>
      <c r="E45" s="210">
        <v>1980</v>
      </c>
      <c r="F45" s="210">
        <v>150</v>
      </c>
      <c r="G45" s="113" t="s">
        <v>1</v>
      </c>
      <c r="H45" s="113">
        <v>0</v>
      </c>
      <c r="I45" s="113">
        <v>0</v>
      </c>
      <c r="J45" s="115">
        <v>1</v>
      </c>
      <c r="K45" s="116" t="s">
        <v>174</v>
      </c>
      <c r="L45" s="115">
        <v>0</v>
      </c>
      <c r="M45" s="115">
        <v>0</v>
      </c>
      <c r="N45" s="115">
        <v>0</v>
      </c>
      <c r="O45" s="115">
        <v>0</v>
      </c>
      <c r="P45" s="115" t="s">
        <v>400</v>
      </c>
      <c r="Q45" s="115" t="s">
        <v>400</v>
      </c>
      <c r="R45" s="115">
        <v>0</v>
      </c>
      <c r="S45" s="115">
        <v>0</v>
      </c>
      <c r="T45" s="115">
        <v>0</v>
      </c>
      <c r="U45" s="119"/>
      <c r="V45" s="119"/>
      <c r="W45" s="119"/>
      <c r="X45" s="119"/>
      <c r="Y45" s="119"/>
      <c r="Z45" s="119"/>
      <c r="AA45" s="119"/>
      <c r="AB45" s="119"/>
      <c r="AC45" s="119"/>
      <c r="AD45" s="119"/>
      <c r="AE45" s="119"/>
      <c r="AF45" s="119"/>
      <c r="AG45" s="119"/>
      <c r="AH45" s="119"/>
      <c r="AI45" s="119"/>
      <c r="AJ45" s="119"/>
      <c r="AK45" s="119"/>
      <c r="AL45" s="119"/>
      <c r="AM45" s="119"/>
      <c r="AN45" s="119"/>
      <c r="AO45" s="119"/>
      <c r="AP45" s="119"/>
      <c r="AQ45" s="119"/>
      <c r="AR45" s="119"/>
      <c r="AS45" s="119"/>
      <c r="AT45" s="119"/>
      <c r="AU45" s="119"/>
      <c r="AV45" s="119"/>
      <c r="AW45" s="119"/>
      <c r="AX45" s="119"/>
      <c r="AY45" s="119"/>
      <c r="AZ45" s="119"/>
      <c r="BA45" s="119"/>
      <c r="BB45" s="107">
        <v>45884</v>
      </c>
    </row>
    <row r="46" spans="1:54" s="207" customFormat="1" ht="13.95" customHeight="1" x14ac:dyDescent="0.25">
      <c r="A46" s="208" t="s">
        <v>213</v>
      </c>
      <c r="B46" s="209" t="s">
        <v>20420</v>
      </c>
      <c r="C46" s="113" t="s">
        <v>214</v>
      </c>
      <c r="D46" s="113" t="s">
        <v>215</v>
      </c>
      <c r="E46" s="210">
        <v>1981</v>
      </c>
      <c r="F46" s="210">
        <v>150</v>
      </c>
      <c r="G46" s="113" t="s">
        <v>1</v>
      </c>
      <c r="H46" s="113">
        <v>0</v>
      </c>
      <c r="I46" s="113">
        <v>0</v>
      </c>
      <c r="J46" s="115">
        <v>1</v>
      </c>
      <c r="K46" s="116" t="s">
        <v>174</v>
      </c>
      <c r="L46" s="115">
        <v>0</v>
      </c>
      <c r="M46" s="115">
        <v>0</v>
      </c>
      <c r="N46" s="115">
        <v>1</v>
      </c>
      <c r="O46" s="115">
        <v>0</v>
      </c>
      <c r="P46" s="115" t="s">
        <v>400</v>
      </c>
      <c r="Q46" s="115" t="s">
        <v>400</v>
      </c>
      <c r="R46" s="115">
        <v>0</v>
      </c>
      <c r="S46" s="115">
        <v>0</v>
      </c>
      <c r="T46" s="115">
        <v>0</v>
      </c>
      <c r="U46" s="119"/>
      <c r="V46" s="119"/>
      <c r="W46" s="119"/>
      <c r="X46" s="119"/>
      <c r="Y46" s="119"/>
      <c r="Z46" s="119"/>
      <c r="AA46" s="119"/>
      <c r="AB46" s="119"/>
      <c r="AC46" s="119"/>
      <c r="AD46" s="119"/>
      <c r="AE46" s="119"/>
      <c r="AF46" s="119"/>
      <c r="AG46" s="119"/>
      <c r="AH46" s="119"/>
      <c r="AI46" s="119"/>
      <c r="AJ46" s="119"/>
      <c r="AK46" s="119"/>
      <c r="AL46" s="119"/>
      <c r="AM46" s="119"/>
      <c r="AN46" s="119"/>
      <c r="AO46" s="119"/>
      <c r="AP46" s="119"/>
      <c r="AQ46" s="119"/>
      <c r="AR46" s="119"/>
      <c r="AS46" s="119"/>
      <c r="AT46" s="119"/>
      <c r="AU46" s="119"/>
      <c r="AV46" s="119"/>
      <c r="AW46" s="119"/>
      <c r="AX46" s="119"/>
      <c r="AY46" s="119"/>
      <c r="AZ46" s="119"/>
      <c r="BA46" s="119"/>
      <c r="BB46" s="107">
        <v>45884</v>
      </c>
    </row>
    <row r="47" spans="1:54" s="207" customFormat="1" ht="13.95" customHeight="1" x14ac:dyDescent="0.25">
      <c r="A47" s="208" t="s">
        <v>216</v>
      </c>
      <c r="B47" s="209" t="s">
        <v>20420</v>
      </c>
      <c r="C47" s="113" t="s">
        <v>217</v>
      </c>
      <c r="D47" s="113" t="s">
        <v>218</v>
      </c>
      <c r="E47" s="210">
        <v>2005</v>
      </c>
      <c r="F47" s="210">
        <v>150</v>
      </c>
      <c r="G47" s="113" t="s">
        <v>1</v>
      </c>
      <c r="H47" s="113">
        <v>0</v>
      </c>
      <c r="I47" s="113">
        <v>0</v>
      </c>
      <c r="J47" s="115">
        <v>1</v>
      </c>
      <c r="K47" s="116" t="s">
        <v>174</v>
      </c>
      <c r="L47" s="115">
        <v>0</v>
      </c>
      <c r="M47" s="115">
        <v>0</v>
      </c>
      <c r="N47" s="115">
        <v>0</v>
      </c>
      <c r="O47" s="115">
        <v>0</v>
      </c>
      <c r="P47" s="115" t="s">
        <v>400</v>
      </c>
      <c r="Q47" s="115" t="s">
        <v>400</v>
      </c>
      <c r="R47" s="115">
        <v>0</v>
      </c>
      <c r="S47" s="115">
        <v>0</v>
      </c>
      <c r="T47" s="115">
        <v>0</v>
      </c>
      <c r="U47" s="119"/>
      <c r="V47" s="119"/>
      <c r="W47" s="119"/>
      <c r="X47" s="119"/>
      <c r="Y47" s="119"/>
      <c r="Z47" s="119"/>
      <c r="AA47" s="119"/>
      <c r="AB47" s="119"/>
      <c r="AC47" s="119"/>
      <c r="AD47" s="119"/>
      <c r="AE47" s="119"/>
      <c r="AF47" s="119"/>
      <c r="AG47" s="119"/>
      <c r="AH47" s="119"/>
      <c r="AI47" s="119"/>
      <c r="AJ47" s="119"/>
      <c r="AK47" s="119"/>
      <c r="AL47" s="119"/>
      <c r="AM47" s="119"/>
      <c r="AN47" s="119"/>
      <c r="AO47" s="119"/>
      <c r="AP47" s="119"/>
      <c r="AQ47" s="119"/>
      <c r="AR47" s="119"/>
      <c r="AS47" s="119"/>
      <c r="AT47" s="119"/>
      <c r="AU47" s="119"/>
      <c r="AV47" s="119"/>
      <c r="AW47" s="119"/>
      <c r="AX47" s="119"/>
      <c r="AY47" s="119"/>
      <c r="AZ47" s="119"/>
      <c r="BA47" s="119"/>
      <c r="BB47" s="107">
        <v>45884</v>
      </c>
    </row>
    <row r="48" spans="1:54" s="207" customFormat="1" ht="13.95" customHeight="1" x14ac:dyDescent="0.25">
      <c r="A48" s="208" t="s">
        <v>219</v>
      </c>
      <c r="B48" s="209" t="s">
        <v>20420</v>
      </c>
      <c r="C48" s="113" t="s">
        <v>220</v>
      </c>
      <c r="D48" s="113" t="s">
        <v>22370</v>
      </c>
      <c r="E48" s="210">
        <v>1987</v>
      </c>
      <c r="F48" s="210">
        <v>150</v>
      </c>
      <c r="G48" s="113" t="s">
        <v>1</v>
      </c>
      <c r="H48" s="113">
        <v>0</v>
      </c>
      <c r="I48" s="113">
        <v>0</v>
      </c>
      <c r="J48" s="115">
        <v>1</v>
      </c>
      <c r="K48" s="116" t="s">
        <v>174</v>
      </c>
      <c r="L48" s="115">
        <v>0</v>
      </c>
      <c r="M48" s="115">
        <v>0</v>
      </c>
      <c r="N48" s="115">
        <v>0</v>
      </c>
      <c r="O48" s="115">
        <v>0</v>
      </c>
      <c r="P48" s="115">
        <v>1</v>
      </c>
      <c r="Q48" s="115" t="s">
        <v>400</v>
      </c>
      <c r="R48" s="115">
        <v>0</v>
      </c>
      <c r="S48" s="115">
        <v>0</v>
      </c>
      <c r="T48" s="115">
        <v>0</v>
      </c>
      <c r="U48" s="119"/>
      <c r="V48" s="119"/>
      <c r="W48" s="119"/>
      <c r="X48" s="119"/>
      <c r="Y48" s="119"/>
      <c r="Z48" s="119"/>
      <c r="AA48" s="119"/>
      <c r="AB48" s="119"/>
      <c r="AC48" s="119"/>
      <c r="AD48" s="119"/>
      <c r="AE48" s="119"/>
      <c r="AF48" s="119"/>
      <c r="AG48" s="119"/>
      <c r="AH48" s="119"/>
      <c r="AI48" s="119"/>
      <c r="AJ48" s="119"/>
      <c r="AK48" s="119"/>
      <c r="AL48" s="119"/>
      <c r="AM48" s="119"/>
      <c r="AN48" s="119"/>
      <c r="AO48" s="119"/>
      <c r="AP48" s="119"/>
      <c r="AQ48" s="119"/>
      <c r="AR48" s="119"/>
      <c r="AS48" s="119"/>
      <c r="AT48" s="119"/>
      <c r="AU48" s="119"/>
      <c r="AV48" s="119"/>
      <c r="AW48" s="119"/>
      <c r="AX48" s="119"/>
      <c r="AY48" s="119"/>
      <c r="AZ48" s="119"/>
      <c r="BA48" s="119"/>
      <c r="BB48" s="107">
        <v>45884</v>
      </c>
    </row>
    <row r="49" spans="1:54" s="207" customFormat="1" ht="13.95" customHeight="1" x14ac:dyDescent="0.25">
      <c r="A49" s="208" t="s">
        <v>221</v>
      </c>
      <c r="B49" s="209" t="s">
        <v>20420</v>
      </c>
      <c r="C49" s="113" t="s">
        <v>222</v>
      </c>
      <c r="D49" s="113" t="s">
        <v>22371</v>
      </c>
      <c r="E49" s="210">
        <v>1978</v>
      </c>
      <c r="F49" s="210">
        <v>150</v>
      </c>
      <c r="G49" s="113" t="s">
        <v>1</v>
      </c>
      <c r="H49" s="113">
        <v>0</v>
      </c>
      <c r="I49" s="113">
        <v>0</v>
      </c>
      <c r="J49" s="115">
        <v>1</v>
      </c>
      <c r="K49" s="116" t="s">
        <v>174</v>
      </c>
      <c r="L49" s="115">
        <v>1</v>
      </c>
      <c r="M49" s="115">
        <v>0</v>
      </c>
      <c r="N49" s="115">
        <v>0</v>
      </c>
      <c r="O49" s="115">
        <v>0</v>
      </c>
      <c r="P49" s="115" t="s">
        <v>400</v>
      </c>
      <c r="Q49" s="115" t="s">
        <v>400</v>
      </c>
      <c r="R49" s="115">
        <v>0</v>
      </c>
      <c r="S49" s="115">
        <v>0</v>
      </c>
      <c r="T49" s="115">
        <v>0</v>
      </c>
      <c r="U49" s="119"/>
      <c r="V49" s="119"/>
      <c r="W49" s="119"/>
      <c r="X49" s="119"/>
      <c r="Y49" s="119"/>
      <c r="Z49" s="119"/>
      <c r="AA49" s="119"/>
      <c r="AB49" s="119"/>
      <c r="AC49" s="119"/>
      <c r="AD49" s="119"/>
      <c r="AE49" s="119"/>
      <c r="AF49" s="119"/>
      <c r="AG49" s="119"/>
      <c r="AH49" s="119"/>
      <c r="AI49" s="119"/>
      <c r="AJ49" s="119"/>
      <c r="AK49" s="119"/>
      <c r="AL49" s="119"/>
      <c r="AM49" s="119"/>
      <c r="AN49" s="119"/>
      <c r="AO49" s="119"/>
      <c r="AP49" s="119"/>
      <c r="AQ49" s="119"/>
      <c r="AR49" s="119"/>
      <c r="AS49" s="119"/>
      <c r="AT49" s="119"/>
      <c r="AU49" s="119"/>
      <c r="AV49" s="119"/>
      <c r="AW49" s="119"/>
      <c r="AX49" s="119"/>
      <c r="AY49" s="119"/>
      <c r="AZ49" s="119"/>
      <c r="BA49" s="119"/>
      <c r="BB49" s="107">
        <v>45884</v>
      </c>
    </row>
    <row r="50" spans="1:54" s="207" customFormat="1" ht="13.95" customHeight="1" x14ac:dyDescent="0.25">
      <c r="A50" s="208" t="s">
        <v>223</v>
      </c>
      <c r="B50" s="209" t="s">
        <v>20420</v>
      </c>
      <c r="C50" s="113" t="s">
        <v>224</v>
      </c>
      <c r="D50" s="113" t="s">
        <v>22372</v>
      </c>
      <c r="E50" s="210">
        <v>1974</v>
      </c>
      <c r="F50" s="210">
        <v>150</v>
      </c>
      <c r="G50" s="113" t="s">
        <v>1</v>
      </c>
      <c r="H50" s="113">
        <v>0</v>
      </c>
      <c r="I50" s="113">
        <v>0</v>
      </c>
      <c r="J50" s="115">
        <v>1</v>
      </c>
      <c r="K50" s="116" t="s">
        <v>174</v>
      </c>
      <c r="L50" s="115">
        <v>0</v>
      </c>
      <c r="M50" s="115">
        <v>0</v>
      </c>
      <c r="N50" s="115">
        <v>0</v>
      </c>
      <c r="O50" s="115">
        <v>0</v>
      </c>
      <c r="P50" s="115" t="s">
        <v>400</v>
      </c>
      <c r="Q50" s="115" t="s">
        <v>400</v>
      </c>
      <c r="R50" s="115">
        <v>0</v>
      </c>
      <c r="S50" s="115">
        <v>0</v>
      </c>
      <c r="T50" s="115">
        <v>0</v>
      </c>
      <c r="U50" s="119"/>
      <c r="V50" s="119"/>
      <c r="W50" s="119"/>
      <c r="X50" s="119"/>
      <c r="Y50" s="119"/>
      <c r="Z50" s="119"/>
      <c r="AA50" s="119"/>
      <c r="AB50" s="119"/>
      <c r="AC50" s="119"/>
      <c r="AD50" s="119"/>
      <c r="AE50" s="119"/>
      <c r="AF50" s="119"/>
      <c r="AG50" s="119"/>
      <c r="AH50" s="119"/>
      <c r="AI50" s="119"/>
      <c r="AJ50" s="119"/>
      <c r="AK50" s="119"/>
      <c r="AL50" s="119"/>
      <c r="AM50" s="119"/>
      <c r="AN50" s="119"/>
      <c r="AO50" s="119"/>
      <c r="AP50" s="119"/>
      <c r="AQ50" s="119"/>
      <c r="AR50" s="119"/>
      <c r="AS50" s="119"/>
      <c r="AT50" s="119"/>
      <c r="AU50" s="119"/>
      <c r="AV50" s="119"/>
      <c r="AW50" s="119"/>
      <c r="AX50" s="119"/>
      <c r="AY50" s="119"/>
      <c r="AZ50" s="119"/>
      <c r="BA50" s="119"/>
      <c r="BB50" s="107">
        <v>45884</v>
      </c>
    </row>
    <row r="51" spans="1:54" s="207" customFormat="1" ht="13.95" customHeight="1" x14ac:dyDescent="0.25">
      <c r="A51" s="208" t="s">
        <v>225</v>
      </c>
      <c r="B51" s="209" t="s">
        <v>20420</v>
      </c>
      <c r="C51" s="113" t="s">
        <v>226</v>
      </c>
      <c r="D51" s="113" t="s">
        <v>227</v>
      </c>
      <c r="E51" s="210">
        <v>1981</v>
      </c>
      <c r="F51" s="210">
        <v>150</v>
      </c>
      <c r="G51" s="113" t="s">
        <v>1</v>
      </c>
      <c r="H51" s="113">
        <v>0</v>
      </c>
      <c r="I51" s="113">
        <v>0</v>
      </c>
      <c r="J51" s="115">
        <v>1</v>
      </c>
      <c r="K51" s="116" t="s">
        <v>174</v>
      </c>
      <c r="L51" s="115">
        <v>1</v>
      </c>
      <c r="M51" s="115">
        <v>0</v>
      </c>
      <c r="N51" s="115">
        <v>1</v>
      </c>
      <c r="O51" s="115">
        <v>0</v>
      </c>
      <c r="P51" s="115" t="s">
        <v>400</v>
      </c>
      <c r="Q51" s="115" t="s">
        <v>400</v>
      </c>
      <c r="R51" s="115">
        <v>1</v>
      </c>
      <c r="S51" s="115">
        <v>0</v>
      </c>
      <c r="T51" s="115">
        <v>0</v>
      </c>
      <c r="U51" s="119"/>
      <c r="V51" s="119"/>
      <c r="W51" s="119"/>
      <c r="X51" s="119"/>
      <c r="Y51" s="119"/>
      <c r="Z51" s="119"/>
      <c r="AA51" s="119"/>
      <c r="AB51" s="119"/>
      <c r="AC51" s="119"/>
      <c r="AD51" s="119"/>
      <c r="AE51" s="119"/>
      <c r="AF51" s="119"/>
      <c r="AG51" s="119"/>
      <c r="AH51" s="119"/>
      <c r="AI51" s="119"/>
      <c r="AJ51" s="119"/>
      <c r="AK51" s="119"/>
      <c r="AL51" s="119"/>
      <c r="AM51" s="119"/>
      <c r="AN51" s="119"/>
      <c r="AO51" s="119"/>
      <c r="AP51" s="119"/>
      <c r="AQ51" s="119"/>
      <c r="AR51" s="119"/>
      <c r="AS51" s="119"/>
      <c r="AT51" s="119"/>
      <c r="AU51" s="119"/>
      <c r="AV51" s="119"/>
      <c r="AW51" s="119"/>
      <c r="AX51" s="119"/>
      <c r="AY51" s="119"/>
      <c r="AZ51" s="119"/>
      <c r="BA51" s="119"/>
      <c r="BB51" s="107">
        <v>45884</v>
      </c>
    </row>
    <row r="52" spans="1:54" s="207" customFormat="1" ht="13.95" customHeight="1" x14ac:dyDescent="0.25">
      <c r="A52" s="208" t="s">
        <v>228</v>
      </c>
      <c r="B52" s="209" t="s">
        <v>20420</v>
      </c>
      <c r="C52" s="113" t="s">
        <v>229</v>
      </c>
      <c r="D52" s="113" t="s">
        <v>230</v>
      </c>
      <c r="E52" s="210">
        <v>1978</v>
      </c>
      <c r="F52" s="210">
        <v>150</v>
      </c>
      <c r="G52" s="113" t="s">
        <v>1</v>
      </c>
      <c r="H52" s="113">
        <v>0</v>
      </c>
      <c r="I52" s="113">
        <v>0</v>
      </c>
      <c r="J52" s="115">
        <v>1</v>
      </c>
      <c r="K52" s="116" t="s">
        <v>174</v>
      </c>
      <c r="L52" s="115">
        <v>0</v>
      </c>
      <c r="M52" s="115">
        <v>0</v>
      </c>
      <c r="N52" s="115">
        <v>1</v>
      </c>
      <c r="O52" s="115">
        <v>0</v>
      </c>
      <c r="P52" s="115" t="s">
        <v>400</v>
      </c>
      <c r="Q52" s="115" t="s">
        <v>400</v>
      </c>
      <c r="R52" s="115">
        <v>0</v>
      </c>
      <c r="S52" s="115">
        <v>0</v>
      </c>
      <c r="T52" s="115">
        <v>0</v>
      </c>
      <c r="U52" s="119"/>
      <c r="V52" s="119"/>
      <c r="W52" s="119"/>
      <c r="X52" s="119"/>
      <c r="Y52" s="119"/>
      <c r="Z52" s="119"/>
      <c r="AA52" s="119"/>
      <c r="AB52" s="119"/>
      <c r="AC52" s="119"/>
      <c r="AD52" s="119"/>
      <c r="AE52" s="119"/>
      <c r="AF52" s="119"/>
      <c r="AG52" s="119"/>
      <c r="AH52" s="119"/>
      <c r="AI52" s="119"/>
      <c r="AJ52" s="119"/>
      <c r="AK52" s="119"/>
      <c r="AL52" s="119"/>
      <c r="AM52" s="119"/>
      <c r="AN52" s="119"/>
      <c r="AO52" s="119"/>
      <c r="AP52" s="119"/>
      <c r="AQ52" s="119"/>
      <c r="AR52" s="119"/>
      <c r="AS52" s="119"/>
      <c r="AT52" s="119"/>
      <c r="AU52" s="119"/>
      <c r="AV52" s="119"/>
      <c r="AW52" s="119"/>
      <c r="AX52" s="119"/>
      <c r="AY52" s="119"/>
      <c r="AZ52" s="119"/>
      <c r="BA52" s="119"/>
      <c r="BB52" s="107">
        <v>45884</v>
      </c>
    </row>
    <row r="53" spans="1:54" s="207" customFormat="1" ht="13.95" customHeight="1" x14ac:dyDescent="0.25">
      <c r="A53" s="208" t="s">
        <v>231</v>
      </c>
      <c r="B53" s="209" t="s">
        <v>20420</v>
      </c>
      <c r="C53" s="113" t="s">
        <v>232</v>
      </c>
      <c r="D53" s="113" t="s">
        <v>22373</v>
      </c>
      <c r="E53" s="210">
        <v>1981</v>
      </c>
      <c r="F53" s="210">
        <v>150</v>
      </c>
      <c r="G53" s="113" t="s">
        <v>1</v>
      </c>
      <c r="H53" s="113">
        <v>0</v>
      </c>
      <c r="I53" s="113">
        <v>0</v>
      </c>
      <c r="J53" s="115">
        <v>1</v>
      </c>
      <c r="K53" s="116" t="s">
        <v>174</v>
      </c>
      <c r="L53" s="115">
        <v>1</v>
      </c>
      <c r="M53" s="115">
        <v>0</v>
      </c>
      <c r="N53" s="115">
        <v>0</v>
      </c>
      <c r="O53" s="115">
        <v>0</v>
      </c>
      <c r="P53" s="115" t="s">
        <v>400</v>
      </c>
      <c r="Q53" s="115" t="s">
        <v>400</v>
      </c>
      <c r="R53" s="115">
        <v>0</v>
      </c>
      <c r="S53" s="115">
        <v>0</v>
      </c>
      <c r="T53" s="115">
        <v>0</v>
      </c>
      <c r="U53" s="119"/>
      <c r="V53" s="119"/>
      <c r="W53" s="119"/>
      <c r="X53" s="119"/>
      <c r="Y53" s="119"/>
      <c r="Z53" s="119"/>
      <c r="AA53" s="119"/>
      <c r="AB53" s="119"/>
      <c r="AC53" s="119"/>
      <c r="AD53" s="119"/>
      <c r="AE53" s="119"/>
      <c r="AF53" s="119"/>
      <c r="AG53" s="119"/>
      <c r="AH53" s="119"/>
      <c r="AI53" s="119"/>
      <c r="AJ53" s="119"/>
      <c r="AK53" s="119"/>
      <c r="AL53" s="119"/>
      <c r="AM53" s="119"/>
      <c r="AN53" s="119"/>
      <c r="AO53" s="119"/>
      <c r="AP53" s="119"/>
      <c r="AQ53" s="119"/>
      <c r="AR53" s="119"/>
      <c r="AS53" s="119"/>
      <c r="AT53" s="119"/>
      <c r="AU53" s="119"/>
      <c r="AV53" s="119"/>
      <c r="AW53" s="119"/>
      <c r="AX53" s="119"/>
      <c r="AY53" s="119"/>
      <c r="AZ53" s="119"/>
      <c r="BA53" s="119"/>
      <c r="BB53" s="107">
        <v>45884</v>
      </c>
    </row>
    <row r="54" spans="1:54" s="207" customFormat="1" ht="13.95" customHeight="1" x14ac:dyDescent="0.25">
      <c r="A54" s="208" t="s">
        <v>233</v>
      </c>
      <c r="B54" s="209" t="s">
        <v>20420</v>
      </c>
      <c r="C54" s="113" t="s">
        <v>234</v>
      </c>
      <c r="D54" s="113" t="s">
        <v>235</v>
      </c>
      <c r="E54" s="210">
        <v>1980</v>
      </c>
      <c r="F54" s="210">
        <v>150</v>
      </c>
      <c r="G54" s="113" t="s">
        <v>1</v>
      </c>
      <c r="H54" s="113">
        <v>0</v>
      </c>
      <c r="I54" s="113">
        <v>0</v>
      </c>
      <c r="J54" s="115">
        <v>1</v>
      </c>
      <c r="K54" s="211">
        <v>1</v>
      </c>
      <c r="L54" s="115">
        <v>0</v>
      </c>
      <c r="M54" s="115">
        <v>0</v>
      </c>
      <c r="N54" s="115">
        <v>0</v>
      </c>
      <c r="O54" s="115">
        <v>0</v>
      </c>
      <c r="P54" s="115" t="s">
        <v>400</v>
      </c>
      <c r="Q54" s="115" t="s">
        <v>400</v>
      </c>
      <c r="R54" s="115">
        <v>0</v>
      </c>
      <c r="S54" s="115">
        <v>0</v>
      </c>
      <c r="T54" s="115">
        <v>0</v>
      </c>
      <c r="U54" s="119"/>
      <c r="V54" s="119"/>
      <c r="W54" s="119"/>
      <c r="X54" s="119"/>
      <c r="Y54" s="119"/>
      <c r="Z54" s="119"/>
      <c r="AA54" s="119"/>
      <c r="AB54" s="119"/>
      <c r="AC54" s="119"/>
      <c r="AD54" s="119"/>
      <c r="AE54" s="119"/>
      <c r="AF54" s="119"/>
      <c r="AG54" s="119"/>
      <c r="AH54" s="119"/>
      <c r="AI54" s="119"/>
      <c r="AJ54" s="119"/>
      <c r="AK54" s="119"/>
      <c r="AL54" s="119"/>
      <c r="AM54" s="119"/>
      <c r="AN54" s="119"/>
      <c r="AO54" s="119"/>
      <c r="AP54" s="119"/>
      <c r="AQ54" s="119"/>
      <c r="AR54" s="119"/>
      <c r="AS54" s="119"/>
      <c r="AT54" s="119"/>
      <c r="AU54" s="119"/>
      <c r="AV54" s="119"/>
      <c r="AW54" s="119"/>
      <c r="AX54" s="119"/>
      <c r="AY54" s="119"/>
      <c r="AZ54" s="119"/>
      <c r="BA54" s="119"/>
      <c r="BB54" s="107">
        <v>45884</v>
      </c>
    </row>
    <row r="55" spans="1:54" s="207" customFormat="1" ht="13.95" customHeight="1" x14ac:dyDescent="0.25">
      <c r="A55" s="208" t="s">
        <v>236</v>
      </c>
      <c r="B55" s="209" t="s">
        <v>20420</v>
      </c>
      <c r="C55" s="113" t="s">
        <v>237</v>
      </c>
      <c r="D55" s="113" t="s">
        <v>238</v>
      </c>
      <c r="E55" s="210">
        <v>1976</v>
      </c>
      <c r="F55" s="210">
        <v>150</v>
      </c>
      <c r="G55" s="113" t="s">
        <v>1</v>
      </c>
      <c r="H55" s="113">
        <v>0</v>
      </c>
      <c r="I55" s="113">
        <v>0</v>
      </c>
      <c r="J55" s="115">
        <v>1</v>
      </c>
      <c r="K55" s="116" t="s">
        <v>174</v>
      </c>
      <c r="L55" s="115">
        <v>0</v>
      </c>
      <c r="M55" s="115">
        <v>0</v>
      </c>
      <c r="N55" s="115">
        <v>0</v>
      </c>
      <c r="O55" s="115">
        <v>0</v>
      </c>
      <c r="P55" s="115" t="s">
        <v>400</v>
      </c>
      <c r="Q55" s="115">
        <v>1</v>
      </c>
      <c r="R55" s="115">
        <v>0</v>
      </c>
      <c r="S55" s="115">
        <v>0</v>
      </c>
      <c r="T55" s="115">
        <v>0</v>
      </c>
      <c r="U55" s="119"/>
      <c r="V55" s="119"/>
      <c r="W55" s="119"/>
      <c r="X55" s="119"/>
      <c r="Y55" s="119"/>
      <c r="Z55" s="119"/>
      <c r="AA55" s="119"/>
      <c r="AB55" s="119"/>
      <c r="AC55" s="119"/>
      <c r="AD55" s="119"/>
      <c r="AE55" s="119"/>
      <c r="AF55" s="119"/>
      <c r="AG55" s="119"/>
      <c r="AH55" s="119"/>
      <c r="AI55" s="119"/>
      <c r="AJ55" s="119"/>
      <c r="AK55" s="119"/>
      <c r="AL55" s="119"/>
      <c r="AM55" s="119"/>
      <c r="AN55" s="119"/>
      <c r="AO55" s="119"/>
      <c r="AP55" s="119"/>
      <c r="AQ55" s="119"/>
      <c r="AR55" s="119"/>
      <c r="AS55" s="119"/>
      <c r="AT55" s="119"/>
      <c r="AU55" s="119"/>
      <c r="AV55" s="119"/>
      <c r="AW55" s="119"/>
      <c r="AX55" s="119"/>
      <c r="AY55" s="119"/>
      <c r="AZ55" s="119"/>
      <c r="BA55" s="119"/>
      <c r="BB55" s="107">
        <v>45884</v>
      </c>
    </row>
    <row r="56" spans="1:54" s="207" customFormat="1" ht="13.95" customHeight="1" x14ac:dyDescent="0.25">
      <c r="A56" s="208" t="s">
        <v>239</v>
      </c>
      <c r="B56" s="209" t="s">
        <v>20420</v>
      </c>
      <c r="C56" s="113" t="s">
        <v>240</v>
      </c>
      <c r="D56" s="113" t="s">
        <v>22374</v>
      </c>
      <c r="E56" s="210">
        <v>1983</v>
      </c>
      <c r="F56" s="210">
        <v>151</v>
      </c>
      <c r="G56" s="113" t="s">
        <v>1</v>
      </c>
      <c r="H56" s="113">
        <v>0</v>
      </c>
      <c r="I56" s="113">
        <v>0</v>
      </c>
      <c r="J56" s="115">
        <v>1</v>
      </c>
      <c r="K56" s="116" t="s">
        <v>174</v>
      </c>
      <c r="L56" s="115">
        <v>0</v>
      </c>
      <c r="M56" s="115">
        <v>0</v>
      </c>
      <c r="N56" s="115">
        <v>0</v>
      </c>
      <c r="O56" s="115">
        <v>0</v>
      </c>
      <c r="P56" s="115" t="s">
        <v>400</v>
      </c>
      <c r="Q56" s="115" t="s">
        <v>400</v>
      </c>
      <c r="R56" s="115">
        <v>0</v>
      </c>
      <c r="S56" s="115">
        <v>0</v>
      </c>
      <c r="T56" s="115">
        <v>0</v>
      </c>
      <c r="U56" s="119"/>
      <c r="V56" s="119"/>
      <c r="W56" s="119"/>
      <c r="X56" s="119"/>
      <c r="Y56" s="119"/>
      <c r="Z56" s="119"/>
      <c r="AA56" s="119"/>
      <c r="AB56" s="119"/>
      <c r="AC56" s="119"/>
      <c r="AD56" s="119"/>
      <c r="AE56" s="119"/>
      <c r="AF56" s="119"/>
      <c r="AG56" s="119"/>
      <c r="AH56" s="119"/>
      <c r="AI56" s="119"/>
      <c r="AJ56" s="119"/>
      <c r="AK56" s="119"/>
      <c r="AL56" s="119"/>
      <c r="AM56" s="119"/>
      <c r="AN56" s="119"/>
      <c r="AO56" s="119"/>
      <c r="AP56" s="119"/>
      <c r="AQ56" s="119"/>
      <c r="AR56" s="119"/>
      <c r="AS56" s="119"/>
      <c r="AT56" s="119"/>
      <c r="AU56" s="119"/>
      <c r="AV56" s="119"/>
      <c r="AW56" s="119"/>
      <c r="AX56" s="119"/>
      <c r="AY56" s="119"/>
      <c r="AZ56" s="119"/>
      <c r="BA56" s="119"/>
      <c r="BB56" s="107">
        <v>45884</v>
      </c>
    </row>
    <row r="57" spans="1:54" s="207" customFormat="1" ht="13.95" customHeight="1" x14ac:dyDescent="0.25">
      <c r="A57" s="208" t="s">
        <v>241</v>
      </c>
      <c r="B57" s="209" t="s">
        <v>20420</v>
      </c>
      <c r="C57" s="113" t="s">
        <v>242</v>
      </c>
      <c r="D57" s="113" t="s">
        <v>22375</v>
      </c>
      <c r="E57" s="210">
        <v>1994</v>
      </c>
      <c r="F57" s="210">
        <v>151</v>
      </c>
      <c r="G57" s="113" t="s">
        <v>1</v>
      </c>
      <c r="H57" s="113">
        <v>0</v>
      </c>
      <c r="I57" s="113">
        <v>0</v>
      </c>
      <c r="J57" s="115">
        <v>1</v>
      </c>
      <c r="K57" s="116" t="s">
        <v>174</v>
      </c>
      <c r="L57" s="115">
        <v>0</v>
      </c>
      <c r="M57" s="115">
        <v>0</v>
      </c>
      <c r="N57" s="115">
        <v>0</v>
      </c>
      <c r="O57" s="115">
        <v>0</v>
      </c>
      <c r="P57" s="115" t="s">
        <v>400</v>
      </c>
      <c r="Q57" s="115" t="s">
        <v>400</v>
      </c>
      <c r="R57" s="115">
        <v>0</v>
      </c>
      <c r="S57" s="115">
        <v>0</v>
      </c>
      <c r="T57" s="115">
        <v>0</v>
      </c>
      <c r="U57" s="119"/>
      <c r="V57" s="119"/>
      <c r="W57" s="119"/>
      <c r="X57" s="119"/>
      <c r="Y57" s="119"/>
      <c r="Z57" s="119"/>
      <c r="AA57" s="119"/>
      <c r="AB57" s="119"/>
      <c r="AC57" s="119"/>
      <c r="AD57" s="119"/>
      <c r="AE57" s="119"/>
      <c r="AF57" s="119"/>
      <c r="AG57" s="119"/>
      <c r="AH57" s="119"/>
      <c r="AI57" s="119"/>
      <c r="AJ57" s="119"/>
      <c r="AK57" s="119"/>
      <c r="AL57" s="119"/>
      <c r="AM57" s="119"/>
      <c r="AN57" s="119"/>
      <c r="AO57" s="119"/>
      <c r="AP57" s="119"/>
      <c r="AQ57" s="119"/>
      <c r="AR57" s="119"/>
      <c r="AS57" s="119"/>
      <c r="AT57" s="119"/>
      <c r="AU57" s="119"/>
      <c r="AV57" s="119"/>
      <c r="AW57" s="119"/>
      <c r="AX57" s="119"/>
      <c r="AY57" s="119"/>
      <c r="AZ57" s="119"/>
      <c r="BA57" s="119"/>
      <c r="BB57" s="107">
        <v>45884</v>
      </c>
    </row>
    <row r="58" spans="1:54" s="207" customFormat="1" ht="13.95" customHeight="1" x14ac:dyDescent="0.25">
      <c r="A58" s="208" t="s">
        <v>243</v>
      </c>
      <c r="B58" s="209" t="s">
        <v>20420</v>
      </c>
      <c r="C58" s="113" t="s">
        <v>244</v>
      </c>
      <c r="D58" s="113" t="s">
        <v>245</v>
      </c>
      <c r="E58" s="210">
        <v>1984</v>
      </c>
      <c r="F58" s="210">
        <v>151</v>
      </c>
      <c r="G58" s="113" t="s">
        <v>1</v>
      </c>
      <c r="H58" s="113">
        <v>0</v>
      </c>
      <c r="I58" s="113">
        <v>0</v>
      </c>
      <c r="J58" s="115">
        <v>1</v>
      </c>
      <c r="K58" s="116" t="s">
        <v>174</v>
      </c>
      <c r="L58" s="115">
        <v>0</v>
      </c>
      <c r="M58" s="115">
        <v>0</v>
      </c>
      <c r="N58" s="115">
        <v>0</v>
      </c>
      <c r="O58" s="115">
        <v>0</v>
      </c>
      <c r="P58" s="115" t="s">
        <v>400</v>
      </c>
      <c r="Q58" s="115" t="s">
        <v>400</v>
      </c>
      <c r="R58" s="115">
        <v>0</v>
      </c>
      <c r="S58" s="115">
        <v>0</v>
      </c>
      <c r="T58" s="115">
        <v>0</v>
      </c>
      <c r="U58" s="119"/>
      <c r="V58" s="119"/>
      <c r="W58" s="119"/>
      <c r="X58" s="119"/>
      <c r="Y58" s="119"/>
      <c r="Z58" s="119"/>
      <c r="AA58" s="119"/>
      <c r="AB58" s="119"/>
      <c r="AC58" s="119"/>
      <c r="AD58" s="119"/>
      <c r="AE58" s="119"/>
      <c r="AF58" s="119"/>
      <c r="AG58" s="119"/>
      <c r="AH58" s="119"/>
      <c r="AI58" s="119"/>
      <c r="AJ58" s="119"/>
      <c r="AK58" s="119"/>
      <c r="AL58" s="119"/>
      <c r="AM58" s="119"/>
      <c r="AN58" s="119"/>
      <c r="AO58" s="119"/>
      <c r="AP58" s="119"/>
      <c r="AQ58" s="119"/>
      <c r="AR58" s="119"/>
      <c r="AS58" s="119"/>
      <c r="AT58" s="119"/>
      <c r="AU58" s="119"/>
      <c r="AV58" s="119"/>
      <c r="AW58" s="119"/>
      <c r="AX58" s="119"/>
      <c r="AY58" s="119"/>
      <c r="AZ58" s="119"/>
      <c r="BA58" s="119"/>
      <c r="BB58" s="107">
        <v>45884</v>
      </c>
    </row>
    <row r="59" spans="1:54" s="207" customFormat="1" ht="13.95" customHeight="1" x14ac:dyDescent="0.25">
      <c r="A59" s="208" t="s">
        <v>246</v>
      </c>
      <c r="B59" s="209" t="s">
        <v>20420</v>
      </c>
      <c r="C59" s="113" t="s">
        <v>247</v>
      </c>
      <c r="D59" s="113" t="s">
        <v>22376</v>
      </c>
      <c r="E59" s="210">
        <v>1988</v>
      </c>
      <c r="F59" s="210">
        <v>151</v>
      </c>
      <c r="G59" s="113" t="s">
        <v>1</v>
      </c>
      <c r="H59" s="113">
        <v>0</v>
      </c>
      <c r="I59" s="113">
        <v>0</v>
      </c>
      <c r="J59" s="115">
        <v>1</v>
      </c>
      <c r="K59" s="116" t="s">
        <v>174</v>
      </c>
      <c r="L59" s="115">
        <v>1</v>
      </c>
      <c r="M59" s="115">
        <v>0</v>
      </c>
      <c r="N59" s="115">
        <v>0</v>
      </c>
      <c r="O59" s="115">
        <v>0</v>
      </c>
      <c r="P59" s="115" t="s">
        <v>400</v>
      </c>
      <c r="Q59" s="115" t="s">
        <v>400</v>
      </c>
      <c r="R59" s="115">
        <v>0</v>
      </c>
      <c r="S59" s="115">
        <v>0</v>
      </c>
      <c r="T59" s="115">
        <v>0</v>
      </c>
      <c r="U59" s="119"/>
      <c r="V59" s="119"/>
      <c r="W59" s="119"/>
      <c r="X59" s="119"/>
      <c r="Y59" s="119"/>
      <c r="Z59" s="119"/>
      <c r="AA59" s="119"/>
      <c r="AB59" s="119"/>
      <c r="AC59" s="119"/>
      <c r="AD59" s="119"/>
      <c r="AE59" s="119"/>
      <c r="AF59" s="119"/>
      <c r="AG59" s="119"/>
      <c r="AH59" s="119"/>
      <c r="AI59" s="119"/>
      <c r="AJ59" s="119"/>
      <c r="AK59" s="119"/>
      <c r="AL59" s="119"/>
      <c r="AM59" s="119"/>
      <c r="AN59" s="119"/>
      <c r="AO59" s="119"/>
      <c r="AP59" s="119"/>
      <c r="AQ59" s="119"/>
      <c r="AR59" s="119"/>
      <c r="AS59" s="119"/>
      <c r="AT59" s="119"/>
      <c r="AU59" s="119"/>
      <c r="AV59" s="119"/>
      <c r="AW59" s="119"/>
      <c r="AX59" s="119"/>
      <c r="AY59" s="119"/>
      <c r="AZ59" s="119"/>
      <c r="BA59" s="119"/>
      <c r="BB59" s="107">
        <v>45884</v>
      </c>
    </row>
    <row r="60" spans="1:54" s="207" customFormat="1" ht="13.95" customHeight="1" x14ac:dyDescent="0.25">
      <c r="A60" s="208" t="s">
        <v>248</v>
      </c>
      <c r="B60" s="209" t="s">
        <v>20420</v>
      </c>
      <c r="C60" s="113" t="s">
        <v>249</v>
      </c>
      <c r="D60" s="113" t="s">
        <v>22377</v>
      </c>
      <c r="E60" s="210">
        <v>1987</v>
      </c>
      <c r="F60" s="210">
        <v>151</v>
      </c>
      <c r="G60" s="113" t="s">
        <v>1</v>
      </c>
      <c r="H60" s="113">
        <v>0</v>
      </c>
      <c r="I60" s="113">
        <v>0</v>
      </c>
      <c r="J60" s="115">
        <v>1</v>
      </c>
      <c r="K60" s="211">
        <v>1</v>
      </c>
      <c r="L60" s="115">
        <v>1</v>
      </c>
      <c r="M60" s="115">
        <v>0</v>
      </c>
      <c r="N60" s="115">
        <v>0</v>
      </c>
      <c r="O60" s="115">
        <v>0</v>
      </c>
      <c r="P60" s="115" t="s">
        <v>400</v>
      </c>
      <c r="Q60" s="115" t="s">
        <v>400</v>
      </c>
      <c r="R60" s="115">
        <v>0</v>
      </c>
      <c r="S60" s="115">
        <v>0</v>
      </c>
      <c r="T60" s="115">
        <v>0</v>
      </c>
      <c r="U60" s="119"/>
      <c r="V60" s="119"/>
      <c r="W60" s="119"/>
      <c r="X60" s="119"/>
      <c r="Y60" s="119"/>
      <c r="Z60" s="119"/>
      <c r="AA60" s="119"/>
      <c r="AB60" s="119"/>
      <c r="AC60" s="119"/>
      <c r="AD60" s="119"/>
      <c r="AE60" s="119"/>
      <c r="AF60" s="119"/>
      <c r="AG60" s="119"/>
      <c r="AH60" s="119"/>
      <c r="AI60" s="119"/>
      <c r="AJ60" s="119"/>
      <c r="AK60" s="119"/>
      <c r="AL60" s="119"/>
      <c r="AM60" s="119"/>
      <c r="AN60" s="119"/>
      <c r="AO60" s="119"/>
      <c r="AP60" s="119"/>
      <c r="AQ60" s="119"/>
      <c r="AR60" s="119"/>
      <c r="AS60" s="119"/>
      <c r="AT60" s="119"/>
      <c r="AU60" s="119"/>
      <c r="AV60" s="119"/>
      <c r="AW60" s="119"/>
      <c r="AX60" s="119"/>
      <c r="AY60" s="119"/>
      <c r="AZ60" s="119"/>
      <c r="BA60" s="119"/>
      <c r="BB60" s="107">
        <v>45884</v>
      </c>
    </row>
    <row r="61" spans="1:54" s="207" customFormat="1" ht="13.95" customHeight="1" x14ac:dyDescent="0.25">
      <c r="A61" s="208" t="s">
        <v>250</v>
      </c>
      <c r="B61" s="209" t="s">
        <v>20420</v>
      </c>
      <c r="C61" s="113" t="s">
        <v>251</v>
      </c>
      <c r="D61" s="113" t="s">
        <v>22378</v>
      </c>
      <c r="E61" s="210">
        <v>1985</v>
      </c>
      <c r="F61" s="210">
        <v>151</v>
      </c>
      <c r="G61" s="113" t="s">
        <v>1</v>
      </c>
      <c r="H61" s="113">
        <v>0</v>
      </c>
      <c r="I61" s="113">
        <v>0</v>
      </c>
      <c r="J61" s="115">
        <v>1</v>
      </c>
      <c r="K61" s="116" t="s">
        <v>174</v>
      </c>
      <c r="L61" s="115">
        <v>0</v>
      </c>
      <c r="M61" s="115">
        <v>0</v>
      </c>
      <c r="N61" s="115">
        <v>1</v>
      </c>
      <c r="O61" s="115">
        <v>0</v>
      </c>
      <c r="P61" s="115" t="s">
        <v>400</v>
      </c>
      <c r="Q61" s="115" t="s">
        <v>400</v>
      </c>
      <c r="R61" s="115">
        <v>0</v>
      </c>
      <c r="S61" s="115">
        <v>0</v>
      </c>
      <c r="T61" s="115">
        <v>0</v>
      </c>
      <c r="U61" s="119"/>
      <c r="V61" s="119"/>
      <c r="W61" s="119"/>
      <c r="X61" s="119"/>
      <c r="Y61" s="119"/>
      <c r="Z61" s="119"/>
      <c r="AA61" s="119"/>
      <c r="AB61" s="119"/>
      <c r="AC61" s="119"/>
      <c r="AD61" s="119"/>
      <c r="AE61" s="119"/>
      <c r="AF61" s="119"/>
      <c r="AG61" s="119"/>
      <c r="AH61" s="119"/>
      <c r="AI61" s="119"/>
      <c r="AJ61" s="119"/>
      <c r="AK61" s="119"/>
      <c r="AL61" s="119"/>
      <c r="AM61" s="119"/>
      <c r="AN61" s="119"/>
      <c r="AO61" s="119"/>
      <c r="AP61" s="119"/>
      <c r="AQ61" s="119"/>
      <c r="AR61" s="119"/>
      <c r="AS61" s="119"/>
      <c r="AT61" s="119"/>
      <c r="AU61" s="119"/>
      <c r="AV61" s="119"/>
      <c r="AW61" s="119"/>
      <c r="AX61" s="119"/>
      <c r="AY61" s="119"/>
      <c r="AZ61" s="119"/>
      <c r="BA61" s="119"/>
      <c r="BB61" s="107">
        <v>45884</v>
      </c>
    </row>
    <row r="62" spans="1:54" s="207" customFormat="1" ht="13.95" customHeight="1" x14ac:dyDescent="0.25">
      <c r="A62" s="208" t="s">
        <v>252</v>
      </c>
      <c r="B62" s="209" t="s">
        <v>20420</v>
      </c>
      <c r="C62" s="113" t="s">
        <v>253</v>
      </c>
      <c r="D62" s="113" t="s">
        <v>22379</v>
      </c>
      <c r="E62" s="210">
        <v>1978</v>
      </c>
      <c r="F62" s="210">
        <v>151</v>
      </c>
      <c r="G62" s="113" t="s">
        <v>1</v>
      </c>
      <c r="H62" s="113">
        <v>0</v>
      </c>
      <c r="I62" s="113">
        <v>0</v>
      </c>
      <c r="J62" s="115">
        <v>1</v>
      </c>
      <c r="K62" s="116" t="s">
        <v>174</v>
      </c>
      <c r="L62" s="115">
        <v>0</v>
      </c>
      <c r="M62" s="115">
        <v>0</v>
      </c>
      <c r="N62" s="115">
        <v>0</v>
      </c>
      <c r="O62" s="115">
        <v>0</v>
      </c>
      <c r="P62" s="115" t="s">
        <v>400</v>
      </c>
      <c r="Q62" s="115" t="s">
        <v>400</v>
      </c>
      <c r="R62" s="115">
        <v>0</v>
      </c>
      <c r="S62" s="115">
        <v>0</v>
      </c>
      <c r="T62" s="115">
        <v>0</v>
      </c>
      <c r="U62" s="119"/>
      <c r="V62" s="119"/>
      <c r="W62" s="119"/>
      <c r="X62" s="119"/>
      <c r="Y62" s="119"/>
      <c r="Z62" s="119"/>
      <c r="AA62" s="119"/>
      <c r="AB62" s="119"/>
      <c r="AC62" s="119"/>
      <c r="AD62" s="119"/>
      <c r="AE62" s="119"/>
      <c r="AF62" s="119"/>
      <c r="AG62" s="119"/>
      <c r="AH62" s="119"/>
      <c r="AI62" s="119"/>
      <c r="AJ62" s="119"/>
      <c r="AK62" s="119"/>
      <c r="AL62" s="119"/>
      <c r="AM62" s="119"/>
      <c r="AN62" s="119"/>
      <c r="AO62" s="119"/>
      <c r="AP62" s="119"/>
      <c r="AQ62" s="119"/>
      <c r="AR62" s="119"/>
      <c r="AS62" s="119"/>
      <c r="AT62" s="119"/>
      <c r="AU62" s="119"/>
      <c r="AV62" s="119"/>
      <c r="AW62" s="119"/>
      <c r="AX62" s="119"/>
      <c r="AY62" s="119"/>
      <c r="AZ62" s="119"/>
      <c r="BA62" s="119"/>
      <c r="BB62" s="107">
        <v>45884</v>
      </c>
    </row>
    <row r="63" spans="1:54" s="207" customFormat="1" ht="13.95" customHeight="1" x14ac:dyDescent="0.25">
      <c r="A63" s="208" t="s">
        <v>254</v>
      </c>
      <c r="B63" s="209" t="s">
        <v>20420</v>
      </c>
      <c r="C63" s="113" t="s">
        <v>255</v>
      </c>
      <c r="D63" s="113" t="s">
        <v>256</v>
      </c>
      <c r="E63" s="210">
        <v>1977</v>
      </c>
      <c r="F63" s="210">
        <v>152</v>
      </c>
      <c r="G63" s="113" t="s">
        <v>1</v>
      </c>
      <c r="H63" s="113">
        <v>0</v>
      </c>
      <c r="I63" s="113">
        <v>0</v>
      </c>
      <c r="J63" s="115">
        <v>0</v>
      </c>
      <c r="K63" s="116" t="s">
        <v>174</v>
      </c>
      <c r="L63" s="115">
        <v>0</v>
      </c>
      <c r="M63" s="115">
        <v>0</v>
      </c>
      <c r="N63" s="115">
        <v>0</v>
      </c>
      <c r="O63" s="115">
        <v>0</v>
      </c>
      <c r="P63" s="115" t="s">
        <v>400</v>
      </c>
      <c r="Q63" s="115" t="s">
        <v>400</v>
      </c>
      <c r="R63" s="115">
        <v>0</v>
      </c>
      <c r="S63" s="115">
        <v>0</v>
      </c>
      <c r="T63" s="115">
        <v>0</v>
      </c>
      <c r="U63" s="119"/>
      <c r="V63" s="119"/>
      <c r="W63" s="119"/>
      <c r="X63" s="119"/>
      <c r="Y63" s="119"/>
      <c r="Z63" s="119"/>
      <c r="AA63" s="119"/>
      <c r="AB63" s="119"/>
      <c r="AC63" s="119"/>
      <c r="AD63" s="119"/>
      <c r="AE63" s="119"/>
      <c r="AF63" s="119"/>
      <c r="AG63" s="119"/>
      <c r="AH63" s="119"/>
      <c r="AI63" s="119"/>
      <c r="AJ63" s="119"/>
      <c r="AK63" s="119"/>
      <c r="AL63" s="119"/>
      <c r="AM63" s="119"/>
      <c r="AN63" s="119"/>
      <c r="AO63" s="119"/>
      <c r="AP63" s="119"/>
      <c r="AQ63" s="119"/>
      <c r="AR63" s="119"/>
      <c r="AS63" s="119"/>
      <c r="AT63" s="119"/>
      <c r="AU63" s="119"/>
      <c r="AV63" s="119"/>
      <c r="AW63" s="119"/>
      <c r="AX63" s="119"/>
      <c r="AY63" s="119"/>
      <c r="AZ63" s="119"/>
      <c r="BA63" s="119"/>
      <c r="BB63" s="107">
        <v>45884</v>
      </c>
    </row>
    <row r="64" spans="1:54" s="207" customFormat="1" ht="13.95" customHeight="1" x14ac:dyDescent="0.25">
      <c r="A64" s="208" t="s">
        <v>257</v>
      </c>
      <c r="B64" s="209" t="s">
        <v>20420</v>
      </c>
      <c r="C64" s="113" t="s">
        <v>258</v>
      </c>
      <c r="D64" s="113" t="s">
        <v>259</v>
      </c>
      <c r="E64" s="210">
        <v>1975</v>
      </c>
      <c r="F64" s="210">
        <v>152</v>
      </c>
      <c r="G64" s="113" t="s">
        <v>1</v>
      </c>
      <c r="H64" s="113">
        <v>0</v>
      </c>
      <c r="I64" s="113">
        <v>0</v>
      </c>
      <c r="J64" s="115">
        <v>1</v>
      </c>
      <c r="K64" s="116" t="s">
        <v>174</v>
      </c>
      <c r="L64" s="115">
        <v>0</v>
      </c>
      <c r="M64" s="115">
        <v>1</v>
      </c>
      <c r="N64" s="115">
        <v>0</v>
      </c>
      <c r="O64" s="115">
        <v>0</v>
      </c>
      <c r="P64" s="115" t="s">
        <v>400</v>
      </c>
      <c r="Q64" s="115" t="s">
        <v>400</v>
      </c>
      <c r="R64" s="115">
        <v>0</v>
      </c>
      <c r="S64" s="115">
        <v>0</v>
      </c>
      <c r="T64" s="115">
        <v>0</v>
      </c>
      <c r="U64" s="119"/>
      <c r="V64" s="119"/>
      <c r="W64" s="119"/>
      <c r="X64" s="119"/>
      <c r="Y64" s="119"/>
      <c r="Z64" s="119"/>
      <c r="AA64" s="119"/>
      <c r="AB64" s="119"/>
      <c r="AC64" s="119"/>
      <c r="AD64" s="119"/>
      <c r="AE64" s="119"/>
      <c r="AF64" s="119"/>
      <c r="AG64" s="119"/>
      <c r="AH64" s="119"/>
      <c r="AI64" s="119"/>
      <c r="AJ64" s="119"/>
      <c r="AK64" s="119"/>
      <c r="AL64" s="119"/>
      <c r="AM64" s="119"/>
      <c r="AN64" s="119"/>
      <c r="AO64" s="119"/>
      <c r="AP64" s="119"/>
      <c r="AQ64" s="119"/>
      <c r="AR64" s="119"/>
      <c r="AS64" s="119"/>
      <c r="AT64" s="119"/>
      <c r="AU64" s="119"/>
      <c r="AV64" s="119"/>
      <c r="AW64" s="119"/>
      <c r="AX64" s="119"/>
      <c r="AY64" s="119"/>
      <c r="AZ64" s="119"/>
      <c r="BA64" s="119"/>
      <c r="BB64" s="107">
        <v>45884</v>
      </c>
    </row>
    <row r="65" spans="1:54" s="207" customFormat="1" ht="13.95" customHeight="1" x14ac:dyDescent="0.25">
      <c r="A65" s="208" t="s">
        <v>260</v>
      </c>
      <c r="B65" s="209" t="s">
        <v>20420</v>
      </c>
      <c r="C65" s="113" t="s">
        <v>261</v>
      </c>
      <c r="D65" s="113" t="s">
        <v>22380</v>
      </c>
      <c r="E65" s="210">
        <v>1983</v>
      </c>
      <c r="F65" s="210">
        <v>152</v>
      </c>
      <c r="G65" s="113" t="s">
        <v>1</v>
      </c>
      <c r="H65" s="113">
        <v>0</v>
      </c>
      <c r="I65" s="113">
        <v>0</v>
      </c>
      <c r="J65" s="115">
        <v>1</v>
      </c>
      <c r="K65" s="116" t="s">
        <v>174</v>
      </c>
      <c r="L65" s="115">
        <v>0</v>
      </c>
      <c r="M65" s="115">
        <v>0</v>
      </c>
      <c r="N65" s="115">
        <v>1</v>
      </c>
      <c r="O65" s="115">
        <v>0</v>
      </c>
      <c r="P65" s="115" t="s">
        <v>400</v>
      </c>
      <c r="Q65" s="115" t="s">
        <v>400</v>
      </c>
      <c r="R65" s="115">
        <v>0</v>
      </c>
      <c r="S65" s="115">
        <v>0</v>
      </c>
      <c r="T65" s="115">
        <v>0</v>
      </c>
      <c r="U65" s="119"/>
      <c r="V65" s="119"/>
      <c r="W65" s="119"/>
      <c r="X65" s="119"/>
      <c r="Y65" s="119"/>
      <c r="Z65" s="119"/>
      <c r="AA65" s="119"/>
      <c r="AB65" s="119"/>
      <c r="AC65" s="119"/>
      <c r="AD65" s="119"/>
      <c r="AE65" s="119"/>
      <c r="AF65" s="119"/>
      <c r="AG65" s="119"/>
      <c r="AH65" s="119"/>
      <c r="AI65" s="119"/>
      <c r="AJ65" s="119"/>
      <c r="AK65" s="119"/>
      <c r="AL65" s="119"/>
      <c r="AM65" s="119"/>
      <c r="AN65" s="119"/>
      <c r="AO65" s="119"/>
      <c r="AP65" s="119"/>
      <c r="AQ65" s="119"/>
      <c r="AR65" s="119"/>
      <c r="AS65" s="119"/>
      <c r="AT65" s="119"/>
      <c r="AU65" s="119"/>
      <c r="AV65" s="119"/>
      <c r="AW65" s="119"/>
      <c r="AX65" s="119"/>
      <c r="AY65" s="119"/>
      <c r="AZ65" s="119"/>
      <c r="BA65" s="119"/>
      <c r="BB65" s="107">
        <v>45884</v>
      </c>
    </row>
    <row r="66" spans="1:54" s="207" customFormat="1" ht="13.95" customHeight="1" x14ac:dyDescent="0.25">
      <c r="A66" s="208" t="s">
        <v>262</v>
      </c>
      <c r="B66" s="209" t="s">
        <v>20420</v>
      </c>
      <c r="C66" s="113" t="s">
        <v>263</v>
      </c>
      <c r="D66" s="113" t="s">
        <v>264</v>
      </c>
      <c r="E66" s="210">
        <v>1981</v>
      </c>
      <c r="F66" s="210">
        <v>152</v>
      </c>
      <c r="G66" s="113" t="s">
        <v>1</v>
      </c>
      <c r="H66" s="113">
        <v>0</v>
      </c>
      <c r="I66" s="113">
        <v>0</v>
      </c>
      <c r="J66" s="115">
        <v>1</v>
      </c>
      <c r="K66" s="116" t="s">
        <v>174</v>
      </c>
      <c r="L66" s="115">
        <v>1</v>
      </c>
      <c r="M66" s="115">
        <v>0</v>
      </c>
      <c r="N66" s="115">
        <v>0</v>
      </c>
      <c r="O66" s="115">
        <v>0</v>
      </c>
      <c r="P66" s="115" t="s">
        <v>400</v>
      </c>
      <c r="Q66" s="115" t="s">
        <v>400</v>
      </c>
      <c r="R66" s="115">
        <v>0</v>
      </c>
      <c r="S66" s="115">
        <v>0</v>
      </c>
      <c r="T66" s="115">
        <v>0</v>
      </c>
      <c r="U66" s="119"/>
      <c r="V66" s="119"/>
      <c r="W66" s="119"/>
      <c r="X66" s="119"/>
      <c r="Y66" s="119"/>
      <c r="Z66" s="119"/>
      <c r="AA66" s="119"/>
      <c r="AB66" s="119"/>
      <c r="AC66" s="119"/>
      <c r="AD66" s="119"/>
      <c r="AE66" s="119"/>
      <c r="AF66" s="119"/>
      <c r="AG66" s="119"/>
      <c r="AH66" s="119"/>
      <c r="AI66" s="119"/>
      <c r="AJ66" s="119"/>
      <c r="AK66" s="119"/>
      <c r="AL66" s="119"/>
      <c r="AM66" s="119"/>
      <c r="AN66" s="119"/>
      <c r="AO66" s="119"/>
      <c r="AP66" s="119"/>
      <c r="AQ66" s="119"/>
      <c r="AR66" s="119"/>
      <c r="AS66" s="119"/>
      <c r="AT66" s="119"/>
      <c r="AU66" s="119"/>
      <c r="AV66" s="119"/>
      <c r="AW66" s="119"/>
      <c r="AX66" s="119"/>
      <c r="AY66" s="119"/>
      <c r="AZ66" s="119"/>
      <c r="BA66" s="119"/>
      <c r="BB66" s="107">
        <v>45884</v>
      </c>
    </row>
    <row r="67" spans="1:54" s="207" customFormat="1" ht="13.95" customHeight="1" x14ac:dyDescent="0.25">
      <c r="A67" s="208" t="s">
        <v>265</v>
      </c>
      <c r="B67" s="209" t="s">
        <v>20420</v>
      </c>
      <c r="C67" s="113" t="s">
        <v>266</v>
      </c>
      <c r="D67" s="113" t="s">
        <v>267</v>
      </c>
      <c r="E67" s="210">
        <v>1975</v>
      </c>
      <c r="F67" s="210">
        <v>153</v>
      </c>
      <c r="G67" s="113" t="s">
        <v>1</v>
      </c>
      <c r="H67" s="113">
        <v>0</v>
      </c>
      <c r="I67" s="113">
        <v>0</v>
      </c>
      <c r="J67" s="115">
        <v>1</v>
      </c>
      <c r="K67" s="211">
        <v>1</v>
      </c>
      <c r="L67" s="115">
        <v>0</v>
      </c>
      <c r="M67" s="115">
        <v>0</v>
      </c>
      <c r="N67" s="115">
        <v>0</v>
      </c>
      <c r="O67" s="115">
        <v>0</v>
      </c>
      <c r="P67" s="115" t="s">
        <v>400</v>
      </c>
      <c r="Q67" s="115" t="s">
        <v>400</v>
      </c>
      <c r="R67" s="115">
        <v>0</v>
      </c>
      <c r="S67" s="115">
        <v>0</v>
      </c>
      <c r="T67" s="115">
        <v>0</v>
      </c>
      <c r="U67" s="119"/>
      <c r="V67" s="119"/>
      <c r="W67" s="119"/>
      <c r="X67" s="119"/>
      <c r="Y67" s="119"/>
      <c r="Z67" s="119"/>
      <c r="AA67" s="119"/>
      <c r="AB67" s="119"/>
      <c r="AC67" s="119"/>
      <c r="AD67" s="119"/>
      <c r="AE67" s="119"/>
      <c r="AF67" s="119"/>
      <c r="AG67" s="119"/>
      <c r="AH67" s="119"/>
      <c r="AI67" s="119"/>
      <c r="AJ67" s="119"/>
      <c r="AK67" s="119"/>
      <c r="AL67" s="119"/>
      <c r="AM67" s="119"/>
      <c r="AN67" s="119"/>
      <c r="AO67" s="119"/>
      <c r="AP67" s="119"/>
      <c r="AQ67" s="119"/>
      <c r="AR67" s="119"/>
      <c r="AS67" s="119"/>
      <c r="AT67" s="119"/>
      <c r="AU67" s="119"/>
      <c r="AV67" s="119"/>
      <c r="AW67" s="119"/>
      <c r="AX67" s="119"/>
      <c r="AY67" s="119"/>
      <c r="AZ67" s="119"/>
      <c r="BA67" s="119"/>
      <c r="BB67" s="107">
        <v>45884</v>
      </c>
    </row>
    <row r="68" spans="1:54" s="207" customFormat="1" ht="13.95" customHeight="1" x14ac:dyDescent="0.25">
      <c r="A68" s="208" t="s">
        <v>268</v>
      </c>
      <c r="B68" s="209" t="s">
        <v>20420</v>
      </c>
      <c r="C68" s="113" t="s">
        <v>269</v>
      </c>
      <c r="D68" s="113" t="s">
        <v>22381</v>
      </c>
      <c r="E68" s="210">
        <v>1981</v>
      </c>
      <c r="F68" s="210">
        <v>153</v>
      </c>
      <c r="G68" s="113" t="s">
        <v>1</v>
      </c>
      <c r="H68" s="113">
        <v>0</v>
      </c>
      <c r="I68" s="113">
        <v>0</v>
      </c>
      <c r="J68" s="115">
        <v>1</v>
      </c>
      <c r="K68" s="116" t="s">
        <v>174</v>
      </c>
      <c r="L68" s="115">
        <v>0</v>
      </c>
      <c r="M68" s="115">
        <v>0</v>
      </c>
      <c r="N68" s="115">
        <v>0</v>
      </c>
      <c r="O68" s="115">
        <v>0</v>
      </c>
      <c r="P68" s="115" t="s">
        <v>400</v>
      </c>
      <c r="Q68" s="115" t="s">
        <v>400</v>
      </c>
      <c r="R68" s="115">
        <v>0</v>
      </c>
      <c r="S68" s="115">
        <v>0</v>
      </c>
      <c r="T68" s="115">
        <v>0</v>
      </c>
      <c r="U68" s="119"/>
      <c r="V68" s="119"/>
      <c r="W68" s="119"/>
      <c r="X68" s="119"/>
      <c r="Y68" s="119"/>
      <c r="Z68" s="119"/>
      <c r="AA68" s="119"/>
      <c r="AB68" s="119"/>
      <c r="AC68" s="119"/>
      <c r="AD68" s="119"/>
      <c r="AE68" s="119"/>
      <c r="AF68" s="119"/>
      <c r="AG68" s="119"/>
      <c r="AH68" s="119"/>
      <c r="AI68" s="119"/>
      <c r="AJ68" s="119"/>
      <c r="AK68" s="119"/>
      <c r="AL68" s="119"/>
      <c r="AM68" s="119"/>
      <c r="AN68" s="119"/>
      <c r="AO68" s="119"/>
      <c r="AP68" s="119"/>
      <c r="AQ68" s="119"/>
      <c r="AR68" s="119"/>
      <c r="AS68" s="119"/>
      <c r="AT68" s="119"/>
      <c r="AU68" s="119"/>
      <c r="AV68" s="119"/>
      <c r="AW68" s="119"/>
      <c r="AX68" s="119"/>
      <c r="AY68" s="119"/>
      <c r="AZ68" s="119"/>
      <c r="BA68" s="119"/>
      <c r="BB68" s="107">
        <v>45884</v>
      </c>
    </row>
    <row r="69" spans="1:54" s="207" customFormat="1" ht="13.95" customHeight="1" x14ac:dyDescent="0.25">
      <c r="A69" s="208" t="s">
        <v>270</v>
      </c>
      <c r="B69" s="209" t="s">
        <v>20420</v>
      </c>
      <c r="C69" s="113" t="s">
        <v>271</v>
      </c>
      <c r="D69" s="113" t="s">
        <v>22382</v>
      </c>
      <c r="E69" s="210">
        <v>1977</v>
      </c>
      <c r="F69" s="210">
        <v>154</v>
      </c>
      <c r="G69" s="113" t="s">
        <v>1</v>
      </c>
      <c r="H69" s="113">
        <v>0</v>
      </c>
      <c r="I69" s="113">
        <v>0</v>
      </c>
      <c r="J69" s="115">
        <v>1</v>
      </c>
      <c r="K69" s="116" t="s">
        <v>174</v>
      </c>
      <c r="L69" s="115">
        <v>0</v>
      </c>
      <c r="M69" s="115">
        <v>0</v>
      </c>
      <c r="N69" s="115">
        <v>0</v>
      </c>
      <c r="O69" s="115">
        <v>0</v>
      </c>
      <c r="P69" s="115" t="s">
        <v>400</v>
      </c>
      <c r="Q69" s="115" t="s">
        <v>400</v>
      </c>
      <c r="R69" s="115">
        <v>0</v>
      </c>
      <c r="S69" s="115">
        <v>0</v>
      </c>
      <c r="T69" s="115">
        <v>0</v>
      </c>
      <c r="U69" s="119"/>
      <c r="V69" s="119"/>
      <c r="W69" s="119"/>
      <c r="X69" s="119"/>
      <c r="Y69" s="119"/>
      <c r="Z69" s="119"/>
      <c r="AA69" s="119"/>
      <c r="AB69" s="119"/>
      <c r="AC69" s="119"/>
      <c r="AD69" s="119"/>
      <c r="AE69" s="119"/>
      <c r="AF69" s="119"/>
      <c r="AG69" s="119"/>
      <c r="AH69" s="119"/>
      <c r="AI69" s="119"/>
      <c r="AJ69" s="119"/>
      <c r="AK69" s="119"/>
      <c r="AL69" s="119"/>
      <c r="AM69" s="119"/>
      <c r="AN69" s="119"/>
      <c r="AO69" s="119"/>
      <c r="AP69" s="119"/>
      <c r="AQ69" s="119"/>
      <c r="AR69" s="119"/>
      <c r="AS69" s="119"/>
      <c r="AT69" s="119"/>
      <c r="AU69" s="119"/>
      <c r="AV69" s="119"/>
      <c r="AW69" s="119"/>
      <c r="AX69" s="119"/>
      <c r="AY69" s="119"/>
      <c r="AZ69" s="119"/>
      <c r="BA69" s="119"/>
      <c r="BB69" s="107">
        <v>45884</v>
      </c>
    </row>
    <row r="70" spans="1:54" s="207" customFormat="1" ht="13.95" customHeight="1" x14ac:dyDescent="0.25">
      <c r="A70" s="208" t="s">
        <v>272</v>
      </c>
      <c r="B70" s="209" t="s">
        <v>20420</v>
      </c>
      <c r="C70" s="113" t="s">
        <v>273</v>
      </c>
      <c r="D70" s="113" t="s">
        <v>274</v>
      </c>
      <c r="E70" s="210">
        <v>1981</v>
      </c>
      <c r="F70" s="210">
        <v>154</v>
      </c>
      <c r="G70" s="113" t="s">
        <v>1</v>
      </c>
      <c r="H70" s="113">
        <v>0</v>
      </c>
      <c r="I70" s="113">
        <v>0</v>
      </c>
      <c r="J70" s="115">
        <v>1</v>
      </c>
      <c r="K70" s="116" t="s">
        <v>174</v>
      </c>
      <c r="L70" s="115">
        <v>0</v>
      </c>
      <c r="M70" s="115">
        <v>0</v>
      </c>
      <c r="N70" s="115">
        <v>0</v>
      </c>
      <c r="O70" s="115">
        <v>0</v>
      </c>
      <c r="P70" s="115" t="s">
        <v>400</v>
      </c>
      <c r="Q70" s="115" t="s">
        <v>400</v>
      </c>
      <c r="R70" s="115">
        <v>0</v>
      </c>
      <c r="S70" s="115">
        <v>0</v>
      </c>
      <c r="T70" s="115">
        <v>0</v>
      </c>
      <c r="U70" s="119"/>
      <c r="V70" s="119"/>
      <c r="W70" s="119"/>
      <c r="X70" s="119"/>
      <c r="Y70" s="119"/>
      <c r="Z70" s="119"/>
      <c r="AA70" s="119"/>
      <c r="AB70" s="119"/>
      <c r="AC70" s="119"/>
      <c r="AD70" s="119"/>
      <c r="AE70" s="119"/>
      <c r="AF70" s="119"/>
      <c r="AG70" s="119"/>
      <c r="AH70" s="119"/>
      <c r="AI70" s="119"/>
      <c r="AJ70" s="119"/>
      <c r="AK70" s="119"/>
      <c r="AL70" s="119"/>
      <c r="AM70" s="119"/>
      <c r="AN70" s="119"/>
      <c r="AO70" s="119"/>
      <c r="AP70" s="119"/>
      <c r="AQ70" s="119"/>
      <c r="AR70" s="119"/>
      <c r="AS70" s="119"/>
      <c r="AT70" s="119"/>
      <c r="AU70" s="119"/>
      <c r="AV70" s="119"/>
      <c r="AW70" s="119"/>
      <c r="AX70" s="119"/>
      <c r="AY70" s="119"/>
      <c r="AZ70" s="119"/>
      <c r="BA70" s="119"/>
      <c r="BB70" s="107">
        <v>45884</v>
      </c>
    </row>
    <row r="71" spans="1:54" s="207" customFormat="1" ht="13.95" customHeight="1" x14ac:dyDescent="0.25">
      <c r="A71" s="208" t="s">
        <v>275</v>
      </c>
      <c r="B71" s="209" t="s">
        <v>20420</v>
      </c>
      <c r="C71" s="113" t="s">
        <v>276</v>
      </c>
      <c r="D71" s="113" t="s">
        <v>22383</v>
      </c>
      <c r="E71" s="210">
        <v>1977</v>
      </c>
      <c r="F71" s="210">
        <v>154</v>
      </c>
      <c r="G71" s="113" t="s">
        <v>1</v>
      </c>
      <c r="H71" s="113">
        <v>0</v>
      </c>
      <c r="I71" s="113">
        <v>0</v>
      </c>
      <c r="J71" s="115">
        <v>1</v>
      </c>
      <c r="K71" s="211">
        <v>1</v>
      </c>
      <c r="L71" s="115">
        <v>0</v>
      </c>
      <c r="M71" s="115">
        <v>1</v>
      </c>
      <c r="N71" s="115">
        <v>0</v>
      </c>
      <c r="O71" s="115">
        <v>0</v>
      </c>
      <c r="P71" s="115" t="s">
        <v>400</v>
      </c>
      <c r="Q71" s="115" t="s">
        <v>400</v>
      </c>
      <c r="R71" s="115">
        <v>0</v>
      </c>
      <c r="S71" s="115">
        <v>0</v>
      </c>
      <c r="T71" s="115">
        <v>0</v>
      </c>
      <c r="U71" s="119"/>
      <c r="V71" s="119"/>
      <c r="W71" s="119"/>
      <c r="X71" s="119"/>
      <c r="Y71" s="119"/>
      <c r="Z71" s="119"/>
      <c r="AA71" s="119"/>
      <c r="AB71" s="119"/>
      <c r="AC71" s="119"/>
      <c r="AD71" s="119"/>
      <c r="AE71" s="119"/>
      <c r="AF71" s="119"/>
      <c r="AG71" s="119"/>
      <c r="AH71" s="119"/>
      <c r="AI71" s="119"/>
      <c r="AJ71" s="119"/>
      <c r="AK71" s="119"/>
      <c r="AL71" s="119"/>
      <c r="AM71" s="119"/>
      <c r="AN71" s="119"/>
      <c r="AO71" s="119"/>
      <c r="AP71" s="119"/>
      <c r="AQ71" s="119"/>
      <c r="AR71" s="119"/>
      <c r="AS71" s="119"/>
      <c r="AT71" s="119"/>
      <c r="AU71" s="119"/>
      <c r="AV71" s="119"/>
      <c r="AW71" s="119"/>
      <c r="AX71" s="119"/>
      <c r="AY71" s="119"/>
      <c r="AZ71" s="119"/>
      <c r="BA71" s="119"/>
      <c r="BB71" s="107">
        <v>45884</v>
      </c>
    </row>
    <row r="72" spans="1:54" s="207" customFormat="1" ht="13.95" customHeight="1" x14ac:dyDescent="0.25">
      <c r="A72" s="208" t="s">
        <v>277</v>
      </c>
      <c r="B72" s="209" t="s">
        <v>20420</v>
      </c>
      <c r="C72" s="113" t="s">
        <v>278</v>
      </c>
      <c r="D72" s="113" t="s">
        <v>279</v>
      </c>
      <c r="E72" s="210">
        <v>2004</v>
      </c>
      <c r="F72" s="210">
        <v>154</v>
      </c>
      <c r="G72" s="113" t="s">
        <v>1</v>
      </c>
      <c r="H72" s="113">
        <v>0</v>
      </c>
      <c r="I72" s="113">
        <v>0</v>
      </c>
      <c r="J72" s="115">
        <v>1</v>
      </c>
      <c r="K72" s="116" t="s">
        <v>174</v>
      </c>
      <c r="L72" s="212">
        <v>0</v>
      </c>
      <c r="M72" s="115">
        <v>0</v>
      </c>
      <c r="N72" s="115">
        <v>0</v>
      </c>
      <c r="O72" s="115">
        <v>0</v>
      </c>
      <c r="P72" s="115" t="s">
        <v>400</v>
      </c>
      <c r="Q72" s="115" t="s">
        <v>400</v>
      </c>
      <c r="R72" s="115">
        <v>0</v>
      </c>
      <c r="S72" s="115">
        <v>0</v>
      </c>
      <c r="T72" s="115">
        <v>0</v>
      </c>
      <c r="U72" s="119"/>
      <c r="V72" s="119"/>
      <c r="W72" s="119"/>
      <c r="X72" s="119"/>
      <c r="Y72" s="119"/>
      <c r="Z72" s="119"/>
      <c r="AA72" s="119"/>
      <c r="AB72" s="119"/>
      <c r="AC72" s="119"/>
      <c r="AD72" s="119"/>
      <c r="AE72" s="119"/>
      <c r="AF72" s="119"/>
      <c r="AG72" s="119"/>
      <c r="AH72" s="119"/>
      <c r="AI72" s="119"/>
      <c r="AJ72" s="119"/>
      <c r="AK72" s="119"/>
      <c r="AL72" s="119"/>
      <c r="AM72" s="119"/>
      <c r="AN72" s="119"/>
      <c r="AO72" s="119"/>
      <c r="AP72" s="119"/>
      <c r="AQ72" s="119"/>
      <c r="AR72" s="119"/>
      <c r="AS72" s="119"/>
      <c r="AT72" s="119"/>
      <c r="AU72" s="119"/>
      <c r="AV72" s="119"/>
      <c r="AW72" s="119"/>
      <c r="AX72" s="119"/>
      <c r="AY72" s="119"/>
      <c r="AZ72" s="119"/>
      <c r="BA72" s="119"/>
      <c r="BB72" s="107">
        <v>45884</v>
      </c>
    </row>
    <row r="73" spans="1:54" s="207" customFormat="1" ht="13.95" customHeight="1" x14ac:dyDescent="0.25">
      <c r="A73" s="208" t="s">
        <v>280</v>
      </c>
      <c r="B73" s="209" t="s">
        <v>20420</v>
      </c>
      <c r="C73" s="113" t="s">
        <v>281</v>
      </c>
      <c r="D73" s="113" t="s">
        <v>22384</v>
      </c>
      <c r="E73" s="210">
        <v>1976</v>
      </c>
      <c r="F73" s="210">
        <v>155</v>
      </c>
      <c r="G73" s="113" t="s">
        <v>1</v>
      </c>
      <c r="H73" s="113">
        <v>0</v>
      </c>
      <c r="I73" s="113">
        <v>0</v>
      </c>
      <c r="J73" s="115">
        <v>1</v>
      </c>
      <c r="K73" s="116" t="s">
        <v>174</v>
      </c>
      <c r="L73" s="115">
        <v>0</v>
      </c>
      <c r="M73" s="115">
        <v>0</v>
      </c>
      <c r="N73" s="115">
        <v>0</v>
      </c>
      <c r="O73" s="115">
        <v>0</v>
      </c>
      <c r="P73" s="115" t="s">
        <v>400</v>
      </c>
      <c r="Q73" s="115" t="s">
        <v>400</v>
      </c>
      <c r="R73" s="115">
        <v>0</v>
      </c>
      <c r="S73" s="115">
        <v>0</v>
      </c>
      <c r="T73" s="115">
        <v>0</v>
      </c>
      <c r="U73" s="119"/>
      <c r="V73" s="119"/>
      <c r="W73" s="119"/>
      <c r="X73" s="119"/>
      <c r="Y73" s="119"/>
      <c r="Z73" s="119"/>
      <c r="AA73" s="119"/>
      <c r="AB73" s="119"/>
      <c r="AC73" s="119"/>
      <c r="AD73" s="119"/>
      <c r="AE73" s="119"/>
      <c r="AF73" s="119"/>
      <c r="AG73" s="119"/>
      <c r="AH73" s="119"/>
      <c r="AI73" s="119"/>
      <c r="AJ73" s="119"/>
      <c r="AK73" s="119"/>
      <c r="AL73" s="119"/>
      <c r="AM73" s="119"/>
      <c r="AN73" s="119"/>
      <c r="AO73" s="119"/>
      <c r="AP73" s="119"/>
      <c r="AQ73" s="119"/>
      <c r="AR73" s="119"/>
      <c r="AS73" s="119"/>
      <c r="AT73" s="119"/>
      <c r="AU73" s="119"/>
      <c r="AV73" s="119"/>
      <c r="AW73" s="119"/>
      <c r="AX73" s="119"/>
      <c r="AY73" s="119"/>
      <c r="AZ73" s="119"/>
      <c r="BA73" s="119"/>
      <c r="BB73" s="107">
        <v>45884</v>
      </c>
    </row>
    <row r="74" spans="1:54" s="207" customFormat="1" ht="13.95" customHeight="1" x14ac:dyDescent="0.25">
      <c r="A74" s="208" t="s">
        <v>282</v>
      </c>
      <c r="B74" s="209" t="s">
        <v>20420</v>
      </c>
      <c r="C74" s="113" t="s">
        <v>283</v>
      </c>
      <c r="D74" s="113" t="s">
        <v>22385</v>
      </c>
      <c r="E74" s="210">
        <v>2003</v>
      </c>
      <c r="F74" s="210">
        <v>155</v>
      </c>
      <c r="G74" s="113" t="s">
        <v>1</v>
      </c>
      <c r="H74" s="113">
        <v>0</v>
      </c>
      <c r="I74" s="113">
        <v>0</v>
      </c>
      <c r="J74" s="115">
        <v>1</v>
      </c>
      <c r="K74" s="116" t="s">
        <v>174</v>
      </c>
      <c r="L74" s="115">
        <v>0</v>
      </c>
      <c r="M74" s="115">
        <v>0</v>
      </c>
      <c r="N74" s="115">
        <v>0</v>
      </c>
      <c r="O74" s="115">
        <v>0</v>
      </c>
      <c r="P74" s="115" t="s">
        <v>400</v>
      </c>
      <c r="Q74" s="115" t="s">
        <v>400</v>
      </c>
      <c r="R74" s="115">
        <v>0</v>
      </c>
      <c r="S74" s="115">
        <v>0</v>
      </c>
      <c r="T74" s="115">
        <v>0</v>
      </c>
      <c r="U74" s="119"/>
      <c r="V74" s="119"/>
      <c r="W74" s="119"/>
      <c r="X74" s="119"/>
      <c r="Y74" s="119"/>
      <c r="Z74" s="119"/>
      <c r="AA74" s="119"/>
      <c r="AB74" s="119"/>
      <c r="AC74" s="119"/>
      <c r="AD74" s="119"/>
      <c r="AE74" s="119"/>
      <c r="AF74" s="119"/>
      <c r="AG74" s="119"/>
      <c r="AH74" s="119"/>
      <c r="AI74" s="119"/>
      <c r="AJ74" s="119"/>
      <c r="AK74" s="119"/>
      <c r="AL74" s="119"/>
      <c r="AM74" s="119"/>
      <c r="AN74" s="119"/>
      <c r="AO74" s="119"/>
      <c r="AP74" s="119"/>
      <c r="AQ74" s="119"/>
      <c r="AR74" s="119"/>
      <c r="AS74" s="119"/>
      <c r="AT74" s="119"/>
      <c r="AU74" s="119"/>
      <c r="AV74" s="119"/>
      <c r="AW74" s="119"/>
      <c r="AX74" s="119"/>
      <c r="AY74" s="119"/>
      <c r="AZ74" s="119"/>
      <c r="BA74" s="119"/>
      <c r="BB74" s="107">
        <v>45884</v>
      </c>
    </row>
    <row r="75" spans="1:54" s="207" customFormat="1" ht="13.95" customHeight="1" x14ac:dyDescent="0.25">
      <c r="A75" s="208" t="s">
        <v>284</v>
      </c>
      <c r="B75" s="209" t="s">
        <v>20420</v>
      </c>
      <c r="C75" s="113" t="s">
        <v>285</v>
      </c>
      <c r="D75" s="113" t="s">
        <v>286</v>
      </c>
      <c r="E75" s="210">
        <v>1981</v>
      </c>
      <c r="F75" s="210">
        <v>156</v>
      </c>
      <c r="G75" s="113" t="s">
        <v>1</v>
      </c>
      <c r="H75" s="113">
        <v>0</v>
      </c>
      <c r="I75" s="113">
        <v>0</v>
      </c>
      <c r="J75" s="115">
        <v>1</v>
      </c>
      <c r="K75" s="116" t="s">
        <v>174</v>
      </c>
      <c r="L75" s="115">
        <v>1</v>
      </c>
      <c r="M75" s="115">
        <v>0</v>
      </c>
      <c r="N75" s="115">
        <v>0</v>
      </c>
      <c r="O75" s="115">
        <v>0</v>
      </c>
      <c r="P75" s="115" t="s">
        <v>400</v>
      </c>
      <c r="Q75" s="115" t="s">
        <v>400</v>
      </c>
      <c r="R75" s="115">
        <v>0</v>
      </c>
      <c r="S75" s="115">
        <v>0</v>
      </c>
      <c r="T75" s="115">
        <v>0</v>
      </c>
      <c r="U75" s="119"/>
      <c r="V75" s="119"/>
      <c r="W75" s="119"/>
      <c r="X75" s="119"/>
      <c r="Y75" s="119"/>
      <c r="Z75" s="119"/>
      <c r="AA75" s="119"/>
      <c r="AB75" s="119"/>
      <c r="AC75" s="119"/>
      <c r="AD75" s="119"/>
      <c r="AE75" s="119"/>
      <c r="AF75" s="119"/>
      <c r="AG75" s="119"/>
      <c r="AH75" s="119"/>
      <c r="AI75" s="119"/>
      <c r="AJ75" s="119"/>
      <c r="AK75" s="119"/>
      <c r="AL75" s="119"/>
      <c r="AM75" s="119"/>
      <c r="AN75" s="119"/>
      <c r="AO75" s="119"/>
      <c r="AP75" s="119"/>
      <c r="AQ75" s="119"/>
      <c r="AR75" s="119"/>
      <c r="AS75" s="119"/>
      <c r="AT75" s="119"/>
      <c r="AU75" s="119"/>
      <c r="AV75" s="119"/>
      <c r="AW75" s="119"/>
      <c r="AX75" s="119"/>
      <c r="AY75" s="119"/>
      <c r="AZ75" s="119"/>
      <c r="BA75" s="119"/>
      <c r="BB75" s="107">
        <v>45884</v>
      </c>
    </row>
    <row r="76" spans="1:54" s="207" customFormat="1" ht="13.95" customHeight="1" x14ac:dyDescent="0.25">
      <c r="A76" s="208" t="s">
        <v>287</v>
      </c>
      <c r="B76" s="209" t="s">
        <v>20420</v>
      </c>
      <c r="C76" s="113" t="s">
        <v>288</v>
      </c>
      <c r="D76" s="113" t="s">
        <v>289</v>
      </c>
      <c r="E76" s="210">
        <v>1970</v>
      </c>
      <c r="F76" s="210">
        <v>156</v>
      </c>
      <c r="G76" s="113" t="s">
        <v>1</v>
      </c>
      <c r="H76" s="113">
        <v>0</v>
      </c>
      <c r="I76" s="113">
        <v>0</v>
      </c>
      <c r="J76" s="115">
        <v>1</v>
      </c>
      <c r="K76" s="116" t="s">
        <v>174</v>
      </c>
      <c r="L76" s="115">
        <v>0</v>
      </c>
      <c r="M76" s="115">
        <v>0</v>
      </c>
      <c r="N76" s="115">
        <v>0</v>
      </c>
      <c r="O76" s="115">
        <v>1</v>
      </c>
      <c r="P76" s="115">
        <v>1</v>
      </c>
      <c r="Q76" s="115" t="s">
        <v>400</v>
      </c>
      <c r="R76" s="115">
        <v>0</v>
      </c>
      <c r="S76" s="115">
        <v>0</v>
      </c>
      <c r="T76" s="115">
        <v>0</v>
      </c>
      <c r="U76" s="119"/>
      <c r="V76" s="119"/>
      <c r="W76" s="119"/>
      <c r="X76" s="119"/>
      <c r="Y76" s="119"/>
      <c r="Z76" s="119"/>
      <c r="AA76" s="119"/>
      <c r="AB76" s="119"/>
      <c r="AC76" s="119"/>
      <c r="AD76" s="119"/>
      <c r="AE76" s="119"/>
      <c r="AF76" s="119"/>
      <c r="AG76" s="119"/>
      <c r="AH76" s="119"/>
      <c r="AI76" s="119"/>
      <c r="AJ76" s="119"/>
      <c r="AK76" s="119"/>
      <c r="AL76" s="119"/>
      <c r="AM76" s="119"/>
      <c r="AN76" s="119"/>
      <c r="AO76" s="119"/>
      <c r="AP76" s="119"/>
      <c r="AQ76" s="119"/>
      <c r="AR76" s="119"/>
      <c r="AS76" s="119"/>
      <c r="AT76" s="119"/>
      <c r="AU76" s="119"/>
      <c r="AV76" s="119"/>
      <c r="AW76" s="119"/>
      <c r="AX76" s="119"/>
      <c r="AY76" s="119"/>
      <c r="AZ76" s="119"/>
      <c r="BA76" s="119"/>
      <c r="BB76" s="107">
        <v>45884</v>
      </c>
    </row>
    <row r="77" spans="1:54" s="207" customFormat="1" ht="13.95" customHeight="1" x14ac:dyDescent="0.25">
      <c r="A77" s="208" t="s">
        <v>290</v>
      </c>
      <c r="B77" s="209" t="s">
        <v>20420</v>
      </c>
      <c r="C77" s="113" t="s">
        <v>291</v>
      </c>
      <c r="D77" s="113" t="s">
        <v>292</v>
      </c>
      <c r="E77" s="210">
        <v>1996</v>
      </c>
      <c r="F77" s="210">
        <v>156</v>
      </c>
      <c r="G77" s="113" t="s">
        <v>1</v>
      </c>
      <c r="H77" s="113">
        <v>0</v>
      </c>
      <c r="I77" s="113">
        <v>0</v>
      </c>
      <c r="J77" s="115">
        <v>1</v>
      </c>
      <c r="K77" s="116" t="s">
        <v>174</v>
      </c>
      <c r="L77" s="115">
        <v>1</v>
      </c>
      <c r="M77" s="115">
        <v>0</v>
      </c>
      <c r="N77" s="115">
        <v>0</v>
      </c>
      <c r="O77" s="115">
        <v>0</v>
      </c>
      <c r="P77" s="115" t="s">
        <v>400</v>
      </c>
      <c r="Q77" s="115" t="s">
        <v>400</v>
      </c>
      <c r="R77" s="115">
        <v>0</v>
      </c>
      <c r="S77" s="115">
        <v>0</v>
      </c>
      <c r="T77" s="115">
        <v>0</v>
      </c>
      <c r="U77" s="119"/>
      <c r="V77" s="119"/>
      <c r="W77" s="119"/>
      <c r="X77" s="119"/>
      <c r="Y77" s="119"/>
      <c r="Z77" s="119"/>
      <c r="AA77" s="119"/>
      <c r="AB77" s="119"/>
      <c r="AC77" s="119"/>
      <c r="AD77" s="119"/>
      <c r="AE77" s="119"/>
      <c r="AF77" s="119"/>
      <c r="AG77" s="119"/>
      <c r="AH77" s="119"/>
      <c r="AI77" s="119"/>
      <c r="AJ77" s="119"/>
      <c r="AK77" s="119"/>
      <c r="AL77" s="119"/>
      <c r="AM77" s="119"/>
      <c r="AN77" s="119"/>
      <c r="AO77" s="119"/>
      <c r="AP77" s="119"/>
      <c r="AQ77" s="119"/>
      <c r="AR77" s="119"/>
      <c r="AS77" s="119"/>
      <c r="AT77" s="119"/>
      <c r="AU77" s="119"/>
      <c r="AV77" s="119"/>
      <c r="AW77" s="119"/>
      <c r="AX77" s="119"/>
      <c r="AY77" s="119"/>
      <c r="AZ77" s="119"/>
      <c r="BA77" s="119"/>
      <c r="BB77" s="107">
        <v>45884</v>
      </c>
    </row>
    <row r="78" spans="1:54" s="207" customFormat="1" ht="13.95" customHeight="1" x14ac:dyDescent="0.25">
      <c r="A78" s="208" t="s">
        <v>293</v>
      </c>
      <c r="B78" s="209" t="s">
        <v>20420</v>
      </c>
      <c r="C78" s="113" t="s">
        <v>294</v>
      </c>
      <c r="D78" s="113" t="s">
        <v>295</v>
      </c>
      <c r="E78" s="210">
        <v>1975</v>
      </c>
      <c r="F78" s="210">
        <v>156</v>
      </c>
      <c r="G78" s="113" t="s">
        <v>1</v>
      </c>
      <c r="H78" s="113">
        <v>0</v>
      </c>
      <c r="I78" s="113">
        <v>0</v>
      </c>
      <c r="J78" s="115">
        <v>1</v>
      </c>
      <c r="K78" s="116" t="s">
        <v>174</v>
      </c>
      <c r="L78" s="115">
        <v>0</v>
      </c>
      <c r="M78" s="115">
        <v>0</v>
      </c>
      <c r="N78" s="115">
        <v>1</v>
      </c>
      <c r="O78" s="115">
        <v>0</v>
      </c>
      <c r="P78" s="115">
        <v>1</v>
      </c>
      <c r="Q78" s="115" t="s">
        <v>400</v>
      </c>
      <c r="R78" s="115">
        <v>0</v>
      </c>
      <c r="S78" s="115">
        <v>0</v>
      </c>
      <c r="T78" s="115">
        <v>0</v>
      </c>
      <c r="U78" s="119"/>
      <c r="V78" s="119"/>
      <c r="W78" s="119"/>
      <c r="X78" s="119"/>
      <c r="Y78" s="119"/>
      <c r="Z78" s="119"/>
      <c r="AA78" s="119"/>
      <c r="AB78" s="119"/>
      <c r="AC78" s="119"/>
      <c r="AD78" s="119"/>
      <c r="AE78" s="119"/>
      <c r="AF78" s="119"/>
      <c r="AG78" s="119"/>
      <c r="AH78" s="119"/>
      <c r="AI78" s="119"/>
      <c r="AJ78" s="119"/>
      <c r="AK78" s="119"/>
      <c r="AL78" s="119"/>
      <c r="AM78" s="119"/>
      <c r="AN78" s="119"/>
      <c r="AO78" s="119"/>
      <c r="AP78" s="119"/>
      <c r="AQ78" s="119"/>
      <c r="AR78" s="119"/>
      <c r="AS78" s="119"/>
      <c r="AT78" s="119"/>
      <c r="AU78" s="119"/>
      <c r="AV78" s="119"/>
      <c r="AW78" s="119"/>
      <c r="AX78" s="119"/>
      <c r="AY78" s="119"/>
      <c r="AZ78" s="119"/>
      <c r="BA78" s="119"/>
      <c r="BB78" s="107">
        <v>45884</v>
      </c>
    </row>
    <row r="79" spans="1:54" s="207" customFormat="1" ht="13.95" customHeight="1" x14ac:dyDescent="0.25">
      <c r="A79" s="208" t="s">
        <v>296</v>
      </c>
      <c r="B79" s="209" t="s">
        <v>20420</v>
      </c>
      <c r="C79" s="113" t="s">
        <v>297</v>
      </c>
      <c r="D79" s="113" t="s">
        <v>22386</v>
      </c>
      <c r="E79" s="210">
        <v>1976</v>
      </c>
      <c r="F79" s="210">
        <v>156</v>
      </c>
      <c r="G79" s="113" t="s">
        <v>1</v>
      </c>
      <c r="H79" s="113">
        <v>0</v>
      </c>
      <c r="I79" s="113">
        <v>0</v>
      </c>
      <c r="J79" s="115">
        <v>1</v>
      </c>
      <c r="K79" s="211">
        <v>1</v>
      </c>
      <c r="L79" s="115">
        <v>1</v>
      </c>
      <c r="M79" s="115">
        <v>0</v>
      </c>
      <c r="N79" s="115">
        <v>0</v>
      </c>
      <c r="O79" s="115">
        <v>0</v>
      </c>
      <c r="P79" s="115">
        <v>1</v>
      </c>
      <c r="Q79" s="115" t="s">
        <v>400</v>
      </c>
      <c r="R79" s="115">
        <v>0</v>
      </c>
      <c r="S79" s="115">
        <v>0</v>
      </c>
      <c r="T79" s="115">
        <v>0</v>
      </c>
      <c r="U79" s="119"/>
      <c r="V79" s="119"/>
      <c r="W79" s="119"/>
      <c r="X79" s="119"/>
      <c r="Y79" s="119"/>
      <c r="Z79" s="119"/>
      <c r="AA79" s="119"/>
      <c r="AB79" s="119"/>
      <c r="AC79" s="119"/>
      <c r="AD79" s="119"/>
      <c r="AE79" s="119"/>
      <c r="AF79" s="119"/>
      <c r="AG79" s="119"/>
      <c r="AH79" s="119"/>
      <c r="AI79" s="119"/>
      <c r="AJ79" s="119"/>
      <c r="AK79" s="119"/>
      <c r="AL79" s="119"/>
      <c r="AM79" s="119"/>
      <c r="AN79" s="119"/>
      <c r="AO79" s="119"/>
      <c r="AP79" s="119"/>
      <c r="AQ79" s="119"/>
      <c r="AR79" s="119"/>
      <c r="AS79" s="119"/>
      <c r="AT79" s="119"/>
      <c r="AU79" s="119"/>
      <c r="AV79" s="119"/>
      <c r="AW79" s="119"/>
      <c r="AX79" s="119"/>
      <c r="AY79" s="119"/>
      <c r="AZ79" s="119"/>
      <c r="BA79" s="119"/>
      <c r="BB79" s="107">
        <v>45884</v>
      </c>
    </row>
    <row r="80" spans="1:54" s="207" customFormat="1" ht="13.95" customHeight="1" x14ac:dyDescent="0.25">
      <c r="A80" s="208" t="s">
        <v>298</v>
      </c>
      <c r="B80" s="209" t="s">
        <v>20420</v>
      </c>
      <c r="C80" s="113" t="s">
        <v>299</v>
      </c>
      <c r="D80" s="113" t="s">
        <v>300</v>
      </c>
      <c r="E80" s="210">
        <v>1983</v>
      </c>
      <c r="F80" s="210">
        <v>156</v>
      </c>
      <c r="G80" s="113" t="s">
        <v>1</v>
      </c>
      <c r="H80" s="113">
        <v>0</v>
      </c>
      <c r="I80" s="113">
        <v>0</v>
      </c>
      <c r="J80" s="115">
        <v>1</v>
      </c>
      <c r="K80" s="116" t="s">
        <v>174</v>
      </c>
      <c r="L80" s="115">
        <v>1</v>
      </c>
      <c r="M80" s="115">
        <v>0</v>
      </c>
      <c r="N80" s="115">
        <v>1</v>
      </c>
      <c r="O80" s="115">
        <v>0</v>
      </c>
      <c r="P80" s="115" t="s">
        <v>400</v>
      </c>
      <c r="Q80" s="115" t="s">
        <v>400</v>
      </c>
      <c r="R80" s="115">
        <v>0</v>
      </c>
      <c r="S80" s="115">
        <v>0</v>
      </c>
      <c r="T80" s="115">
        <v>0</v>
      </c>
      <c r="U80" s="119"/>
      <c r="V80" s="119"/>
      <c r="W80" s="119"/>
      <c r="X80" s="119"/>
      <c r="Y80" s="119"/>
      <c r="Z80" s="119"/>
      <c r="AA80" s="119"/>
      <c r="AB80" s="119"/>
      <c r="AC80" s="119"/>
      <c r="AD80" s="119"/>
      <c r="AE80" s="119"/>
      <c r="AF80" s="119"/>
      <c r="AG80" s="119"/>
      <c r="AH80" s="119"/>
      <c r="AI80" s="119"/>
      <c r="AJ80" s="119"/>
      <c r="AK80" s="119"/>
      <c r="AL80" s="119"/>
      <c r="AM80" s="119"/>
      <c r="AN80" s="119"/>
      <c r="AO80" s="119"/>
      <c r="AP80" s="119"/>
      <c r="AQ80" s="119"/>
      <c r="AR80" s="119"/>
      <c r="AS80" s="119"/>
      <c r="AT80" s="119"/>
      <c r="AU80" s="119"/>
      <c r="AV80" s="119"/>
      <c r="AW80" s="119"/>
      <c r="AX80" s="119"/>
      <c r="AY80" s="119"/>
      <c r="AZ80" s="119"/>
      <c r="BA80" s="119"/>
      <c r="BB80" s="107">
        <v>45884</v>
      </c>
    </row>
    <row r="81" spans="1:54" s="207" customFormat="1" ht="13.95" customHeight="1" x14ac:dyDescent="0.25">
      <c r="A81" s="208" t="s">
        <v>301</v>
      </c>
      <c r="B81" s="209" t="s">
        <v>20420</v>
      </c>
      <c r="C81" s="113" t="s">
        <v>302</v>
      </c>
      <c r="D81" s="113" t="s">
        <v>303</v>
      </c>
      <c r="E81" s="210">
        <v>1993</v>
      </c>
      <c r="F81" s="210">
        <v>156</v>
      </c>
      <c r="G81" s="113" t="s">
        <v>1</v>
      </c>
      <c r="H81" s="113">
        <v>0</v>
      </c>
      <c r="I81" s="113">
        <v>0</v>
      </c>
      <c r="J81" s="115">
        <v>0</v>
      </c>
      <c r="K81" s="116" t="s">
        <v>174</v>
      </c>
      <c r="L81" s="115">
        <v>0</v>
      </c>
      <c r="M81" s="115">
        <v>0</v>
      </c>
      <c r="N81" s="115">
        <v>0</v>
      </c>
      <c r="O81" s="115">
        <v>0</v>
      </c>
      <c r="P81" s="115" t="s">
        <v>400</v>
      </c>
      <c r="Q81" s="115" t="s">
        <v>400</v>
      </c>
      <c r="R81" s="115">
        <v>0</v>
      </c>
      <c r="S81" s="115">
        <v>0</v>
      </c>
      <c r="T81" s="115">
        <v>0</v>
      </c>
      <c r="U81" s="119"/>
      <c r="V81" s="119"/>
      <c r="W81" s="119"/>
      <c r="X81" s="119"/>
      <c r="Y81" s="119"/>
      <c r="Z81" s="119"/>
      <c r="AA81" s="119"/>
      <c r="AB81" s="119"/>
      <c r="AC81" s="119"/>
      <c r="AD81" s="119"/>
      <c r="AE81" s="119"/>
      <c r="AF81" s="119"/>
      <c r="AG81" s="119"/>
      <c r="AH81" s="119"/>
      <c r="AI81" s="119"/>
      <c r="AJ81" s="119"/>
      <c r="AK81" s="119"/>
      <c r="AL81" s="119"/>
      <c r="AM81" s="119"/>
      <c r="AN81" s="119"/>
      <c r="AO81" s="119"/>
      <c r="AP81" s="119"/>
      <c r="AQ81" s="119"/>
      <c r="AR81" s="119"/>
      <c r="AS81" s="119"/>
      <c r="AT81" s="119"/>
      <c r="AU81" s="119"/>
      <c r="AV81" s="119"/>
      <c r="AW81" s="119"/>
      <c r="AX81" s="119"/>
      <c r="AY81" s="119"/>
      <c r="AZ81" s="119"/>
      <c r="BA81" s="119"/>
      <c r="BB81" s="107">
        <v>45884</v>
      </c>
    </row>
    <row r="82" spans="1:54" s="207" customFormat="1" ht="13.95" customHeight="1" x14ac:dyDescent="0.25">
      <c r="A82" s="208" t="s">
        <v>304</v>
      </c>
      <c r="B82" s="209" t="s">
        <v>20420</v>
      </c>
      <c r="C82" s="113" t="s">
        <v>305</v>
      </c>
      <c r="D82" s="113" t="s">
        <v>306</v>
      </c>
      <c r="E82" s="210">
        <v>1991</v>
      </c>
      <c r="F82" s="210">
        <v>156</v>
      </c>
      <c r="G82" s="113" t="s">
        <v>1</v>
      </c>
      <c r="H82" s="113">
        <v>0</v>
      </c>
      <c r="I82" s="113">
        <v>0</v>
      </c>
      <c r="J82" s="115">
        <v>1</v>
      </c>
      <c r="K82" s="116" t="s">
        <v>174</v>
      </c>
      <c r="L82" s="115">
        <v>0</v>
      </c>
      <c r="M82" s="115">
        <v>0</v>
      </c>
      <c r="N82" s="115">
        <v>0</v>
      </c>
      <c r="O82" s="115">
        <v>0</v>
      </c>
      <c r="P82" s="115" t="s">
        <v>400</v>
      </c>
      <c r="Q82" s="115" t="s">
        <v>400</v>
      </c>
      <c r="R82" s="115">
        <v>0</v>
      </c>
      <c r="S82" s="115">
        <v>0</v>
      </c>
      <c r="T82" s="115">
        <v>0</v>
      </c>
      <c r="U82" s="119"/>
      <c r="V82" s="119"/>
      <c r="W82" s="119"/>
      <c r="X82" s="119"/>
      <c r="Y82" s="119"/>
      <c r="Z82" s="119"/>
      <c r="AA82" s="119"/>
      <c r="AB82" s="119"/>
      <c r="AC82" s="119"/>
      <c r="AD82" s="119"/>
      <c r="AE82" s="119"/>
      <c r="AF82" s="119"/>
      <c r="AG82" s="119"/>
      <c r="AH82" s="119"/>
      <c r="AI82" s="119"/>
      <c r="AJ82" s="119"/>
      <c r="AK82" s="119"/>
      <c r="AL82" s="119"/>
      <c r="AM82" s="119"/>
      <c r="AN82" s="119"/>
      <c r="AO82" s="119"/>
      <c r="AP82" s="119"/>
      <c r="AQ82" s="119"/>
      <c r="AR82" s="119"/>
      <c r="AS82" s="119"/>
      <c r="AT82" s="119"/>
      <c r="AU82" s="119"/>
      <c r="AV82" s="119"/>
      <c r="AW82" s="119"/>
      <c r="AX82" s="119"/>
      <c r="AY82" s="119"/>
      <c r="AZ82" s="119"/>
      <c r="BA82" s="119"/>
      <c r="BB82" s="107">
        <v>45884</v>
      </c>
    </row>
    <row r="83" spans="1:54" s="207" customFormat="1" ht="13.95" customHeight="1" x14ac:dyDescent="0.25">
      <c r="A83" s="208" t="s">
        <v>307</v>
      </c>
      <c r="B83" s="209" t="s">
        <v>20420</v>
      </c>
      <c r="C83" s="113" t="s">
        <v>308</v>
      </c>
      <c r="D83" s="113" t="s">
        <v>22387</v>
      </c>
      <c r="E83" s="210">
        <v>1978</v>
      </c>
      <c r="F83" s="210">
        <v>156</v>
      </c>
      <c r="G83" s="113" t="s">
        <v>5</v>
      </c>
      <c r="H83" s="113">
        <v>0</v>
      </c>
      <c r="I83" s="113">
        <v>0</v>
      </c>
      <c r="J83" s="115">
        <v>0</v>
      </c>
      <c r="K83" s="116" t="s">
        <v>174</v>
      </c>
      <c r="L83" s="115">
        <v>0</v>
      </c>
      <c r="M83" s="115">
        <v>0</v>
      </c>
      <c r="N83" s="115">
        <v>0</v>
      </c>
      <c r="O83" s="115">
        <v>0</v>
      </c>
      <c r="P83" s="115" t="s">
        <v>400</v>
      </c>
      <c r="Q83" s="115" t="s">
        <v>400</v>
      </c>
      <c r="R83" s="115">
        <v>0</v>
      </c>
      <c r="S83" s="115">
        <v>0</v>
      </c>
      <c r="T83" s="115">
        <v>0</v>
      </c>
      <c r="U83" s="119"/>
      <c r="V83" s="119"/>
      <c r="W83" s="119"/>
      <c r="X83" s="119"/>
      <c r="Y83" s="119"/>
      <c r="Z83" s="119"/>
      <c r="AA83" s="119"/>
      <c r="AB83" s="119"/>
      <c r="AC83" s="119"/>
      <c r="AD83" s="119"/>
      <c r="AE83" s="119"/>
      <c r="AF83" s="119"/>
      <c r="AG83" s="119"/>
      <c r="AH83" s="119"/>
      <c r="AI83" s="119"/>
      <c r="AJ83" s="119"/>
      <c r="AK83" s="119"/>
      <c r="AL83" s="119"/>
      <c r="AM83" s="119"/>
      <c r="AN83" s="119"/>
      <c r="AO83" s="119"/>
      <c r="AP83" s="119"/>
      <c r="AQ83" s="119"/>
      <c r="AR83" s="119"/>
      <c r="AS83" s="119"/>
      <c r="AT83" s="119"/>
      <c r="AU83" s="119"/>
      <c r="AV83" s="119"/>
      <c r="AW83" s="119"/>
      <c r="AX83" s="119"/>
      <c r="AY83" s="119"/>
      <c r="AZ83" s="119"/>
      <c r="BA83" s="119"/>
      <c r="BB83" s="107">
        <v>45884</v>
      </c>
    </row>
    <row r="84" spans="1:54" s="207" customFormat="1" ht="13.95" customHeight="1" x14ac:dyDescent="0.25">
      <c r="A84" s="208" t="s">
        <v>309</v>
      </c>
      <c r="B84" s="209" t="s">
        <v>20420</v>
      </c>
      <c r="C84" s="113" t="s">
        <v>310</v>
      </c>
      <c r="D84" s="113" t="s">
        <v>22388</v>
      </c>
      <c r="E84" s="210">
        <v>1979</v>
      </c>
      <c r="F84" s="210">
        <v>157</v>
      </c>
      <c r="G84" s="113" t="s">
        <v>1</v>
      </c>
      <c r="H84" s="113">
        <v>0</v>
      </c>
      <c r="I84" s="113">
        <v>0</v>
      </c>
      <c r="J84" s="115">
        <v>1</v>
      </c>
      <c r="K84" s="116" t="s">
        <v>174</v>
      </c>
      <c r="L84" s="115">
        <v>0</v>
      </c>
      <c r="M84" s="115">
        <v>0</v>
      </c>
      <c r="N84" s="115">
        <v>0</v>
      </c>
      <c r="O84" s="115">
        <v>0</v>
      </c>
      <c r="P84" s="115" t="s">
        <v>400</v>
      </c>
      <c r="Q84" s="115" t="s">
        <v>400</v>
      </c>
      <c r="R84" s="115">
        <v>0</v>
      </c>
      <c r="S84" s="115">
        <v>0</v>
      </c>
      <c r="T84" s="115">
        <v>0</v>
      </c>
      <c r="U84" s="119"/>
      <c r="V84" s="119"/>
      <c r="W84" s="119"/>
      <c r="X84" s="119"/>
      <c r="Y84" s="119"/>
      <c r="Z84" s="119"/>
      <c r="AA84" s="119"/>
      <c r="AB84" s="119"/>
      <c r="AC84" s="119"/>
      <c r="AD84" s="119"/>
      <c r="AE84" s="119"/>
      <c r="AF84" s="119"/>
      <c r="AG84" s="119"/>
      <c r="AH84" s="119"/>
      <c r="AI84" s="119"/>
      <c r="AJ84" s="119"/>
      <c r="AK84" s="119"/>
      <c r="AL84" s="119"/>
      <c r="AM84" s="119"/>
      <c r="AN84" s="119"/>
      <c r="AO84" s="119"/>
      <c r="AP84" s="119"/>
      <c r="AQ84" s="119"/>
      <c r="AR84" s="119"/>
      <c r="AS84" s="119"/>
      <c r="AT84" s="119"/>
      <c r="AU84" s="119"/>
      <c r="AV84" s="119"/>
      <c r="AW84" s="119"/>
      <c r="AX84" s="119"/>
      <c r="AY84" s="119"/>
      <c r="AZ84" s="119"/>
      <c r="BA84" s="119"/>
      <c r="BB84" s="107">
        <v>45884</v>
      </c>
    </row>
    <row r="85" spans="1:54" s="207" customFormat="1" ht="13.95" customHeight="1" x14ac:dyDescent="0.25">
      <c r="A85" s="208" t="s">
        <v>311</v>
      </c>
      <c r="B85" s="209" t="s">
        <v>20420</v>
      </c>
      <c r="C85" s="113" t="s">
        <v>312</v>
      </c>
      <c r="D85" s="113" t="s">
        <v>22389</v>
      </c>
      <c r="E85" s="210">
        <v>1978</v>
      </c>
      <c r="F85" s="210">
        <v>157</v>
      </c>
      <c r="G85" s="113" t="s">
        <v>1</v>
      </c>
      <c r="H85" s="113">
        <v>0</v>
      </c>
      <c r="I85" s="113">
        <v>0</v>
      </c>
      <c r="J85" s="115">
        <v>0</v>
      </c>
      <c r="K85" s="116" t="s">
        <v>174</v>
      </c>
      <c r="L85" s="115">
        <v>0</v>
      </c>
      <c r="M85" s="115">
        <v>0</v>
      </c>
      <c r="N85" s="115">
        <v>1</v>
      </c>
      <c r="O85" s="115">
        <v>0</v>
      </c>
      <c r="P85" s="115" t="s">
        <v>400</v>
      </c>
      <c r="Q85" s="115" t="s">
        <v>400</v>
      </c>
      <c r="R85" s="115">
        <v>0</v>
      </c>
      <c r="S85" s="115">
        <v>0</v>
      </c>
      <c r="T85" s="115">
        <v>0</v>
      </c>
      <c r="U85" s="119"/>
      <c r="V85" s="119"/>
      <c r="W85" s="119"/>
      <c r="X85" s="119"/>
      <c r="Y85" s="119"/>
      <c r="Z85" s="119"/>
      <c r="AA85" s="119"/>
      <c r="AB85" s="119"/>
      <c r="AC85" s="119"/>
      <c r="AD85" s="119"/>
      <c r="AE85" s="119"/>
      <c r="AF85" s="119"/>
      <c r="AG85" s="119"/>
      <c r="AH85" s="119"/>
      <c r="AI85" s="119"/>
      <c r="AJ85" s="119"/>
      <c r="AK85" s="119"/>
      <c r="AL85" s="119"/>
      <c r="AM85" s="119"/>
      <c r="AN85" s="119"/>
      <c r="AO85" s="119"/>
      <c r="AP85" s="119"/>
      <c r="AQ85" s="119"/>
      <c r="AR85" s="119"/>
      <c r="AS85" s="119"/>
      <c r="AT85" s="119"/>
      <c r="AU85" s="119"/>
      <c r="AV85" s="119"/>
      <c r="AW85" s="119"/>
      <c r="AX85" s="119"/>
      <c r="AY85" s="119"/>
      <c r="AZ85" s="119"/>
      <c r="BA85" s="119"/>
      <c r="BB85" s="107">
        <v>45884</v>
      </c>
    </row>
    <row r="86" spans="1:54" s="207" customFormat="1" ht="13.95" customHeight="1" x14ac:dyDescent="0.25">
      <c r="A86" s="208" t="s">
        <v>313</v>
      </c>
      <c r="B86" s="209" t="s">
        <v>20420</v>
      </c>
      <c r="C86" s="113" t="s">
        <v>314</v>
      </c>
      <c r="D86" s="113" t="s">
        <v>315</v>
      </c>
      <c r="E86" s="210">
        <v>1981</v>
      </c>
      <c r="F86" s="210">
        <v>158</v>
      </c>
      <c r="G86" s="113" t="s">
        <v>1</v>
      </c>
      <c r="H86" s="113">
        <v>0</v>
      </c>
      <c r="I86" s="113">
        <v>0</v>
      </c>
      <c r="J86" s="115">
        <v>1</v>
      </c>
      <c r="K86" s="116" t="s">
        <v>174</v>
      </c>
      <c r="L86" s="115">
        <v>0</v>
      </c>
      <c r="M86" s="115">
        <v>0</v>
      </c>
      <c r="N86" s="115">
        <v>0</v>
      </c>
      <c r="O86" s="115">
        <v>0</v>
      </c>
      <c r="P86" s="115" t="s">
        <v>400</v>
      </c>
      <c r="Q86" s="115" t="s">
        <v>400</v>
      </c>
      <c r="R86" s="115">
        <v>0</v>
      </c>
      <c r="S86" s="115">
        <v>0</v>
      </c>
      <c r="T86" s="115">
        <v>0</v>
      </c>
      <c r="U86" s="119"/>
      <c r="V86" s="119"/>
      <c r="W86" s="119"/>
      <c r="X86" s="119"/>
      <c r="Y86" s="119"/>
      <c r="Z86" s="119"/>
      <c r="AA86" s="119"/>
      <c r="AB86" s="119"/>
      <c r="AC86" s="119"/>
      <c r="AD86" s="119"/>
      <c r="AE86" s="119"/>
      <c r="AF86" s="119"/>
      <c r="AG86" s="119"/>
      <c r="AH86" s="119"/>
      <c r="AI86" s="119"/>
      <c r="AJ86" s="119"/>
      <c r="AK86" s="119"/>
      <c r="AL86" s="119"/>
      <c r="AM86" s="119"/>
      <c r="AN86" s="119"/>
      <c r="AO86" s="119"/>
      <c r="AP86" s="119"/>
      <c r="AQ86" s="119"/>
      <c r="AR86" s="119"/>
      <c r="AS86" s="119"/>
      <c r="AT86" s="119"/>
      <c r="AU86" s="119"/>
      <c r="AV86" s="119"/>
      <c r="AW86" s="119"/>
      <c r="AX86" s="119"/>
      <c r="AY86" s="119"/>
      <c r="AZ86" s="119"/>
      <c r="BA86" s="119"/>
      <c r="BB86" s="107">
        <v>45884</v>
      </c>
    </row>
    <row r="87" spans="1:54" s="207" customFormat="1" ht="13.95" customHeight="1" x14ac:dyDescent="0.25">
      <c r="A87" s="208" t="s">
        <v>316</v>
      </c>
      <c r="B87" s="209" t="s">
        <v>20420</v>
      </c>
      <c r="C87" s="113" t="s">
        <v>317</v>
      </c>
      <c r="D87" s="113" t="s">
        <v>22390</v>
      </c>
      <c r="E87" s="210">
        <v>1984</v>
      </c>
      <c r="F87" s="210">
        <v>159</v>
      </c>
      <c r="G87" s="113" t="s">
        <v>1</v>
      </c>
      <c r="H87" s="113">
        <v>0</v>
      </c>
      <c r="I87" s="113">
        <v>0</v>
      </c>
      <c r="J87" s="115">
        <v>1</v>
      </c>
      <c r="K87" s="116" t="s">
        <v>174</v>
      </c>
      <c r="L87" s="115">
        <v>1</v>
      </c>
      <c r="M87" s="115">
        <v>0</v>
      </c>
      <c r="N87" s="115">
        <v>0</v>
      </c>
      <c r="O87" s="115">
        <v>0</v>
      </c>
      <c r="P87" s="115" t="s">
        <v>400</v>
      </c>
      <c r="Q87" s="115" t="s">
        <v>400</v>
      </c>
      <c r="R87" s="115">
        <v>0</v>
      </c>
      <c r="S87" s="115">
        <v>0</v>
      </c>
      <c r="T87" s="115">
        <v>0</v>
      </c>
      <c r="U87" s="119"/>
      <c r="V87" s="119"/>
      <c r="W87" s="119"/>
      <c r="X87" s="119"/>
      <c r="Y87" s="119"/>
      <c r="Z87" s="119"/>
      <c r="AA87" s="119"/>
      <c r="AB87" s="119"/>
      <c r="AC87" s="119"/>
      <c r="AD87" s="119"/>
      <c r="AE87" s="119"/>
      <c r="AF87" s="119"/>
      <c r="AG87" s="119"/>
      <c r="AH87" s="119"/>
      <c r="AI87" s="119"/>
      <c r="AJ87" s="119"/>
      <c r="AK87" s="119"/>
      <c r="AL87" s="119"/>
      <c r="AM87" s="119"/>
      <c r="AN87" s="119"/>
      <c r="AO87" s="119"/>
      <c r="AP87" s="119"/>
      <c r="AQ87" s="119"/>
      <c r="AR87" s="119"/>
      <c r="AS87" s="119"/>
      <c r="AT87" s="119"/>
      <c r="AU87" s="119"/>
      <c r="AV87" s="119"/>
      <c r="AW87" s="119"/>
      <c r="AX87" s="119"/>
      <c r="AY87" s="119"/>
      <c r="AZ87" s="119"/>
      <c r="BA87" s="119"/>
      <c r="BB87" s="107">
        <v>45884</v>
      </c>
    </row>
    <row r="88" spans="1:54" s="207" customFormat="1" ht="13.95" customHeight="1" x14ac:dyDescent="0.25">
      <c r="A88" s="208" t="s">
        <v>318</v>
      </c>
      <c r="B88" s="209" t="s">
        <v>20420</v>
      </c>
      <c r="C88" s="113" t="s">
        <v>319</v>
      </c>
      <c r="D88" s="113" t="s">
        <v>22391</v>
      </c>
      <c r="E88" s="210">
        <v>1998</v>
      </c>
      <c r="F88" s="210">
        <v>159</v>
      </c>
      <c r="G88" s="113" t="s">
        <v>1</v>
      </c>
      <c r="H88" s="113">
        <v>0</v>
      </c>
      <c r="I88" s="113">
        <v>0</v>
      </c>
      <c r="J88" s="115">
        <v>1</v>
      </c>
      <c r="K88" s="116" t="s">
        <v>174</v>
      </c>
      <c r="L88" s="115">
        <v>0</v>
      </c>
      <c r="M88" s="115">
        <v>0</v>
      </c>
      <c r="N88" s="115">
        <v>1</v>
      </c>
      <c r="O88" s="115">
        <v>0</v>
      </c>
      <c r="P88" s="115" t="s">
        <v>400</v>
      </c>
      <c r="Q88" s="115" t="s">
        <v>400</v>
      </c>
      <c r="R88" s="115">
        <v>1</v>
      </c>
      <c r="S88" s="115">
        <v>0</v>
      </c>
      <c r="T88" s="115">
        <v>0</v>
      </c>
      <c r="U88" s="119"/>
      <c r="V88" s="119"/>
      <c r="W88" s="119"/>
      <c r="X88" s="119"/>
      <c r="Y88" s="119"/>
      <c r="Z88" s="119"/>
      <c r="AA88" s="119"/>
      <c r="AB88" s="119"/>
      <c r="AC88" s="119"/>
      <c r="AD88" s="119"/>
      <c r="AE88" s="119"/>
      <c r="AF88" s="119"/>
      <c r="AG88" s="119"/>
      <c r="AH88" s="119"/>
      <c r="AI88" s="119"/>
      <c r="AJ88" s="119"/>
      <c r="AK88" s="119"/>
      <c r="AL88" s="119"/>
      <c r="AM88" s="119"/>
      <c r="AN88" s="119"/>
      <c r="AO88" s="119"/>
      <c r="AP88" s="119"/>
      <c r="AQ88" s="119"/>
      <c r="AR88" s="119"/>
      <c r="AS88" s="119"/>
      <c r="AT88" s="119"/>
      <c r="AU88" s="119"/>
      <c r="AV88" s="119"/>
      <c r="AW88" s="119"/>
      <c r="AX88" s="119"/>
      <c r="AY88" s="119"/>
      <c r="AZ88" s="119"/>
      <c r="BA88" s="119"/>
      <c r="BB88" s="107">
        <v>45884</v>
      </c>
    </row>
    <row r="89" spans="1:54" s="207" customFormat="1" ht="13.95" customHeight="1" x14ac:dyDescent="0.25">
      <c r="A89" s="208" t="s">
        <v>320</v>
      </c>
      <c r="B89" s="209" t="s">
        <v>20420</v>
      </c>
      <c r="C89" s="113" t="s">
        <v>321</v>
      </c>
      <c r="D89" s="113" t="s">
        <v>22392</v>
      </c>
      <c r="E89" s="210">
        <v>1976</v>
      </c>
      <c r="F89" s="210">
        <v>159</v>
      </c>
      <c r="G89" s="113" t="s">
        <v>1</v>
      </c>
      <c r="H89" s="113">
        <v>0</v>
      </c>
      <c r="I89" s="113">
        <v>0</v>
      </c>
      <c r="J89" s="115">
        <v>1</v>
      </c>
      <c r="K89" s="116" t="s">
        <v>174</v>
      </c>
      <c r="L89" s="115">
        <v>0</v>
      </c>
      <c r="M89" s="115">
        <v>0</v>
      </c>
      <c r="N89" s="115">
        <v>1</v>
      </c>
      <c r="O89" s="115">
        <v>0</v>
      </c>
      <c r="P89" s="115" t="s">
        <v>400</v>
      </c>
      <c r="Q89" s="115" t="s">
        <v>400</v>
      </c>
      <c r="R89" s="115">
        <v>0</v>
      </c>
      <c r="S89" s="115">
        <v>0</v>
      </c>
      <c r="T89" s="115">
        <v>0</v>
      </c>
      <c r="U89" s="119"/>
      <c r="V89" s="119"/>
      <c r="W89" s="119"/>
      <c r="X89" s="119"/>
      <c r="Y89" s="119"/>
      <c r="Z89" s="119"/>
      <c r="AA89" s="119"/>
      <c r="AB89" s="119"/>
      <c r="AC89" s="119"/>
      <c r="AD89" s="119"/>
      <c r="AE89" s="119"/>
      <c r="AF89" s="119"/>
      <c r="AG89" s="119"/>
      <c r="AH89" s="119"/>
      <c r="AI89" s="119"/>
      <c r="AJ89" s="119"/>
      <c r="AK89" s="119"/>
      <c r="AL89" s="119"/>
      <c r="AM89" s="119"/>
      <c r="AN89" s="119"/>
      <c r="AO89" s="119"/>
      <c r="AP89" s="119"/>
      <c r="AQ89" s="119"/>
      <c r="AR89" s="119"/>
      <c r="AS89" s="119"/>
      <c r="AT89" s="119"/>
      <c r="AU89" s="119"/>
      <c r="AV89" s="119"/>
      <c r="AW89" s="119"/>
      <c r="AX89" s="119"/>
      <c r="AY89" s="119"/>
      <c r="AZ89" s="119"/>
      <c r="BA89" s="119"/>
      <c r="BB89" s="107">
        <v>45884</v>
      </c>
    </row>
    <row r="90" spans="1:54" s="207" customFormat="1" ht="13.95" customHeight="1" x14ac:dyDescent="0.25">
      <c r="A90" s="208" t="s">
        <v>322</v>
      </c>
      <c r="B90" s="209" t="s">
        <v>20420</v>
      </c>
      <c r="C90" s="113" t="s">
        <v>323</v>
      </c>
      <c r="D90" s="113" t="s">
        <v>22393</v>
      </c>
      <c r="E90" s="210">
        <v>1978</v>
      </c>
      <c r="F90" s="210">
        <v>160</v>
      </c>
      <c r="G90" s="113" t="s">
        <v>1</v>
      </c>
      <c r="H90" s="113">
        <v>0</v>
      </c>
      <c r="I90" s="113">
        <v>0</v>
      </c>
      <c r="J90" s="115">
        <v>1</v>
      </c>
      <c r="K90" s="116" t="s">
        <v>174</v>
      </c>
      <c r="L90" s="115">
        <v>1</v>
      </c>
      <c r="M90" s="115">
        <v>0</v>
      </c>
      <c r="N90" s="115">
        <v>0</v>
      </c>
      <c r="O90" s="115">
        <v>0</v>
      </c>
      <c r="P90" s="115" t="s">
        <v>400</v>
      </c>
      <c r="Q90" s="115" t="s">
        <v>400</v>
      </c>
      <c r="R90" s="115">
        <v>0</v>
      </c>
      <c r="S90" s="115">
        <v>0</v>
      </c>
      <c r="T90" s="115">
        <v>0</v>
      </c>
      <c r="U90" s="119"/>
      <c r="V90" s="119"/>
      <c r="W90" s="119"/>
      <c r="X90" s="119"/>
      <c r="Y90" s="119"/>
      <c r="Z90" s="119"/>
      <c r="AA90" s="119"/>
      <c r="AB90" s="119"/>
      <c r="AC90" s="119"/>
      <c r="AD90" s="119"/>
      <c r="AE90" s="119"/>
      <c r="AF90" s="119"/>
      <c r="AG90" s="119"/>
      <c r="AH90" s="119"/>
      <c r="AI90" s="119"/>
      <c r="AJ90" s="119"/>
      <c r="AK90" s="119"/>
      <c r="AL90" s="119"/>
      <c r="AM90" s="119"/>
      <c r="AN90" s="119"/>
      <c r="AO90" s="119"/>
      <c r="AP90" s="119"/>
      <c r="AQ90" s="119"/>
      <c r="AR90" s="119"/>
      <c r="AS90" s="119"/>
      <c r="AT90" s="119"/>
      <c r="AU90" s="119"/>
      <c r="AV90" s="119"/>
      <c r="AW90" s="119"/>
      <c r="AX90" s="119"/>
      <c r="AY90" s="119"/>
      <c r="AZ90" s="119"/>
      <c r="BA90" s="119"/>
      <c r="BB90" s="107">
        <v>45884</v>
      </c>
    </row>
    <row r="91" spans="1:54" s="207" customFormat="1" ht="13.95" customHeight="1" x14ac:dyDescent="0.25">
      <c r="A91" s="208" t="s">
        <v>324</v>
      </c>
      <c r="B91" s="209" t="s">
        <v>20420</v>
      </c>
      <c r="C91" s="113" t="s">
        <v>325</v>
      </c>
      <c r="D91" s="113" t="s">
        <v>326</v>
      </c>
      <c r="E91" s="210">
        <v>1984</v>
      </c>
      <c r="F91" s="210">
        <v>160</v>
      </c>
      <c r="G91" s="113" t="s">
        <v>1</v>
      </c>
      <c r="H91" s="113">
        <v>0</v>
      </c>
      <c r="I91" s="113">
        <v>0</v>
      </c>
      <c r="J91" s="115">
        <v>1</v>
      </c>
      <c r="K91" s="116" t="s">
        <v>174</v>
      </c>
      <c r="L91" s="115">
        <v>0</v>
      </c>
      <c r="M91" s="115">
        <v>0</v>
      </c>
      <c r="N91" s="115">
        <v>0</v>
      </c>
      <c r="O91" s="115">
        <v>0</v>
      </c>
      <c r="P91" s="115" t="s">
        <v>400</v>
      </c>
      <c r="Q91" s="115" t="s">
        <v>400</v>
      </c>
      <c r="R91" s="115">
        <v>0</v>
      </c>
      <c r="S91" s="115">
        <v>0</v>
      </c>
      <c r="T91" s="115">
        <v>0</v>
      </c>
      <c r="U91" s="119"/>
      <c r="V91" s="119"/>
      <c r="W91" s="119"/>
      <c r="X91" s="119"/>
      <c r="Y91" s="119"/>
      <c r="Z91" s="119"/>
      <c r="AA91" s="119"/>
      <c r="AB91" s="119"/>
      <c r="AC91" s="119"/>
      <c r="AD91" s="119"/>
      <c r="AE91" s="119"/>
      <c r="AF91" s="119"/>
      <c r="AG91" s="119"/>
      <c r="AH91" s="119"/>
      <c r="AI91" s="119"/>
      <c r="AJ91" s="119"/>
      <c r="AK91" s="119"/>
      <c r="AL91" s="119"/>
      <c r="AM91" s="119"/>
      <c r="AN91" s="119"/>
      <c r="AO91" s="119"/>
      <c r="AP91" s="119"/>
      <c r="AQ91" s="119"/>
      <c r="AR91" s="119"/>
      <c r="AS91" s="119"/>
      <c r="AT91" s="119"/>
      <c r="AU91" s="119"/>
      <c r="AV91" s="119"/>
      <c r="AW91" s="119"/>
      <c r="AX91" s="119"/>
      <c r="AY91" s="119"/>
      <c r="AZ91" s="119"/>
      <c r="BA91" s="119"/>
      <c r="BB91" s="107">
        <v>45884</v>
      </c>
    </row>
    <row r="92" spans="1:54" s="207" customFormat="1" ht="13.95" customHeight="1" x14ac:dyDescent="0.25">
      <c r="A92" s="208" t="s">
        <v>327</v>
      </c>
      <c r="B92" s="209" t="s">
        <v>20420</v>
      </c>
      <c r="C92" s="113" t="s">
        <v>328</v>
      </c>
      <c r="D92" s="113" t="s">
        <v>22394</v>
      </c>
      <c r="E92" s="210">
        <v>1987</v>
      </c>
      <c r="F92" s="210">
        <v>161</v>
      </c>
      <c r="G92" s="113" t="s">
        <v>1</v>
      </c>
      <c r="H92" s="113">
        <v>0</v>
      </c>
      <c r="I92" s="113">
        <v>0</v>
      </c>
      <c r="J92" s="115">
        <v>1</v>
      </c>
      <c r="K92" s="116" t="s">
        <v>174</v>
      </c>
      <c r="L92" s="115">
        <v>1</v>
      </c>
      <c r="M92" s="115">
        <v>0</v>
      </c>
      <c r="N92" s="115">
        <v>0</v>
      </c>
      <c r="O92" s="115">
        <v>0</v>
      </c>
      <c r="P92" s="115" t="s">
        <v>400</v>
      </c>
      <c r="Q92" s="115" t="s">
        <v>400</v>
      </c>
      <c r="R92" s="115">
        <v>0</v>
      </c>
      <c r="S92" s="115">
        <v>0</v>
      </c>
      <c r="T92" s="115">
        <v>0</v>
      </c>
      <c r="U92" s="119"/>
      <c r="V92" s="119"/>
      <c r="W92" s="119"/>
      <c r="X92" s="119"/>
      <c r="Y92" s="119"/>
      <c r="Z92" s="119"/>
      <c r="AA92" s="119"/>
      <c r="AB92" s="119"/>
      <c r="AC92" s="119"/>
      <c r="AD92" s="119"/>
      <c r="AE92" s="119"/>
      <c r="AF92" s="119"/>
      <c r="AG92" s="119"/>
      <c r="AH92" s="119"/>
      <c r="AI92" s="119"/>
      <c r="AJ92" s="119"/>
      <c r="AK92" s="119"/>
      <c r="AL92" s="119"/>
      <c r="AM92" s="119"/>
      <c r="AN92" s="119"/>
      <c r="AO92" s="119"/>
      <c r="AP92" s="119"/>
      <c r="AQ92" s="119"/>
      <c r="AR92" s="119"/>
      <c r="AS92" s="119"/>
      <c r="AT92" s="119"/>
      <c r="AU92" s="119"/>
      <c r="AV92" s="119"/>
      <c r="AW92" s="119"/>
      <c r="AX92" s="119"/>
      <c r="AY92" s="119"/>
      <c r="AZ92" s="119"/>
      <c r="BA92" s="119"/>
      <c r="BB92" s="107">
        <v>45884</v>
      </c>
    </row>
    <row r="93" spans="1:54" s="207" customFormat="1" ht="13.95" customHeight="1" x14ac:dyDescent="0.25">
      <c r="A93" s="208" t="s">
        <v>329</v>
      </c>
      <c r="B93" s="209" t="s">
        <v>20420</v>
      </c>
      <c r="C93" s="113" t="s">
        <v>330</v>
      </c>
      <c r="D93" s="113" t="s">
        <v>22395</v>
      </c>
      <c r="E93" s="210">
        <v>1977</v>
      </c>
      <c r="F93" s="210">
        <v>161</v>
      </c>
      <c r="G93" s="113" t="s">
        <v>1</v>
      </c>
      <c r="H93" s="113">
        <v>0</v>
      </c>
      <c r="I93" s="113">
        <v>0</v>
      </c>
      <c r="J93" s="115">
        <v>1</v>
      </c>
      <c r="K93" s="116" t="s">
        <v>174</v>
      </c>
      <c r="L93" s="115">
        <v>0</v>
      </c>
      <c r="M93" s="115">
        <v>0</v>
      </c>
      <c r="N93" s="115">
        <v>1</v>
      </c>
      <c r="O93" s="115">
        <v>0</v>
      </c>
      <c r="P93" s="115" t="s">
        <v>400</v>
      </c>
      <c r="Q93" s="115" t="s">
        <v>400</v>
      </c>
      <c r="R93" s="115">
        <v>0</v>
      </c>
      <c r="S93" s="115">
        <v>0</v>
      </c>
      <c r="T93" s="115">
        <v>0</v>
      </c>
      <c r="U93" s="119"/>
      <c r="V93" s="119"/>
      <c r="W93" s="119"/>
      <c r="X93" s="119"/>
      <c r="Y93" s="119"/>
      <c r="Z93" s="119"/>
      <c r="AA93" s="119"/>
      <c r="AB93" s="119"/>
      <c r="AC93" s="119"/>
      <c r="AD93" s="119"/>
      <c r="AE93" s="119"/>
      <c r="AF93" s="119"/>
      <c r="AG93" s="119"/>
      <c r="AH93" s="119"/>
      <c r="AI93" s="119"/>
      <c r="AJ93" s="119"/>
      <c r="AK93" s="119"/>
      <c r="AL93" s="119"/>
      <c r="AM93" s="119"/>
      <c r="AN93" s="119"/>
      <c r="AO93" s="119"/>
      <c r="AP93" s="119"/>
      <c r="AQ93" s="119"/>
      <c r="AR93" s="119"/>
      <c r="AS93" s="119"/>
      <c r="AT93" s="119"/>
      <c r="AU93" s="119"/>
      <c r="AV93" s="119"/>
      <c r="AW93" s="119"/>
      <c r="AX93" s="119"/>
      <c r="AY93" s="119"/>
      <c r="AZ93" s="119"/>
      <c r="BA93" s="119"/>
      <c r="BB93" s="107">
        <v>45884</v>
      </c>
    </row>
    <row r="94" spans="1:54" s="207" customFormat="1" ht="13.95" customHeight="1" x14ac:dyDescent="0.25">
      <c r="A94" s="208" t="s">
        <v>331</v>
      </c>
      <c r="B94" s="209" t="s">
        <v>20420</v>
      </c>
      <c r="C94" s="113" t="s">
        <v>332</v>
      </c>
      <c r="D94" s="113" t="s">
        <v>22396</v>
      </c>
      <c r="E94" s="210">
        <v>1977</v>
      </c>
      <c r="F94" s="210">
        <v>161</v>
      </c>
      <c r="G94" s="113" t="s">
        <v>1</v>
      </c>
      <c r="H94" s="113">
        <v>0</v>
      </c>
      <c r="I94" s="113">
        <v>0</v>
      </c>
      <c r="J94" s="115">
        <v>1</v>
      </c>
      <c r="K94" s="116" t="s">
        <v>174</v>
      </c>
      <c r="L94" s="115">
        <v>0</v>
      </c>
      <c r="M94" s="115">
        <v>0</v>
      </c>
      <c r="N94" s="115">
        <v>0</v>
      </c>
      <c r="O94" s="115">
        <v>0</v>
      </c>
      <c r="P94" s="115" t="s">
        <v>400</v>
      </c>
      <c r="Q94" s="115" t="s">
        <v>400</v>
      </c>
      <c r="R94" s="115">
        <v>0</v>
      </c>
      <c r="S94" s="115">
        <v>0</v>
      </c>
      <c r="T94" s="115">
        <v>0</v>
      </c>
      <c r="U94" s="119"/>
      <c r="V94" s="119"/>
      <c r="W94" s="119"/>
      <c r="X94" s="119"/>
      <c r="Y94" s="119"/>
      <c r="Z94" s="119"/>
      <c r="AA94" s="119"/>
      <c r="AB94" s="119"/>
      <c r="AC94" s="119"/>
      <c r="AD94" s="119"/>
      <c r="AE94" s="119"/>
      <c r="AF94" s="119"/>
      <c r="AG94" s="119"/>
      <c r="AH94" s="119"/>
      <c r="AI94" s="119"/>
      <c r="AJ94" s="119"/>
      <c r="AK94" s="119"/>
      <c r="AL94" s="119"/>
      <c r="AM94" s="119"/>
      <c r="AN94" s="119"/>
      <c r="AO94" s="119"/>
      <c r="AP94" s="119"/>
      <c r="AQ94" s="119"/>
      <c r="AR94" s="119"/>
      <c r="AS94" s="119"/>
      <c r="AT94" s="119"/>
      <c r="AU94" s="119"/>
      <c r="AV94" s="119"/>
      <c r="AW94" s="119"/>
      <c r="AX94" s="119"/>
      <c r="AY94" s="119"/>
      <c r="AZ94" s="119"/>
      <c r="BA94" s="119"/>
      <c r="BB94" s="107">
        <v>45884</v>
      </c>
    </row>
    <row r="95" spans="1:54" s="207" customFormat="1" ht="13.95" customHeight="1" x14ac:dyDescent="0.25">
      <c r="A95" s="208" t="s">
        <v>333</v>
      </c>
      <c r="B95" s="209" t="s">
        <v>20420</v>
      </c>
      <c r="C95" s="113" t="s">
        <v>334</v>
      </c>
      <c r="D95" s="113" t="s">
        <v>22397</v>
      </c>
      <c r="E95" s="210">
        <v>1980</v>
      </c>
      <c r="F95" s="210">
        <v>161</v>
      </c>
      <c r="G95" s="113" t="s">
        <v>1</v>
      </c>
      <c r="H95" s="113">
        <v>0</v>
      </c>
      <c r="I95" s="113">
        <v>0</v>
      </c>
      <c r="J95" s="115">
        <v>1</v>
      </c>
      <c r="K95" s="116" t="s">
        <v>174</v>
      </c>
      <c r="L95" s="115">
        <v>0</v>
      </c>
      <c r="M95" s="115">
        <v>0</v>
      </c>
      <c r="N95" s="115">
        <v>1</v>
      </c>
      <c r="O95" s="115">
        <v>0</v>
      </c>
      <c r="P95" s="115" t="s">
        <v>400</v>
      </c>
      <c r="Q95" s="115" t="s">
        <v>400</v>
      </c>
      <c r="R95" s="115">
        <v>0</v>
      </c>
      <c r="S95" s="115">
        <v>0</v>
      </c>
      <c r="T95" s="115">
        <v>0</v>
      </c>
      <c r="U95" s="119"/>
      <c r="V95" s="119"/>
      <c r="W95" s="119"/>
      <c r="X95" s="119"/>
      <c r="Y95" s="119"/>
      <c r="Z95" s="119"/>
      <c r="AA95" s="119"/>
      <c r="AB95" s="119"/>
      <c r="AC95" s="119"/>
      <c r="AD95" s="119"/>
      <c r="AE95" s="119"/>
      <c r="AF95" s="119"/>
      <c r="AG95" s="119"/>
      <c r="AH95" s="119"/>
      <c r="AI95" s="119"/>
      <c r="AJ95" s="119"/>
      <c r="AK95" s="119"/>
      <c r="AL95" s="119"/>
      <c r="AM95" s="119"/>
      <c r="AN95" s="119"/>
      <c r="AO95" s="119"/>
      <c r="AP95" s="119"/>
      <c r="AQ95" s="119"/>
      <c r="AR95" s="119"/>
      <c r="AS95" s="119"/>
      <c r="AT95" s="119"/>
      <c r="AU95" s="119"/>
      <c r="AV95" s="119"/>
      <c r="AW95" s="119"/>
      <c r="AX95" s="119"/>
      <c r="AY95" s="119"/>
      <c r="AZ95" s="119"/>
      <c r="BA95" s="119"/>
      <c r="BB95" s="107">
        <v>45884</v>
      </c>
    </row>
    <row r="96" spans="1:54" s="207" customFormat="1" ht="13.95" customHeight="1" x14ac:dyDescent="0.25">
      <c r="A96" s="208" t="s">
        <v>335</v>
      </c>
      <c r="B96" s="209" t="s">
        <v>20420</v>
      </c>
      <c r="C96" s="113" t="s">
        <v>336</v>
      </c>
      <c r="D96" s="113" t="s">
        <v>22389</v>
      </c>
      <c r="E96" s="210">
        <v>1978</v>
      </c>
      <c r="F96" s="210">
        <v>161</v>
      </c>
      <c r="G96" s="113" t="s">
        <v>1</v>
      </c>
      <c r="H96" s="113">
        <v>0</v>
      </c>
      <c r="I96" s="113">
        <v>0</v>
      </c>
      <c r="J96" s="115">
        <v>1</v>
      </c>
      <c r="K96" s="211">
        <v>1</v>
      </c>
      <c r="L96" s="115">
        <v>1</v>
      </c>
      <c r="M96" s="115">
        <v>0</v>
      </c>
      <c r="N96" s="115">
        <v>0</v>
      </c>
      <c r="O96" s="115">
        <v>0</v>
      </c>
      <c r="P96" s="115" t="s">
        <v>400</v>
      </c>
      <c r="Q96" s="115" t="s">
        <v>400</v>
      </c>
      <c r="R96" s="115">
        <v>0</v>
      </c>
      <c r="S96" s="115">
        <v>0</v>
      </c>
      <c r="T96" s="115">
        <v>0</v>
      </c>
      <c r="U96" s="119"/>
      <c r="V96" s="119"/>
      <c r="W96" s="119"/>
      <c r="X96" s="119"/>
      <c r="Y96" s="119"/>
      <c r="Z96" s="119"/>
      <c r="AA96" s="119"/>
      <c r="AB96" s="119"/>
      <c r="AC96" s="119"/>
      <c r="AD96" s="119"/>
      <c r="AE96" s="119"/>
      <c r="AF96" s="119"/>
      <c r="AG96" s="119"/>
      <c r="AH96" s="119"/>
      <c r="AI96" s="119"/>
      <c r="AJ96" s="119"/>
      <c r="AK96" s="119"/>
      <c r="AL96" s="119"/>
      <c r="AM96" s="119"/>
      <c r="AN96" s="119"/>
      <c r="AO96" s="119"/>
      <c r="AP96" s="119"/>
      <c r="AQ96" s="119"/>
      <c r="AR96" s="119"/>
      <c r="AS96" s="119"/>
      <c r="AT96" s="119"/>
      <c r="AU96" s="119"/>
      <c r="AV96" s="119"/>
      <c r="AW96" s="119"/>
      <c r="AX96" s="119"/>
      <c r="AY96" s="119"/>
      <c r="AZ96" s="119"/>
      <c r="BA96" s="119"/>
      <c r="BB96" s="107">
        <v>45884</v>
      </c>
    </row>
    <row r="97" spans="1:54" s="207" customFormat="1" ht="13.95" customHeight="1" x14ac:dyDescent="0.25">
      <c r="A97" s="208" t="s">
        <v>337</v>
      </c>
      <c r="B97" s="209" t="s">
        <v>20420</v>
      </c>
      <c r="C97" s="113" t="s">
        <v>338</v>
      </c>
      <c r="D97" s="113" t="s">
        <v>22398</v>
      </c>
      <c r="E97" s="210">
        <v>1990</v>
      </c>
      <c r="F97" s="210">
        <v>161</v>
      </c>
      <c r="G97" s="113" t="s">
        <v>1</v>
      </c>
      <c r="H97" s="113">
        <v>0</v>
      </c>
      <c r="I97" s="113">
        <v>0</v>
      </c>
      <c r="J97" s="115">
        <v>1</v>
      </c>
      <c r="K97" s="116" t="s">
        <v>174</v>
      </c>
      <c r="L97" s="115">
        <v>1</v>
      </c>
      <c r="M97" s="115">
        <v>0</v>
      </c>
      <c r="N97" s="115">
        <v>0</v>
      </c>
      <c r="O97" s="115">
        <v>0</v>
      </c>
      <c r="P97" s="120">
        <v>1</v>
      </c>
      <c r="Q97" s="115" t="s">
        <v>400</v>
      </c>
      <c r="R97" s="115">
        <v>0</v>
      </c>
      <c r="S97" s="115">
        <v>0</v>
      </c>
      <c r="T97" s="115">
        <v>0</v>
      </c>
      <c r="U97" s="119"/>
      <c r="V97" s="119"/>
      <c r="W97" s="119"/>
      <c r="X97" s="119"/>
      <c r="Y97" s="119"/>
      <c r="Z97" s="119"/>
      <c r="AA97" s="119"/>
      <c r="AB97" s="119"/>
      <c r="AC97" s="119"/>
      <c r="AD97" s="119"/>
      <c r="AE97" s="119"/>
      <c r="AF97" s="119"/>
      <c r="AG97" s="119"/>
      <c r="AH97" s="119"/>
      <c r="AI97" s="119"/>
      <c r="AJ97" s="119"/>
      <c r="AK97" s="119"/>
      <c r="AL97" s="119"/>
      <c r="AM97" s="119"/>
      <c r="AN97" s="119"/>
      <c r="AO97" s="119"/>
      <c r="AP97" s="119"/>
      <c r="AQ97" s="119"/>
      <c r="AR97" s="119"/>
      <c r="AS97" s="119"/>
      <c r="AT97" s="119"/>
      <c r="AU97" s="119"/>
      <c r="AV97" s="119"/>
      <c r="AW97" s="119"/>
      <c r="AX97" s="119"/>
      <c r="AY97" s="119"/>
      <c r="AZ97" s="119"/>
      <c r="BA97" s="119"/>
      <c r="BB97" s="107">
        <v>45884</v>
      </c>
    </row>
    <row r="98" spans="1:54" s="207" customFormat="1" ht="13.95" customHeight="1" x14ac:dyDescent="0.25">
      <c r="A98" s="208" t="s">
        <v>339</v>
      </c>
      <c r="B98" s="209" t="s">
        <v>20420</v>
      </c>
      <c r="C98" s="113" t="s">
        <v>340</v>
      </c>
      <c r="D98" s="113" t="s">
        <v>22399</v>
      </c>
      <c r="E98" s="210">
        <v>1981</v>
      </c>
      <c r="F98" s="210">
        <v>162</v>
      </c>
      <c r="G98" s="113" t="s">
        <v>1</v>
      </c>
      <c r="H98" s="113">
        <v>0</v>
      </c>
      <c r="I98" s="113">
        <v>0</v>
      </c>
      <c r="J98" s="115">
        <v>1</v>
      </c>
      <c r="K98" s="211">
        <v>1</v>
      </c>
      <c r="L98" s="115">
        <v>0</v>
      </c>
      <c r="M98" s="115">
        <v>0</v>
      </c>
      <c r="N98" s="115">
        <v>0</v>
      </c>
      <c r="O98" s="115">
        <v>0</v>
      </c>
      <c r="P98" s="115" t="s">
        <v>400</v>
      </c>
      <c r="Q98" s="115" t="s">
        <v>400</v>
      </c>
      <c r="R98" s="115">
        <v>0</v>
      </c>
      <c r="S98" s="115">
        <v>0</v>
      </c>
      <c r="T98" s="115">
        <v>0</v>
      </c>
      <c r="U98" s="119"/>
      <c r="V98" s="119"/>
      <c r="W98" s="119"/>
      <c r="X98" s="119"/>
      <c r="Y98" s="119"/>
      <c r="Z98" s="119"/>
      <c r="AA98" s="119"/>
      <c r="AB98" s="119"/>
      <c r="AC98" s="119"/>
      <c r="AD98" s="119"/>
      <c r="AE98" s="119"/>
      <c r="AF98" s="119"/>
      <c r="AG98" s="119"/>
      <c r="AH98" s="119"/>
      <c r="AI98" s="119"/>
      <c r="AJ98" s="119"/>
      <c r="AK98" s="119"/>
      <c r="AL98" s="119"/>
      <c r="AM98" s="119"/>
      <c r="AN98" s="119"/>
      <c r="AO98" s="119"/>
      <c r="AP98" s="119"/>
      <c r="AQ98" s="119"/>
      <c r="AR98" s="119"/>
      <c r="AS98" s="119"/>
      <c r="AT98" s="119"/>
      <c r="AU98" s="119"/>
      <c r="AV98" s="119"/>
      <c r="AW98" s="119"/>
      <c r="AX98" s="119"/>
      <c r="AY98" s="119"/>
      <c r="AZ98" s="119"/>
      <c r="BA98" s="119"/>
      <c r="BB98" s="107">
        <v>45884</v>
      </c>
    </row>
    <row r="99" spans="1:54" s="207" customFormat="1" ht="13.95" customHeight="1" x14ac:dyDescent="0.25">
      <c r="A99" s="208" t="s">
        <v>341</v>
      </c>
      <c r="B99" s="209" t="s">
        <v>20420</v>
      </c>
      <c r="C99" s="113" t="s">
        <v>342</v>
      </c>
      <c r="D99" s="113" t="s">
        <v>22400</v>
      </c>
      <c r="E99" s="210">
        <v>1970</v>
      </c>
      <c r="F99" s="210">
        <v>162</v>
      </c>
      <c r="G99" s="113" t="s">
        <v>1</v>
      </c>
      <c r="H99" s="113">
        <v>0</v>
      </c>
      <c r="I99" s="113">
        <v>0</v>
      </c>
      <c r="J99" s="115">
        <v>1</v>
      </c>
      <c r="K99" s="116" t="s">
        <v>174</v>
      </c>
      <c r="L99" s="115">
        <v>0</v>
      </c>
      <c r="M99" s="115">
        <v>0</v>
      </c>
      <c r="N99" s="115">
        <v>1</v>
      </c>
      <c r="O99" s="115">
        <v>0</v>
      </c>
      <c r="P99" s="115">
        <v>1</v>
      </c>
      <c r="Q99" s="115" t="s">
        <v>400</v>
      </c>
      <c r="R99" s="115">
        <v>1</v>
      </c>
      <c r="S99" s="115">
        <v>0</v>
      </c>
      <c r="T99" s="115">
        <v>0</v>
      </c>
      <c r="U99" s="119"/>
      <c r="V99" s="119"/>
      <c r="W99" s="119"/>
      <c r="X99" s="119"/>
      <c r="Y99" s="119"/>
      <c r="Z99" s="119"/>
      <c r="AA99" s="119"/>
      <c r="AB99" s="119"/>
      <c r="AC99" s="119"/>
      <c r="AD99" s="119"/>
      <c r="AE99" s="119"/>
      <c r="AF99" s="119"/>
      <c r="AG99" s="119"/>
      <c r="AH99" s="119"/>
      <c r="AI99" s="119"/>
      <c r="AJ99" s="119"/>
      <c r="AK99" s="119"/>
      <c r="AL99" s="119"/>
      <c r="AM99" s="119"/>
      <c r="AN99" s="119"/>
      <c r="AO99" s="119"/>
      <c r="AP99" s="119"/>
      <c r="AQ99" s="119"/>
      <c r="AR99" s="119"/>
      <c r="AS99" s="119"/>
      <c r="AT99" s="119"/>
      <c r="AU99" s="119"/>
      <c r="AV99" s="119"/>
      <c r="AW99" s="119"/>
      <c r="AX99" s="119"/>
      <c r="AY99" s="119"/>
      <c r="AZ99" s="119"/>
      <c r="BA99" s="119"/>
      <c r="BB99" s="107">
        <v>45884</v>
      </c>
    </row>
    <row r="100" spans="1:54" s="207" customFormat="1" ht="13.95" customHeight="1" x14ac:dyDescent="0.25">
      <c r="A100" s="208" t="s">
        <v>343</v>
      </c>
      <c r="B100" s="209" t="s">
        <v>20420</v>
      </c>
      <c r="C100" s="113" t="s">
        <v>344</v>
      </c>
      <c r="D100" s="113" t="s">
        <v>22401</v>
      </c>
      <c r="E100" s="210">
        <v>1977</v>
      </c>
      <c r="F100" s="210">
        <v>163</v>
      </c>
      <c r="G100" s="113" t="s">
        <v>1</v>
      </c>
      <c r="H100" s="113">
        <v>0</v>
      </c>
      <c r="I100" s="113">
        <v>0</v>
      </c>
      <c r="J100" s="115">
        <v>1</v>
      </c>
      <c r="K100" s="116" t="s">
        <v>174</v>
      </c>
      <c r="L100" s="115">
        <v>0</v>
      </c>
      <c r="M100" s="115">
        <v>0</v>
      </c>
      <c r="N100" s="115">
        <v>0</v>
      </c>
      <c r="O100" s="115">
        <v>0</v>
      </c>
      <c r="P100" s="115" t="s">
        <v>400</v>
      </c>
      <c r="Q100" s="115" t="s">
        <v>400</v>
      </c>
      <c r="R100" s="115">
        <v>0</v>
      </c>
      <c r="S100" s="115">
        <v>0</v>
      </c>
      <c r="T100" s="115">
        <v>0</v>
      </c>
      <c r="U100" s="119"/>
      <c r="V100" s="119"/>
      <c r="W100" s="119"/>
      <c r="X100" s="119"/>
      <c r="Y100" s="119"/>
      <c r="Z100" s="119"/>
      <c r="AA100" s="119"/>
      <c r="AB100" s="119"/>
      <c r="AC100" s="119"/>
      <c r="AD100" s="119"/>
      <c r="AE100" s="119"/>
      <c r="AF100" s="119"/>
      <c r="AG100" s="119"/>
      <c r="AH100" s="119"/>
      <c r="AI100" s="119"/>
      <c r="AJ100" s="119"/>
      <c r="AK100" s="119"/>
      <c r="AL100" s="119"/>
      <c r="AM100" s="119"/>
      <c r="AN100" s="119"/>
      <c r="AO100" s="119"/>
      <c r="AP100" s="119"/>
      <c r="AQ100" s="119"/>
      <c r="AR100" s="119"/>
      <c r="AS100" s="119"/>
      <c r="AT100" s="119"/>
      <c r="AU100" s="119"/>
      <c r="AV100" s="119"/>
      <c r="AW100" s="119"/>
      <c r="AX100" s="119"/>
      <c r="AY100" s="119"/>
      <c r="AZ100" s="119"/>
      <c r="BA100" s="119"/>
      <c r="BB100" s="107">
        <v>45884</v>
      </c>
    </row>
    <row r="101" spans="1:54" s="207" customFormat="1" ht="13.95" customHeight="1" x14ac:dyDescent="0.25">
      <c r="A101" s="208" t="s">
        <v>345</v>
      </c>
      <c r="B101" s="209" t="s">
        <v>20420</v>
      </c>
      <c r="C101" s="113" t="s">
        <v>346</v>
      </c>
      <c r="D101" s="113" t="s">
        <v>22402</v>
      </c>
      <c r="E101" s="210">
        <v>1979</v>
      </c>
      <c r="F101" s="210">
        <v>163</v>
      </c>
      <c r="G101" s="113" t="s">
        <v>1</v>
      </c>
      <c r="H101" s="113">
        <v>0</v>
      </c>
      <c r="I101" s="113">
        <v>0</v>
      </c>
      <c r="J101" s="115">
        <v>1</v>
      </c>
      <c r="K101" s="116" t="s">
        <v>174</v>
      </c>
      <c r="L101" s="115">
        <v>0</v>
      </c>
      <c r="M101" s="115">
        <v>0</v>
      </c>
      <c r="N101" s="115">
        <v>0</v>
      </c>
      <c r="O101" s="115">
        <v>0</v>
      </c>
      <c r="P101" s="115" t="s">
        <v>400</v>
      </c>
      <c r="Q101" s="115" t="s">
        <v>400</v>
      </c>
      <c r="R101" s="115">
        <v>0</v>
      </c>
      <c r="S101" s="115">
        <v>0</v>
      </c>
      <c r="T101" s="115">
        <v>0</v>
      </c>
      <c r="U101" s="119"/>
      <c r="V101" s="119"/>
      <c r="W101" s="119"/>
      <c r="X101" s="119"/>
      <c r="Y101" s="119"/>
      <c r="Z101" s="119"/>
      <c r="AA101" s="119"/>
      <c r="AB101" s="119"/>
      <c r="AC101" s="119"/>
      <c r="AD101" s="119"/>
      <c r="AE101" s="119"/>
      <c r="AF101" s="119"/>
      <c r="AG101" s="119"/>
      <c r="AH101" s="119"/>
      <c r="AI101" s="119"/>
      <c r="AJ101" s="119"/>
      <c r="AK101" s="119"/>
      <c r="AL101" s="119"/>
      <c r="AM101" s="119"/>
      <c r="AN101" s="119"/>
      <c r="AO101" s="119"/>
      <c r="AP101" s="119"/>
      <c r="AQ101" s="119"/>
      <c r="AR101" s="119"/>
      <c r="AS101" s="119"/>
      <c r="AT101" s="119"/>
      <c r="AU101" s="119"/>
      <c r="AV101" s="119"/>
      <c r="AW101" s="119"/>
      <c r="AX101" s="119"/>
      <c r="AY101" s="119"/>
      <c r="AZ101" s="119"/>
      <c r="BA101" s="119"/>
      <c r="BB101" s="107">
        <v>45884</v>
      </c>
    </row>
    <row r="102" spans="1:54" s="207" customFormat="1" ht="13.95" customHeight="1" x14ac:dyDescent="0.25">
      <c r="A102" s="208" t="s">
        <v>347</v>
      </c>
      <c r="B102" s="209" t="s">
        <v>20420</v>
      </c>
      <c r="C102" s="113" t="s">
        <v>348</v>
      </c>
      <c r="D102" s="113" t="s">
        <v>22403</v>
      </c>
      <c r="E102" s="210">
        <v>1976</v>
      </c>
      <c r="F102" s="210">
        <v>164</v>
      </c>
      <c r="G102" s="113" t="s">
        <v>1</v>
      </c>
      <c r="H102" s="113">
        <v>0</v>
      </c>
      <c r="I102" s="113">
        <v>0</v>
      </c>
      <c r="J102" s="115">
        <v>1</v>
      </c>
      <c r="K102" s="116" t="s">
        <v>174</v>
      </c>
      <c r="L102" s="115">
        <v>0</v>
      </c>
      <c r="M102" s="115">
        <v>0</v>
      </c>
      <c r="N102" s="115">
        <v>0</v>
      </c>
      <c r="O102" s="115">
        <v>0</v>
      </c>
      <c r="P102" s="115" t="s">
        <v>400</v>
      </c>
      <c r="Q102" s="115" t="s">
        <v>400</v>
      </c>
      <c r="R102" s="115">
        <v>0</v>
      </c>
      <c r="S102" s="115">
        <v>0</v>
      </c>
      <c r="T102" s="115">
        <v>0</v>
      </c>
      <c r="U102" s="119"/>
      <c r="V102" s="119"/>
      <c r="W102" s="119"/>
      <c r="X102" s="119"/>
      <c r="Y102" s="119"/>
      <c r="Z102" s="119"/>
      <c r="AA102" s="119"/>
      <c r="AB102" s="119"/>
      <c r="AC102" s="119"/>
      <c r="AD102" s="119"/>
      <c r="AE102" s="119"/>
      <c r="AF102" s="119"/>
      <c r="AG102" s="119"/>
      <c r="AH102" s="119"/>
      <c r="AI102" s="119"/>
      <c r="AJ102" s="119"/>
      <c r="AK102" s="119"/>
      <c r="AL102" s="119"/>
      <c r="AM102" s="119"/>
      <c r="AN102" s="119"/>
      <c r="AO102" s="119"/>
      <c r="AP102" s="119"/>
      <c r="AQ102" s="119"/>
      <c r="AR102" s="119"/>
      <c r="AS102" s="119"/>
      <c r="AT102" s="119"/>
      <c r="AU102" s="119"/>
      <c r="AV102" s="119"/>
      <c r="AW102" s="119"/>
      <c r="AX102" s="119"/>
      <c r="AY102" s="119"/>
      <c r="AZ102" s="119"/>
      <c r="BA102" s="119"/>
      <c r="BB102" s="107">
        <v>45884</v>
      </c>
    </row>
    <row r="103" spans="1:54" s="207" customFormat="1" ht="13.95" customHeight="1" x14ac:dyDescent="0.25">
      <c r="A103" s="208" t="s">
        <v>349</v>
      </c>
      <c r="B103" s="209" t="s">
        <v>20420</v>
      </c>
      <c r="C103" s="113" t="s">
        <v>350</v>
      </c>
      <c r="D103" s="113" t="s">
        <v>22404</v>
      </c>
      <c r="E103" s="210">
        <v>1990</v>
      </c>
      <c r="F103" s="210">
        <v>165</v>
      </c>
      <c r="G103" s="113" t="s">
        <v>1</v>
      </c>
      <c r="H103" s="113">
        <v>0</v>
      </c>
      <c r="I103" s="113">
        <v>0</v>
      </c>
      <c r="J103" s="115">
        <v>0</v>
      </c>
      <c r="K103" s="116" t="s">
        <v>174</v>
      </c>
      <c r="L103" s="115">
        <v>0</v>
      </c>
      <c r="M103" s="115">
        <v>0</v>
      </c>
      <c r="N103" s="115">
        <v>0</v>
      </c>
      <c r="O103" s="115">
        <v>0</v>
      </c>
      <c r="P103" s="115" t="s">
        <v>400</v>
      </c>
      <c r="Q103" s="115" t="s">
        <v>400</v>
      </c>
      <c r="R103" s="115">
        <v>0</v>
      </c>
      <c r="S103" s="115">
        <v>0</v>
      </c>
      <c r="T103" s="115">
        <v>0</v>
      </c>
      <c r="U103" s="119"/>
      <c r="V103" s="119"/>
      <c r="W103" s="119"/>
      <c r="X103" s="119"/>
      <c r="Y103" s="119"/>
      <c r="Z103" s="119"/>
      <c r="AA103" s="119"/>
      <c r="AB103" s="119"/>
      <c r="AC103" s="119"/>
      <c r="AD103" s="119"/>
      <c r="AE103" s="119"/>
      <c r="AF103" s="119"/>
      <c r="AG103" s="119"/>
      <c r="AH103" s="119"/>
      <c r="AI103" s="119"/>
      <c r="AJ103" s="119"/>
      <c r="AK103" s="119"/>
      <c r="AL103" s="119"/>
      <c r="AM103" s="119"/>
      <c r="AN103" s="119"/>
      <c r="AO103" s="119"/>
      <c r="AP103" s="119"/>
      <c r="AQ103" s="119"/>
      <c r="AR103" s="119"/>
      <c r="AS103" s="119"/>
      <c r="AT103" s="119"/>
      <c r="AU103" s="119"/>
      <c r="AV103" s="119"/>
      <c r="AW103" s="119"/>
      <c r="AX103" s="119"/>
      <c r="AY103" s="119"/>
      <c r="AZ103" s="119"/>
      <c r="BA103" s="119"/>
      <c r="BB103" s="107">
        <v>45884</v>
      </c>
    </row>
    <row r="104" spans="1:54" s="207" customFormat="1" ht="13.95" customHeight="1" x14ac:dyDescent="0.25">
      <c r="A104" s="208" t="s">
        <v>351</v>
      </c>
      <c r="B104" s="209" t="s">
        <v>20420</v>
      </c>
      <c r="C104" s="113" t="s">
        <v>352</v>
      </c>
      <c r="D104" s="113" t="s">
        <v>22405</v>
      </c>
      <c r="E104" s="210">
        <v>1980</v>
      </c>
      <c r="F104" s="210">
        <v>165</v>
      </c>
      <c r="G104" s="113" t="s">
        <v>1</v>
      </c>
      <c r="H104" s="113">
        <v>0</v>
      </c>
      <c r="I104" s="113">
        <v>0</v>
      </c>
      <c r="J104" s="115">
        <v>1</v>
      </c>
      <c r="K104" s="116" t="s">
        <v>174</v>
      </c>
      <c r="L104" s="115">
        <v>0</v>
      </c>
      <c r="M104" s="115">
        <v>0</v>
      </c>
      <c r="N104" s="115">
        <v>1</v>
      </c>
      <c r="O104" s="115">
        <v>0</v>
      </c>
      <c r="P104" s="115" t="s">
        <v>400</v>
      </c>
      <c r="Q104" s="115" t="s">
        <v>400</v>
      </c>
      <c r="R104" s="115">
        <v>0</v>
      </c>
      <c r="S104" s="115">
        <v>0</v>
      </c>
      <c r="T104" s="115">
        <v>0</v>
      </c>
      <c r="U104" s="119"/>
      <c r="V104" s="119"/>
      <c r="W104" s="119"/>
      <c r="X104" s="119"/>
      <c r="Y104" s="119"/>
      <c r="Z104" s="119"/>
      <c r="AA104" s="119"/>
      <c r="AB104" s="119"/>
      <c r="AC104" s="119"/>
      <c r="AD104" s="119"/>
      <c r="AE104" s="119"/>
      <c r="AF104" s="119"/>
      <c r="AG104" s="119"/>
      <c r="AH104" s="119"/>
      <c r="AI104" s="119"/>
      <c r="AJ104" s="119"/>
      <c r="AK104" s="119"/>
      <c r="AL104" s="119"/>
      <c r="AM104" s="119"/>
      <c r="AN104" s="119"/>
      <c r="AO104" s="119"/>
      <c r="AP104" s="119"/>
      <c r="AQ104" s="119"/>
      <c r="AR104" s="119"/>
      <c r="AS104" s="119"/>
      <c r="AT104" s="119"/>
      <c r="AU104" s="119"/>
      <c r="AV104" s="119"/>
      <c r="AW104" s="119"/>
      <c r="AX104" s="119"/>
      <c r="AY104" s="119"/>
      <c r="AZ104" s="119"/>
      <c r="BA104" s="119"/>
      <c r="BB104" s="107">
        <v>45884</v>
      </c>
    </row>
    <row r="105" spans="1:54" s="207" customFormat="1" ht="13.95" customHeight="1" x14ac:dyDescent="0.25">
      <c r="A105" s="208" t="s">
        <v>353</v>
      </c>
      <c r="B105" s="209" t="s">
        <v>20420</v>
      </c>
      <c r="C105" s="113" t="s">
        <v>354</v>
      </c>
      <c r="D105" s="113" t="s">
        <v>22406</v>
      </c>
      <c r="E105" s="210">
        <v>1977</v>
      </c>
      <c r="F105" s="210">
        <v>165</v>
      </c>
      <c r="G105" s="113" t="s">
        <v>1</v>
      </c>
      <c r="H105" s="113">
        <v>0</v>
      </c>
      <c r="I105" s="113">
        <v>0</v>
      </c>
      <c r="J105" s="115">
        <v>1</v>
      </c>
      <c r="K105" s="116" t="s">
        <v>174</v>
      </c>
      <c r="L105" s="115">
        <v>0</v>
      </c>
      <c r="M105" s="115">
        <v>0</v>
      </c>
      <c r="N105" s="115">
        <v>0</v>
      </c>
      <c r="O105" s="115">
        <v>0</v>
      </c>
      <c r="P105" s="115" t="s">
        <v>400</v>
      </c>
      <c r="Q105" s="115" t="s">
        <v>400</v>
      </c>
      <c r="R105" s="115">
        <v>0</v>
      </c>
      <c r="S105" s="115">
        <v>0</v>
      </c>
      <c r="T105" s="115">
        <v>0</v>
      </c>
      <c r="U105" s="119"/>
      <c r="V105" s="119"/>
      <c r="W105" s="119"/>
      <c r="X105" s="119"/>
      <c r="Y105" s="119"/>
      <c r="Z105" s="119"/>
      <c r="AA105" s="119"/>
      <c r="AB105" s="119"/>
      <c r="AC105" s="119"/>
      <c r="AD105" s="119"/>
      <c r="AE105" s="119"/>
      <c r="AF105" s="119"/>
      <c r="AG105" s="119"/>
      <c r="AH105" s="119"/>
      <c r="AI105" s="119"/>
      <c r="AJ105" s="119"/>
      <c r="AK105" s="119"/>
      <c r="AL105" s="119"/>
      <c r="AM105" s="119"/>
      <c r="AN105" s="119"/>
      <c r="AO105" s="119"/>
      <c r="AP105" s="119"/>
      <c r="AQ105" s="119"/>
      <c r="AR105" s="119"/>
      <c r="AS105" s="119"/>
      <c r="AT105" s="119"/>
      <c r="AU105" s="119"/>
      <c r="AV105" s="119"/>
      <c r="AW105" s="119"/>
      <c r="AX105" s="119"/>
      <c r="AY105" s="119"/>
      <c r="AZ105" s="119"/>
      <c r="BA105" s="119"/>
      <c r="BB105" s="107">
        <v>45884</v>
      </c>
    </row>
    <row r="106" spans="1:54" s="207" customFormat="1" ht="13.95" customHeight="1" x14ac:dyDescent="0.25">
      <c r="A106" s="208" t="s">
        <v>355</v>
      </c>
      <c r="B106" s="209" t="s">
        <v>20420</v>
      </c>
      <c r="C106" s="113" t="s">
        <v>356</v>
      </c>
      <c r="D106" s="113" t="s">
        <v>22407</v>
      </c>
      <c r="E106" s="210">
        <v>1977</v>
      </c>
      <c r="F106" s="210">
        <v>166</v>
      </c>
      <c r="G106" s="113" t="s">
        <v>1</v>
      </c>
      <c r="H106" s="113">
        <v>0</v>
      </c>
      <c r="I106" s="113">
        <v>0</v>
      </c>
      <c r="J106" s="115">
        <v>1</v>
      </c>
      <c r="K106" s="211">
        <v>1</v>
      </c>
      <c r="L106" s="115">
        <v>0</v>
      </c>
      <c r="M106" s="115">
        <v>0</v>
      </c>
      <c r="N106" s="115">
        <v>1</v>
      </c>
      <c r="O106" s="115">
        <v>0</v>
      </c>
      <c r="P106" s="115">
        <v>1</v>
      </c>
      <c r="Q106" s="115" t="s">
        <v>400</v>
      </c>
      <c r="R106" s="115">
        <v>0</v>
      </c>
      <c r="S106" s="115">
        <v>0</v>
      </c>
      <c r="T106" s="115">
        <v>0</v>
      </c>
      <c r="U106" s="119"/>
      <c r="V106" s="119"/>
      <c r="W106" s="119"/>
      <c r="X106" s="119"/>
      <c r="Y106" s="119"/>
      <c r="Z106" s="119"/>
      <c r="AA106" s="119"/>
      <c r="AB106" s="119"/>
      <c r="AC106" s="119"/>
      <c r="AD106" s="119"/>
      <c r="AE106" s="119"/>
      <c r="AF106" s="119"/>
      <c r="AG106" s="119"/>
      <c r="AH106" s="119"/>
      <c r="AI106" s="119"/>
      <c r="AJ106" s="119"/>
      <c r="AK106" s="119"/>
      <c r="AL106" s="119"/>
      <c r="AM106" s="119"/>
      <c r="AN106" s="119"/>
      <c r="AO106" s="119"/>
      <c r="AP106" s="119"/>
      <c r="AQ106" s="119"/>
      <c r="AR106" s="119"/>
      <c r="AS106" s="119"/>
      <c r="AT106" s="119"/>
      <c r="AU106" s="119"/>
      <c r="AV106" s="119"/>
      <c r="AW106" s="119"/>
      <c r="AX106" s="119"/>
      <c r="AY106" s="119"/>
      <c r="AZ106" s="119"/>
      <c r="BA106" s="119"/>
      <c r="BB106" s="107">
        <v>45884</v>
      </c>
    </row>
    <row r="107" spans="1:54" s="207" customFormat="1" ht="13.95" customHeight="1" x14ac:dyDescent="0.25">
      <c r="A107" s="208" t="s">
        <v>357</v>
      </c>
      <c r="B107" s="209" t="s">
        <v>20420</v>
      </c>
      <c r="C107" s="113" t="s">
        <v>358</v>
      </c>
      <c r="D107" s="113" t="s">
        <v>359</v>
      </c>
      <c r="E107" s="210">
        <v>1974</v>
      </c>
      <c r="F107" s="210">
        <v>166</v>
      </c>
      <c r="G107" s="113" t="s">
        <v>1</v>
      </c>
      <c r="H107" s="113">
        <v>0</v>
      </c>
      <c r="I107" s="113">
        <v>0</v>
      </c>
      <c r="J107" s="115">
        <v>1</v>
      </c>
      <c r="K107" s="116" t="s">
        <v>174</v>
      </c>
      <c r="L107" s="115">
        <v>0</v>
      </c>
      <c r="M107" s="115">
        <v>1</v>
      </c>
      <c r="N107" s="115">
        <v>0</v>
      </c>
      <c r="O107" s="115">
        <v>0</v>
      </c>
      <c r="P107" s="115" t="s">
        <v>400</v>
      </c>
      <c r="Q107" s="115" t="s">
        <v>400</v>
      </c>
      <c r="R107" s="115">
        <v>0</v>
      </c>
      <c r="S107" s="115">
        <v>0</v>
      </c>
      <c r="T107" s="115">
        <v>0</v>
      </c>
      <c r="U107" s="119"/>
      <c r="V107" s="119"/>
      <c r="W107" s="119"/>
      <c r="X107" s="119"/>
      <c r="Y107" s="119"/>
      <c r="Z107" s="119"/>
      <c r="AA107" s="119"/>
      <c r="AB107" s="119"/>
      <c r="AC107" s="119"/>
      <c r="AD107" s="119"/>
      <c r="AE107" s="119"/>
      <c r="AF107" s="119"/>
      <c r="AG107" s="119"/>
      <c r="AH107" s="119"/>
      <c r="AI107" s="119"/>
      <c r="AJ107" s="119"/>
      <c r="AK107" s="119"/>
      <c r="AL107" s="119"/>
      <c r="AM107" s="119"/>
      <c r="AN107" s="119"/>
      <c r="AO107" s="119"/>
      <c r="AP107" s="119"/>
      <c r="AQ107" s="119"/>
      <c r="AR107" s="119"/>
      <c r="AS107" s="119"/>
      <c r="AT107" s="119"/>
      <c r="AU107" s="119"/>
      <c r="AV107" s="119"/>
      <c r="AW107" s="119"/>
      <c r="AX107" s="119"/>
      <c r="AY107" s="119"/>
      <c r="AZ107" s="119"/>
      <c r="BA107" s="119"/>
      <c r="BB107" s="107">
        <v>45884</v>
      </c>
    </row>
    <row r="108" spans="1:54" s="207" customFormat="1" ht="13.95" customHeight="1" x14ac:dyDescent="0.25">
      <c r="A108" s="208" t="s">
        <v>360</v>
      </c>
      <c r="B108" s="209" t="s">
        <v>20420</v>
      </c>
      <c r="C108" s="113" t="s">
        <v>361</v>
      </c>
      <c r="D108" s="113" t="s">
        <v>362</v>
      </c>
      <c r="E108" s="210">
        <v>1981</v>
      </c>
      <c r="F108" s="210">
        <v>166</v>
      </c>
      <c r="G108" s="113" t="s">
        <v>1</v>
      </c>
      <c r="H108" s="113">
        <v>0</v>
      </c>
      <c r="I108" s="113">
        <v>0</v>
      </c>
      <c r="J108" s="115">
        <v>1</v>
      </c>
      <c r="K108" s="116" t="s">
        <v>174</v>
      </c>
      <c r="L108" s="115">
        <v>1</v>
      </c>
      <c r="M108" s="115">
        <v>0</v>
      </c>
      <c r="N108" s="115">
        <v>1</v>
      </c>
      <c r="O108" s="115">
        <v>0</v>
      </c>
      <c r="P108" s="115" t="s">
        <v>400</v>
      </c>
      <c r="Q108" s="115" t="s">
        <v>400</v>
      </c>
      <c r="R108" s="115">
        <v>0</v>
      </c>
      <c r="S108" s="115">
        <v>0</v>
      </c>
      <c r="T108" s="115">
        <v>0</v>
      </c>
      <c r="U108" s="119"/>
      <c r="V108" s="119"/>
      <c r="W108" s="119"/>
      <c r="X108" s="119"/>
      <c r="Y108" s="119"/>
      <c r="Z108" s="119"/>
      <c r="AA108" s="119"/>
      <c r="AB108" s="119"/>
      <c r="AC108" s="119"/>
      <c r="AD108" s="119"/>
      <c r="AE108" s="119"/>
      <c r="AF108" s="119"/>
      <c r="AG108" s="119"/>
      <c r="AH108" s="119"/>
      <c r="AI108" s="119"/>
      <c r="AJ108" s="119"/>
      <c r="AK108" s="119"/>
      <c r="AL108" s="119"/>
      <c r="AM108" s="119"/>
      <c r="AN108" s="119"/>
      <c r="AO108" s="119"/>
      <c r="AP108" s="119"/>
      <c r="AQ108" s="119"/>
      <c r="AR108" s="119"/>
      <c r="AS108" s="119"/>
      <c r="AT108" s="119"/>
      <c r="AU108" s="119"/>
      <c r="AV108" s="119"/>
      <c r="AW108" s="119"/>
      <c r="AX108" s="119"/>
      <c r="AY108" s="119"/>
      <c r="AZ108" s="119"/>
      <c r="BA108" s="119"/>
      <c r="BB108" s="107">
        <v>45884</v>
      </c>
    </row>
    <row r="109" spans="1:54" s="207" customFormat="1" ht="13.95" customHeight="1" x14ac:dyDescent="0.25">
      <c r="A109" s="208" t="s">
        <v>363</v>
      </c>
      <c r="B109" s="209" t="s">
        <v>20420</v>
      </c>
      <c r="C109" s="113" t="s">
        <v>364</v>
      </c>
      <c r="D109" s="113" t="s">
        <v>365</v>
      </c>
      <c r="E109" s="210">
        <v>1990</v>
      </c>
      <c r="F109" s="210">
        <v>167</v>
      </c>
      <c r="G109" s="113" t="s">
        <v>1</v>
      </c>
      <c r="H109" s="113">
        <v>0</v>
      </c>
      <c r="I109" s="113">
        <v>0</v>
      </c>
      <c r="J109" s="115">
        <v>1</v>
      </c>
      <c r="K109" s="116" t="s">
        <v>174</v>
      </c>
      <c r="L109" s="115">
        <v>1</v>
      </c>
      <c r="M109" s="115">
        <v>0</v>
      </c>
      <c r="N109" s="115">
        <v>0</v>
      </c>
      <c r="O109" s="115">
        <v>0</v>
      </c>
      <c r="P109" s="115" t="s">
        <v>400</v>
      </c>
      <c r="Q109" s="115" t="s">
        <v>400</v>
      </c>
      <c r="R109" s="115">
        <v>0</v>
      </c>
      <c r="S109" s="115">
        <v>0</v>
      </c>
      <c r="T109" s="115">
        <v>0</v>
      </c>
      <c r="U109" s="119"/>
      <c r="V109" s="119"/>
      <c r="W109" s="119"/>
      <c r="X109" s="119"/>
      <c r="Y109" s="119"/>
      <c r="Z109" s="119"/>
      <c r="AA109" s="119"/>
      <c r="AB109" s="119"/>
      <c r="AC109" s="119"/>
      <c r="AD109" s="119"/>
      <c r="AE109" s="119"/>
      <c r="AF109" s="119"/>
      <c r="AG109" s="119"/>
      <c r="AH109" s="119"/>
      <c r="AI109" s="119"/>
      <c r="AJ109" s="119"/>
      <c r="AK109" s="119"/>
      <c r="AL109" s="119"/>
      <c r="AM109" s="119"/>
      <c r="AN109" s="119"/>
      <c r="AO109" s="119"/>
      <c r="AP109" s="119"/>
      <c r="AQ109" s="119"/>
      <c r="AR109" s="119"/>
      <c r="AS109" s="119"/>
      <c r="AT109" s="119"/>
      <c r="AU109" s="119"/>
      <c r="AV109" s="119"/>
      <c r="AW109" s="119"/>
      <c r="AX109" s="119"/>
      <c r="AY109" s="119"/>
      <c r="AZ109" s="119"/>
      <c r="BA109" s="119"/>
      <c r="BB109" s="107">
        <v>45884</v>
      </c>
    </row>
    <row r="110" spans="1:54" s="207" customFormat="1" ht="13.95" customHeight="1" x14ac:dyDescent="0.25">
      <c r="A110" s="208" t="s">
        <v>366</v>
      </c>
      <c r="B110" s="209" t="s">
        <v>20420</v>
      </c>
      <c r="C110" s="113" t="s">
        <v>367</v>
      </c>
      <c r="D110" s="113" t="s">
        <v>368</v>
      </c>
      <c r="E110" s="210">
        <v>1974</v>
      </c>
      <c r="F110" s="210">
        <v>168</v>
      </c>
      <c r="G110" s="113" t="s">
        <v>1</v>
      </c>
      <c r="H110" s="113">
        <v>0</v>
      </c>
      <c r="I110" s="113">
        <v>0</v>
      </c>
      <c r="J110" s="115">
        <v>1</v>
      </c>
      <c r="K110" s="116" t="s">
        <v>174</v>
      </c>
      <c r="L110" s="115">
        <v>0</v>
      </c>
      <c r="M110" s="115">
        <v>0</v>
      </c>
      <c r="N110" s="115">
        <v>0</v>
      </c>
      <c r="O110" s="115">
        <v>1</v>
      </c>
      <c r="P110" s="115" t="s">
        <v>400</v>
      </c>
      <c r="Q110" s="115" t="s">
        <v>400</v>
      </c>
      <c r="R110" s="115">
        <v>0</v>
      </c>
      <c r="S110" s="115">
        <v>0</v>
      </c>
      <c r="T110" s="115">
        <v>0</v>
      </c>
      <c r="U110" s="119"/>
      <c r="V110" s="119"/>
      <c r="W110" s="119"/>
      <c r="X110" s="119"/>
      <c r="Y110" s="119"/>
      <c r="Z110" s="119"/>
      <c r="AA110" s="119"/>
      <c r="AB110" s="119"/>
      <c r="AC110" s="119"/>
      <c r="AD110" s="119"/>
      <c r="AE110" s="119"/>
      <c r="AF110" s="119"/>
      <c r="AG110" s="119"/>
      <c r="AH110" s="119"/>
      <c r="AI110" s="119"/>
      <c r="AJ110" s="119"/>
      <c r="AK110" s="119"/>
      <c r="AL110" s="119"/>
      <c r="AM110" s="119"/>
      <c r="AN110" s="119"/>
      <c r="AO110" s="119"/>
      <c r="AP110" s="119"/>
      <c r="AQ110" s="119"/>
      <c r="AR110" s="119"/>
      <c r="AS110" s="119"/>
      <c r="AT110" s="119"/>
      <c r="AU110" s="119"/>
      <c r="AV110" s="119"/>
      <c r="AW110" s="119"/>
      <c r="AX110" s="119"/>
      <c r="AY110" s="119"/>
      <c r="AZ110" s="119"/>
      <c r="BA110" s="119"/>
      <c r="BB110" s="107">
        <v>45884</v>
      </c>
    </row>
    <row r="111" spans="1:54" s="207" customFormat="1" ht="13.95" customHeight="1" x14ac:dyDescent="0.25">
      <c r="A111" s="208" t="s">
        <v>369</v>
      </c>
      <c r="B111" s="209" t="s">
        <v>20420</v>
      </c>
      <c r="C111" s="113" t="s">
        <v>370</v>
      </c>
      <c r="D111" s="113" t="s">
        <v>371</v>
      </c>
      <c r="E111" s="210">
        <v>1986</v>
      </c>
      <c r="F111" s="210">
        <v>168</v>
      </c>
      <c r="G111" s="113" t="s">
        <v>1</v>
      </c>
      <c r="H111" s="113">
        <v>0</v>
      </c>
      <c r="I111" s="113">
        <v>0</v>
      </c>
      <c r="J111" s="115">
        <v>1</v>
      </c>
      <c r="K111" s="116" t="s">
        <v>174</v>
      </c>
      <c r="L111" s="115">
        <v>0</v>
      </c>
      <c r="M111" s="115">
        <v>0</v>
      </c>
      <c r="N111" s="115">
        <v>0</v>
      </c>
      <c r="O111" s="115">
        <v>0</v>
      </c>
      <c r="P111" s="115" t="s">
        <v>400</v>
      </c>
      <c r="Q111" s="115" t="s">
        <v>400</v>
      </c>
      <c r="R111" s="115">
        <v>0</v>
      </c>
      <c r="S111" s="115">
        <v>0</v>
      </c>
      <c r="T111" s="115">
        <v>0</v>
      </c>
      <c r="U111" s="119"/>
      <c r="V111" s="119"/>
      <c r="W111" s="119"/>
      <c r="X111" s="119"/>
      <c r="Y111" s="119"/>
      <c r="Z111" s="119"/>
      <c r="AA111" s="119"/>
      <c r="AB111" s="119"/>
      <c r="AC111" s="119"/>
      <c r="AD111" s="119"/>
      <c r="AE111" s="119"/>
      <c r="AF111" s="119"/>
      <c r="AG111" s="119"/>
      <c r="AH111" s="119"/>
      <c r="AI111" s="119"/>
      <c r="AJ111" s="119"/>
      <c r="AK111" s="119"/>
      <c r="AL111" s="119"/>
      <c r="AM111" s="119"/>
      <c r="AN111" s="119"/>
      <c r="AO111" s="119"/>
      <c r="AP111" s="119"/>
      <c r="AQ111" s="119"/>
      <c r="AR111" s="119"/>
      <c r="AS111" s="119"/>
      <c r="AT111" s="119"/>
      <c r="AU111" s="119"/>
      <c r="AV111" s="119"/>
      <c r="AW111" s="119"/>
      <c r="AX111" s="119"/>
      <c r="AY111" s="119"/>
      <c r="AZ111" s="119"/>
      <c r="BA111" s="119"/>
      <c r="BB111" s="107">
        <v>45884</v>
      </c>
    </row>
    <row r="112" spans="1:54" s="207" customFormat="1" ht="13.95" customHeight="1" x14ac:dyDescent="0.25">
      <c r="A112" s="208" t="s">
        <v>372</v>
      </c>
      <c r="B112" s="209" t="s">
        <v>20420</v>
      </c>
      <c r="C112" s="113" t="s">
        <v>373</v>
      </c>
      <c r="D112" s="113" t="s">
        <v>22408</v>
      </c>
      <c r="E112" s="210">
        <v>1978</v>
      </c>
      <c r="F112" s="210">
        <v>169</v>
      </c>
      <c r="G112" s="113" t="s">
        <v>1</v>
      </c>
      <c r="H112" s="113">
        <v>0</v>
      </c>
      <c r="I112" s="113">
        <v>0</v>
      </c>
      <c r="J112" s="115">
        <v>1</v>
      </c>
      <c r="K112" s="116" t="s">
        <v>174</v>
      </c>
      <c r="L112" s="115">
        <v>0</v>
      </c>
      <c r="M112" s="115">
        <v>0</v>
      </c>
      <c r="N112" s="115">
        <v>0</v>
      </c>
      <c r="O112" s="115">
        <v>0</v>
      </c>
      <c r="P112" s="115" t="s">
        <v>400</v>
      </c>
      <c r="Q112" s="115" t="s">
        <v>400</v>
      </c>
      <c r="R112" s="115">
        <v>0</v>
      </c>
      <c r="S112" s="115">
        <v>0</v>
      </c>
      <c r="T112" s="115">
        <v>0</v>
      </c>
      <c r="U112" s="119"/>
      <c r="V112" s="119"/>
      <c r="W112" s="119"/>
      <c r="X112" s="119"/>
      <c r="Y112" s="119"/>
      <c r="Z112" s="119"/>
      <c r="AA112" s="119"/>
      <c r="AB112" s="119"/>
      <c r="AC112" s="119"/>
      <c r="AD112" s="119"/>
      <c r="AE112" s="119"/>
      <c r="AF112" s="119"/>
      <c r="AG112" s="119"/>
      <c r="AH112" s="119"/>
      <c r="AI112" s="119"/>
      <c r="AJ112" s="119"/>
      <c r="AK112" s="119"/>
      <c r="AL112" s="119"/>
      <c r="AM112" s="119"/>
      <c r="AN112" s="119"/>
      <c r="AO112" s="119"/>
      <c r="AP112" s="119"/>
      <c r="AQ112" s="119"/>
      <c r="AR112" s="119"/>
      <c r="AS112" s="119"/>
      <c r="AT112" s="119"/>
      <c r="AU112" s="119"/>
      <c r="AV112" s="119"/>
      <c r="AW112" s="119"/>
      <c r="AX112" s="119"/>
      <c r="AY112" s="119"/>
      <c r="AZ112" s="119"/>
      <c r="BA112" s="119"/>
      <c r="BB112" s="107">
        <v>45884</v>
      </c>
    </row>
    <row r="113" spans="1:54" s="207" customFormat="1" ht="13.95" customHeight="1" x14ac:dyDescent="0.25">
      <c r="A113" s="208" t="s">
        <v>374</v>
      </c>
      <c r="B113" s="209" t="s">
        <v>20420</v>
      </c>
      <c r="C113" s="113" t="s">
        <v>375</v>
      </c>
      <c r="D113" s="113" t="s">
        <v>22409</v>
      </c>
      <c r="E113" s="210">
        <v>2004</v>
      </c>
      <c r="F113" s="210">
        <v>170</v>
      </c>
      <c r="G113" s="113" t="s">
        <v>1</v>
      </c>
      <c r="H113" s="113">
        <v>0</v>
      </c>
      <c r="I113" s="113">
        <v>0</v>
      </c>
      <c r="J113" s="115">
        <v>1</v>
      </c>
      <c r="K113" s="116" t="s">
        <v>174</v>
      </c>
      <c r="L113" s="115">
        <v>1</v>
      </c>
      <c r="M113" s="115">
        <v>0</v>
      </c>
      <c r="N113" s="115">
        <v>0</v>
      </c>
      <c r="O113" s="115">
        <v>0</v>
      </c>
      <c r="P113" s="115" t="s">
        <v>400</v>
      </c>
      <c r="Q113" s="115" t="s">
        <v>400</v>
      </c>
      <c r="R113" s="115">
        <v>0</v>
      </c>
      <c r="S113" s="115">
        <v>0</v>
      </c>
      <c r="T113" s="115">
        <v>0</v>
      </c>
      <c r="U113" s="119"/>
      <c r="V113" s="119"/>
      <c r="W113" s="119"/>
      <c r="X113" s="119"/>
      <c r="Y113" s="119"/>
      <c r="Z113" s="119"/>
      <c r="AA113" s="119"/>
      <c r="AB113" s="119"/>
      <c r="AC113" s="119"/>
      <c r="AD113" s="119"/>
      <c r="AE113" s="119"/>
      <c r="AF113" s="119"/>
      <c r="AG113" s="119"/>
      <c r="AH113" s="119"/>
      <c r="AI113" s="119"/>
      <c r="AJ113" s="119"/>
      <c r="AK113" s="119"/>
      <c r="AL113" s="119"/>
      <c r="AM113" s="119"/>
      <c r="AN113" s="119"/>
      <c r="AO113" s="119"/>
      <c r="AP113" s="119"/>
      <c r="AQ113" s="119"/>
      <c r="AR113" s="119"/>
      <c r="AS113" s="119"/>
      <c r="AT113" s="119"/>
      <c r="AU113" s="119"/>
      <c r="AV113" s="119"/>
      <c r="AW113" s="119"/>
      <c r="AX113" s="119"/>
      <c r="AY113" s="119"/>
      <c r="AZ113" s="119"/>
      <c r="BA113" s="119"/>
      <c r="BB113" s="107">
        <v>45884</v>
      </c>
    </row>
    <row r="114" spans="1:54" s="207" customFormat="1" ht="13.95" customHeight="1" x14ac:dyDescent="0.25">
      <c r="A114" s="208" t="s">
        <v>376</v>
      </c>
      <c r="B114" s="209" t="s">
        <v>20420</v>
      </c>
      <c r="C114" s="113" t="s">
        <v>377</v>
      </c>
      <c r="D114" s="113" t="s">
        <v>378</v>
      </c>
      <c r="E114" s="210">
        <v>1978</v>
      </c>
      <c r="F114" s="210">
        <v>170</v>
      </c>
      <c r="G114" s="113" t="s">
        <v>1</v>
      </c>
      <c r="H114" s="113">
        <v>0</v>
      </c>
      <c r="I114" s="113">
        <v>0</v>
      </c>
      <c r="J114" s="115">
        <v>1</v>
      </c>
      <c r="K114" s="116" t="s">
        <v>174</v>
      </c>
      <c r="L114" s="115">
        <v>1</v>
      </c>
      <c r="M114" s="115">
        <v>0</v>
      </c>
      <c r="N114" s="115">
        <v>0</v>
      </c>
      <c r="O114" s="115">
        <v>0</v>
      </c>
      <c r="P114" s="115" t="s">
        <v>400</v>
      </c>
      <c r="Q114" s="115" t="s">
        <v>400</v>
      </c>
      <c r="R114" s="115">
        <v>0</v>
      </c>
      <c r="S114" s="115">
        <v>0</v>
      </c>
      <c r="T114" s="115">
        <v>0</v>
      </c>
      <c r="U114" s="119"/>
      <c r="V114" s="119"/>
      <c r="W114" s="119"/>
      <c r="X114" s="119"/>
      <c r="Y114" s="119"/>
      <c r="Z114" s="119"/>
      <c r="AA114" s="119"/>
      <c r="AB114" s="119"/>
      <c r="AC114" s="119"/>
      <c r="AD114" s="119"/>
      <c r="AE114" s="119"/>
      <c r="AF114" s="119"/>
      <c r="AG114" s="119"/>
      <c r="AH114" s="119"/>
      <c r="AI114" s="119"/>
      <c r="AJ114" s="119"/>
      <c r="AK114" s="119"/>
      <c r="AL114" s="119"/>
      <c r="AM114" s="119"/>
      <c r="AN114" s="119"/>
      <c r="AO114" s="119"/>
      <c r="AP114" s="119"/>
      <c r="AQ114" s="119"/>
      <c r="AR114" s="119"/>
      <c r="AS114" s="119"/>
      <c r="AT114" s="119"/>
      <c r="AU114" s="119"/>
      <c r="AV114" s="119"/>
      <c r="AW114" s="119"/>
      <c r="AX114" s="119"/>
      <c r="AY114" s="119"/>
      <c r="AZ114" s="119"/>
      <c r="BA114" s="119"/>
      <c r="BB114" s="107">
        <v>45884</v>
      </c>
    </row>
    <row r="115" spans="1:54" s="207" customFormat="1" ht="13.95" customHeight="1" x14ac:dyDescent="0.25">
      <c r="A115" s="208" t="s">
        <v>379</v>
      </c>
      <c r="B115" s="209" t="s">
        <v>20420</v>
      </c>
      <c r="C115" s="113" t="s">
        <v>380</v>
      </c>
      <c r="D115" s="113" t="s">
        <v>22410</v>
      </c>
      <c r="E115" s="210">
        <v>1978</v>
      </c>
      <c r="F115" s="210">
        <v>171</v>
      </c>
      <c r="G115" s="113" t="s">
        <v>1</v>
      </c>
      <c r="H115" s="113">
        <v>0</v>
      </c>
      <c r="I115" s="113">
        <v>0</v>
      </c>
      <c r="J115" s="115">
        <v>1</v>
      </c>
      <c r="K115" s="116" t="s">
        <v>174</v>
      </c>
      <c r="L115" s="115">
        <v>0</v>
      </c>
      <c r="M115" s="115">
        <v>0</v>
      </c>
      <c r="N115" s="115">
        <v>0</v>
      </c>
      <c r="O115" s="115">
        <v>0</v>
      </c>
      <c r="P115" s="115" t="s">
        <v>400</v>
      </c>
      <c r="Q115" s="115" t="s">
        <v>400</v>
      </c>
      <c r="R115" s="115">
        <v>0</v>
      </c>
      <c r="S115" s="115">
        <v>0</v>
      </c>
      <c r="T115" s="115">
        <v>0</v>
      </c>
      <c r="U115" s="119"/>
      <c r="V115" s="119"/>
      <c r="W115" s="119"/>
      <c r="X115" s="119"/>
      <c r="Y115" s="119"/>
      <c r="Z115" s="119"/>
      <c r="AA115" s="119"/>
      <c r="AB115" s="119"/>
      <c r="AC115" s="119"/>
      <c r="AD115" s="119"/>
      <c r="AE115" s="119"/>
      <c r="AF115" s="119"/>
      <c r="AG115" s="119"/>
      <c r="AH115" s="119"/>
      <c r="AI115" s="119"/>
      <c r="AJ115" s="119"/>
      <c r="AK115" s="119"/>
      <c r="AL115" s="119"/>
      <c r="AM115" s="119"/>
      <c r="AN115" s="119"/>
      <c r="AO115" s="119"/>
      <c r="AP115" s="119"/>
      <c r="AQ115" s="119"/>
      <c r="AR115" s="119"/>
      <c r="AS115" s="119"/>
      <c r="AT115" s="119"/>
      <c r="AU115" s="119"/>
      <c r="AV115" s="119"/>
      <c r="AW115" s="119"/>
      <c r="AX115" s="119"/>
      <c r="AY115" s="119"/>
      <c r="AZ115" s="119"/>
      <c r="BA115" s="119"/>
      <c r="BB115" s="107">
        <v>45884</v>
      </c>
    </row>
    <row r="116" spans="1:54" s="207" customFormat="1" ht="13.95" customHeight="1" x14ac:dyDescent="0.25">
      <c r="A116" s="208" t="s">
        <v>381</v>
      </c>
      <c r="B116" s="209" t="s">
        <v>20420</v>
      </c>
      <c r="C116" s="113" t="s">
        <v>382</v>
      </c>
      <c r="D116" s="113" t="s">
        <v>22411</v>
      </c>
      <c r="E116" s="210">
        <v>1978</v>
      </c>
      <c r="F116" s="210">
        <v>171</v>
      </c>
      <c r="G116" s="113" t="s">
        <v>1</v>
      </c>
      <c r="H116" s="113">
        <v>0</v>
      </c>
      <c r="I116" s="113">
        <v>0</v>
      </c>
      <c r="J116" s="115">
        <v>1</v>
      </c>
      <c r="K116" s="116" t="s">
        <v>174</v>
      </c>
      <c r="L116" s="115">
        <v>0</v>
      </c>
      <c r="M116" s="115">
        <v>0</v>
      </c>
      <c r="N116" s="115">
        <v>0</v>
      </c>
      <c r="O116" s="115">
        <v>0</v>
      </c>
      <c r="P116" s="115" t="s">
        <v>400</v>
      </c>
      <c r="Q116" s="115" t="s">
        <v>400</v>
      </c>
      <c r="R116" s="115">
        <v>0</v>
      </c>
      <c r="S116" s="115">
        <v>0</v>
      </c>
      <c r="T116" s="115">
        <v>0</v>
      </c>
      <c r="U116" s="119"/>
      <c r="V116" s="119"/>
      <c r="W116" s="119"/>
      <c r="X116" s="119"/>
      <c r="Y116" s="119"/>
      <c r="Z116" s="119"/>
      <c r="AA116" s="119"/>
      <c r="AB116" s="119"/>
      <c r="AC116" s="119"/>
      <c r="AD116" s="119"/>
      <c r="AE116" s="119"/>
      <c r="AF116" s="119"/>
      <c r="AG116" s="119"/>
      <c r="AH116" s="119"/>
      <c r="AI116" s="119"/>
      <c r="AJ116" s="119"/>
      <c r="AK116" s="119"/>
      <c r="AL116" s="119"/>
      <c r="AM116" s="119"/>
      <c r="AN116" s="119"/>
      <c r="AO116" s="119"/>
      <c r="AP116" s="119"/>
      <c r="AQ116" s="119"/>
      <c r="AR116" s="119"/>
      <c r="AS116" s="119"/>
      <c r="AT116" s="119"/>
      <c r="AU116" s="119"/>
      <c r="AV116" s="119"/>
      <c r="AW116" s="119"/>
      <c r="AX116" s="119"/>
      <c r="AY116" s="119"/>
      <c r="AZ116" s="119"/>
      <c r="BA116" s="119"/>
      <c r="BB116" s="107">
        <v>45884</v>
      </c>
    </row>
    <row r="117" spans="1:54" s="207" customFormat="1" ht="13.95" customHeight="1" x14ac:dyDescent="0.25">
      <c r="A117" s="208" t="s">
        <v>383</v>
      </c>
      <c r="B117" s="209" t="s">
        <v>20420</v>
      </c>
      <c r="C117" s="113" t="s">
        <v>384</v>
      </c>
      <c r="D117" s="113" t="s">
        <v>385</v>
      </c>
      <c r="E117" s="210">
        <v>1983</v>
      </c>
      <c r="F117" s="210">
        <v>171</v>
      </c>
      <c r="G117" s="113" t="s">
        <v>1</v>
      </c>
      <c r="H117" s="113">
        <v>0</v>
      </c>
      <c r="I117" s="113">
        <v>0</v>
      </c>
      <c r="J117" s="115">
        <v>1</v>
      </c>
      <c r="K117" s="116" t="s">
        <v>174</v>
      </c>
      <c r="L117" s="115">
        <v>0</v>
      </c>
      <c r="M117" s="115">
        <v>0</v>
      </c>
      <c r="N117" s="115">
        <v>0</v>
      </c>
      <c r="O117" s="115">
        <v>1</v>
      </c>
      <c r="P117" s="115" t="s">
        <v>400</v>
      </c>
      <c r="Q117" s="115" t="s">
        <v>400</v>
      </c>
      <c r="R117" s="115">
        <v>0</v>
      </c>
      <c r="S117" s="115">
        <v>0</v>
      </c>
      <c r="T117" s="115">
        <v>0</v>
      </c>
      <c r="U117" s="119"/>
      <c r="V117" s="119"/>
      <c r="W117" s="119"/>
      <c r="X117" s="119"/>
      <c r="Y117" s="119"/>
      <c r="Z117" s="119"/>
      <c r="AA117" s="119"/>
      <c r="AB117" s="119"/>
      <c r="AC117" s="119"/>
      <c r="AD117" s="119"/>
      <c r="AE117" s="119"/>
      <c r="AF117" s="119"/>
      <c r="AG117" s="119"/>
      <c r="AH117" s="119"/>
      <c r="AI117" s="119"/>
      <c r="AJ117" s="119"/>
      <c r="AK117" s="119"/>
      <c r="AL117" s="119"/>
      <c r="AM117" s="119"/>
      <c r="AN117" s="119"/>
      <c r="AO117" s="119"/>
      <c r="AP117" s="119"/>
      <c r="AQ117" s="119"/>
      <c r="AR117" s="119"/>
      <c r="AS117" s="119"/>
      <c r="AT117" s="119"/>
      <c r="AU117" s="119"/>
      <c r="AV117" s="119"/>
      <c r="AW117" s="119"/>
      <c r="AX117" s="119"/>
      <c r="AY117" s="119"/>
      <c r="AZ117" s="119"/>
      <c r="BA117" s="119"/>
      <c r="BB117" s="107">
        <v>45884</v>
      </c>
    </row>
    <row r="118" spans="1:54" s="207" customFormat="1" ht="13.95" customHeight="1" x14ac:dyDescent="0.25">
      <c r="A118" s="208" t="s">
        <v>386</v>
      </c>
      <c r="B118" s="209" t="s">
        <v>20420</v>
      </c>
      <c r="C118" s="113" t="s">
        <v>387</v>
      </c>
      <c r="D118" s="113" t="s">
        <v>22412</v>
      </c>
      <c r="E118" s="210">
        <v>1977</v>
      </c>
      <c r="F118" s="210">
        <v>171</v>
      </c>
      <c r="G118" s="113" t="s">
        <v>1</v>
      </c>
      <c r="H118" s="113">
        <v>0</v>
      </c>
      <c r="I118" s="113">
        <v>0</v>
      </c>
      <c r="J118" s="115">
        <v>1</v>
      </c>
      <c r="K118" s="116" t="s">
        <v>174</v>
      </c>
      <c r="L118" s="115">
        <v>1</v>
      </c>
      <c r="M118" s="115">
        <v>0</v>
      </c>
      <c r="N118" s="115">
        <v>0</v>
      </c>
      <c r="O118" s="115">
        <v>0</v>
      </c>
      <c r="P118" s="115" t="s">
        <v>400</v>
      </c>
      <c r="Q118" s="115" t="s">
        <v>400</v>
      </c>
      <c r="R118" s="115">
        <v>0</v>
      </c>
      <c r="S118" s="115">
        <v>0</v>
      </c>
      <c r="T118" s="115">
        <v>0</v>
      </c>
      <c r="U118" s="119"/>
      <c r="V118" s="119"/>
      <c r="W118" s="119"/>
      <c r="X118" s="119"/>
      <c r="Y118" s="119"/>
      <c r="Z118" s="119"/>
      <c r="AA118" s="119"/>
      <c r="AB118" s="119"/>
      <c r="AC118" s="119"/>
      <c r="AD118" s="119"/>
      <c r="AE118" s="119"/>
      <c r="AF118" s="119"/>
      <c r="AG118" s="119"/>
      <c r="AH118" s="119"/>
      <c r="AI118" s="119"/>
      <c r="AJ118" s="119"/>
      <c r="AK118" s="119"/>
      <c r="AL118" s="119"/>
      <c r="AM118" s="119"/>
      <c r="AN118" s="119"/>
      <c r="AO118" s="119"/>
      <c r="AP118" s="119"/>
      <c r="AQ118" s="119"/>
      <c r="AR118" s="119"/>
      <c r="AS118" s="119"/>
      <c r="AT118" s="119"/>
      <c r="AU118" s="119"/>
      <c r="AV118" s="119"/>
      <c r="AW118" s="119"/>
      <c r="AX118" s="119"/>
      <c r="AY118" s="119"/>
      <c r="AZ118" s="119"/>
      <c r="BA118" s="119"/>
      <c r="BB118" s="107">
        <v>45884</v>
      </c>
    </row>
    <row r="119" spans="1:54" s="207" customFormat="1" ht="13.95" customHeight="1" x14ac:dyDescent="0.25">
      <c r="A119" s="208" t="s">
        <v>388</v>
      </c>
      <c r="B119" s="209" t="s">
        <v>20420</v>
      </c>
      <c r="C119" s="113" t="s">
        <v>389</v>
      </c>
      <c r="D119" s="113" t="s">
        <v>22413</v>
      </c>
      <c r="E119" s="210">
        <v>1973</v>
      </c>
      <c r="F119" s="210">
        <v>173</v>
      </c>
      <c r="G119" s="113" t="s">
        <v>1</v>
      </c>
      <c r="H119" s="113">
        <v>0</v>
      </c>
      <c r="I119" s="113">
        <v>0</v>
      </c>
      <c r="J119" s="115">
        <v>0</v>
      </c>
      <c r="K119" s="116" t="s">
        <v>174</v>
      </c>
      <c r="L119" s="115">
        <v>0</v>
      </c>
      <c r="M119" s="115">
        <v>0</v>
      </c>
      <c r="N119" s="115">
        <v>0</v>
      </c>
      <c r="O119" s="115">
        <v>0</v>
      </c>
      <c r="P119" s="115" t="s">
        <v>400</v>
      </c>
      <c r="Q119" s="115" t="s">
        <v>400</v>
      </c>
      <c r="R119" s="115">
        <v>1</v>
      </c>
      <c r="S119" s="115">
        <v>0</v>
      </c>
      <c r="T119" s="115">
        <v>0</v>
      </c>
      <c r="U119" s="119"/>
      <c r="V119" s="119"/>
      <c r="W119" s="119"/>
      <c r="X119" s="119"/>
      <c r="Y119" s="119"/>
      <c r="Z119" s="119"/>
      <c r="AA119" s="119"/>
      <c r="AB119" s="119"/>
      <c r="AC119" s="119"/>
      <c r="AD119" s="119"/>
      <c r="AE119" s="119"/>
      <c r="AF119" s="119"/>
      <c r="AG119" s="119"/>
      <c r="AH119" s="119"/>
      <c r="AI119" s="119"/>
      <c r="AJ119" s="119"/>
      <c r="AK119" s="119"/>
      <c r="AL119" s="119"/>
      <c r="AM119" s="119"/>
      <c r="AN119" s="119"/>
      <c r="AO119" s="119"/>
      <c r="AP119" s="119"/>
      <c r="AQ119" s="119"/>
      <c r="AR119" s="119"/>
      <c r="AS119" s="119"/>
      <c r="AT119" s="119"/>
      <c r="AU119" s="119"/>
      <c r="AV119" s="119"/>
      <c r="AW119" s="119"/>
      <c r="AX119" s="119"/>
      <c r="AY119" s="119"/>
      <c r="AZ119" s="119"/>
      <c r="BA119" s="119"/>
      <c r="BB119" s="107">
        <v>45884</v>
      </c>
    </row>
    <row r="120" spans="1:54" s="207" customFormat="1" ht="13.95" customHeight="1" x14ac:dyDescent="0.25">
      <c r="A120" s="208" t="s">
        <v>390</v>
      </c>
      <c r="B120" s="209" t="s">
        <v>20420</v>
      </c>
      <c r="C120" s="113" t="s">
        <v>391</v>
      </c>
      <c r="D120" s="113" t="s">
        <v>22414</v>
      </c>
      <c r="E120" s="210">
        <v>1993</v>
      </c>
      <c r="F120" s="210">
        <v>173</v>
      </c>
      <c r="G120" s="113" t="s">
        <v>1</v>
      </c>
      <c r="H120" s="113">
        <v>0</v>
      </c>
      <c r="I120" s="113">
        <v>0</v>
      </c>
      <c r="J120" s="115">
        <v>0</v>
      </c>
      <c r="K120" s="116" t="s">
        <v>174</v>
      </c>
      <c r="L120" s="115">
        <v>0</v>
      </c>
      <c r="M120" s="115">
        <v>0</v>
      </c>
      <c r="N120" s="115">
        <v>0</v>
      </c>
      <c r="O120" s="115">
        <v>0</v>
      </c>
      <c r="P120" s="115" t="s">
        <v>400</v>
      </c>
      <c r="Q120" s="115" t="s">
        <v>400</v>
      </c>
      <c r="R120" s="115">
        <v>0</v>
      </c>
      <c r="S120" s="115">
        <v>0</v>
      </c>
      <c r="T120" s="115">
        <v>0</v>
      </c>
      <c r="U120" s="119"/>
      <c r="V120" s="119"/>
      <c r="W120" s="119"/>
      <c r="X120" s="119"/>
      <c r="Y120" s="119"/>
      <c r="Z120" s="119"/>
      <c r="AA120" s="119"/>
      <c r="AB120" s="119"/>
      <c r="AC120" s="119"/>
      <c r="AD120" s="119"/>
      <c r="AE120" s="119"/>
      <c r="AF120" s="119"/>
      <c r="AG120" s="119"/>
      <c r="AH120" s="119"/>
      <c r="AI120" s="119"/>
      <c r="AJ120" s="119"/>
      <c r="AK120" s="119"/>
      <c r="AL120" s="119"/>
      <c r="AM120" s="119"/>
      <c r="AN120" s="119"/>
      <c r="AO120" s="119"/>
      <c r="AP120" s="119"/>
      <c r="AQ120" s="119"/>
      <c r="AR120" s="119"/>
      <c r="AS120" s="119"/>
      <c r="AT120" s="119"/>
      <c r="AU120" s="119"/>
      <c r="AV120" s="119"/>
      <c r="AW120" s="119"/>
      <c r="AX120" s="119"/>
      <c r="AY120" s="119"/>
      <c r="AZ120" s="119"/>
      <c r="BA120" s="119"/>
      <c r="BB120" s="107">
        <v>45884</v>
      </c>
    </row>
    <row r="121" spans="1:54" s="207" customFormat="1" ht="13.95" customHeight="1" x14ac:dyDescent="0.25">
      <c r="A121" s="208" t="s">
        <v>392</v>
      </c>
      <c r="B121" s="209" t="s">
        <v>20420</v>
      </c>
      <c r="C121" s="113" t="s">
        <v>393</v>
      </c>
      <c r="D121" s="113" t="s">
        <v>22415</v>
      </c>
      <c r="E121" s="210">
        <v>1979</v>
      </c>
      <c r="F121" s="210">
        <v>174</v>
      </c>
      <c r="G121" s="113" t="s">
        <v>1</v>
      </c>
      <c r="H121" s="113">
        <v>0</v>
      </c>
      <c r="I121" s="113">
        <v>0</v>
      </c>
      <c r="J121" s="115">
        <v>1</v>
      </c>
      <c r="K121" s="116" t="s">
        <v>174</v>
      </c>
      <c r="L121" s="115">
        <v>0</v>
      </c>
      <c r="M121" s="115">
        <v>0</v>
      </c>
      <c r="N121" s="115">
        <v>0</v>
      </c>
      <c r="O121" s="115">
        <v>0</v>
      </c>
      <c r="P121" s="115" t="s">
        <v>400</v>
      </c>
      <c r="Q121" s="115" t="s">
        <v>400</v>
      </c>
      <c r="R121" s="115">
        <v>0</v>
      </c>
      <c r="S121" s="115">
        <v>0</v>
      </c>
      <c r="T121" s="115">
        <v>0</v>
      </c>
      <c r="U121" s="119"/>
      <c r="V121" s="119"/>
      <c r="W121" s="119"/>
      <c r="X121" s="119"/>
      <c r="Y121" s="119"/>
      <c r="Z121" s="119"/>
      <c r="AA121" s="119"/>
      <c r="AB121" s="119"/>
      <c r="AC121" s="119"/>
      <c r="AD121" s="119"/>
      <c r="AE121" s="119"/>
      <c r="AF121" s="119"/>
      <c r="AG121" s="119"/>
      <c r="AH121" s="119"/>
      <c r="AI121" s="119"/>
      <c r="AJ121" s="119"/>
      <c r="AK121" s="119"/>
      <c r="AL121" s="119"/>
      <c r="AM121" s="119"/>
      <c r="AN121" s="119"/>
      <c r="AO121" s="119"/>
      <c r="AP121" s="119"/>
      <c r="AQ121" s="119"/>
      <c r="AR121" s="119"/>
      <c r="AS121" s="119"/>
      <c r="AT121" s="119"/>
      <c r="AU121" s="119"/>
      <c r="AV121" s="119"/>
      <c r="AW121" s="119"/>
      <c r="AX121" s="119"/>
      <c r="AY121" s="119"/>
      <c r="AZ121" s="119"/>
      <c r="BA121" s="119"/>
      <c r="BB121" s="107">
        <v>45884</v>
      </c>
    </row>
    <row r="122" spans="1:54" s="207" customFormat="1" ht="13.95" customHeight="1" x14ac:dyDescent="0.25">
      <c r="A122" s="208" t="s">
        <v>394</v>
      </c>
      <c r="B122" s="209" t="s">
        <v>20420</v>
      </c>
      <c r="C122" s="113" t="s">
        <v>395</v>
      </c>
      <c r="D122" s="113" t="s">
        <v>396</v>
      </c>
      <c r="E122" s="210">
        <v>1976</v>
      </c>
      <c r="F122" s="210">
        <v>174</v>
      </c>
      <c r="G122" s="113" t="s">
        <v>1</v>
      </c>
      <c r="H122" s="113">
        <v>0</v>
      </c>
      <c r="I122" s="113">
        <v>0</v>
      </c>
      <c r="J122" s="115">
        <v>1</v>
      </c>
      <c r="K122" s="116" t="s">
        <v>174</v>
      </c>
      <c r="L122" s="115">
        <v>0</v>
      </c>
      <c r="M122" s="115">
        <v>0</v>
      </c>
      <c r="N122" s="115">
        <v>0</v>
      </c>
      <c r="O122" s="115">
        <v>0</v>
      </c>
      <c r="P122" s="115" t="s">
        <v>400</v>
      </c>
      <c r="Q122" s="115" t="s">
        <v>400</v>
      </c>
      <c r="R122" s="115">
        <v>0</v>
      </c>
      <c r="S122" s="115">
        <v>0</v>
      </c>
      <c r="T122" s="115">
        <v>0</v>
      </c>
      <c r="U122" s="119"/>
      <c r="V122" s="119"/>
      <c r="W122" s="119"/>
      <c r="X122" s="119"/>
      <c r="Y122" s="119"/>
      <c r="Z122" s="119"/>
      <c r="AA122" s="119"/>
      <c r="AB122" s="119"/>
      <c r="AC122" s="119"/>
      <c r="AD122" s="119"/>
      <c r="AE122" s="119"/>
      <c r="AF122" s="119"/>
      <c r="AG122" s="119"/>
      <c r="AH122" s="119"/>
      <c r="AI122" s="119"/>
      <c r="AJ122" s="119"/>
      <c r="AK122" s="119"/>
      <c r="AL122" s="119"/>
      <c r="AM122" s="119"/>
      <c r="AN122" s="119"/>
      <c r="AO122" s="119"/>
      <c r="AP122" s="119"/>
      <c r="AQ122" s="119"/>
      <c r="AR122" s="119"/>
      <c r="AS122" s="119"/>
      <c r="AT122" s="119"/>
      <c r="AU122" s="119"/>
      <c r="AV122" s="119"/>
      <c r="AW122" s="119"/>
      <c r="AX122" s="119"/>
      <c r="AY122" s="119"/>
      <c r="AZ122" s="119"/>
      <c r="BA122" s="119"/>
      <c r="BB122" s="107">
        <v>45884</v>
      </c>
    </row>
    <row r="123" spans="1:54" s="207" customFormat="1" ht="13.95" customHeight="1" x14ac:dyDescent="0.25">
      <c r="A123" s="208" t="s">
        <v>397</v>
      </c>
      <c r="B123" s="209" t="s">
        <v>20420</v>
      </c>
      <c r="C123" s="113" t="s">
        <v>398</v>
      </c>
      <c r="D123" s="113" t="s">
        <v>399</v>
      </c>
      <c r="E123" s="210">
        <v>1971</v>
      </c>
      <c r="F123" s="210">
        <v>175</v>
      </c>
      <c r="G123" s="113" t="s">
        <v>1</v>
      </c>
      <c r="H123" s="113">
        <v>0</v>
      </c>
      <c r="I123" s="113">
        <v>0</v>
      </c>
      <c r="J123" s="115">
        <v>1</v>
      </c>
      <c r="K123" s="116" t="s">
        <v>174</v>
      </c>
      <c r="L123" s="115">
        <v>0</v>
      </c>
      <c r="M123" s="115">
        <v>0</v>
      </c>
      <c r="N123" s="115">
        <v>0</v>
      </c>
      <c r="O123" s="115">
        <v>0</v>
      </c>
      <c r="P123" s="115" t="s">
        <v>400</v>
      </c>
      <c r="Q123" s="115" t="s">
        <v>400</v>
      </c>
      <c r="R123" s="115">
        <v>0</v>
      </c>
      <c r="S123" s="115">
        <v>0</v>
      </c>
      <c r="T123" s="115">
        <v>0</v>
      </c>
      <c r="U123" s="119"/>
      <c r="V123" s="119"/>
      <c r="W123" s="119"/>
      <c r="X123" s="119"/>
      <c r="Y123" s="119"/>
      <c r="Z123" s="119"/>
      <c r="AA123" s="119"/>
      <c r="AB123" s="119"/>
      <c r="AC123" s="119"/>
      <c r="AD123" s="119"/>
      <c r="AE123" s="119"/>
      <c r="AF123" s="119"/>
      <c r="AG123" s="119"/>
      <c r="AH123" s="119"/>
      <c r="AI123" s="119"/>
      <c r="AJ123" s="119"/>
      <c r="AK123" s="119"/>
      <c r="AL123" s="119"/>
      <c r="AM123" s="119"/>
      <c r="AN123" s="119"/>
      <c r="AO123" s="119"/>
      <c r="AP123" s="119"/>
      <c r="AQ123" s="119"/>
      <c r="AR123" s="119"/>
      <c r="AS123" s="119"/>
      <c r="AT123" s="119"/>
      <c r="AU123" s="119"/>
      <c r="AV123" s="119"/>
      <c r="AW123" s="119"/>
      <c r="AX123" s="119"/>
      <c r="AY123" s="119"/>
      <c r="AZ123" s="119"/>
      <c r="BA123" s="119"/>
      <c r="BB123" s="107">
        <v>45884</v>
      </c>
    </row>
    <row r="124" spans="1:54" s="207" customFormat="1" ht="13.95" customHeight="1" x14ac:dyDescent="0.25">
      <c r="A124" s="208" t="s">
        <v>401</v>
      </c>
      <c r="B124" s="209" t="s">
        <v>20420</v>
      </c>
      <c r="C124" s="113" t="s">
        <v>402</v>
      </c>
      <c r="D124" s="113" t="s">
        <v>22416</v>
      </c>
      <c r="E124" s="210">
        <v>2015</v>
      </c>
      <c r="F124" s="210">
        <v>175</v>
      </c>
      <c r="G124" s="113" t="s">
        <v>1</v>
      </c>
      <c r="H124" s="113">
        <v>0</v>
      </c>
      <c r="I124" s="113">
        <v>0</v>
      </c>
      <c r="J124" s="115">
        <v>1</v>
      </c>
      <c r="K124" s="116" t="s">
        <v>174</v>
      </c>
      <c r="L124" s="115">
        <v>0</v>
      </c>
      <c r="M124" s="115">
        <v>0</v>
      </c>
      <c r="N124" s="115">
        <v>1</v>
      </c>
      <c r="O124" s="115">
        <v>0</v>
      </c>
      <c r="P124" s="115" t="s">
        <v>400</v>
      </c>
      <c r="Q124" s="115" t="s">
        <v>400</v>
      </c>
      <c r="R124" s="115">
        <v>0</v>
      </c>
      <c r="S124" s="115">
        <v>0</v>
      </c>
      <c r="T124" s="115">
        <v>0</v>
      </c>
      <c r="U124" s="119"/>
      <c r="V124" s="119"/>
      <c r="W124" s="119"/>
      <c r="X124" s="119"/>
      <c r="Y124" s="119"/>
      <c r="Z124" s="119"/>
      <c r="AA124" s="119"/>
      <c r="AB124" s="119"/>
      <c r="AC124" s="119"/>
      <c r="AD124" s="119"/>
      <c r="AE124" s="119"/>
      <c r="AF124" s="119"/>
      <c r="AG124" s="119"/>
      <c r="AH124" s="119"/>
      <c r="AI124" s="119"/>
      <c r="AJ124" s="119"/>
      <c r="AK124" s="119"/>
      <c r="AL124" s="119"/>
      <c r="AM124" s="119"/>
      <c r="AN124" s="119"/>
      <c r="AO124" s="119"/>
      <c r="AP124" s="119"/>
      <c r="AQ124" s="119"/>
      <c r="AR124" s="119"/>
      <c r="AS124" s="119"/>
      <c r="AT124" s="119"/>
      <c r="AU124" s="119"/>
      <c r="AV124" s="119"/>
      <c r="AW124" s="119"/>
      <c r="AX124" s="119"/>
      <c r="AY124" s="119"/>
      <c r="AZ124" s="119"/>
      <c r="BA124" s="119"/>
      <c r="BB124" s="107">
        <v>45884</v>
      </c>
    </row>
    <row r="125" spans="1:54" s="207" customFormat="1" ht="13.95" customHeight="1" x14ac:dyDescent="0.25">
      <c r="A125" s="208" t="s">
        <v>403</v>
      </c>
      <c r="B125" s="209" t="s">
        <v>20420</v>
      </c>
      <c r="C125" s="113" t="s">
        <v>404</v>
      </c>
      <c r="D125" s="113" t="s">
        <v>22417</v>
      </c>
      <c r="E125" s="210">
        <v>1977</v>
      </c>
      <c r="F125" s="210">
        <v>176</v>
      </c>
      <c r="G125" s="113" t="s">
        <v>1</v>
      </c>
      <c r="H125" s="113">
        <v>0</v>
      </c>
      <c r="I125" s="113">
        <v>0</v>
      </c>
      <c r="J125" s="115">
        <v>1</v>
      </c>
      <c r="K125" s="116" t="s">
        <v>174</v>
      </c>
      <c r="L125" s="115">
        <v>0</v>
      </c>
      <c r="M125" s="115">
        <v>0</v>
      </c>
      <c r="N125" s="115">
        <v>1</v>
      </c>
      <c r="O125" s="115">
        <v>0</v>
      </c>
      <c r="P125" s="115">
        <v>1</v>
      </c>
      <c r="Q125" s="115" t="s">
        <v>400</v>
      </c>
      <c r="R125" s="115">
        <v>0</v>
      </c>
      <c r="S125" s="115">
        <v>0</v>
      </c>
      <c r="T125" s="115">
        <v>0</v>
      </c>
      <c r="U125" s="119"/>
      <c r="V125" s="119"/>
      <c r="W125" s="119"/>
      <c r="X125" s="119"/>
      <c r="Y125" s="119"/>
      <c r="Z125" s="119"/>
      <c r="AA125" s="119"/>
      <c r="AB125" s="119"/>
      <c r="AC125" s="119"/>
      <c r="AD125" s="119"/>
      <c r="AE125" s="119"/>
      <c r="AF125" s="119"/>
      <c r="AG125" s="119"/>
      <c r="AH125" s="119"/>
      <c r="AI125" s="119"/>
      <c r="AJ125" s="119"/>
      <c r="AK125" s="119"/>
      <c r="AL125" s="119"/>
      <c r="AM125" s="119"/>
      <c r="AN125" s="119"/>
      <c r="AO125" s="119"/>
      <c r="AP125" s="119"/>
      <c r="AQ125" s="119"/>
      <c r="AR125" s="119"/>
      <c r="AS125" s="119"/>
      <c r="AT125" s="119"/>
      <c r="AU125" s="119"/>
      <c r="AV125" s="119"/>
      <c r="AW125" s="119"/>
      <c r="AX125" s="119"/>
      <c r="AY125" s="119"/>
      <c r="AZ125" s="119"/>
      <c r="BA125" s="119"/>
      <c r="BB125" s="107">
        <v>45884</v>
      </c>
    </row>
    <row r="126" spans="1:54" s="207" customFormat="1" ht="13.95" customHeight="1" x14ac:dyDescent="0.25">
      <c r="A126" s="208" t="s">
        <v>405</v>
      </c>
      <c r="B126" s="209" t="s">
        <v>20420</v>
      </c>
      <c r="C126" s="113" t="s">
        <v>406</v>
      </c>
      <c r="D126" s="113" t="s">
        <v>22418</v>
      </c>
      <c r="E126" s="210">
        <v>1985</v>
      </c>
      <c r="F126" s="210">
        <v>177</v>
      </c>
      <c r="G126" s="113" t="s">
        <v>1</v>
      </c>
      <c r="H126" s="113">
        <v>0</v>
      </c>
      <c r="I126" s="113">
        <v>0</v>
      </c>
      <c r="J126" s="115">
        <v>1</v>
      </c>
      <c r="K126" s="211">
        <v>1</v>
      </c>
      <c r="L126" s="115">
        <v>0</v>
      </c>
      <c r="M126" s="115">
        <v>0</v>
      </c>
      <c r="N126" s="115">
        <v>1</v>
      </c>
      <c r="O126" s="115">
        <v>0</v>
      </c>
      <c r="P126" s="115" t="s">
        <v>400</v>
      </c>
      <c r="Q126" s="115" t="s">
        <v>400</v>
      </c>
      <c r="R126" s="115">
        <v>0</v>
      </c>
      <c r="S126" s="115">
        <v>0</v>
      </c>
      <c r="T126" s="115">
        <v>0</v>
      </c>
      <c r="U126" s="119"/>
      <c r="V126" s="119"/>
      <c r="W126" s="119"/>
      <c r="X126" s="119"/>
      <c r="Y126" s="119"/>
      <c r="Z126" s="119"/>
      <c r="AA126" s="119"/>
      <c r="AB126" s="119"/>
      <c r="AC126" s="119"/>
      <c r="AD126" s="119"/>
      <c r="AE126" s="119"/>
      <c r="AF126" s="119"/>
      <c r="AG126" s="119"/>
      <c r="AH126" s="119"/>
      <c r="AI126" s="119"/>
      <c r="AJ126" s="119"/>
      <c r="AK126" s="119"/>
      <c r="AL126" s="119"/>
      <c r="AM126" s="119"/>
      <c r="AN126" s="119"/>
      <c r="AO126" s="119"/>
      <c r="AP126" s="119"/>
      <c r="AQ126" s="119"/>
      <c r="AR126" s="119"/>
      <c r="AS126" s="119"/>
      <c r="AT126" s="119"/>
      <c r="AU126" s="119"/>
      <c r="AV126" s="119"/>
      <c r="AW126" s="119"/>
      <c r="AX126" s="119"/>
      <c r="AY126" s="119"/>
      <c r="AZ126" s="119"/>
      <c r="BA126" s="119"/>
      <c r="BB126" s="107">
        <v>45884</v>
      </c>
    </row>
    <row r="127" spans="1:54" s="207" customFormat="1" ht="13.95" customHeight="1" x14ac:dyDescent="0.25">
      <c r="A127" s="208" t="s">
        <v>407</v>
      </c>
      <c r="B127" s="209" t="s">
        <v>20420</v>
      </c>
      <c r="C127" s="113" t="s">
        <v>408</v>
      </c>
      <c r="D127" s="113" t="s">
        <v>22419</v>
      </c>
      <c r="E127" s="210">
        <v>1983</v>
      </c>
      <c r="F127" s="210">
        <v>177</v>
      </c>
      <c r="G127" s="113" t="s">
        <v>1</v>
      </c>
      <c r="H127" s="113">
        <v>0</v>
      </c>
      <c r="I127" s="113">
        <v>0</v>
      </c>
      <c r="J127" s="115">
        <v>1</v>
      </c>
      <c r="K127" s="116" t="s">
        <v>174</v>
      </c>
      <c r="L127" s="115">
        <v>0</v>
      </c>
      <c r="M127" s="115">
        <v>0</v>
      </c>
      <c r="N127" s="115">
        <v>0</v>
      </c>
      <c r="O127" s="115">
        <v>0</v>
      </c>
      <c r="P127" s="115" t="s">
        <v>400</v>
      </c>
      <c r="Q127" s="115" t="s">
        <v>400</v>
      </c>
      <c r="R127" s="115">
        <v>0</v>
      </c>
      <c r="S127" s="115">
        <v>0</v>
      </c>
      <c r="T127" s="115">
        <v>0</v>
      </c>
      <c r="U127" s="119"/>
      <c r="V127" s="119"/>
      <c r="W127" s="119"/>
      <c r="X127" s="119"/>
      <c r="Y127" s="119"/>
      <c r="Z127" s="119"/>
      <c r="AA127" s="119"/>
      <c r="AB127" s="119"/>
      <c r="AC127" s="119"/>
      <c r="AD127" s="119"/>
      <c r="AE127" s="119"/>
      <c r="AF127" s="119"/>
      <c r="AG127" s="119"/>
      <c r="AH127" s="119"/>
      <c r="AI127" s="119"/>
      <c r="AJ127" s="119"/>
      <c r="AK127" s="119"/>
      <c r="AL127" s="119"/>
      <c r="AM127" s="119"/>
      <c r="AN127" s="119"/>
      <c r="AO127" s="119"/>
      <c r="AP127" s="119"/>
      <c r="AQ127" s="119"/>
      <c r="AR127" s="119"/>
      <c r="AS127" s="119"/>
      <c r="AT127" s="119"/>
      <c r="AU127" s="119"/>
      <c r="AV127" s="119"/>
      <c r="AW127" s="119"/>
      <c r="AX127" s="119"/>
      <c r="AY127" s="119"/>
      <c r="AZ127" s="119"/>
      <c r="BA127" s="119"/>
      <c r="BB127" s="107">
        <v>45884</v>
      </c>
    </row>
    <row r="128" spans="1:54" s="207" customFormat="1" ht="13.95" customHeight="1" x14ac:dyDescent="0.25">
      <c r="A128" s="208" t="s">
        <v>409</v>
      </c>
      <c r="B128" s="209" t="s">
        <v>20420</v>
      </c>
      <c r="C128" s="113" t="s">
        <v>410</v>
      </c>
      <c r="D128" s="113" t="s">
        <v>22420</v>
      </c>
      <c r="E128" s="210">
        <v>1983</v>
      </c>
      <c r="F128" s="210">
        <v>178</v>
      </c>
      <c r="G128" s="113" t="s">
        <v>1</v>
      </c>
      <c r="H128" s="113">
        <v>0</v>
      </c>
      <c r="I128" s="113">
        <v>0</v>
      </c>
      <c r="J128" s="115">
        <v>1</v>
      </c>
      <c r="K128" s="116" t="s">
        <v>174</v>
      </c>
      <c r="L128" s="115">
        <v>1</v>
      </c>
      <c r="M128" s="115">
        <v>0</v>
      </c>
      <c r="N128" s="115">
        <v>0</v>
      </c>
      <c r="O128" s="115">
        <v>0</v>
      </c>
      <c r="P128" s="115" t="s">
        <v>400</v>
      </c>
      <c r="Q128" s="115" t="s">
        <v>400</v>
      </c>
      <c r="R128" s="115">
        <v>0</v>
      </c>
      <c r="S128" s="115">
        <v>0</v>
      </c>
      <c r="T128" s="115">
        <v>0</v>
      </c>
      <c r="U128" s="119"/>
      <c r="V128" s="119"/>
      <c r="W128" s="119"/>
      <c r="X128" s="119"/>
      <c r="Y128" s="119"/>
      <c r="Z128" s="119"/>
      <c r="AA128" s="119"/>
      <c r="AB128" s="119"/>
      <c r="AC128" s="119"/>
      <c r="AD128" s="119"/>
      <c r="AE128" s="119"/>
      <c r="AF128" s="119"/>
      <c r="AG128" s="119"/>
      <c r="AH128" s="119"/>
      <c r="AI128" s="119"/>
      <c r="AJ128" s="119"/>
      <c r="AK128" s="119"/>
      <c r="AL128" s="119"/>
      <c r="AM128" s="119"/>
      <c r="AN128" s="119"/>
      <c r="AO128" s="119"/>
      <c r="AP128" s="119"/>
      <c r="AQ128" s="119"/>
      <c r="AR128" s="119"/>
      <c r="AS128" s="119"/>
      <c r="AT128" s="119"/>
      <c r="AU128" s="119"/>
      <c r="AV128" s="119"/>
      <c r="AW128" s="119"/>
      <c r="AX128" s="119"/>
      <c r="AY128" s="119"/>
      <c r="AZ128" s="119"/>
      <c r="BA128" s="119"/>
      <c r="BB128" s="107">
        <v>45884</v>
      </c>
    </row>
    <row r="129" spans="1:54" s="207" customFormat="1" ht="13.95" customHeight="1" x14ac:dyDescent="0.25">
      <c r="A129" s="208" t="s">
        <v>411</v>
      </c>
      <c r="B129" s="209" t="s">
        <v>20420</v>
      </c>
      <c r="C129" s="113" t="s">
        <v>412</v>
      </c>
      <c r="D129" s="113" t="s">
        <v>413</v>
      </c>
      <c r="E129" s="210">
        <v>1985</v>
      </c>
      <c r="F129" s="210">
        <v>179</v>
      </c>
      <c r="G129" s="113" t="s">
        <v>1</v>
      </c>
      <c r="H129" s="113">
        <v>0</v>
      </c>
      <c r="I129" s="113">
        <v>0</v>
      </c>
      <c r="J129" s="115">
        <v>1</v>
      </c>
      <c r="K129" s="116" t="s">
        <v>174</v>
      </c>
      <c r="L129" s="115">
        <v>0</v>
      </c>
      <c r="M129" s="115">
        <v>0</v>
      </c>
      <c r="N129" s="115">
        <v>1</v>
      </c>
      <c r="O129" s="115">
        <v>0</v>
      </c>
      <c r="P129" s="115" t="s">
        <v>400</v>
      </c>
      <c r="Q129" s="115" t="s">
        <v>400</v>
      </c>
      <c r="R129" s="115">
        <v>0</v>
      </c>
      <c r="S129" s="115">
        <v>0</v>
      </c>
      <c r="T129" s="115">
        <v>0</v>
      </c>
      <c r="U129" s="119"/>
      <c r="V129" s="119"/>
      <c r="W129" s="119"/>
      <c r="X129" s="119"/>
      <c r="Y129" s="119"/>
      <c r="Z129" s="119"/>
      <c r="AA129" s="119"/>
      <c r="AB129" s="119"/>
      <c r="AC129" s="119"/>
      <c r="AD129" s="119"/>
      <c r="AE129" s="119"/>
      <c r="AF129" s="119"/>
      <c r="AG129" s="119"/>
      <c r="AH129" s="119"/>
      <c r="AI129" s="119"/>
      <c r="AJ129" s="119"/>
      <c r="AK129" s="119"/>
      <c r="AL129" s="119"/>
      <c r="AM129" s="119"/>
      <c r="AN129" s="119"/>
      <c r="AO129" s="119"/>
      <c r="AP129" s="119"/>
      <c r="AQ129" s="119"/>
      <c r="AR129" s="119"/>
      <c r="AS129" s="119"/>
      <c r="AT129" s="119"/>
      <c r="AU129" s="119"/>
      <c r="AV129" s="119"/>
      <c r="AW129" s="119"/>
      <c r="AX129" s="119"/>
      <c r="AY129" s="119"/>
      <c r="AZ129" s="119"/>
      <c r="BA129" s="119"/>
      <c r="BB129" s="107">
        <v>45884</v>
      </c>
    </row>
    <row r="130" spans="1:54" s="207" customFormat="1" ht="13.95" customHeight="1" x14ac:dyDescent="0.25">
      <c r="A130" s="208" t="s">
        <v>414</v>
      </c>
      <c r="B130" s="209" t="s">
        <v>20420</v>
      </c>
      <c r="C130" s="113" t="s">
        <v>415</v>
      </c>
      <c r="D130" s="113" t="s">
        <v>22421</v>
      </c>
      <c r="E130" s="210">
        <v>1984</v>
      </c>
      <c r="F130" s="210">
        <v>179</v>
      </c>
      <c r="G130" s="113" t="s">
        <v>1</v>
      </c>
      <c r="H130" s="113">
        <v>0</v>
      </c>
      <c r="I130" s="113">
        <v>0</v>
      </c>
      <c r="J130" s="115">
        <v>1</v>
      </c>
      <c r="K130" s="211">
        <v>1</v>
      </c>
      <c r="L130" s="115">
        <v>1</v>
      </c>
      <c r="M130" s="115">
        <v>0</v>
      </c>
      <c r="N130" s="115">
        <v>1</v>
      </c>
      <c r="O130" s="115">
        <v>0</v>
      </c>
      <c r="P130" s="115" t="s">
        <v>400</v>
      </c>
      <c r="Q130" s="115" t="s">
        <v>400</v>
      </c>
      <c r="R130" s="115">
        <v>0</v>
      </c>
      <c r="S130" s="115">
        <v>0</v>
      </c>
      <c r="T130" s="115">
        <v>0</v>
      </c>
      <c r="U130" s="119"/>
      <c r="V130" s="119"/>
      <c r="W130" s="119"/>
      <c r="X130" s="119"/>
      <c r="Y130" s="119"/>
      <c r="Z130" s="119"/>
      <c r="AA130" s="119"/>
      <c r="AB130" s="119"/>
      <c r="AC130" s="119"/>
      <c r="AD130" s="119"/>
      <c r="AE130" s="119"/>
      <c r="AF130" s="119"/>
      <c r="AG130" s="119"/>
      <c r="AH130" s="119"/>
      <c r="AI130" s="119"/>
      <c r="AJ130" s="119"/>
      <c r="AK130" s="119"/>
      <c r="AL130" s="119"/>
      <c r="AM130" s="119"/>
      <c r="AN130" s="119"/>
      <c r="AO130" s="119"/>
      <c r="AP130" s="119"/>
      <c r="AQ130" s="119"/>
      <c r="AR130" s="119"/>
      <c r="AS130" s="119"/>
      <c r="AT130" s="119"/>
      <c r="AU130" s="119"/>
      <c r="AV130" s="119"/>
      <c r="AW130" s="119"/>
      <c r="AX130" s="119"/>
      <c r="AY130" s="119"/>
      <c r="AZ130" s="119"/>
      <c r="BA130" s="119"/>
      <c r="BB130" s="107">
        <v>45884</v>
      </c>
    </row>
    <row r="131" spans="1:54" s="207" customFormat="1" ht="13.95" customHeight="1" x14ac:dyDescent="0.25">
      <c r="A131" s="208" t="s">
        <v>416</v>
      </c>
      <c r="B131" s="209" t="s">
        <v>20420</v>
      </c>
      <c r="C131" s="113" t="s">
        <v>417</v>
      </c>
      <c r="D131" s="113" t="s">
        <v>22422</v>
      </c>
      <c r="E131" s="210">
        <v>1984</v>
      </c>
      <c r="F131" s="210">
        <v>179</v>
      </c>
      <c r="G131" s="113" t="s">
        <v>1</v>
      </c>
      <c r="H131" s="113">
        <v>0</v>
      </c>
      <c r="I131" s="113">
        <v>0</v>
      </c>
      <c r="J131" s="115">
        <v>1</v>
      </c>
      <c r="K131" s="116" t="s">
        <v>174</v>
      </c>
      <c r="L131" s="115">
        <v>0</v>
      </c>
      <c r="M131" s="115">
        <v>0</v>
      </c>
      <c r="N131" s="115">
        <v>1</v>
      </c>
      <c r="O131" s="115">
        <v>0</v>
      </c>
      <c r="P131" s="115">
        <v>1</v>
      </c>
      <c r="Q131" s="115" t="s">
        <v>400</v>
      </c>
      <c r="R131" s="115">
        <v>0</v>
      </c>
      <c r="S131" s="115">
        <v>0</v>
      </c>
      <c r="T131" s="115">
        <v>0</v>
      </c>
      <c r="U131" s="119"/>
      <c r="V131" s="119"/>
      <c r="W131" s="119"/>
      <c r="X131" s="119"/>
      <c r="Y131" s="119"/>
      <c r="Z131" s="119"/>
      <c r="AA131" s="119"/>
      <c r="AB131" s="119"/>
      <c r="AC131" s="119"/>
      <c r="AD131" s="119"/>
      <c r="AE131" s="119"/>
      <c r="AF131" s="119"/>
      <c r="AG131" s="119"/>
      <c r="AH131" s="119"/>
      <c r="AI131" s="119"/>
      <c r="AJ131" s="119"/>
      <c r="AK131" s="119"/>
      <c r="AL131" s="119"/>
      <c r="AM131" s="119"/>
      <c r="AN131" s="119"/>
      <c r="AO131" s="119"/>
      <c r="AP131" s="119"/>
      <c r="AQ131" s="119"/>
      <c r="AR131" s="119"/>
      <c r="AS131" s="119"/>
      <c r="AT131" s="119"/>
      <c r="AU131" s="119"/>
      <c r="AV131" s="119"/>
      <c r="AW131" s="119"/>
      <c r="AX131" s="119"/>
      <c r="AY131" s="119"/>
      <c r="AZ131" s="119"/>
      <c r="BA131" s="119"/>
      <c r="BB131" s="107">
        <v>45884</v>
      </c>
    </row>
    <row r="132" spans="1:54" s="207" customFormat="1" ht="13.95" customHeight="1" x14ac:dyDescent="0.25">
      <c r="A132" s="208" t="s">
        <v>418</v>
      </c>
      <c r="B132" s="209" t="s">
        <v>20420</v>
      </c>
      <c r="C132" s="113" t="s">
        <v>419</v>
      </c>
      <c r="D132" s="113" t="s">
        <v>22423</v>
      </c>
      <c r="E132" s="210">
        <v>1980</v>
      </c>
      <c r="F132" s="210">
        <v>180</v>
      </c>
      <c r="G132" s="113" t="s">
        <v>1</v>
      </c>
      <c r="H132" s="113">
        <v>0</v>
      </c>
      <c r="I132" s="113">
        <v>0</v>
      </c>
      <c r="J132" s="115">
        <v>1</v>
      </c>
      <c r="K132" s="116" t="s">
        <v>174</v>
      </c>
      <c r="L132" s="115">
        <v>0</v>
      </c>
      <c r="M132" s="115">
        <v>0</v>
      </c>
      <c r="N132" s="115">
        <v>0</v>
      </c>
      <c r="O132" s="115">
        <v>0</v>
      </c>
      <c r="P132" s="115" t="s">
        <v>400</v>
      </c>
      <c r="Q132" s="115" t="s">
        <v>400</v>
      </c>
      <c r="R132" s="115">
        <v>0</v>
      </c>
      <c r="S132" s="115">
        <v>0</v>
      </c>
      <c r="T132" s="115">
        <v>0</v>
      </c>
      <c r="U132" s="119"/>
      <c r="V132" s="119"/>
      <c r="W132" s="119"/>
      <c r="X132" s="119"/>
      <c r="Y132" s="119"/>
      <c r="Z132" s="119"/>
      <c r="AA132" s="119"/>
      <c r="AB132" s="119"/>
      <c r="AC132" s="119"/>
      <c r="AD132" s="119"/>
      <c r="AE132" s="119"/>
      <c r="AF132" s="119"/>
      <c r="AG132" s="119"/>
      <c r="AH132" s="119"/>
      <c r="AI132" s="119"/>
      <c r="AJ132" s="119"/>
      <c r="AK132" s="119"/>
      <c r="AL132" s="119"/>
      <c r="AM132" s="119"/>
      <c r="AN132" s="119"/>
      <c r="AO132" s="119"/>
      <c r="AP132" s="119"/>
      <c r="AQ132" s="119"/>
      <c r="AR132" s="119"/>
      <c r="AS132" s="119"/>
      <c r="AT132" s="119"/>
      <c r="AU132" s="119"/>
      <c r="AV132" s="119"/>
      <c r="AW132" s="119"/>
      <c r="AX132" s="119"/>
      <c r="AY132" s="119"/>
      <c r="AZ132" s="119"/>
      <c r="BA132" s="119"/>
      <c r="BB132" s="107">
        <v>45884</v>
      </c>
    </row>
    <row r="133" spans="1:54" s="207" customFormat="1" ht="13.95" customHeight="1" x14ac:dyDescent="0.25">
      <c r="A133" s="208" t="s">
        <v>420</v>
      </c>
      <c r="B133" s="209" t="s">
        <v>20420</v>
      </c>
      <c r="C133" s="113" t="s">
        <v>421</v>
      </c>
      <c r="D133" s="113" t="s">
        <v>22424</v>
      </c>
      <c r="E133" s="210">
        <v>1976</v>
      </c>
      <c r="F133" s="210">
        <v>180</v>
      </c>
      <c r="G133" s="113" t="s">
        <v>1</v>
      </c>
      <c r="H133" s="113">
        <v>0</v>
      </c>
      <c r="I133" s="113">
        <v>0</v>
      </c>
      <c r="J133" s="115">
        <v>1</v>
      </c>
      <c r="K133" s="116" t="s">
        <v>174</v>
      </c>
      <c r="L133" s="115">
        <v>0</v>
      </c>
      <c r="M133" s="115">
        <v>0</v>
      </c>
      <c r="N133" s="115">
        <v>0</v>
      </c>
      <c r="O133" s="115">
        <v>0</v>
      </c>
      <c r="P133" s="115" t="s">
        <v>400</v>
      </c>
      <c r="Q133" s="115" t="s">
        <v>400</v>
      </c>
      <c r="R133" s="115">
        <v>0</v>
      </c>
      <c r="S133" s="115">
        <v>0</v>
      </c>
      <c r="T133" s="115">
        <v>0</v>
      </c>
      <c r="U133" s="119"/>
      <c r="V133" s="119"/>
      <c r="W133" s="119"/>
      <c r="X133" s="119"/>
      <c r="Y133" s="119"/>
      <c r="Z133" s="119"/>
      <c r="AA133" s="119"/>
      <c r="AB133" s="119"/>
      <c r="AC133" s="119"/>
      <c r="AD133" s="119"/>
      <c r="AE133" s="119"/>
      <c r="AF133" s="119"/>
      <c r="AG133" s="119"/>
      <c r="AH133" s="119"/>
      <c r="AI133" s="119"/>
      <c r="AJ133" s="119"/>
      <c r="AK133" s="119"/>
      <c r="AL133" s="119"/>
      <c r="AM133" s="119"/>
      <c r="AN133" s="119"/>
      <c r="AO133" s="119"/>
      <c r="AP133" s="119"/>
      <c r="AQ133" s="119"/>
      <c r="AR133" s="119"/>
      <c r="AS133" s="119"/>
      <c r="AT133" s="119"/>
      <c r="AU133" s="119"/>
      <c r="AV133" s="119"/>
      <c r="AW133" s="119"/>
      <c r="AX133" s="119"/>
      <c r="AY133" s="119"/>
      <c r="AZ133" s="119"/>
      <c r="BA133" s="119"/>
      <c r="BB133" s="107">
        <v>45884</v>
      </c>
    </row>
    <row r="134" spans="1:54" s="207" customFormat="1" ht="13.95" customHeight="1" x14ac:dyDescent="0.25">
      <c r="A134" s="208" t="s">
        <v>422</v>
      </c>
      <c r="B134" s="209" t="s">
        <v>20420</v>
      </c>
      <c r="C134" s="113" t="s">
        <v>423</v>
      </c>
      <c r="D134" s="113" t="s">
        <v>22425</v>
      </c>
      <c r="E134" s="210">
        <v>1985</v>
      </c>
      <c r="F134" s="210">
        <v>181</v>
      </c>
      <c r="G134" s="113" t="s">
        <v>1</v>
      </c>
      <c r="H134" s="113">
        <v>0</v>
      </c>
      <c r="I134" s="113">
        <v>0</v>
      </c>
      <c r="J134" s="115">
        <v>1</v>
      </c>
      <c r="K134" s="211">
        <v>1</v>
      </c>
      <c r="L134" s="115">
        <v>0</v>
      </c>
      <c r="M134" s="115">
        <v>0</v>
      </c>
      <c r="N134" s="115">
        <v>0</v>
      </c>
      <c r="O134" s="115">
        <v>0</v>
      </c>
      <c r="P134" s="115">
        <v>1</v>
      </c>
      <c r="Q134" s="115" t="s">
        <v>400</v>
      </c>
      <c r="R134" s="115">
        <v>0</v>
      </c>
      <c r="S134" s="115">
        <v>0</v>
      </c>
      <c r="T134" s="115">
        <v>0</v>
      </c>
      <c r="U134" s="119"/>
      <c r="V134" s="119"/>
      <c r="W134" s="119"/>
      <c r="X134" s="119"/>
      <c r="Y134" s="119"/>
      <c r="Z134" s="119"/>
      <c r="AA134" s="119"/>
      <c r="AB134" s="119"/>
      <c r="AC134" s="119"/>
      <c r="AD134" s="119"/>
      <c r="AE134" s="119"/>
      <c r="AF134" s="119"/>
      <c r="AG134" s="119"/>
      <c r="AH134" s="119"/>
      <c r="AI134" s="119"/>
      <c r="AJ134" s="119"/>
      <c r="AK134" s="119"/>
      <c r="AL134" s="119"/>
      <c r="AM134" s="119"/>
      <c r="AN134" s="119"/>
      <c r="AO134" s="119"/>
      <c r="AP134" s="119"/>
      <c r="AQ134" s="119"/>
      <c r="AR134" s="119"/>
      <c r="AS134" s="119"/>
      <c r="AT134" s="119"/>
      <c r="AU134" s="119"/>
      <c r="AV134" s="119"/>
      <c r="AW134" s="119"/>
      <c r="AX134" s="119"/>
      <c r="AY134" s="119"/>
      <c r="AZ134" s="119"/>
      <c r="BA134" s="119"/>
      <c r="BB134" s="107">
        <v>45884</v>
      </c>
    </row>
    <row r="135" spans="1:54" s="207" customFormat="1" ht="13.95" customHeight="1" x14ac:dyDescent="0.25">
      <c r="A135" s="208" t="s">
        <v>424</v>
      </c>
      <c r="B135" s="209" t="s">
        <v>20420</v>
      </c>
      <c r="C135" s="113" t="s">
        <v>425</v>
      </c>
      <c r="D135" s="113" t="s">
        <v>426</v>
      </c>
      <c r="E135" s="210">
        <v>1983</v>
      </c>
      <c r="F135" s="210">
        <v>182</v>
      </c>
      <c r="G135" s="113" t="s">
        <v>1</v>
      </c>
      <c r="H135" s="113">
        <v>0</v>
      </c>
      <c r="I135" s="113">
        <v>0</v>
      </c>
      <c r="J135" s="115">
        <v>1</v>
      </c>
      <c r="K135" s="211">
        <v>1</v>
      </c>
      <c r="L135" s="115">
        <v>1</v>
      </c>
      <c r="M135" s="115">
        <v>0</v>
      </c>
      <c r="N135" s="115">
        <v>1</v>
      </c>
      <c r="O135" s="115">
        <v>0</v>
      </c>
      <c r="P135" s="115" t="s">
        <v>400</v>
      </c>
      <c r="Q135" s="115" t="s">
        <v>400</v>
      </c>
      <c r="R135" s="115">
        <v>0</v>
      </c>
      <c r="S135" s="115">
        <v>0</v>
      </c>
      <c r="T135" s="115">
        <v>0</v>
      </c>
      <c r="U135" s="119"/>
      <c r="V135" s="119"/>
      <c r="W135" s="119"/>
      <c r="X135" s="119"/>
      <c r="Y135" s="119"/>
      <c r="Z135" s="119"/>
      <c r="AA135" s="119"/>
      <c r="AB135" s="119"/>
      <c r="AC135" s="119"/>
      <c r="AD135" s="119"/>
      <c r="AE135" s="119"/>
      <c r="AF135" s="119"/>
      <c r="AG135" s="119"/>
      <c r="AH135" s="119"/>
      <c r="AI135" s="119"/>
      <c r="AJ135" s="119"/>
      <c r="AK135" s="119"/>
      <c r="AL135" s="119"/>
      <c r="AM135" s="119"/>
      <c r="AN135" s="119"/>
      <c r="AO135" s="119"/>
      <c r="AP135" s="119"/>
      <c r="AQ135" s="119"/>
      <c r="AR135" s="119"/>
      <c r="AS135" s="119"/>
      <c r="AT135" s="119"/>
      <c r="AU135" s="119"/>
      <c r="AV135" s="119"/>
      <c r="AW135" s="119"/>
      <c r="AX135" s="119"/>
      <c r="AY135" s="119"/>
      <c r="AZ135" s="119"/>
      <c r="BA135" s="119"/>
      <c r="BB135" s="107">
        <v>45884</v>
      </c>
    </row>
    <row r="136" spans="1:54" s="207" customFormat="1" ht="13.95" customHeight="1" x14ac:dyDescent="0.25">
      <c r="A136" s="208" t="s">
        <v>427</v>
      </c>
      <c r="B136" s="209" t="s">
        <v>20420</v>
      </c>
      <c r="C136" s="113" t="s">
        <v>428</v>
      </c>
      <c r="D136" s="113" t="s">
        <v>429</v>
      </c>
      <c r="E136" s="210">
        <v>2004</v>
      </c>
      <c r="F136" s="210">
        <v>182</v>
      </c>
      <c r="G136" s="113" t="s">
        <v>1</v>
      </c>
      <c r="H136" s="113">
        <v>0</v>
      </c>
      <c r="I136" s="113">
        <v>0</v>
      </c>
      <c r="J136" s="115">
        <v>1</v>
      </c>
      <c r="K136" s="116" t="s">
        <v>174</v>
      </c>
      <c r="L136" s="212">
        <v>0</v>
      </c>
      <c r="M136" s="115">
        <v>0</v>
      </c>
      <c r="N136" s="115">
        <v>0</v>
      </c>
      <c r="O136" s="115">
        <v>0</v>
      </c>
      <c r="P136" s="115" t="s">
        <v>400</v>
      </c>
      <c r="Q136" s="115" t="s">
        <v>400</v>
      </c>
      <c r="R136" s="115">
        <v>0</v>
      </c>
      <c r="S136" s="115">
        <v>0</v>
      </c>
      <c r="T136" s="115">
        <v>0</v>
      </c>
      <c r="U136" s="119"/>
      <c r="V136" s="119"/>
      <c r="W136" s="119"/>
      <c r="X136" s="119"/>
      <c r="Y136" s="119"/>
      <c r="Z136" s="119"/>
      <c r="AA136" s="119"/>
      <c r="AB136" s="119"/>
      <c r="AC136" s="119"/>
      <c r="AD136" s="119"/>
      <c r="AE136" s="119"/>
      <c r="AF136" s="119"/>
      <c r="AG136" s="119"/>
      <c r="AH136" s="119"/>
      <c r="AI136" s="119"/>
      <c r="AJ136" s="119"/>
      <c r="AK136" s="119"/>
      <c r="AL136" s="119"/>
      <c r="AM136" s="119"/>
      <c r="AN136" s="119"/>
      <c r="AO136" s="119"/>
      <c r="AP136" s="119"/>
      <c r="AQ136" s="119"/>
      <c r="AR136" s="119"/>
      <c r="AS136" s="119"/>
      <c r="AT136" s="119"/>
      <c r="AU136" s="119"/>
      <c r="AV136" s="119"/>
      <c r="AW136" s="119"/>
      <c r="AX136" s="119"/>
      <c r="AY136" s="119"/>
      <c r="AZ136" s="119"/>
      <c r="BA136" s="119"/>
      <c r="BB136" s="107">
        <v>45884</v>
      </c>
    </row>
    <row r="137" spans="1:54" s="207" customFormat="1" ht="13.95" customHeight="1" x14ac:dyDescent="0.25">
      <c r="A137" s="208" t="s">
        <v>430</v>
      </c>
      <c r="B137" s="209" t="s">
        <v>20420</v>
      </c>
      <c r="C137" s="113" t="s">
        <v>431</v>
      </c>
      <c r="D137" s="113" t="s">
        <v>432</v>
      </c>
      <c r="E137" s="210">
        <v>1979</v>
      </c>
      <c r="F137" s="210">
        <v>183</v>
      </c>
      <c r="G137" s="113" t="s">
        <v>1</v>
      </c>
      <c r="H137" s="113">
        <v>0</v>
      </c>
      <c r="I137" s="113">
        <v>0</v>
      </c>
      <c r="J137" s="115">
        <v>1</v>
      </c>
      <c r="K137" s="116" t="s">
        <v>174</v>
      </c>
      <c r="L137" s="115">
        <v>0</v>
      </c>
      <c r="M137" s="115">
        <v>0</v>
      </c>
      <c r="N137" s="115">
        <v>0</v>
      </c>
      <c r="O137" s="115">
        <v>0</v>
      </c>
      <c r="P137" s="115" t="s">
        <v>400</v>
      </c>
      <c r="Q137" s="115" t="s">
        <v>400</v>
      </c>
      <c r="R137" s="115">
        <v>0</v>
      </c>
      <c r="S137" s="115">
        <v>0</v>
      </c>
      <c r="T137" s="115">
        <v>0</v>
      </c>
      <c r="U137" s="119"/>
      <c r="V137" s="119"/>
      <c r="W137" s="119"/>
      <c r="X137" s="119"/>
      <c r="Y137" s="119"/>
      <c r="Z137" s="119"/>
      <c r="AA137" s="119"/>
      <c r="AB137" s="119"/>
      <c r="AC137" s="119"/>
      <c r="AD137" s="119"/>
      <c r="AE137" s="119"/>
      <c r="AF137" s="119"/>
      <c r="AG137" s="119"/>
      <c r="AH137" s="119"/>
      <c r="AI137" s="119"/>
      <c r="AJ137" s="119"/>
      <c r="AK137" s="119"/>
      <c r="AL137" s="119"/>
      <c r="AM137" s="119"/>
      <c r="AN137" s="119"/>
      <c r="AO137" s="119"/>
      <c r="AP137" s="119"/>
      <c r="AQ137" s="119"/>
      <c r="AR137" s="119"/>
      <c r="AS137" s="119"/>
      <c r="AT137" s="119"/>
      <c r="AU137" s="119"/>
      <c r="AV137" s="119"/>
      <c r="AW137" s="119"/>
      <c r="AX137" s="119"/>
      <c r="AY137" s="119"/>
      <c r="AZ137" s="119"/>
      <c r="BA137" s="119"/>
      <c r="BB137" s="107">
        <v>45884</v>
      </c>
    </row>
    <row r="138" spans="1:54" s="207" customFormat="1" ht="13.95" customHeight="1" x14ac:dyDescent="0.25">
      <c r="A138" s="208" t="s">
        <v>433</v>
      </c>
      <c r="B138" s="209" t="s">
        <v>20420</v>
      </c>
      <c r="C138" s="113" t="s">
        <v>434</v>
      </c>
      <c r="D138" s="113" t="s">
        <v>435</v>
      </c>
      <c r="E138" s="210">
        <v>2005</v>
      </c>
      <c r="F138" s="210">
        <v>184</v>
      </c>
      <c r="G138" s="113" t="s">
        <v>1</v>
      </c>
      <c r="H138" s="113">
        <v>0</v>
      </c>
      <c r="I138" s="113">
        <v>0</v>
      </c>
      <c r="J138" s="115">
        <v>1</v>
      </c>
      <c r="K138" s="211">
        <v>1</v>
      </c>
      <c r="L138" s="115">
        <v>1</v>
      </c>
      <c r="M138" s="115">
        <v>0</v>
      </c>
      <c r="N138" s="115">
        <v>0</v>
      </c>
      <c r="O138" s="115">
        <v>0</v>
      </c>
      <c r="P138" s="115" t="s">
        <v>400</v>
      </c>
      <c r="Q138" s="115" t="s">
        <v>400</v>
      </c>
      <c r="R138" s="115">
        <v>0</v>
      </c>
      <c r="S138" s="115">
        <v>0</v>
      </c>
      <c r="T138" s="115">
        <v>0</v>
      </c>
      <c r="U138" s="119"/>
      <c r="V138" s="119"/>
      <c r="W138" s="119"/>
      <c r="X138" s="119"/>
      <c r="Y138" s="119"/>
      <c r="Z138" s="119"/>
      <c r="AA138" s="119"/>
      <c r="AB138" s="119"/>
      <c r="AC138" s="119"/>
      <c r="AD138" s="119"/>
      <c r="AE138" s="119"/>
      <c r="AF138" s="119"/>
      <c r="AG138" s="119"/>
      <c r="AH138" s="119"/>
      <c r="AI138" s="119"/>
      <c r="AJ138" s="119"/>
      <c r="AK138" s="119"/>
      <c r="AL138" s="119"/>
      <c r="AM138" s="119"/>
      <c r="AN138" s="119"/>
      <c r="AO138" s="119"/>
      <c r="AP138" s="119"/>
      <c r="AQ138" s="119"/>
      <c r="AR138" s="119"/>
      <c r="AS138" s="119"/>
      <c r="AT138" s="119"/>
      <c r="AU138" s="119"/>
      <c r="AV138" s="119"/>
      <c r="AW138" s="119"/>
      <c r="AX138" s="119"/>
      <c r="AY138" s="119"/>
      <c r="AZ138" s="119"/>
      <c r="BA138" s="119"/>
      <c r="BB138" s="107">
        <v>45884</v>
      </c>
    </row>
    <row r="139" spans="1:54" s="207" customFormat="1" ht="13.95" customHeight="1" x14ac:dyDescent="0.25">
      <c r="A139" s="208" t="s">
        <v>436</v>
      </c>
      <c r="B139" s="209" t="s">
        <v>20420</v>
      </c>
      <c r="C139" s="113" t="s">
        <v>437</v>
      </c>
      <c r="D139" s="113" t="s">
        <v>22426</v>
      </c>
      <c r="E139" s="210">
        <v>1975</v>
      </c>
      <c r="F139" s="210">
        <v>185</v>
      </c>
      <c r="G139" s="113" t="s">
        <v>1</v>
      </c>
      <c r="H139" s="113">
        <v>0</v>
      </c>
      <c r="I139" s="113">
        <v>0</v>
      </c>
      <c r="J139" s="115">
        <v>1</v>
      </c>
      <c r="K139" s="116" t="s">
        <v>174</v>
      </c>
      <c r="L139" s="115">
        <v>1</v>
      </c>
      <c r="M139" s="115">
        <v>0</v>
      </c>
      <c r="N139" s="115">
        <v>0</v>
      </c>
      <c r="O139" s="115">
        <v>0</v>
      </c>
      <c r="P139" s="115">
        <v>1</v>
      </c>
      <c r="Q139" s="115" t="s">
        <v>400</v>
      </c>
      <c r="R139" s="115">
        <v>0</v>
      </c>
      <c r="S139" s="115">
        <v>0</v>
      </c>
      <c r="T139" s="115">
        <v>0</v>
      </c>
      <c r="U139" s="119"/>
      <c r="V139" s="119"/>
      <c r="W139" s="119"/>
      <c r="X139" s="119"/>
      <c r="Y139" s="119"/>
      <c r="Z139" s="119"/>
      <c r="AA139" s="119"/>
      <c r="AB139" s="119"/>
      <c r="AC139" s="119"/>
      <c r="AD139" s="119"/>
      <c r="AE139" s="119"/>
      <c r="AF139" s="119"/>
      <c r="AG139" s="119"/>
      <c r="AH139" s="119"/>
      <c r="AI139" s="119"/>
      <c r="AJ139" s="119"/>
      <c r="AK139" s="119"/>
      <c r="AL139" s="119"/>
      <c r="AM139" s="119"/>
      <c r="AN139" s="119"/>
      <c r="AO139" s="119"/>
      <c r="AP139" s="119"/>
      <c r="AQ139" s="119"/>
      <c r="AR139" s="119"/>
      <c r="AS139" s="119"/>
      <c r="AT139" s="119"/>
      <c r="AU139" s="119"/>
      <c r="AV139" s="119"/>
      <c r="AW139" s="119"/>
      <c r="AX139" s="119"/>
      <c r="AY139" s="119"/>
      <c r="AZ139" s="119"/>
      <c r="BA139" s="119"/>
      <c r="BB139" s="107">
        <v>45884</v>
      </c>
    </row>
    <row r="140" spans="1:54" s="207" customFormat="1" ht="13.95" customHeight="1" x14ac:dyDescent="0.25">
      <c r="A140" s="208" t="s">
        <v>438</v>
      </c>
      <c r="B140" s="209" t="s">
        <v>20420</v>
      </c>
      <c r="C140" s="113" t="s">
        <v>439</v>
      </c>
      <c r="D140" s="113" t="s">
        <v>22427</v>
      </c>
      <c r="E140" s="210">
        <v>1979</v>
      </c>
      <c r="F140" s="210">
        <v>185</v>
      </c>
      <c r="G140" s="113" t="s">
        <v>1</v>
      </c>
      <c r="H140" s="113">
        <v>0</v>
      </c>
      <c r="I140" s="113">
        <v>0</v>
      </c>
      <c r="J140" s="115">
        <v>1</v>
      </c>
      <c r="K140" s="116" t="s">
        <v>174</v>
      </c>
      <c r="L140" s="115">
        <v>1</v>
      </c>
      <c r="M140" s="115">
        <v>1</v>
      </c>
      <c r="N140" s="115">
        <v>0</v>
      </c>
      <c r="O140" s="115">
        <v>0</v>
      </c>
      <c r="P140" s="115" t="s">
        <v>400</v>
      </c>
      <c r="Q140" s="115" t="s">
        <v>400</v>
      </c>
      <c r="R140" s="115">
        <v>0</v>
      </c>
      <c r="S140" s="115">
        <v>0</v>
      </c>
      <c r="T140" s="115">
        <v>0</v>
      </c>
      <c r="U140" s="119"/>
      <c r="V140" s="119"/>
      <c r="W140" s="119"/>
      <c r="X140" s="119"/>
      <c r="Y140" s="119"/>
      <c r="Z140" s="119"/>
      <c r="AA140" s="119"/>
      <c r="AB140" s="119"/>
      <c r="AC140" s="119"/>
      <c r="AD140" s="119"/>
      <c r="AE140" s="119"/>
      <c r="AF140" s="119"/>
      <c r="AG140" s="119"/>
      <c r="AH140" s="119"/>
      <c r="AI140" s="119"/>
      <c r="AJ140" s="119"/>
      <c r="AK140" s="119"/>
      <c r="AL140" s="119"/>
      <c r="AM140" s="119"/>
      <c r="AN140" s="119"/>
      <c r="AO140" s="119"/>
      <c r="AP140" s="119"/>
      <c r="AQ140" s="119"/>
      <c r="AR140" s="119"/>
      <c r="AS140" s="119"/>
      <c r="AT140" s="119"/>
      <c r="AU140" s="119"/>
      <c r="AV140" s="119"/>
      <c r="AW140" s="119"/>
      <c r="AX140" s="119"/>
      <c r="AY140" s="119"/>
      <c r="AZ140" s="119"/>
      <c r="BA140" s="119"/>
      <c r="BB140" s="107">
        <v>45884</v>
      </c>
    </row>
    <row r="141" spans="1:54" s="207" customFormat="1" ht="13.95" customHeight="1" x14ac:dyDescent="0.25">
      <c r="A141" s="208" t="s">
        <v>440</v>
      </c>
      <c r="B141" s="209" t="s">
        <v>20420</v>
      </c>
      <c r="C141" s="113" t="s">
        <v>441</v>
      </c>
      <c r="D141" s="113" t="s">
        <v>22428</v>
      </c>
      <c r="E141" s="210">
        <v>1985</v>
      </c>
      <c r="F141" s="210">
        <v>186</v>
      </c>
      <c r="G141" s="113" t="s">
        <v>1</v>
      </c>
      <c r="H141" s="113">
        <v>0</v>
      </c>
      <c r="I141" s="113">
        <v>0</v>
      </c>
      <c r="J141" s="115">
        <v>1</v>
      </c>
      <c r="K141" s="211">
        <v>1</v>
      </c>
      <c r="L141" s="115">
        <v>1</v>
      </c>
      <c r="M141" s="115">
        <v>0</v>
      </c>
      <c r="N141" s="115">
        <v>0</v>
      </c>
      <c r="O141" s="115">
        <v>0</v>
      </c>
      <c r="P141" s="115" t="s">
        <v>400</v>
      </c>
      <c r="Q141" s="115" t="s">
        <v>400</v>
      </c>
      <c r="R141" s="115">
        <v>0</v>
      </c>
      <c r="S141" s="115">
        <v>0</v>
      </c>
      <c r="T141" s="115">
        <v>0</v>
      </c>
      <c r="U141" s="119"/>
      <c r="V141" s="119"/>
      <c r="W141" s="119"/>
      <c r="X141" s="119"/>
      <c r="Y141" s="119"/>
      <c r="Z141" s="119"/>
      <c r="AA141" s="119"/>
      <c r="AB141" s="119"/>
      <c r="AC141" s="119"/>
      <c r="AD141" s="119"/>
      <c r="AE141" s="119"/>
      <c r="AF141" s="119"/>
      <c r="AG141" s="119"/>
      <c r="AH141" s="119"/>
      <c r="AI141" s="119"/>
      <c r="AJ141" s="119"/>
      <c r="AK141" s="119"/>
      <c r="AL141" s="119"/>
      <c r="AM141" s="119"/>
      <c r="AN141" s="119"/>
      <c r="AO141" s="119"/>
      <c r="AP141" s="119"/>
      <c r="AQ141" s="119"/>
      <c r="AR141" s="119"/>
      <c r="AS141" s="119"/>
      <c r="AT141" s="119"/>
      <c r="AU141" s="119"/>
      <c r="AV141" s="119"/>
      <c r="AW141" s="119"/>
      <c r="AX141" s="119"/>
      <c r="AY141" s="119"/>
      <c r="AZ141" s="119"/>
      <c r="BA141" s="119"/>
      <c r="BB141" s="107">
        <v>45884</v>
      </c>
    </row>
    <row r="142" spans="1:54" s="207" customFormat="1" ht="13.95" customHeight="1" x14ac:dyDescent="0.25">
      <c r="A142" s="208" t="s">
        <v>442</v>
      </c>
      <c r="B142" s="209" t="s">
        <v>20420</v>
      </c>
      <c r="C142" s="113" t="s">
        <v>21930</v>
      </c>
      <c r="D142" s="113" t="s">
        <v>22429</v>
      </c>
      <c r="E142" s="210">
        <v>1977</v>
      </c>
      <c r="F142" s="210">
        <v>186</v>
      </c>
      <c r="G142" s="113" t="s">
        <v>1</v>
      </c>
      <c r="H142" s="113">
        <v>0</v>
      </c>
      <c r="I142" s="113">
        <v>0</v>
      </c>
      <c r="J142" s="115">
        <v>1</v>
      </c>
      <c r="K142" s="116" t="s">
        <v>174</v>
      </c>
      <c r="L142" s="115">
        <v>0</v>
      </c>
      <c r="M142" s="115">
        <v>0</v>
      </c>
      <c r="N142" s="115">
        <v>0</v>
      </c>
      <c r="O142" s="115">
        <v>1</v>
      </c>
      <c r="P142" s="115" t="s">
        <v>400</v>
      </c>
      <c r="Q142" s="115" t="s">
        <v>400</v>
      </c>
      <c r="R142" s="115">
        <v>0</v>
      </c>
      <c r="S142" s="115">
        <v>0</v>
      </c>
      <c r="T142" s="115">
        <v>0</v>
      </c>
      <c r="U142" s="119"/>
      <c r="V142" s="119"/>
      <c r="W142" s="119"/>
      <c r="X142" s="119"/>
      <c r="Y142" s="119"/>
      <c r="Z142" s="119"/>
      <c r="AA142" s="119"/>
      <c r="AB142" s="119"/>
      <c r="AC142" s="119"/>
      <c r="AD142" s="119"/>
      <c r="AE142" s="119"/>
      <c r="AF142" s="119"/>
      <c r="AG142" s="119"/>
      <c r="AH142" s="119"/>
      <c r="AI142" s="119"/>
      <c r="AJ142" s="119"/>
      <c r="AK142" s="119"/>
      <c r="AL142" s="119"/>
      <c r="AM142" s="119"/>
      <c r="AN142" s="119"/>
      <c r="AO142" s="119"/>
      <c r="AP142" s="119"/>
      <c r="AQ142" s="119"/>
      <c r="AR142" s="119"/>
      <c r="AS142" s="119"/>
      <c r="AT142" s="119"/>
      <c r="AU142" s="119"/>
      <c r="AV142" s="119"/>
      <c r="AW142" s="119"/>
      <c r="AX142" s="119"/>
      <c r="AY142" s="119"/>
      <c r="AZ142" s="119"/>
      <c r="BA142" s="119"/>
      <c r="BB142" s="107">
        <v>45884</v>
      </c>
    </row>
    <row r="143" spans="1:54" s="207" customFormat="1" ht="13.95" customHeight="1" x14ac:dyDescent="0.25">
      <c r="A143" s="208" t="s">
        <v>443</v>
      </c>
      <c r="B143" s="209" t="s">
        <v>20420</v>
      </c>
      <c r="C143" s="113" t="s">
        <v>444</v>
      </c>
      <c r="D143" s="113" t="s">
        <v>22430</v>
      </c>
      <c r="E143" s="210">
        <v>1983</v>
      </c>
      <c r="F143" s="210">
        <v>187</v>
      </c>
      <c r="G143" s="113" t="s">
        <v>1</v>
      </c>
      <c r="H143" s="113">
        <v>0</v>
      </c>
      <c r="I143" s="113">
        <v>0</v>
      </c>
      <c r="J143" s="115">
        <v>1</v>
      </c>
      <c r="K143" s="116" t="s">
        <v>174</v>
      </c>
      <c r="L143" s="115">
        <v>1</v>
      </c>
      <c r="M143" s="115">
        <v>0</v>
      </c>
      <c r="N143" s="115">
        <v>0</v>
      </c>
      <c r="O143" s="115">
        <v>0</v>
      </c>
      <c r="P143" s="115" t="s">
        <v>400</v>
      </c>
      <c r="Q143" s="115" t="s">
        <v>400</v>
      </c>
      <c r="R143" s="115">
        <v>0</v>
      </c>
      <c r="S143" s="115">
        <v>0</v>
      </c>
      <c r="T143" s="115">
        <v>0</v>
      </c>
      <c r="U143" s="119"/>
      <c r="V143" s="119"/>
      <c r="W143" s="119"/>
      <c r="X143" s="119"/>
      <c r="Y143" s="119"/>
      <c r="Z143" s="119"/>
      <c r="AA143" s="119"/>
      <c r="AB143" s="119"/>
      <c r="AC143" s="119"/>
      <c r="AD143" s="119"/>
      <c r="AE143" s="119"/>
      <c r="AF143" s="119"/>
      <c r="AG143" s="119"/>
      <c r="AH143" s="119"/>
      <c r="AI143" s="119"/>
      <c r="AJ143" s="119"/>
      <c r="AK143" s="119"/>
      <c r="AL143" s="119"/>
      <c r="AM143" s="119"/>
      <c r="AN143" s="119"/>
      <c r="AO143" s="119"/>
      <c r="AP143" s="119"/>
      <c r="AQ143" s="119"/>
      <c r="AR143" s="119"/>
      <c r="AS143" s="119"/>
      <c r="AT143" s="119"/>
      <c r="AU143" s="119"/>
      <c r="AV143" s="119"/>
      <c r="AW143" s="119"/>
      <c r="AX143" s="119"/>
      <c r="AY143" s="119"/>
      <c r="AZ143" s="119"/>
      <c r="BA143" s="119"/>
      <c r="BB143" s="107">
        <v>45884</v>
      </c>
    </row>
    <row r="144" spans="1:54" s="207" customFormat="1" ht="13.95" customHeight="1" x14ac:dyDescent="0.25">
      <c r="A144" s="208" t="s">
        <v>445</v>
      </c>
      <c r="B144" s="209" t="s">
        <v>20420</v>
      </c>
      <c r="C144" s="113" t="s">
        <v>446</v>
      </c>
      <c r="D144" s="113" t="s">
        <v>447</v>
      </c>
      <c r="E144" s="210">
        <v>1975</v>
      </c>
      <c r="F144" s="210">
        <v>187</v>
      </c>
      <c r="G144" s="113" t="s">
        <v>1</v>
      </c>
      <c r="H144" s="113">
        <v>0</v>
      </c>
      <c r="I144" s="113">
        <v>0</v>
      </c>
      <c r="J144" s="115">
        <v>1</v>
      </c>
      <c r="K144" s="116" t="s">
        <v>174</v>
      </c>
      <c r="L144" s="115">
        <v>1</v>
      </c>
      <c r="M144" s="115">
        <v>0</v>
      </c>
      <c r="N144" s="115">
        <v>0</v>
      </c>
      <c r="O144" s="115">
        <v>0</v>
      </c>
      <c r="P144" s="115">
        <v>1</v>
      </c>
      <c r="Q144" s="115" t="s">
        <v>400</v>
      </c>
      <c r="R144" s="115">
        <v>0</v>
      </c>
      <c r="S144" s="115">
        <v>0</v>
      </c>
      <c r="T144" s="115">
        <v>0</v>
      </c>
      <c r="U144" s="119"/>
      <c r="V144" s="119"/>
      <c r="W144" s="119"/>
      <c r="X144" s="119"/>
      <c r="Y144" s="119"/>
      <c r="Z144" s="119"/>
      <c r="AA144" s="119"/>
      <c r="AB144" s="119"/>
      <c r="AC144" s="119"/>
      <c r="AD144" s="119"/>
      <c r="AE144" s="119"/>
      <c r="AF144" s="119"/>
      <c r="AG144" s="119"/>
      <c r="AH144" s="119"/>
      <c r="AI144" s="119"/>
      <c r="AJ144" s="119"/>
      <c r="AK144" s="119"/>
      <c r="AL144" s="119"/>
      <c r="AM144" s="119"/>
      <c r="AN144" s="119"/>
      <c r="AO144" s="119"/>
      <c r="AP144" s="119"/>
      <c r="AQ144" s="119"/>
      <c r="AR144" s="119"/>
      <c r="AS144" s="119"/>
      <c r="AT144" s="119"/>
      <c r="AU144" s="119"/>
      <c r="AV144" s="119"/>
      <c r="AW144" s="119"/>
      <c r="AX144" s="119"/>
      <c r="AY144" s="119"/>
      <c r="AZ144" s="119"/>
      <c r="BA144" s="119"/>
      <c r="BB144" s="107">
        <v>45884</v>
      </c>
    </row>
    <row r="145" spans="1:54" s="207" customFormat="1" ht="13.95" customHeight="1" x14ac:dyDescent="0.25">
      <c r="A145" s="208" t="s">
        <v>448</v>
      </c>
      <c r="B145" s="209" t="s">
        <v>20420</v>
      </c>
      <c r="C145" s="113" t="s">
        <v>449</v>
      </c>
      <c r="D145" s="113" t="s">
        <v>450</v>
      </c>
      <c r="E145" s="210">
        <v>1990</v>
      </c>
      <c r="F145" s="210">
        <v>188</v>
      </c>
      <c r="G145" s="113" t="s">
        <v>1</v>
      </c>
      <c r="H145" s="113">
        <v>0</v>
      </c>
      <c r="I145" s="113">
        <v>0</v>
      </c>
      <c r="J145" s="115">
        <v>1</v>
      </c>
      <c r="K145" s="116" t="s">
        <v>174</v>
      </c>
      <c r="L145" s="115">
        <v>0</v>
      </c>
      <c r="M145" s="115">
        <v>0</v>
      </c>
      <c r="N145" s="115">
        <v>0</v>
      </c>
      <c r="O145" s="115">
        <v>0</v>
      </c>
      <c r="P145" s="115">
        <v>1</v>
      </c>
      <c r="Q145" s="115" t="s">
        <v>400</v>
      </c>
      <c r="R145" s="115">
        <v>0</v>
      </c>
      <c r="S145" s="115">
        <v>0</v>
      </c>
      <c r="T145" s="115">
        <v>0</v>
      </c>
      <c r="U145" s="119"/>
      <c r="V145" s="119"/>
      <c r="W145" s="119"/>
      <c r="X145" s="119"/>
      <c r="Y145" s="119"/>
      <c r="Z145" s="119"/>
      <c r="AA145" s="119"/>
      <c r="AB145" s="119"/>
      <c r="AC145" s="119"/>
      <c r="AD145" s="119"/>
      <c r="AE145" s="119"/>
      <c r="AF145" s="119"/>
      <c r="AG145" s="119"/>
      <c r="AH145" s="119"/>
      <c r="AI145" s="119"/>
      <c r="AJ145" s="119"/>
      <c r="AK145" s="119"/>
      <c r="AL145" s="119"/>
      <c r="AM145" s="119"/>
      <c r="AN145" s="119"/>
      <c r="AO145" s="119"/>
      <c r="AP145" s="119"/>
      <c r="AQ145" s="119"/>
      <c r="AR145" s="119"/>
      <c r="AS145" s="119"/>
      <c r="AT145" s="119"/>
      <c r="AU145" s="119"/>
      <c r="AV145" s="119"/>
      <c r="AW145" s="119"/>
      <c r="AX145" s="119"/>
      <c r="AY145" s="119"/>
      <c r="AZ145" s="119"/>
      <c r="BA145" s="119"/>
      <c r="BB145" s="107">
        <v>45884</v>
      </c>
    </row>
    <row r="146" spans="1:54" s="207" customFormat="1" ht="13.95" customHeight="1" x14ac:dyDescent="0.25">
      <c r="A146" s="208" t="s">
        <v>451</v>
      </c>
      <c r="B146" s="209" t="s">
        <v>20420</v>
      </c>
      <c r="C146" s="113" t="s">
        <v>452</v>
      </c>
      <c r="D146" s="113" t="s">
        <v>22431</v>
      </c>
      <c r="E146" s="210">
        <v>1976</v>
      </c>
      <c r="F146" s="210">
        <v>188</v>
      </c>
      <c r="G146" s="113" t="s">
        <v>1</v>
      </c>
      <c r="H146" s="113">
        <v>0</v>
      </c>
      <c r="I146" s="113">
        <v>0</v>
      </c>
      <c r="J146" s="115">
        <v>1</v>
      </c>
      <c r="K146" s="116" t="s">
        <v>174</v>
      </c>
      <c r="L146" s="115">
        <v>0</v>
      </c>
      <c r="M146" s="115">
        <v>0</v>
      </c>
      <c r="N146" s="115">
        <v>0</v>
      </c>
      <c r="O146" s="115">
        <v>0</v>
      </c>
      <c r="P146" s="115" t="s">
        <v>400</v>
      </c>
      <c r="Q146" s="115" t="s">
        <v>400</v>
      </c>
      <c r="R146" s="115">
        <v>0</v>
      </c>
      <c r="S146" s="115">
        <v>0</v>
      </c>
      <c r="T146" s="115">
        <v>0</v>
      </c>
      <c r="U146" s="119"/>
      <c r="V146" s="119"/>
      <c r="W146" s="119"/>
      <c r="X146" s="119"/>
      <c r="Y146" s="119"/>
      <c r="Z146" s="119"/>
      <c r="AA146" s="119"/>
      <c r="AB146" s="119"/>
      <c r="AC146" s="119"/>
      <c r="AD146" s="119"/>
      <c r="AE146" s="119"/>
      <c r="AF146" s="119"/>
      <c r="AG146" s="119"/>
      <c r="AH146" s="119"/>
      <c r="AI146" s="119"/>
      <c r="AJ146" s="119"/>
      <c r="AK146" s="119"/>
      <c r="AL146" s="119"/>
      <c r="AM146" s="119"/>
      <c r="AN146" s="119"/>
      <c r="AO146" s="119"/>
      <c r="AP146" s="119"/>
      <c r="AQ146" s="119"/>
      <c r="AR146" s="119"/>
      <c r="AS146" s="119"/>
      <c r="AT146" s="119"/>
      <c r="AU146" s="119"/>
      <c r="AV146" s="119"/>
      <c r="AW146" s="119"/>
      <c r="AX146" s="119"/>
      <c r="AY146" s="119"/>
      <c r="AZ146" s="119"/>
      <c r="BA146" s="119"/>
      <c r="BB146" s="107">
        <v>45884</v>
      </c>
    </row>
    <row r="147" spans="1:54" s="207" customFormat="1" ht="13.95" customHeight="1" x14ac:dyDescent="0.25">
      <c r="A147" s="208" t="s">
        <v>453</v>
      </c>
      <c r="B147" s="209" t="s">
        <v>20420</v>
      </c>
      <c r="C147" s="113" t="s">
        <v>454</v>
      </c>
      <c r="D147" s="113" t="s">
        <v>22432</v>
      </c>
      <c r="E147" s="210">
        <v>1976</v>
      </c>
      <c r="F147" s="210">
        <v>188</v>
      </c>
      <c r="G147" s="113" t="s">
        <v>1</v>
      </c>
      <c r="H147" s="113">
        <v>0</v>
      </c>
      <c r="I147" s="113">
        <v>0</v>
      </c>
      <c r="J147" s="115">
        <v>1</v>
      </c>
      <c r="K147" s="116" t="s">
        <v>174</v>
      </c>
      <c r="L147" s="115">
        <v>0</v>
      </c>
      <c r="M147" s="115">
        <v>0</v>
      </c>
      <c r="N147" s="115">
        <v>0</v>
      </c>
      <c r="O147" s="115">
        <v>1</v>
      </c>
      <c r="P147" s="115" t="s">
        <v>400</v>
      </c>
      <c r="Q147" s="115" t="s">
        <v>400</v>
      </c>
      <c r="R147" s="115">
        <v>0</v>
      </c>
      <c r="S147" s="115">
        <v>0</v>
      </c>
      <c r="T147" s="115">
        <v>0</v>
      </c>
      <c r="U147" s="119"/>
      <c r="V147" s="119"/>
      <c r="W147" s="119"/>
      <c r="X147" s="119"/>
      <c r="Y147" s="119"/>
      <c r="Z147" s="119"/>
      <c r="AA147" s="119"/>
      <c r="AB147" s="119"/>
      <c r="AC147" s="119"/>
      <c r="AD147" s="119"/>
      <c r="AE147" s="119"/>
      <c r="AF147" s="119"/>
      <c r="AG147" s="119"/>
      <c r="AH147" s="119"/>
      <c r="AI147" s="119"/>
      <c r="AJ147" s="119"/>
      <c r="AK147" s="119"/>
      <c r="AL147" s="119"/>
      <c r="AM147" s="119"/>
      <c r="AN147" s="119"/>
      <c r="AO147" s="119"/>
      <c r="AP147" s="119"/>
      <c r="AQ147" s="119"/>
      <c r="AR147" s="119"/>
      <c r="AS147" s="119"/>
      <c r="AT147" s="119"/>
      <c r="AU147" s="119"/>
      <c r="AV147" s="119"/>
      <c r="AW147" s="119"/>
      <c r="AX147" s="119"/>
      <c r="AY147" s="119"/>
      <c r="AZ147" s="119"/>
      <c r="BA147" s="119"/>
      <c r="BB147" s="107">
        <v>45884</v>
      </c>
    </row>
    <row r="148" spans="1:54" s="207" customFormat="1" ht="13.95" customHeight="1" x14ac:dyDescent="0.25">
      <c r="A148" s="208" t="s">
        <v>455</v>
      </c>
      <c r="B148" s="209" t="s">
        <v>20420</v>
      </c>
      <c r="C148" s="113" t="s">
        <v>456</v>
      </c>
      <c r="D148" s="113" t="s">
        <v>22433</v>
      </c>
      <c r="E148" s="210">
        <v>2013</v>
      </c>
      <c r="F148" s="210">
        <v>189</v>
      </c>
      <c r="G148" s="113" t="s">
        <v>1</v>
      </c>
      <c r="H148" s="113">
        <v>0</v>
      </c>
      <c r="I148" s="113">
        <v>0</v>
      </c>
      <c r="J148" s="115">
        <v>1</v>
      </c>
      <c r="K148" s="116" t="s">
        <v>174</v>
      </c>
      <c r="L148" s="115">
        <v>0</v>
      </c>
      <c r="M148" s="115">
        <v>0</v>
      </c>
      <c r="N148" s="115">
        <v>0</v>
      </c>
      <c r="O148" s="115">
        <v>0</v>
      </c>
      <c r="P148" s="115" t="s">
        <v>400</v>
      </c>
      <c r="Q148" s="115" t="s">
        <v>400</v>
      </c>
      <c r="R148" s="115">
        <v>0</v>
      </c>
      <c r="S148" s="115">
        <v>0</v>
      </c>
      <c r="T148" s="115">
        <v>0</v>
      </c>
      <c r="U148" s="119"/>
      <c r="V148" s="119"/>
      <c r="W148" s="119"/>
      <c r="X148" s="119"/>
      <c r="Y148" s="119"/>
      <c r="Z148" s="119"/>
      <c r="AA148" s="119"/>
      <c r="AB148" s="119"/>
      <c r="AC148" s="119"/>
      <c r="AD148" s="119"/>
      <c r="AE148" s="119"/>
      <c r="AF148" s="119"/>
      <c r="AG148" s="119"/>
      <c r="AH148" s="119"/>
      <c r="AI148" s="119"/>
      <c r="AJ148" s="119"/>
      <c r="AK148" s="119"/>
      <c r="AL148" s="119"/>
      <c r="AM148" s="119"/>
      <c r="AN148" s="119"/>
      <c r="AO148" s="119"/>
      <c r="AP148" s="119"/>
      <c r="AQ148" s="119"/>
      <c r="AR148" s="119"/>
      <c r="AS148" s="119"/>
      <c r="AT148" s="119"/>
      <c r="AU148" s="119"/>
      <c r="AV148" s="119"/>
      <c r="AW148" s="119"/>
      <c r="AX148" s="119"/>
      <c r="AY148" s="119"/>
      <c r="AZ148" s="119"/>
      <c r="BA148" s="119"/>
      <c r="BB148" s="107">
        <v>45884</v>
      </c>
    </row>
    <row r="149" spans="1:54" s="207" customFormat="1" ht="13.95" customHeight="1" x14ac:dyDescent="0.25">
      <c r="A149" s="208" t="s">
        <v>457</v>
      </c>
      <c r="B149" s="209" t="s">
        <v>20420</v>
      </c>
      <c r="C149" s="113" t="s">
        <v>458</v>
      </c>
      <c r="D149" s="113" t="s">
        <v>22434</v>
      </c>
      <c r="E149" s="210">
        <v>1998</v>
      </c>
      <c r="F149" s="210">
        <v>190</v>
      </c>
      <c r="G149" s="113" t="s">
        <v>1</v>
      </c>
      <c r="H149" s="113">
        <v>0</v>
      </c>
      <c r="I149" s="113">
        <v>0</v>
      </c>
      <c r="J149" s="115">
        <v>1</v>
      </c>
      <c r="K149" s="116" t="s">
        <v>174</v>
      </c>
      <c r="L149" s="115">
        <v>0</v>
      </c>
      <c r="M149" s="115">
        <v>0</v>
      </c>
      <c r="N149" s="115">
        <v>0</v>
      </c>
      <c r="O149" s="115">
        <v>0</v>
      </c>
      <c r="P149" s="115">
        <v>1</v>
      </c>
      <c r="Q149" s="115" t="s">
        <v>400</v>
      </c>
      <c r="R149" s="115">
        <v>0</v>
      </c>
      <c r="S149" s="115">
        <v>0</v>
      </c>
      <c r="T149" s="115">
        <v>0</v>
      </c>
      <c r="U149" s="119"/>
      <c r="V149" s="119"/>
      <c r="W149" s="119"/>
      <c r="X149" s="119"/>
      <c r="Y149" s="119"/>
      <c r="Z149" s="119"/>
      <c r="AA149" s="119"/>
      <c r="AB149" s="119"/>
      <c r="AC149" s="119"/>
      <c r="AD149" s="119"/>
      <c r="AE149" s="119"/>
      <c r="AF149" s="119"/>
      <c r="AG149" s="119"/>
      <c r="AH149" s="119"/>
      <c r="AI149" s="119"/>
      <c r="AJ149" s="119"/>
      <c r="AK149" s="119"/>
      <c r="AL149" s="119"/>
      <c r="AM149" s="119"/>
      <c r="AN149" s="119"/>
      <c r="AO149" s="119"/>
      <c r="AP149" s="119"/>
      <c r="AQ149" s="119"/>
      <c r="AR149" s="119"/>
      <c r="AS149" s="119"/>
      <c r="AT149" s="119"/>
      <c r="AU149" s="119"/>
      <c r="AV149" s="119"/>
      <c r="AW149" s="119"/>
      <c r="AX149" s="119"/>
      <c r="AY149" s="119"/>
      <c r="AZ149" s="119"/>
      <c r="BA149" s="119"/>
      <c r="BB149" s="107">
        <v>45884</v>
      </c>
    </row>
    <row r="150" spans="1:54" s="207" customFormat="1" ht="13.95" customHeight="1" x14ac:dyDescent="0.25">
      <c r="A150" s="208" t="s">
        <v>459</v>
      </c>
      <c r="B150" s="209" t="s">
        <v>20420</v>
      </c>
      <c r="C150" s="113" t="s">
        <v>460</v>
      </c>
      <c r="D150" s="113" t="s">
        <v>22435</v>
      </c>
      <c r="E150" s="210">
        <v>1984</v>
      </c>
      <c r="F150" s="210">
        <v>190</v>
      </c>
      <c r="G150" s="113" t="s">
        <v>1</v>
      </c>
      <c r="H150" s="113">
        <v>0</v>
      </c>
      <c r="I150" s="113">
        <v>0</v>
      </c>
      <c r="J150" s="115">
        <v>1</v>
      </c>
      <c r="K150" s="116" t="s">
        <v>174</v>
      </c>
      <c r="L150" s="115">
        <v>1</v>
      </c>
      <c r="M150" s="115">
        <v>0</v>
      </c>
      <c r="N150" s="115">
        <v>0</v>
      </c>
      <c r="O150" s="115">
        <v>0</v>
      </c>
      <c r="P150" s="115" t="s">
        <v>400</v>
      </c>
      <c r="Q150" s="115" t="s">
        <v>400</v>
      </c>
      <c r="R150" s="115">
        <v>0</v>
      </c>
      <c r="S150" s="115">
        <v>0</v>
      </c>
      <c r="T150" s="115">
        <v>0</v>
      </c>
      <c r="U150" s="119"/>
      <c r="V150" s="119"/>
      <c r="W150" s="119"/>
      <c r="X150" s="119"/>
      <c r="Y150" s="119"/>
      <c r="Z150" s="119"/>
      <c r="AA150" s="119"/>
      <c r="AB150" s="119"/>
      <c r="AC150" s="119"/>
      <c r="AD150" s="119"/>
      <c r="AE150" s="119"/>
      <c r="AF150" s="119"/>
      <c r="AG150" s="119"/>
      <c r="AH150" s="119"/>
      <c r="AI150" s="119"/>
      <c r="AJ150" s="119"/>
      <c r="AK150" s="119"/>
      <c r="AL150" s="119"/>
      <c r="AM150" s="119"/>
      <c r="AN150" s="119"/>
      <c r="AO150" s="119"/>
      <c r="AP150" s="119"/>
      <c r="AQ150" s="119"/>
      <c r="AR150" s="119"/>
      <c r="AS150" s="119"/>
      <c r="AT150" s="119"/>
      <c r="AU150" s="119"/>
      <c r="AV150" s="119"/>
      <c r="AW150" s="119"/>
      <c r="AX150" s="119"/>
      <c r="AY150" s="119"/>
      <c r="AZ150" s="119"/>
      <c r="BA150" s="119"/>
      <c r="BB150" s="107">
        <v>45884</v>
      </c>
    </row>
    <row r="151" spans="1:54" s="207" customFormat="1" ht="13.95" customHeight="1" x14ac:dyDescent="0.25">
      <c r="A151" s="208" t="s">
        <v>461</v>
      </c>
      <c r="B151" s="209" t="s">
        <v>20420</v>
      </c>
      <c r="C151" s="113" t="s">
        <v>462</v>
      </c>
      <c r="D151" s="113" t="s">
        <v>22436</v>
      </c>
      <c r="E151" s="210">
        <v>1985</v>
      </c>
      <c r="F151" s="210">
        <v>191</v>
      </c>
      <c r="G151" s="113" t="s">
        <v>1</v>
      </c>
      <c r="H151" s="113">
        <v>0</v>
      </c>
      <c r="I151" s="113">
        <v>0</v>
      </c>
      <c r="J151" s="115">
        <v>1</v>
      </c>
      <c r="K151" s="116" t="s">
        <v>174</v>
      </c>
      <c r="L151" s="115">
        <v>1</v>
      </c>
      <c r="M151" s="115">
        <v>0</v>
      </c>
      <c r="N151" s="115">
        <v>0</v>
      </c>
      <c r="O151" s="115">
        <v>0</v>
      </c>
      <c r="P151" s="115">
        <v>1</v>
      </c>
      <c r="Q151" s="115" t="s">
        <v>400</v>
      </c>
      <c r="R151" s="115">
        <v>0</v>
      </c>
      <c r="S151" s="115">
        <v>0</v>
      </c>
      <c r="T151" s="115">
        <v>0</v>
      </c>
      <c r="U151" s="119"/>
      <c r="V151" s="119"/>
      <c r="W151" s="119"/>
      <c r="X151" s="119"/>
      <c r="Y151" s="119"/>
      <c r="Z151" s="119"/>
      <c r="AA151" s="119"/>
      <c r="AB151" s="119"/>
      <c r="AC151" s="119"/>
      <c r="AD151" s="119"/>
      <c r="AE151" s="119"/>
      <c r="AF151" s="119"/>
      <c r="AG151" s="119"/>
      <c r="AH151" s="119"/>
      <c r="AI151" s="119"/>
      <c r="AJ151" s="119"/>
      <c r="AK151" s="119"/>
      <c r="AL151" s="119"/>
      <c r="AM151" s="119"/>
      <c r="AN151" s="119"/>
      <c r="AO151" s="119"/>
      <c r="AP151" s="119"/>
      <c r="AQ151" s="119"/>
      <c r="AR151" s="119"/>
      <c r="AS151" s="119"/>
      <c r="AT151" s="119"/>
      <c r="AU151" s="119"/>
      <c r="AV151" s="119"/>
      <c r="AW151" s="119"/>
      <c r="AX151" s="119"/>
      <c r="AY151" s="119"/>
      <c r="AZ151" s="119"/>
      <c r="BA151" s="119"/>
      <c r="BB151" s="107">
        <v>45884</v>
      </c>
    </row>
    <row r="152" spans="1:54" s="207" customFormat="1" ht="13.95" customHeight="1" x14ac:dyDescent="0.25">
      <c r="A152" s="208" t="s">
        <v>463</v>
      </c>
      <c r="B152" s="209" t="s">
        <v>20420</v>
      </c>
      <c r="C152" s="113" t="s">
        <v>464</v>
      </c>
      <c r="D152" s="113" t="s">
        <v>465</v>
      </c>
      <c r="E152" s="210">
        <v>1984</v>
      </c>
      <c r="F152" s="210">
        <v>192</v>
      </c>
      <c r="G152" s="113" t="s">
        <v>1</v>
      </c>
      <c r="H152" s="113">
        <v>0</v>
      </c>
      <c r="I152" s="113">
        <v>0</v>
      </c>
      <c r="J152" s="115">
        <v>1</v>
      </c>
      <c r="K152" s="116" t="s">
        <v>174</v>
      </c>
      <c r="L152" s="115">
        <v>0</v>
      </c>
      <c r="M152" s="115">
        <v>0</v>
      </c>
      <c r="N152" s="115">
        <v>0</v>
      </c>
      <c r="O152" s="115">
        <v>0</v>
      </c>
      <c r="P152" s="115">
        <v>1</v>
      </c>
      <c r="Q152" s="115" t="s">
        <v>400</v>
      </c>
      <c r="R152" s="115">
        <v>0</v>
      </c>
      <c r="S152" s="115">
        <v>0</v>
      </c>
      <c r="T152" s="115">
        <v>0</v>
      </c>
      <c r="U152" s="119"/>
      <c r="V152" s="119"/>
      <c r="W152" s="119"/>
      <c r="X152" s="119"/>
      <c r="Y152" s="119"/>
      <c r="Z152" s="119"/>
      <c r="AA152" s="119"/>
      <c r="AB152" s="119"/>
      <c r="AC152" s="119"/>
      <c r="AD152" s="119"/>
      <c r="AE152" s="119"/>
      <c r="AF152" s="119"/>
      <c r="AG152" s="119"/>
      <c r="AH152" s="119"/>
      <c r="AI152" s="119"/>
      <c r="AJ152" s="119"/>
      <c r="AK152" s="119"/>
      <c r="AL152" s="119"/>
      <c r="AM152" s="119"/>
      <c r="AN152" s="119"/>
      <c r="AO152" s="119"/>
      <c r="AP152" s="119"/>
      <c r="AQ152" s="119"/>
      <c r="AR152" s="119"/>
      <c r="AS152" s="119"/>
      <c r="AT152" s="119"/>
      <c r="AU152" s="119"/>
      <c r="AV152" s="119"/>
      <c r="AW152" s="119"/>
      <c r="AX152" s="119"/>
      <c r="AY152" s="119"/>
      <c r="AZ152" s="119"/>
      <c r="BA152" s="119"/>
      <c r="BB152" s="107">
        <v>45884</v>
      </c>
    </row>
    <row r="153" spans="1:54" s="207" customFormat="1" ht="13.95" customHeight="1" x14ac:dyDescent="0.25">
      <c r="A153" s="208" t="s">
        <v>466</v>
      </c>
      <c r="B153" s="209" t="s">
        <v>20420</v>
      </c>
      <c r="C153" s="113" t="s">
        <v>467</v>
      </c>
      <c r="D153" s="113" t="s">
        <v>22437</v>
      </c>
      <c r="E153" s="210">
        <v>1978</v>
      </c>
      <c r="F153" s="210">
        <v>192</v>
      </c>
      <c r="G153" s="113" t="s">
        <v>1</v>
      </c>
      <c r="H153" s="113">
        <v>0</v>
      </c>
      <c r="I153" s="113">
        <v>0</v>
      </c>
      <c r="J153" s="115">
        <v>1</v>
      </c>
      <c r="K153" s="116" t="s">
        <v>174</v>
      </c>
      <c r="L153" s="115">
        <v>0</v>
      </c>
      <c r="M153" s="115">
        <v>0</v>
      </c>
      <c r="N153" s="115">
        <v>1</v>
      </c>
      <c r="O153" s="115">
        <v>0</v>
      </c>
      <c r="P153" s="115" t="s">
        <v>400</v>
      </c>
      <c r="Q153" s="115" t="s">
        <v>400</v>
      </c>
      <c r="R153" s="115">
        <v>0</v>
      </c>
      <c r="S153" s="115">
        <v>0</v>
      </c>
      <c r="T153" s="115">
        <v>0</v>
      </c>
      <c r="U153" s="119"/>
      <c r="V153" s="119"/>
      <c r="W153" s="119"/>
      <c r="X153" s="119"/>
      <c r="Y153" s="119"/>
      <c r="Z153" s="119"/>
      <c r="AA153" s="119"/>
      <c r="AB153" s="119"/>
      <c r="AC153" s="119"/>
      <c r="AD153" s="119"/>
      <c r="AE153" s="119"/>
      <c r="AF153" s="119"/>
      <c r="AG153" s="119"/>
      <c r="AH153" s="119"/>
      <c r="AI153" s="119"/>
      <c r="AJ153" s="119"/>
      <c r="AK153" s="119"/>
      <c r="AL153" s="119"/>
      <c r="AM153" s="119"/>
      <c r="AN153" s="119"/>
      <c r="AO153" s="119"/>
      <c r="AP153" s="119"/>
      <c r="AQ153" s="119"/>
      <c r="AR153" s="119"/>
      <c r="AS153" s="119"/>
      <c r="AT153" s="119"/>
      <c r="AU153" s="119"/>
      <c r="AV153" s="119"/>
      <c r="AW153" s="119"/>
      <c r="AX153" s="119"/>
      <c r="AY153" s="119"/>
      <c r="AZ153" s="119"/>
      <c r="BA153" s="119"/>
      <c r="BB153" s="107">
        <v>45884</v>
      </c>
    </row>
    <row r="154" spans="1:54" s="207" customFormat="1" ht="13.95" customHeight="1" x14ac:dyDescent="0.25">
      <c r="A154" s="208" t="s">
        <v>468</v>
      </c>
      <c r="B154" s="209" t="s">
        <v>20420</v>
      </c>
      <c r="C154" s="113" t="s">
        <v>469</v>
      </c>
      <c r="D154" s="113" t="s">
        <v>22438</v>
      </c>
      <c r="E154" s="210">
        <v>1978</v>
      </c>
      <c r="F154" s="210">
        <v>192</v>
      </c>
      <c r="G154" s="113" t="s">
        <v>1</v>
      </c>
      <c r="H154" s="113">
        <v>0</v>
      </c>
      <c r="I154" s="113">
        <v>0</v>
      </c>
      <c r="J154" s="115">
        <v>1</v>
      </c>
      <c r="K154" s="116" t="s">
        <v>174</v>
      </c>
      <c r="L154" s="115">
        <v>1</v>
      </c>
      <c r="M154" s="115">
        <v>0</v>
      </c>
      <c r="N154" s="115">
        <v>0</v>
      </c>
      <c r="O154" s="115">
        <v>0</v>
      </c>
      <c r="P154" s="115" t="s">
        <v>400</v>
      </c>
      <c r="Q154" s="115" t="s">
        <v>400</v>
      </c>
      <c r="R154" s="115">
        <v>1</v>
      </c>
      <c r="S154" s="115">
        <v>0</v>
      </c>
      <c r="T154" s="115">
        <v>0</v>
      </c>
      <c r="U154" s="119"/>
      <c r="V154" s="119"/>
      <c r="W154" s="119"/>
      <c r="X154" s="119"/>
      <c r="Y154" s="119"/>
      <c r="Z154" s="119"/>
      <c r="AA154" s="119"/>
      <c r="AB154" s="119"/>
      <c r="AC154" s="119"/>
      <c r="AD154" s="119"/>
      <c r="AE154" s="119"/>
      <c r="AF154" s="119"/>
      <c r="AG154" s="119"/>
      <c r="AH154" s="119"/>
      <c r="AI154" s="119"/>
      <c r="AJ154" s="119"/>
      <c r="AK154" s="119"/>
      <c r="AL154" s="119"/>
      <c r="AM154" s="119"/>
      <c r="AN154" s="119"/>
      <c r="AO154" s="119"/>
      <c r="AP154" s="119"/>
      <c r="AQ154" s="119"/>
      <c r="AR154" s="119"/>
      <c r="AS154" s="119"/>
      <c r="AT154" s="119"/>
      <c r="AU154" s="119"/>
      <c r="AV154" s="119"/>
      <c r="AW154" s="119"/>
      <c r="AX154" s="119"/>
      <c r="AY154" s="119"/>
      <c r="AZ154" s="119"/>
      <c r="BA154" s="119"/>
      <c r="BB154" s="107">
        <v>45884</v>
      </c>
    </row>
    <row r="155" spans="1:54" s="207" customFormat="1" ht="13.95" customHeight="1" x14ac:dyDescent="0.25">
      <c r="A155" s="208" t="s">
        <v>470</v>
      </c>
      <c r="B155" s="209" t="s">
        <v>20420</v>
      </c>
      <c r="C155" s="113" t="s">
        <v>471</v>
      </c>
      <c r="D155" s="113" t="s">
        <v>472</v>
      </c>
      <c r="E155" s="210">
        <v>1970</v>
      </c>
      <c r="F155" s="210">
        <v>193</v>
      </c>
      <c r="G155" s="113" t="s">
        <v>1</v>
      </c>
      <c r="H155" s="113">
        <v>0</v>
      </c>
      <c r="I155" s="113">
        <v>0</v>
      </c>
      <c r="J155" s="115">
        <v>1</v>
      </c>
      <c r="K155" s="116" t="s">
        <v>174</v>
      </c>
      <c r="L155" s="115">
        <v>1</v>
      </c>
      <c r="M155" s="115">
        <v>0</v>
      </c>
      <c r="N155" s="115">
        <v>0</v>
      </c>
      <c r="O155" s="115">
        <v>0</v>
      </c>
      <c r="P155" s="115">
        <v>1</v>
      </c>
      <c r="Q155" s="115">
        <v>1</v>
      </c>
      <c r="R155" s="115">
        <v>1</v>
      </c>
      <c r="S155" s="115">
        <v>0</v>
      </c>
      <c r="T155" s="115">
        <v>0</v>
      </c>
      <c r="U155" s="119"/>
      <c r="V155" s="119"/>
      <c r="W155" s="119"/>
      <c r="X155" s="119"/>
      <c r="Y155" s="119"/>
      <c r="Z155" s="119"/>
      <c r="AA155" s="119"/>
      <c r="AB155" s="119"/>
      <c r="AC155" s="119"/>
      <c r="AD155" s="119"/>
      <c r="AE155" s="119"/>
      <c r="AF155" s="119"/>
      <c r="AG155" s="119"/>
      <c r="AH155" s="119"/>
      <c r="AI155" s="119"/>
      <c r="AJ155" s="119"/>
      <c r="AK155" s="119"/>
      <c r="AL155" s="119"/>
      <c r="AM155" s="119"/>
      <c r="AN155" s="119"/>
      <c r="AO155" s="119"/>
      <c r="AP155" s="119"/>
      <c r="AQ155" s="119"/>
      <c r="AR155" s="119"/>
      <c r="AS155" s="119"/>
      <c r="AT155" s="119"/>
      <c r="AU155" s="119"/>
      <c r="AV155" s="119"/>
      <c r="AW155" s="119"/>
      <c r="AX155" s="119"/>
      <c r="AY155" s="119"/>
      <c r="AZ155" s="119"/>
      <c r="BA155" s="119"/>
      <c r="BB155" s="107">
        <v>45884</v>
      </c>
    </row>
    <row r="156" spans="1:54" s="207" customFormat="1" ht="13.95" customHeight="1" x14ac:dyDescent="0.25">
      <c r="A156" s="208" t="s">
        <v>473</v>
      </c>
      <c r="B156" s="209" t="s">
        <v>20420</v>
      </c>
      <c r="C156" s="113" t="s">
        <v>474</v>
      </c>
      <c r="D156" s="113" t="s">
        <v>475</v>
      </c>
      <c r="E156" s="210">
        <v>1975</v>
      </c>
      <c r="F156" s="210">
        <v>194</v>
      </c>
      <c r="G156" s="113" t="s">
        <v>1</v>
      </c>
      <c r="H156" s="113">
        <v>0</v>
      </c>
      <c r="I156" s="113">
        <v>0</v>
      </c>
      <c r="J156" s="115">
        <v>0</v>
      </c>
      <c r="K156" s="116" t="s">
        <v>174</v>
      </c>
      <c r="L156" s="115">
        <v>0</v>
      </c>
      <c r="M156" s="115">
        <v>0</v>
      </c>
      <c r="N156" s="115">
        <v>0</v>
      </c>
      <c r="O156" s="115">
        <v>0</v>
      </c>
      <c r="P156" s="115" t="s">
        <v>400</v>
      </c>
      <c r="Q156" s="115" t="s">
        <v>400</v>
      </c>
      <c r="R156" s="115">
        <v>0</v>
      </c>
      <c r="S156" s="115">
        <v>0</v>
      </c>
      <c r="T156" s="115">
        <v>0</v>
      </c>
      <c r="U156" s="119"/>
      <c r="V156" s="119"/>
      <c r="W156" s="119"/>
      <c r="X156" s="119"/>
      <c r="Y156" s="119"/>
      <c r="Z156" s="119"/>
      <c r="AA156" s="119"/>
      <c r="AB156" s="119"/>
      <c r="AC156" s="119"/>
      <c r="AD156" s="119"/>
      <c r="AE156" s="119"/>
      <c r="AF156" s="119"/>
      <c r="AG156" s="119"/>
      <c r="AH156" s="119"/>
      <c r="AI156" s="119"/>
      <c r="AJ156" s="119"/>
      <c r="AK156" s="119"/>
      <c r="AL156" s="119"/>
      <c r="AM156" s="119"/>
      <c r="AN156" s="119"/>
      <c r="AO156" s="119"/>
      <c r="AP156" s="119"/>
      <c r="AQ156" s="119"/>
      <c r="AR156" s="119"/>
      <c r="AS156" s="119"/>
      <c r="AT156" s="119"/>
      <c r="AU156" s="119"/>
      <c r="AV156" s="119"/>
      <c r="AW156" s="119"/>
      <c r="AX156" s="119"/>
      <c r="AY156" s="119"/>
      <c r="AZ156" s="119"/>
      <c r="BA156" s="119"/>
      <c r="BB156" s="107">
        <v>45884</v>
      </c>
    </row>
    <row r="157" spans="1:54" s="207" customFormat="1" ht="13.95" customHeight="1" x14ac:dyDescent="0.25">
      <c r="A157" s="208" t="s">
        <v>476</v>
      </c>
      <c r="B157" s="209" t="s">
        <v>20420</v>
      </c>
      <c r="C157" s="113" t="s">
        <v>477</v>
      </c>
      <c r="D157" s="113" t="s">
        <v>22439</v>
      </c>
      <c r="E157" s="210">
        <v>1977</v>
      </c>
      <c r="F157" s="210">
        <v>194</v>
      </c>
      <c r="G157" s="113" t="s">
        <v>1</v>
      </c>
      <c r="H157" s="113">
        <v>0</v>
      </c>
      <c r="I157" s="113">
        <v>0</v>
      </c>
      <c r="J157" s="115">
        <v>1</v>
      </c>
      <c r="K157" s="116" t="s">
        <v>174</v>
      </c>
      <c r="L157" s="115">
        <v>0</v>
      </c>
      <c r="M157" s="115">
        <v>0</v>
      </c>
      <c r="N157" s="115">
        <v>1</v>
      </c>
      <c r="O157" s="115">
        <v>0</v>
      </c>
      <c r="P157" s="115" t="s">
        <v>400</v>
      </c>
      <c r="Q157" s="115" t="s">
        <v>400</v>
      </c>
      <c r="R157" s="115">
        <v>0</v>
      </c>
      <c r="S157" s="115">
        <v>0</v>
      </c>
      <c r="T157" s="115">
        <v>0</v>
      </c>
      <c r="U157" s="119"/>
      <c r="V157" s="119"/>
      <c r="W157" s="119"/>
      <c r="X157" s="119"/>
      <c r="Y157" s="119"/>
      <c r="Z157" s="119"/>
      <c r="AA157" s="119"/>
      <c r="AB157" s="119"/>
      <c r="AC157" s="119"/>
      <c r="AD157" s="119"/>
      <c r="AE157" s="119"/>
      <c r="AF157" s="119"/>
      <c r="AG157" s="119"/>
      <c r="AH157" s="119"/>
      <c r="AI157" s="119"/>
      <c r="AJ157" s="119"/>
      <c r="AK157" s="119"/>
      <c r="AL157" s="119"/>
      <c r="AM157" s="119"/>
      <c r="AN157" s="119"/>
      <c r="AO157" s="119"/>
      <c r="AP157" s="119"/>
      <c r="AQ157" s="119"/>
      <c r="AR157" s="119"/>
      <c r="AS157" s="119"/>
      <c r="AT157" s="119"/>
      <c r="AU157" s="119"/>
      <c r="AV157" s="119"/>
      <c r="AW157" s="119"/>
      <c r="AX157" s="119"/>
      <c r="AY157" s="119"/>
      <c r="AZ157" s="119"/>
      <c r="BA157" s="119"/>
      <c r="BB157" s="107">
        <v>45884</v>
      </c>
    </row>
    <row r="158" spans="1:54" s="207" customFormat="1" ht="13.95" customHeight="1" x14ac:dyDescent="0.25">
      <c r="A158" s="208" t="s">
        <v>478</v>
      </c>
      <c r="B158" s="209" t="s">
        <v>20420</v>
      </c>
      <c r="C158" s="113" t="s">
        <v>479</v>
      </c>
      <c r="D158" s="113" t="s">
        <v>22440</v>
      </c>
      <c r="E158" s="210">
        <v>1985</v>
      </c>
      <c r="F158" s="210">
        <v>195</v>
      </c>
      <c r="G158" s="113" t="s">
        <v>1</v>
      </c>
      <c r="H158" s="113">
        <v>0</v>
      </c>
      <c r="I158" s="113">
        <v>0</v>
      </c>
      <c r="J158" s="115">
        <v>1</v>
      </c>
      <c r="K158" s="116" t="s">
        <v>174</v>
      </c>
      <c r="L158" s="115">
        <v>0</v>
      </c>
      <c r="M158" s="115">
        <v>0</v>
      </c>
      <c r="N158" s="115">
        <v>0</v>
      </c>
      <c r="O158" s="115">
        <v>0</v>
      </c>
      <c r="P158" s="115" t="s">
        <v>400</v>
      </c>
      <c r="Q158" s="115" t="s">
        <v>400</v>
      </c>
      <c r="R158" s="115">
        <v>0</v>
      </c>
      <c r="S158" s="115">
        <v>0</v>
      </c>
      <c r="T158" s="115">
        <v>0</v>
      </c>
      <c r="U158" s="119"/>
      <c r="V158" s="119"/>
      <c r="W158" s="119"/>
      <c r="X158" s="119"/>
      <c r="Y158" s="119"/>
      <c r="Z158" s="119"/>
      <c r="AA158" s="119"/>
      <c r="AB158" s="119"/>
      <c r="AC158" s="119"/>
      <c r="AD158" s="119"/>
      <c r="AE158" s="119"/>
      <c r="AF158" s="119"/>
      <c r="AG158" s="119"/>
      <c r="AH158" s="119"/>
      <c r="AI158" s="119"/>
      <c r="AJ158" s="119"/>
      <c r="AK158" s="119"/>
      <c r="AL158" s="119"/>
      <c r="AM158" s="119"/>
      <c r="AN158" s="119"/>
      <c r="AO158" s="119"/>
      <c r="AP158" s="119"/>
      <c r="AQ158" s="119"/>
      <c r="AR158" s="119"/>
      <c r="AS158" s="119"/>
      <c r="AT158" s="119"/>
      <c r="AU158" s="119"/>
      <c r="AV158" s="119"/>
      <c r="AW158" s="119"/>
      <c r="AX158" s="119"/>
      <c r="AY158" s="119"/>
      <c r="AZ158" s="119"/>
      <c r="BA158" s="119"/>
      <c r="BB158" s="107">
        <v>45884</v>
      </c>
    </row>
    <row r="159" spans="1:54" s="207" customFormat="1" ht="13.95" customHeight="1" x14ac:dyDescent="0.25">
      <c r="A159" s="208" t="s">
        <v>480</v>
      </c>
      <c r="B159" s="209" t="s">
        <v>20420</v>
      </c>
      <c r="C159" s="113" t="s">
        <v>481</v>
      </c>
      <c r="D159" s="113" t="s">
        <v>22441</v>
      </c>
      <c r="E159" s="210">
        <v>1986</v>
      </c>
      <c r="F159" s="210">
        <v>195</v>
      </c>
      <c r="G159" s="113" t="s">
        <v>1</v>
      </c>
      <c r="H159" s="113">
        <v>0</v>
      </c>
      <c r="I159" s="113">
        <v>0</v>
      </c>
      <c r="J159" s="115">
        <v>1</v>
      </c>
      <c r="K159" s="116" t="s">
        <v>174</v>
      </c>
      <c r="L159" s="115">
        <v>1</v>
      </c>
      <c r="M159" s="115">
        <v>1</v>
      </c>
      <c r="N159" s="115">
        <v>0</v>
      </c>
      <c r="O159" s="115">
        <v>0</v>
      </c>
      <c r="P159" s="115" t="s">
        <v>400</v>
      </c>
      <c r="Q159" s="115" t="s">
        <v>400</v>
      </c>
      <c r="R159" s="115">
        <v>0</v>
      </c>
      <c r="S159" s="115">
        <v>0</v>
      </c>
      <c r="T159" s="115">
        <v>0</v>
      </c>
      <c r="U159" s="119"/>
      <c r="V159" s="119"/>
      <c r="W159" s="119"/>
      <c r="X159" s="119"/>
      <c r="Y159" s="119"/>
      <c r="Z159" s="119"/>
      <c r="AA159" s="119"/>
      <c r="AB159" s="119"/>
      <c r="AC159" s="119"/>
      <c r="AD159" s="119"/>
      <c r="AE159" s="119"/>
      <c r="AF159" s="119"/>
      <c r="AG159" s="119"/>
      <c r="AH159" s="119"/>
      <c r="AI159" s="119"/>
      <c r="AJ159" s="119"/>
      <c r="AK159" s="119"/>
      <c r="AL159" s="119"/>
      <c r="AM159" s="119"/>
      <c r="AN159" s="119"/>
      <c r="AO159" s="119"/>
      <c r="AP159" s="119"/>
      <c r="AQ159" s="119"/>
      <c r="AR159" s="119"/>
      <c r="AS159" s="119"/>
      <c r="AT159" s="119"/>
      <c r="AU159" s="119"/>
      <c r="AV159" s="119"/>
      <c r="AW159" s="119"/>
      <c r="AX159" s="119"/>
      <c r="AY159" s="119"/>
      <c r="AZ159" s="119"/>
      <c r="BA159" s="119"/>
      <c r="BB159" s="107">
        <v>45884</v>
      </c>
    </row>
    <row r="160" spans="1:54" s="207" customFormat="1" ht="13.95" customHeight="1" x14ac:dyDescent="0.25">
      <c r="A160" s="208" t="s">
        <v>482</v>
      </c>
      <c r="B160" s="209" t="s">
        <v>20420</v>
      </c>
      <c r="C160" s="113" t="s">
        <v>483</v>
      </c>
      <c r="D160" s="113" t="s">
        <v>22442</v>
      </c>
      <c r="E160" s="210">
        <v>1982</v>
      </c>
      <c r="F160" s="210">
        <v>195</v>
      </c>
      <c r="G160" s="113" t="s">
        <v>1</v>
      </c>
      <c r="H160" s="113">
        <v>0</v>
      </c>
      <c r="I160" s="113">
        <v>0</v>
      </c>
      <c r="J160" s="115">
        <v>1</v>
      </c>
      <c r="K160" s="116" t="s">
        <v>174</v>
      </c>
      <c r="L160" s="115">
        <v>0</v>
      </c>
      <c r="M160" s="115">
        <v>0</v>
      </c>
      <c r="N160" s="115">
        <v>0</v>
      </c>
      <c r="O160" s="115">
        <v>0</v>
      </c>
      <c r="P160" s="115" t="s">
        <v>400</v>
      </c>
      <c r="Q160" s="115" t="s">
        <v>400</v>
      </c>
      <c r="R160" s="115">
        <v>0</v>
      </c>
      <c r="S160" s="115">
        <v>0</v>
      </c>
      <c r="T160" s="115">
        <v>0</v>
      </c>
      <c r="U160" s="119"/>
      <c r="V160" s="119"/>
      <c r="W160" s="119"/>
      <c r="X160" s="119"/>
      <c r="Y160" s="119"/>
      <c r="Z160" s="119"/>
      <c r="AA160" s="119"/>
      <c r="AB160" s="119"/>
      <c r="AC160" s="119"/>
      <c r="AD160" s="119"/>
      <c r="AE160" s="119"/>
      <c r="AF160" s="119"/>
      <c r="AG160" s="119"/>
      <c r="AH160" s="119"/>
      <c r="AI160" s="119"/>
      <c r="AJ160" s="119"/>
      <c r="AK160" s="119"/>
      <c r="AL160" s="119"/>
      <c r="AM160" s="119"/>
      <c r="AN160" s="119"/>
      <c r="AO160" s="119"/>
      <c r="AP160" s="119"/>
      <c r="AQ160" s="119"/>
      <c r="AR160" s="119"/>
      <c r="AS160" s="119"/>
      <c r="AT160" s="119"/>
      <c r="AU160" s="119"/>
      <c r="AV160" s="119"/>
      <c r="AW160" s="119"/>
      <c r="AX160" s="119"/>
      <c r="AY160" s="119"/>
      <c r="AZ160" s="119"/>
      <c r="BA160" s="119"/>
      <c r="BB160" s="107">
        <v>45884</v>
      </c>
    </row>
    <row r="161" spans="1:54" s="207" customFormat="1" ht="13.95" customHeight="1" x14ac:dyDescent="0.25">
      <c r="A161" s="208" t="s">
        <v>484</v>
      </c>
      <c r="B161" s="209" t="s">
        <v>20420</v>
      </c>
      <c r="C161" s="113" t="s">
        <v>485</v>
      </c>
      <c r="D161" s="113" t="s">
        <v>486</v>
      </c>
      <c r="E161" s="210">
        <v>1977</v>
      </c>
      <c r="F161" s="210">
        <v>197</v>
      </c>
      <c r="G161" s="113" t="s">
        <v>1</v>
      </c>
      <c r="H161" s="113">
        <v>0</v>
      </c>
      <c r="I161" s="113">
        <v>0</v>
      </c>
      <c r="J161" s="115">
        <v>1</v>
      </c>
      <c r="K161" s="116" t="s">
        <v>174</v>
      </c>
      <c r="L161" s="115">
        <v>0</v>
      </c>
      <c r="M161" s="115">
        <v>1</v>
      </c>
      <c r="N161" s="115">
        <v>0</v>
      </c>
      <c r="O161" s="115">
        <v>0</v>
      </c>
      <c r="P161" s="115" t="s">
        <v>400</v>
      </c>
      <c r="Q161" s="115" t="s">
        <v>400</v>
      </c>
      <c r="R161" s="115">
        <v>1</v>
      </c>
      <c r="S161" s="115">
        <v>0</v>
      </c>
      <c r="T161" s="115">
        <v>0</v>
      </c>
      <c r="U161" s="119"/>
      <c r="V161" s="119"/>
      <c r="W161" s="119"/>
      <c r="X161" s="119"/>
      <c r="Y161" s="119"/>
      <c r="Z161" s="119"/>
      <c r="AA161" s="119"/>
      <c r="AB161" s="119"/>
      <c r="AC161" s="119"/>
      <c r="AD161" s="119"/>
      <c r="AE161" s="119"/>
      <c r="AF161" s="119"/>
      <c r="AG161" s="119"/>
      <c r="AH161" s="119"/>
      <c r="AI161" s="119"/>
      <c r="AJ161" s="119"/>
      <c r="AK161" s="119"/>
      <c r="AL161" s="119"/>
      <c r="AM161" s="119"/>
      <c r="AN161" s="119"/>
      <c r="AO161" s="119"/>
      <c r="AP161" s="119"/>
      <c r="AQ161" s="119"/>
      <c r="AR161" s="119"/>
      <c r="AS161" s="119"/>
      <c r="AT161" s="119"/>
      <c r="AU161" s="119"/>
      <c r="AV161" s="119"/>
      <c r="AW161" s="119"/>
      <c r="AX161" s="119"/>
      <c r="AY161" s="119"/>
      <c r="AZ161" s="119"/>
      <c r="BA161" s="119"/>
      <c r="BB161" s="107">
        <v>45884</v>
      </c>
    </row>
    <row r="162" spans="1:54" s="207" customFormat="1" ht="13.95" customHeight="1" x14ac:dyDescent="0.25">
      <c r="A162" s="208" t="s">
        <v>487</v>
      </c>
      <c r="B162" s="209" t="s">
        <v>20420</v>
      </c>
      <c r="C162" s="113" t="s">
        <v>488</v>
      </c>
      <c r="D162" s="113" t="s">
        <v>489</v>
      </c>
      <c r="E162" s="210">
        <v>1976</v>
      </c>
      <c r="F162" s="210">
        <v>197</v>
      </c>
      <c r="G162" s="113" t="s">
        <v>1</v>
      </c>
      <c r="H162" s="113">
        <v>0</v>
      </c>
      <c r="I162" s="113">
        <v>0</v>
      </c>
      <c r="J162" s="115">
        <v>1</v>
      </c>
      <c r="K162" s="116" t="s">
        <v>174</v>
      </c>
      <c r="L162" s="115">
        <v>1</v>
      </c>
      <c r="M162" s="115">
        <v>0</v>
      </c>
      <c r="N162" s="115">
        <v>0</v>
      </c>
      <c r="O162" s="115">
        <v>0</v>
      </c>
      <c r="P162" s="115">
        <v>1</v>
      </c>
      <c r="Q162" s="115" t="s">
        <v>400</v>
      </c>
      <c r="R162" s="115">
        <v>0</v>
      </c>
      <c r="S162" s="115">
        <v>0</v>
      </c>
      <c r="T162" s="115">
        <v>0</v>
      </c>
      <c r="U162" s="119"/>
      <c r="V162" s="119"/>
      <c r="W162" s="119"/>
      <c r="X162" s="119"/>
      <c r="Y162" s="119"/>
      <c r="Z162" s="119"/>
      <c r="AA162" s="119"/>
      <c r="AB162" s="119"/>
      <c r="AC162" s="119"/>
      <c r="AD162" s="119"/>
      <c r="AE162" s="119"/>
      <c r="AF162" s="119"/>
      <c r="AG162" s="119"/>
      <c r="AH162" s="119"/>
      <c r="AI162" s="119"/>
      <c r="AJ162" s="119"/>
      <c r="AK162" s="119"/>
      <c r="AL162" s="119"/>
      <c r="AM162" s="119"/>
      <c r="AN162" s="119"/>
      <c r="AO162" s="119"/>
      <c r="AP162" s="119"/>
      <c r="AQ162" s="119"/>
      <c r="AR162" s="119"/>
      <c r="AS162" s="119"/>
      <c r="AT162" s="119"/>
      <c r="AU162" s="119"/>
      <c r="AV162" s="119"/>
      <c r="AW162" s="119"/>
      <c r="AX162" s="119"/>
      <c r="AY162" s="119"/>
      <c r="AZ162" s="119"/>
      <c r="BA162" s="119"/>
      <c r="BB162" s="107">
        <v>45884</v>
      </c>
    </row>
    <row r="163" spans="1:54" s="207" customFormat="1" ht="13.95" customHeight="1" x14ac:dyDescent="0.25">
      <c r="A163" s="208" t="s">
        <v>490</v>
      </c>
      <c r="B163" s="209" t="s">
        <v>20420</v>
      </c>
      <c r="C163" s="113" t="s">
        <v>491</v>
      </c>
      <c r="D163" s="113" t="s">
        <v>22443</v>
      </c>
      <c r="E163" s="210">
        <v>2005</v>
      </c>
      <c r="F163" s="210">
        <v>198</v>
      </c>
      <c r="G163" s="113" t="s">
        <v>1</v>
      </c>
      <c r="H163" s="113">
        <v>0</v>
      </c>
      <c r="I163" s="113">
        <v>0</v>
      </c>
      <c r="J163" s="115">
        <v>1</v>
      </c>
      <c r="K163" s="116" t="s">
        <v>174</v>
      </c>
      <c r="L163" s="115">
        <v>0</v>
      </c>
      <c r="M163" s="115">
        <v>0</v>
      </c>
      <c r="N163" s="115">
        <v>0</v>
      </c>
      <c r="O163" s="115">
        <v>0</v>
      </c>
      <c r="P163" s="115" t="s">
        <v>400</v>
      </c>
      <c r="Q163" s="115" t="s">
        <v>400</v>
      </c>
      <c r="R163" s="115">
        <v>0</v>
      </c>
      <c r="S163" s="115">
        <v>0</v>
      </c>
      <c r="T163" s="115">
        <v>0</v>
      </c>
      <c r="U163" s="119"/>
      <c r="V163" s="119"/>
      <c r="W163" s="119"/>
      <c r="X163" s="119"/>
      <c r="Y163" s="119"/>
      <c r="Z163" s="119"/>
      <c r="AA163" s="119"/>
      <c r="AB163" s="119"/>
      <c r="AC163" s="119"/>
      <c r="AD163" s="119"/>
      <c r="AE163" s="119"/>
      <c r="AF163" s="119"/>
      <c r="AG163" s="119"/>
      <c r="AH163" s="119"/>
      <c r="AI163" s="119"/>
      <c r="AJ163" s="119"/>
      <c r="AK163" s="119"/>
      <c r="AL163" s="119"/>
      <c r="AM163" s="119"/>
      <c r="AN163" s="119"/>
      <c r="AO163" s="119"/>
      <c r="AP163" s="119"/>
      <c r="AQ163" s="119"/>
      <c r="AR163" s="119"/>
      <c r="AS163" s="119"/>
      <c r="AT163" s="119"/>
      <c r="AU163" s="119"/>
      <c r="AV163" s="119"/>
      <c r="AW163" s="119"/>
      <c r="AX163" s="119"/>
      <c r="AY163" s="119"/>
      <c r="AZ163" s="119"/>
      <c r="BA163" s="119"/>
      <c r="BB163" s="107">
        <v>45884</v>
      </c>
    </row>
    <row r="164" spans="1:54" s="207" customFormat="1" ht="13.95" customHeight="1" x14ac:dyDescent="0.25">
      <c r="A164" s="208" t="s">
        <v>492</v>
      </c>
      <c r="B164" s="209" t="s">
        <v>20420</v>
      </c>
      <c r="C164" s="113" t="s">
        <v>493</v>
      </c>
      <c r="D164" s="113" t="s">
        <v>494</v>
      </c>
      <c r="E164" s="210">
        <v>1984</v>
      </c>
      <c r="F164" s="210">
        <v>198</v>
      </c>
      <c r="G164" s="113" t="s">
        <v>1</v>
      </c>
      <c r="H164" s="113">
        <v>0</v>
      </c>
      <c r="I164" s="113">
        <v>0</v>
      </c>
      <c r="J164" s="115">
        <v>1</v>
      </c>
      <c r="K164" s="211">
        <v>1</v>
      </c>
      <c r="L164" s="115">
        <v>0</v>
      </c>
      <c r="M164" s="115">
        <v>0</v>
      </c>
      <c r="N164" s="115">
        <v>1</v>
      </c>
      <c r="O164" s="115">
        <v>0</v>
      </c>
      <c r="P164" s="115">
        <v>1</v>
      </c>
      <c r="Q164" s="115" t="s">
        <v>400</v>
      </c>
      <c r="R164" s="115">
        <v>0</v>
      </c>
      <c r="S164" s="115">
        <v>0</v>
      </c>
      <c r="T164" s="115">
        <v>0</v>
      </c>
      <c r="U164" s="119"/>
      <c r="V164" s="119"/>
      <c r="W164" s="119"/>
      <c r="X164" s="119"/>
      <c r="Y164" s="119"/>
      <c r="Z164" s="119"/>
      <c r="AA164" s="119"/>
      <c r="AB164" s="119"/>
      <c r="AC164" s="119"/>
      <c r="AD164" s="119"/>
      <c r="AE164" s="119"/>
      <c r="AF164" s="119"/>
      <c r="AG164" s="119"/>
      <c r="AH164" s="119"/>
      <c r="AI164" s="119"/>
      <c r="AJ164" s="119"/>
      <c r="AK164" s="119"/>
      <c r="AL164" s="119"/>
      <c r="AM164" s="119"/>
      <c r="AN164" s="119"/>
      <c r="AO164" s="119"/>
      <c r="AP164" s="119"/>
      <c r="AQ164" s="119"/>
      <c r="AR164" s="119"/>
      <c r="AS164" s="119"/>
      <c r="AT164" s="119"/>
      <c r="AU164" s="119"/>
      <c r="AV164" s="119"/>
      <c r="AW164" s="119"/>
      <c r="AX164" s="119"/>
      <c r="AY164" s="119"/>
      <c r="AZ164" s="119"/>
      <c r="BA164" s="119"/>
      <c r="BB164" s="107">
        <v>45884</v>
      </c>
    </row>
    <row r="165" spans="1:54" s="207" customFormat="1" ht="13.95" customHeight="1" x14ac:dyDescent="0.25">
      <c r="A165" s="208" t="s">
        <v>495</v>
      </c>
      <c r="B165" s="209" t="s">
        <v>20420</v>
      </c>
      <c r="C165" s="113" t="s">
        <v>496</v>
      </c>
      <c r="D165" s="113" t="s">
        <v>497</v>
      </c>
      <c r="E165" s="210">
        <v>1980</v>
      </c>
      <c r="F165" s="210">
        <v>198</v>
      </c>
      <c r="G165" s="113" t="s">
        <v>1</v>
      </c>
      <c r="H165" s="113">
        <v>0</v>
      </c>
      <c r="I165" s="113">
        <v>0</v>
      </c>
      <c r="J165" s="115">
        <v>1</v>
      </c>
      <c r="K165" s="116" t="s">
        <v>174</v>
      </c>
      <c r="L165" s="115">
        <v>0</v>
      </c>
      <c r="M165" s="115">
        <v>0</v>
      </c>
      <c r="N165" s="115">
        <v>0</v>
      </c>
      <c r="O165" s="115">
        <v>0</v>
      </c>
      <c r="P165" s="115">
        <v>1</v>
      </c>
      <c r="Q165" s="115" t="s">
        <v>400</v>
      </c>
      <c r="R165" s="115">
        <v>1</v>
      </c>
      <c r="S165" s="115">
        <v>0</v>
      </c>
      <c r="T165" s="115">
        <v>0</v>
      </c>
      <c r="U165" s="119"/>
      <c r="V165" s="119"/>
      <c r="W165" s="119"/>
      <c r="X165" s="119"/>
      <c r="Y165" s="119"/>
      <c r="Z165" s="119"/>
      <c r="AA165" s="119"/>
      <c r="AB165" s="119"/>
      <c r="AC165" s="119"/>
      <c r="AD165" s="119"/>
      <c r="AE165" s="119"/>
      <c r="AF165" s="119"/>
      <c r="AG165" s="119"/>
      <c r="AH165" s="119"/>
      <c r="AI165" s="119"/>
      <c r="AJ165" s="119"/>
      <c r="AK165" s="119"/>
      <c r="AL165" s="119"/>
      <c r="AM165" s="119"/>
      <c r="AN165" s="119"/>
      <c r="AO165" s="119"/>
      <c r="AP165" s="119"/>
      <c r="AQ165" s="119"/>
      <c r="AR165" s="119"/>
      <c r="AS165" s="119"/>
      <c r="AT165" s="119"/>
      <c r="AU165" s="119"/>
      <c r="AV165" s="119"/>
      <c r="AW165" s="119"/>
      <c r="AX165" s="119"/>
      <c r="AY165" s="119"/>
      <c r="AZ165" s="119"/>
      <c r="BA165" s="119"/>
      <c r="BB165" s="107">
        <v>45884</v>
      </c>
    </row>
    <row r="166" spans="1:54" s="207" customFormat="1" ht="13.95" customHeight="1" x14ac:dyDescent="0.25">
      <c r="A166" s="208" t="s">
        <v>498</v>
      </c>
      <c r="B166" s="209" t="s">
        <v>20420</v>
      </c>
      <c r="C166" s="113" t="s">
        <v>499</v>
      </c>
      <c r="D166" s="113" t="s">
        <v>22444</v>
      </c>
      <c r="E166" s="210">
        <v>1991</v>
      </c>
      <c r="F166" s="210">
        <v>200</v>
      </c>
      <c r="G166" s="113" t="s">
        <v>1</v>
      </c>
      <c r="H166" s="113">
        <v>0</v>
      </c>
      <c r="I166" s="113">
        <v>0</v>
      </c>
      <c r="J166" s="115">
        <v>0</v>
      </c>
      <c r="K166" s="116" t="s">
        <v>174</v>
      </c>
      <c r="L166" s="115">
        <v>0</v>
      </c>
      <c r="M166" s="115">
        <v>0</v>
      </c>
      <c r="N166" s="115">
        <v>0</v>
      </c>
      <c r="O166" s="115">
        <v>0</v>
      </c>
      <c r="P166" s="115" t="s">
        <v>400</v>
      </c>
      <c r="Q166" s="115" t="s">
        <v>400</v>
      </c>
      <c r="R166" s="115">
        <v>0</v>
      </c>
      <c r="S166" s="115">
        <v>0</v>
      </c>
      <c r="T166" s="115">
        <v>0</v>
      </c>
      <c r="U166" s="119"/>
      <c r="V166" s="119"/>
      <c r="W166" s="119"/>
      <c r="X166" s="119"/>
      <c r="Y166" s="119"/>
      <c r="Z166" s="119"/>
      <c r="AA166" s="119"/>
      <c r="AB166" s="119"/>
      <c r="AC166" s="119"/>
      <c r="AD166" s="119"/>
      <c r="AE166" s="119"/>
      <c r="AF166" s="119"/>
      <c r="AG166" s="119"/>
      <c r="AH166" s="119"/>
      <c r="AI166" s="119"/>
      <c r="AJ166" s="119"/>
      <c r="AK166" s="119"/>
      <c r="AL166" s="119"/>
      <c r="AM166" s="119"/>
      <c r="AN166" s="119"/>
      <c r="AO166" s="119"/>
      <c r="AP166" s="119"/>
      <c r="AQ166" s="119"/>
      <c r="AR166" s="119"/>
      <c r="AS166" s="119"/>
      <c r="AT166" s="119"/>
      <c r="AU166" s="119"/>
      <c r="AV166" s="119"/>
      <c r="AW166" s="119"/>
      <c r="AX166" s="119"/>
      <c r="AY166" s="119"/>
      <c r="AZ166" s="119"/>
      <c r="BA166" s="119"/>
      <c r="BB166" s="107">
        <v>45884</v>
      </c>
    </row>
    <row r="167" spans="1:54" s="207" customFormat="1" ht="13.95" customHeight="1" x14ac:dyDescent="0.25">
      <c r="A167" s="208" t="s">
        <v>500</v>
      </c>
      <c r="B167" s="209" t="s">
        <v>20420</v>
      </c>
      <c r="C167" s="113" t="s">
        <v>501</v>
      </c>
      <c r="D167" s="113" t="s">
        <v>502</v>
      </c>
      <c r="E167" s="210">
        <v>1980</v>
      </c>
      <c r="F167" s="210">
        <v>200</v>
      </c>
      <c r="G167" s="113" t="s">
        <v>1</v>
      </c>
      <c r="H167" s="113">
        <v>0</v>
      </c>
      <c r="I167" s="113">
        <v>0</v>
      </c>
      <c r="J167" s="115">
        <v>1</v>
      </c>
      <c r="K167" s="116" t="s">
        <v>174</v>
      </c>
      <c r="L167" s="115">
        <v>1</v>
      </c>
      <c r="M167" s="120">
        <v>1</v>
      </c>
      <c r="N167" s="115">
        <v>0</v>
      </c>
      <c r="O167" s="115">
        <v>0</v>
      </c>
      <c r="P167" s="212">
        <v>0</v>
      </c>
      <c r="Q167" s="115" t="s">
        <v>400</v>
      </c>
      <c r="R167" s="115">
        <v>0</v>
      </c>
      <c r="S167" s="115">
        <v>0</v>
      </c>
      <c r="T167" s="115">
        <v>0</v>
      </c>
      <c r="U167" s="119"/>
      <c r="V167" s="119"/>
      <c r="W167" s="119"/>
      <c r="X167" s="119"/>
      <c r="Y167" s="119"/>
      <c r="Z167" s="119"/>
      <c r="AA167" s="119"/>
      <c r="AB167" s="119"/>
      <c r="AC167" s="119"/>
      <c r="AD167" s="119"/>
      <c r="AE167" s="119"/>
      <c r="AF167" s="119"/>
      <c r="AG167" s="119"/>
      <c r="AH167" s="119"/>
      <c r="AI167" s="119"/>
      <c r="AJ167" s="119"/>
      <c r="AK167" s="119"/>
      <c r="AL167" s="119"/>
      <c r="AM167" s="119"/>
      <c r="AN167" s="119"/>
      <c r="AO167" s="119"/>
      <c r="AP167" s="119"/>
      <c r="AQ167" s="119"/>
      <c r="AR167" s="119"/>
      <c r="AS167" s="119"/>
      <c r="AT167" s="119"/>
      <c r="AU167" s="119"/>
      <c r="AV167" s="119"/>
      <c r="AW167" s="119"/>
      <c r="AX167" s="119"/>
      <c r="AY167" s="119"/>
      <c r="AZ167" s="119"/>
      <c r="BA167" s="119"/>
      <c r="BB167" s="107">
        <v>45884</v>
      </c>
    </row>
    <row r="168" spans="1:54" s="207" customFormat="1" ht="13.95" customHeight="1" x14ac:dyDescent="0.25">
      <c r="A168" s="208" t="s">
        <v>503</v>
      </c>
      <c r="B168" s="209" t="s">
        <v>20420</v>
      </c>
      <c r="C168" s="113" t="s">
        <v>504</v>
      </c>
      <c r="D168" s="113" t="s">
        <v>22445</v>
      </c>
      <c r="E168" s="210">
        <v>1975</v>
      </c>
      <c r="F168" s="210">
        <v>201</v>
      </c>
      <c r="G168" s="113" t="s">
        <v>1</v>
      </c>
      <c r="H168" s="113">
        <v>0</v>
      </c>
      <c r="I168" s="113">
        <v>0</v>
      </c>
      <c r="J168" s="115">
        <v>1</v>
      </c>
      <c r="K168" s="116" t="s">
        <v>174</v>
      </c>
      <c r="L168" s="115">
        <v>0</v>
      </c>
      <c r="M168" s="115">
        <v>0</v>
      </c>
      <c r="N168" s="115">
        <v>0</v>
      </c>
      <c r="O168" s="115">
        <v>0</v>
      </c>
      <c r="P168" s="115" t="s">
        <v>400</v>
      </c>
      <c r="Q168" s="115" t="s">
        <v>400</v>
      </c>
      <c r="R168" s="115">
        <v>0</v>
      </c>
      <c r="S168" s="115">
        <v>0</v>
      </c>
      <c r="T168" s="115">
        <v>0</v>
      </c>
      <c r="U168" s="119"/>
      <c r="V168" s="119"/>
      <c r="W168" s="119"/>
      <c r="X168" s="119"/>
      <c r="Y168" s="119"/>
      <c r="Z168" s="119"/>
      <c r="AA168" s="119"/>
      <c r="AB168" s="119"/>
      <c r="AC168" s="119"/>
      <c r="AD168" s="119"/>
      <c r="AE168" s="119"/>
      <c r="AF168" s="119"/>
      <c r="AG168" s="119"/>
      <c r="AH168" s="119"/>
      <c r="AI168" s="119"/>
      <c r="AJ168" s="119"/>
      <c r="AK168" s="119"/>
      <c r="AL168" s="119"/>
      <c r="AM168" s="119"/>
      <c r="AN168" s="119"/>
      <c r="AO168" s="119"/>
      <c r="AP168" s="119"/>
      <c r="AQ168" s="119"/>
      <c r="AR168" s="119"/>
      <c r="AS168" s="119"/>
      <c r="AT168" s="119"/>
      <c r="AU168" s="119"/>
      <c r="AV168" s="119"/>
      <c r="AW168" s="119"/>
      <c r="AX168" s="119"/>
      <c r="AY168" s="119"/>
      <c r="AZ168" s="119"/>
      <c r="BA168" s="119"/>
      <c r="BB168" s="107">
        <v>45884</v>
      </c>
    </row>
    <row r="169" spans="1:54" s="207" customFormat="1" ht="13.95" customHeight="1" x14ac:dyDescent="0.25">
      <c r="A169" s="208" t="s">
        <v>505</v>
      </c>
      <c r="B169" s="209" t="s">
        <v>20420</v>
      </c>
      <c r="C169" s="113" t="s">
        <v>506</v>
      </c>
      <c r="D169" s="113" t="s">
        <v>22446</v>
      </c>
      <c r="E169" s="210">
        <v>1976</v>
      </c>
      <c r="F169" s="210">
        <v>201</v>
      </c>
      <c r="G169" s="113" t="s">
        <v>1</v>
      </c>
      <c r="H169" s="113">
        <v>0</v>
      </c>
      <c r="I169" s="113">
        <v>0</v>
      </c>
      <c r="J169" s="115">
        <v>1</v>
      </c>
      <c r="K169" s="116" t="s">
        <v>174</v>
      </c>
      <c r="L169" s="115">
        <v>0</v>
      </c>
      <c r="M169" s="115">
        <v>0</v>
      </c>
      <c r="N169" s="115">
        <v>0</v>
      </c>
      <c r="O169" s="115">
        <v>0</v>
      </c>
      <c r="P169" s="115">
        <v>1</v>
      </c>
      <c r="Q169" s="115" t="s">
        <v>400</v>
      </c>
      <c r="R169" s="115">
        <v>0</v>
      </c>
      <c r="S169" s="115">
        <v>0</v>
      </c>
      <c r="T169" s="115">
        <v>0</v>
      </c>
      <c r="U169" s="119"/>
      <c r="V169" s="119"/>
      <c r="W169" s="119"/>
      <c r="X169" s="119"/>
      <c r="Y169" s="119"/>
      <c r="Z169" s="119"/>
      <c r="AA169" s="119"/>
      <c r="AB169" s="119"/>
      <c r="AC169" s="119"/>
      <c r="AD169" s="119"/>
      <c r="AE169" s="119"/>
      <c r="AF169" s="119"/>
      <c r="AG169" s="119"/>
      <c r="AH169" s="119"/>
      <c r="AI169" s="119"/>
      <c r="AJ169" s="119"/>
      <c r="AK169" s="119"/>
      <c r="AL169" s="119"/>
      <c r="AM169" s="119"/>
      <c r="AN169" s="119"/>
      <c r="AO169" s="119"/>
      <c r="AP169" s="119"/>
      <c r="AQ169" s="119"/>
      <c r="AR169" s="119"/>
      <c r="AS169" s="119"/>
      <c r="AT169" s="119"/>
      <c r="AU169" s="119"/>
      <c r="AV169" s="119"/>
      <c r="AW169" s="119"/>
      <c r="AX169" s="119"/>
      <c r="AY169" s="119"/>
      <c r="AZ169" s="119"/>
      <c r="BA169" s="119"/>
      <c r="BB169" s="107">
        <v>45884</v>
      </c>
    </row>
    <row r="170" spans="1:54" s="207" customFormat="1" ht="13.95" customHeight="1" x14ac:dyDescent="0.25">
      <c r="A170" s="208" t="s">
        <v>507</v>
      </c>
      <c r="B170" s="209" t="s">
        <v>20420</v>
      </c>
      <c r="C170" s="113" t="s">
        <v>508</v>
      </c>
      <c r="D170" s="113" t="s">
        <v>22447</v>
      </c>
      <c r="E170" s="210">
        <v>1986</v>
      </c>
      <c r="F170" s="210">
        <v>202</v>
      </c>
      <c r="G170" s="113" t="s">
        <v>1</v>
      </c>
      <c r="H170" s="113">
        <v>0</v>
      </c>
      <c r="I170" s="113">
        <v>0</v>
      </c>
      <c r="J170" s="115">
        <v>1</v>
      </c>
      <c r="K170" s="116" t="s">
        <v>174</v>
      </c>
      <c r="L170" s="115">
        <v>1</v>
      </c>
      <c r="M170" s="115">
        <v>0</v>
      </c>
      <c r="N170" s="115">
        <v>0</v>
      </c>
      <c r="O170" s="115">
        <v>0</v>
      </c>
      <c r="P170" s="115">
        <v>1</v>
      </c>
      <c r="Q170" s="115" t="s">
        <v>400</v>
      </c>
      <c r="R170" s="115">
        <v>0</v>
      </c>
      <c r="S170" s="115">
        <v>0</v>
      </c>
      <c r="T170" s="115">
        <v>0</v>
      </c>
      <c r="U170" s="119"/>
      <c r="V170" s="119"/>
      <c r="W170" s="119"/>
      <c r="X170" s="119"/>
      <c r="Y170" s="119"/>
      <c r="Z170" s="119"/>
      <c r="AA170" s="119"/>
      <c r="AB170" s="119"/>
      <c r="AC170" s="119"/>
      <c r="AD170" s="119"/>
      <c r="AE170" s="119"/>
      <c r="AF170" s="119"/>
      <c r="AG170" s="119"/>
      <c r="AH170" s="119"/>
      <c r="AI170" s="119"/>
      <c r="AJ170" s="119"/>
      <c r="AK170" s="119"/>
      <c r="AL170" s="119"/>
      <c r="AM170" s="119"/>
      <c r="AN170" s="119"/>
      <c r="AO170" s="119"/>
      <c r="AP170" s="119"/>
      <c r="AQ170" s="119"/>
      <c r="AR170" s="119"/>
      <c r="AS170" s="119"/>
      <c r="AT170" s="119"/>
      <c r="AU170" s="119"/>
      <c r="AV170" s="119"/>
      <c r="AW170" s="119"/>
      <c r="AX170" s="119"/>
      <c r="AY170" s="119"/>
      <c r="AZ170" s="119"/>
      <c r="BA170" s="119"/>
      <c r="BB170" s="107">
        <v>45884</v>
      </c>
    </row>
    <row r="171" spans="1:54" s="207" customFormat="1" ht="13.95" customHeight="1" x14ac:dyDescent="0.25">
      <c r="A171" s="208" t="s">
        <v>509</v>
      </c>
      <c r="B171" s="209" t="s">
        <v>20420</v>
      </c>
      <c r="C171" s="113" t="s">
        <v>510</v>
      </c>
      <c r="D171" s="113" t="s">
        <v>511</v>
      </c>
      <c r="E171" s="210">
        <v>1989</v>
      </c>
      <c r="F171" s="210">
        <v>203</v>
      </c>
      <c r="G171" s="113" t="s">
        <v>1</v>
      </c>
      <c r="H171" s="113">
        <v>0</v>
      </c>
      <c r="I171" s="113">
        <v>0</v>
      </c>
      <c r="J171" s="115">
        <v>0</v>
      </c>
      <c r="K171" s="116" t="s">
        <v>174</v>
      </c>
      <c r="L171" s="115">
        <v>0</v>
      </c>
      <c r="M171" s="115">
        <v>0</v>
      </c>
      <c r="N171" s="115">
        <v>0</v>
      </c>
      <c r="O171" s="115">
        <v>0</v>
      </c>
      <c r="P171" s="115" t="s">
        <v>400</v>
      </c>
      <c r="Q171" s="115" t="s">
        <v>400</v>
      </c>
      <c r="R171" s="115">
        <v>0</v>
      </c>
      <c r="S171" s="115">
        <v>0</v>
      </c>
      <c r="T171" s="115">
        <v>0</v>
      </c>
      <c r="U171" s="119"/>
      <c r="V171" s="119"/>
      <c r="W171" s="119"/>
      <c r="X171" s="119"/>
      <c r="Y171" s="119"/>
      <c r="Z171" s="119"/>
      <c r="AA171" s="119"/>
      <c r="AB171" s="119"/>
      <c r="AC171" s="119"/>
      <c r="AD171" s="119"/>
      <c r="AE171" s="119"/>
      <c r="AF171" s="119"/>
      <c r="AG171" s="119"/>
      <c r="AH171" s="119"/>
      <c r="AI171" s="119"/>
      <c r="AJ171" s="119"/>
      <c r="AK171" s="119"/>
      <c r="AL171" s="119"/>
      <c r="AM171" s="119"/>
      <c r="AN171" s="119"/>
      <c r="AO171" s="119"/>
      <c r="AP171" s="119"/>
      <c r="AQ171" s="119"/>
      <c r="AR171" s="119"/>
      <c r="AS171" s="119"/>
      <c r="AT171" s="119"/>
      <c r="AU171" s="119"/>
      <c r="AV171" s="119"/>
      <c r="AW171" s="119"/>
      <c r="AX171" s="119"/>
      <c r="AY171" s="119"/>
      <c r="AZ171" s="119"/>
      <c r="BA171" s="119"/>
      <c r="BB171" s="107">
        <v>45884</v>
      </c>
    </row>
    <row r="172" spans="1:54" s="207" customFormat="1" ht="13.95" customHeight="1" x14ac:dyDescent="0.25">
      <c r="A172" s="208" t="s">
        <v>512</v>
      </c>
      <c r="B172" s="209" t="s">
        <v>20420</v>
      </c>
      <c r="C172" s="113" t="s">
        <v>513</v>
      </c>
      <c r="D172" s="113" t="s">
        <v>22448</v>
      </c>
      <c r="E172" s="210">
        <v>2003</v>
      </c>
      <c r="F172" s="210">
        <v>203</v>
      </c>
      <c r="G172" s="113" t="s">
        <v>1</v>
      </c>
      <c r="H172" s="113">
        <v>0</v>
      </c>
      <c r="I172" s="113">
        <v>0</v>
      </c>
      <c r="J172" s="115">
        <v>1</v>
      </c>
      <c r="K172" s="116" t="s">
        <v>174</v>
      </c>
      <c r="L172" s="115">
        <v>0</v>
      </c>
      <c r="M172" s="115">
        <v>0</v>
      </c>
      <c r="N172" s="115">
        <v>0</v>
      </c>
      <c r="O172" s="115">
        <v>0</v>
      </c>
      <c r="P172" s="115" t="s">
        <v>400</v>
      </c>
      <c r="Q172" s="115" t="s">
        <v>400</v>
      </c>
      <c r="R172" s="115">
        <v>0</v>
      </c>
      <c r="S172" s="115">
        <v>0</v>
      </c>
      <c r="T172" s="115">
        <v>0</v>
      </c>
      <c r="U172" s="119"/>
      <c r="V172" s="119"/>
      <c r="W172" s="119"/>
      <c r="X172" s="119"/>
      <c r="Y172" s="119"/>
      <c r="Z172" s="119"/>
      <c r="AA172" s="119"/>
      <c r="AB172" s="119"/>
      <c r="AC172" s="119"/>
      <c r="AD172" s="119"/>
      <c r="AE172" s="119"/>
      <c r="AF172" s="119"/>
      <c r="AG172" s="119"/>
      <c r="AH172" s="119"/>
      <c r="AI172" s="119"/>
      <c r="AJ172" s="119"/>
      <c r="AK172" s="119"/>
      <c r="AL172" s="119"/>
      <c r="AM172" s="119"/>
      <c r="AN172" s="119"/>
      <c r="AO172" s="119"/>
      <c r="AP172" s="119"/>
      <c r="AQ172" s="119"/>
      <c r="AR172" s="119"/>
      <c r="AS172" s="119"/>
      <c r="AT172" s="119"/>
      <c r="AU172" s="119"/>
      <c r="AV172" s="119"/>
      <c r="AW172" s="119"/>
      <c r="AX172" s="119"/>
      <c r="AY172" s="119"/>
      <c r="AZ172" s="119"/>
      <c r="BA172" s="119"/>
      <c r="BB172" s="107">
        <v>45884</v>
      </c>
    </row>
    <row r="173" spans="1:54" s="207" customFormat="1" ht="13.95" customHeight="1" x14ac:dyDescent="0.25">
      <c r="A173" s="208" t="s">
        <v>514</v>
      </c>
      <c r="B173" s="209" t="s">
        <v>20420</v>
      </c>
      <c r="C173" s="113" t="s">
        <v>515</v>
      </c>
      <c r="D173" s="113" t="s">
        <v>516</v>
      </c>
      <c r="E173" s="210">
        <v>1967</v>
      </c>
      <c r="F173" s="210">
        <v>204</v>
      </c>
      <c r="G173" s="113" t="s">
        <v>1</v>
      </c>
      <c r="H173" s="113">
        <v>0</v>
      </c>
      <c r="I173" s="113">
        <v>0</v>
      </c>
      <c r="J173" s="115">
        <v>0</v>
      </c>
      <c r="K173" s="116" t="s">
        <v>174</v>
      </c>
      <c r="L173" s="115">
        <v>0</v>
      </c>
      <c r="M173" s="115">
        <v>0</v>
      </c>
      <c r="N173" s="115">
        <v>0</v>
      </c>
      <c r="O173" s="115">
        <v>1</v>
      </c>
      <c r="P173" s="115" t="s">
        <v>400</v>
      </c>
      <c r="Q173" s="115" t="s">
        <v>400</v>
      </c>
      <c r="R173" s="115">
        <v>0</v>
      </c>
      <c r="S173" s="115">
        <v>0</v>
      </c>
      <c r="T173" s="115">
        <v>0</v>
      </c>
      <c r="U173" s="119"/>
      <c r="V173" s="119"/>
      <c r="W173" s="119"/>
      <c r="X173" s="119"/>
      <c r="Y173" s="119"/>
      <c r="Z173" s="119"/>
      <c r="AA173" s="119"/>
      <c r="AB173" s="119"/>
      <c r="AC173" s="119"/>
      <c r="AD173" s="119"/>
      <c r="AE173" s="119"/>
      <c r="AF173" s="119"/>
      <c r="AG173" s="119"/>
      <c r="AH173" s="119"/>
      <c r="AI173" s="119"/>
      <c r="AJ173" s="119"/>
      <c r="AK173" s="119"/>
      <c r="AL173" s="119"/>
      <c r="AM173" s="119"/>
      <c r="AN173" s="119"/>
      <c r="AO173" s="119"/>
      <c r="AP173" s="119"/>
      <c r="AQ173" s="119"/>
      <c r="AR173" s="119"/>
      <c r="AS173" s="119"/>
      <c r="AT173" s="119"/>
      <c r="AU173" s="119"/>
      <c r="AV173" s="119"/>
      <c r="AW173" s="119"/>
      <c r="AX173" s="119"/>
      <c r="AY173" s="119"/>
      <c r="AZ173" s="119"/>
      <c r="BA173" s="119"/>
      <c r="BB173" s="107">
        <v>45884</v>
      </c>
    </row>
    <row r="174" spans="1:54" s="207" customFormat="1" ht="13.95" customHeight="1" x14ac:dyDescent="0.25">
      <c r="A174" s="208" t="s">
        <v>517</v>
      </c>
      <c r="B174" s="209" t="s">
        <v>20420</v>
      </c>
      <c r="C174" s="113" t="s">
        <v>518</v>
      </c>
      <c r="D174" s="113" t="s">
        <v>22449</v>
      </c>
      <c r="E174" s="210">
        <v>1975</v>
      </c>
      <c r="F174" s="210">
        <v>204</v>
      </c>
      <c r="G174" s="113" t="s">
        <v>1</v>
      </c>
      <c r="H174" s="113">
        <v>0</v>
      </c>
      <c r="I174" s="113">
        <v>0</v>
      </c>
      <c r="J174" s="115">
        <v>1</v>
      </c>
      <c r="K174" s="116" t="s">
        <v>174</v>
      </c>
      <c r="L174" s="115">
        <v>1</v>
      </c>
      <c r="M174" s="115">
        <v>0</v>
      </c>
      <c r="N174" s="115">
        <v>0</v>
      </c>
      <c r="O174" s="115">
        <v>0</v>
      </c>
      <c r="P174" s="115" t="s">
        <v>400</v>
      </c>
      <c r="Q174" s="115" t="s">
        <v>400</v>
      </c>
      <c r="R174" s="115">
        <v>0</v>
      </c>
      <c r="S174" s="115">
        <v>0</v>
      </c>
      <c r="T174" s="115">
        <v>0</v>
      </c>
      <c r="U174" s="119"/>
      <c r="V174" s="119"/>
      <c r="W174" s="119"/>
      <c r="X174" s="119"/>
      <c r="Y174" s="119"/>
      <c r="Z174" s="119"/>
      <c r="AA174" s="119"/>
      <c r="AB174" s="119"/>
      <c r="AC174" s="119"/>
      <c r="AD174" s="119"/>
      <c r="AE174" s="119"/>
      <c r="AF174" s="119"/>
      <c r="AG174" s="119"/>
      <c r="AH174" s="119"/>
      <c r="AI174" s="119"/>
      <c r="AJ174" s="119"/>
      <c r="AK174" s="119"/>
      <c r="AL174" s="119"/>
      <c r="AM174" s="119"/>
      <c r="AN174" s="119"/>
      <c r="AO174" s="119"/>
      <c r="AP174" s="119"/>
      <c r="AQ174" s="119"/>
      <c r="AR174" s="119"/>
      <c r="AS174" s="119"/>
      <c r="AT174" s="119"/>
      <c r="AU174" s="119"/>
      <c r="AV174" s="119"/>
      <c r="AW174" s="119"/>
      <c r="AX174" s="119"/>
      <c r="AY174" s="119"/>
      <c r="AZ174" s="119"/>
      <c r="BA174" s="119"/>
      <c r="BB174" s="107">
        <v>45884</v>
      </c>
    </row>
    <row r="175" spans="1:54" s="207" customFormat="1" ht="13.95" customHeight="1" x14ac:dyDescent="0.25">
      <c r="A175" s="208" t="s">
        <v>519</v>
      </c>
      <c r="B175" s="209" t="s">
        <v>20420</v>
      </c>
      <c r="C175" s="113" t="s">
        <v>520</v>
      </c>
      <c r="D175" s="113" t="s">
        <v>22450</v>
      </c>
      <c r="E175" s="210">
        <v>1975</v>
      </c>
      <c r="F175" s="210">
        <v>207</v>
      </c>
      <c r="G175" s="113" t="s">
        <v>1</v>
      </c>
      <c r="H175" s="113">
        <v>0</v>
      </c>
      <c r="I175" s="113">
        <v>0</v>
      </c>
      <c r="J175" s="115">
        <v>1</v>
      </c>
      <c r="K175" s="211">
        <v>1</v>
      </c>
      <c r="L175" s="115">
        <v>1</v>
      </c>
      <c r="M175" s="115">
        <v>0</v>
      </c>
      <c r="N175" s="115">
        <v>0</v>
      </c>
      <c r="O175" s="115">
        <v>0</v>
      </c>
      <c r="P175" s="115">
        <v>1</v>
      </c>
      <c r="Q175" s="115" t="s">
        <v>400</v>
      </c>
      <c r="R175" s="115">
        <v>0</v>
      </c>
      <c r="S175" s="115">
        <v>0</v>
      </c>
      <c r="T175" s="115">
        <v>0</v>
      </c>
      <c r="U175" s="119"/>
      <c r="V175" s="119"/>
      <c r="W175" s="119"/>
      <c r="X175" s="119"/>
      <c r="Y175" s="119"/>
      <c r="Z175" s="119"/>
      <c r="AA175" s="119"/>
      <c r="AB175" s="119"/>
      <c r="AC175" s="119"/>
      <c r="AD175" s="119"/>
      <c r="AE175" s="119"/>
      <c r="AF175" s="119"/>
      <c r="AG175" s="119"/>
      <c r="AH175" s="119"/>
      <c r="AI175" s="119"/>
      <c r="AJ175" s="119"/>
      <c r="AK175" s="119"/>
      <c r="AL175" s="119"/>
      <c r="AM175" s="119"/>
      <c r="AN175" s="119"/>
      <c r="AO175" s="119"/>
      <c r="AP175" s="119"/>
      <c r="AQ175" s="119"/>
      <c r="AR175" s="119"/>
      <c r="AS175" s="119"/>
      <c r="AT175" s="119"/>
      <c r="AU175" s="119"/>
      <c r="AV175" s="119"/>
      <c r="AW175" s="119"/>
      <c r="AX175" s="119"/>
      <c r="AY175" s="119"/>
      <c r="AZ175" s="119"/>
      <c r="BA175" s="119"/>
      <c r="BB175" s="107">
        <v>45884</v>
      </c>
    </row>
    <row r="176" spans="1:54" s="207" customFormat="1" ht="13.95" customHeight="1" x14ac:dyDescent="0.25">
      <c r="A176" s="208" t="s">
        <v>521</v>
      </c>
      <c r="B176" s="209" t="s">
        <v>20420</v>
      </c>
      <c r="C176" s="113" t="s">
        <v>522</v>
      </c>
      <c r="D176" s="113" t="s">
        <v>22451</v>
      </c>
      <c r="E176" s="210">
        <v>2007</v>
      </c>
      <c r="F176" s="210">
        <v>207</v>
      </c>
      <c r="G176" s="113" t="s">
        <v>1</v>
      </c>
      <c r="H176" s="113">
        <v>0</v>
      </c>
      <c r="I176" s="113">
        <v>0</v>
      </c>
      <c r="J176" s="115">
        <v>1</v>
      </c>
      <c r="K176" s="116" t="s">
        <v>174</v>
      </c>
      <c r="L176" s="115">
        <v>1</v>
      </c>
      <c r="M176" s="115">
        <v>1</v>
      </c>
      <c r="N176" s="115">
        <v>0</v>
      </c>
      <c r="O176" s="115">
        <v>0</v>
      </c>
      <c r="P176" s="115" t="s">
        <v>400</v>
      </c>
      <c r="Q176" s="115" t="s">
        <v>400</v>
      </c>
      <c r="R176" s="115">
        <v>0</v>
      </c>
      <c r="S176" s="115">
        <v>0</v>
      </c>
      <c r="T176" s="115">
        <v>0</v>
      </c>
      <c r="U176" s="119"/>
      <c r="V176" s="119"/>
      <c r="W176" s="119"/>
      <c r="X176" s="119"/>
      <c r="Y176" s="119"/>
      <c r="Z176" s="119"/>
      <c r="AA176" s="119"/>
      <c r="AB176" s="119"/>
      <c r="AC176" s="119"/>
      <c r="AD176" s="119"/>
      <c r="AE176" s="119"/>
      <c r="AF176" s="119"/>
      <c r="AG176" s="119"/>
      <c r="AH176" s="119"/>
      <c r="AI176" s="119"/>
      <c r="AJ176" s="119"/>
      <c r="AK176" s="119"/>
      <c r="AL176" s="119"/>
      <c r="AM176" s="119"/>
      <c r="AN176" s="119"/>
      <c r="AO176" s="119"/>
      <c r="AP176" s="119"/>
      <c r="AQ176" s="119"/>
      <c r="AR176" s="119"/>
      <c r="AS176" s="119"/>
      <c r="AT176" s="119"/>
      <c r="AU176" s="119"/>
      <c r="AV176" s="119"/>
      <c r="AW176" s="119"/>
      <c r="AX176" s="119"/>
      <c r="AY176" s="119"/>
      <c r="AZ176" s="119"/>
      <c r="BA176" s="119"/>
      <c r="BB176" s="107">
        <v>45884</v>
      </c>
    </row>
    <row r="177" spans="1:54" s="207" customFormat="1" ht="13.95" customHeight="1" x14ac:dyDescent="0.25">
      <c r="A177" s="208" t="s">
        <v>523</v>
      </c>
      <c r="B177" s="209" t="s">
        <v>20420</v>
      </c>
      <c r="C177" s="113" t="s">
        <v>524</v>
      </c>
      <c r="D177" s="113" t="s">
        <v>525</v>
      </c>
      <c r="E177" s="210">
        <v>1998</v>
      </c>
      <c r="F177" s="210">
        <v>208</v>
      </c>
      <c r="G177" s="113" t="s">
        <v>1</v>
      </c>
      <c r="H177" s="113">
        <v>0</v>
      </c>
      <c r="I177" s="113">
        <v>0</v>
      </c>
      <c r="J177" s="115">
        <v>1</v>
      </c>
      <c r="K177" s="116" t="s">
        <v>174</v>
      </c>
      <c r="L177" s="115">
        <v>0</v>
      </c>
      <c r="M177" s="115">
        <v>0</v>
      </c>
      <c r="N177" s="115">
        <v>0</v>
      </c>
      <c r="O177" s="115">
        <v>0</v>
      </c>
      <c r="P177" s="115" t="s">
        <v>400</v>
      </c>
      <c r="Q177" s="115" t="s">
        <v>400</v>
      </c>
      <c r="R177" s="115">
        <v>1</v>
      </c>
      <c r="S177" s="115">
        <v>0</v>
      </c>
      <c r="T177" s="115">
        <v>0</v>
      </c>
      <c r="U177" s="119"/>
      <c r="V177" s="119"/>
      <c r="W177" s="119"/>
      <c r="X177" s="119"/>
      <c r="Y177" s="119"/>
      <c r="Z177" s="119"/>
      <c r="AA177" s="119"/>
      <c r="AB177" s="119"/>
      <c r="AC177" s="119"/>
      <c r="AD177" s="119"/>
      <c r="AE177" s="119"/>
      <c r="AF177" s="119"/>
      <c r="AG177" s="119"/>
      <c r="AH177" s="119"/>
      <c r="AI177" s="119"/>
      <c r="AJ177" s="119"/>
      <c r="AK177" s="119"/>
      <c r="AL177" s="119"/>
      <c r="AM177" s="119"/>
      <c r="AN177" s="119"/>
      <c r="AO177" s="119"/>
      <c r="AP177" s="119"/>
      <c r="AQ177" s="119"/>
      <c r="AR177" s="119"/>
      <c r="AS177" s="119"/>
      <c r="AT177" s="119"/>
      <c r="AU177" s="119"/>
      <c r="AV177" s="119"/>
      <c r="AW177" s="119"/>
      <c r="AX177" s="119"/>
      <c r="AY177" s="119"/>
      <c r="AZ177" s="119"/>
      <c r="BA177" s="119"/>
      <c r="BB177" s="107">
        <v>45884</v>
      </c>
    </row>
    <row r="178" spans="1:54" s="207" customFormat="1" ht="13.95" customHeight="1" x14ac:dyDescent="0.25">
      <c r="A178" s="208" t="s">
        <v>526</v>
      </c>
      <c r="B178" s="209" t="s">
        <v>20420</v>
      </c>
      <c r="C178" s="113" t="s">
        <v>527</v>
      </c>
      <c r="D178" s="113" t="s">
        <v>22452</v>
      </c>
      <c r="E178" s="210">
        <v>1974</v>
      </c>
      <c r="F178" s="210">
        <v>208</v>
      </c>
      <c r="G178" s="113" t="s">
        <v>1</v>
      </c>
      <c r="H178" s="113">
        <v>0</v>
      </c>
      <c r="I178" s="113">
        <v>0</v>
      </c>
      <c r="J178" s="115">
        <v>1</v>
      </c>
      <c r="K178" s="116" t="s">
        <v>174</v>
      </c>
      <c r="L178" s="115">
        <v>0</v>
      </c>
      <c r="M178" s="115">
        <v>0</v>
      </c>
      <c r="N178" s="115">
        <v>0</v>
      </c>
      <c r="O178" s="115">
        <v>0</v>
      </c>
      <c r="P178" s="115" t="s">
        <v>400</v>
      </c>
      <c r="Q178" s="115" t="s">
        <v>400</v>
      </c>
      <c r="R178" s="115">
        <v>0</v>
      </c>
      <c r="S178" s="115">
        <v>0</v>
      </c>
      <c r="T178" s="115">
        <v>0</v>
      </c>
      <c r="U178" s="119"/>
      <c r="V178" s="119"/>
      <c r="W178" s="119"/>
      <c r="X178" s="119"/>
      <c r="Y178" s="119"/>
      <c r="Z178" s="119"/>
      <c r="AA178" s="119"/>
      <c r="AB178" s="119"/>
      <c r="AC178" s="119"/>
      <c r="AD178" s="119"/>
      <c r="AE178" s="119"/>
      <c r="AF178" s="119"/>
      <c r="AG178" s="119"/>
      <c r="AH178" s="119"/>
      <c r="AI178" s="119"/>
      <c r="AJ178" s="119"/>
      <c r="AK178" s="119"/>
      <c r="AL178" s="119"/>
      <c r="AM178" s="119"/>
      <c r="AN178" s="119"/>
      <c r="AO178" s="119"/>
      <c r="AP178" s="119"/>
      <c r="AQ178" s="119"/>
      <c r="AR178" s="119"/>
      <c r="AS178" s="119"/>
      <c r="AT178" s="119"/>
      <c r="AU178" s="119"/>
      <c r="AV178" s="119"/>
      <c r="AW178" s="119"/>
      <c r="AX178" s="119"/>
      <c r="AY178" s="119"/>
      <c r="AZ178" s="119"/>
      <c r="BA178" s="119"/>
      <c r="BB178" s="107">
        <v>45884</v>
      </c>
    </row>
    <row r="179" spans="1:54" s="207" customFormat="1" ht="13.95" customHeight="1" x14ac:dyDescent="0.25">
      <c r="A179" s="208" t="s">
        <v>528</v>
      </c>
      <c r="B179" s="209" t="s">
        <v>20420</v>
      </c>
      <c r="C179" s="113" t="s">
        <v>529</v>
      </c>
      <c r="D179" s="113" t="s">
        <v>530</v>
      </c>
      <c r="E179" s="210">
        <v>2007</v>
      </c>
      <c r="F179" s="210">
        <v>208</v>
      </c>
      <c r="G179" s="113" t="s">
        <v>1</v>
      </c>
      <c r="H179" s="113">
        <v>0</v>
      </c>
      <c r="I179" s="113">
        <v>0</v>
      </c>
      <c r="J179" s="115">
        <v>1</v>
      </c>
      <c r="K179" s="211">
        <v>1</v>
      </c>
      <c r="L179" s="115">
        <v>1</v>
      </c>
      <c r="M179" s="115">
        <v>0</v>
      </c>
      <c r="N179" s="115">
        <v>0</v>
      </c>
      <c r="O179" s="115">
        <v>0</v>
      </c>
      <c r="P179" s="115" t="s">
        <v>400</v>
      </c>
      <c r="Q179" s="115" t="s">
        <v>400</v>
      </c>
      <c r="R179" s="115">
        <v>0</v>
      </c>
      <c r="S179" s="115">
        <v>0</v>
      </c>
      <c r="T179" s="115">
        <v>0</v>
      </c>
      <c r="U179" s="119"/>
      <c r="V179" s="119"/>
      <c r="W179" s="119"/>
      <c r="X179" s="119"/>
      <c r="Y179" s="119"/>
      <c r="Z179" s="119"/>
      <c r="AA179" s="119"/>
      <c r="AB179" s="119"/>
      <c r="AC179" s="119"/>
      <c r="AD179" s="119"/>
      <c r="AE179" s="119"/>
      <c r="AF179" s="119"/>
      <c r="AG179" s="119"/>
      <c r="AH179" s="119"/>
      <c r="AI179" s="119"/>
      <c r="AJ179" s="119"/>
      <c r="AK179" s="119"/>
      <c r="AL179" s="119"/>
      <c r="AM179" s="119"/>
      <c r="AN179" s="119"/>
      <c r="AO179" s="119"/>
      <c r="AP179" s="119"/>
      <c r="AQ179" s="119"/>
      <c r="AR179" s="119"/>
      <c r="AS179" s="119"/>
      <c r="AT179" s="119"/>
      <c r="AU179" s="119"/>
      <c r="AV179" s="119"/>
      <c r="AW179" s="119"/>
      <c r="AX179" s="119"/>
      <c r="AY179" s="119"/>
      <c r="AZ179" s="119"/>
      <c r="BA179" s="119"/>
      <c r="BB179" s="107">
        <v>45884</v>
      </c>
    </row>
    <row r="180" spans="1:54" s="207" customFormat="1" ht="13.95" customHeight="1" x14ac:dyDescent="0.25">
      <c r="A180" s="208" t="s">
        <v>531</v>
      </c>
      <c r="B180" s="209" t="s">
        <v>20420</v>
      </c>
      <c r="C180" s="113" t="s">
        <v>532</v>
      </c>
      <c r="D180" s="113" t="s">
        <v>22453</v>
      </c>
      <c r="E180" s="210">
        <v>2002</v>
      </c>
      <c r="F180" s="210">
        <v>209</v>
      </c>
      <c r="G180" s="113" t="s">
        <v>1</v>
      </c>
      <c r="H180" s="113">
        <v>0</v>
      </c>
      <c r="I180" s="113">
        <v>0</v>
      </c>
      <c r="J180" s="115">
        <v>1</v>
      </c>
      <c r="K180" s="211">
        <v>1</v>
      </c>
      <c r="L180" s="115">
        <v>1</v>
      </c>
      <c r="M180" s="115">
        <v>0</v>
      </c>
      <c r="N180" s="115">
        <v>0</v>
      </c>
      <c r="O180" s="115">
        <v>0</v>
      </c>
      <c r="P180" s="115" t="s">
        <v>400</v>
      </c>
      <c r="Q180" s="115" t="s">
        <v>400</v>
      </c>
      <c r="R180" s="115">
        <v>0</v>
      </c>
      <c r="S180" s="115">
        <v>0</v>
      </c>
      <c r="T180" s="115">
        <v>0</v>
      </c>
      <c r="U180" s="119"/>
      <c r="V180" s="119"/>
      <c r="W180" s="119"/>
      <c r="X180" s="119"/>
      <c r="Y180" s="119"/>
      <c r="Z180" s="119"/>
      <c r="AA180" s="119"/>
      <c r="AB180" s="119"/>
      <c r="AC180" s="119"/>
      <c r="AD180" s="119"/>
      <c r="AE180" s="119"/>
      <c r="AF180" s="119"/>
      <c r="AG180" s="119"/>
      <c r="AH180" s="119"/>
      <c r="AI180" s="119"/>
      <c r="AJ180" s="119"/>
      <c r="AK180" s="119"/>
      <c r="AL180" s="119"/>
      <c r="AM180" s="119"/>
      <c r="AN180" s="119"/>
      <c r="AO180" s="119"/>
      <c r="AP180" s="119"/>
      <c r="AQ180" s="119"/>
      <c r="AR180" s="119"/>
      <c r="AS180" s="119"/>
      <c r="AT180" s="119"/>
      <c r="AU180" s="119"/>
      <c r="AV180" s="119"/>
      <c r="AW180" s="119"/>
      <c r="AX180" s="119"/>
      <c r="AY180" s="119"/>
      <c r="AZ180" s="119"/>
      <c r="BA180" s="119"/>
      <c r="BB180" s="107">
        <v>45884</v>
      </c>
    </row>
    <row r="181" spans="1:54" s="207" customFormat="1" ht="13.95" customHeight="1" x14ac:dyDescent="0.25">
      <c r="A181" s="208" t="s">
        <v>533</v>
      </c>
      <c r="B181" s="209" t="s">
        <v>20420</v>
      </c>
      <c r="C181" s="113" t="s">
        <v>534</v>
      </c>
      <c r="D181" s="113" t="s">
        <v>22454</v>
      </c>
      <c r="E181" s="210">
        <v>1978</v>
      </c>
      <c r="F181" s="210">
        <v>209</v>
      </c>
      <c r="G181" s="113" t="s">
        <v>1</v>
      </c>
      <c r="H181" s="113">
        <v>0</v>
      </c>
      <c r="I181" s="113">
        <v>0</v>
      </c>
      <c r="J181" s="115">
        <v>1</v>
      </c>
      <c r="K181" s="211">
        <v>1</v>
      </c>
      <c r="L181" s="115">
        <v>0</v>
      </c>
      <c r="M181" s="115">
        <v>0</v>
      </c>
      <c r="N181" s="115">
        <v>0</v>
      </c>
      <c r="O181" s="115">
        <v>0</v>
      </c>
      <c r="P181" s="115" t="s">
        <v>400</v>
      </c>
      <c r="Q181" s="115" t="s">
        <v>400</v>
      </c>
      <c r="R181" s="115">
        <v>1</v>
      </c>
      <c r="S181" s="115">
        <v>0</v>
      </c>
      <c r="T181" s="115">
        <v>0</v>
      </c>
      <c r="U181" s="119"/>
      <c r="V181" s="119"/>
      <c r="W181" s="119"/>
      <c r="X181" s="119"/>
      <c r="Y181" s="119"/>
      <c r="Z181" s="119"/>
      <c r="AA181" s="119"/>
      <c r="AB181" s="119"/>
      <c r="AC181" s="119"/>
      <c r="AD181" s="119"/>
      <c r="AE181" s="119"/>
      <c r="AF181" s="119"/>
      <c r="AG181" s="119"/>
      <c r="AH181" s="119"/>
      <c r="AI181" s="119"/>
      <c r="AJ181" s="119"/>
      <c r="AK181" s="119"/>
      <c r="AL181" s="119"/>
      <c r="AM181" s="119"/>
      <c r="AN181" s="119"/>
      <c r="AO181" s="119"/>
      <c r="AP181" s="119"/>
      <c r="AQ181" s="119"/>
      <c r="AR181" s="119"/>
      <c r="AS181" s="119"/>
      <c r="AT181" s="119"/>
      <c r="AU181" s="119"/>
      <c r="AV181" s="119"/>
      <c r="AW181" s="119"/>
      <c r="AX181" s="119"/>
      <c r="AY181" s="119"/>
      <c r="AZ181" s="119"/>
      <c r="BA181" s="119"/>
      <c r="BB181" s="107">
        <v>45884</v>
      </c>
    </row>
    <row r="182" spans="1:54" s="207" customFormat="1" ht="13.95" customHeight="1" x14ac:dyDescent="0.25">
      <c r="A182" s="208" t="s">
        <v>535</v>
      </c>
      <c r="B182" s="209" t="s">
        <v>20420</v>
      </c>
      <c r="C182" s="113" t="s">
        <v>536</v>
      </c>
      <c r="D182" s="113" t="s">
        <v>22455</v>
      </c>
      <c r="E182" s="210">
        <v>1980</v>
      </c>
      <c r="F182" s="210">
        <v>211</v>
      </c>
      <c r="G182" s="113" t="s">
        <v>1</v>
      </c>
      <c r="H182" s="113">
        <v>0</v>
      </c>
      <c r="I182" s="113">
        <v>0</v>
      </c>
      <c r="J182" s="115">
        <v>1</v>
      </c>
      <c r="K182" s="116" t="s">
        <v>174</v>
      </c>
      <c r="L182" s="115">
        <v>1</v>
      </c>
      <c r="M182" s="212">
        <v>0</v>
      </c>
      <c r="N182" s="115">
        <v>0</v>
      </c>
      <c r="O182" s="115">
        <v>0</v>
      </c>
      <c r="P182" s="115" t="s">
        <v>400</v>
      </c>
      <c r="Q182" s="212">
        <v>1</v>
      </c>
      <c r="R182" s="115">
        <v>1</v>
      </c>
      <c r="S182" s="115">
        <v>0</v>
      </c>
      <c r="T182" s="115">
        <v>0</v>
      </c>
      <c r="U182" s="119"/>
      <c r="V182" s="119"/>
      <c r="W182" s="119"/>
      <c r="X182" s="119"/>
      <c r="Y182" s="119"/>
      <c r="Z182" s="119"/>
      <c r="AA182" s="119"/>
      <c r="AB182" s="119"/>
      <c r="AC182" s="119"/>
      <c r="AD182" s="119"/>
      <c r="AE182" s="119"/>
      <c r="AF182" s="119"/>
      <c r="AG182" s="119"/>
      <c r="AH182" s="119"/>
      <c r="AI182" s="119"/>
      <c r="AJ182" s="119"/>
      <c r="AK182" s="119"/>
      <c r="AL182" s="119"/>
      <c r="AM182" s="119"/>
      <c r="AN182" s="119"/>
      <c r="AO182" s="119"/>
      <c r="AP182" s="119"/>
      <c r="AQ182" s="119"/>
      <c r="AR182" s="119"/>
      <c r="AS182" s="119"/>
      <c r="AT182" s="119"/>
      <c r="AU182" s="119"/>
      <c r="AV182" s="119"/>
      <c r="AW182" s="119"/>
      <c r="AX182" s="119"/>
      <c r="AY182" s="119"/>
      <c r="AZ182" s="119"/>
      <c r="BA182" s="119"/>
      <c r="BB182" s="107">
        <v>45884</v>
      </c>
    </row>
    <row r="183" spans="1:54" s="207" customFormat="1" ht="13.95" customHeight="1" x14ac:dyDescent="0.25">
      <c r="A183" s="208" t="s">
        <v>537</v>
      </c>
      <c r="B183" s="209" t="s">
        <v>20420</v>
      </c>
      <c r="C183" s="113" t="s">
        <v>538</v>
      </c>
      <c r="D183" s="113" t="s">
        <v>22456</v>
      </c>
      <c r="E183" s="210">
        <v>1976</v>
      </c>
      <c r="F183" s="210">
        <v>213</v>
      </c>
      <c r="G183" s="113" t="s">
        <v>1</v>
      </c>
      <c r="H183" s="113">
        <v>0</v>
      </c>
      <c r="I183" s="113">
        <v>0</v>
      </c>
      <c r="J183" s="115">
        <v>1</v>
      </c>
      <c r="K183" s="116" t="s">
        <v>174</v>
      </c>
      <c r="L183" s="115">
        <v>0</v>
      </c>
      <c r="M183" s="115">
        <v>0</v>
      </c>
      <c r="N183" s="115">
        <v>0</v>
      </c>
      <c r="O183" s="115">
        <v>0</v>
      </c>
      <c r="P183" s="115">
        <v>1</v>
      </c>
      <c r="Q183" s="115" t="s">
        <v>400</v>
      </c>
      <c r="R183" s="115">
        <v>1</v>
      </c>
      <c r="S183" s="115">
        <v>0</v>
      </c>
      <c r="T183" s="115">
        <v>0</v>
      </c>
      <c r="U183" s="119"/>
      <c r="V183" s="119"/>
      <c r="W183" s="119"/>
      <c r="X183" s="119"/>
      <c r="Y183" s="119"/>
      <c r="Z183" s="119"/>
      <c r="AA183" s="119"/>
      <c r="AB183" s="119"/>
      <c r="AC183" s="119"/>
      <c r="AD183" s="119"/>
      <c r="AE183" s="119"/>
      <c r="AF183" s="119"/>
      <c r="AG183" s="119"/>
      <c r="AH183" s="119"/>
      <c r="AI183" s="119"/>
      <c r="AJ183" s="119"/>
      <c r="AK183" s="119"/>
      <c r="AL183" s="119"/>
      <c r="AM183" s="119"/>
      <c r="AN183" s="119"/>
      <c r="AO183" s="119"/>
      <c r="AP183" s="119"/>
      <c r="AQ183" s="119"/>
      <c r="AR183" s="119"/>
      <c r="AS183" s="119"/>
      <c r="AT183" s="119"/>
      <c r="AU183" s="119"/>
      <c r="AV183" s="119"/>
      <c r="AW183" s="119"/>
      <c r="AX183" s="119"/>
      <c r="AY183" s="119"/>
      <c r="AZ183" s="119"/>
      <c r="BA183" s="119"/>
      <c r="BB183" s="107">
        <v>45884</v>
      </c>
    </row>
    <row r="184" spans="1:54" s="207" customFormat="1" ht="13.95" customHeight="1" x14ac:dyDescent="0.25">
      <c r="A184" s="208" t="s">
        <v>539</v>
      </c>
      <c r="B184" s="209" t="s">
        <v>20420</v>
      </c>
      <c r="C184" s="113" t="s">
        <v>540</v>
      </c>
      <c r="D184" s="113" t="s">
        <v>541</v>
      </c>
      <c r="E184" s="210">
        <v>1952</v>
      </c>
      <c r="F184" s="210">
        <v>214</v>
      </c>
      <c r="G184" s="113" t="s">
        <v>1</v>
      </c>
      <c r="H184" s="113">
        <v>0</v>
      </c>
      <c r="I184" s="113">
        <v>0</v>
      </c>
      <c r="J184" s="115">
        <v>1</v>
      </c>
      <c r="K184" s="116" t="s">
        <v>174</v>
      </c>
      <c r="L184" s="115">
        <v>0</v>
      </c>
      <c r="M184" s="115">
        <v>1</v>
      </c>
      <c r="N184" s="115">
        <v>0</v>
      </c>
      <c r="O184" s="115">
        <v>0</v>
      </c>
      <c r="P184" s="115" t="s">
        <v>400</v>
      </c>
      <c r="Q184" s="115" t="s">
        <v>400</v>
      </c>
      <c r="R184" s="115">
        <v>0</v>
      </c>
      <c r="S184" s="115">
        <v>0</v>
      </c>
      <c r="T184" s="115">
        <v>0</v>
      </c>
      <c r="U184" s="119"/>
      <c r="V184" s="119"/>
      <c r="W184" s="119"/>
      <c r="X184" s="119"/>
      <c r="Y184" s="119"/>
      <c r="Z184" s="119"/>
      <c r="AA184" s="119"/>
      <c r="AB184" s="119"/>
      <c r="AC184" s="119"/>
      <c r="AD184" s="119"/>
      <c r="AE184" s="119"/>
      <c r="AF184" s="119"/>
      <c r="AG184" s="119"/>
      <c r="AH184" s="119"/>
      <c r="AI184" s="119"/>
      <c r="AJ184" s="119"/>
      <c r="AK184" s="119"/>
      <c r="AL184" s="119"/>
      <c r="AM184" s="119"/>
      <c r="AN184" s="119"/>
      <c r="AO184" s="119"/>
      <c r="AP184" s="119"/>
      <c r="AQ184" s="119"/>
      <c r="AR184" s="119"/>
      <c r="AS184" s="119"/>
      <c r="AT184" s="119"/>
      <c r="AU184" s="119"/>
      <c r="AV184" s="119"/>
      <c r="AW184" s="119"/>
      <c r="AX184" s="119"/>
      <c r="AY184" s="119"/>
      <c r="AZ184" s="119"/>
      <c r="BA184" s="119"/>
      <c r="BB184" s="107">
        <v>45884</v>
      </c>
    </row>
    <row r="185" spans="1:54" s="207" customFormat="1" ht="13.95" customHeight="1" x14ac:dyDescent="0.25">
      <c r="A185" s="208" t="s">
        <v>542</v>
      </c>
      <c r="B185" s="209" t="s">
        <v>20420</v>
      </c>
      <c r="C185" s="113" t="s">
        <v>543</v>
      </c>
      <c r="D185" s="113" t="s">
        <v>544</v>
      </c>
      <c r="E185" s="210">
        <v>1971</v>
      </c>
      <c r="F185" s="210">
        <v>214</v>
      </c>
      <c r="G185" s="113" t="s">
        <v>1</v>
      </c>
      <c r="H185" s="113">
        <v>0</v>
      </c>
      <c r="I185" s="113">
        <v>0</v>
      </c>
      <c r="J185" s="115">
        <v>0</v>
      </c>
      <c r="K185" s="116" t="s">
        <v>174</v>
      </c>
      <c r="L185" s="115">
        <v>0</v>
      </c>
      <c r="M185" s="115">
        <v>0</v>
      </c>
      <c r="N185" s="115">
        <v>0</v>
      </c>
      <c r="O185" s="115">
        <v>0</v>
      </c>
      <c r="P185" s="115" t="s">
        <v>400</v>
      </c>
      <c r="Q185" s="115" t="s">
        <v>400</v>
      </c>
      <c r="R185" s="115">
        <v>0</v>
      </c>
      <c r="S185" s="115">
        <v>0</v>
      </c>
      <c r="T185" s="115">
        <v>0</v>
      </c>
      <c r="U185" s="119"/>
      <c r="V185" s="119"/>
      <c r="W185" s="119"/>
      <c r="X185" s="119"/>
      <c r="Y185" s="119"/>
      <c r="Z185" s="119"/>
      <c r="AA185" s="119"/>
      <c r="AB185" s="119"/>
      <c r="AC185" s="119"/>
      <c r="AD185" s="119"/>
      <c r="AE185" s="119"/>
      <c r="AF185" s="119"/>
      <c r="AG185" s="119"/>
      <c r="AH185" s="119"/>
      <c r="AI185" s="119"/>
      <c r="AJ185" s="119"/>
      <c r="AK185" s="119"/>
      <c r="AL185" s="119"/>
      <c r="AM185" s="119"/>
      <c r="AN185" s="119"/>
      <c r="AO185" s="119"/>
      <c r="AP185" s="119"/>
      <c r="AQ185" s="119"/>
      <c r="AR185" s="119"/>
      <c r="AS185" s="119"/>
      <c r="AT185" s="119"/>
      <c r="AU185" s="119"/>
      <c r="AV185" s="119"/>
      <c r="AW185" s="119"/>
      <c r="AX185" s="119"/>
      <c r="AY185" s="119"/>
      <c r="AZ185" s="119"/>
      <c r="BA185" s="119"/>
      <c r="BB185" s="107">
        <v>45884</v>
      </c>
    </row>
    <row r="186" spans="1:54" s="207" customFormat="1" ht="13.95" customHeight="1" x14ac:dyDescent="0.25">
      <c r="A186" s="208" t="s">
        <v>545</v>
      </c>
      <c r="B186" s="209" t="s">
        <v>20420</v>
      </c>
      <c r="C186" s="113" t="s">
        <v>546</v>
      </c>
      <c r="D186" s="113" t="s">
        <v>22457</v>
      </c>
      <c r="E186" s="210">
        <v>1983</v>
      </c>
      <c r="F186" s="210">
        <v>216</v>
      </c>
      <c r="G186" s="113" t="s">
        <v>1</v>
      </c>
      <c r="H186" s="113">
        <v>0</v>
      </c>
      <c r="I186" s="113">
        <v>0</v>
      </c>
      <c r="J186" s="115">
        <v>1</v>
      </c>
      <c r="K186" s="116" t="s">
        <v>174</v>
      </c>
      <c r="L186" s="115">
        <v>1</v>
      </c>
      <c r="M186" s="115">
        <v>0</v>
      </c>
      <c r="N186" s="115">
        <v>0</v>
      </c>
      <c r="O186" s="115">
        <v>0</v>
      </c>
      <c r="P186" s="115" t="s">
        <v>400</v>
      </c>
      <c r="Q186" s="115" t="s">
        <v>400</v>
      </c>
      <c r="R186" s="115">
        <v>0</v>
      </c>
      <c r="S186" s="115">
        <v>0</v>
      </c>
      <c r="T186" s="115">
        <v>0</v>
      </c>
      <c r="U186" s="119"/>
      <c r="V186" s="119"/>
      <c r="W186" s="119"/>
      <c r="X186" s="119"/>
      <c r="Y186" s="119"/>
      <c r="Z186" s="119"/>
      <c r="AA186" s="119"/>
      <c r="AB186" s="119"/>
      <c r="AC186" s="119"/>
      <c r="AD186" s="119"/>
      <c r="AE186" s="119"/>
      <c r="AF186" s="119"/>
      <c r="AG186" s="119"/>
      <c r="AH186" s="119"/>
      <c r="AI186" s="119"/>
      <c r="AJ186" s="119"/>
      <c r="AK186" s="119"/>
      <c r="AL186" s="119"/>
      <c r="AM186" s="119"/>
      <c r="AN186" s="119"/>
      <c r="AO186" s="119"/>
      <c r="AP186" s="119"/>
      <c r="AQ186" s="119"/>
      <c r="AR186" s="119"/>
      <c r="AS186" s="119"/>
      <c r="AT186" s="119"/>
      <c r="AU186" s="119"/>
      <c r="AV186" s="119"/>
      <c r="AW186" s="119"/>
      <c r="AX186" s="119"/>
      <c r="AY186" s="119"/>
      <c r="AZ186" s="119"/>
      <c r="BA186" s="119"/>
      <c r="BB186" s="107">
        <v>45884</v>
      </c>
    </row>
    <row r="187" spans="1:54" s="207" customFormat="1" ht="13.95" customHeight="1" x14ac:dyDescent="0.25">
      <c r="A187" s="208" t="s">
        <v>547</v>
      </c>
      <c r="B187" s="209" t="s">
        <v>20420</v>
      </c>
      <c r="C187" s="113" t="s">
        <v>548</v>
      </c>
      <c r="D187" s="113" t="s">
        <v>22458</v>
      </c>
      <c r="E187" s="210">
        <v>2000</v>
      </c>
      <c r="F187" s="210">
        <v>217</v>
      </c>
      <c r="G187" s="113" t="s">
        <v>1</v>
      </c>
      <c r="H187" s="113">
        <v>0</v>
      </c>
      <c r="I187" s="113">
        <v>0</v>
      </c>
      <c r="J187" s="115">
        <v>1</v>
      </c>
      <c r="K187" s="116" t="s">
        <v>174</v>
      </c>
      <c r="L187" s="115">
        <v>0</v>
      </c>
      <c r="M187" s="115">
        <v>0</v>
      </c>
      <c r="N187" s="115">
        <v>0</v>
      </c>
      <c r="O187" s="115">
        <v>0</v>
      </c>
      <c r="P187" s="115">
        <v>1</v>
      </c>
      <c r="Q187" s="115" t="s">
        <v>400</v>
      </c>
      <c r="R187" s="115">
        <v>1</v>
      </c>
      <c r="S187" s="115">
        <v>0</v>
      </c>
      <c r="T187" s="115">
        <v>0</v>
      </c>
      <c r="U187" s="119"/>
      <c r="V187" s="119"/>
      <c r="W187" s="119"/>
      <c r="X187" s="119"/>
      <c r="Y187" s="119"/>
      <c r="Z187" s="119"/>
      <c r="AA187" s="119"/>
      <c r="AB187" s="119"/>
      <c r="AC187" s="119"/>
      <c r="AD187" s="119"/>
      <c r="AE187" s="119"/>
      <c r="AF187" s="119"/>
      <c r="AG187" s="119"/>
      <c r="AH187" s="119"/>
      <c r="AI187" s="119"/>
      <c r="AJ187" s="119"/>
      <c r="AK187" s="119"/>
      <c r="AL187" s="119"/>
      <c r="AM187" s="119"/>
      <c r="AN187" s="119"/>
      <c r="AO187" s="119"/>
      <c r="AP187" s="119"/>
      <c r="AQ187" s="119"/>
      <c r="AR187" s="119"/>
      <c r="AS187" s="119"/>
      <c r="AT187" s="119"/>
      <c r="AU187" s="119"/>
      <c r="AV187" s="119"/>
      <c r="AW187" s="119"/>
      <c r="AX187" s="119"/>
      <c r="AY187" s="119"/>
      <c r="AZ187" s="119"/>
      <c r="BA187" s="119"/>
      <c r="BB187" s="107">
        <v>45884</v>
      </c>
    </row>
    <row r="188" spans="1:54" s="207" customFormat="1" ht="13.95" customHeight="1" x14ac:dyDescent="0.25">
      <c r="A188" s="208" t="s">
        <v>549</v>
      </c>
      <c r="B188" s="209" t="s">
        <v>20420</v>
      </c>
      <c r="C188" s="113" t="s">
        <v>550</v>
      </c>
      <c r="D188" s="113" t="s">
        <v>551</v>
      </c>
      <c r="E188" s="210">
        <v>1975</v>
      </c>
      <c r="F188" s="210">
        <v>218</v>
      </c>
      <c r="G188" s="113" t="s">
        <v>1</v>
      </c>
      <c r="H188" s="113">
        <v>0</v>
      </c>
      <c r="I188" s="113">
        <v>0</v>
      </c>
      <c r="J188" s="115">
        <v>1</v>
      </c>
      <c r="K188" s="116" t="s">
        <v>174</v>
      </c>
      <c r="L188" s="115">
        <v>0</v>
      </c>
      <c r="M188" s="115">
        <v>1</v>
      </c>
      <c r="N188" s="115">
        <v>0</v>
      </c>
      <c r="O188" s="115">
        <v>0</v>
      </c>
      <c r="P188" s="115" t="s">
        <v>400</v>
      </c>
      <c r="Q188" s="115" t="s">
        <v>400</v>
      </c>
      <c r="R188" s="115">
        <v>0</v>
      </c>
      <c r="S188" s="115">
        <v>0</v>
      </c>
      <c r="T188" s="115">
        <v>0</v>
      </c>
      <c r="U188" s="119"/>
      <c r="V188" s="119"/>
      <c r="W188" s="119"/>
      <c r="X188" s="119"/>
      <c r="Y188" s="119"/>
      <c r="Z188" s="119"/>
      <c r="AA188" s="119"/>
      <c r="AB188" s="119"/>
      <c r="AC188" s="119"/>
      <c r="AD188" s="119"/>
      <c r="AE188" s="119"/>
      <c r="AF188" s="119"/>
      <c r="AG188" s="119"/>
      <c r="AH188" s="119"/>
      <c r="AI188" s="119"/>
      <c r="AJ188" s="119"/>
      <c r="AK188" s="119"/>
      <c r="AL188" s="119"/>
      <c r="AM188" s="119"/>
      <c r="AN188" s="119"/>
      <c r="AO188" s="119"/>
      <c r="AP188" s="119"/>
      <c r="AQ188" s="119"/>
      <c r="AR188" s="119"/>
      <c r="AS188" s="119"/>
      <c r="AT188" s="119"/>
      <c r="AU188" s="119"/>
      <c r="AV188" s="119"/>
      <c r="AW188" s="119"/>
      <c r="AX188" s="119"/>
      <c r="AY188" s="119"/>
      <c r="AZ188" s="119"/>
      <c r="BA188" s="119"/>
      <c r="BB188" s="107">
        <v>45884</v>
      </c>
    </row>
    <row r="189" spans="1:54" s="207" customFormat="1" ht="13.95" customHeight="1" x14ac:dyDescent="0.25">
      <c r="A189" s="208" t="s">
        <v>552</v>
      </c>
      <c r="B189" s="209" t="s">
        <v>20420</v>
      </c>
      <c r="C189" s="113" t="s">
        <v>553</v>
      </c>
      <c r="D189" s="113" t="s">
        <v>22459</v>
      </c>
      <c r="E189" s="210">
        <v>1999</v>
      </c>
      <c r="F189" s="210">
        <v>219</v>
      </c>
      <c r="G189" s="113" t="s">
        <v>8</v>
      </c>
      <c r="H189" s="113">
        <v>0</v>
      </c>
      <c r="I189" s="113">
        <v>0</v>
      </c>
      <c r="J189" s="115">
        <v>1</v>
      </c>
      <c r="K189" s="116" t="s">
        <v>174</v>
      </c>
      <c r="L189" s="115">
        <v>0</v>
      </c>
      <c r="M189" s="115">
        <v>0</v>
      </c>
      <c r="N189" s="115">
        <v>0</v>
      </c>
      <c r="O189" s="115">
        <v>0</v>
      </c>
      <c r="P189" s="115" t="s">
        <v>400</v>
      </c>
      <c r="Q189" s="115" t="s">
        <v>400</v>
      </c>
      <c r="R189" s="115">
        <v>0</v>
      </c>
      <c r="S189" s="115">
        <v>0</v>
      </c>
      <c r="T189" s="115">
        <v>0</v>
      </c>
      <c r="U189" s="113" t="s">
        <v>174</v>
      </c>
      <c r="V189" s="113" t="s">
        <v>174</v>
      </c>
      <c r="W189" s="113" t="s">
        <v>174</v>
      </c>
      <c r="X189" s="113" t="s">
        <v>174</v>
      </c>
      <c r="Y189" s="113" t="s">
        <v>174</v>
      </c>
      <c r="Z189" s="113" t="s">
        <v>174</v>
      </c>
      <c r="AA189" s="113" t="s">
        <v>174</v>
      </c>
      <c r="AB189" s="113" t="s">
        <v>174</v>
      </c>
      <c r="AC189" s="113" t="s">
        <v>174</v>
      </c>
      <c r="AD189" s="113" t="s">
        <v>174</v>
      </c>
      <c r="AE189" s="113" t="s">
        <v>174</v>
      </c>
      <c r="AF189" s="113" t="s">
        <v>174</v>
      </c>
      <c r="AG189" s="113" t="s">
        <v>174</v>
      </c>
      <c r="AH189" s="113" t="s">
        <v>174</v>
      </c>
      <c r="AI189" s="113" t="s">
        <v>174</v>
      </c>
      <c r="AJ189" s="113" t="s">
        <v>174</v>
      </c>
      <c r="AK189" s="113" t="s">
        <v>174</v>
      </c>
      <c r="AL189" s="113" t="s">
        <v>174</v>
      </c>
      <c r="AM189" s="113" t="s">
        <v>174</v>
      </c>
      <c r="AN189" s="113" t="s">
        <v>174</v>
      </c>
      <c r="AO189" s="113" t="s">
        <v>174</v>
      </c>
      <c r="AP189" s="113" t="s">
        <v>174</v>
      </c>
      <c r="AQ189" s="113" t="s">
        <v>174</v>
      </c>
      <c r="AR189" s="113" t="s">
        <v>174</v>
      </c>
      <c r="AS189" s="113" t="s">
        <v>174</v>
      </c>
      <c r="AT189" s="121" t="s">
        <v>174</v>
      </c>
      <c r="AU189" s="113" t="s">
        <v>174</v>
      </c>
      <c r="AV189" s="113" t="s">
        <v>174</v>
      </c>
      <c r="AW189" s="113" t="s">
        <v>174</v>
      </c>
      <c r="AX189" s="113"/>
      <c r="AY189" s="113"/>
      <c r="AZ189" s="113"/>
      <c r="BA189" s="113"/>
      <c r="BB189" s="107">
        <v>45884</v>
      </c>
    </row>
    <row r="190" spans="1:54" s="207" customFormat="1" ht="13.95" customHeight="1" x14ac:dyDescent="0.25">
      <c r="A190" s="208" t="s">
        <v>554</v>
      </c>
      <c r="B190" s="209" t="s">
        <v>20420</v>
      </c>
      <c r="C190" s="113" t="s">
        <v>555</v>
      </c>
      <c r="D190" s="113" t="s">
        <v>556</v>
      </c>
      <c r="E190" s="210">
        <v>1997</v>
      </c>
      <c r="F190" s="210">
        <v>221</v>
      </c>
      <c r="G190" s="113" t="s">
        <v>1</v>
      </c>
      <c r="H190" s="113">
        <v>0</v>
      </c>
      <c r="I190" s="113">
        <v>0</v>
      </c>
      <c r="J190" s="115">
        <v>1</v>
      </c>
      <c r="K190" s="116" t="s">
        <v>174</v>
      </c>
      <c r="L190" s="115">
        <v>0</v>
      </c>
      <c r="M190" s="115">
        <v>1</v>
      </c>
      <c r="N190" s="115">
        <v>0</v>
      </c>
      <c r="O190" s="115">
        <v>0</v>
      </c>
      <c r="P190" s="115" t="s">
        <v>400</v>
      </c>
      <c r="Q190" s="115" t="s">
        <v>400</v>
      </c>
      <c r="R190" s="115">
        <v>0</v>
      </c>
      <c r="S190" s="115">
        <v>0</v>
      </c>
      <c r="T190" s="115">
        <v>0</v>
      </c>
      <c r="U190" s="119"/>
      <c r="V190" s="119"/>
      <c r="W190" s="119"/>
      <c r="X190" s="119"/>
      <c r="Y190" s="119"/>
      <c r="Z190" s="119"/>
      <c r="AA190" s="119"/>
      <c r="AB190" s="119"/>
      <c r="AC190" s="119"/>
      <c r="AD190" s="119"/>
      <c r="AE190" s="119"/>
      <c r="AF190" s="119"/>
      <c r="AG190" s="119"/>
      <c r="AH190" s="119"/>
      <c r="AI190" s="119"/>
      <c r="AJ190" s="119"/>
      <c r="AK190" s="119"/>
      <c r="AL190" s="119"/>
      <c r="AM190" s="119"/>
      <c r="AN190" s="119"/>
      <c r="AO190" s="119"/>
      <c r="AP190" s="119"/>
      <c r="AQ190" s="119"/>
      <c r="AR190" s="119"/>
      <c r="AS190" s="119"/>
      <c r="AT190" s="119"/>
      <c r="AU190" s="119"/>
      <c r="AV190" s="119"/>
      <c r="AW190" s="119"/>
      <c r="AX190" s="119"/>
      <c r="AY190" s="119"/>
      <c r="AZ190" s="119"/>
      <c r="BA190" s="119"/>
      <c r="BB190" s="107">
        <v>45884</v>
      </c>
    </row>
    <row r="191" spans="1:54" s="207" customFormat="1" ht="13.95" customHeight="1" x14ac:dyDescent="0.25">
      <c r="A191" s="208" t="s">
        <v>557</v>
      </c>
      <c r="B191" s="209" t="s">
        <v>20420</v>
      </c>
      <c r="C191" s="113" t="s">
        <v>558</v>
      </c>
      <c r="D191" s="113" t="s">
        <v>22460</v>
      </c>
      <c r="E191" s="210">
        <v>2003</v>
      </c>
      <c r="F191" s="210">
        <v>221</v>
      </c>
      <c r="G191" s="113" t="s">
        <v>1</v>
      </c>
      <c r="H191" s="113">
        <v>0</v>
      </c>
      <c r="I191" s="113">
        <v>0</v>
      </c>
      <c r="J191" s="115">
        <v>1</v>
      </c>
      <c r="K191" s="116" t="s">
        <v>174</v>
      </c>
      <c r="L191" s="115">
        <v>0</v>
      </c>
      <c r="M191" s="115">
        <v>1</v>
      </c>
      <c r="N191" s="115">
        <v>0</v>
      </c>
      <c r="O191" s="115">
        <v>0</v>
      </c>
      <c r="P191" s="115" t="s">
        <v>400</v>
      </c>
      <c r="Q191" s="115" t="s">
        <v>400</v>
      </c>
      <c r="R191" s="115">
        <v>0</v>
      </c>
      <c r="S191" s="115">
        <v>0</v>
      </c>
      <c r="T191" s="115">
        <v>0</v>
      </c>
      <c r="U191" s="119"/>
      <c r="V191" s="119"/>
      <c r="W191" s="119"/>
      <c r="X191" s="119"/>
      <c r="Y191" s="119"/>
      <c r="Z191" s="119"/>
      <c r="AA191" s="119"/>
      <c r="AB191" s="119"/>
      <c r="AC191" s="119"/>
      <c r="AD191" s="119"/>
      <c r="AE191" s="119"/>
      <c r="AF191" s="119"/>
      <c r="AG191" s="119"/>
      <c r="AH191" s="119"/>
      <c r="AI191" s="119"/>
      <c r="AJ191" s="119"/>
      <c r="AK191" s="119"/>
      <c r="AL191" s="119"/>
      <c r="AM191" s="119"/>
      <c r="AN191" s="119"/>
      <c r="AO191" s="119"/>
      <c r="AP191" s="119"/>
      <c r="AQ191" s="119"/>
      <c r="AR191" s="119"/>
      <c r="AS191" s="119"/>
      <c r="AT191" s="119"/>
      <c r="AU191" s="119"/>
      <c r="AV191" s="119"/>
      <c r="AW191" s="119"/>
      <c r="AX191" s="119"/>
      <c r="AY191" s="119"/>
      <c r="AZ191" s="119"/>
      <c r="BA191" s="119"/>
      <c r="BB191" s="107">
        <v>45884</v>
      </c>
    </row>
    <row r="192" spans="1:54" s="207" customFormat="1" ht="13.95" customHeight="1" x14ac:dyDescent="0.25">
      <c r="A192" s="208" t="s">
        <v>559</v>
      </c>
      <c r="B192" s="209" t="s">
        <v>20420</v>
      </c>
      <c r="C192" s="113" t="s">
        <v>560</v>
      </c>
      <c r="D192" s="113" t="s">
        <v>561</v>
      </c>
      <c r="E192" s="210">
        <v>2010</v>
      </c>
      <c r="F192" s="210">
        <v>221</v>
      </c>
      <c r="G192" s="113" t="s">
        <v>1</v>
      </c>
      <c r="H192" s="113">
        <v>0</v>
      </c>
      <c r="I192" s="113">
        <v>0</v>
      </c>
      <c r="J192" s="115">
        <v>1</v>
      </c>
      <c r="K192" s="116" t="s">
        <v>174</v>
      </c>
      <c r="L192" s="115">
        <v>1</v>
      </c>
      <c r="M192" s="115">
        <v>1</v>
      </c>
      <c r="N192" s="115">
        <v>0</v>
      </c>
      <c r="O192" s="115">
        <v>0</v>
      </c>
      <c r="P192" s="115" t="s">
        <v>400</v>
      </c>
      <c r="Q192" s="115" t="s">
        <v>400</v>
      </c>
      <c r="R192" s="115">
        <v>1</v>
      </c>
      <c r="S192" s="115">
        <v>0</v>
      </c>
      <c r="T192" s="115">
        <v>0</v>
      </c>
      <c r="U192" s="119"/>
      <c r="V192" s="119"/>
      <c r="W192" s="119"/>
      <c r="X192" s="119"/>
      <c r="Y192" s="119"/>
      <c r="Z192" s="119"/>
      <c r="AA192" s="119"/>
      <c r="AB192" s="119"/>
      <c r="AC192" s="119"/>
      <c r="AD192" s="119"/>
      <c r="AE192" s="119"/>
      <c r="AF192" s="119"/>
      <c r="AG192" s="119"/>
      <c r="AH192" s="119"/>
      <c r="AI192" s="119"/>
      <c r="AJ192" s="119"/>
      <c r="AK192" s="119"/>
      <c r="AL192" s="119"/>
      <c r="AM192" s="119"/>
      <c r="AN192" s="119"/>
      <c r="AO192" s="119"/>
      <c r="AP192" s="119"/>
      <c r="AQ192" s="119"/>
      <c r="AR192" s="119"/>
      <c r="AS192" s="119"/>
      <c r="AT192" s="119"/>
      <c r="AU192" s="119"/>
      <c r="AV192" s="119"/>
      <c r="AW192" s="119"/>
      <c r="AX192" s="119"/>
      <c r="AY192" s="119"/>
      <c r="AZ192" s="119"/>
      <c r="BA192" s="119"/>
      <c r="BB192" s="107">
        <v>45884</v>
      </c>
    </row>
    <row r="193" spans="1:54" s="207" customFormat="1" ht="13.95" customHeight="1" x14ac:dyDescent="0.25">
      <c r="A193" s="208" t="s">
        <v>562</v>
      </c>
      <c r="B193" s="209" t="s">
        <v>20420</v>
      </c>
      <c r="C193" s="113" t="s">
        <v>563</v>
      </c>
      <c r="D193" s="113" t="s">
        <v>564</v>
      </c>
      <c r="E193" s="210">
        <v>2003</v>
      </c>
      <c r="F193" s="210">
        <v>221</v>
      </c>
      <c r="G193" s="113" t="s">
        <v>1</v>
      </c>
      <c r="H193" s="113">
        <v>0</v>
      </c>
      <c r="I193" s="113">
        <v>0</v>
      </c>
      <c r="J193" s="115">
        <v>1</v>
      </c>
      <c r="K193" s="116" t="s">
        <v>174</v>
      </c>
      <c r="L193" s="115">
        <v>0</v>
      </c>
      <c r="M193" s="115">
        <v>0</v>
      </c>
      <c r="N193" s="115">
        <v>0</v>
      </c>
      <c r="O193" s="115">
        <v>0</v>
      </c>
      <c r="P193" s="115" t="s">
        <v>400</v>
      </c>
      <c r="Q193" s="115" t="s">
        <v>400</v>
      </c>
      <c r="R193" s="115">
        <v>0</v>
      </c>
      <c r="S193" s="115">
        <v>0</v>
      </c>
      <c r="T193" s="115">
        <v>0</v>
      </c>
      <c r="U193" s="119"/>
      <c r="V193" s="119"/>
      <c r="W193" s="119"/>
      <c r="X193" s="119"/>
      <c r="Y193" s="119"/>
      <c r="Z193" s="119"/>
      <c r="AA193" s="119"/>
      <c r="AB193" s="119"/>
      <c r="AC193" s="119"/>
      <c r="AD193" s="119"/>
      <c r="AE193" s="119"/>
      <c r="AF193" s="119"/>
      <c r="AG193" s="119"/>
      <c r="AH193" s="119"/>
      <c r="AI193" s="119"/>
      <c r="AJ193" s="119"/>
      <c r="AK193" s="119"/>
      <c r="AL193" s="119"/>
      <c r="AM193" s="119"/>
      <c r="AN193" s="119"/>
      <c r="AO193" s="119"/>
      <c r="AP193" s="119"/>
      <c r="AQ193" s="119"/>
      <c r="AR193" s="119"/>
      <c r="AS193" s="119"/>
      <c r="AT193" s="119"/>
      <c r="AU193" s="119"/>
      <c r="AV193" s="119"/>
      <c r="AW193" s="119"/>
      <c r="AX193" s="119"/>
      <c r="AY193" s="119"/>
      <c r="AZ193" s="119"/>
      <c r="BA193" s="119"/>
      <c r="BB193" s="107">
        <v>45884</v>
      </c>
    </row>
    <row r="194" spans="1:54" s="207" customFormat="1" ht="13.95" customHeight="1" x14ac:dyDescent="0.25">
      <c r="A194" s="208" t="s">
        <v>565</v>
      </c>
      <c r="B194" s="209" t="s">
        <v>20420</v>
      </c>
      <c r="C194" s="113" t="s">
        <v>566</v>
      </c>
      <c r="D194" s="113" t="s">
        <v>567</v>
      </c>
      <c r="E194" s="210">
        <v>1979</v>
      </c>
      <c r="F194" s="210">
        <v>222</v>
      </c>
      <c r="G194" s="113" t="s">
        <v>1</v>
      </c>
      <c r="H194" s="113">
        <v>0</v>
      </c>
      <c r="I194" s="113">
        <v>0</v>
      </c>
      <c r="J194" s="115">
        <v>1</v>
      </c>
      <c r="K194" s="116" t="s">
        <v>174</v>
      </c>
      <c r="L194" s="115">
        <v>0</v>
      </c>
      <c r="M194" s="115">
        <v>0</v>
      </c>
      <c r="N194" s="115">
        <v>1</v>
      </c>
      <c r="O194" s="115">
        <v>0</v>
      </c>
      <c r="P194" s="115">
        <v>1</v>
      </c>
      <c r="Q194" s="115" t="s">
        <v>400</v>
      </c>
      <c r="R194" s="115">
        <v>1</v>
      </c>
      <c r="S194" s="115">
        <v>0</v>
      </c>
      <c r="T194" s="115">
        <v>0</v>
      </c>
      <c r="U194" s="119"/>
      <c r="V194" s="119"/>
      <c r="W194" s="119"/>
      <c r="X194" s="119"/>
      <c r="Y194" s="119"/>
      <c r="Z194" s="119"/>
      <c r="AA194" s="119"/>
      <c r="AB194" s="119"/>
      <c r="AC194" s="119"/>
      <c r="AD194" s="119"/>
      <c r="AE194" s="119"/>
      <c r="AF194" s="119"/>
      <c r="AG194" s="119"/>
      <c r="AH194" s="119"/>
      <c r="AI194" s="119"/>
      <c r="AJ194" s="119"/>
      <c r="AK194" s="119"/>
      <c r="AL194" s="119"/>
      <c r="AM194" s="119"/>
      <c r="AN194" s="119"/>
      <c r="AO194" s="119"/>
      <c r="AP194" s="119"/>
      <c r="AQ194" s="119"/>
      <c r="AR194" s="119"/>
      <c r="AS194" s="119"/>
      <c r="AT194" s="119"/>
      <c r="AU194" s="119"/>
      <c r="AV194" s="119"/>
      <c r="AW194" s="119"/>
      <c r="AX194" s="119"/>
      <c r="AY194" s="119"/>
      <c r="AZ194" s="119"/>
      <c r="BA194" s="119"/>
      <c r="BB194" s="107">
        <v>45884</v>
      </c>
    </row>
    <row r="195" spans="1:54" s="207" customFormat="1" ht="13.95" customHeight="1" x14ac:dyDescent="0.25">
      <c r="A195" s="208" t="s">
        <v>568</v>
      </c>
      <c r="B195" s="209" t="s">
        <v>20420</v>
      </c>
      <c r="C195" s="113" t="s">
        <v>569</v>
      </c>
      <c r="D195" s="113" t="s">
        <v>22461</v>
      </c>
      <c r="E195" s="210">
        <v>1976</v>
      </c>
      <c r="F195" s="210">
        <v>222</v>
      </c>
      <c r="G195" s="113" t="s">
        <v>1</v>
      </c>
      <c r="H195" s="113">
        <v>0</v>
      </c>
      <c r="I195" s="113">
        <v>0</v>
      </c>
      <c r="J195" s="115">
        <v>1</v>
      </c>
      <c r="K195" s="211">
        <v>1</v>
      </c>
      <c r="L195" s="115">
        <v>1</v>
      </c>
      <c r="M195" s="115">
        <v>0</v>
      </c>
      <c r="N195" s="115">
        <v>1</v>
      </c>
      <c r="O195" s="115">
        <v>0</v>
      </c>
      <c r="P195" s="115" t="s">
        <v>400</v>
      </c>
      <c r="Q195" s="115" t="s">
        <v>400</v>
      </c>
      <c r="R195" s="115">
        <v>0</v>
      </c>
      <c r="S195" s="115">
        <v>0</v>
      </c>
      <c r="T195" s="115">
        <v>0</v>
      </c>
      <c r="U195" s="119"/>
      <c r="V195" s="119"/>
      <c r="W195" s="119"/>
      <c r="X195" s="119"/>
      <c r="Y195" s="119"/>
      <c r="Z195" s="119"/>
      <c r="AA195" s="119"/>
      <c r="AB195" s="119"/>
      <c r="AC195" s="119"/>
      <c r="AD195" s="119"/>
      <c r="AE195" s="119"/>
      <c r="AF195" s="119"/>
      <c r="AG195" s="119"/>
      <c r="AH195" s="119"/>
      <c r="AI195" s="119"/>
      <c r="AJ195" s="119"/>
      <c r="AK195" s="119"/>
      <c r="AL195" s="119"/>
      <c r="AM195" s="119"/>
      <c r="AN195" s="119"/>
      <c r="AO195" s="119"/>
      <c r="AP195" s="119"/>
      <c r="AQ195" s="119"/>
      <c r="AR195" s="119"/>
      <c r="AS195" s="119"/>
      <c r="AT195" s="119"/>
      <c r="AU195" s="119"/>
      <c r="AV195" s="119"/>
      <c r="AW195" s="119"/>
      <c r="AX195" s="119"/>
      <c r="AY195" s="119"/>
      <c r="AZ195" s="119"/>
      <c r="BA195" s="119"/>
      <c r="BB195" s="107">
        <v>45884</v>
      </c>
    </row>
    <row r="196" spans="1:54" s="207" customFormat="1" ht="13.95" customHeight="1" x14ac:dyDescent="0.25">
      <c r="A196" s="208" t="s">
        <v>570</v>
      </c>
      <c r="B196" s="209" t="s">
        <v>20420</v>
      </c>
      <c r="C196" s="113" t="s">
        <v>571</v>
      </c>
      <c r="D196" s="113" t="s">
        <v>22462</v>
      </c>
      <c r="E196" s="210">
        <v>1989</v>
      </c>
      <c r="F196" s="210">
        <v>223</v>
      </c>
      <c r="G196" s="113" t="s">
        <v>1</v>
      </c>
      <c r="H196" s="113">
        <v>0</v>
      </c>
      <c r="I196" s="113">
        <v>0</v>
      </c>
      <c r="J196" s="115">
        <v>1</v>
      </c>
      <c r="K196" s="116" t="s">
        <v>174</v>
      </c>
      <c r="L196" s="115">
        <v>0</v>
      </c>
      <c r="M196" s="115">
        <v>0</v>
      </c>
      <c r="N196" s="115">
        <v>0</v>
      </c>
      <c r="O196" s="115">
        <v>0</v>
      </c>
      <c r="P196" s="115">
        <v>1</v>
      </c>
      <c r="Q196" s="115" t="s">
        <v>400</v>
      </c>
      <c r="R196" s="115">
        <v>0</v>
      </c>
      <c r="S196" s="115">
        <v>0</v>
      </c>
      <c r="T196" s="115">
        <v>0</v>
      </c>
      <c r="U196" s="119"/>
      <c r="V196" s="119"/>
      <c r="W196" s="119"/>
      <c r="X196" s="119"/>
      <c r="Y196" s="119"/>
      <c r="Z196" s="119"/>
      <c r="AA196" s="119"/>
      <c r="AB196" s="119"/>
      <c r="AC196" s="119"/>
      <c r="AD196" s="119"/>
      <c r="AE196" s="119"/>
      <c r="AF196" s="119"/>
      <c r="AG196" s="119"/>
      <c r="AH196" s="119"/>
      <c r="AI196" s="119"/>
      <c r="AJ196" s="119"/>
      <c r="AK196" s="119"/>
      <c r="AL196" s="119"/>
      <c r="AM196" s="119"/>
      <c r="AN196" s="119"/>
      <c r="AO196" s="119"/>
      <c r="AP196" s="119"/>
      <c r="AQ196" s="119"/>
      <c r="AR196" s="119"/>
      <c r="AS196" s="119"/>
      <c r="AT196" s="119"/>
      <c r="AU196" s="119"/>
      <c r="AV196" s="119"/>
      <c r="AW196" s="119"/>
      <c r="AX196" s="119"/>
      <c r="AY196" s="119"/>
      <c r="AZ196" s="119"/>
      <c r="BA196" s="119"/>
      <c r="BB196" s="107">
        <v>45884</v>
      </c>
    </row>
    <row r="197" spans="1:54" s="207" customFormat="1" ht="13.95" customHeight="1" x14ac:dyDescent="0.25">
      <c r="A197" s="208" t="s">
        <v>572</v>
      </c>
      <c r="B197" s="209" t="s">
        <v>20420</v>
      </c>
      <c r="C197" s="113" t="s">
        <v>573</v>
      </c>
      <c r="D197" s="113" t="s">
        <v>22463</v>
      </c>
      <c r="E197" s="210">
        <v>1995</v>
      </c>
      <c r="F197" s="210">
        <v>223</v>
      </c>
      <c r="G197" s="113" t="s">
        <v>1</v>
      </c>
      <c r="H197" s="113">
        <v>0</v>
      </c>
      <c r="I197" s="113">
        <v>0</v>
      </c>
      <c r="J197" s="115">
        <v>1</v>
      </c>
      <c r="K197" s="116" t="s">
        <v>174</v>
      </c>
      <c r="L197" s="115">
        <v>1</v>
      </c>
      <c r="M197" s="115">
        <v>0</v>
      </c>
      <c r="N197" s="115">
        <v>0</v>
      </c>
      <c r="O197" s="115">
        <v>0</v>
      </c>
      <c r="P197" s="115" t="s">
        <v>400</v>
      </c>
      <c r="Q197" s="115" t="s">
        <v>400</v>
      </c>
      <c r="R197" s="115">
        <v>0</v>
      </c>
      <c r="S197" s="115">
        <v>0</v>
      </c>
      <c r="T197" s="115">
        <v>0</v>
      </c>
      <c r="U197" s="119"/>
      <c r="V197" s="119"/>
      <c r="W197" s="119"/>
      <c r="X197" s="119"/>
      <c r="Y197" s="119"/>
      <c r="Z197" s="119"/>
      <c r="AA197" s="119"/>
      <c r="AB197" s="119"/>
      <c r="AC197" s="119"/>
      <c r="AD197" s="119"/>
      <c r="AE197" s="119"/>
      <c r="AF197" s="119"/>
      <c r="AG197" s="119"/>
      <c r="AH197" s="119"/>
      <c r="AI197" s="119"/>
      <c r="AJ197" s="119"/>
      <c r="AK197" s="119"/>
      <c r="AL197" s="119"/>
      <c r="AM197" s="119"/>
      <c r="AN197" s="119"/>
      <c r="AO197" s="119"/>
      <c r="AP197" s="119"/>
      <c r="AQ197" s="119"/>
      <c r="AR197" s="119"/>
      <c r="AS197" s="119"/>
      <c r="AT197" s="119"/>
      <c r="AU197" s="119"/>
      <c r="AV197" s="119"/>
      <c r="AW197" s="119"/>
      <c r="AX197" s="119"/>
      <c r="AY197" s="119"/>
      <c r="AZ197" s="119"/>
      <c r="BA197" s="119"/>
      <c r="BB197" s="107">
        <v>45884</v>
      </c>
    </row>
    <row r="198" spans="1:54" s="207" customFormat="1" ht="13.95" customHeight="1" x14ac:dyDescent="0.25">
      <c r="A198" s="208" t="s">
        <v>574</v>
      </c>
      <c r="B198" s="209" t="s">
        <v>20420</v>
      </c>
      <c r="C198" s="113" t="s">
        <v>575</v>
      </c>
      <c r="D198" s="113" t="s">
        <v>22464</v>
      </c>
      <c r="E198" s="210">
        <v>2014</v>
      </c>
      <c r="F198" s="210">
        <v>223</v>
      </c>
      <c r="G198" s="113" t="s">
        <v>1</v>
      </c>
      <c r="H198" s="113">
        <v>0</v>
      </c>
      <c r="I198" s="113">
        <v>0</v>
      </c>
      <c r="J198" s="115">
        <v>1</v>
      </c>
      <c r="K198" s="116" t="s">
        <v>174</v>
      </c>
      <c r="L198" s="115">
        <v>0</v>
      </c>
      <c r="M198" s="115">
        <v>0</v>
      </c>
      <c r="N198" s="115">
        <v>0</v>
      </c>
      <c r="O198" s="115">
        <v>0</v>
      </c>
      <c r="P198" s="115" t="s">
        <v>400</v>
      </c>
      <c r="Q198" s="115" t="s">
        <v>400</v>
      </c>
      <c r="R198" s="115">
        <v>0</v>
      </c>
      <c r="S198" s="115">
        <v>0</v>
      </c>
      <c r="T198" s="115">
        <v>0</v>
      </c>
      <c r="U198" s="119"/>
      <c r="V198" s="119"/>
      <c r="W198" s="119"/>
      <c r="X198" s="119"/>
      <c r="Y198" s="119"/>
      <c r="Z198" s="119"/>
      <c r="AA198" s="119"/>
      <c r="AB198" s="119"/>
      <c r="AC198" s="119"/>
      <c r="AD198" s="119"/>
      <c r="AE198" s="119"/>
      <c r="AF198" s="119"/>
      <c r="AG198" s="119"/>
      <c r="AH198" s="119"/>
      <c r="AI198" s="119"/>
      <c r="AJ198" s="119"/>
      <c r="AK198" s="119"/>
      <c r="AL198" s="119"/>
      <c r="AM198" s="119"/>
      <c r="AN198" s="119"/>
      <c r="AO198" s="119"/>
      <c r="AP198" s="119"/>
      <c r="AQ198" s="119"/>
      <c r="AR198" s="119"/>
      <c r="AS198" s="119"/>
      <c r="AT198" s="119"/>
      <c r="AU198" s="119"/>
      <c r="AV198" s="119"/>
      <c r="AW198" s="119"/>
      <c r="AX198" s="119"/>
      <c r="AY198" s="119"/>
      <c r="AZ198" s="119"/>
      <c r="BA198" s="119"/>
      <c r="BB198" s="107">
        <v>45884</v>
      </c>
    </row>
    <row r="199" spans="1:54" s="207" customFormat="1" ht="13.95" customHeight="1" x14ac:dyDescent="0.25">
      <c r="A199" s="208" t="s">
        <v>576</v>
      </c>
      <c r="B199" s="209" t="s">
        <v>20420</v>
      </c>
      <c r="C199" s="113" t="s">
        <v>577</v>
      </c>
      <c r="D199" s="113" t="s">
        <v>22465</v>
      </c>
      <c r="E199" s="210">
        <v>1999</v>
      </c>
      <c r="F199" s="210">
        <v>225</v>
      </c>
      <c r="G199" s="113" t="s">
        <v>1</v>
      </c>
      <c r="H199" s="113">
        <v>0</v>
      </c>
      <c r="I199" s="113">
        <v>0</v>
      </c>
      <c r="J199" s="115">
        <v>1</v>
      </c>
      <c r="K199" s="116" t="s">
        <v>174</v>
      </c>
      <c r="L199" s="115">
        <v>0</v>
      </c>
      <c r="M199" s="115">
        <v>0</v>
      </c>
      <c r="N199" s="115">
        <v>0</v>
      </c>
      <c r="O199" s="115">
        <v>0</v>
      </c>
      <c r="P199" s="115" t="s">
        <v>400</v>
      </c>
      <c r="Q199" s="115" t="s">
        <v>400</v>
      </c>
      <c r="R199" s="115">
        <v>0</v>
      </c>
      <c r="S199" s="115">
        <v>0</v>
      </c>
      <c r="T199" s="115">
        <v>0</v>
      </c>
      <c r="U199" s="119"/>
      <c r="V199" s="119"/>
      <c r="W199" s="119"/>
      <c r="X199" s="119"/>
      <c r="Y199" s="119"/>
      <c r="Z199" s="119"/>
      <c r="AA199" s="119"/>
      <c r="AB199" s="119"/>
      <c r="AC199" s="119"/>
      <c r="AD199" s="119"/>
      <c r="AE199" s="119"/>
      <c r="AF199" s="119"/>
      <c r="AG199" s="119"/>
      <c r="AH199" s="119"/>
      <c r="AI199" s="119"/>
      <c r="AJ199" s="119"/>
      <c r="AK199" s="119"/>
      <c r="AL199" s="119"/>
      <c r="AM199" s="119"/>
      <c r="AN199" s="119"/>
      <c r="AO199" s="119"/>
      <c r="AP199" s="119"/>
      <c r="AQ199" s="119"/>
      <c r="AR199" s="119"/>
      <c r="AS199" s="119"/>
      <c r="AT199" s="119"/>
      <c r="AU199" s="119"/>
      <c r="AV199" s="119"/>
      <c r="AW199" s="119"/>
      <c r="AX199" s="119"/>
      <c r="AY199" s="119"/>
      <c r="AZ199" s="119"/>
      <c r="BA199" s="119"/>
      <c r="BB199" s="107">
        <v>45884</v>
      </c>
    </row>
    <row r="200" spans="1:54" s="207" customFormat="1" ht="13.95" customHeight="1" x14ac:dyDescent="0.25">
      <c r="A200" s="208" t="s">
        <v>578</v>
      </c>
      <c r="B200" s="209" t="s">
        <v>20420</v>
      </c>
      <c r="C200" s="113" t="s">
        <v>579</v>
      </c>
      <c r="D200" s="113" t="s">
        <v>22466</v>
      </c>
      <c r="E200" s="210">
        <v>2001</v>
      </c>
      <c r="F200" s="210">
        <v>225</v>
      </c>
      <c r="G200" s="113" t="s">
        <v>1</v>
      </c>
      <c r="H200" s="113">
        <v>0</v>
      </c>
      <c r="I200" s="113">
        <v>0</v>
      </c>
      <c r="J200" s="115">
        <v>1</v>
      </c>
      <c r="K200" s="116" t="s">
        <v>174</v>
      </c>
      <c r="L200" s="115">
        <v>1</v>
      </c>
      <c r="M200" s="115">
        <v>1</v>
      </c>
      <c r="N200" s="115">
        <v>0</v>
      </c>
      <c r="O200" s="115">
        <v>0</v>
      </c>
      <c r="P200" s="115" t="s">
        <v>400</v>
      </c>
      <c r="Q200" s="115" t="s">
        <v>400</v>
      </c>
      <c r="R200" s="115">
        <v>0</v>
      </c>
      <c r="S200" s="115">
        <v>0</v>
      </c>
      <c r="T200" s="115">
        <v>0</v>
      </c>
      <c r="U200" s="119"/>
      <c r="V200" s="119"/>
      <c r="W200" s="119"/>
      <c r="X200" s="119"/>
      <c r="Y200" s="119"/>
      <c r="Z200" s="119"/>
      <c r="AA200" s="119"/>
      <c r="AB200" s="119"/>
      <c r="AC200" s="119"/>
      <c r="AD200" s="119"/>
      <c r="AE200" s="119"/>
      <c r="AF200" s="119"/>
      <c r="AG200" s="119"/>
      <c r="AH200" s="119"/>
      <c r="AI200" s="119"/>
      <c r="AJ200" s="119"/>
      <c r="AK200" s="119"/>
      <c r="AL200" s="119"/>
      <c r="AM200" s="119"/>
      <c r="AN200" s="119"/>
      <c r="AO200" s="119"/>
      <c r="AP200" s="119"/>
      <c r="AQ200" s="119"/>
      <c r="AR200" s="119"/>
      <c r="AS200" s="119"/>
      <c r="AT200" s="119"/>
      <c r="AU200" s="119"/>
      <c r="AV200" s="119"/>
      <c r="AW200" s="119"/>
      <c r="AX200" s="119"/>
      <c r="AY200" s="119"/>
      <c r="AZ200" s="119"/>
      <c r="BA200" s="119"/>
      <c r="BB200" s="107">
        <v>45884</v>
      </c>
    </row>
    <row r="201" spans="1:54" s="207" customFormat="1" ht="13.95" customHeight="1" x14ac:dyDescent="0.25">
      <c r="A201" s="208" t="s">
        <v>580</v>
      </c>
      <c r="B201" s="209" t="s">
        <v>20420</v>
      </c>
      <c r="C201" s="113" t="s">
        <v>581</v>
      </c>
      <c r="D201" s="113" t="s">
        <v>582</v>
      </c>
      <c r="E201" s="210">
        <v>1974</v>
      </c>
      <c r="F201" s="210">
        <v>225</v>
      </c>
      <c r="G201" s="113" t="s">
        <v>1</v>
      </c>
      <c r="H201" s="113">
        <v>0</v>
      </c>
      <c r="I201" s="113">
        <v>0</v>
      </c>
      <c r="J201" s="115">
        <v>1</v>
      </c>
      <c r="K201" s="116" t="s">
        <v>174</v>
      </c>
      <c r="L201" s="115">
        <v>0</v>
      </c>
      <c r="M201" s="115">
        <v>0</v>
      </c>
      <c r="N201" s="115">
        <v>0</v>
      </c>
      <c r="O201" s="115">
        <v>0</v>
      </c>
      <c r="P201" s="115" t="s">
        <v>400</v>
      </c>
      <c r="Q201" s="115" t="s">
        <v>400</v>
      </c>
      <c r="R201" s="115">
        <v>0</v>
      </c>
      <c r="S201" s="115">
        <v>0</v>
      </c>
      <c r="T201" s="115">
        <v>0</v>
      </c>
      <c r="U201" s="119"/>
      <c r="V201" s="119"/>
      <c r="W201" s="119"/>
      <c r="X201" s="119"/>
      <c r="Y201" s="119"/>
      <c r="Z201" s="119"/>
      <c r="AA201" s="119"/>
      <c r="AB201" s="119"/>
      <c r="AC201" s="119"/>
      <c r="AD201" s="119"/>
      <c r="AE201" s="119"/>
      <c r="AF201" s="119"/>
      <c r="AG201" s="119"/>
      <c r="AH201" s="119"/>
      <c r="AI201" s="119"/>
      <c r="AJ201" s="119"/>
      <c r="AK201" s="119"/>
      <c r="AL201" s="119"/>
      <c r="AM201" s="119"/>
      <c r="AN201" s="119"/>
      <c r="AO201" s="119"/>
      <c r="AP201" s="119"/>
      <c r="AQ201" s="119"/>
      <c r="AR201" s="119"/>
      <c r="AS201" s="119"/>
      <c r="AT201" s="119"/>
      <c r="AU201" s="119"/>
      <c r="AV201" s="119"/>
      <c r="AW201" s="119"/>
      <c r="AX201" s="119"/>
      <c r="AY201" s="119"/>
      <c r="AZ201" s="119"/>
      <c r="BA201" s="119"/>
      <c r="BB201" s="107">
        <v>45884</v>
      </c>
    </row>
    <row r="202" spans="1:54" s="207" customFormat="1" ht="13.95" customHeight="1" x14ac:dyDescent="0.25">
      <c r="A202" s="208" t="s">
        <v>583</v>
      </c>
      <c r="B202" s="209" t="s">
        <v>20420</v>
      </c>
      <c r="C202" s="113" t="s">
        <v>584</v>
      </c>
      <c r="D202" s="113" t="s">
        <v>22467</v>
      </c>
      <c r="E202" s="210">
        <v>1985</v>
      </c>
      <c r="F202" s="210">
        <v>225</v>
      </c>
      <c r="G202" s="113" t="s">
        <v>1</v>
      </c>
      <c r="H202" s="113">
        <v>0</v>
      </c>
      <c r="I202" s="113">
        <v>0</v>
      </c>
      <c r="J202" s="115">
        <v>1</v>
      </c>
      <c r="K202" s="116" t="s">
        <v>174</v>
      </c>
      <c r="L202" s="115">
        <v>1</v>
      </c>
      <c r="M202" s="115">
        <v>0</v>
      </c>
      <c r="N202" s="115">
        <v>0</v>
      </c>
      <c r="O202" s="115">
        <v>0</v>
      </c>
      <c r="P202" s="115" t="s">
        <v>400</v>
      </c>
      <c r="Q202" s="115" t="s">
        <v>400</v>
      </c>
      <c r="R202" s="115">
        <v>0</v>
      </c>
      <c r="S202" s="115">
        <v>0</v>
      </c>
      <c r="T202" s="115">
        <v>0</v>
      </c>
      <c r="U202" s="119"/>
      <c r="V202" s="119"/>
      <c r="W202" s="119"/>
      <c r="X202" s="119"/>
      <c r="Y202" s="119"/>
      <c r="Z202" s="119"/>
      <c r="AA202" s="119"/>
      <c r="AB202" s="119"/>
      <c r="AC202" s="119"/>
      <c r="AD202" s="119"/>
      <c r="AE202" s="119"/>
      <c r="AF202" s="119"/>
      <c r="AG202" s="119"/>
      <c r="AH202" s="119"/>
      <c r="AI202" s="119"/>
      <c r="AJ202" s="119"/>
      <c r="AK202" s="119"/>
      <c r="AL202" s="119"/>
      <c r="AM202" s="119"/>
      <c r="AN202" s="119"/>
      <c r="AO202" s="119"/>
      <c r="AP202" s="119"/>
      <c r="AQ202" s="119"/>
      <c r="AR202" s="119"/>
      <c r="AS202" s="119"/>
      <c r="AT202" s="119"/>
      <c r="AU202" s="119"/>
      <c r="AV202" s="119"/>
      <c r="AW202" s="119"/>
      <c r="AX202" s="119"/>
      <c r="AY202" s="119"/>
      <c r="AZ202" s="119"/>
      <c r="BA202" s="119"/>
      <c r="BB202" s="107">
        <v>45884</v>
      </c>
    </row>
    <row r="203" spans="1:54" s="207" customFormat="1" ht="13.95" customHeight="1" x14ac:dyDescent="0.25">
      <c r="A203" s="208" t="s">
        <v>585</v>
      </c>
      <c r="B203" s="209" t="s">
        <v>20420</v>
      </c>
      <c r="C203" s="113" t="s">
        <v>586</v>
      </c>
      <c r="D203" s="113" t="s">
        <v>587</v>
      </c>
      <c r="E203" s="210">
        <v>1988</v>
      </c>
      <c r="F203" s="210">
        <v>225</v>
      </c>
      <c r="G203" s="113" t="s">
        <v>1</v>
      </c>
      <c r="H203" s="113">
        <v>0</v>
      </c>
      <c r="I203" s="113">
        <v>0</v>
      </c>
      <c r="J203" s="115">
        <v>1</v>
      </c>
      <c r="K203" s="116" t="s">
        <v>174</v>
      </c>
      <c r="L203" s="115">
        <v>1</v>
      </c>
      <c r="M203" s="115">
        <v>0</v>
      </c>
      <c r="N203" s="115">
        <v>0</v>
      </c>
      <c r="O203" s="115">
        <v>0</v>
      </c>
      <c r="P203" s="115">
        <v>1</v>
      </c>
      <c r="Q203" s="115" t="s">
        <v>400</v>
      </c>
      <c r="R203" s="115">
        <v>0</v>
      </c>
      <c r="S203" s="115">
        <v>0</v>
      </c>
      <c r="T203" s="115">
        <v>0</v>
      </c>
      <c r="U203" s="119"/>
      <c r="V203" s="119"/>
      <c r="W203" s="119"/>
      <c r="X203" s="119"/>
      <c r="Y203" s="119"/>
      <c r="Z203" s="119"/>
      <c r="AA203" s="119"/>
      <c r="AB203" s="119"/>
      <c r="AC203" s="119"/>
      <c r="AD203" s="119"/>
      <c r="AE203" s="119"/>
      <c r="AF203" s="119"/>
      <c r="AG203" s="119"/>
      <c r="AH203" s="119"/>
      <c r="AI203" s="119"/>
      <c r="AJ203" s="119"/>
      <c r="AK203" s="119"/>
      <c r="AL203" s="119"/>
      <c r="AM203" s="119"/>
      <c r="AN203" s="119"/>
      <c r="AO203" s="119"/>
      <c r="AP203" s="119"/>
      <c r="AQ203" s="119"/>
      <c r="AR203" s="119"/>
      <c r="AS203" s="119"/>
      <c r="AT203" s="119"/>
      <c r="AU203" s="119"/>
      <c r="AV203" s="119"/>
      <c r="AW203" s="119"/>
      <c r="AX203" s="119"/>
      <c r="AY203" s="119"/>
      <c r="AZ203" s="119"/>
      <c r="BA203" s="119"/>
      <c r="BB203" s="107">
        <v>45884</v>
      </c>
    </row>
    <row r="204" spans="1:54" s="207" customFormat="1" ht="13.95" customHeight="1" x14ac:dyDescent="0.25">
      <c r="A204" s="208" t="s">
        <v>588</v>
      </c>
      <c r="B204" s="209" t="s">
        <v>20420</v>
      </c>
      <c r="C204" s="113" t="s">
        <v>589</v>
      </c>
      <c r="D204" s="113" t="s">
        <v>22468</v>
      </c>
      <c r="E204" s="210">
        <v>1983</v>
      </c>
      <c r="F204" s="210">
        <v>226</v>
      </c>
      <c r="G204" s="113" t="s">
        <v>1</v>
      </c>
      <c r="H204" s="113">
        <v>0</v>
      </c>
      <c r="I204" s="113">
        <v>0</v>
      </c>
      <c r="J204" s="115">
        <v>1</v>
      </c>
      <c r="K204" s="116" t="s">
        <v>174</v>
      </c>
      <c r="L204" s="115">
        <v>0</v>
      </c>
      <c r="M204" s="115">
        <v>0</v>
      </c>
      <c r="N204" s="115">
        <v>1</v>
      </c>
      <c r="O204" s="115">
        <v>0</v>
      </c>
      <c r="P204" s="115" t="s">
        <v>400</v>
      </c>
      <c r="Q204" s="115" t="s">
        <v>400</v>
      </c>
      <c r="R204" s="115">
        <v>0</v>
      </c>
      <c r="S204" s="115">
        <v>0</v>
      </c>
      <c r="T204" s="115">
        <v>0</v>
      </c>
      <c r="U204" s="119"/>
      <c r="V204" s="119"/>
      <c r="W204" s="119"/>
      <c r="X204" s="119"/>
      <c r="Y204" s="119"/>
      <c r="Z204" s="119"/>
      <c r="AA204" s="119"/>
      <c r="AB204" s="119"/>
      <c r="AC204" s="119"/>
      <c r="AD204" s="119"/>
      <c r="AE204" s="119"/>
      <c r="AF204" s="119"/>
      <c r="AG204" s="119"/>
      <c r="AH204" s="119"/>
      <c r="AI204" s="119"/>
      <c r="AJ204" s="119"/>
      <c r="AK204" s="119"/>
      <c r="AL204" s="119"/>
      <c r="AM204" s="119"/>
      <c r="AN204" s="119"/>
      <c r="AO204" s="119"/>
      <c r="AP204" s="119"/>
      <c r="AQ204" s="119"/>
      <c r="AR204" s="119"/>
      <c r="AS204" s="119"/>
      <c r="AT204" s="119"/>
      <c r="AU204" s="119"/>
      <c r="AV204" s="119"/>
      <c r="AW204" s="119"/>
      <c r="AX204" s="119"/>
      <c r="AY204" s="119"/>
      <c r="AZ204" s="119"/>
      <c r="BA204" s="119"/>
      <c r="BB204" s="107">
        <v>45884</v>
      </c>
    </row>
    <row r="205" spans="1:54" s="207" customFormat="1" ht="13.95" customHeight="1" x14ac:dyDescent="0.25">
      <c r="A205" s="208" t="s">
        <v>590</v>
      </c>
      <c r="B205" s="209" t="s">
        <v>20420</v>
      </c>
      <c r="C205" s="113" t="s">
        <v>591</v>
      </c>
      <c r="D205" s="113" t="s">
        <v>592</v>
      </c>
      <c r="E205" s="210">
        <v>1976</v>
      </c>
      <c r="F205" s="210">
        <v>226</v>
      </c>
      <c r="G205" s="113" t="s">
        <v>1</v>
      </c>
      <c r="H205" s="113">
        <v>0</v>
      </c>
      <c r="I205" s="113">
        <v>0</v>
      </c>
      <c r="J205" s="115">
        <v>1</v>
      </c>
      <c r="K205" s="116" t="s">
        <v>174</v>
      </c>
      <c r="L205" s="115">
        <v>0</v>
      </c>
      <c r="M205" s="115">
        <v>0</v>
      </c>
      <c r="N205" s="115">
        <v>0</v>
      </c>
      <c r="O205" s="115">
        <v>0</v>
      </c>
      <c r="P205" s="115" t="s">
        <v>400</v>
      </c>
      <c r="Q205" s="115" t="s">
        <v>400</v>
      </c>
      <c r="R205" s="115">
        <v>0</v>
      </c>
      <c r="S205" s="115">
        <v>0</v>
      </c>
      <c r="T205" s="115">
        <v>0</v>
      </c>
      <c r="U205" s="119"/>
      <c r="V205" s="119"/>
      <c r="W205" s="119"/>
      <c r="X205" s="119"/>
      <c r="Y205" s="119"/>
      <c r="Z205" s="119"/>
      <c r="AA205" s="119"/>
      <c r="AB205" s="119"/>
      <c r="AC205" s="119"/>
      <c r="AD205" s="119"/>
      <c r="AE205" s="119"/>
      <c r="AF205" s="119"/>
      <c r="AG205" s="119"/>
      <c r="AH205" s="119"/>
      <c r="AI205" s="119"/>
      <c r="AJ205" s="119"/>
      <c r="AK205" s="119"/>
      <c r="AL205" s="119"/>
      <c r="AM205" s="119"/>
      <c r="AN205" s="119"/>
      <c r="AO205" s="119"/>
      <c r="AP205" s="119"/>
      <c r="AQ205" s="119"/>
      <c r="AR205" s="119"/>
      <c r="AS205" s="119"/>
      <c r="AT205" s="119"/>
      <c r="AU205" s="119"/>
      <c r="AV205" s="119"/>
      <c r="AW205" s="119"/>
      <c r="AX205" s="119"/>
      <c r="AY205" s="119"/>
      <c r="AZ205" s="119"/>
      <c r="BA205" s="119"/>
      <c r="BB205" s="107">
        <v>45884</v>
      </c>
    </row>
    <row r="206" spans="1:54" s="207" customFormat="1" ht="13.95" customHeight="1" x14ac:dyDescent="0.25">
      <c r="A206" s="208" t="s">
        <v>593</v>
      </c>
      <c r="B206" s="209" t="s">
        <v>20420</v>
      </c>
      <c r="C206" s="113" t="s">
        <v>594</v>
      </c>
      <c r="D206" s="113" t="s">
        <v>595</v>
      </c>
      <c r="E206" s="210">
        <v>1975</v>
      </c>
      <c r="F206" s="210">
        <v>226</v>
      </c>
      <c r="G206" s="113" t="s">
        <v>1</v>
      </c>
      <c r="H206" s="113">
        <v>0</v>
      </c>
      <c r="I206" s="113">
        <v>0</v>
      </c>
      <c r="J206" s="115">
        <v>1</v>
      </c>
      <c r="K206" s="116" t="s">
        <v>174</v>
      </c>
      <c r="L206" s="115">
        <v>1</v>
      </c>
      <c r="M206" s="115">
        <v>0</v>
      </c>
      <c r="N206" s="115">
        <v>0</v>
      </c>
      <c r="O206" s="115">
        <v>0</v>
      </c>
      <c r="P206" s="115" t="s">
        <v>400</v>
      </c>
      <c r="Q206" s="115" t="s">
        <v>400</v>
      </c>
      <c r="R206" s="115">
        <v>0</v>
      </c>
      <c r="S206" s="115">
        <v>0</v>
      </c>
      <c r="T206" s="115">
        <v>0</v>
      </c>
      <c r="U206" s="119"/>
      <c r="V206" s="119"/>
      <c r="W206" s="119"/>
      <c r="X206" s="119"/>
      <c r="Y206" s="119"/>
      <c r="Z206" s="119"/>
      <c r="AA206" s="119"/>
      <c r="AB206" s="119"/>
      <c r="AC206" s="119"/>
      <c r="AD206" s="119"/>
      <c r="AE206" s="119"/>
      <c r="AF206" s="119"/>
      <c r="AG206" s="119"/>
      <c r="AH206" s="119"/>
      <c r="AI206" s="119"/>
      <c r="AJ206" s="119"/>
      <c r="AK206" s="119"/>
      <c r="AL206" s="119"/>
      <c r="AM206" s="119"/>
      <c r="AN206" s="119"/>
      <c r="AO206" s="119"/>
      <c r="AP206" s="119"/>
      <c r="AQ206" s="119"/>
      <c r="AR206" s="119"/>
      <c r="AS206" s="119"/>
      <c r="AT206" s="119"/>
      <c r="AU206" s="119"/>
      <c r="AV206" s="119"/>
      <c r="AW206" s="119"/>
      <c r="AX206" s="119"/>
      <c r="AY206" s="119"/>
      <c r="AZ206" s="119"/>
      <c r="BA206" s="119"/>
      <c r="BB206" s="107">
        <v>45884</v>
      </c>
    </row>
    <row r="207" spans="1:54" s="207" customFormat="1" ht="13.95" customHeight="1" x14ac:dyDescent="0.25">
      <c r="A207" s="208" t="s">
        <v>596</v>
      </c>
      <c r="B207" s="209" t="s">
        <v>20420</v>
      </c>
      <c r="C207" s="113" t="s">
        <v>597</v>
      </c>
      <c r="D207" s="113" t="s">
        <v>598</v>
      </c>
      <c r="E207" s="210">
        <v>1991</v>
      </c>
      <c r="F207" s="210">
        <v>226</v>
      </c>
      <c r="G207" s="113" t="s">
        <v>1</v>
      </c>
      <c r="H207" s="113">
        <v>0</v>
      </c>
      <c r="I207" s="113">
        <v>0</v>
      </c>
      <c r="J207" s="115">
        <v>1</v>
      </c>
      <c r="K207" s="116" t="s">
        <v>174</v>
      </c>
      <c r="L207" s="115">
        <v>0</v>
      </c>
      <c r="M207" s="115">
        <v>0</v>
      </c>
      <c r="N207" s="115">
        <v>1</v>
      </c>
      <c r="O207" s="115">
        <v>0</v>
      </c>
      <c r="P207" s="115">
        <v>1</v>
      </c>
      <c r="Q207" s="115" t="s">
        <v>400</v>
      </c>
      <c r="R207" s="115">
        <v>0</v>
      </c>
      <c r="S207" s="115">
        <v>0</v>
      </c>
      <c r="T207" s="115">
        <v>0</v>
      </c>
      <c r="U207" s="119"/>
      <c r="V207" s="119"/>
      <c r="W207" s="119"/>
      <c r="X207" s="119"/>
      <c r="Y207" s="119"/>
      <c r="Z207" s="119"/>
      <c r="AA207" s="119"/>
      <c r="AB207" s="119"/>
      <c r="AC207" s="119"/>
      <c r="AD207" s="119"/>
      <c r="AE207" s="119"/>
      <c r="AF207" s="119"/>
      <c r="AG207" s="119"/>
      <c r="AH207" s="119"/>
      <c r="AI207" s="119"/>
      <c r="AJ207" s="119"/>
      <c r="AK207" s="119"/>
      <c r="AL207" s="119"/>
      <c r="AM207" s="119"/>
      <c r="AN207" s="119"/>
      <c r="AO207" s="119"/>
      <c r="AP207" s="119"/>
      <c r="AQ207" s="119"/>
      <c r="AR207" s="119"/>
      <c r="AS207" s="119"/>
      <c r="AT207" s="119"/>
      <c r="AU207" s="119"/>
      <c r="AV207" s="119"/>
      <c r="AW207" s="119"/>
      <c r="AX207" s="119"/>
      <c r="AY207" s="119"/>
      <c r="AZ207" s="119"/>
      <c r="BA207" s="119"/>
      <c r="BB207" s="107">
        <v>45884</v>
      </c>
    </row>
    <row r="208" spans="1:54" s="207" customFormat="1" ht="13.95" customHeight="1" x14ac:dyDescent="0.25">
      <c r="A208" s="208" t="s">
        <v>599</v>
      </c>
      <c r="B208" s="209" t="s">
        <v>20420</v>
      </c>
      <c r="C208" s="113" t="s">
        <v>600</v>
      </c>
      <c r="D208" s="113" t="s">
        <v>601</v>
      </c>
      <c r="E208" s="210">
        <v>1998</v>
      </c>
      <c r="F208" s="210">
        <v>227</v>
      </c>
      <c r="G208" s="113" t="s">
        <v>1</v>
      </c>
      <c r="H208" s="113">
        <v>0</v>
      </c>
      <c r="I208" s="113">
        <v>0</v>
      </c>
      <c r="J208" s="115">
        <v>1</v>
      </c>
      <c r="K208" s="116" t="s">
        <v>174</v>
      </c>
      <c r="L208" s="115">
        <v>0</v>
      </c>
      <c r="M208" s="115">
        <v>0</v>
      </c>
      <c r="N208" s="115">
        <v>0</v>
      </c>
      <c r="O208" s="115">
        <v>0</v>
      </c>
      <c r="P208" s="115" t="s">
        <v>400</v>
      </c>
      <c r="Q208" s="115" t="s">
        <v>400</v>
      </c>
      <c r="R208" s="115">
        <v>0</v>
      </c>
      <c r="S208" s="115">
        <v>0</v>
      </c>
      <c r="T208" s="115">
        <v>0</v>
      </c>
      <c r="U208" s="119"/>
      <c r="V208" s="119"/>
      <c r="W208" s="119"/>
      <c r="X208" s="119"/>
      <c r="Y208" s="119"/>
      <c r="Z208" s="119"/>
      <c r="AA208" s="119"/>
      <c r="AB208" s="119"/>
      <c r="AC208" s="119"/>
      <c r="AD208" s="119"/>
      <c r="AE208" s="119"/>
      <c r="AF208" s="119"/>
      <c r="AG208" s="119"/>
      <c r="AH208" s="119"/>
      <c r="AI208" s="119"/>
      <c r="AJ208" s="119"/>
      <c r="AK208" s="119"/>
      <c r="AL208" s="119"/>
      <c r="AM208" s="119"/>
      <c r="AN208" s="119"/>
      <c r="AO208" s="119"/>
      <c r="AP208" s="119"/>
      <c r="AQ208" s="119"/>
      <c r="AR208" s="119"/>
      <c r="AS208" s="119"/>
      <c r="AT208" s="119"/>
      <c r="AU208" s="119"/>
      <c r="AV208" s="119"/>
      <c r="AW208" s="119"/>
      <c r="AX208" s="119"/>
      <c r="AY208" s="119"/>
      <c r="AZ208" s="119"/>
      <c r="BA208" s="119"/>
      <c r="BB208" s="107">
        <v>45884</v>
      </c>
    </row>
    <row r="209" spans="1:54" s="207" customFormat="1" ht="13.95" customHeight="1" x14ac:dyDescent="0.25">
      <c r="A209" s="208" t="s">
        <v>602</v>
      </c>
      <c r="B209" s="209" t="s">
        <v>20420</v>
      </c>
      <c r="C209" s="113" t="s">
        <v>603</v>
      </c>
      <c r="D209" s="113" t="s">
        <v>22469</v>
      </c>
      <c r="E209" s="210">
        <v>1999</v>
      </c>
      <c r="F209" s="210">
        <v>227</v>
      </c>
      <c r="G209" s="113" t="s">
        <v>1</v>
      </c>
      <c r="H209" s="113">
        <v>0</v>
      </c>
      <c r="I209" s="113">
        <v>0</v>
      </c>
      <c r="J209" s="115">
        <v>1</v>
      </c>
      <c r="K209" s="211">
        <v>1</v>
      </c>
      <c r="L209" s="115">
        <v>0</v>
      </c>
      <c r="M209" s="115">
        <v>1</v>
      </c>
      <c r="N209" s="115">
        <v>0</v>
      </c>
      <c r="O209" s="115">
        <v>0</v>
      </c>
      <c r="P209" s="115" t="s">
        <v>400</v>
      </c>
      <c r="Q209" s="115" t="s">
        <v>400</v>
      </c>
      <c r="R209" s="115">
        <v>0</v>
      </c>
      <c r="S209" s="115">
        <v>0</v>
      </c>
      <c r="T209" s="115">
        <v>0</v>
      </c>
      <c r="U209" s="119"/>
      <c r="V209" s="119"/>
      <c r="W209" s="119"/>
      <c r="X209" s="119"/>
      <c r="Y209" s="119"/>
      <c r="Z209" s="119"/>
      <c r="AA209" s="119"/>
      <c r="AB209" s="119"/>
      <c r="AC209" s="119"/>
      <c r="AD209" s="119"/>
      <c r="AE209" s="119"/>
      <c r="AF209" s="119"/>
      <c r="AG209" s="119"/>
      <c r="AH209" s="119"/>
      <c r="AI209" s="119"/>
      <c r="AJ209" s="119"/>
      <c r="AK209" s="119"/>
      <c r="AL209" s="119"/>
      <c r="AM209" s="119"/>
      <c r="AN209" s="119"/>
      <c r="AO209" s="119"/>
      <c r="AP209" s="119"/>
      <c r="AQ209" s="119"/>
      <c r="AR209" s="119"/>
      <c r="AS209" s="119"/>
      <c r="AT209" s="119"/>
      <c r="AU209" s="119"/>
      <c r="AV209" s="119"/>
      <c r="AW209" s="119"/>
      <c r="AX209" s="119"/>
      <c r="AY209" s="119"/>
      <c r="AZ209" s="119"/>
      <c r="BA209" s="119"/>
      <c r="BB209" s="107">
        <v>45884</v>
      </c>
    </row>
    <row r="210" spans="1:54" s="207" customFormat="1" ht="13.95" customHeight="1" x14ac:dyDescent="0.25">
      <c r="A210" s="208" t="s">
        <v>604</v>
      </c>
      <c r="B210" s="209" t="s">
        <v>20420</v>
      </c>
      <c r="C210" s="113" t="s">
        <v>605</v>
      </c>
      <c r="D210" s="113" t="s">
        <v>22470</v>
      </c>
      <c r="E210" s="210">
        <v>1960</v>
      </c>
      <c r="F210" s="210">
        <v>228</v>
      </c>
      <c r="G210" s="113" t="s">
        <v>1</v>
      </c>
      <c r="H210" s="113">
        <v>0</v>
      </c>
      <c r="I210" s="113">
        <v>0</v>
      </c>
      <c r="J210" s="115">
        <v>1</v>
      </c>
      <c r="K210" s="116" t="s">
        <v>174</v>
      </c>
      <c r="L210" s="115">
        <v>0</v>
      </c>
      <c r="M210" s="115">
        <v>0</v>
      </c>
      <c r="N210" s="115">
        <v>1</v>
      </c>
      <c r="O210" s="115">
        <v>0</v>
      </c>
      <c r="P210" s="115" t="s">
        <v>400</v>
      </c>
      <c r="Q210" s="115" t="s">
        <v>400</v>
      </c>
      <c r="R210" s="115">
        <v>0</v>
      </c>
      <c r="S210" s="115">
        <v>0</v>
      </c>
      <c r="T210" s="115">
        <v>0</v>
      </c>
      <c r="U210" s="119"/>
      <c r="V210" s="119"/>
      <c r="W210" s="119"/>
      <c r="X210" s="119"/>
      <c r="Y210" s="119"/>
      <c r="Z210" s="119"/>
      <c r="AA210" s="119"/>
      <c r="AB210" s="119"/>
      <c r="AC210" s="119"/>
      <c r="AD210" s="119"/>
      <c r="AE210" s="119"/>
      <c r="AF210" s="119"/>
      <c r="AG210" s="119"/>
      <c r="AH210" s="119"/>
      <c r="AI210" s="119"/>
      <c r="AJ210" s="119"/>
      <c r="AK210" s="119"/>
      <c r="AL210" s="119"/>
      <c r="AM210" s="119"/>
      <c r="AN210" s="119"/>
      <c r="AO210" s="119"/>
      <c r="AP210" s="119"/>
      <c r="AQ210" s="119"/>
      <c r="AR210" s="119"/>
      <c r="AS210" s="119"/>
      <c r="AT210" s="119"/>
      <c r="AU210" s="119"/>
      <c r="AV210" s="119"/>
      <c r="AW210" s="119"/>
      <c r="AX210" s="119"/>
      <c r="AY210" s="119"/>
      <c r="AZ210" s="119"/>
      <c r="BA210" s="119"/>
      <c r="BB210" s="107">
        <v>45884</v>
      </c>
    </row>
    <row r="211" spans="1:54" s="207" customFormat="1" ht="13.95" customHeight="1" x14ac:dyDescent="0.25">
      <c r="A211" s="208" t="s">
        <v>606</v>
      </c>
      <c r="B211" s="209" t="s">
        <v>20420</v>
      </c>
      <c r="C211" s="113" t="s">
        <v>607</v>
      </c>
      <c r="D211" s="113" t="s">
        <v>22471</v>
      </c>
      <c r="E211" s="210">
        <v>2010</v>
      </c>
      <c r="F211" s="210">
        <v>229</v>
      </c>
      <c r="G211" s="113" t="s">
        <v>1</v>
      </c>
      <c r="H211" s="113">
        <v>0</v>
      </c>
      <c r="I211" s="113">
        <v>0</v>
      </c>
      <c r="J211" s="115">
        <v>0</v>
      </c>
      <c r="K211" s="116" t="s">
        <v>174</v>
      </c>
      <c r="L211" s="115">
        <v>0</v>
      </c>
      <c r="M211" s="115">
        <v>0</v>
      </c>
      <c r="N211" s="115">
        <v>0</v>
      </c>
      <c r="O211" s="115">
        <v>0</v>
      </c>
      <c r="P211" s="115" t="s">
        <v>400</v>
      </c>
      <c r="Q211" s="115" t="s">
        <v>400</v>
      </c>
      <c r="R211" s="115">
        <v>0</v>
      </c>
      <c r="S211" s="115">
        <v>0</v>
      </c>
      <c r="T211" s="115">
        <v>0</v>
      </c>
      <c r="U211" s="119"/>
      <c r="V211" s="119"/>
      <c r="W211" s="119"/>
      <c r="X211" s="119"/>
      <c r="Y211" s="119"/>
      <c r="Z211" s="119"/>
      <c r="AA211" s="119"/>
      <c r="AB211" s="119"/>
      <c r="AC211" s="119"/>
      <c r="AD211" s="119"/>
      <c r="AE211" s="119"/>
      <c r="AF211" s="119"/>
      <c r="AG211" s="119"/>
      <c r="AH211" s="119"/>
      <c r="AI211" s="119"/>
      <c r="AJ211" s="119"/>
      <c r="AK211" s="119"/>
      <c r="AL211" s="119"/>
      <c r="AM211" s="119"/>
      <c r="AN211" s="119"/>
      <c r="AO211" s="119"/>
      <c r="AP211" s="119"/>
      <c r="AQ211" s="119"/>
      <c r="AR211" s="119"/>
      <c r="AS211" s="119"/>
      <c r="AT211" s="119"/>
      <c r="AU211" s="119"/>
      <c r="AV211" s="119"/>
      <c r="AW211" s="119"/>
      <c r="AX211" s="119"/>
      <c r="AY211" s="119"/>
      <c r="AZ211" s="119"/>
      <c r="BA211" s="119"/>
      <c r="BB211" s="107">
        <v>45884</v>
      </c>
    </row>
    <row r="212" spans="1:54" s="207" customFormat="1" ht="13.95" customHeight="1" x14ac:dyDescent="0.25">
      <c r="A212" s="208" t="s">
        <v>608</v>
      </c>
      <c r="B212" s="209" t="s">
        <v>20420</v>
      </c>
      <c r="C212" s="113" t="s">
        <v>609</v>
      </c>
      <c r="D212" s="113" t="s">
        <v>22472</v>
      </c>
      <c r="E212" s="210">
        <v>1979</v>
      </c>
      <c r="F212" s="210">
        <v>229</v>
      </c>
      <c r="G212" s="113" t="s">
        <v>1</v>
      </c>
      <c r="H212" s="113">
        <v>0</v>
      </c>
      <c r="I212" s="113">
        <v>0</v>
      </c>
      <c r="J212" s="115">
        <v>1</v>
      </c>
      <c r="K212" s="116" t="s">
        <v>174</v>
      </c>
      <c r="L212" s="115">
        <v>0</v>
      </c>
      <c r="M212" s="115">
        <v>0</v>
      </c>
      <c r="N212" s="115">
        <v>0</v>
      </c>
      <c r="O212" s="115">
        <v>0</v>
      </c>
      <c r="P212" s="115" t="s">
        <v>400</v>
      </c>
      <c r="Q212" s="115" t="s">
        <v>400</v>
      </c>
      <c r="R212" s="115">
        <v>0</v>
      </c>
      <c r="S212" s="115">
        <v>0</v>
      </c>
      <c r="T212" s="115">
        <v>0</v>
      </c>
      <c r="U212" s="119"/>
      <c r="V212" s="119"/>
      <c r="W212" s="119"/>
      <c r="X212" s="119"/>
      <c r="Y212" s="119"/>
      <c r="Z212" s="119"/>
      <c r="AA212" s="119"/>
      <c r="AB212" s="119"/>
      <c r="AC212" s="119"/>
      <c r="AD212" s="119"/>
      <c r="AE212" s="119"/>
      <c r="AF212" s="119"/>
      <c r="AG212" s="119"/>
      <c r="AH212" s="119"/>
      <c r="AI212" s="119"/>
      <c r="AJ212" s="119"/>
      <c r="AK212" s="119"/>
      <c r="AL212" s="119"/>
      <c r="AM212" s="119"/>
      <c r="AN212" s="119"/>
      <c r="AO212" s="119"/>
      <c r="AP212" s="119"/>
      <c r="AQ212" s="119"/>
      <c r="AR212" s="119"/>
      <c r="AS212" s="119"/>
      <c r="AT212" s="119"/>
      <c r="AU212" s="119"/>
      <c r="AV212" s="119"/>
      <c r="AW212" s="119"/>
      <c r="AX212" s="119"/>
      <c r="AY212" s="119"/>
      <c r="AZ212" s="119"/>
      <c r="BA212" s="119"/>
      <c r="BB212" s="107">
        <v>45884</v>
      </c>
    </row>
    <row r="213" spans="1:54" s="207" customFormat="1" ht="13.95" customHeight="1" x14ac:dyDescent="0.25">
      <c r="A213" s="208" t="s">
        <v>610</v>
      </c>
      <c r="B213" s="209" t="s">
        <v>20420</v>
      </c>
      <c r="C213" s="113" t="s">
        <v>611</v>
      </c>
      <c r="D213" s="113" t="s">
        <v>22473</v>
      </c>
      <c r="E213" s="210">
        <v>2011</v>
      </c>
      <c r="F213" s="210">
        <v>229</v>
      </c>
      <c r="G213" s="113" t="s">
        <v>1</v>
      </c>
      <c r="H213" s="113">
        <v>0</v>
      </c>
      <c r="I213" s="113">
        <v>0</v>
      </c>
      <c r="J213" s="115">
        <v>1</v>
      </c>
      <c r="K213" s="116" t="s">
        <v>174</v>
      </c>
      <c r="L213" s="115">
        <v>0</v>
      </c>
      <c r="M213" s="115">
        <v>0</v>
      </c>
      <c r="N213" s="115">
        <v>0</v>
      </c>
      <c r="O213" s="115">
        <v>0</v>
      </c>
      <c r="P213" s="115" t="s">
        <v>400</v>
      </c>
      <c r="Q213" s="115" t="s">
        <v>400</v>
      </c>
      <c r="R213" s="115">
        <v>0</v>
      </c>
      <c r="S213" s="115">
        <v>0</v>
      </c>
      <c r="T213" s="115">
        <v>0</v>
      </c>
      <c r="U213" s="119"/>
      <c r="V213" s="119"/>
      <c r="W213" s="119"/>
      <c r="X213" s="119"/>
      <c r="Y213" s="119"/>
      <c r="Z213" s="119"/>
      <c r="AA213" s="119"/>
      <c r="AB213" s="119"/>
      <c r="AC213" s="119"/>
      <c r="AD213" s="119"/>
      <c r="AE213" s="119"/>
      <c r="AF213" s="119"/>
      <c r="AG213" s="119"/>
      <c r="AH213" s="119"/>
      <c r="AI213" s="119"/>
      <c r="AJ213" s="119"/>
      <c r="AK213" s="119"/>
      <c r="AL213" s="119"/>
      <c r="AM213" s="119"/>
      <c r="AN213" s="119"/>
      <c r="AO213" s="119"/>
      <c r="AP213" s="119"/>
      <c r="AQ213" s="119"/>
      <c r="AR213" s="119"/>
      <c r="AS213" s="119"/>
      <c r="AT213" s="119"/>
      <c r="AU213" s="119"/>
      <c r="AV213" s="119"/>
      <c r="AW213" s="119"/>
      <c r="AX213" s="119"/>
      <c r="AY213" s="119"/>
      <c r="AZ213" s="119"/>
      <c r="BA213" s="119"/>
      <c r="BB213" s="107">
        <v>45884</v>
      </c>
    </row>
    <row r="214" spans="1:54" s="207" customFormat="1" ht="13.95" customHeight="1" x14ac:dyDescent="0.25">
      <c r="A214" s="208" t="s">
        <v>612</v>
      </c>
      <c r="B214" s="209" t="s">
        <v>20420</v>
      </c>
      <c r="C214" s="113" t="s">
        <v>613</v>
      </c>
      <c r="D214" s="113" t="s">
        <v>22474</v>
      </c>
      <c r="E214" s="210">
        <v>1983</v>
      </c>
      <c r="F214" s="210">
        <v>230</v>
      </c>
      <c r="G214" s="113" t="s">
        <v>1</v>
      </c>
      <c r="H214" s="113">
        <v>0</v>
      </c>
      <c r="I214" s="113">
        <v>0</v>
      </c>
      <c r="J214" s="115">
        <v>1</v>
      </c>
      <c r="K214" s="116" t="s">
        <v>174</v>
      </c>
      <c r="L214" s="115">
        <v>0</v>
      </c>
      <c r="M214" s="115">
        <v>0</v>
      </c>
      <c r="N214" s="115">
        <v>1</v>
      </c>
      <c r="O214" s="115">
        <v>0</v>
      </c>
      <c r="P214" s="115" t="s">
        <v>400</v>
      </c>
      <c r="Q214" s="115" t="s">
        <v>400</v>
      </c>
      <c r="R214" s="115">
        <v>0</v>
      </c>
      <c r="S214" s="115">
        <v>0</v>
      </c>
      <c r="T214" s="115">
        <v>0</v>
      </c>
      <c r="U214" s="119"/>
      <c r="V214" s="119"/>
      <c r="W214" s="119"/>
      <c r="X214" s="119"/>
      <c r="Y214" s="119"/>
      <c r="Z214" s="119"/>
      <c r="AA214" s="119"/>
      <c r="AB214" s="119"/>
      <c r="AC214" s="119"/>
      <c r="AD214" s="119"/>
      <c r="AE214" s="119"/>
      <c r="AF214" s="119"/>
      <c r="AG214" s="119"/>
      <c r="AH214" s="119"/>
      <c r="AI214" s="119"/>
      <c r="AJ214" s="119"/>
      <c r="AK214" s="119"/>
      <c r="AL214" s="119"/>
      <c r="AM214" s="119"/>
      <c r="AN214" s="119"/>
      <c r="AO214" s="119"/>
      <c r="AP214" s="119"/>
      <c r="AQ214" s="119"/>
      <c r="AR214" s="119"/>
      <c r="AS214" s="119"/>
      <c r="AT214" s="119"/>
      <c r="AU214" s="119"/>
      <c r="AV214" s="119"/>
      <c r="AW214" s="119"/>
      <c r="AX214" s="119"/>
      <c r="AY214" s="119"/>
      <c r="AZ214" s="119"/>
      <c r="BA214" s="119"/>
      <c r="BB214" s="107">
        <v>45884</v>
      </c>
    </row>
    <row r="215" spans="1:54" s="207" customFormat="1" ht="13.95" customHeight="1" x14ac:dyDescent="0.25">
      <c r="A215" s="208" t="s">
        <v>614</v>
      </c>
      <c r="B215" s="209" t="s">
        <v>20420</v>
      </c>
      <c r="C215" s="113" t="s">
        <v>615</v>
      </c>
      <c r="D215" s="113" t="s">
        <v>22475</v>
      </c>
      <c r="E215" s="210">
        <v>1980</v>
      </c>
      <c r="F215" s="210">
        <v>230</v>
      </c>
      <c r="G215" s="113" t="s">
        <v>1</v>
      </c>
      <c r="H215" s="113">
        <v>0</v>
      </c>
      <c r="I215" s="113">
        <v>0</v>
      </c>
      <c r="J215" s="115">
        <v>1</v>
      </c>
      <c r="K215" s="116" t="s">
        <v>174</v>
      </c>
      <c r="L215" s="115">
        <v>0</v>
      </c>
      <c r="M215" s="115">
        <v>1</v>
      </c>
      <c r="N215" s="115">
        <v>0</v>
      </c>
      <c r="O215" s="115">
        <v>0</v>
      </c>
      <c r="P215" s="115" t="s">
        <v>400</v>
      </c>
      <c r="Q215" s="115" t="s">
        <v>400</v>
      </c>
      <c r="R215" s="115">
        <v>0</v>
      </c>
      <c r="S215" s="115">
        <v>0</v>
      </c>
      <c r="T215" s="115">
        <v>0</v>
      </c>
      <c r="U215" s="119"/>
      <c r="V215" s="119"/>
      <c r="W215" s="119"/>
      <c r="X215" s="119"/>
      <c r="Y215" s="119"/>
      <c r="Z215" s="119"/>
      <c r="AA215" s="119"/>
      <c r="AB215" s="119"/>
      <c r="AC215" s="119"/>
      <c r="AD215" s="119"/>
      <c r="AE215" s="119"/>
      <c r="AF215" s="119"/>
      <c r="AG215" s="119"/>
      <c r="AH215" s="119"/>
      <c r="AI215" s="119"/>
      <c r="AJ215" s="119"/>
      <c r="AK215" s="119"/>
      <c r="AL215" s="119"/>
      <c r="AM215" s="119"/>
      <c r="AN215" s="119"/>
      <c r="AO215" s="119"/>
      <c r="AP215" s="119"/>
      <c r="AQ215" s="119"/>
      <c r="AR215" s="119"/>
      <c r="AS215" s="119"/>
      <c r="AT215" s="119"/>
      <c r="AU215" s="119"/>
      <c r="AV215" s="119"/>
      <c r="AW215" s="119"/>
      <c r="AX215" s="119"/>
      <c r="AY215" s="119"/>
      <c r="AZ215" s="119"/>
      <c r="BA215" s="119"/>
      <c r="BB215" s="107">
        <v>45884</v>
      </c>
    </row>
    <row r="216" spans="1:54" s="207" customFormat="1" ht="13.95" customHeight="1" x14ac:dyDescent="0.25">
      <c r="A216" s="208" t="s">
        <v>616</v>
      </c>
      <c r="B216" s="209" t="s">
        <v>20420</v>
      </c>
      <c r="C216" s="113" t="s">
        <v>617</v>
      </c>
      <c r="D216" s="113" t="s">
        <v>22476</v>
      </c>
      <c r="E216" s="210">
        <v>1977</v>
      </c>
      <c r="F216" s="210">
        <v>232</v>
      </c>
      <c r="G216" s="113" t="s">
        <v>1</v>
      </c>
      <c r="H216" s="113">
        <v>0</v>
      </c>
      <c r="I216" s="113">
        <v>0</v>
      </c>
      <c r="J216" s="115">
        <v>1</v>
      </c>
      <c r="K216" s="211">
        <v>1</v>
      </c>
      <c r="L216" s="115">
        <v>0</v>
      </c>
      <c r="M216" s="115">
        <v>0</v>
      </c>
      <c r="N216" s="115">
        <v>0</v>
      </c>
      <c r="O216" s="115">
        <v>0</v>
      </c>
      <c r="P216" s="115" t="s">
        <v>400</v>
      </c>
      <c r="Q216" s="115" t="s">
        <v>400</v>
      </c>
      <c r="R216" s="115">
        <v>1</v>
      </c>
      <c r="S216" s="115">
        <v>0</v>
      </c>
      <c r="T216" s="115">
        <v>0</v>
      </c>
      <c r="U216" s="119"/>
      <c r="V216" s="119"/>
      <c r="W216" s="119"/>
      <c r="X216" s="119"/>
      <c r="Y216" s="119"/>
      <c r="Z216" s="119"/>
      <c r="AA216" s="119"/>
      <c r="AB216" s="119"/>
      <c r="AC216" s="119"/>
      <c r="AD216" s="119"/>
      <c r="AE216" s="119"/>
      <c r="AF216" s="119"/>
      <c r="AG216" s="119"/>
      <c r="AH216" s="119"/>
      <c r="AI216" s="119"/>
      <c r="AJ216" s="119"/>
      <c r="AK216" s="119"/>
      <c r="AL216" s="119"/>
      <c r="AM216" s="119"/>
      <c r="AN216" s="119"/>
      <c r="AO216" s="119"/>
      <c r="AP216" s="119"/>
      <c r="AQ216" s="119"/>
      <c r="AR216" s="119"/>
      <c r="AS216" s="119"/>
      <c r="AT216" s="119"/>
      <c r="AU216" s="119"/>
      <c r="AV216" s="119"/>
      <c r="AW216" s="119"/>
      <c r="AX216" s="119"/>
      <c r="AY216" s="119"/>
      <c r="AZ216" s="119"/>
      <c r="BA216" s="119"/>
      <c r="BB216" s="107">
        <v>45884</v>
      </c>
    </row>
    <row r="217" spans="1:54" s="207" customFormat="1" ht="13.95" customHeight="1" x14ac:dyDescent="0.25">
      <c r="A217" s="208" t="s">
        <v>618</v>
      </c>
      <c r="B217" s="209" t="s">
        <v>20420</v>
      </c>
      <c r="C217" s="113" t="s">
        <v>619</v>
      </c>
      <c r="D217" s="113" t="s">
        <v>620</v>
      </c>
      <c r="E217" s="210">
        <v>1998</v>
      </c>
      <c r="F217" s="210">
        <v>232</v>
      </c>
      <c r="G217" s="113" t="s">
        <v>1</v>
      </c>
      <c r="H217" s="113">
        <v>0</v>
      </c>
      <c r="I217" s="113">
        <v>0</v>
      </c>
      <c r="J217" s="115">
        <v>1</v>
      </c>
      <c r="K217" s="211">
        <v>1</v>
      </c>
      <c r="L217" s="115">
        <v>0</v>
      </c>
      <c r="M217" s="115">
        <v>1</v>
      </c>
      <c r="N217" s="115">
        <v>0</v>
      </c>
      <c r="O217" s="115">
        <v>0</v>
      </c>
      <c r="P217" s="115" t="s">
        <v>400</v>
      </c>
      <c r="Q217" s="115" t="s">
        <v>400</v>
      </c>
      <c r="R217" s="115">
        <v>0</v>
      </c>
      <c r="S217" s="115">
        <v>0</v>
      </c>
      <c r="T217" s="115">
        <v>0</v>
      </c>
      <c r="U217" s="119"/>
      <c r="V217" s="119"/>
      <c r="W217" s="119"/>
      <c r="X217" s="119"/>
      <c r="Y217" s="119"/>
      <c r="Z217" s="119"/>
      <c r="AA217" s="119"/>
      <c r="AB217" s="119"/>
      <c r="AC217" s="119"/>
      <c r="AD217" s="119"/>
      <c r="AE217" s="119"/>
      <c r="AF217" s="119"/>
      <c r="AG217" s="119"/>
      <c r="AH217" s="119"/>
      <c r="AI217" s="119"/>
      <c r="AJ217" s="119"/>
      <c r="AK217" s="119"/>
      <c r="AL217" s="119"/>
      <c r="AM217" s="119"/>
      <c r="AN217" s="119"/>
      <c r="AO217" s="119"/>
      <c r="AP217" s="119"/>
      <c r="AQ217" s="119"/>
      <c r="AR217" s="119"/>
      <c r="AS217" s="119"/>
      <c r="AT217" s="119"/>
      <c r="AU217" s="119"/>
      <c r="AV217" s="119"/>
      <c r="AW217" s="119"/>
      <c r="AX217" s="119"/>
      <c r="AY217" s="119"/>
      <c r="AZ217" s="119"/>
      <c r="BA217" s="119"/>
      <c r="BB217" s="107">
        <v>45884</v>
      </c>
    </row>
    <row r="218" spans="1:54" s="207" customFormat="1" ht="13.95" customHeight="1" x14ac:dyDescent="0.25">
      <c r="A218" s="208" t="s">
        <v>621</v>
      </c>
      <c r="B218" s="209" t="s">
        <v>20420</v>
      </c>
      <c r="C218" s="113" t="s">
        <v>622</v>
      </c>
      <c r="D218" s="113" t="s">
        <v>623</v>
      </c>
      <c r="E218" s="210">
        <v>1984</v>
      </c>
      <c r="F218" s="210">
        <v>232</v>
      </c>
      <c r="G218" s="113" t="s">
        <v>1</v>
      </c>
      <c r="H218" s="113">
        <v>0</v>
      </c>
      <c r="I218" s="113">
        <v>0</v>
      </c>
      <c r="J218" s="115">
        <v>1</v>
      </c>
      <c r="K218" s="116" t="s">
        <v>174</v>
      </c>
      <c r="L218" s="115">
        <v>0</v>
      </c>
      <c r="M218" s="115">
        <v>0</v>
      </c>
      <c r="N218" s="115">
        <v>1</v>
      </c>
      <c r="O218" s="115">
        <v>0</v>
      </c>
      <c r="P218" s="115" t="s">
        <v>400</v>
      </c>
      <c r="Q218" s="115" t="s">
        <v>400</v>
      </c>
      <c r="R218" s="115">
        <v>0</v>
      </c>
      <c r="S218" s="115">
        <v>0</v>
      </c>
      <c r="T218" s="115">
        <v>0</v>
      </c>
      <c r="U218" s="119"/>
      <c r="V218" s="119"/>
      <c r="W218" s="119"/>
      <c r="X218" s="119"/>
      <c r="Y218" s="119"/>
      <c r="Z218" s="119"/>
      <c r="AA218" s="119"/>
      <c r="AB218" s="119"/>
      <c r="AC218" s="119"/>
      <c r="AD218" s="119"/>
      <c r="AE218" s="119"/>
      <c r="AF218" s="119"/>
      <c r="AG218" s="119"/>
      <c r="AH218" s="119"/>
      <c r="AI218" s="119"/>
      <c r="AJ218" s="119"/>
      <c r="AK218" s="119"/>
      <c r="AL218" s="119"/>
      <c r="AM218" s="119"/>
      <c r="AN218" s="119"/>
      <c r="AO218" s="119"/>
      <c r="AP218" s="119"/>
      <c r="AQ218" s="119"/>
      <c r="AR218" s="119"/>
      <c r="AS218" s="119"/>
      <c r="AT218" s="119"/>
      <c r="AU218" s="119"/>
      <c r="AV218" s="119"/>
      <c r="AW218" s="119"/>
      <c r="AX218" s="119"/>
      <c r="AY218" s="119"/>
      <c r="AZ218" s="119"/>
      <c r="BA218" s="119"/>
      <c r="BB218" s="107">
        <v>45884</v>
      </c>
    </row>
    <row r="219" spans="1:54" s="207" customFormat="1" ht="13.95" customHeight="1" x14ac:dyDescent="0.25">
      <c r="A219" s="208" t="s">
        <v>624</v>
      </c>
      <c r="B219" s="209" t="s">
        <v>20420</v>
      </c>
      <c r="C219" s="113" t="s">
        <v>625</v>
      </c>
      <c r="D219" s="113" t="s">
        <v>22477</v>
      </c>
      <c r="E219" s="210">
        <v>1980</v>
      </c>
      <c r="F219" s="210">
        <v>233</v>
      </c>
      <c r="G219" s="113" t="s">
        <v>1</v>
      </c>
      <c r="H219" s="113">
        <v>0</v>
      </c>
      <c r="I219" s="113">
        <v>0</v>
      </c>
      <c r="J219" s="115">
        <v>1</v>
      </c>
      <c r="K219" s="116" t="s">
        <v>174</v>
      </c>
      <c r="L219" s="115">
        <v>0</v>
      </c>
      <c r="M219" s="115">
        <v>0</v>
      </c>
      <c r="N219" s="115">
        <v>1</v>
      </c>
      <c r="O219" s="115">
        <v>0</v>
      </c>
      <c r="P219" s="115" t="s">
        <v>400</v>
      </c>
      <c r="Q219" s="115" t="s">
        <v>400</v>
      </c>
      <c r="R219" s="115">
        <v>0</v>
      </c>
      <c r="S219" s="115">
        <v>0</v>
      </c>
      <c r="T219" s="115">
        <v>0</v>
      </c>
      <c r="U219" s="119"/>
      <c r="V219" s="119"/>
      <c r="W219" s="119"/>
      <c r="X219" s="119"/>
      <c r="Y219" s="119"/>
      <c r="Z219" s="119"/>
      <c r="AA219" s="119"/>
      <c r="AB219" s="119"/>
      <c r="AC219" s="119"/>
      <c r="AD219" s="119"/>
      <c r="AE219" s="119"/>
      <c r="AF219" s="119"/>
      <c r="AG219" s="119"/>
      <c r="AH219" s="119"/>
      <c r="AI219" s="119"/>
      <c r="AJ219" s="119"/>
      <c r="AK219" s="119"/>
      <c r="AL219" s="119"/>
      <c r="AM219" s="119"/>
      <c r="AN219" s="119"/>
      <c r="AO219" s="119"/>
      <c r="AP219" s="119"/>
      <c r="AQ219" s="119"/>
      <c r="AR219" s="119"/>
      <c r="AS219" s="119"/>
      <c r="AT219" s="119"/>
      <c r="AU219" s="119"/>
      <c r="AV219" s="119"/>
      <c r="AW219" s="119"/>
      <c r="AX219" s="119"/>
      <c r="AY219" s="119"/>
      <c r="AZ219" s="119"/>
      <c r="BA219" s="119"/>
      <c r="BB219" s="107">
        <v>45884</v>
      </c>
    </row>
    <row r="220" spans="1:54" s="207" customFormat="1" ht="13.95" customHeight="1" x14ac:dyDescent="0.25">
      <c r="A220" s="208" t="s">
        <v>626</v>
      </c>
      <c r="B220" s="209" t="s">
        <v>20420</v>
      </c>
      <c r="C220" s="113" t="s">
        <v>627</v>
      </c>
      <c r="D220" s="113" t="s">
        <v>628</v>
      </c>
      <c r="E220" s="210">
        <v>2000</v>
      </c>
      <c r="F220" s="210">
        <v>237</v>
      </c>
      <c r="G220" s="113" t="s">
        <v>1</v>
      </c>
      <c r="H220" s="113">
        <v>0</v>
      </c>
      <c r="I220" s="113">
        <v>0</v>
      </c>
      <c r="J220" s="115">
        <v>1</v>
      </c>
      <c r="K220" s="116" t="s">
        <v>174</v>
      </c>
      <c r="L220" s="115">
        <v>0</v>
      </c>
      <c r="M220" s="115">
        <v>0</v>
      </c>
      <c r="N220" s="115">
        <v>0</v>
      </c>
      <c r="O220" s="115">
        <v>0</v>
      </c>
      <c r="P220" s="115">
        <v>1</v>
      </c>
      <c r="Q220" s="115" t="s">
        <v>400</v>
      </c>
      <c r="R220" s="115">
        <v>0</v>
      </c>
      <c r="S220" s="115">
        <v>0</v>
      </c>
      <c r="T220" s="115">
        <v>0</v>
      </c>
      <c r="U220" s="119"/>
      <c r="V220" s="119"/>
      <c r="W220" s="119"/>
      <c r="X220" s="119"/>
      <c r="Y220" s="119"/>
      <c r="Z220" s="119"/>
      <c r="AA220" s="119"/>
      <c r="AB220" s="119"/>
      <c r="AC220" s="119"/>
      <c r="AD220" s="119"/>
      <c r="AE220" s="119"/>
      <c r="AF220" s="119"/>
      <c r="AG220" s="119"/>
      <c r="AH220" s="119"/>
      <c r="AI220" s="119"/>
      <c r="AJ220" s="119"/>
      <c r="AK220" s="119"/>
      <c r="AL220" s="119"/>
      <c r="AM220" s="119"/>
      <c r="AN220" s="119"/>
      <c r="AO220" s="119"/>
      <c r="AP220" s="119"/>
      <c r="AQ220" s="119"/>
      <c r="AR220" s="119"/>
      <c r="AS220" s="119"/>
      <c r="AT220" s="119"/>
      <c r="AU220" s="119"/>
      <c r="AV220" s="119"/>
      <c r="AW220" s="119"/>
      <c r="AX220" s="119"/>
      <c r="AY220" s="119"/>
      <c r="AZ220" s="119"/>
      <c r="BA220" s="119"/>
      <c r="BB220" s="107">
        <v>45884</v>
      </c>
    </row>
    <row r="221" spans="1:54" s="207" customFormat="1" ht="13.95" customHeight="1" x14ac:dyDescent="0.25">
      <c r="A221" s="208" t="s">
        <v>629</v>
      </c>
      <c r="B221" s="209" t="s">
        <v>20420</v>
      </c>
      <c r="C221" s="113" t="s">
        <v>630</v>
      </c>
      <c r="D221" s="113" t="s">
        <v>631</v>
      </c>
      <c r="E221" s="210">
        <v>1977</v>
      </c>
      <c r="F221" s="210">
        <v>237</v>
      </c>
      <c r="G221" s="113" t="s">
        <v>1</v>
      </c>
      <c r="H221" s="113">
        <v>0</v>
      </c>
      <c r="I221" s="113">
        <v>0</v>
      </c>
      <c r="J221" s="115">
        <v>1</v>
      </c>
      <c r="K221" s="116" t="s">
        <v>174</v>
      </c>
      <c r="L221" s="115">
        <v>1</v>
      </c>
      <c r="M221" s="115">
        <v>0</v>
      </c>
      <c r="N221" s="115">
        <v>0</v>
      </c>
      <c r="O221" s="115">
        <v>0</v>
      </c>
      <c r="P221" s="115">
        <v>1</v>
      </c>
      <c r="Q221" s="115" t="s">
        <v>400</v>
      </c>
      <c r="R221" s="115">
        <v>1</v>
      </c>
      <c r="S221" s="115">
        <v>0</v>
      </c>
      <c r="T221" s="115">
        <v>0</v>
      </c>
      <c r="U221" s="119"/>
      <c r="V221" s="119"/>
      <c r="W221" s="119"/>
      <c r="X221" s="119"/>
      <c r="Y221" s="119"/>
      <c r="Z221" s="119"/>
      <c r="AA221" s="119"/>
      <c r="AB221" s="119"/>
      <c r="AC221" s="119"/>
      <c r="AD221" s="119"/>
      <c r="AE221" s="119"/>
      <c r="AF221" s="119"/>
      <c r="AG221" s="119"/>
      <c r="AH221" s="119"/>
      <c r="AI221" s="119"/>
      <c r="AJ221" s="119"/>
      <c r="AK221" s="119"/>
      <c r="AL221" s="119"/>
      <c r="AM221" s="119"/>
      <c r="AN221" s="119"/>
      <c r="AO221" s="119"/>
      <c r="AP221" s="119"/>
      <c r="AQ221" s="119"/>
      <c r="AR221" s="119"/>
      <c r="AS221" s="119"/>
      <c r="AT221" s="119"/>
      <c r="AU221" s="119"/>
      <c r="AV221" s="119"/>
      <c r="AW221" s="119"/>
      <c r="AX221" s="119"/>
      <c r="AY221" s="119"/>
      <c r="AZ221" s="119"/>
      <c r="BA221" s="119"/>
      <c r="BB221" s="107">
        <v>45884</v>
      </c>
    </row>
    <row r="222" spans="1:54" s="207" customFormat="1" ht="13.95" customHeight="1" x14ac:dyDescent="0.25">
      <c r="A222" s="208" t="s">
        <v>632</v>
      </c>
      <c r="B222" s="209" t="s">
        <v>20420</v>
      </c>
      <c r="C222" s="113" t="s">
        <v>633</v>
      </c>
      <c r="D222" s="113" t="s">
        <v>22478</v>
      </c>
      <c r="E222" s="210">
        <v>1981</v>
      </c>
      <c r="F222" s="210">
        <v>226</v>
      </c>
      <c r="G222" s="113" t="s">
        <v>1</v>
      </c>
      <c r="H222" s="113">
        <v>0</v>
      </c>
      <c r="I222" s="113">
        <v>0</v>
      </c>
      <c r="J222" s="115">
        <v>1</v>
      </c>
      <c r="K222" s="116" t="s">
        <v>174</v>
      </c>
      <c r="L222" s="115">
        <v>0</v>
      </c>
      <c r="M222" s="115">
        <v>0</v>
      </c>
      <c r="N222" s="115">
        <v>0</v>
      </c>
      <c r="O222" s="115">
        <v>0</v>
      </c>
      <c r="P222" s="115" t="s">
        <v>400</v>
      </c>
      <c r="Q222" s="115" t="s">
        <v>400</v>
      </c>
      <c r="R222" s="115">
        <v>1</v>
      </c>
      <c r="S222" s="115">
        <v>0</v>
      </c>
      <c r="T222" s="115">
        <v>0</v>
      </c>
      <c r="U222" s="119"/>
      <c r="V222" s="119"/>
      <c r="W222" s="119"/>
      <c r="X222" s="119"/>
      <c r="Y222" s="119"/>
      <c r="Z222" s="119"/>
      <c r="AA222" s="119"/>
      <c r="AB222" s="119"/>
      <c r="AC222" s="119"/>
      <c r="AD222" s="119"/>
      <c r="AE222" s="119"/>
      <c r="AF222" s="119"/>
      <c r="AG222" s="119"/>
      <c r="AH222" s="119"/>
      <c r="AI222" s="119"/>
      <c r="AJ222" s="119"/>
      <c r="AK222" s="119"/>
      <c r="AL222" s="119"/>
      <c r="AM222" s="119"/>
      <c r="AN222" s="119"/>
      <c r="AO222" s="119"/>
      <c r="AP222" s="119"/>
      <c r="AQ222" s="119"/>
      <c r="AR222" s="119"/>
      <c r="AS222" s="119"/>
      <c r="AT222" s="119"/>
      <c r="AU222" s="119"/>
      <c r="AV222" s="119"/>
      <c r="AW222" s="119"/>
      <c r="AX222" s="119"/>
      <c r="AY222" s="119"/>
      <c r="AZ222" s="119"/>
      <c r="BA222" s="119"/>
      <c r="BB222" s="107">
        <v>45884</v>
      </c>
    </row>
    <row r="223" spans="1:54" s="207" customFormat="1" ht="13.95" customHeight="1" x14ac:dyDescent="0.25">
      <c r="A223" s="208" t="s">
        <v>634</v>
      </c>
      <c r="B223" s="209" t="s">
        <v>20420</v>
      </c>
      <c r="C223" s="113" t="s">
        <v>635</v>
      </c>
      <c r="D223" s="113" t="s">
        <v>22479</v>
      </c>
      <c r="E223" s="210">
        <v>1997</v>
      </c>
      <c r="F223" s="210">
        <v>241</v>
      </c>
      <c r="G223" s="113" t="s">
        <v>1</v>
      </c>
      <c r="H223" s="113">
        <v>0</v>
      </c>
      <c r="I223" s="113">
        <v>0</v>
      </c>
      <c r="J223" s="115">
        <v>1</v>
      </c>
      <c r="K223" s="211">
        <v>1</v>
      </c>
      <c r="L223" s="115">
        <v>0</v>
      </c>
      <c r="M223" s="115">
        <v>0</v>
      </c>
      <c r="N223" s="115">
        <v>0</v>
      </c>
      <c r="O223" s="115">
        <v>0</v>
      </c>
      <c r="P223" s="115" t="s">
        <v>400</v>
      </c>
      <c r="Q223" s="115" t="s">
        <v>400</v>
      </c>
      <c r="R223" s="115">
        <v>0</v>
      </c>
      <c r="S223" s="115">
        <v>0</v>
      </c>
      <c r="T223" s="115">
        <v>0</v>
      </c>
      <c r="U223" s="119"/>
      <c r="V223" s="119"/>
      <c r="W223" s="119"/>
      <c r="X223" s="119"/>
      <c r="Y223" s="119"/>
      <c r="Z223" s="119"/>
      <c r="AA223" s="119"/>
      <c r="AB223" s="119"/>
      <c r="AC223" s="119"/>
      <c r="AD223" s="119"/>
      <c r="AE223" s="119"/>
      <c r="AF223" s="119"/>
      <c r="AG223" s="119"/>
      <c r="AH223" s="119"/>
      <c r="AI223" s="119"/>
      <c r="AJ223" s="119"/>
      <c r="AK223" s="119"/>
      <c r="AL223" s="119"/>
      <c r="AM223" s="119"/>
      <c r="AN223" s="119"/>
      <c r="AO223" s="119"/>
      <c r="AP223" s="119"/>
      <c r="AQ223" s="119"/>
      <c r="AR223" s="119"/>
      <c r="AS223" s="119"/>
      <c r="AT223" s="119"/>
      <c r="AU223" s="119"/>
      <c r="AV223" s="119"/>
      <c r="AW223" s="119"/>
      <c r="AX223" s="119"/>
      <c r="AY223" s="119"/>
      <c r="AZ223" s="119"/>
      <c r="BA223" s="119"/>
      <c r="BB223" s="107">
        <v>45884</v>
      </c>
    </row>
    <row r="224" spans="1:54" s="207" customFormat="1" ht="13.95" customHeight="1" x14ac:dyDescent="0.25">
      <c r="A224" s="208" t="s">
        <v>636</v>
      </c>
      <c r="B224" s="209" t="s">
        <v>20420</v>
      </c>
      <c r="C224" s="113" t="s">
        <v>637</v>
      </c>
      <c r="D224" s="113" t="s">
        <v>22430</v>
      </c>
      <c r="E224" s="210">
        <v>1986</v>
      </c>
      <c r="F224" s="210">
        <v>241</v>
      </c>
      <c r="G224" s="113" t="s">
        <v>1</v>
      </c>
      <c r="H224" s="113">
        <v>0</v>
      </c>
      <c r="I224" s="113">
        <v>0</v>
      </c>
      <c r="J224" s="115">
        <v>1</v>
      </c>
      <c r="K224" s="116" t="s">
        <v>174</v>
      </c>
      <c r="L224" s="115">
        <v>0</v>
      </c>
      <c r="M224" s="115">
        <v>0</v>
      </c>
      <c r="N224" s="115">
        <v>1</v>
      </c>
      <c r="O224" s="115">
        <v>0</v>
      </c>
      <c r="P224" s="115">
        <v>1</v>
      </c>
      <c r="Q224" s="115" t="s">
        <v>400</v>
      </c>
      <c r="R224" s="115">
        <v>1</v>
      </c>
      <c r="S224" s="115">
        <v>0</v>
      </c>
      <c r="T224" s="115">
        <v>0</v>
      </c>
      <c r="U224" s="119"/>
      <c r="V224" s="119"/>
      <c r="W224" s="119"/>
      <c r="X224" s="119"/>
      <c r="Y224" s="119"/>
      <c r="Z224" s="119"/>
      <c r="AA224" s="119"/>
      <c r="AB224" s="119"/>
      <c r="AC224" s="119"/>
      <c r="AD224" s="119"/>
      <c r="AE224" s="119"/>
      <c r="AF224" s="119"/>
      <c r="AG224" s="119"/>
      <c r="AH224" s="119"/>
      <c r="AI224" s="119"/>
      <c r="AJ224" s="119"/>
      <c r="AK224" s="119"/>
      <c r="AL224" s="119"/>
      <c r="AM224" s="119"/>
      <c r="AN224" s="119"/>
      <c r="AO224" s="119"/>
      <c r="AP224" s="119"/>
      <c r="AQ224" s="119"/>
      <c r="AR224" s="119"/>
      <c r="AS224" s="119"/>
      <c r="AT224" s="119"/>
      <c r="AU224" s="119"/>
      <c r="AV224" s="119"/>
      <c r="AW224" s="119"/>
      <c r="AX224" s="119"/>
      <c r="AY224" s="119"/>
      <c r="AZ224" s="119"/>
      <c r="BA224" s="119"/>
      <c r="BB224" s="107">
        <v>45884</v>
      </c>
    </row>
    <row r="225" spans="1:54" s="207" customFormat="1" ht="13.95" customHeight="1" x14ac:dyDescent="0.25">
      <c r="A225" s="208" t="s">
        <v>638</v>
      </c>
      <c r="B225" s="209" t="s">
        <v>20420</v>
      </c>
      <c r="C225" s="113" t="s">
        <v>639</v>
      </c>
      <c r="D225" s="113" t="s">
        <v>640</v>
      </c>
      <c r="E225" s="210">
        <v>1977</v>
      </c>
      <c r="F225" s="210">
        <v>241</v>
      </c>
      <c r="G225" s="113" t="s">
        <v>1</v>
      </c>
      <c r="H225" s="113">
        <v>0</v>
      </c>
      <c r="I225" s="113">
        <v>0</v>
      </c>
      <c r="J225" s="115">
        <v>1</v>
      </c>
      <c r="K225" s="116" t="s">
        <v>174</v>
      </c>
      <c r="L225" s="115">
        <v>1</v>
      </c>
      <c r="M225" s="115">
        <v>0</v>
      </c>
      <c r="N225" s="115">
        <v>0</v>
      </c>
      <c r="O225" s="115">
        <v>1</v>
      </c>
      <c r="P225" s="115" t="s">
        <v>400</v>
      </c>
      <c r="Q225" s="115" t="s">
        <v>400</v>
      </c>
      <c r="R225" s="115">
        <v>0</v>
      </c>
      <c r="S225" s="115">
        <v>0</v>
      </c>
      <c r="T225" s="115">
        <v>0</v>
      </c>
      <c r="U225" s="119"/>
      <c r="V225" s="119"/>
      <c r="W225" s="119"/>
      <c r="X225" s="119"/>
      <c r="Y225" s="119"/>
      <c r="Z225" s="119"/>
      <c r="AA225" s="119"/>
      <c r="AB225" s="119"/>
      <c r="AC225" s="119"/>
      <c r="AD225" s="119"/>
      <c r="AE225" s="119"/>
      <c r="AF225" s="119"/>
      <c r="AG225" s="119"/>
      <c r="AH225" s="119"/>
      <c r="AI225" s="119"/>
      <c r="AJ225" s="119"/>
      <c r="AK225" s="119"/>
      <c r="AL225" s="119"/>
      <c r="AM225" s="119"/>
      <c r="AN225" s="119"/>
      <c r="AO225" s="119"/>
      <c r="AP225" s="119"/>
      <c r="AQ225" s="119"/>
      <c r="AR225" s="119"/>
      <c r="AS225" s="119"/>
      <c r="AT225" s="119"/>
      <c r="AU225" s="119"/>
      <c r="AV225" s="119"/>
      <c r="AW225" s="119"/>
      <c r="AX225" s="119"/>
      <c r="AY225" s="119"/>
      <c r="AZ225" s="119"/>
      <c r="BA225" s="119"/>
      <c r="BB225" s="107">
        <v>45884</v>
      </c>
    </row>
    <row r="226" spans="1:54" s="207" customFormat="1" ht="13.95" customHeight="1" x14ac:dyDescent="0.25">
      <c r="A226" s="208" t="s">
        <v>641</v>
      </c>
      <c r="B226" s="209" t="s">
        <v>20420</v>
      </c>
      <c r="C226" s="113" t="s">
        <v>642</v>
      </c>
      <c r="D226" s="113" t="s">
        <v>22480</v>
      </c>
      <c r="E226" s="210">
        <v>2003</v>
      </c>
      <c r="F226" s="210">
        <v>242</v>
      </c>
      <c r="G226" s="113" t="s">
        <v>1</v>
      </c>
      <c r="H226" s="113">
        <v>0</v>
      </c>
      <c r="I226" s="113">
        <v>0</v>
      </c>
      <c r="J226" s="115">
        <v>1</v>
      </c>
      <c r="K226" s="211">
        <v>1</v>
      </c>
      <c r="L226" s="115">
        <v>1</v>
      </c>
      <c r="M226" s="115">
        <v>0</v>
      </c>
      <c r="N226" s="115">
        <v>0</v>
      </c>
      <c r="O226" s="115">
        <v>0</v>
      </c>
      <c r="P226" s="115" t="s">
        <v>400</v>
      </c>
      <c r="Q226" s="115" t="s">
        <v>400</v>
      </c>
      <c r="R226" s="115">
        <v>0</v>
      </c>
      <c r="S226" s="115">
        <v>0</v>
      </c>
      <c r="T226" s="115">
        <v>0</v>
      </c>
      <c r="U226" s="119"/>
      <c r="V226" s="119"/>
      <c r="W226" s="119"/>
      <c r="X226" s="119"/>
      <c r="Y226" s="119"/>
      <c r="Z226" s="119"/>
      <c r="AA226" s="119"/>
      <c r="AB226" s="119"/>
      <c r="AC226" s="119"/>
      <c r="AD226" s="119"/>
      <c r="AE226" s="119"/>
      <c r="AF226" s="119"/>
      <c r="AG226" s="119"/>
      <c r="AH226" s="119"/>
      <c r="AI226" s="119"/>
      <c r="AJ226" s="119"/>
      <c r="AK226" s="119"/>
      <c r="AL226" s="119"/>
      <c r="AM226" s="119"/>
      <c r="AN226" s="119"/>
      <c r="AO226" s="119"/>
      <c r="AP226" s="119"/>
      <c r="AQ226" s="119"/>
      <c r="AR226" s="119"/>
      <c r="AS226" s="119"/>
      <c r="AT226" s="119"/>
      <c r="AU226" s="119"/>
      <c r="AV226" s="119"/>
      <c r="AW226" s="119"/>
      <c r="AX226" s="119"/>
      <c r="AY226" s="119"/>
      <c r="AZ226" s="119"/>
      <c r="BA226" s="119"/>
      <c r="BB226" s="107">
        <v>45884</v>
      </c>
    </row>
    <row r="227" spans="1:54" s="207" customFormat="1" ht="13.95" customHeight="1" x14ac:dyDescent="0.25">
      <c r="A227" s="208" t="s">
        <v>643</v>
      </c>
      <c r="B227" s="209" t="s">
        <v>20420</v>
      </c>
      <c r="C227" s="113" t="s">
        <v>644</v>
      </c>
      <c r="D227" s="113" t="s">
        <v>645</v>
      </c>
      <c r="E227" s="210">
        <v>1985</v>
      </c>
      <c r="F227" s="210">
        <v>242</v>
      </c>
      <c r="G227" s="113" t="s">
        <v>1</v>
      </c>
      <c r="H227" s="113">
        <v>0</v>
      </c>
      <c r="I227" s="113">
        <v>0</v>
      </c>
      <c r="J227" s="115">
        <v>1</v>
      </c>
      <c r="K227" s="116" t="s">
        <v>174</v>
      </c>
      <c r="L227" s="115">
        <v>1</v>
      </c>
      <c r="M227" s="115">
        <v>1</v>
      </c>
      <c r="N227" s="115">
        <v>0</v>
      </c>
      <c r="O227" s="115">
        <v>0</v>
      </c>
      <c r="P227" s="115" t="s">
        <v>400</v>
      </c>
      <c r="Q227" s="115" t="s">
        <v>400</v>
      </c>
      <c r="R227" s="115">
        <v>0</v>
      </c>
      <c r="S227" s="115">
        <v>0</v>
      </c>
      <c r="T227" s="115">
        <v>0</v>
      </c>
      <c r="U227" s="119"/>
      <c r="V227" s="119"/>
      <c r="W227" s="119"/>
      <c r="X227" s="119"/>
      <c r="Y227" s="119"/>
      <c r="Z227" s="119"/>
      <c r="AA227" s="119"/>
      <c r="AB227" s="119"/>
      <c r="AC227" s="119"/>
      <c r="AD227" s="119"/>
      <c r="AE227" s="119"/>
      <c r="AF227" s="119"/>
      <c r="AG227" s="119"/>
      <c r="AH227" s="119"/>
      <c r="AI227" s="119"/>
      <c r="AJ227" s="119"/>
      <c r="AK227" s="119"/>
      <c r="AL227" s="119"/>
      <c r="AM227" s="119"/>
      <c r="AN227" s="119"/>
      <c r="AO227" s="119"/>
      <c r="AP227" s="119"/>
      <c r="AQ227" s="119"/>
      <c r="AR227" s="119"/>
      <c r="AS227" s="119"/>
      <c r="AT227" s="119"/>
      <c r="AU227" s="119"/>
      <c r="AV227" s="119"/>
      <c r="AW227" s="119"/>
      <c r="AX227" s="119"/>
      <c r="AY227" s="119"/>
      <c r="AZ227" s="119"/>
      <c r="BA227" s="119"/>
      <c r="BB227" s="107">
        <v>45884</v>
      </c>
    </row>
    <row r="228" spans="1:54" s="207" customFormat="1" ht="13.95" customHeight="1" x14ac:dyDescent="0.25">
      <c r="A228" s="208" t="s">
        <v>646</v>
      </c>
      <c r="B228" s="209" t="s">
        <v>20420</v>
      </c>
      <c r="C228" s="113" t="s">
        <v>647</v>
      </c>
      <c r="D228" s="113" t="s">
        <v>648</v>
      </c>
      <c r="E228" s="210">
        <v>1986</v>
      </c>
      <c r="F228" s="210">
        <v>243</v>
      </c>
      <c r="G228" s="113" t="s">
        <v>1</v>
      </c>
      <c r="H228" s="113">
        <v>0</v>
      </c>
      <c r="I228" s="113">
        <v>0</v>
      </c>
      <c r="J228" s="115">
        <v>1</v>
      </c>
      <c r="K228" s="116" t="s">
        <v>174</v>
      </c>
      <c r="L228" s="115">
        <v>1</v>
      </c>
      <c r="M228" s="115">
        <v>1</v>
      </c>
      <c r="N228" s="115">
        <v>0</v>
      </c>
      <c r="O228" s="115">
        <v>0</v>
      </c>
      <c r="P228" s="115" t="s">
        <v>400</v>
      </c>
      <c r="Q228" s="115" t="s">
        <v>400</v>
      </c>
      <c r="R228" s="115">
        <v>0</v>
      </c>
      <c r="S228" s="115">
        <v>0</v>
      </c>
      <c r="T228" s="115">
        <v>0</v>
      </c>
      <c r="U228" s="119"/>
      <c r="V228" s="119"/>
      <c r="W228" s="119"/>
      <c r="X228" s="119"/>
      <c r="Y228" s="119"/>
      <c r="Z228" s="119"/>
      <c r="AA228" s="119"/>
      <c r="AB228" s="119"/>
      <c r="AC228" s="119"/>
      <c r="AD228" s="119"/>
      <c r="AE228" s="119"/>
      <c r="AF228" s="119"/>
      <c r="AG228" s="119"/>
      <c r="AH228" s="119"/>
      <c r="AI228" s="119"/>
      <c r="AJ228" s="119"/>
      <c r="AK228" s="119"/>
      <c r="AL228" s="119"/>
      <c r="AM228" s="119"/>
      <c r="AN228" s="119"/>
      <c r="AO228" s="119"/>
      <c r="AP228" s="119"/>
      <c r="AQ228" s="119"/>
      <c r="AR228" s="119"/>
      <c r="AS228" s="119"/>
      <c r="AT228" s="119"/>
      <c r="AU228" s="119"/>
      <c r="AV228" s="119"/>
      <c r="AW228" s="119"/>
      <c r="AX228" s="119"/>
      <c r="AY228" s="119"/>
      <c r="AZ228" s="119"/>
      <c r="BA228" s="119"/>
      <c r="BB228" s="107">
        <v>45884</v>
      </c>
    </row>
    <row r="229" spans="1:54" s="207" customFormat="1" ht="13.95" customHeight="1" x14ac:dyDescent="0.25">
      <c r="A229" s="208" t="s">
        <v>649</v>
      </c>
      <c r="B229" s="209" t="s">
        <v>20420</v>
      </c>
      <c r="C229" s="113" t="s">
        <v>650</v>
      </c>
      <c r="D229" s="113" t="s">
        <v>22481</v>
      </c>
      <c r="E229" s="210">
        <v>1993</v>
      </c>
      <c r="F229" s="210">
        <v>243</v>
      </c>
      <c r="G229" s="113" t="s">
        <v>1</v>
      </c>
      <c r="H229" s="113">
        <v>0</v>
      </c>
      <c r="I229" s="113">
        <v>0</v>
      </c>
      <c r="J229" s="115">
        <v>0</v>
      </c>
      <c r="K229" s="116" t="s">
        <v>174</v>
      </c>
      <c r="L229" s="115">
        <v>0</v>
      </c>
      <c r="M229" s="115">
        <v>0</v>
      </c>
      <c r="N229" s="115">
        <v>0</v>
      </c>
      <c r="O229" s="115">
        <v>0</v>
      </c>
      <c r="P229" s="115" t="s">
        <v>400</v>
      </c>
      <c r="Q229" s="115" t="s">
        <v>400</v>
      </c>
      <c r="R229" s="115">
        <v>0</v>
      </c>
      <c r="S229" s="115">
        <v>0</v>
      </c>
      <c r="T229" s="115">
        <v>0</v>
      </c>
      <c r="U229" s="119"/>
      <c r="V229" s="119"/>
      <c r="W229" s="119"/>
      <c r="X229" s="119"/>
      <c r="Y229" s="119"/>
      <c r="Z229" s="119"/>
      <c r="AA229" s="119"/>
      <c r="AB229" s="119"/>
      <c r="AC229" s="119"/>
      <c r="AD229" s="119"/>
      <c r="AE229" s="119"/>
      <c r="AF229" s="119"/>
      <c r="AG229" s="119"/>
      <c r="AH229" s="119"/>
      <c r="AI229" s="119"/>
      <c r="AJ229" s="119"/>
      <c r="AK229" s="119"/>
      <c r="AL229" s="119"/>
      <c r="AM229" s="119"/>
      <c r="AN229" s="119"/>
      <c r="AO229" s="119"/>
      <c r="AP229" s="119"/>
      <c r="AQ229" s="119"/>
      <c r="AR229" s="119"/>
      <c r="AS229" s="119"/>
      <c r="AT229" s="119"/>
      <c r="AU229" s="119"/>
      <c r="AV229" s="119"/>
      <c r="AW229" s="119"/>
      <c r="AX229" s="119"/>
      <c r="AY229" s="119"/>
      <c r="AZ229" s="119"/>
      <c r="BA229" s="119"/>
      <c r="BB229" s="107">
        <v>45884</v>
      </c>
    </row>
    <row r="230" spans="1:54" s="207" customFormat="1" ht="13.95" customHeight="1" x14ac:dyDescent="0.25">
      <c r="A230" s="208" t="s">
        <v>651</v>
      </c>
      <c r="B230" s="209" t="s">
        <v>20420</v>
      </c>
      <c r="C230" s="113" t="s">
        <v>652</v>
      </c>
      <c r="D230" s="113" t="s">
        <v>22482</v>
      </c>
      <c r="E230" s="210">
        <v>1996</v>
      </c>
      <c r="F230" s="210">
        <v>243</v>
      </c>
      <c r="G230" s="113" t="s">
        <v>1</v>
      </c>
      <c r="H230" s="113">
        <v>0</v>
      </c>
      <c r="I230" s="113">
        <v>0</v>
      </c>
      <c r="J230" s="115">
        <v>1</v>
      </c>
      <c r="K230" s="116" t="s">
        <v>174</v>
      </c>
      <c r="L230" s="115">
        <v>0</v>
      </c>
      <c r="M230" s="115">
        <v>1</v>
      </c>
      <c r="N230" s="115">
        <v>0</v>
      </c>
      <c r="O230" s="115">
        <v>0</v>
      </c>
      <c r="P230" s="115" t="s">
        <v>400</v>
      </c>
      <c r="Q230" s="115" t="s">
        <v>400</v>
      </c>
      <c r="R230" s="115">
        <v>0</v>
      </c>
      <c r="S230" s="115">
        <v>0</v>
      </c>
      <c r="T230" s="115">
        <v>0</v>
      </c>
      <c r="U230" s="119"/>
      <c r="V230" s="119"/>
      <c r="W230" s="119"/>
      <c r="X230" s="119"/>
      <c r="Y230" s="119"/>
      <c r="Z230" s="119"/>
      <c r="AA230" s="119"/>
      <c r="AB230" s="119"/>
      <c r="AC230" s="119"/>
      <c r="AD230" s="119"/>
      <c r="AE230" s="119"/>
      <c r="AF230" s="119"/>
      <c r="AG230" s="119"/>
      <c r="AH230" s="119"/>
      <c r="AI230" s="119"/>
      <c r="AJ230" s="119"/>
      <c r="AK230" s="119"/>
      <c r="AL230" s="119"/>
      <c r="AM230" s="119"/>
      <c r="AN230" s="119"/>
      <c r="AO230" s="119"/>
      <c r="AP230" s="119"/>
      <c r="AQ230" s="119"/>
      <c r="AR230" s="119"/>
      <c r="AS230" s="119"/>
      <c r="AT230" s="119"/>
      <c r="AU230" s="119"/>
      <c r="AV230" s="119"/>
      <c r="AW230" s="119"/>
      <c r="AX230" s="119"/>
      <c r="AY230" s="119"/>
      <c r="AZ230" s="119"/>
      <c r="BA230" s="119"/>
      <c r="BB230" s="107">
        <v>45884</v>
      </c>
    </row>
    <row r="231" spans="1:54" s="207" customFormat="1" ht="13.95" customHeight="1" x14ac:dyDescent="0.25">
      <c r="A231" s="208" t="s">
        <v>653</v>
      </c>
      <c r="B231" s="209" t="s">
        <v>20420</v>
      </c>
      <c r="C231" s="113" t="s">
        <v>654</v>
      </c>
      <c r="D231" s="113" t="s">
        <v>22483</v>
      </c>
      <c r="E231" s="210">
        <v>1976</v>
      </c>
      <c r="F231" s="210">
        <v>246</v>
      </c>
      <c r="G231" s="113" t="s">
        <v>1</v>
      </c>
      <c r="H231" s="113">
        <v>0</v>
      </c>
      <c r="I231" s="113">
        <v>0</v>
      </c>
      <c r="J231" s="115">
        <v>1</v>
      </c>
      <c r="K231" s="211">
        <v>1</v>
      </c>
      <c r="L231" s="115">
        <v>1</v>
      </c>
      <c r="M231" s="115">
        <v>0</v>
      </c>
      <c r="N231" s="115">
        <v>0</v>
      </c>
      <c r="O231" s="115">
        <v>0</v>
      </c>
      <c r="P231" s="115" t="s">
        <v>400</v>
      </c>
      <c r="Q231" s="115" t="s">
        <v>400</v>
      </c>
      <c r="R231" s="115">
        <v>1</v>
      </c>
      <c r="S231" s="115">
        <v>0</v>
      </c>
      <c r="T231" s="115">
        <v>0</v>
      </c>
      <c r="U231" s="119"/>
      <c r="V231" s="119"/>
      <c r="W231" s="119"/>
      <c r="X231" s="119"/>
      <c r="Y231" s="119"/>
      <c r="Z231" s="119"/>
      <c r="AA231" s="119"/>
      <c r="AB231" s="119"/>
      <c r="AC231" s="119"/>
      <c r="AD231" s="119"/>
      <c r="AE231" s="119"/>
      <c r="AF231" s="119"/>
      <c r="AG231" s="119"/>
      <c r="AH231" s="119"/>
      <c r="AI231" s="119"/>
      <c r="AJ231" s="119"/>
      <c r="AK231" s="119"/>
      <c r="AL231" s="119"/>
      <c r="AM231" s="119"/>
      <c r="AN231" s="119"/>
      <c r="AO231" s="119"/>
      <c r="AP231" s="119"/>
      <c r="AQ231" s="119"/>
      <c r="AR231" s="119"/>
      <c r="AS231" s="119"/>
      <c r="AT231" s="119"/>
      <c r="AU231" s="119"/>
      <c r="AV231" s="119"/>
      <c r="AW231" s="119"/>
      <c r="AX231" s="119"/>
      <c r="AY231" s="119"/>
      <c r="AZ231" s="119"/>
      <c r="BA231" s="119"/>
      <c r="BB231" s="107">
        <v>45884</v>
      </c>
    </row>
    <row r="232" spans="1:54" s="207" customFormat="1" ht="13.95" customHeight="1" x14ac:dyDescent="0.25">
      <c r="A232" s="208" t="s">
        <v>655</v>
      </c>
      <c r="B232" s="209" t="s">
        <v>20420</v>
      </c>
      <c r="C232" s="113" t="s">
        <v>656</v>
      </c>
      <c r="D232" s="113" t="s">
        <v>22484</v>
      </c>
      <c r="E232" s="210">
        <v>1990</v>
      </c>
      <c r="F232" s="210">
        <v>246</v>
      </c>
      <c r="G232" s="113" t="s">
        <v>1</v>
      </c>
      <c r="H232" s="113">
        <v>0</v>
      </c>
      <c r="I232" s="113">
        <v>0</v>
      </c>
      <c r="J232" s="115">
        <v>0</v>
      </c>
      <c r="K232" s="116" t="s">
        <v>174</v>
      </c>
      <c r="L232" s="115">
        <v>0</v>
      </c>
      <c r="M232" s="115">
        <v>0</v>
      </c>
      <c r="N232" s="115">
        <v>0</v>
      </c>
      <c r="O232" s="115">
        <v>0</v>
      </c>
      <c r="P232" s="115" t="s">
        <v>400</v>
      </c>
      <c r="Q232" s="115" t="s">
        <v>400</v>
      </c>
      <c r="R232" s="115">
        <v>0</v>
      </c>
      <c r="S232" s="115">
        <v>0</v>
      </c>
      <c r="T232" s="115">
        <v>0</v>
      </c>
      <c r="U232" s="119"/>
      <c r="V232" s="119"/>
      <c r="W232" s="119"/>
      <c r="X232" s="119"/>
      <c r="Y232" s="119"/>
      <c r="Z232" s="119"/>
      <c r="AA232" s="119"/>
      <c r="AB232" s="119"/>
      <c r="AC232" s="119"/>
      <c r="AD232" s="119"/>
      <c r="AE232" s="119"/>
      <c r="AF232" s="119"/>
      <c r="AG232" s="119"/>
      <c r="AH232" s="119"/>
      <c r="AI232" s="119"/>
      <c r="AJ232" s="119"/>
      <c r="AK232" s="119"/>
      <c r="AL232" s="119"/>
      <c r="AM232" s="119"/>
      <c r="AN232" s="119"/>
      <c r="AO232" s="119"/>
      <c r="AP232" s="119"/>
      <c r="AQ232" s="119"/>
      <c r="AR232" s="119"/>
      <c r="AS232" s="119"/>
      <c r="AT232" s="119"/>
      <c r="AU232" s="119"/>
      <c r="AV232" s="119"/>
      <c r="AW232" s="119"/>
      <c r="AX232" s="119"/>
      <c r="AY232" s="119"/>
      <c r="AZ232" s="119"/>
      <c r="BA232" s="119"/>
      <c r="BB232" s="107">
        <v>45884</v>
      </c>
    </row>
    <row r="233" spans="1:54" s="207" customFormat="1" ht="13.95" customHeight="1" x14ac:dyDescent="0.25">
      <c r="A233" s="208" t="s">
        <v>657</v>
      </c>
      <c r="B233" s="209" t="s">
        <v>20420</v>
      </c>
      <c r="C233" s="113" t="s">
        <v>658</v>
      </c>
      <c r="D233" s="113" t="s">
        <v>659</v>
      </c>
      <c r="E233" s="210">
        <v>1974</v>
      </c>
      <c r="F233" s="210">
        <v>246</v>
      </c>
      <c r="G233" s="113" t="s">
        <v>1</v>
      </c>
      <c r="H233" s="113">
        <v>0</v>
      </c>
      <c r="I233" s="113">
        <v>0</v>
      </c>
      <c r="J233" s="115">
        <v>1</v>
      </c>
      <c r="K233" s="116" t="s">
        <v>174</v>
      </c>
      <c r="L233" s="115">
        <v>1</v>
      </c>
      <c r="M233" s="115">
        <v>0</v>
      </c>
      <c r="N233" s="115">
        <v>0</v>
      </c>
      <c r="O233" s="115">
        <v>0</v>
      </c>
      <c r="P233" s="115">
        <v>1</v>
      </c>
      <c r="Q233" s="115" t="s">
        <v>400</v>
      </c>
      <c r="R233" s="115">
        <v>1</v>
      </c>
      <c r="S233" s="115">
        <v>0</v>
      </c>
      <c r="T233" s="115">
        <v>0</v>
      </c>
      <c r="U233" s="119"/>
      <c r="V233" s="119"/>
      <c r="W233" s="119"/>
      <c r="X233" s="119"/>
      <c r="Y233" s="119"/>
      <c r="Z233" s="119"/>
      <c r="AA233" s="119"/>
      <c r="AB233" s="119"/>
      <c r="AC233" s="119"/>
      <c r="AD233" s="119"/>
      <c r="AE233" s="119"/>
      <c r="AF233" s="119"/>
      <c r="AG233" s="119"/>
      <c r="AH233" s="119"/>
      <c r="AI233" s="119"/>
      <c r="AJ233" s="119"/>
      <c r="AK233" s="119"/>
      <c r="AL233" s="119"/>
      <c r="AM233" s="119"/>
      <c r="AN233" s="119"/>
      <c r="AO233" s="119"/>
      <c r="AP233" s="119"/>
      <c r="AQ233" s="119"/>
      <c r="AR233" s="119"/>
      <c r="AS233" s="119"/>
      <c r="AT233" s="119"/>
      <c r="AU233" s="119"/>
      <c r="AV233" s="119"/>
      <c r="AW233" s="119"/>
      <c r="AX233" s="119"/>
      <c r="AY233" s="119"/>
      <c r="AZ233" s="119"/>
      <c r="BA233" s="119"/>
      <c r="BB233" s="107">
        <v>45884</v>
      </c>
    </row>
    <row r="234" spans="1:54" s="207" customFormat="1" ht="13.95" customHeight="1" x14ac:dyDescent="0.25">
      <c r="A234" s="208" t="s">
        <v>660</v>
      </c>
      <c r="B234" s="209" t="s">
        <v>20420</v>
      </c>
      <c r="C234" s="113" t="s">
        <v>661</v>
      </c>
      <c r="D234" s="113" t="s">
        <v>22485</v>
      </c>
      <c r="E234" s="210">
        <v>2001</v>
      </c>
      <c r="F234" s="210">
        <v>248</v>
      </c>
      <c r="G234" s="113" t="s">
        <v>1</v>
      </c>
      <c r="H234" s="113">
        <v>0</v>
      </c>
      <c r="I234" s="113">
        <v>0</v>
      </c>
      <c r="J234" s="115">
        <v>1</v>
      </c>
      <c r="K234" s="211">
        <v>1</v>
      </c>
      <c r="L234" s="115">
        <v>0</v>
      </c>
      <c r="M234" s="115">
        <v>0</v>
      </c>
      <c r="N234" s="115">
        <v>0</v>
      </c>
      <c r="O234" s="115">
        <v>0</v>
      </c>
      <c r="P234" s="115">
        <v>1</v>
      </c>
      <c r="Q234" s="115" t="s">
        <v>400</v>
      </c>
      <c r="R234" s="115">
        <v>0</v>
      </c>
      <c r="S234" s="115">
        <v>0</v>
      </c>
      <c r="T234" s="115">
        <v>0</v>
      </c>
      <c r="U234" s="119"/>
      <c r="V234" s="119"/>
      <c r="W234" s="119"/>
      <c r="X234" s="119"/>
      <c r="Y234" s="119"/>
      <c r="Z234" s="119"/>
      <c r="AA234" s="119"/>
      <c r="AB234" s="119"/>
      <c r="AC234" s="119"/>
      <c r="AD234" s="119"/>
      <c r="AE234" s="119"/>
      <c r="AF234" s="119"/>
      <c r="AG234" s="119"/>
      <c r="AH234" s="119"/>
      <c r="AI234" s="119"/>
      <c r="AJ234" s="119"/>
      <c r="AK234" s="119"/>
      <c r="AL234" s="119"/>
      <c r="AM234" s="119"/>
      <c r="AN234" s="119"/>
      <c r="AO234" s="119"/>
      <c r="AP234" s="119"/>
      <c r="AQ234" s="119"/>
      <c r="AR234" s="119"/>
      <c r="AS234" s="119"/>
      <c r="AT234" s="119"/>
      <c r="AU234" s="119"/>
      <c r="AV234" s="119"/>
      <c r="AW234" s="119"/>
      <c r="AX234" s="119"/>
      <c r="AY234" s="119"/>
      <c r="AZ234" s="119"/>
      <c r="BA234" s="119"/>
      <c r="BB234" s="107">
        <v>45884</v>
      </c>
    </row>
    <row r="235" spans="1:54" s="207" customFormat="1" ht="13.95" customHeight="1" x14ac:dyDescent="0.25">
      <c r="A235" s="208" t="s">
        <v>662</v>
      </c>
      <c r="B235" s="209" t="s">
        <v>20420</v>
      </c>
      <c r="C235" s="113" t="s">
        <v>663</v>
      </c>
      <c r="D235" s="113" t="s">
        <v>22486</v>
      </c>
      <c r="E235" s="210">
        <v>1985</v>
      </c>
      <c r="F235" s="210">
        <v>249</v>
      </c>
      <c r="G235" s="113" t="s">
        <v>1</v>
      </c>
      <c r="H235" s="113">
        <v>0</v>
      </c>
      <c r="I235" s="113">
        <v>0</v>
      </c>
      <c r="J235" s="115">
        <v>1</v>
      </c>
      <c r="K235" s="116" t="s">
        <v>174</v>
      </c>
      <c r="L235" s="115">
        <v>0</v>
      </c>
      <c r="M235" s="115">
        <v>0</v>
      </c>
      <c r="N235" s="115">
        <v>0</v>
      </c>
      <c r="O235" s="115">
        <v>0</v>
      </c>
      <c r="P235" s="115" t="s">
        <v>400</v>
      </c>
      <c r="Q235" s="115" t="s">
        <v>400</v>
      </c>
      <c r="R235" s="115">
        <v>0</v>
      </c>
      <c r="S235" s="115">
        <v>0</v>
      </c>
      <c r="T235" s="115">
        <v>0</v>
      </c>
      <c r="U235" s="119"/>
      <c r="V235" s="119"/>
      <c r="W235" s="119"/>
      <c r="X235" s="119"/>
      <c r="Y235" s="119"/>
      <c r="Z235" s="119"/>
      <c r="AA235" s="119"/>
      <c r="AB235" s="119"/>
      <c r="AC235" s="119"/>
      <c r="AD235" s="119"/>
      <c r="AE235" s="119"/>
      <c r="AF235" s="119"/>
      <c r="AG235" s="119"/>
      <c r="AH235" s="119"/>
      <c r="AI235" s="119"/>
      <c r="AJ235" s="119"/>
      <c r="AK235" s="119"/>
      <c r="AL235" s="119"/>
      <c r="AM235" s="119"/>
      <c r="AN235" s="119"/>
      <c r="AO235" s="119"/>
      <c r="AP235" s="119"/>
      <c r="AQ235" s="119"/>
      <c r="AR235" s="119"/>
      <c r="AS235" s="119"/>
      <c r="AT235" s="119"/>
      <c r="AU235" s="119"/>
      <c r="AV235" s="119"/>
      <c r="AW235" s="119"/>
      <c r="AX235" s="119"/>
      <c r="AY235" s="119"/>
      <c r="AZ235" s="119"/>
      <c r="BA235" s="119"/>
      <c r="BB235" s="107">
        <v>45884</v>
      </c>
    </row>
    <row r="236" spans="1:54" s="207" customFormat="1" ht="13.95" customHeight="1" x14ac:dyDescent="0.25">
      <c r="A236" s="208" t="s">
        <v>664</v>
      </c>
      <c r="B236" s="209" t="s">
        <v>20420</v>
      </c>
      <c r="C236" s="113" t="s">
        <v>665</v>
      </c>
      <c r="D236" s="113" t="s">
        <v>22487</v>
      </c>
      <c r="E236" s="210">
        <v>1978</v>
      </c>
      <c r="F236" s="210">
        <v>251</v>
      </c>
      <c r="G236" s="113" t="s">
        <v>1</v>
      </c>
      <c r="H236" s="113">
        <v>0</v>
      </c>
      <c r="I236" s="113">
        <v>0</v>
      </c>
      <c r="J236" s="115">
        <v>1</v>
      </c>
      <c r="K236" s="116" t="s">
        <v>174</v>
      </c>
      <c r="L236" s="115">
        <v>0</v>
      </c>
      <c r="M236" s="115">
        <v>0</v>
      </c>
      <c r="N236" s="115">
        <v>0</v>
      </c>
      <c r="O236" s="115">
        <v>0</v>
      </c>
      <c r="P236" s="115" t="s">
        <v>400</v>
      </c>
      <c r="Q236" s="115" t="s">
        <v>400</v>
      </c>
      <c r="R236" s="115">
        <v>0</v>
      </c>
      <c r="S236" s="115">
        <v>0</v>
      </c>
      <c r="T236" s="115">
        <v>0</v>
      </c>
      <c r="U236" s="119"/>
      <c r="V236" s="119"/>
      <c r="W236" s="119"/>
      <c r="X236" s="119"/>
      <c r="Y236" s="119"/>
      <c r="Z236" s="119"/>
      <c r="AA236" s="119"/>
      <c r="AB236" s="119"/>
      <c r="AC236" s="119"/>
      <c r="AD236" s="119"/>
      <c r="AE236" s="119"/>
      <c r="AF236" s="119"/>
      <c r="AG236" s="119"/>
      <c r="AH236" s="119"/>
      <c r="AI236" s="119"/>
      <c r="AJ236" s="119"/>
      <c r="AK236" s="119"/>
      <c r="AL236" s="119"/>
      <c r="AM236" s="119"/>
      <c r="AN236" s="119"/>
      <c r="AO236" s="119"/>
      <c r="AP236" s="119"/>
      <c r="AQ236" s="119"/>
      <c r="AR236" s="119"/>
      <c r="AS236" s="119"/>
      <c r="AT236" s="119"/>
      <c r="AU236" s="119"/>
      <c r="AV236" s="119"/>
      <c r="AW236" s="119"/>
      <c r="AX236" s="119"/>
      <c r="AY236" s="119"/>
      <c r="AZ236" s="119"/>
      <c r="BA236" s="119"/>
      <c r="BB236" s="107">
        <v>45884</v>
      </c>
    </row>
    <row r="237" spans="1:54" s="207" customFormat="1" ht="13.95" customHeight="1" x14ac:dyDescent="0.25">
      <c r="A237" s="208" t="s">
        <v>666</v>
      </c>
      <c r="B237" s="209" t="s">
        <v>20420</v>
      </c>
      <c r="C237" s="113" t="s">
        <v>667</v>
      </c>
      <c r="D237" s="113" t="s">
        <v>22488</v>
      </c>
      <c r="E237" s="210">
        <v>1981</v>
      </c>
      <c r="F237" s="210">
        <v>252</v>
      </c>
      <c r="G237" s="113" t="s">
        <v>1</v>
      </c>
      <c r="H237" s="113">
        <v>0</v>
      </c>
      <c r="I237" s="113">
        <v>0</v>
      </c>
      <c r="J237" s="115">
        <v>1</v>
      </c>
      <c r="K237" s="116" t="s">
        <v>174</v>
      </c>
      <c r="L237" s="115">
        <v>0</v>
      </c>
      <c r="M237" s="115">
        <v>0</v>
      </c>
      <c r="N237" s="115">
        <v>0</v>
      </c>
      <c r="O237" s="115">
        <v>0</v>
      </c>
      <c r="P237" s="115">
        <v>1</v>
      </c>
      <c r="Q237" s="115" t="s">
        <v>400</v>
      </c>
      <c r="R237" s="115">
        <v>0</v>
      </c>
      <c r="S237" s="115">
        <v>0</v>
      </c>
      <c r="T237" s="115">
        <v>0</v>
      </c>
      <c r="U237" s="119"/>
      <c r="V237" s="119"/>
      <c r="W237" s="119"/>
      <c r="X237" s="119"/>
      <c r="Y237" s="119"/>
      <c r="Z237" s="119"/>
      <c r="AA237" s="119"/>
      <c r="AB237" s="119"/>
      <c r="AC237" s="119"/>
      <c r="AD237" s="119"/>
      <c r="AE237" s="119"/>
      <c r="AF237" s="119"/>
      <c r="AG237" s="119"/>
      <c r="AH237" s="119"/>
      <c r="AI237" s="119"/>
      <c r="AJ237" s="119"/>
      <c r="AK237" s="119"/>
      <c r="AL237" s="119"/>
      <c r="AM237" s="119"/>
      <c r="AN237" s="119"/>
      <c r="AO237" s="119"/>
      <c r="AP237" s="119"/>
      <c r="AQ237" s="119"/>
      <c r="AR237" s="119"/>
      <c r="AS237" s="119"/>
      <c r="AT237" s="119"/>
      <c r="AU237" s="119"/>
      <c r="AV237" s="119"/>
      <c r="AW237" s="119"/>
      <c r="AX237" s="119"/>
      <c r="AY237" s="119"/>
      <c r="AZ237" s="119"/>
      <c r="BA237" s="119"/>
      <c r="BB237" s="107">
        <v>45884</v>
      </c>
    </row>
    <row r="238" spans="1:54" s="207" customFormat="1" ht="13.95" customHeight="1" x14ac:dyDescent="0.25">
      <c r="A238" s="208" t="s">
        <v>668</v>
      </c>
      <c r="B238" s="209" t="s">
        <v>20420</v>
      </c>
      <c r="C238" s="113" t="s">
        <v>669</v>
      </c>
      <c r="D238" s="113" t="s">
        <v>22489</v>
      </c>
      <c r="E238" s="210">
        <v>1990</v>
      </c>
      <c r="F238" s="210">
        <v>252</v>
      </c>
      <c r="G238" s="113" t="s">
        <v>1</v>
      </c>
      <c r="H238" s="113">
        <v>0</v>
      </c>
      <c r="I238" s="113">
        <v>0</v>
      </c>
      <c r="J238" s="115">
        <v>1</v>
      </c>
      <c r="K238" s="116" t="s">
        <v>174</v>
      </c>
      <c r="L238" s="115">
        <v>0</v>
      </c>
      <c r="M238" s="115">
        <v>0</v>
      </c>
      <c r="N238" s="115">
        <v>0</v>
      </c>
      <c r="O238" s="115">
        <v>0</v>
      </c>
      <c r="P238" s="115" t="s">
        <v>400</v>
      </c>
      <c r="Q238" s="115" t="s">
        <v>400</v>
      </c>
      <c r="R238" s="115">
        <v>0</v>
      </c>
      <c r="S238" s="115">
        <v>0</v>
      </c>
      <c r="T238" s="115">
        <v>0</v>
      </c>
      <c r="U238" s="119"/>
      <c r="V238" s="119"/>
      <c r="W238" s="119"/>
      <c r="X238" s="119"/>
      <c r="Y238" s="119"/>
      <c r="Z238" s="119"/>
      <c r="AA238" s="119"/>
      <c r="AB238" s="119"/>
      <c r="AC238" s="119"/>
      <c r="AD238" s="119"/>
      <c r="AE238" s="119"/>
      <c r="AF238" s="119"/>
      <c r="AG238" s="119"/>
      <c r="AH238" s="119"/>
      <c r="AI238" s="119"/>
      <c r="AJ238" s="119"/>
      <c r="AK238" s="119"/>
      <c r="AL238" s="119"/>
      <c r="AM238" s="119"/>
      <c r="AN238" s="119"/>
      <c r="AO238" s="119"/>
      <c r="AP238" s="119"/>
      <c r="AQ238" s="119"/>
      <c r="AR238" s="119"/>
      <c r="AS238" s="119"/>
      <c r="AT238" s="119"/>
      <c r="AU238" s="119"/>
      <c r="AV238" s="119"/>
      <c r="AW238" s="119"/>
      <c r="AX238" s="119"/>
      <c r="AY238" s="119"/>
      <c r="AZ238" s="119"/>
      <c r="BA238" s="119"/>
      <c r="BB238" s="107">
        <v>45884</v>
      </c>
    </row>
    <row r="239" spans="1:54" s="207" customFormat="1" ht="13.95" customHeight="1" x14ac:dyDescent="0.25">
      <c r="A239" s="208" t="s">
        <v>670</v>
      </c>
      <c r="B239" s="209" t="s">
        <v>20420</v>
      </c>
      <c r="C239" s="113" t="s">
        <v>671</v>
      </c>
      <c r="D239" s="113" t="s">
        <v>22490</v>
      </c>
      <c r="E239" s="210">
        <v>1991</v>
      </c>
      <c r="F239" s="210">
        <v>252</v>
      </c>
      <c r="G239" s="113" t="s">
        <v>1</v>
      </c>
      <c r="H239" s="113">
        <v>0</v>
      </c>
      <c r="I239" s="113">
        <v>0</v>
      </c>
      <c r="J239" s="115">
        <v>1</v>
      </c>
      <c r="K239" s="116" t="s">
        <v>174</v>
      </c>
      <c r="L239" s="115">
        <v>0</v>
      </c>
      <c r="M239" s="115">
        <v>0</v>
      </c>
      <c r="N239" s="115">
        <v>0</v>
      </c>
      <c r="O239" s="115">
        <v>0</v>
      </c>
      <c r="P239" s="115" t="s">
        <v>400</v>
      </c>
      <c r="Q239" s="115" t="s">
        <v>400</v>
      </c>
      <c r="R239" s="115">
        <v>0</v>
      </c>
      <c r="S239" s="115">
        <v>0</v>
      </c>
      <c r="T239" s="115">
        <v>0</v>
      </c>
      <c r="U239" s="119"/>
      <c r="V239" s="119"/>
      <c r="W239" s="119"/>
      <c r="X239" s="119"/>
      <c r="Y239" s="119"/>
      <c r="Z239" s="119"/>
      <c r="AA239" s="119"/>
      <c r="AB239" s="119"/>
      <c r="AC239" s="119"/>
      <c r="AD239" s="119"/>
      <c r="AE239" s="119"/>
      <c r="AF239" s="119"/>
      <c r="AG239" s="119"/>
      <c r="AH239" s="119"/>
      <c r="AI239" s="119"/>
      <c r="AJ239" s="119"/>
      <c r="AK239" s="119"/>
      <c r="AL239" s="119"/>
      <c r="AM239" s="119"/>
      <c r="AN239" s="119"/>
      <c r="AO239" s="119"/>
      <c r="AP239" s="119"/>
      <c r="AQ239" s="119"/>
      <c r="AR239" s="119"/>
      <c r="AS239" s="119"/>
      <c r="AT239" s="119"/>
      <c r="AU239" s="119"/>
      <c r="AV239" s="119"/>
      <c r="AW239" s="119"/>
      <c r="AX239" s="119"/>
      <c r="AY239" s="119"/>
      <c r="AZ239" s="119"/>
      <c r="BA239" s="119"/>
      <c r="BB239" s="107">
        <v>45884</v>
      </c>
    </row>
    <row r="240" spans="1:54" s="207" customFormat="1" ht="13.95" customHeight="1" x14ac:dyDescent="0.25">
      <c r="A240" s="208" t="s">
        <v>672</v>
      </c>
      <c r="B240" s="209" t="s">
        <v>20420</v>
      </c>
      <c r="C240" s="113" t="s">
        <v>673</v>
      </c>
      <c r="D240" s="113" t="s">
        <v>22491</v>
      </c>
      <c r="E240" s="210">
        <v>1989</v>
      </c>
      <c r="F240" s="210">
        <v>255</v>
      </c>
      <c r="G240" s="113" t="s">
        <v>1</v>
      </c>
      <c r="H240" s="113">
        <v>0</v>
      </c>
      <c r="I240" s="113">
        <v>0</v>
      </c>
      <c r="J240" s="115">
        <v>1</v>
      </c>
      <c r="K240" s="116" t="s">
        <v>174</v>
      </c>
      <c r="L240" s="115">
        <v>0</v>
      </c>
      <c r="M240" s="115">
        <v>0</v>
      </c>
      <c r="N240" s="115">
        <v>0</v>
      </c>
      <c r="O240" s="115">
        <v>0</v>
      </c>
      <c r="P240" s="115" t="s">
        <v>400</v>
      </c>
      <c r="Q240" s="115" t="s">
        <v>400</v>
      </c>
      <c r="R240" s="115">
        <v>0</v>
      </c>
      <c r="S240" s="115">
        <v>0</v>
      </c>
      <c r="T240" s="115">
        <v>0</v>
      </c>
      <c r="U240" s="119"/>
      <c r="V240" s="119"/>
      <c r="W240" s="119"/>
      <c r="X240" s="119"/>
      <c r="Y240" s="119"/>
      <c r="Z240" s="119"/>
      <c r="AA240" s="119"/>
      <c r="AB240" s="119"/>
      <c r="AC240" s="119"/>
      <c r="AD240" s="119"/>
      <c r="AE240" s="119"/>
      <c r="AF240" s="119"/>
      <c r="AG240" s="119"/>
      <c r="AH240" s="119"/>
      <c r="AI240" s="119"/>
      <c r="AJ240" s="119"/>
      <c r="AK240" s="119"/>
      <c r="AL240" s="119"/>
      <c r="AM240" s="119"/>
      <c r="AN240" s="119"/>
      <c r="AO240" s="119"/>
      <c r="AP240" s="119"/>
      <c r="AQ240" s="119"/>
      <c r="AR240" s="119"/>
      <c r="AS240" s="119"/>
      <c r="AT240" s="119"/>
      <c r="AU240" s="119"/>
      <c r="AV240" s="119"/>
      <c r="AW240" s="119"/>
      <c r="AX240" s="119"/>
      <c r="AY240" s="119"/>
      <c r="AZ240" s="119"/>
      <c r="BA240" s="119"/>
      <c r="BB240" s="107">
        <v>45884</v>
      </c>
    </row>
    <row r="241" spans="1:54" s="207" customFormat="1" ht="13.95" customHeight="1" x14ac:dyDescent="0.25">
      <c r="A241" s="208" t="s">
        <v>674</v>
      </c>
      <c r="B241" s="209" t="s">
        <v>20420</v>
      </c>
      <c r="C241" s="113" t="s">
        <v>675</v>
      </c>
      <c r="D241" s="113" t="s">
        <v>676</v>
      </c>
      <c r="E241" s="210">
        <v>1999</v>
      </c>
      <c r="F241" s="210">
        <v>255</v>
      </c>
      <c r="G241" s="113" t="s">
        <v>1</v>
      </c>
      <c r="H241" s="113">
        <v>0</v>
      </c>
      <c r="I241" s="113">
        <v>0</v>
      </c>
      <c r="J241" s="115">
        <v>1</v>
      </c>
      <c r="K241" s="116" t="s">
        <v>174</v>
      </c>
      <c r="L241" s="115">
        <v>0</v>
      </c>
      <c r="M241" s="115">
        <v>0</v>
      </c>
      <c r="N241" s="115">
        <v>0</v>
      </c>
      <c r="O241" s="115">
        <v>0</v>
      </c>
      <c r="P241" s="115" t="s">
        <v>400</v>
      </c>
      <c r="Q241" s="115" t="s">
        <v>400</v>
      </c>
      <c r="R241" s="115">
        <v>0</v>
      </c>
      <c r="S241" s="115">
        <v>0</v>
      </c>
      <c r="T241" s="115">
        <v>0</v>
      </c>
      <c r="U241" s="119"/>
      <c r="V241" s="119"/>
      <c r="W241" s="119"/>
      <c r="X241" s="119"/>
      <c r="Y241" s="119"/>
      <c r="Z241" s="119"/>
      <c r="AA241" s="119"/>
      <c r="AB241" s="119"/>
      <c r="AC241" s="119"/>
      <c r="AD241" s="119"/>
      <c r="AE241" s="119"/>
      <c r="AF241" s="119"/>
      <c r="AG241" s="119"/>
      <c r="AH241" s="119"/>
      <c r="AI241" s="119"/>
      <c r="AJ241" s="119"/>
      <c r="AK241" s="119"/>
      <c r="AL241" s="119"/>
      <c r="AM241" s="119"/>
      <c r="AN241" s="119"/>
      <c r="AO241" s="119"/>
      <c r="AP241" s="119"/>
      <c r="AQ241" s="119"/>
      <c r="AR241" s="119"/>
      <c r="AS241" s="119"/>
      <c r="AT241" s="119"/>
      <c r="AU241" s="119"/>
      <c r="AV241" s="119"/>
      <c r="AW241" s="119"/>
      <c r="AX241" s="119"/>
      <c r="AY241" s="119"/>
      <c r="AZ241" s="119"/>
      <c r="BA241" s="119"/>
      <c r="BB241" s="107">
        <v>45884</v>
      </c>
    </row>
    <row r="242" spans="1:54" s="207" customFormat="1" ht="13.95" customHeight="1" x14ac:dyDescent="0.25">
      <c r="A242" s="208" t="s">
        <v>677</v>
      </c>
      <c r="B242" s="209" t="s">
        <v>20420</v>
      </c>
      <c r="C242" s="113" t="s">
        <v>678</v>
      </c>
      <c r="D242" s="113" t="s">
        <v>22492</v>
      </c>
      <c r="E242" s="210">
        <v>1972</v>
      </c>
      <c r="F242" s="210">
        <v>255</v>
      </c>
      <c r="G242" s="113" t="s">
        <v>1</v>
      </c>
      <c r="H242" s="113">
        <v>0</v>
      </c>
      <c r="I242" s="113">
        <v>0</v>
      </c>
      <c r="J242" s="115">
        <v>1</v>
      </c>
      <c r="K242" s="116" t="s">
        <v>174</v>
      </c>
      <c r="L242" s="115">
        <v>0</v>
      </c>
      <c r="M242" s="115">
        <v>1</v>
      </c>
      <c r="N242" s="115">
        <v>0</v>
      </c>
      <c r="O242" s="115">
        <v>0</v>
      </c>
      <c r="P242" s="115" t="s">
        <v>400</v>
      </c>
      <c r="Q242" s="115" t="s">
        <v>400</v>
      </c>
      <c r="R242" s="115">
        <v>0</v>
      </c>
      <c r="S242" s="115">
        <v>0</v>
      </c>
      <c r="T242" s="115">
        <v>0</v>
      </c>
      <c r="U242" s="119"/>
      <c r="V242" s="119"/>
      <c r="W242" s="119"/>
      <c r="X242" s="119"/>
      <c r="Y242" s="119"/>
      <c r="Z242" s="119"/>
      <c r="AA242" s="119"/>
      <c r="AB242" s="119"/>
      <c r="AC242" s="119"/>
      <c r="AD242" s="119"/>
      <c r="AE242" s="119"/>
      <c r="AF242" s="119"/>
      <c r="AG242" s="119"/>
      <c r="AH242" s="119"/>
      <c r="AI242" s="119"/>
      <c r="AJ242" s="119"/>
      <c r="AK242" s="119"/>
      <c r="AL242" s="119"/>
      <c r="AM242" s="119"/>
      <c r="AN242" s="119"/>
      <c r="AO242" s="119"/>
      <c r="AP242" s="119"/>
      <c r="AQ242" s="119"/>
      <c r="AR242" s="119"/>
      <c r="AS242" s="119"/>
      <c r="AT242" s="119"/>
      <c r="AU242" s="119"/>
      <c r="AV242" s="119"/>
      <c r="AW242" s="119"/>
      <c r="AX242" s="119"/>
      <c r="AY242" s="119"/>
      <c r="AZ242" s="119"/>
      <c r="BA242" s="119"/>
      <c r="BB242" s="107">
        <v>45884</v>
      </c>
    </row>
    <row r="243" spans="1:54" s="207" customFormat="1" ht="13.95" customHeight="1" x14ac:dyDescent="0.25">
      <c r="A243" s="208" t="s">
        <v>679</v>
      </c>
      <c r="B243" s="209" t="s">
        <v>20420</v>
      </c>
      <c r="C243" s="113" t="s">
        <v>680</v>
      </c>
      <c r="D243" s="113" t="s">
        <v>22493</v>
      </c>
      <c r="E243" s="210">
        <v>1978</v>
      </c>
      <c r="F243" s="210">
        <v>256</v>
      </c>
      <c r="G243" s="113" t="s">
        <v>1</v>
      </c>
      <c r="H243" s="113">
        <v>0</v>
      </c>
      <c r="I243" s="113">
        <v>0</v>
      </c>
      <c r="J243" s="115">
        <v>1</v>
      </c>
      <c r="K243" s="116" t="s">
        <v>174</v>
      </c>
      <c r="L243" s="115">
        <v>1</v>
      </c>
      <c r="M243" s="115">
        <v>1</v>
      </c>
      <c r="N243" s="115">
        <v>0</v>
      </c>
      <c r="O243" s="115">
        <v>0</v>
      </c>
      <c r="P243" s="115" t="s">
        <v>400</v>
      </c>
      <c r="Q243" s="115" t="s">
        <v>400</v>
      </c>
      <c r="R243" s="115">
        <v>0</v>
      </c>
      <c r="S243" s="115">
        <v>0</v>
      </c>
      <c r="T243" s="115">
        <v>0</v>
      </c>
      <c r="U243" s="119"/>
      <c r="V243" s="119"/>
      <c r="W243" s="119"/>
      <c r="X243" s="119"/>
      <c r="Y243" s="119"/>
      <c r="Z243" s="119"/>
      <c r="AA243" s="119"/>
      <c r="AB243" s="119"/>
      <c r="AC243" s="119"/>
      <c r="AD243" s="119"/>
      <c r="AE243" s="119"/>
      <c r="AF243" s="119"/>
      <c r="AG243" s="119"/>
      <c r="AH243" s="119"/>
      <c r="AI243" s="119"/>
      <c r="AJ243" s="119"/>
      <c r="AK243" s="119"/>
      <c r="AL243" s="119"/>
      <c r="AM243" s="119"/>
      <c r="AN243" s="119"/>
      <c r="AO243" s="119"/>
      <c r="AP243" s="119"/>
      <c r="AQ243" s="119"/>
      <c r="AR243" s="119"/>
      <c r="AS243" s="119"/>
      <c r="AT243" s="119"/>
      <c r="AU243" s="119"/>
      <c r="AV243" s="119"/>
      <c r="AW243" s="119"/>
      <c r="AX243" s="119"/>
      <c r="AY243" s="119"/>
      <c r="AZ243" s="119"/>
      <c r="BA243" s="119"/>
      <c r="BB243" s="107">
        <v>45884</v>
      </c>
    </row>
    <row r="244" spans="1:54" s="207" customFormat="1" ht="13.95" customHeight="1" x14ac:dyDescent="0.25">
      <c r="A244" s="208" t="s">
        <v>681</v>
      </c>
      <c r="B244" s="209" t="s">
        <v>20420</v>
      </c>
      <c r="C244" s="113" t="s">
        <v>682</v>
      </c>
      <c r="D244" s="113" t="s">
        <v>22494</v>
      </c>
      <c r="E244" s="210">
        <v>1999</v>
      </c>
      <c r="F244" s="210">
        <v>257</v>
      </c>
      <c r="G244" s="113" t="s">
        <v>1</v>
      </c>
      <c r="H244" s="113">
        <v>0</v>
      </c>
      <c r="I244" s="113">
        <v>0</v>
      </c>
      <c r="J244" s="115">
        <v>1</v>
      </c>
      <c r="K244" s="211">
        <v>1</v>
      </c>
      <c r="L244" s="115">
        <v>1</v>
      </c>
      <c r="M244" s="115">
        <v>0</v>
      </c>
      <c r="N244" s="115">
        <v>0</v>
      </c>
      <c r="O244" s="115">
        <v>0</v>
      </c>
      <c r="P244" s="115" t="s">
        <v>400</v>
      </c>
      <c r="Q244" s="115" t="s">
        <v>400</v>
      </c>
      <c r="R244" s="115">
        <v>0</v>
      </c>
      <c r="S244" s="115">
        <v>0</v>
      </c>
      <c r="T244" s="115">
        <v>0</v>
      </c>
      <c r="U244" s="119"/>
      <c r="V244" s="119"/>
      <c r="W244" s="119"/>
      <c r="X244" s="119"/>
      <c r="Y244" s="119"/>
      <c r="Z244" s="119"/>
      <c r="AA244" s="119"/>
      <c r="AB244" s="119"/>
      <c r="AC244" s="119"/>
      <c r="AD244" s="119"/>
      <c r="AE244" s="119"/>
      <c r="AF244" s="119"/>
      <c r="AG244" s="119"/>
      <c r="AH244" s="119"/>
      <c r="AI244" s="119"/>
      <c r="AJ244" s="119"/>
      <c r="AK244" s="119"/>
      <c r="AL244" s="119"/>
      <c r="AM244" s="119"/>
      <c r="AN244" s="119"/>
      <c r="AO244" s="119"/>
      <c r="AP244" s="119"/>
      <c r="AQ244" s="119"/>
      <c r="AR244" s="119"/>
      <c r="AS244" s="119"/>
      <c r="AT244" s="119"/>
      <c r="AU244" s="119"/>
      <c r="AV244" s="119"/>
      <c r="AW244" s="119"/>
      <c r="AX244" s="119"/>
      <c r="AY244" s="119"/>
      <c r="AZ244" s="119"/>
      <c r="BA244" s="119"/>
      <c r="BB244" s="107">
        <v>45884</v>
      </c>
    </row>
    <row r="245" spans="1:54" s="207" customFormat="1" ht="13.95" customHeight="1" x14ac:dyDescent="0.25">
      <c r="A245" s="208" t="s">
        <v>683</v>
      </c>
      <c r="B245" s="209" t="s">
        <v>20420</v>
      </c>
      <c r="C245" s="113" t="s">
        <v>684</v>
      </c>
      <c r="D245" s="113" t="s">
        <v>22495</v>
      </c>
      <c r="E245" s="210">
        <v>1978</v>
      </c>
      <c r="F245" s="210">
        <v>258</v>
      </c>
      <c r="G245" s="113" t="s">
        <v>1</v>
      </c>
      <c r="H245" s="113">
        <v>0</v>
      </c>
      <c r="I245" s="113">
        <v>0</v>
      </c>
      <c r="J245" s="115">
        <v>1</v>
      </c>
      <c r="K245" s="116" t="s">
        <v>174</v>
      </c>
      <c r="L245" s="115">
        <v>0</v>
      </c>
      <c r="M245" s="115">
        <v>1</v>
      </c>
      <c r="N245" s="115">
        <v>1</v>
      </c>
      <c r="O245" s="115">
        <v>0</v>
      </c>
      <c r="P245" s="115" t="s">
        <v>400</v>
      </c>
      <c r="Q245" s="115" t="s">
        <v>400</v>
      </c>
      <c r="R245" s="115">
        <v>1</v>
      </c>
      <c r="S245" s="115">
        <v>0</v>
      </c>
      <c r="T245" s="115">
        <v>0</v>
      </c>
      <c r="U245" s="119"/>
      <c r="V245" s="119"/>
      <c r="W245" s="119"/>
      <c r="X245" s="119"/>
      <c r="Y245" s="119"/>
      <c r="Z245" s="119"/>
      <c r="AA245" s="119"/>
      <c r="AB245" s="119"/>
      <c r="AC245" s="119"/>
      <c r="AD245" s="119"/>
      <c r="AE245" s="119"/>
      <c r="AF245" s="119"/>
      <c r="AG245" s="119"/>
      <c r="AH245" s="119"/>
      <c r="AI245" s="119"/>
      <c r="AJ245" s="119"/>
      <c r="AK245" s="119"/>
      <c r="AL245" s="119"/>
      <c r="AM245" s="119"/>
      <c r="AN245" s="119"/>
      <c r="AO245" s="119"/>
      <c r="AP245" s="119"/>
      <c r="AQ245" s="119"/>
      <c r="AR245" s="119"/>
      <c r="AS245" s="119"/>
      <c r="AT245" s="119"/>
      <c r="AU245" s="119"/>
      <c r="AV245" s="119"/>
      <c r="AW245" s="119"/>
      <c r="AX245" s="119"/>
      <c r="AY245" s="119"/>
      <c r="AZ245" s="119"/>
      <c r="BA245" s="119"/>
      <c r="BB245" s="107">
        <v>45884</v>
      </c>
    </row>
    <row r="246" spans="1:54" s="207" customFormat="1" ht="13.95" customHeight="1" x14ac:dyDescent="0.25">
      <c r="A246" s="208" t="s">
        <v>685</v>
      </c>
      <c r="B246" s="209" t="s">
        <v>20420</v>
      </c>
      <c r="C246" s="113" t="s">
        <v>686</v>
      </c>
      <c r="D246" s="113" t="s">
        <v>687</v>
      </c>
      <c r="E246" s="210">
        <v>2014</v>
      </c>
      <c r="F246" s="210">
        <v>258</v>
      </c>
      <c r="G246" s="113" t="s">
        <v>1</v>
      </c>
      <c r="H246" s="113">
        <v>0</v>
      </c>
      <c r="I246" s="113">
        <v>0</v>
      </c>
      <c r="J246" s="115">
        <v>1</v>
      </c>
      <c r="K246" s="116" t="s">
        <v>174</v>
      </c>
      <c r="L246" s="115">
        <v>0</v>
      </c>
      <c r="M246" s="115">
        <v>0</v>
      </c>
      <c r="N246" s="115">
        <v>0</v>
      </c>
      <c r="O246" s="115">
        <v>0</v>
      </c>
      <c r="P246" s="115" t="s">
        <v>400</v>
      </c>
      <c r="Q246" s="115" t="s">
        <v>400</v>
      </c>
      <c r="R246" s="115">
        <v>0</v>
      </c>
      <c r="S246" s="115">
        <v>0</v>
      </c>
      <c r="T246" s="115">
        <v>0</v>
      </c>
      <c r="U246" s="119"/>
      <c r="V246" s="119"/>
      <c r="W246" s="119"/>
      <c r="X246" s="119"/>
      <c r="Y246" s="119"/>
      <c r="Z246" s="119"/>
      <c r="AA246" s="119"/>
      <c r="AB246" s="119"/>
      <c r="AC246" s="119"/>
      <c r="AD246" s="119"/>
      <c r="AE246" s="119"/>
      <c r="AF246" s="119"/>
      <c r="AG246" s="119"/>
      <c r="AH246" s="119"/>
      <c r="AI246" s="119"/>
      <c r="AJ246" s="119"/>
      <c r="AK246" s="119"/>
      <c r="AL246" s="119"/>
      <c r="AM246" s="119"/>
      <c r="AN246" s="119"/>
      <c r="AO246" s="119"/>
      <c r="AP246" s="119"/>
      <c r="AQ246" s="119"/>
      <c r="AR246" s="119"/>
      <c r="AS246" s="119"/>
      <c r="AT246" s="119"/>
      <c r="AU246" s="119"/>
      <c r="AV246" s="119"/>
      <c r="AW246" s="119"/>
      <c r="AX246" s="119"/>
      <c r="AY246" s="119"/>
      <c r="AZ246" s="119"/>
      <c r="BA246" s="119"/>
      <c r="BB246" s="107">
        <v>45884</v>
      </c>
    </row>
    <row r="247" spans="1:54" s="207" customFormat="1" ht="13.95" customHeight="1" x14ac:dyDescent="0.25">
      <c r="A247" s="208" t="s">
        <v>688</v>
      </c>
      <c r="B247" s="209" t="s">
        <v>20420</v>
      </c>
      <c r="C247" s="113" t="s">
        <v>689</v>
      </c>
      <c r="D247" s="113" t="s">
        <v>22496</v>
      </c>
      <c r="E247" s="210">
        <v>1990</v>
      </c>
      <c r="F247" s="210">
        <v>258</v>
      </c>
      <c r="G247" s="113" t="s">
        <v>1</v>
      </c>
      <c r="H247" s="113">
        <v>0</v>
      </c>
      <c r="I247" s="113">
        <v>0</v>
      </c>
      <c r="J247" s="115">
        <v>1</v>
      </c>
      <c r="K247" s="116" t="s">
        <v>174</v>
      </c>
      <c r="L247" s="115">
        <v>0</v>
      </c>
      <c r="M247" s="115">
        <v>1</v>
      </c>
      <c r="N247" s="115">
        <v>0</v>
      </c>
      <c r="O247" s="115">
        <v>0</v>
      </c>
      <c r="P247" s="115" t="s">
        <v>400</v>
      </c>
      <c r="Q247" s="115" t="s">
        <v>400</v>
      </c>
      <c r="R247" s="115">
        <v>0</v>
      </c>
      <c r="S247" s="115">
        <v>0</v>
      </c>
      <c r="T247" s="115">
        <v>0</v>
      </c>
      <c r="U247" s="119"/>
      <c r="V247" s="119"/>
      <c r="W247" s="119"/>
      <c r="X247" s="119"/>
      <c r="Y247" s="119"/>
      <c r="Z247" s="119"/>
      <c r="AA247" s="119"/>
      <c r="AB247" s="119"/>
      <c r="AC247" s="119"/>
      <c r="AD247" s="119"/>
      <c r="AE247" s="119"/>
      <c r="AF247" s="119"/>
      <c r="AG247" s="119"/>
      <c r="AH247" s="119"/>
      <c r="AI247" s="119"/>
      <c r="AJ247" s="119"/>
      <c r="AK247" s="119"/>
      <c r="AL247" s="119"/>
      <c r="AM247" s="119"/>
      <c r="AN247" s="119"/>
      <c r="AO247" s="119"/>
      <c r="AP247" s="119"/>
      <c r="AQ247" s="119"/>
      <c r="AR247" s="119"/>
      <c r="AS247" s="119"/>
      <c r="AT247" s="119"/>
      <c r="AU247" s="119"/>
      <c r="AV247" s="119"/>
      <c r="AW247" s="119"/>
      <c r="AX247" s="119"/>
      <c r="AY247" s="119"/>
      <c r="AZ247" s="119"/>
      <c r="BA247" s="119"/>
      <c r="BB247" s="107">
        <v>45884</v>
      </c>
    </row>
    <row r="248" spans="1:54" s="207" customFormat="1" ht="13.95" customHeight="1" x14ac:dyDescent="0.25">
      <c r="A248" s="208" t="s">
        <v>690</v>
      </c>
      <c r="B248" s="209" t="s">
        <v>20420</v>
      </c>
      <c r="C248" s="113" t="s">
        <v>691</v>
      </c>
      <c r="D248" s="113" t="s">
        <v>22497</v>
      </c>
      <c r="E248" s="210">
        <v>1997</v>
      </c>
      <c r="F248" s="210">
        <v>260</v>
      </c>
      <c r="G248" s="113" t="s">
        <v>1</v>
      </c>
      <c r="H248" s="113">
        <v>0</v>
      </c>
      <c r="I248" s="113">
        <v>0</v>
      </c>
      <c r="J248" s="115">
        <v>1</v>
      </c>
      <c r="K248" s="116" t="s">
        <v>174</v>
      </c>
      <c r="L248" s="115">
        <v>0</v>
      </c>
      <c r="M248" s="115">
        <v>0</v>
      </c>
      <c r="N248" s="115">
        <v>0</v>
      </c>
      <c r="O248" s="115">
        <v>0</v>
      </c>
      <c r="P248" s="115" t="s">
        <v>400</v>
      </c>
      <c r="Q248" s="115" t="s">
        <v>400</v>
      </c>
      <c r="R248" s="115">
        <v>0</v>
      </c>
      <c r="S248" s="115">
        <v>0</v>
      </c>
      <c r="T248" s="115">
        <v>0</v>
      </c>
      <c r="U248" s="119"/>
      <c r="V248" s="119"/>
      <c r="W248" s="119"/>
      <c r="X248" s="119"/>
      <c r="Y248" s="119"/>
      <c r="Z248" s="119"/>
      <c r="AA248" s="119"/>
      <c r="AB248" s="119"/>
      <c r="AC248" s="119"/>
      <c r="AD248" s="119"/>
      <c r="AE248" s="119"/>
      <c r="AF248" s="119"/>
      <c r="AG248" s="119"/>
      <c r="AH248" s="119"/>
      <c r="AI248" s="119"/>
      <c r="AJ248" s="119"/>
      <c r="AK248" s="119"/>
      <c r="AL248" s="119"/>
      <c r="AM248" s="119"/>
      <c r="AN248" s="119"/>
      <c r="AO248" s="119"/>
      <c r="AP248" s="119"/>
      <c r="AQ248" s="119"/>
      <c r="AR248" s="119"/>
      <c r="AS248" s="119"/>
      <c r="AT248" s="119"/>
      <c r="AU248" s="119"/>
      <c r="AV248" s="119"/>
      <c r="AW248" s="119"/>
      <c r="AX248" s="119"/>
      <c r="AY248" s="119"/>
      <c r="AZ248" s="119"/>
      <c r="BA248" s="119"/>
      <c r="BB248" s="107">
        <v>45884</v>
      </c>
    </row>
    <row r="249" spans="1:54" s="207" customFormat="1" ht="13.95" customHeight="1" x14ac:dyDescent="0.25">
      <c r="A249" s="208" t="s">
        <v>692</v>
      </c>
      <c r="B249" s="209" t="s">
        <v>20420</v>
      </c>
      <c r="C249" s="113" t="s">
        <v>693</v>
      </c>
      <c r="D249" s="113" t="s">
        <v>22498</v>
      </c>
      <c r="E249" s="210">
        <v>1978</v>
      </c>
      <c r="F249" s="210">
        <v>261</v>
      </c>
      <c r="G249" s="113" t="s">
        <v>1</v>
      </c>
      <c r="H249" s="113">
        <v>0</v>
      </c>
      <c r="I249" s="113">
        <v>0</v>
      </c>
      <c r="J249" s="115">
        <v>1</v>
      </c>
      <c r="K249" s="116" t="s">
        <v>174</v>
      </c>
      <c r="L249" s="115">
        <v>1</v>
      </c>
      <c r="M249" s="115">
        <v>0</v>
      </c>
      <c r="N249" s="115">
        <v>0</v>
      </c>
      <c r="O249" s="115">
        <v>0</v>
      </c>
      <c r="P249" s="115" t="s">
        <v>400</v>
      </c>
      <c r="Q249" s="115" t="s">
        <v>400</v>
      </c>
      <c r="R249" s="115">
        <v>0</v>
      </c>
      <c r="S249" s="115">
        <v>0</v>
      </c>
      <c r="T249" s="115">
        <v>0</v>
      </c>
      <c r="U249" s="119"/>
      <c r="V249" s="119"/>
      <c r="W249" s="119"/>
      <c r="X249" s="119"/>
      <c r="Y249" s="119"/>
      <c r="Z249" s="119"/>
      <c r="AA249" s="119"/>
      <c r="AB249" s="119"/>
      <c r="AC249" s="119"/>
      <c r="AD249" s="119"/>
      <c r="AE249" s="119"/>
      <c r="AF249" s="119"/>
      <c r="AG249" s="119"/>
      <c r="AH249" s="119"/>
      <c r="AI249" s="119"/>
      <c r="AJ249" s="119"/>
      <c r="AK249" s="119"/>
      <c r="AL249" s="119"/>
      <c r="AM249" s="119"/>
      <c r="AN249" s="119"/>
      <c r="AO249" s="119"/>
      <c r="AP249" s="119"/>
      <c r="AQ249" s="119"/>
      <c r="AR249" s="119"/>
      <c r="AS249" s="119"/>
      <c r="AT249" s="119"/>
      <c r="AU249" s="119"/>
      <c r="AV249" s="119"/>
      <c r="AW249" s="119"/>
      <c r="AX249" s="119"/>
      <c r="AY249" s="119"/>
      <c r="AZ249" s="119"/>
      <c r="BA249" s="119"/>
      <c r="BB249" s="107">
        <v>45884</v>
      </c>
    </row>
    <row r="250" spans="1:54" s="207" customFormat="1" ht="13.95" customHeight="1" x14ac:dyDescent="0.25">
      <c r="A250" s="208" t="s">
        <v>694</v>
      </c>
      <c r="B250" s="209" t="s">
        <v>20420</v>
      </c>
      <c r="C250" s="113" t="s">
        <v>695</v>
      </c>
      <c r="D250" s="113" t="s">
        <v>696</v>
      </c>
      <c r="E250" s="210">
        <v>1988</v>
      </c>
      <c r="F250" s="210">
        <v>261</v>
      </c>
      <c r="G250" s="113" t="s">
        <v>1</v>
      </c>
      <c r="H250" s="113">
        <v>0</v>
      </c>
      <c r="I250" s="113">
        <v>0</v>
      </c>
      <c r="J250" s="115">
        <v>1</v>
      </c>
      <c r="K250" s="116" t="s">
        <v>174</v>
      </c>
      <c r="L250" s="115">
        <v>0</v>
      </c>
      <c r="M250" s="115">
        <v>0</v>
      </c>
      <c r="N250" s="115">
        <v>0</v>
      </c>
      <c r="O250" s="115">
        <v>0</v>
      </c>
      <c r="P250" s="115" t="s">
        <v>400</v>
      </c>
      <c r="Q250" s="115" t="s">
        <v>400</v>
      </c>
      <c r="R250" s="115">
        <v>0</v>
      </c>
      <c r="S250" s="115">
        <v>0</v>
      </c>
      <c r="T250" s="115">
        <v>0</v>
      </c>
      <c r="U250" s="119"/>
      <c r="V250" s="119"/>
      <c r="W250" s="119"/>
      <c r="X250" s="119"/>
      <c r="Y250" s="119"/>
      <c r="Z250" s="119"/>
      <c r="AA250" s="119"/>
      <c r="AB250" s="119"/>
      <c r="AC250" s="119"/>
      <c r="AD250" s="119"/>
      <c r="AE250" s="119"/>
      <c r="AF250" s="119"/>
      <c r="AG250" s="119"/>
      <c r="AH250" s="119"/>
      <c r="AI250" s="119"/>
      <c r="AJ250" s="119"/>
      <c r="AK250" s="119"/>
      <c r="AL250" s="119"/>
      <c r="AM250" s="119"/>
      <c r="AN250" s="119"/>
      <c r="AO250" s="119"/>
      <c r="AP250" s="119"/>
      <c r="AQ250" s="119"/>
      <c r="AR250" s="119"/>
      <c r="AS250" s="119"/>
      <c r="AT250" s="119"/>
      <c r="AU250" s="119"/>
      <c r="AV250" s="119"/>
      <c r="AW250" s="119"/>
      <c r="AX250" s="119"/>
      <c r="AY250" s="119"/>
      <c r="AZ250" s="119"/>
      <c r="BA250" s="119"/>
      <c r="BB250" s="107">
        <v>45884</v>
      </c>
    </row>
    <row r="251" spans="1:54" s="207" customFormat="1" ht="13.95" customHeight="1" x14ac:dyDescent="0.25">
      <c r="A251" s="208" t="s">
        <v>697</v>
      </c>
      <c r="B251" s="209" t="s">
        <v>20420</v>
      </c>
      <c r="C251" s="113" t="s">
        <v>698</v>
      </c>
      <c r="D251" s="113" t="s">
        <v>22499</v>
      </c>
      <c r="E251" s="210">
        <v>2000</v>
      </c>
      <c r="F251" s="210">
        <v>261</v>
      </c>
      <c r="G251" s="113" t="s">
        <v>1</v>
      </c>
      <c r="H251" s="113">
        <v>0</v>
      </c>
      <c r="I251" s="113">
        <v>0</v>
      </c>
      <c r="J251" s="115">
        <v>1</v>
      </c>
      <c r="K251" s="116" t="s">
        <v>174</v>
      </c>
      <c r="L251" s="115">
        <v>0</v>
      </c>
      <c r="M251" s="115">
        <v>0</v>
      </c>
      <c r="N251" s="115">
        <v>0</v>
      </c>
      <c r="O251" s="115">
        <v>0</v>
      </c>
      <c r="P251" s="115">
        <v>1</v>
      </c>
      <c r="Q251" s="115" t="s">
        <v>400</v>
      </c>
      <c r="R251" s="115">
        <v>1</v>
      </c>
      <c r="S251" s="115">
        <v>0</v>
      </c>
      <c r="T251" s="115">
        <v>0</v>
      </c>
      <c r="U251" s="119"/>
      <c r="V251" s="119"/>
      <c r="W251" s="119"/>
      <c r="X251" s="119"/>
      <c r="Y251" s="119"/>
      <c r="Z251" s="119"/>
      <c r="AA251" s="119"/>
      <c r="AB251" s="119"/>
      <c r="AC251" s="119"/>
      <c r="AD251" s="119"/>
      <c r="AE251" s="119"/>
      <c r="AF251" s="119"/>
      <c r="AG251" s="119"/>
      <c r="AH251" s="119"/>
      <c r="AI251" s="119"/>
      <c r="AJ251" s="119"/>
      <c r="AK251" s="119"/>
      <c r="AL251" s="119"/>
      <c r="AM251" s="119"/>
      <c r="AN251" s="119"/>
      <c r="AO251" s="119"/>
      <c r="AP251" s="119"/>
      <c r="AQ251" s="119"/>
      <c r="AR251" s="119"/>
      <c r="AS251" s="119"/>
      <c r="AT251" s="119"/>
      <c r="AU251" s="119"/>
      <c r="AV251" s="119"/>
      <c r="AW251" s="119"/>
      <c r="AX251" s="119"/>
      <c r="AY251" s="119"/>
      <c r="AZ251" s="119"/>
      <c r="BA251" s="119"/>
      <c r="BB251" s="107">
        <v>45884</v>
      </c>
    </row>
    <row r="252" spans="1:54" s="207" customFormat="1" ht="13.95" customHeight="1" x14ac:dyDescent="0.25">
      <c r="A252" s="208" t="s">
        <v>699</v>
      </c>
      <c r="B252" s="209" t="s">
        <v>20420</v>
      </c>
      <c r="C252" s="113" t="s">
        <v>700</v>
      </c>
      <c r="D252" s="113" t="s">
        <v>22500</v>
      </c>
      <c r="E252" s="210">
        <v>2001</v>
      </c>
      <c r="F252" s="210">
        <v>262</v>
      </c>
      <c r="G252" s="113" t="s">
        <v>1</v>
      </c>
      <c r="H252" s="113">
        <v>0</v>
      </c>
      <c r="I252" s="113">
        <v>0</v>
      </c>
      <c r="J252" s="115">
        <v>1</v>
      </c>
      <c r="K252" s="116" t="s">
        <v>174</v>
      </c>
      <c r="L252" s="115">
        <v>0</v>
      </c>
      <c r="M252" s="115">
        <v>0</v>
      </c>
      <c r="N252" s="115">
        <v>0</v>
      </c>
      <c r="O252" s="115">
        <v>0</v>
      </c>
      <c r="P252" s="115">
        <v>1</v>
      </c>
      <c r="Q252" s="115" t="s">
        <v>400</v>
      </c>
      <c r="R252" s="115">
        <v>0</v>
      </c>
      <c r="S252" s="115">
        <v>0</v>
      </c>
      <c r="T252" s="115">
        <v>0</v>
      </c>
      <c r="U252" s="119"/>
      <c r="V252" s="119"/>
      <c r="W252" s="119"/>
      <c r="X252" s="119"/>
      <c r="Y252" s="119"/>
      <c r="Z252" s="119"/>
      <c r="AA252" s="119"/>
      <c r="AB252" s="119"/>
      <c r="AC252" s="119"/>
      <c r="AD252" s="119"/>
      <c r="AE252" s="119"/>
      <c r="AF252" s="119"/>
      <c r="AG252" s="119"/>
      <c r="AH252" s="119"/>
      <c r="AI252" s="119"/>
      <c r="AJ252" s="119"/>
      <c r="AK252" s="119"/>
      <c r="AL252" s="119"/>
      <c r="AM252" s="119"/>
      <c r="AN252" s="119"/>
      <c r="AO252" s="119"/>
      <c r="AP252" s="119"/>
      <c r="AQ252" s="119"/>
      <c r="AR252" s="119"/>
      <c r="AS252" s="119"/>
      <c r="AT252" s="119"/>
      <c r="AU252" s="119"/>
      <c r="AV252" s="119"/>
      <c r="AW252" s="119"/>
      <c r="AX252" s="119"/>
      <c r="AY252" s="119"/>
      <c r="AZ252" s="119"/>
      <c r="BA252" s="119"/>
      <c r="BB252" s="107">
        <v>45884</v>
      </c>
    </row>
    <row r="253" spans="1:54" s="207" customFormat="1" ht="13.95" customHeight="1" x14ac:dyDescent="0.25">
      <c r="A253" s="208" t="s">
        <v>701</v>
      </c>
      <c r="B253" s="209" t="s">
        <v>20420</v>
      </c>
      <c r="C253" s="113" t="s">
        <v>702</v>
      </c>
      <c r="D253" s="113" t="s">
        <v>22501</v>
      </c>
      <c r="E253" s="210">
        <v>2013</v>
      </c>
      <c r="F253" s="210">
        <v>263</v>
      </c>
      <c r="G253" s="113" t="s">
        <v>1</v>
      </c>
      <c r="H253" s="113">
        <v>0</v>
      </c>
      <c r="I253" s="113">
        <v>0</v>
      </c>
      <c r="J253" s="115">
        <v>1</v>
      </c>
      <c r="K253" s="116" t="s">
        <v>174</v>
      </c>
      <c r="L253" s="115">
        <v>0</v>
      </c>
      <c r="M253" s="115">
        <v>0</v>
      </c>
      <c r="N253" s="115">
        <v>0</v>
      </c>
      <c r="O253" s="115">
        <v>0</v>
      </c>
      <c r="P253" s="115" t="s">
        <v>400</v>
      </c>
      <c r="Q253" s="115" t="s">
        <v>400</v>
      </c>
      <c r="R253" s="115">
        <v>0</v>
      </c>
      <c r="S253" s="115">
        <v>0</v>
      </c>
      <c r="T253" s="115">
        <v>0</v>
      </c>
      <c r="U253" s="119"/>
      <c r="V253" s="119"/>
      <c r="W253" s="119"/>
      <c r="X253" s="119"/>
      <c r="Y253" s="119"/>
      <c r="Z253" s="119"/>
      <c r="AA253" s="119"/>
      <c r="AB253" s="119"/>
      <c r="AC253" s="119"/>
      <c r="AD253" s="119"/>
      <c r="AE253" s="119"/>
      <c r="AF253" s="119"/>
      <c r="AG253" s="119"/>
      <c r="AH253" s="119"/>
      <c r="AI253" s="119"/>
      <c r="AJ253" s="119"/>
      <c r="AK253" s="119"/>
      <c r="AL253" s="119"/>
      <c r="AM253" s="119"/>
      <c r="AN253" s="119"/>
      <c r="AO253" s="119"/>
      <c r="AP253" s="119"/>
      <c r="AQ253" s="119"/>
      <c r="AR253" s="119"/>
      <c r="AS253" s="119"/>
      <c r="AT253" s="119"/>
      <c r="AU253" s="119"/>
      <c r="AV253" s="119"/>
      <c r="AW253" s="119"/>
      <c r="AX253" s="119"/>
      <c r="AY253" s="119"/>
      <c r="AZ253" s="119"/>
      <c r="BA253" s="119"/>
      <c r="BB253" s="107">
        <v>45884</v>
      </c>
    </row>
    <row r="254" spans="1:54" s="207" customFormat="1" ht="13.95" customHeight="1" x14ac:dyDescent="0.25">
      <c r="A254" s="208" t="s">
        <v>703</v>
      </c>
      <c r="B254" s="209" t="s">
        <v>20420</v>
      </c>
      <c r="C254" s="113" t="s">
        <v>704</v>
      </c>
      <c r="D254" s="113" t="s">
        <v>705</v>
      </c>
      <c r="E254" s="210">
        <v>1994</v>
      </c>
      <c r="F254" s="210">
        <v>264</v>
      </c>
      <c r="G254" s="113" t="s">
        <v>1</v>
      </c>
      <c r="H254" s="113">
        <v>0</v>
      </c>
      <c r="I254" s="113">
        <v>0</v>
      </c>
      <c r="J254" s="115">
        <v>1</v>
      </c>
      <c r="K254" s="116" t="s">
        <v>174</v>
      </c>
      <c r="L254" s="115">
        <v>1</v>
      </c>
      <c r="M254" s="115">
        <v>0</v>
      </c>
      <c r="N254" s="115">
        <v>1</v>
      </c>
      <c r="O254" s="115">
        <v>0</v>
      </c>
      <c r="P254" s="115" t="s">
        <v>400</v>
      </c>
      <c r="Q254" s="115" t="s">
        <v>400</v>
      </c>
      <c r="R254" s="115">
        <v>0</v>
      </c>
      <c r="S254" s="115">
        <v>0</v>
      </c>
      <c r="T254" s="115">
        <v>0</v>
      </c>
      <c r="U254" s="119"/>
      <c r="V254" s="119"/>
      <c r="W254" s="119"/>
      <c r="X254" s="119"/>
      <c r="Y254" s="119"/>
      <c r="Z254" s="119"/>
      <c r="AA254" s="119"/>
      <c r="AB254" s="119"/>
      <c r="AC254" s="119"/>
      <c r="AD254" s="119"/>
      <c r="AE254" s="119"/>
      <c r="AF254" s="119"/>
      <c r="AG254" s="119"/>
      <c r="AH254" s="119"/>
      <c r="AI254" s="119"/>
      <c r="AJ254" s="119"/>
      <c r="AK254" s="119"/>
      <c r="AL254" s="119"/>
      <c r="AM254" s="119"/>
      <c r="AN254" s="119"/>
      <c r="AO254" s="119"/>
      <c r="AP254" s="119"/>
      <c r="AQ254" s="119"/>
      <c r="AR254" s="119"/>
      <c r="AS254" s="119"/>
      <c r="AT254" s="119"/>
      <c r="AU254" s="119"/>
      <c r="AV254" s="119"/>
      <c r="AW254" s="119"/>
      <c r="AX254" s="119"/>
      <c r="AY254" s="119"/>
      <c r="AZ254" s="119"/>
      <c r="BA254" s="119"/>
      <c r="BB254" s="107">
        <v>45884</v>
      </c>
    </row>
    <row r="255" spans="1:54" s="207" customFormat="1" ht="13.95" customHeight="1" x14ac:dyDescent="0.25">
      <c r="A255" s="208" t="s">
        <v>706</v>
      </c>
      <c r="B255" s="209" t="s">
        <v>20420</v>
      </c>
      <c r="C255" s="113" t="s">
        <v>707</v>
      </c>
      <c r="D255" s="113" t="s">
        <v>22502</v>
      </c>
      <c r="E255" s="210">
        <v>1977</v>
      </c>
      <c r="F255" s="210">
        <v>264</v>
      </c>
      <c r="G255" s="113" t="s">
        <v>1</v>
      </c>
      <c r="H255" s="113">
        <v>0</v>
      </c>
      <c r="I255" s="113">
        <v>0</v>
      </c>
      <c r="J255" s="115">
        <v>1</v>
      </c>
      <c r="K255" s="211">
        <v>1</v>
      </c>
      <c r="L255" s="115">
        <v>1</v>
      </c>
      <c r="M255" s="115">
        <v>0</v>
      </c>
      <c r="N255" s="115">
        <v>0</v>
      </c>
      <c r="O255" s="115">
        <v>0</v>
      </c>
      <c r="P255" s="115" t="s">
        <v>400</v>
      </c>
      <c r="Q255" s="115" t="s">
        <v>400</v>
      </c>
      <c r="R255" s="115">
        <v>0</v>
      </c>
      <c r="S255" s="115">
        <v>0</v>
      </c>
      <c r="T255" s="115">
        <v>0</v>
      </c>
      <c r="U255" s="119"/>
      <c r="V255" s="119"/>
      <c r="W255" s="119"/>
      <c r="X255" s="119"/>
      <c r="Y255" s="119"/>
      <c r="Z255" s="119"/>
      <c r="AA255" s="119"/>
      <c r="AB255" s="119"/>
      <c r="AC255" s="119"/>
      <c r="AD255" s="119"/>
      <c r="AE255" s="119"/>
      <c r="AF255" s="119"/>
      <c r="AG255" s="119"/>
      <c r="AH255" s="119"/>
      <c r="AI255" s="119"/>
      <c r="AJ255" s="119"/>
      <c r="AK255" s="119"/>
      <c r="AL255" s="119"/>
      <c r="AM255" s="119"/>
      <c r="AN255" s="119"/>
      <c r="AO255" s="119"/>
      <c r="AP255" s="119"/>
      <c r="AQ255" s="119"/>
      <c r="AR255" s="119"/>
      <c r="AS255" s="119"/>
      <c r="AT255" s="119"/>
      <c r="AU255" s="119"/>
      <c r="AV255" s="119"/>
      <c r="AW255" s="119"/>
      <c r="AX255" s="119"/>
      <c r="AY255" s="119"/>
      <c r="AZ255" s="119"/>
      <c r="BA255" s="119"/>
      <c r="BB255" s="107">
        <v>45884</v>
      </c>
    </row>
    <row r="256" spans="1:54" s="207" customFormat="1" ht="13.95" customHeight="1" x14ac:dyDescent="0.25">
      <c r="A256" s="208" t="s">
        <v>708</v>
      </c>
      <c r="B256" s="209" t="s">
        <v>20420</v>
      </c>
      <c r="C256" s="113" t="s">
        <v>709</v>
      </c>
      <c r="D256" s="113" t="s">
        <v>710</v>
      </c>
      <c r="E256" s="210">
        <v>1995</v>
      </c>
      <c r="F256" s="210">
        <v>265</v>
      </c>
      <c r="G256" s="113" t="s">
        <v>1</v>
      </c>
      <c r="H256" s="113">
        <v>0</v>
      </c>
      <c r="I256" s="113">
        <v>0</v>
      </c>
      <c r="J256" s="115">
        <v>0</v>
      </c>
      <c r="K256" s="116" t="s">
        <v>174</v>
      </c>
      <c r="L256" s="115">
        <v>0</v>
      </c>
      <c r="M256" s="115">
        <v>0</v>
      </c>
      <c r="N256" s="115">
        <v>0</v>
      </c>
      <c r="O256" s="115">
        <v>0</v>
      </c>
      <c r="P256" s="115" t="s">
        <v>400</v>
      </c>
      <c r="Q256" s="115" t="s">
        <v>400</v>
      </c>
      <c r="R256" s="115">
        <v>0</v>
      </c>
      <c r="S256" s="115">
        <v>0</v>
      </c>
      <c r="T256" s="115">
        <v>0</v>
      </c>
      <c r="U256" s="119"/>
      <c r="V256" s="119"/>
      <c r="W256" s="119"/>
      <c r="X256" s="119"/>
      <c r="Y256" s="119"/>
      <c r="Z256" s="119"/>
      <c r="AA256" s="119"/>
      <c r="AB256" s="119"/>
      <c r="AC256" s="119"/>
      <c r="AD256" s="119"/>
      <c r="AE256" s="119"/>
      <c r="AF256" s="119"/>
      <c r="AG256" s="119"/>
      <c r="AH256" s="119"/>
      <c r="AI256" s="119"/>
      <c r="AJ256" s="119"/>
      <c r="AK256" s="119"/>
      <c r="AL256" s="119"/>
      <c r="AM256" s="119"/>
      <c r="AN256" s="119"/>
      <c r="AO256" s="119"/>
      <c r="AP256" s="119"/>
      <c r="AQ256" s="119"/>
      <c r="AR256" s="119"/>
      <c r="AS256" s="119"/>
      <c r="AT256" s="119"/>
      <c r="AU256" s="119"/>
      <c r="AV256" s="119"/>
      <c r="AW256" s="119"/>
      <c r="AX256" s="119"/>
      <c r="AY256" s="119"/>
      <c r="AZ256" s="119"/>
      <c r="BA256" s="119"/>
      <c r="BB256" s="107">
        <v>45884</v>
      </c>
    </row>
    <row r="257" spans="1:54" s="207" customFormat="1" ht="13.95" customHeight="1" x14ac:dyDescent="0.25">
      <c r="A257" s="208" t="s">
        <v>711</v>
      </c>
      <c r="B257" s="209" t="s">
        <v>20420</v>
      </c>
      <c r="C257" s="113" t="s">
        <v>712</v>
      </c>
      <c r="D257" s="113" t="s">
        <v>713</v>
      </c>
      <c r="E257" s="210">
        <v>2004</v>
      </c>
      <c r="F257" s="210">
        <v>266</v>
      </c>
      <c r="G257" s="113" t="s">
        <v>1</v>
      </c>
      <c r="H257" s="113">
        <v>0</v>
      </c>
      <c r="I257" s="113">
        <v>0</v>
      </c>
      <c r="J257" s="115">
        <v>1</v>
      </c>
      <c r="K257" s="116" t="s">
        <v>174</v>
      </c>
      <c r="L257" s="115">
        <v>0</v>
      </c>
      <c r="M257" s="115">
        <v>0</v>
      </c>
      <c r="N257" s="115">
        <v>1</v>
      </c>
      <c r="O257" s="115">
        <v>0</v>
      </c>
      <c r="P257" s="115" t="s">
        <v>400</v>
      </c>
      <c r="Q257" s="115" t="s">
        <v>400</v>
      </c>
      <c r="R257" s="115">
        <v>0</v>
      </c>
      <c r="S257" s="115">
        <v>0</v>
      </c>
      <c r="T257" s="115">
        <v>0</v>
      </c>
      <c r="U257" s="119"/>
      <c r="V257" s="119"/>
      <c r="W257" s="119"/>
      <c r="X257" s="119"/>
      <c r="Y257" s="119"/>
      <c r="Z257" s="119"/>
      <c r="AA257" s="119"/>
      <c r="AB257" s="119"/>
      <c r="AC257" s="119"/>
      <c r="AD257" s="119"/>
      <c r="AE257" s="119"/>
      <c r="AF257" s="119"/>
      <c r="AG257" s="119"/>
      <c r="AH257" s="119"/>
      <c r="AI257" s="119"/>
      <c r="AJ257" s="119"/>
      <c r="AK257" s="119"/>
      <c r="AL257" s="119"/>
      <c r="AM257" s="119"/>
      <c r="AN257" s="119"/>
      <c r="AO257" s="119"/>
      <c r="AP257" s="119"/>
      <c r="AQ257" s="119"/>
      <c r="AR257" s="119"/>
      <c r="AS257" s="119"/>
      <c r="AT257" s="119"/>
      <c r="AU257" s="119"/>
      <c r="AV257" s="119"/>
      <c r="AW257" s="119"/>
      <c r="AX257" s="119"/>
      <c r="AY257" s="119"/>
      <c r="AZ257" s="119"/>
      <c r="BA257" s="119"/>
      <c r="BB257" s="107">
        <v>45884</v>
      </c>
    </row>
    <row r="258" spans="1:54" s="207" customFormat="1" ht="13.95" customHeight="1" x14ac:dyDescent="0.25">
      <c r="A258" s="208" t="s">
        <v>714</v>
      </c>
      <c r="B258" s="209" t="s">
        <v>20420</v>
      </c>
      <c r="C258" s="113" t="s">
        <v>715</v>
      </c>
      <c r="D258" s="113" t="s">
        <v>716</v>
      </c>
      <c r="E258" s="210">
        <v>1990</v>
      </c>
      <c r="F258" s="210">
        <v>267</v>
      </c>
      <c r="G258" s="113" t="s">
        <v>1</v>
      </c>
      <c r="H258" s="113">
        <v>0</v>
      </c>
      <c r="I258" s="113">
        <v>0</v>
      </c>
      <c r="J258" s="115">
        <v>1</v>
      </c>
      <c r="K258" s="116" t="s">
        <v>174</v>
      </c>
      <c r="L258" s="115">
        <v>1</v>
      </c>
      <c r="M258" s="115">
        <v>1</v>
      </c>
      <c r="N258" s="115">
        <v>0</v>
      </c>
      <c r="O258" s="115">
        <v>1</v>
      </c>
      <c r="P258" s="115" t="s">
        <v>400</v>
      </c>
      <c r="Q258" s="115" t="s">
        <v>400</v>
      </c>
      <c r="R258" s="115">
        <v>0</v>
      </c>
      <c r="S258" s="115">
        <v>0</v>
      </c>
      <c r="T258" s="115">
        <v>0</v>
      </c>
      <c r="U258" s="119"/>
      <c r="V258" s="119"/>
      <c r="W258" s="119"/>
      <c r="X258" s="119"/>
      <c r="Y258" s="119"/>
      <c r="Z258" s="119"/>
      <c r="AA258" s="119"/>
      <c r="AB258" s="119"/>
      <c r="AC258" s="119"/>
      <c r="AD258" s="119"/>
      <c r="AE258" s="119"/>
      <c r="AF258" s="119"/>
      <c r="AG258" s="119"/>
      <c r="AH258" s="119"/>
      <c r="AI258" s="119"/>
      <c r="AJ258" s="119"/>
      <c r="AK258" s="119"/>
      <c r="AL258" s="119"/>
      <c r="AM258" s="119"/>
      <c r="AN258" s="119"/>
      <c r="AO258" s="119"/>
      <c r="AP258" s="119"/>
      <c r="AQ258" s="119"/>
      <c r="AR258" s="119"/>
      <c r="AS258" s="119"/>
      <c r="AT258" s="119"/>
      <c r="AU258" s="119"/>
      <c r="AV258" s="119"/>
      <c r="AW258" s="119"/>
      <c r="AX258" s="119"/>
      <c r="AY258" s="119"/>
      <c r="AZ258" s="119"/>
      <c r="BA258" s="119"/>
      <c r="BB258" s="107">
        <v>45884</v>
      </c>
    </row>
    <row r="259" spans="1:54" s="207" customFormat="1" ht="13.95" customHeight="1" x14ac:dyDescent="0.25">
      <c r="A259" s="208" t="s">
        <v>717</v>
      </c>
      <c r="B259" s="209" t="s">
        <v>20420</v>
      </c>
      <c r="C259" s="113" t="s">
        <v>718</v>
      </c>
      <c r="D259" s="113" t="s">
        <v>22503</v>
      </c>
      <c r="E259" s="210">
        <v>1993</v>
      </c>
      <c r="F259" s="210">
        <v>268</v>
      </c>
      <c r="G259" s="113" t="s">
        <v>1</v>
      </c>
      <c r="H259" s="113">
        <v>0</v>
      </c>
      <c r="I259" s="113">
        <v>0</v>
      </c>
      <c r="J259" s="115">
        <v>1</v>
      </c>
      <c r="K259" s="116" t="s">
        <v>174</v>
      </c>
      <c r="L259" s="115">
        <v>0</v>
      </c>
      <c r="M259" s="115">
        <v>1</v>
      </c>
      <c r="N259" s="115">
        <v>0</v>
      </c>
      <c r="O259" s="115">
        <v>0</v>
      </c>
      <c r="P259" s="115" t="s">
        <v>400</v>
      </c>
      <c r="Q259" s="115" t="s">
        <v>400</v>
      </c>
      <c r="R259" s="115">
        <v>0</v>
      </c>
      <c r="S259" s="115">
        <v>0</v>
      </c>
      <c r="T259" s="115">
        <v>0</v>
      </c>
      <c r="U259" s="119"/>
      <c r="V259" s="119"/>
      <c r="W259" s="119"/>
      <c r="X259" s="119"/>
      <c r="Y259" s="119"/>
      <c r="Z259" s="119"/>
      <c r="AA259" s="119"/>
      <c r="AB259" s="119"/>
      <c r="AC259" s="119"/>
      <c r="AD259" s="119"/>
      <c r="AE259" s="119"/>
      <c r="AF259" s="119"/>
      <c r="AG259" s="119"/>
      <c r="AH259" s="119"/>
      <c r="AI259" s="119"/>
      <c r="AJ259" s="119"/>
      <c r="AK259" s="119"/>
      <c r="AL259" s="119"/>
      <c r="AM259" s="119"/>
      <c r="AN259" s="119"/>
      <c r="AO259" s="119"/>
      <c r="AP259" s="119"/>
      <c r="AQ259" s="119"/>
      <c r="AR259" s="119"/>
      <c r="AS259" s="119"/>
      <c r="AT259" s="119"/>
      <c r="AU259" s="119"/>
      <c r="AV259" s="119"/>
      <c r="AW259" s="119"/>
      <c r="AX259" s="119"/>
      <c r="AY259" s="119"/>
      <c r="AZ259" s="119"/>
      <c r="BA259" s="119"/>
      <c r="BB259" s="107">
        <v>45884</v>
      </c>
    </row>
    <row r="260" spans="1:54" s="207" customFormat="1" ht="13.95" customHeight="1" x14ac:dyDescent="0.25">
      <c r="A260" s="208" t="s">
        <v>719</v>
      </c>
      <c r="B260" s="209" t="s">
        <v>20420</v>
      </c>
      <c r="C260" s="113" t="s">
        <v>720</v>
      </c>
      <c r="D260" s="113" t="s">
        <v>721</v>
      </c>
      <c r="E260" s="210">
        <v>2000</v>
      </c>
      <c r="F260" s="210">
        <v>269</v>
      </c>
      <c r="G260" s="113" t="s">
        <v>1</v>
      </c>
      <c r="H260" s="113">
        <v>0</v>
      </c>
      <c r="I260" s="113">
        <v>0</v>
      </c>
      <c r="J260" s="115">
        <v>1</v>
      </c>
      <c r="K260" s="116" t="s">
        <v>174</v>
      </c>
      <c r="L260" s="115">
        <v>0</v>
      </c>
      <c r="M260" s="115">
        <v>0</v>
      </c>
      <c r="N260" s="115">
        <v>0</v>
      </c>
      <c r="O260" s="115">
        <v>0</v>
      </c>
      <c r="P260" s="115" t="s">
        <v>400</v>
      </c>
      <c r="Q260" s="115" t="s">
        <v>400</v>
      </c>
      <c r="R260" s="115">
        <v>1</v>
      </c>
      <c r="S260" s="115">
        <v>0</v>
      </c>
      <c r="T260" s="115">
        <v>0</v>
      </c>
      <c r="U260" s="119"/>
      <c r="V260" s="119"/>
      <c r="W260" s="119"/>
      <c r="X260" s="119"/>
      <c r="Y260" s="119"/>
      <c r="Z260" s="119"/>
      <c r="AA260" s="119"/>
      <c r="AB260" s="119"/>
      <c r="AC260" s="119"/>
      <c r="AD260" s="119"/>
      <c r="AE260" s="119"/>
      <c r="AF260" s="119"/>
      <c r="AG260" s="119"/>
      <c r="AH260" s="119"/>
      <c r="AI260" s="119"/>
      <c r="AJ260" s="119"/>
      <c r="AK260" s="119"/>
      <c r="AL260" s="119"/>
      <c r="AM260" s="119"/>
      <c r="AN260" s="119"/>
      <c r="AO260" s="119"/>
      <c r="AP260" s="119"/>
      <c r="AQ260" s="119"/>
      <c r="AR260" s="119"/>
      <c r="AS260" s="119"/>
      <c r="AT260" s="119"/>
      <c r="AU260" s="119"/>
      <c r="AV260" s="119"/>
      <c r="AW260" s="119"/>
      <c r="AX260" s="119"/>
      <c r="AY260" s="119"/>
      <c r="AZ260" s="119"/>
      <c r="BA260" s="119"/>
      <c r="BB260" s="107">
        <v>45884</v>
      </c>
    </row>
    <row r="261" spans="1:54" s="207" customFormat="1" ht="13.95" customHeight="1" x14ac:dyDescent="0.25">
      <c r="A261" s="208" t="s">
        <v>722</v>
      </c>
      <c r="B261" s="209" t="s">
        <v>20420</v>
      </c>
      <c r="C261" s="113" t="s">
        <v>723</v>
      </c>
      <c r="D261" s="113" t="s">
        <v>22504</v>
      </c>
      <c r="E261" s="210">
        <v>1981</v>
      </c>
      <c r="F261" s="210">
        <v>269</v>
      </c>
      <c r="G261" s="113" t="s">
        <v>1</v>
      </c>
      <c r="H261" s="113">
        <v>0</v>
      </c>
      <c r="I261" s="113">
        <v>0</v>
      </c>
      <c r="J261" s="115">
        <v>1</v>
      </c>
      <c r="K261" s="116" t="s">
        <v>174</v>
      </c>
      <c r="L261" s="115">
        <v>0</v>
      </c>
      <c r="M261" s="115">
        <v>0</v>
      </c>
      <c r="N261" s="115">
        <v>0</v>
      </c>
      <c r="O261" s="115">
        <v>0</v>
      </c>
      <c r="P261" s="115">
        <v>1</v>
      </c>
      <c r="Q261" s="115" t="s">
        <v>400</v>
      </c>
      <c r="R261" s="115">
        <v>0</v>
      </c>
      <c r="S261" s="115">
        <v>0</v>
      </c>
      <c r="T261" s="115">
        <v>0</v>
      </c>
      <c r="U261" s="119"/>
      <c r="V261" s="119"/>
      <c r="W261" s="119"/>
      <c r="X261" s="119"/>
      <c r="Y261" s="119"/>
      <c r="Z261" s="119"/>
      <c r="AA261" s="119"/>
      <c r="AB261" s="119"/>
      <c r="AC261" s="119"/>
      <c r="AD261" s="119"/>
      <c r="AE261" s="119"/>
      <c r="AF261" s="119"/>
      <c r="AG261" s="119"/>
      <c r="AH261" s="119"/>
      <c r="AI261" s="119"/>
      <c r="AJ261" s="119"/>
      <c r="AK261" s="119"/>
      <c r="AL261" s="119"/>
      <c r="AM261" s="119"/>
      <c r="AN261" s="119"/>
      <c r="AO261" s="119"/>
      <c r="AP261" s="119"/>
      <c r="AQ261" s="119"/>
      <c r="AR261" s="119"/>
      <c r="AS261" s="119"/>
      <c r="AT261" s="119"/>
      <c r="AU261" s="119"/>
      <c r="AV261" s="119"/>
      <c r="AW261" s="119"/>
      <c r="AX261" s="119"/>
      <c r="AY261" s="119"/>
      <c r="AZ261" s="119"/>
      <c r="BA261" s="119"/>
      <c r="BB261" s="107">
        <v>45884</v>
      </c>
    </row>
    <row r="262" spans="1:54" s="207" customFormat="1" ht="13.95" customHeight="1" x14ac:dyDescent="0.25">
      <c r="A262" s="208" t="s">
        <v>724</v>
      </c>
      <c r="B262" s="209" t="s">
        <v>20420</v>
      </c>
      <c r="C262" s="113" t="s">
        <v>725</v>
      </c>
      <c r="D262" s="113" t="s">
        <v>22505</v>
      </c>
      <c r="E262" s="210">
        <v>1985</v>
      </c>
      <c r="F262" s="210">
        <v>270</v>
      </c>
      <c r="G262" s="113" t="s">
        <v>1</v>
      </c>
      <c r="H262" s="113">
        <v>0</v>
      </c>
      <c r="I262" s="113">
        <v>0</v>
      </c>
      <c r="J262" s="115">
        <v>1</v>
      </c>
      <c r="K262" s="211">
        <v>1</v>
      </c>
      <c r="L262" s="115">
        <v>0</v>
      </c>
      <c r="M262" s="115">
        <v>0</v>
      </c>
      <c r="N262" s="115">
        <v>1</v>
      </c>
      <c r="O262" s="115">
        <v>0</v>
      </c>
      <c r="P262" s="115" t="s">
        <v>400</v>
      </c>
      <c r="Q262" s="115" t="s">
        <v>400</v>
      </c>
      <c r="R262" s="115">
        <v>0</v>
      </c>
      <c r="S262" s="115">
        <v>0</v>
      </c>
      <c r="T262" s="115">
        <v>0</v>
      </c>
      <c r="U262" s="119"/>
      <c r="V262" s="119"/>
      <c r="W262" s="119"/>
      <c r="X262" s="119"/>
      <c r="Y262" s="119"/>
      <c r="Z262" s="119"/>
      <c r="AA262" s="119"/>
      <c r="AB262" s="119"/>
      <c r="AC262" s="119"/>
      <c r="AD262" s="119"/>
      <c r="AE262" s="119"/>
      <c r="AF262" s="119"/>
      <c r="AG262" s="119"/>
      <c r="AH262" s="119"/>
      <c r="AI262" s="119"/>
      <c r="AJ262" s="119"/>
      <c r="AK262" s="119"/>
      <c r="AL262" s="119"/>
      <c r="AM262" s="119"/>
      <c r="AN262" s="119"/>
      <c r="AO262" s="119"/>
      <c r="AP262" s="119"/>
      <c r="AQ262" s="119"/>
      <c r="AR262" s="119"/>
      <c r="AS262" s="119"/>
      <c r="AT262" s="119"/>
      <c r="AU262" s="119"/>
      <c r="AV262" s="119"/>
      <c r="AW262" s="119"/>
      <c r="AX262" s="119"/>
      <c r="AY262" s="119"/>
      <c r="AZ262" s="119"/>
      <c r="BA262" s="119"/>
      <c r="BB262" s="107">
        <v>45884</v>
      </c>
    </row>
    <row r="263" spans="1:54" s="207" customFormat="1" ht="13.95" customHeight="1" x14ac:dyDescent="0.25">
      <c r="A263" s="208" t="s">
        <v>726</v>
      </c>
      <c r="B263" s="209" t="s">
        <v>20420</v>
      </c>
      <c r="C263" s="113" t="s">
        <v>727</v>
      </c>
      <c r="D263" s="113" t="s">
        <v>728</v>
      </c>
      <c r="E263" s="210">
        <v>1976</v>
      </c>
      <c r="F263" s="210">
        <v>270</v>
      </c>
      <c r="G263" s="113" t="s">
        <v>1</v>
      </c>
      <c r="H263" s="113">
        <v>0</v>
      </c>
      <c r="I263" s="113">
        <v>0</v>
      </c>
      <c r="J263" s="115">
        <v>1</v>
      </c>
      <c r="K263" s="116" t="s">
        <v>174</v>
      </c>
      <c r="L263" s="115">
        <v>0</v>
      </c>
      <c r="M263" s="212">
        <v>0</v>
      </c>
      <c r="N263" s="115">
        <v>1</v>
      </c>
      <c r="O263" s="115">
        <v>0</v>
      </c>
      <c r="P263" s="115" t="s">
        <v>400</v>
      </c>
      <c r="Q263" s="115" t="s">
        <v>400</v>
      </c>
      <c r="R263" s="115">
        <v>0</v>
      </c>
      <c r="S263" s="115">
        <v>0</v>
      </c>
      <c r="T263" s="115">
        <v>0</v>
      </c>
      <c r="U263" s="119"/>
      <c r="V263" s="119"/>
      <c r="W263" s="119"/>
      <c r="X263" s="119"/>
      <c r="Y263" s="119"/>
      <c r="Z263" s="119"/>
      <c r="AA263" s="119"/>
      <c r="AB263" s="119"/>
      <c r="AC263" s="119"/>
      <c r="AD263" s="119"/>
      <c r="AE263" s="119"/>
      <c r="AF263" s="119"/>
      <c r="AG263" s="119"/>
      <c r="AH263" s="119"/>
      <c r="AI263" s="119"/>
      <c r="AJ263" s="119"/>
      <c r="AK263" s="119"/>
      <c r="AL263" s="119"/>
      <c r="AM263" s="119"/>
      <c r="AN263" s="119"/>
      <c r="AO263" s="119"/>
      <c r="AP263" s="119"/>
      <c r="AQ263" s="119"/>
      <c r="AR263" s="119"/>
      <c r="AS263" s="119"/>
      <c r="AT263" s="119"/>
      <c r="AU263" s="119"/>
      <c r="AV263" s="119"/>
      <c r="AW263" s="119"/>
      <c r="AX263" s="119"/>
      <c r="AY263" s="119"/>
      <c r="AZ263" s="119"/>
      <c r="BA263" s="119"/>
      <c r="BB263" s="107">
        <v>45884</v>
      </c>
    </row>
    <row r="264" spans="1:54" s="207" customFormat="1" ht="13.95" customHeight="1" x14ac:dyDescent="0.25">
      <c r="A264" s="208" t="s">
        <v>729</v>
      </c>
      <c r="B264" s="209" t="s">
        <v>20420</v>
      </c>
      <c r="C264" s="113" t="s">
        <v>730</v>
      </c>
      <c r="D264" s="113" t="s">
        <v>731</v>
      </c>
      <c r="E264" s="210">
        <v>1978</v>
      </c>
      <c r="F264" s="210">
        <v>271</v>
      </c>
      <c r="G264" s="113" t="s">
        <v>1</v>
      </c>
      <c r="H264" s="113">
        <v>0</v>
      </c>
      <c r="I264" s="113">
        <v>0</v>
      </c>
      <c r="J264" s="115">
        <v>1</v>
      </c>
      <c r="K264" s="116" t="s">
        <v>174</v>
      </c>
      <c r="L264" s="115">
        <v>0</v>
      </c>
      <c r="M264" s="115">
        <v>0</v>
      </c>
      <c r="N264" s="115">
        <v>1</v>
      </c>
      <c r="O264" s="115">
        <v>0</v>
      </c>
      <c r="P264" s="115" t="s">
        <v>400</v>
      </c>
      <c r="Q264" s="115" t="s">
        <v>400</v>
      </c>
      <c r="R264" s="115">
        <v>0</v>
      </c>
      <c r="S264" s="115">
        <v>0</v>
      </c>
      <c r="T264" s="115">
        <v>0</v>
      </c>
      <c r="U264" s="119"/>
      <c r="V264" s="119"/>
      <c r="W264" s="119"/>
      <c r="X264" s="119"/>
      <c r="Y264" s="119"/>
      <c r="Z264" s="119"/>
      <c r="AA264" s="119"/>
      <c r="AB264" s="119"/>
      <c r="AC264" s="119"/>
      <c r="AD264" s="119"/>
      <c r="AE264" s="119"/>
      <c r="AF264" s="119"/>
      <c r="AG264" s="119"/>
      <c r="AH264" s="119"/>
      <c r="AI264" s="119"/>
      <c r="AJ264" s="119"/>
      <c r="AK264" s="119"/>
      <c r="AL264" s="119"/>
      <c r="AM264" s="119"/>
      <c r="AN264" s="119"/>
      <c r="AO264" s="119"/>
      <c r="AP264" s="119"/>
      <c r="AQ264" s="119"/>
      <c r="AR264" s="119"/>
      <c r="AS264" s="119"/>
      <c r="AT264" s="119"/>
      <c r="AU264" s="119"/>
      <c r="AV264" s="119"/>
      <c r="AW264" s="119"/>
      <c r="AX264" s="119"/>
      <c r="AY264" s="119"/>
      <c r="AZ264" s="119"/>
      <c r="BA264" s="119"/>
      <c r="BB264" s="107">
        <v>45884</v>
      </c>
    </row>
    <row r="265" spans="1:54" s="207" customFormat="1" ht="13.95" customHeight="1" x14ac:dyDescent="0.25">
      <c r="A265" s="208" t="s">
        <v>732</v>
      </c>
      <c r="B265" s="209" t="s">
        <v>20420</v>
      </c>
      <c r="C265" s="113" t="s">
        <v>733</v>
      </c>
      <c r="D265" s="113" t="s">
        <v>22506</v>
      </c>
      <c r="E265" s="210">
        <v>1974</v>
      </c>
      <c r="F265" s="210">
        <v>272</v>
      </c>
      <c r="G265" s="113" t="s">
        <v>1</v>
      </c>
      <c r="H265" s="113">
        <v>0</v>
      </c>
      <c r="I265" s="113">
        <v>0</v>
      </c>
      <c r="J265" s="115">
        <v>0</v>
      </c>
      <c r="K265" s="116" t="s">
        <v>174</v>
      </c>
      <c r="L265" s="115">
        <v>0</v>
      </c>
      <c r="M265" s="115">
        <v>0</v>
      </c>
      <c r="N265" s="115">
        <v>0</v>
      </c>
      <c r="O265" s="115">
        <v>0</v>
      </c>
      <c r="P265" s="115">
        <v>1</v>
      </c>
      <c r="Q265" s="115" t="s">
        <v>400</v>
      </c>
      <c r="R265" s="115">
        <v>0</v>
      </c>
      <c r="S265" s="115">
        <v>0</v>
      </c>
      <c r="T265" s="115">
        <v>0</v>
      </c>
      <c r="U265" s="119"/>
      <c r="V265" s="119"/>
      <c r="W265" s="119"/>
      <c r="X265" s="119"/>
      <c r="Y265" s="119"/>
      <c r="Z265" s="119"/>
      <c r="AA265" s="119"/>
      <c r="AB265" s="119"/>
      <c r="AC265" s="119"/>
      <c r="AD265" s="119"/>
      <c r="AE265" s="119"/>
      <c r="AF265" s="119"/>
      <c r="AG265" s="119"/>
      <c r="AH265" s="119"/>
      <c r="AI265" s="119"/>
      <c r="AJ265" s="119"/>
      <c r="AK265" s="119"/>
      <c r="AL265" s="119"/>
      <c r="AM265" s="119"/>
      <c r="AN265" s="119"/>
      <c r="AO265" s="119"/>
      <c r="AP265" s="119"/>
      <c r="AQ265" s="119"/>
      <c r="AR265" s="119"/>
      <c r="AS265" s="119"/>
      <c r="AT265" s="119"/>
      <c r="AU265" s="119"/>
      <c r="AV265" s="119"/>
      <c r="AW265" s="119"/>
      <c r="AX265" s="119"/>
      <c r="AY265" s="119"/>
      <c r="AZ265" s="119"/>
      <c r="BA265" s="119"/>
      <c r="BB265" s="107">
        <v>45884</v>
      </c>
    </row>
    <row r="266" spans="1:54" s="207" customFormat="1" ht="13.95" customHeight="1" x14ac:dyDescent="0.25">
      <c r="A266" s="208" t="s">
        <v>734</v>
      </c>
      <c r="B266" s="209" t="s">
        <v>20420</v>
      </c>
      <c r="C266" s="113" t="s">
        <v>735</v>
      </c>
      <c r="D266" s="113" t="s">
        <v>22507</v>
      </c>
      <c r="E266" s="210">
        <v>2001</v>
      </c>
      <c r="F266" s="210">
        <v>272</v>
      </c>
      <c r="G266" s="113" t="s">
        <v>1</v>
      </c>
      <c r="H266" s="113">
        <v>0</v>
      </c>
      <c r="I266" s="113">
        <v>0</v>
      </c>
      <c r="J266" s="115">
        <v>1</v>
      </c>
      <c r="K266" s="211">
        <v>1</v>
      </c>
      <c r="L266" s="115">
        <v>0</v>
      </c>
      <c r="M266" s="115">
        <v>1</v>
      </c>
      <c r="N266" s="115">
        <v>0</v>
      </c>
      <c r="O266" s="115">
        <v>0</v>
      </c>
      <c r="P266" s="115" t="s">
        <v>400</v>
      </c>
      <c r="Q266" s="115" t="s">
        <v>400</v>
      </c>
      <c r="R266" s="115">
        <v>0</v>
      </c>
      <c r="S266" s="115">
        <v>0</v>
      </c>
      <c r="T266" s="115">
        <v>0</v>
      </c>
      <c r="U266" s="119"/>
      <c r="V266" s="119"/>
      <c r="W266" s="119"/>
      <c r="X266" s="119"/>
      <c r="Y266" s="119"/>
      <c r="Z266" s="119"/>
      <c r="AA266" s="119"/>
      <c r="AB266" s="119"/>
      <c r="AC266" s="119"/>
      <c r="AD266" s="119"/>
      <c r="AE266" s="119"/>
      <c r="AF266" s="119"/>
      <c r="AG266" s="119"/>
      <c r="AH266" s="119"/>
      <c r="AI266" s="119"/>
      <c r="AJ266" s="119"/>
      <c r="AK266" s="119"/>
      <c r="AL266" s="119"/>
      <c r="AM266" s="119"/>
      <c r="AN266" s="119"/>
      <c r="AO266" s="119"/>
      <c r="AP266" s="119"/>
      <c r="AQ266" s="119"/>
      <c r="AR266" s="119"/>
      <c r="AS266" s="119"/>
      <c r="AT266" s="119"/>
      <c r="AU266" s="119"/>
      <c r="AV266" s="119"/>
      <c r="AW266" s="119"/>
      <c r="AX266" s="119"/>
      <c r="AY266" s="119"/>
      <c r="AZ266" s="119"/>
      <c r="BA266" s="119"/>
      <c r="BB266" s="107">
        <v>45884</v>
      </c>
    </row>
    <row r="267" spans="1:54" s="207" customFormat="1" ht="13.95" customHeight="1" x14ac:dyDescent="0.25">
      <c r="A267" s="208" t="s">
        <v>736</v>
      </c>
      <c r="B267" s="209" t="s">
        <v>20420</v>
      </c>
      <c r="C267" s="113" t="s">
        <v>737</v>
      </c>
      <c r="D267" s="113" t="s">
        <v>738</v>
      </c>
      <c r="E267" s="210">
        <v>1976</v>
      </c>
      <c r="F267" s="210">
        <v>272</v>
      </c>
      <c r="G267" s="113" t="s">
        <v>1</v>
      </c>
      <c r="H267" s="113">
        <v>0</v>
      </c>
      <c r="I267" s="113">
        <v>0</v>
      </c>
      <c r="J267" s="115">
        <v>0</v>
      </c>
      <c r="K267" s="116" t="s">
        <v>174</v>
      </c>
      <c r="L267" s="115">
        <v>0</v>
      </c>
      <c r="M267" s="115">
        <v>0</v>
      </c>
      <c r="N267" s="115">
        <v>0</v>
      </c>
      <c r="O267" s="115">
        <v>0</v>
      </c>
      <c r="P267" s="115" t="s">
        <v>400</v>
      </c>
      <c r="Q267" s="115" t="s">
        <v>400</v>
      </c>
      <c r="R267" s="115">
        <v>0</v>
      </c>
      <c r="S267" s="115">
        <v>0</v>
      </c>
      <c r="T267" s="115">
        <v>0</v>
      </c>
      <c r="U267" s="119"/>
      <c r="V267" s="119"/>
      <c r="W267" s="119"/>
      <c r="X267" s="119"/>
      <c r="Y267" s="119"/>
      <c r="Z267" s="119"/>
      <c r="AA267" s="119"/>
      <c r="AB267" s="119"/>
      <c r="AC267" s="119"/>
      <c r="AD267" s="119"/>
      <c r="AE267" s="119"/>
      <c r="AF267" s="119"/>
      <c r="AG267" s="119"/>
      <c r="AH267" s="119"/>
      <c r="AI267" s="119"/>
      <c r="AJ267" s="119"/>
      <c r="AK267" s="119"/>
      <c r="AL267" s="119"/>
      <c r="AM267" s="119"/>
      <c r="AN267" s="119"/>
      <c r="AO267" s="119"/>
      <c r="AP267" s="119"/>
      <c r="AQ267" s="119"/>
      <c r="AR267" s="119"/>
      <c r="AS267" s="119"/>
      <c r="AT267" s="119"/>
      <c r="AU267" s="119"/>
      <c r="AV267" s="119"/>
      <c r="AW267" s="119"/>
      <c r="AX267" s="119"/>
      <c r="AY267" s="119"/>
      <c r="AZ267" s="119"/>
      <c r="BA267" s="119"/>
      <c r="BB267" s="107">
        <v>45884</v>
      </c>
    </row>
    <row r="268" spans="1:54" s="207" customFormat="1" ht="13.95" customHeight="1" x14ac:dyDescent="0.25">
      <c r="A268" s="208" t="s">
        <v>739</v>
      </c>
      <c r="B268" s="209" t="s">
        <v>20420</v>
      </c>
      <c r="C268" s="113" t="s">
        <v>740</v>
      </c>
      <c r="D268" s="113" t="s">
        <v>22508</v>
      </c>
      <c r="E268" s="210">
        <v>1979</v>
      </c>
      <c r="F268" s="210">
        <v>273</v>
      </c>
      <c r="G268" s="113" t="s">
        <v>1</v>
      </c>
      <c r="H268" s="113">
        <v>0</v>
      </c>
      <c r="I268" s="113">
        <v>0</v>
      </c>
      <c r="J268" s="115">
        <v>1</v>
      </c>
      <c r="K268" s="116" t="s">
        <v>174</v>
      </c>
      <c r="L268" s="115">
        <v>0</v>
      </c>
      <c r="M268" s="115">
        <v>0</v>
      </c>
      <c r="N268" s="115">
        <v>0</v>
      </c>
      <c r="O268" s="115">
        <v>0</v>
      </c>
      <c r="P268" s="115" t="s">
        <v>400</v>
      </c>
      <c r="Q268" s="115" t="s">
        <v>400</v>
      </c>
      <c r="R268" s="115">
        <v>0</v>
      </c>
      <c r="S268" s="115">
        <v>0</v>
      </c>
      <c r="T268" s="115">
        <v>0</v>
      </c>
      <c r="U268" s="119"/>
      <c r="V268" s="119"/>
      <c r="W268" s="119"/>
      <c r="X268" s="119"/>
      <c r="Y268" s="119"/>
      <c r="Z268" s="119"/>
      <c r="AA268" s="119"/>
      <c r="AB268" s="119"/>
      <c r="AC268" s="119"/>
      <c r="AD268" s="119"/>
      <c r="AE268" s="119"/>
      <c r="AF268" s="119"/>
      <c r="AG268" s="119"/>
      <c r="AH268" s="119"/>
      <c r="AI268" s="119"/>
      <c r="AJ268" s="119"/>
      <c r="AK268" s="119"/>
      <c r="AL268" s="119"/>
      <c r="AM268" s="119"/>
      <c r="AN268" s="119"/>
      <c r="AO268" s="119"/>
      <c r="AP268" s="119"/>
      <c r="AQ268" s="119"/>
      <c r="AR268" s="119"/>
      <c r="AS268" s="119"/>
      <c r="AT268" s="119"/>
      <c r="AU268" s="119"/>
      <c r="AV268" s="119"/>
      <c r="AW268" s="119"/>
      <c r="AX268" s="119"/>
      <c r="AY268" s="119"/>
      <c r="AZ268" s="119"/>
      <c r="BA268" s="119"/>
      <c r="BB268" s="107">
        <v>45884</v>
      </c>
    </row>
    <row r="269" spans="1:54" s="207" customFormat="1" ht="13.95" customHeight="1" x14ac:dyDescent="0.25">
      <c r="A269" s="208" t="s">
        <v>741</v>
      </c>
      <c r="B269" s="209" t="s">
        <v>20420</v>
      </c>
      <c r="C269" s="113" t="s">
        <v>742</v>
      </c>
      <c r="D269" s="113" t="s">
        <v>22509</v>
      </c>
      <c r="E269" s="210">
        <v>2006</v>
      </c>
      <c r="F269" s="210">
        <v>273</v>
      </c>
      <c r="G269" s="113" t="s">
        <v>1</v>
      </c>
      <c r="H269" s="113">
        <v>0</v>
      </c>
      <c r="I269" s="113">
        <v>0</v>
      </c>
      <c r="J269" s="115">
        <v>1</v>
      </c>
      <c r="K269" s="116" t="s">
        <v>174</v>
      </c>
      <c r="L269" s="115">
        <v>0</v>
      </c>
      <c r="M269" s="115">
        <v>0</v>
      </c>
      <c r="N269" s="115">
        <v>0</v>
      </c>
      <c r="O269" s="115">
        <v>0</v>
      </c>
      <c r="P269" s="115" t="s">
        <v>400</v>
      </c>
      <c r="Q269" s="115" t="s">
        <v>400</v>
      </c>
      <c r="R269" s="115">
        <v>0</v>
      </c>
      <c r="S269" s="115">
        <v>0</v>
      </c>
      <c r="T269" s="115">
        <v>0</v>
      </c>
      <c r="U269" s="119"/>
      <c r="V269" s="119"/>
      <c r="W269" s="119"/>
      <c r="X269" s="119"/>
      <c r="Y269" s="119"/>
      <c r="Z269" s="119"/>
      <c r="AA269" s="119"/>
      <c r="AB269" s="119"/>
      <c r="AC269" s="119"/>
      <c r="AD269" s="119"/>
      <c r="AE269" s="119"/>
      <c r="AF269" s="119"/>
      <c r="AG269" s="119"/>
      <c r="AH269" s="119"/>
      <c r="AI269" s="119"/>
      <c r="AJ269" s="119"/>
      <c r="AK269" s="119"/>
      <c r="AL269" s="119"/>
      <c r="AM269" s="119"/>
      <c r="AN269" s="119"/>
      <c r="AO269" s="119"/>
      <c r="AP269" s="119"/>
      <c r="AQ269" s="119"/>
      <c r="AR269" s="119"/>
      <c r="AS269" s="119"/>
      <c r="AT269" s="119"/>
      <c r="AU269" s="119"/>
      <c r="AV269" s="119"/>
      <c r="AW269" s="119"/>
      <c r="AX269" s="119"/>
      <c r="AY269" s="119"/>
      <c r="AZ269" s="119"/>
      <c r="BA269" s="119"/>
      <c r="BB269" s="107">
        <v>45884</v>
      </c>
    </row>
    <row r="270" spans="1:54" s="207" customFormat="1" ht="13.95" customHeight="1" x14ac:dyDescent="0.25">
      <c r="A270" s="208" t="s">
        <v>743</v>
      </c>
      <c r="B270" s="209" t="s">
        <v>20420</v>
      </c>
      <c r="C270" s="113" t="s">
        <v>744</v>
      </c>
      <c r="D270" s="113" t="s">
        <v>22510</v>
      </c>
      <c r="E270" s="210">
        <v>1999</v>
      </c>
      <c r="F270" s="210">
        <v>273</v>
      </c>
      <c r="G270" s="113" t="s">
        <v>1</v>
      </c>
      <c r="H270" s="113">
        <v>0</v>
      </c>
      <c r="I270" s="113">
        <v>0</v>
      </c>
      <c r="J270" s="115">
        <v>1</v>
      </c>
      <c r="K270" s="211">
        <v>1</v>
      </c>
      <c r="L270" s="115">
        <v>1</v>
      </c>
      <c r="M270" s="115">
        <v>0</v>
      </c>
      <c r="N270" s="115">
        <v>0</v>
      </c>
      <c r="O270" s="115">
        <v>0</v>
      </c>
      <c r="P270" s="115" t="s">
        <v>400</v>
      </c>
      <c r="Q270" s="115" t="s">
        <v>400</v>
      </c>
      <c r="R270" s="115">
        <v>0</v>
      </c>
      <c r="S270" s="115">
        <v>0</v>
      </c>
      <c r="T270" s="115">
        <v>0</v>
      </c>
      <c r="U270" s="119"/>
      <c r="V270" s="119"/>
      <c r="W270" s="119"/>
      <c r="X270" s="119"/>
      <c r="Y270" s="119"/>
      <c r="Z270" s="119"/>
      <c r="AA270" s="119"/>
      <c r="AB270" s="119"/>
      <c r="AC270" s="119"/>
      <c r="AD270" s="119"/>
      <c r="AE270" s="119"/>
      <c r="AF270" s="119"/>
      <c r="AG270" s="119"/>
      <c r="AH270" s="119"/>
      <c r="AI270" s="119"/>
      <c r="AJ270" s="119"/>
      <c r="AK270" s="119"/>
      <c r="AL270" s="119"/>
      <c r="AM270" s="119"/>
      <c r="AN270" s="119"/>
      <c r="AO270" s="119"/>
      <c r="AP270" s="119"/>
      <c r="AQ270" s="119"/>
      <c r="AR270" s="119"/>
      <c r="AS270" s="119"/>
      <c r="AT270" s="119"/>
      <c r="AU270" s="119"/>
      <c r="AV270" s="119"/>
      <c r="AW270" s="119"/>
      <c r="AX270" s="119"/>
      <c r="AY270" s="119"/>
      <c r="AZ270" s="119"/>
      <c r="BA270" s="119"/>
      <c r="BB270" s="107">
        <v>45884</v>
      </c>
    </row>
    <row r="271" spans="1:54" s="207" customFormat="1" ht="13.95" customHeight="1" x14ac:dyDescent="0.25">
      <c r="A271" s="208" t="s">
        <v>745</v>
      </c>
      <c r="B271" s="209" t="s">
        <v>20420</v>
      </c>
      <c r="C271" s="113" t="s">
        <v>746</v>
      </c>
      <c r="D271" s="113" t="s">
        <v>22511</v>
      </c>
      <c r="E271" s="210">
        <v>2004</v>
      </c>
      <c r="F271" s="210">
        <v>273</v>
      </c>
      <c r="G271" s="113" t="s">
        <v>1</v>
      </c>
      <c r="H271" s="113">
        <v>0</v>
      </c>
      <c r="I271" s="113">
        <v>0</v>
      </c>
      <c r="J271" s="115">
        <v>1</v>
      </c>
      <c r="K271" s="116" t="s">
        <v>174</v>
      </c>
      <c r="L271" s="115">
        <v>0</v>
      </c>
      <c r="M271" s="115">
        <v>0</v>
      </c>
      <c r="N271" s="115">
        <v>0</v>
      </c>
      <c r="O271" s="115">
        <v>0</v>
      </c>
      <c r="P271" s="115" t="s">
        <v>400</v>
      </c>
      <c r="Q271" s="115" t="s">
        <v>400</v>
      </c>
      <c r="R271" s="115">
        <v>0</v>
      </c>
      <c r="S271" s="115">
        <v>0</v>
      </c>
      <c r="T271" s="115">
        <v>0</v>
      </c>
      <c r="U271" s="119"/>
      <c r="V271" s="119"/>
      <c r="W271" s="119"/>
      <c r="X271" s="119"/>
      <c r="Y271" s="119"/>
      <c r="Z271" s="119"/>
      <c r="AA271" s="119"/>
      <c r="AB271" s="119"/>
      <c r="AC271" s="119"/>
      <c r="AD271" s="119"/>
      <c r="AE271" s="119"/>
      <c r="AF271" s="119"/>
      <c r="AG271" s="119"/>
      <c r="AH271" s="119"/>
      <c r="AI271" s="119"/>
      <c r="AJ271" s="119"/>
      <c r="AK271" s="119"/>
      <c r="AL271" s="119"/>
      <c r="AM271" s="119"/>
      <c r="AN271" s="119"/>
      <c r="AO271" s="119"/>
      <c r="AP271" s="119"/>
      <c r="AQ271" s="119"/>
      <c r="AR271" s="119"/>
      <c r="AS271" s="119"/>
      <c r="AT271" s="119"/>
      <c r="AU271" s="119"/>
      <c r="AV271" s="119"/>
      <c r="AW271" s="119"/>
      <c r="AX271" s="119"/>
      <c r="AY271" s="119"/>
      <c r="AZ271" s="119"/>
      <c r="BA271" s="119"/>
      <c r="BB271" s="107">
        <v>45884</v>
      </c>
    </row>
    <row r="272" spans="1:54" s="207" customFormat="1" ht="13.95" customHeight="1" x14ac:dyDescent="0.25">
      <c r="A272" s="208" t="s">
        <v>747</v>
      </c>
      <c r="B272" s="209" t="s">
        <v>20420</v>
      </c>
      <c r="C272" s="113" t="s">
        <v>748</v>
      </c>
      <c r="D272" s="113" t="s">
        <v>749</v>
      </c>
      <c r="E272" s="210">
        <v>1984</v>
      </c>
      <c r="F272" s="210">
        <v>274</v>
      </c>
      <c r="G272" s="113" t="s">
        <v>1</v>
      </c>
      <c r="H272" s="113">
        <v>0</v>
      </c>
      <c r="I272" s="113">
        <v>0</v>
      </c>
      <c r="J272" s="115">
        <v>1</v>
      </c>
      <c r="K272" s="116" t="s">
        <v>174</v>
      </c>
      <c r="L272" s="115">
        <v>1</v>
      </c>
      <c r="M272" s="115">
        <v>0</v>
      </c>
      <c r="N272" s="115">
        <v>0</v>
      </c>
      <c r="O272" s="115">
        <v>0</v>
      </c>
      <c r="P272" s="115">
        <v>1</v>
      </c>
      <c r="Q272" s="115" t="s">
        <v>400</v>
      </c>
      <c r="R272" s="115">
        <v>1</v>
      </c>
      <c r="S272" s="115">
        <v>0</v>
      </c>
      <c r="T272" s="115">
        <v>0</v>
      </c>
      <c r="U272" s="119"/>
      <c r="V272" s="119"/>
      <c r="W272" s="119"/>
      <c r="X272" s="119"/>
      <c r="Y272" s="119"/>
      <c r="Z272" s="119"/>
      <c r="AA272" s="119"/>
      <c r="AB272" s="119"/>
      <c r="AC272" s="119"/>
      <c r="AD272" s="119"/>
      <c r="AE272" s="119"/>
      <c r="AF272" s="119"/>
      <c r="AG272" s="119"/>
      <c r="AH272" s="119"/>
      <c r="AI272" s="119"/>
      <c r="AJ272" s="119"/>
      <c r="AK272" s="119"/>
      <c r="AL272" s="119"/>
      <c r="AM272" s="119"/>
      <c r="AN272" s="119"/>
      <c r="AO272" s="119"/>
      <c r="AP272" s="119"/>
      <c r="AQ272" s="119"/>
      <c r="AR272" s="119"/>
      <c r="AS272" s="119"/>
      <c r="AT272" s="119"/>
      <c r="AU272" s="119"/>
      <c r="AV272" s="119"/>
      <c r="AW272" s="119"/>
      <c r="AX272" s="119"/>
      <c r="AY272" s="119"/>
      <c r="AZ272" s="119"/>
      <c r="BA272" s="119"/>
      <c r="BB272" s="107">
        <v>45884</v>
      </c>
    </row>
    <row r="273" spans="1:54" s="207" customFormat="1" ht="13.95" customHeight="1" x14ac:dyDescent="0.25">
      <c r="A273" s="208" t="s">
        <v>750</v>
      </c>
      <c r="B273" s="209" t="s">
        <v>20420</v>
      </c>
      <c r="C273" s="113" t="s">
        <v>751</v>
      </c>
      <c r="D273" s="113" t="s">
        <v>22512</v>
      </c>
      <c r="E273" s="210">
        <v>1978</v>
      </c>
      <c r="F273" s="210">
        <v>276</v>
      </c>
      <c r="G273" s="113" t="s">
        <v>1</v>
      </c>
      <c r="H273" s="113">
        <v>0</v>
      </c>
      <c r="I273" s="113">
        <v>0</v>
      </c>
      <c r="J273" s="115">
        <v>1</v>
      </c>
      <c r="K273" s="116" t="s">
        <v>174</v>
      </c>
      <c r="L273" s="115">
        <v>0</v>
      </c>
      <c r="M273" s="115">
        <v>0</v>
      </c>
      <c r="N273" s="115">
        <v>1</v>
      </c>
      <c r="O273" s="115">
        <v>0</v>
      </c>
      <c r="P273" s="115">
        <v>1</v>
      </c>
      <c r="Q273" s="115" t="s">
        <v>400</v>
      </c>
      <c r="R273" s="115">
        <v>1</v>
      </c>
      <c r="S273" s="115">
        <v>0</v>
      </c>
      <c r="T273" s="115">
        <v>0</v>
      </c>
      <c r="U273" s="119"/>
      <c r="V273" s="119"/>
      <c r="W273" s="119"/>
      <c r="X273" s="119"/>
      <c r="Y273" s="119"/>
      <c r="Z273" s="119"/>
      <c r="AA273" s="119"/>
      <c r="AB273" s="119"/>
      <c r="AC273" s="119"/>
      <c r="AD273" s="119"/>
      <c r="AE273" s="119"/>
      <c r="AF273" s="119"/>
      <c r="AG273" s="119"/>
      <c r="AH273" s="119"/>
      <c r="AI273" s="119"/>
      <c r="AJ273" s="119"/>
      <c r="AK273" s="119"/>
      <c r="AL273" s="119"/>
      <c r="AM273" s="119"/>
      <c r="AN273" s="119"/>
      <c r="AO273" s="119"/>
      <c r="AP273" s="119"/>
      <c r="AQ273" s="119"/>
      <c r="AR273" s="119"/>
      <c r="AS273" s="119"/>
      <c r="AT273" s="119"/>
      <c r="AU273" s="119"/>
      <c r="AV273" s="119"/>
      <c r="AW273" s="119"/>
      <c r="AX273" s="119"/>
      <c r="AY273" s="119"/>
      <c r="AZ273" s="119"/>
      <c r="BA273" s="119"/>
      <c r="BB273" s="107">
        <v>45884</v>
      </c>
    </row>
    <row r="274" spans="1:54" s="207" customFormat="1" ht="13.95" customHeight="1" x14ac:dyDescent="0.25">
      <c r="A274" s="208" t="s">
        <v>752</v>
      </c>
      <c r="B274" s="209" t="s">
        <v>20420</v>
      </c>
      <c r="C274" s="113" t="s">
        <v>753</v>
      </c>
      <c r="D274" s="113" t="s">
        <v>22513</v>
      </c>
      <c r="E274" s="210">
        <v>1984</v>
      </c>
      <c r="F274" s="210">
        <v>276</v>
      </c>
      <c r="G274" s="113" t="s">
        <v>1</v>
      </c>
      <c r="H274" s="113">
        <v>0</v>
      </c>
      <c r="I274" s="113">
        <v>0</v>
      </c>
      <c r="J274" s="115">
        <v>1</v>
      </c>
      <c r="K274" s="116" t="s">
        <v>174</v>
      </c>
      <c r="L274" s="115">
        <v>0</v>
      </c>
      <c r="M274" s="115">
        <v>0</v>
      </c>
      <c r="N274" s="115">
        <v>0</v>
      </c>
      <c r="O274" s="115">
        <v>1</v>
      </c>
      <c r="P274" s="115" t="s">
        <v>400</v>
      </c>
      <c r="Q274" s="115" t="s">
        <v>400</v>
      </c>
      <c r="R274" s="115">
        <v>0</v>
      </c>
      <c r="S274" s="115">
        <v>0</v>
      </c>
      <c r="T274" s="115">
        <v>0</v>
      </c>
      <c r="U274" s="119"/>
      <c r="V274" s="119"/>
      <c r="W274" s="119"/>
      <c r="X274" s="119"/>
      <c r="Y274" s="119"/>
      <c r="Z274" s="119"/>
      <c r="AA274" s="119"/>
      <c r="AB274" s="119"/>
      <c r="AC274" s="119"/>
      <c r="AD274" s="119"/>
      <c r="AE274" s="119"/>
      <c r="AF274" s="119"/>
      <c r="AG274" s="119"/>
      <c r="AH274" s="119"/>
      <c r="AI274" s="119"/>
      <c r="AJ274" s="119"/>
      <c r="AK274" s="119"/>
      <c r="AL274" s="119"/>
      <c r="AM274" s="119"/>
      <c r="AN274" s="119"/>
      <c r="AO274" s="119"/>
      <c r="AP274" s="119"/>
      <c r="AQ274" s="119"/>
      <c r="AR274" s="119"/>
      <c r="AS274" s="119"/>
      <c r="AT274" s="119"/>
      <c r="AU274" s="119"/>
      <c r="AV274" s="119"/>
      <c r="AW274" s="119"/>
      <c r="AX274" s="119"/>
      <c r="AY274" s="119"/>
      <c r="AZ274" s="119"/>
      <c r="BA274" s="119"/>
      <c r="BB274" s="107">
        <v>45884</v>
      </c>
    </row>
    <row r="275" spans="1:54" s="207" customFormat="1" ht="13.95" customHeight="1" x14ac:dyDescent="0.25">
      <c r="A275" s="208" t="s">
        <v>754</v>
      </c>
      <c r="B275" s="209" t="s">
        <v>20420</v>
      </c>
      <c r="C275" s="113" t="s">
        <v>755</v>
      </c>
      <c r="D275" s="113" t="s">
        <v>22514</v>
      </c>
      <c r="E275" s="210">
        <v>2008</v>
      </c>
      <c r="F275" s="210">
        <v>276</v>
      </c>
      <c r="G275" s="113" t="s">
        <v>1</v>
      </c>
      <c r="H275" s="113">
        <v>0</v>
      </c>
      <c r="I275" s="113">
        <v>0</v>
      </c>
      <c r="J275" s="115">
        <v>0</v>
      </c>
      <c r="K275" s="116" t="s">
        <v>174</v>
      </c>
      <c r="L275" s="115">
        <v>0</v>
      </c>
      <c r="M275" s="115">
        <v>1</v>
      </c>
      <c r="N275" s="115">
        <v>0</v>
      </c>
      <c r="O275" s="115">
        <v>0</v>
      </c>
      <c r="P275" s="115" t="s">
        <v>400</v>
      </c>
      <c r="Q275" s="115" t="s">
        <v>400</v>
      </c>
      <c r="R275" s="115">
        <v>0</v>
      </c>
      <c r="S275" s="115">
        <v>0</v>
      </c>
      <c r="T275" s="115">
        <v>0</v>
      </c>
      <c r="U275" s="119"/>
      <c r="V275" s="119"/>
      <c r="W275" s="119"/>
      <c r="X275" s="119"/>
      <c r="Y275" s="119"/>
      <c r="Z275" s="119"/>
      <c r="AA275" s="119"/>
      <c r="AB275" s="119"/>
      <c r="AC275" s="119"/>
      <c r="AD275" s="119"/>
      <c r="AE275" s="119"/>
      <c r="AF275" s="119"/>
      <c r="AG275" s="119"/>
      <c r="AH275" s="119"/>
      <c r="AI275" s="119"/>
      <c r="AJ275" s="119"/>
      <c r="AK275" s="119"/>
      <c r="AL275" s="119"/>
      <c r="AM275" s="119"/>
      <c r="AN275" s="119"/>
      <c r="AO275" s="119"/>
      <c r="AP275" s="119"/>
      <c r="AQ275" s="119"/>
      <c r="AR275" s="119"/>
      <c r="AS275" s="119"/>
      <c r="AT275" s="119"/>
      <c r="AU275" s="119"/>
      <c r="AV275" s="119"/>
      <c r="AW275" s="119"/>
      <c r="AX275" s="119"/>
      <c r="AY275" s="119"/>
      <c r="AZ275" s="119"/>
      <c r="BA275" s="119"/>
      <c r="BB275" s="107">
        <v>45884</v>
      </c>
    </row>
    <row r="276" spans="1:54" s="207" customFormat="1" ht="13.95" customHeight="1" x14ac:dyDescent="0.25">
      <c r="A276" s="208" t="s">
        <v>756</v>
      </c>
      <c r="B276" s="209" t="s">
        <v>20420</v>
      </c>
      <c r="C276" s="113" t="s">
        <v>757</v>
      </c>
      <c r="D276" s="113" t="s">
        <v>22515</v>
      </c>
      <c r="E276" s="210">
        <v>2000</v>
      </c>
      <c r="F276" s="210">
        <v>276</v>
      </c>
      <c r="G276" s="113" t="s">
        <v>1</v>
      </c>
      <c r="H276" s="113">
        <v>0</v>
      </c>
      <c r="I276" s="113">
        <v>0</v>
      </c>
      <c r="J276" s="115">
        <v>1</v>
      </c>
      <c r="K276" s="116" t="s">
        <v>174</v>
      </c>
      <c r="L276" s="115">
        <v>0</v>
      </c>
      <c r="M276" s="115">
        <v>0</v>
      </c>
      <c r="N276" s="115">
        <v>0</v>
      </c>
      <c r="O276" s="115">
        <v>1</v>
      </c>
      <c r="P276" s="115">
        <v>1</v>
      </c>
      <c r="Q276" s="115" t="s">
        <v>400</v>
      </c>
      <c r="R276" s="115">
        <v>0</v>
      </c>
      <c r="S276" s="115">
        <v>0</v>
      </c>
      <c r="T276" s="115">
        <v>0</v>
      </c>
      <c r="U276" s="119"/>
      <c r="V276" s="119"/>
      <c r="W276" s="119"/>
      <c r="X276" s="119"/>
      <c r="Y276" s="119"/>
      <c r="Z276" s="119"/>
      <c r="AA276" s="119"/>
      <c r="AB276" s="119"/>
      <c r="AC276" s="119"/>
      <c r="AD276" s="119"/>
      <c r="AE276" s="119"/>
      <c r="AF276" s="119"/>
      <c r="AG276" s="119"/>
      <c r="AH276" s="119"/>
      <c r="AI276" s="119"/>
      <c r="AJ276" s="119"/>
      <c r="AK276" s="119"/>
      <c r="AL276" s="119"/>
      <c r="AM276" s="119"/>
      <c r="AN276" s="119"/>
      <c r="AO276" s="119"/>
      <c r="AP276" s="119"/>
      <c r="AQ276" s="119"/>
      <c r="AR276" s="119"/>
      <c r="AS276" s="119"/>
      <c r="AT276" s="119"/>
      <c r="AU276" s="119"/>
      <c r="AV276" s="119"/>
      <c r="AW276" s="119"/>
      <c r="AX276" s="119"/>
      <c r="AY276" s="119"/>
      <c r="AZ276" s="119"/>
      <c r="BA276" s="119"/>
      <c r="BB276" s="107">
        <v>45884</v>
      </c>
    </row>
    <row r="277" spans="1:54" s="207" customFormat="1" ht="13.95" customHeight="1" x14ac:dyDescent="0.25">
      <c r="A277" s="208" t="s">
        <v>758</v>
      </c>
      <c r="B277" s="209" t="s">
        <v>20420</v>
      </c>
      <c r="C277" s="113" t="s">
        <v>759</v>
      </c>
      <c r="D277" s="113" t="s">
        <v>22516</v>
      </c>
      <c r="E277" s="210">
        <v>2004</v>
      </c>
      <c r="F277" s="210">
        <v>277</v>
      </c>
      <c r="G277" s="113" t="s">
        <v>1</v>
      </c>
      <c r="H277" s="113">
        <v>0</v>
      </c>
      <c r="I277" s="113">
        <v>0</v>
      </c>
      <c r="J277" s="115">
        <v>1</v>
      </c>
      <c r="K277" s="211">
        <v>1</v>
      </c>
      <c r="L277" s="115">
        <v>0</v>
      </c>
      <c r="M277" s="115">
        <v>0</v>
      </c>
      <c r="N277" s="115">
        <v>0</v>
      </c>
      <c r="O277" s="115">
        <v>0</v>
      </c>
      <c r="P277" s="115">
        <v>1</v>
      </c>
      <c r="Q277" s="115" t="s">
        <v>400</v>
      </c>
      <c r="R277" s="115">
        <v>0</v>
      </c>
      <c r="S277" s="115">
        <v>0</v>
      </c>
      <c r="T277" s="115">
        <v>0</v>
      </c>
      <c r="U277" s="119"/>
      <c r="V277" s="119"/>
      <c r="W277" s="119"/>
      <c r="X277" s="119"/>
      <c r="Y277" s="119"/>
      <c r="Z277" s="119"/>
      <c r="AA277" s="119"/>
      <c r="AB277" s="119"/>
      <c r="AC277" s="119"/>
      <c r="AD277" s="119"/>
      <c r="AE277" s="119"/>
      <c r="AF277" s="119"/>
      <c r="AG277" s="119"/>
      <c r="AH277" s="119"/>
      <c r="AI277" s="119"/>
      <c r="AJ277" s="119"/>
      <c r="AK277" s="119"/>
      <c r="AL277" s="119"/>
      <c r="AM277" s="119"/>
      <c r="AN277" s="119"/>
      <c r="AO277" s="119"/>
      <c r="AP277" s="119"/>
      <c r="AQ277" s="119"/>
      <c r="AR277" s="119"/>
      <c r="AS277" s="119"/>
      <c r="AT277" s="119"/>
      <c r="AU277" s="119"/>
      <c r="AV277" s="119"/>
      <c r="AW277" s="119"/>
      <c r="AX277" s="119"/>
      <c r="AY277" s="119"/>
      <c r="AZ277" s="119"/>
      <c r="BA277" s="119"/>
      <c r="BB277" s="107">
        <v>45884</v>
      </c>
    </row>
    <row r="278" spans="1:54" s="207" customFormat="1" ht="13.95" customHeight="1" x14ac:dyDescent="0.25">
      <c r="A278" s="208" t="s">
        <v>760</v>
      </c>
      <c r="B278" s="209" t="s">
        <v>20420</v>
      </c>
      <c r="C278" s="113" t="s">
        <v>761</v>
      </c>
      <c r="D278" s="113" t="s">
        <v>22517</v>
      </c>
      <c r="E278" s="210">
        <v>1981</v>
      </c>
      <c r="F278" s="210">
        <v>278</v>
      </c>
      <c r="G278" s="113" t="s">
        <v>1</v>
      </c>
      <c r="H278" s="113">
        <v>0</v>
      </c>
      <c r="I278" s="113">
        <v>0</v>
      </c>
      <c r="J278" s="115">
        <v>1</v>
      </c>
      <c r="K278" s="116" t="s">
        <v>174</v>
      </c>
      <c r="L278" s="115">
        <v>0</v>
      </c>
      <c r="M278" s="115">
        <v>1</v>
      </c>
      <c r="N278" s="115">
        <v>1</v>
      </c>
      <c r="O278" s="115">
        <v>0</v>
      </c>
      <c r="P278" s="115" t="s">
        <v>400</v>
      </c>
      <c r="Q278" s="115" t="s">
        <v>400</v>
      </c>
      <c r="R278" s="115">
        <v>1</v>
      </c>
      <c r="S278" s="115">
        <v>0</v>
      </c>
      <c r="T278" s="115">
        <v>0</v>
      </c>
      <c r="U278" s="119"/>
      <c r="V278" s="119"/>
      <c r="W278" s="119"/>
      <c r="X278" s="119"/>
      <c r="Y278" s="119"/>
      <c r="Z278" s="119"/>
      <c r="AA278" s="119"/>
      <c r="AB278" s="119"/>
      <c r="AC278" s="119"/>
      <c r="AD278" s="119"/>
      <c r="AE278" s="119"/>
      <c r="AF278" s="119"/>
      <c r="AG278" s="119"/>
      <c r="AH278" s="119"/>
      <c r="AI278" s="119"/>
      <c r="AJ278" s="119"/>
      <c r="AK278" s="119"/>
      <c r="AL278" s="119"/>
      <c r="AM278" s="119"/>
      <c r="AN278" s="119"/>
      <c r="AO278" s="119"/>
      <c r="AP278" s="119"/>
      <c r="AQ278" s="119"/>
      <c r="AR278" s="119"/>
      <c r="AS278" s="119"/>
      <c r="AT278" s="119"/>
      <c r="AU278" s="119"/>
      <c r="AV278" s="119"/>
      <c r="AW278" s="119"/>
      <c r="AX278" s="119"/>
      <c r="AY278" s="119"/>
      <c r="AZ278" s="119"/>
      <c r="BA278" s="119"/>
      <c r="BB278" s="107">
        <v>45884</v>
      </c>
    </row>
    <row r="279" spans="1:54" s="207" customFormat="1" ht="13.95" customHeight="1" x14ac:dyDescent="0.25">
      <c r="A279" s="208" t="s">
        <v>762</v>
      </c>
      <c r="B279" s="209" t="s">
        <v>20420</v>
      </c>
      <c r="C279" s="113" t="s">
        <v>763</v>
      </c>
      <c r="D279" s="113" t="s">
        <v>22518</v>
      </c>
      <c r="E279" s="210">
        <v>1991</v>
      </c>
      <c r="F279" s="210">
        <v>278</v>
      </c>
      <c r="G279" s="113" t="s">
        <v>1</v>
      </c>
      <c r="H279" s="113">
        <v>0</v>
      </c>
      <c r="I279" s="113">
        <v>0</v>
      </c>
      <c r="J279" s="115">
        <v>1</v>
      </c>
      <c r="K279" s="116" t="s">
        <v>174</v>
      </c>
      <c r="L279" s="115">
        <v>1</v>
      </c>
      <c r="M279" s="115">
        <v>0</v>
      </c>
      <c r="N279" s="115">
        <v>0</v>
      </c>
      <c r="O279" s="115">
        <v>0</v>
      </c>
      <c r="P279" s="115" t="s">
        <v>400</v>
      </c>
      <c r="Q279" s="115" t="s">
        <v>400</v>
      </c>
      <c r="R279" s="115">
        <v>0</v>
      </c>
      <c r="S279" s="115">
        <v>0</v>
      </c>
      <c r="T279" s="115">
        <v>0</v>
      </c>
      <c r="U279" s="119"/>
      <c r="V279" s="119"/>
      <c r="W279" s="119"/>
      <c r="X279" s="119"/>
      <c r="Y279" s="119"/>
      <c r="Z279" s="119"/>
      <c r="AA279" s="119"/>
      <c r="AB279" s="119"/>
      <c r="AC279" s="119"/>
      <c r="AD279" s="119"/>
      <c r="AE279" s="119"/>
      <c r="AF279" s="119"/>
      <c r="AG279" s="119"/>
      <c r="AH279" s="119"/>
      <c r="AI279" s="119"/>
      <c r="AJ279" s="119"/>
      <c r="AK279" s="119"/>
      <c r="AL279" s="119"/>
      <c r="AM279" s="119"/>
      <c r="AN279" s="119"/>
      <c r="AO279" s="119"/>
      <c r="AP279" s="119"/>
      <c r="AQ279" s="119"/>
      <c r="AR279" s="119"/>
      <c r="AS279" s="119"/>
      <c r="AT279" s="119"/>
      <c r="AU279" s="119"/>
      <c r="AV279" s="119"/>
      <c r="AW279" s="119"/>
      <c r="AX279" s="119"/>
      <c r="AY279" s="119"/>
      <c r="AZ279" s="119"/>
      <c r="BA279" s="119"/>
      <c r="BB279" s="107">
        <v>45884</v>
      </c>
    </row>
    <row r="280" spans="1:54" s="207" customFormat="1" ht="13.95" customHeight="1" x14ac:dyDescent="0.25">
      <c r="A280" s="208" t="s">
        <v>764</v>
      </c>
      <c r="B280" s="209" t="s">
        <v>20420</v>
      </c>
      <c r="C280" s="113" t="s">
        <v>765</v>
      </c>
      <c r="D280" s="113" t="s">
        <v>766</v>
      </c>
      <c r="E280" s="210">
        <v>2006</v>
      </c>
      <c r="F280" s="210">
        <v>278</v>
      </c>
      <c r="G280" s="113" t="s">
        <v>1</v>
      </c>
      <c r="H280" s="113">
        <v>0</v>
      </c>
      <c r="I280" s="113">
        <v>0</v>
      </c>
      <c r="J280" s="115">
        <v>1</v>
      </c>
      <c r="K280" s="211">
        <v>1</v>
      </c>
      <c r="L280" s="115">
        <v>1</v>
      </c>
      <c r="M280" s="115">
        <v>0</v>
      </c>
      <c r="N280" s="115">
        <v>0</v>
      </c>
      <c r="O280" s="115">
        <v>0</v>
      </c>
      <c r="P280" s="115" t="s">
        <v>400</v>
      </c>
      <c r="Q280" s="115" t="s">
        <v>400</v>
      </c>
      <c r="R280" s="115">
        <v>0</v>
      </c>
      <c r="S280" s="115">
        <v>0</v>
      </c>
      <c r="T280" s="115">
        <v>0</v>
      </c>
      <c r="U280" s="119"/>
      <c r="V280" s="119"/>
      <c r="W280" s="119"/>
      <c r="X280" s="119"/>
      <c r="Y280" s="119"/>
      <c r="Z280" s="119"/>
      <c r="AA280" s="119"/>
      <c r="AB280" s="119"/>
      <c r="AC280" s="119"/>
      <c r="AD280" s="119"/>
      <c r="AE280" s="119"/>
      <c r="AF280" s="119"/>
      <c r="AG280" s="119"/>
      <c r="AH280" s="119"/>
      <c r="AI280" s="119"/>
      <c r="AJ280" s="119"/>
      <c r="AK280" s="119"/>
      <c r="AL280" s="119"/>
      <c r="AM280" s="119"/>
      <c r="AN280" s="119"/>
      <c r="AO280" s="119"/>
      <c r="AP280" s="119"/>
      <c r="AQ280" s="119"/>
      <c r="AR280" s="119"/>
      <c r="AS280" s="119"/>
      <c r="AT280" s="119"/>
      <c r="AU280" s="119"/>
      <c r="AV280" s="119"/>
      <c r="AW280" s="119"/>
      <c r="AX280" s="119"/>
      <c r="AY280" s="119"/>
      <c r="AZ280" s="119"/>
      <c r="BA280" s="119"/>
      <c r="BB280" s="107">
        <v>45884</v>
      </c>
    </row>
    <row r="281" spans="1:54" s="207" customFormat="1" ht="13.95" customHeight="1" x14ac:dyDescent="0.25">
      <c r="A281" s="208" t="s">
        <v>767</v>
      </c>
      <c r="B281" s="209" t="s">
        <v>20420</v>
      </c>
      <c r="C281" s="113" t="s">
        <v>768</v>
      </c>
      <c r="D281" s="113" t="s">
        <v>22519</v>
      </c>
      <c r="E281" s="210">
        <v>1997</v>
      </c>
      <c r="F281" s="210">
        <v>279</v>
      </c>
      <c r="G281" s="113" t="s">
        <v>1</v>
      </c>
      <c r="H281" s="113">
        <v>0</v>
      </c>
      <c r="I281" s="113">
        <v>0</v>
      </c>
      <c r="J281" s="115">
        <v>1</v>
      </c>
      <c r="K281" s="116" t="s">
        <v>174</v>
      </c>
      <c r="L281" s="115">
        <v>1</v>
      </c>
      <c r="M281" s="115">
        <v>0</v>
      </c>
      <c r="N281" s="115">
        <v>0</v>
      </c>
      <c r="O281" s="115">
        <v>0</v>
      </c>
      <c r="P281" s="115">
        <v>1</v>
      </c>
      <c r="Q281" s="115" t="s">
        <v>400</v>
      </c>
      <c r="R281" s="115">
        <v>1</v>
      </c>
      <c r="S281" s="115">
        <v>0</v>
      </c>
      <c r="T281" s="115">
        <v>0</v>
      </c>
      <c r="U281" s="119"/>
      <c r="V281" s="119"/>
      <c r="W281" s="119"/>
      <c r="X281" s="119"/>
      <c r="Y281" s="119"/>
      <c r="Z281" s="119"/>
      <c r="AA281" s="119"/>
      <c r="AB281" s="119"/>
      <c r="AC281" s="119"/>
      <c r="AD281" s="119"/>
      <c r="AE281" s="119"/>
      <c r="AF281" s="119"/>
      <c r="AG281" s="119"/>
      <c r="AH281" s="119"/>
      <c r="AI281" s="119"/>
      <c r="AJ281" s="119"/>
      <c r="AK281" s="119"/>
      <c r="AL281" s="119"/>
      <c r="AM281" s="119"/>
      <c r="AN281" s="119"/>
      <c r="AO281" s="119"/>
      <c r="AP281" s="119"/>
      <c r="AQ281" s="119"/>
      <c r="AR281" s="119"/>
      <c r="AS281" s="119"/>
      <c r="AT281" s="119"/>
      <c r="AU281" s="119"/>
      <c r="AV281" s="119"/>
      <c r="AW281" s="119"/>
      <c r="AX281" s="119"/>
      <c r="AY281" s="119"/>
      <c r="AZ281" s="119"/>
      <c r="BA281" s="119"/>
      <c r="BB281" s="107">
        <v>45884</v>
      </c>
    </row>
    <row r="282" spans="1:54" s="207" customFormat="1" ht="13.95" customHeight="1" x14ac:dyDescent="0.25">
      <c r="A282" s="208" t="s">
        <v>769</v>
      </c>
      <c r="B282" s="209" t="s">
        <v>20420</v>
      </c>
      <c r="C282" s="113" t="s">
        <v>770</v>
      </c>
      <c r="D282" s="113" t="s">
        <v>22520</v>
      </c>
      <c r="E282" s="210">
        <v>1975</v>
      </c>
      <c r="F282" s="210">
        <v>279</v>
      </c>
      <c r="G282" s="113" t="s">
        <v>1</v>
      </c>
      <c r="H282" s="113">
        <v>0</v>
      </c>
      <c r="I282" s="113">
        <v>0</v>
      </c>
      <c r="J282" s="115">
        <v>1</v>
      </c>
      <c r="K282" s="116" t="s">
        <v>174</v>
      </c>
      <c r="L282" s="115">
        <v>0</v>
      </c>
      <c r="M282" s="115">
        <v>0</v>
      </c>
      <c r="N282" s="115">
        <v>1</v>
      </c>
      <c r="O282" s="115">
        <v>0</v>
      </c>
      <c r="P282" s="115">
        <v>1</v>
      </c>
      <c r="Q282" s="115" t="s">
        <v>400</v>
      </c>
      <c r="R282" s="115">
        <v>0</v>
      </c>
      <c r="S282" s="115">
        <v>0</v>
      </c>
      <c r="T282" s="115">
        <v>0</v>
      </c>
      <c r="U282" s="119"/>
      <c r="V282" s="119"/>
      <c r="W282" s="119"/>
      <c r="X282" s="119"/>
      <c r="Y282" s="119"/>
      <c r="Z282" s="119"/>
      <c r="AA282" s="119"/>
      <c r="AB282" s="119"/>
      <c r="AC282" s="119"/>
      <c r="AD282" s="119"/>
      <c r="AE282" s="119"/>
      <c r="AF282" s="119"/>
      <c r="AG282" s="119"/>
      <c r="AH282" s="119"/>
      <c r="AI282" s="119"/>
      <c r="AJ282" s="119"/>
      <c r="AK282" s="119"/>
      <c r="AL282" s="119"/>
      <c r="AM282" s="119"/>
      <c r="AN282" s="119"/>
      <c r="AO282" s="119"/>
      <c r="AP282" s="119"/>
      <c r="AQ282" s="119"/>
      <c r="AR282" s="119"/>
      <c r="AS282" s="119"/>
      <c r="AT282" s="119"/>
      <c r="AU282" s="119"/>
      <c r="AV282" s="119"/>
      <c r="AW282" s="119"/>
      <c r="AX282" s="119"/>
      <c r="AY282" s="119"/>
      <c r="AZ282" s="119"/>
      <c r="BA282" s="119"/>
      <c r="BB282" s="107">
        <v>45884</v>
      </c>
    </row>
    <row r="283" spans="1:54" s="207" customFormat="1" ht="13.95" customHeight="1" x14ac:dyDescent="0.25">
      <c r="A283" s="208" t="s">
        <v>771</v>
      </c>
      <c r="B283" s="209" t="s">
        <v>20420</v>
      </c>
      <c r="C283" s="113" t="s">
        <v>772</v>
      </c>
      <c r="D283" s="113" t="s">
        <v>22521</v>
      </c>
      <c r="E283" s="210">
        <v>2000</v>
      </c>
      <c r="F283" s="210">
        <v>281</v>
      </c>
      <c r="G283" s="113" t="s">
        <v>1</v>
      </c>
      <c r="H283" s="113">
        <v>0</v>
      </c>
      <c r="I283" s="113">
        <v>0</v>
      </c>
      <c r="J283" s="115">
        <v>1</v>
      </c>
      <c r="K283" s="116" t="s">
        <v>174</v>
      </c>
      <c r="L283" s="115">
        <v>1</v>
      </c>
      <c r="M283" s="115">
        <v>0</v>
      </c>
      <c r="N283" s="115">
        <v>0</v>
      </c>
      <c r="O283" s="115">
        <v>0</v>
      </c>
      <c r="P283" s="115">
        <v>1</v>
      </c>
      <c r="Q283" s="115" t="s">
        <v>400</v>
      </c>
      <c r="R283" s="115">
        <v>1</v>
      </c>
      <c r="S283" s="115">
        <v>0</v>
      </c>
      <c r="T283" s="115">
        <v>0</v>
      </c>
      <c r="U283" s="119"/>
      <c r="V283" s="119"/>
      <c r="W283" s="119"/>
      <c r="X283" s="119"/>
      <c r="Y283" s="119"/>
      <c r="Z283" s="119"/>
      <c r="AA283" s="119"/>
      <c r="AB283" s="119"/>
      <c r="AC283" s="119"/>
      <c r="AD283" s="119"/>
      <c r="AE283" s="119"/>
      <c r="AF283" s="119"/>
      <c r="AG283" s="119"/>
      <c r="AH283" s="119"/>
      <c r="AI283" s="119"/>
      <c r="AJ283" s="119"/>
      <c r="AK283" s="119"/>
      <c r="AL283" s="119"/>
      <c r="AM283" s="119"/>
      <c r="AN283" s="119"/>
      <c r="AO283" s="119"/>
      <c r="AP283" s="119"/>
      <c r="AQ283" s="119"/>
      <c r="AR283" s="119"/>
      <c r="AS283" s="119"/>
      <c r="AT283" s="119"/>
      <c r="AU283" s="119"/>
      <c r="AV283" s="119"/>
      <c r="AW283" s="119"/>
      <c r="AX283" s="119"/>
      <c r="AY283" s="119"/>
      <c r="AZ283" s="119"/>
      <c r="BA283" s="119"/>
      <c r="BB283" s="107">
        <v>45884</v>
      </c>
    </row>
    <row r="284" spans="1:54" s="207" customFormat="1" ht="13.95" customHeight="1" x14ac:dyDescent="0.25">
      <c r="A284" s="208" t="s">
        <v>773</v>
      </c>
      <c r="B284" s="209" t="s">
        <v>20420</v>
      </c>
      <c r="C284" s="113" t="s">
        <v>774</v>
      </c>
      <c r="D284" s="113" t="s">
        <v>22522</v>
      </c>
      <c r="E284" s="210">
        <v>1988</v>
      </c>
      <c r="F284" s="210">
        <v>282</v>
      </c>
      <c r="G284" s="113" t="s">
        <v>1</v>
      </c>
      <c r="H284" s="113">
        <v>0</v>
      </c>
      <c r="I284" s="113">
        <v>0</v>
      </c>
      <c r="J284" s="115">
        <v>1</v>
      </c>
      <c r="K284" s="116" t="s">
        <v>174</v>
      </c>
      <c r="L284" s="115">
        <v>1</v>
      </c>
      <c r="M284" s="115">
        <v>0</v>
      </c>
      <c r="N284" s="115">
        <v>0</v>
      </c>
      <c r="O284" s="115">
        <v>0</v>
      </c>
      <c r="P284" s="115">
        <v>1</v>
      </c>
      <c r="Q284" s="115" t="s">
        <v>400</v>
      </c>
      <c r="R284" s="115">
        <v>0</v>
      </c>
      <c r="S284" s="115">
        <v>0</v>
      </c>
      <c r="T284" s="115">
        <v>0</v>
      </c>
      <c r="U284" s="119"/>
      <c r="V284" s="119"/>
      <c r="W284" s="119"/>
      <c r="X284" s="119"/>
      <c r="Y284" s="119"/>
      <c r="Z284" s="119"/>
      <c r="AA284" s="119"/>
      <c r="AB284" s="119"/>
      <c r="AC284" s="119"/>
      <c r="AD284" s="119"/>
      <c r="AE284" s="119"/>
      <c r="AF284" s="119"/>
      <c r="AG284" s="119"/>
      <c r="AH284" s="119"/>
      <c r="AI284" s="119"/>
      <c r="AJ284" s="119"/>
      <c r="AK284" s="119"/>
      <c r="AL284" s="119"/>
      <c r="AM284" s="119"/>
      <c r="AN284" s="119"/>
      <c r="AO284" s="119"/>
      <c r="AP284" s="119"/>
      <c r="AQ284" s="119"/>
      <c r="AR284" s="119"/>
      <c r="AS284" s="119"/>
      <c r="AT284" s="119"/>
      <c r="AU284" s="119"/>
      <c r="AV284" s="119"/>
      <c r="AW284" s="119"/>
      <c r="AX284" s="119"/>
      <c r="AY284" s="119"/>
      <c r="AZ284" s="119"/>
      <c r="BA284" s="119"/>
      <c r="BB284" s="107">
        <v>45884</v>
      </c>
    </row>
    <row r="285" spans="1:54" s="207" customFormat="1" ht="13.95" customHeight="1" x14ac:dyDescent="0.25">
      <c r="A285" s="208" t="s">
        <v>775</v>
      </c>
      <c r="B285" s="209" t="s">
        <v>20420</v>
      </c>
      <c r="C285" s="113" t="s">
        <v>776</v>
      </c>
      <c r="D285" s="113" t="s">
        <v>777</v>
      </c>
      <c r="E285" s="210">
        <v>2001</v>
      </c>
      <c r="F285" s="210">
        <v>282</v>
      </c>
      <c r="G285" s="113" t="s">
        <v>1</v>
      </c>
      <c r="H285" s="113">
        <v>0</v>
      </c>
      <c r="I285" s="113">
        <v>0</v>
      </c>
      <c r="J285" s="115">
        <v>1</v>
      </c>
      <c r="K285" s="116" t="s">
        <v>174</v>
      </c>
      <c r="L285" s="115">
        <v>0</v>
      </c>
      <c r="M285" s="115">
        <v>0</v>
      </c>
      <c r="N285" s="115">
        <v>0</v>
      </c>
      <c r="O285" s="115">
        <v>1</v>
      </c>
      <c r="P285" s="115" t="s">
        <v>400</v>
      </c>
      <c r="Q285" s="115" t="s">
        <v>400</v>
      </c>
      <c r="R285" s="115">
        <v>1</v>
      </c>
      <c r="S285" s="115">
        <v>0</v>
      </c>
      <c r="T285" s="115">
        <v>0</v>
      </c>
      <c r="U285" s="119"/>
      <c r="V285" s="119"/>
      <c r="W285" s="119"/>
      <c r="X285" s="119"/>
      <c r="Y285" s="119"/>
      <c r="Z285" s="119"/>
      <c r="AA285" s="119"/>
      <c r="AB285" s="119"/>
      <c r="AC285" s="119"/>
      <c r="AD285" s="119"/>
      <c r="AE285" s="119"/>
      <c r="AF285" s="119"/>
      <c r="AG285" s="119"/>
      <c r="AH285" s="119"/>
      <c r="AI285" s="119"/>
      <c r="AJ285" s="119"/>
      <c r="AK285" s="119"/>
      <c r="AL285" s="119"/>
      <c r="AM285" s="119"/>
      <c r="AN285" s="119"/>
      <c r="AO285" s="119"/>
      <c r="AP285" s="119"/>
      <c r="AQ285" s="119"/>
      <c r="AR285" s="119"/>
      <c r="AS285" s="119"/>
      <c r="AT285" s="119"/>
      <c r="AU285" s="119"/>
      <c r="AV285" s="119"/>
      <c r="AW285" s="119"/>
      <c r="AX285" s="119"/>
      <c r="AY285" s="119"/>
      <c r="AZ285" s="119"/>
      <c r="BA285" s="119"/>
      <c r="BB285" s="107">
        <v>45884</v>
      </c>
    </row>
    <row r="286" spans="1:54" s="207" customFormat="1" ht="13.95" customHeight="1" x14ac:dyDescent="0.25">
      <c r="A286" s="208" t="s">
        <v>778</v>
      </c>
      <c r="B286" s="209" t="s">
        <v>20420</v>
      </c>
      <c r="C286" s="113" t="s">
        <v>779</v>
      </c>
      <c r="D286" s="113" t="s">
        <v>22523</v>
      </c>
      <c r="E286" s="210">
        <v>1977</v>
      </c>
      <c r="F286" s="210">
        <v>282</v>
      </c>
      <c r="G286" s="113" t="s">
        <v>1</v>
      </c>
      <c r="H286" s="113">
        <v>0</v>
      </c>
      <c r="I286" s="113">
        <v>0</v>
      </c>
      <c r="J286" s="115">
        <v>1</v>
      </c>
      <c r="K286" s="116" t="s">
        <v>174</v>
      </c>
      <c r="L286" s="115">
        <v>1</v>
      </c>
      <c r="M286" s="115">
        <v>0</v>
      </c>
      <c r="N286" s="115">
        <v>0</v>
      </c>
      <c r="O286" s="115">
        <v>1</v>
      </c>
      <c r="P286" s="115" t="s">
        <v>400</v>
      </c>
      <c r="Q286" s="115" t="s">
        <v>400</v>
      </c>
      <c r="R286" s="115">
        <v>0</v>
      </c>
      <c r="S286" s="115">
        <v>0</v>
      </c>
      <c r="T286" s="115">
        <v>0</v>
      </c>
      <c r="U286" s="119"/>
      <c r="V286" s="119"/>
      <c r="W286" s="119"/>
      <c r="X286" s="119"/>
      <c r="Y286" s="119"/>
      <c r="Z286" s="119"/>
      <c r="AA286" s="119"/>
      <c r="AB286" s="119"/>
      <c r="AC286" s="119"/>
      <c r="AD286" s="119"/>
      <c r="AE286" s="119"/>
      <c r="AF286" s="119"/>
      <c r="AG286" s="119"/>
      <c r="AH286" s="119"/>
      <c r="AI286" s="119"/>
      <c r="AJ286" s="119"/>
      <c r="AK286" s="119"/>
      <c r="AL286" s="119"/>
      <c r="AM286" s="119"/>
      <c r="AN286" s="119"/>
      <c r="AO286" s="119"/>
      <c r="AP286" s="119"/>
      <c r="AQ286" s="119"/>
      <c r="AR286" s="119"/>
      <c r="AS286" s="119"/>
      <c r="AT286" s="119"/>
      <c r="AU286" s="119"/>
      <c r="AV286" s="119"/>
      <c r="AW286" s="119"/>
      <c r="AX286" s="119"/>
      <c r="AY286" s="119"/>
      <c r="AZ286" s="119"/>
      <c r="BA286" s="119"/>
      <c r="BB286" s="107">
        <v>45884</v>
      </c>
    </row>
    <row r="287" spans="1:54" s="207" customFormat="1" ht="13.95" customHeight="1" x14ac:dyDescent="0.25">
      <c r="A287" s="208" t="s">
        <v>780</v>
      </c>
      <c r="B287" s="209" t="s">
        <v>20420</v>
      </c>
      <c r="C287" s="113" t="s">
        <v>781</v>
      </c>
      <c r="D287" s="113" t="s">
        <v>22524</v>
      </c>
      <c r="E287" s="210">
        <v>1978</v>
      </c>
      <c r="F287" s="210">
        <v>283</v>
      </c>
      <c r="G287" s="113" t="s">
        <v>1</v>
      </c>
      <c r="H287" s="113">
        <v>0</v>
      </c>
      <c r="I287" s="113">
        <v>0</v>
      </c>
      <c r="J287" s="115">
        <v>1</v>
      </c>
      <c r="K287" s="116" t="s">
        <v>174</v>
      </c>
      <c r="L287" s="115">
        <v>0</v>
      </c>
      <c r="M287" s="115">
        <v>0</v>
      </c>
      <c r="N287" s="115">
        <v>0</v>
      </c>
      <c r="O287" s="115">
        <v>0</v>
      </c>
      <c r="P287" s="115" t="s">
        <v>400</v>
      </c>
      <c r="Q287" s="115" t="s">
        <v>400</v>
      </c>
      <c r="R287" s="115">
        <v>0</v>
      </c>
      <c r="S287" s="115">
        <v>0</v>
      </c>
      <c r="T287" s="115">
        <v>0</v>
      </c>
      <c r="U287" s="119"/>
      <c r="V287" s="119"/>
      <c r="W287" s="119"/>
      <c r="X287" s="119"/>
      <c r="Y287" s="119"/>
      <c r="Z287" s="119"/>
      <c r="AA287" s="119"/>
      <c r="AB287" s="119"/>
      <c r="AC287" s="119"/>
      <c r="AD287" s="119"/>
      <c r="AE287" s="119"/>
      <c r="AF287" s="119"/>
      <c r="AG287" s="119"/>
      <c r="AH287" s="119"/>
      <c r="AI287" s="119"/>
      <c r="AJ287" s="119"/>
      <c r="AK287" s="119"/>
      <c r="AL287" s="119"/>
      <c r="AM287" s="119"/>
      <c r="AN287" s="119"/>
      <c r="AO287" s="119"/>
      <c r="AP287" s="119"/>
      <c r="AQ287" s="119"/>
      <c r="AR287" s="119"/>
      <c r="AS287" s="119"/>
      <c r="AT287" s="119"/>
      <c r="AU287" s="119"/>
      <c r="AV287" s="119"/>
      <c r="AW287" s="119"/>
      <c r="AX287" s="119"/>
      <c r="AY287" s="119"/>
      <c r="AZ287" s="119"/>
      <c r="BA287" s="119"/>
      <c r="BB287" s="107">
        <v>45884</v>
      </c>
    </row>
    <row r="288" spans="1:54" s="207" customFormat="1" ht="13.95" customHeight="1" x14ac:dyDescent="0.25">
      <c r="A288" s="208" t="s">
        <v>782</v>
      </c>
      <c r="B288" s="209" t="s">
        <v>20420</v>
      </c>
      <c r="C288" s="113" t="s">
        <v>783</v>
      </c>
      <c r="D288" s="113" t="s">
        <v>22525</v>
      </c>
      <c r="E288" s="210">
        <v>1996</v>
      </c>
      <c r="F288" s="210">
        <v>283</v>
      </c>
      <c r="G288" s="113" t="s">
        <v>1</v>
      </c>
      <c r="H288" s="113">
        <v>0</v>
      </c>
      <c r="I288" s="113">
        <v>0</v>
      </c>
      <c r="J288" s="115">
        <v>1</v>
      </c>
      <c r="K288" s="116" t="s">
        <v>174</v>
      </c>
      <c r="L288" s="115">
        <v>1</v>
      </c>
      <c r="M288" s="115">
        <v>0</v>
      </c>
      <c r="N288" s="115">
        <v>0</v>
      </c>
      <c r="O288" s="115">
        <v>0</v>
      </c>
      <c r="P288" s="115">
        <v>0</v>
      </c>
      <c r="Q288" s="115">
        <v>1</v>
      </c>
      <c r="R288" s="115">
        <v>0</v>
      </c>
      <c r="S288" s="115">
        <v>0</v>
      </c>
      <c r="T288" s="115">
        <v>0</v>
      </c>
      <c r="U288" s="119"/>
      <c r="V288" s="119"/>
      <c r="W288" s="119"/>
      <c r="X288" s="119"/>
      <c r="Y288" s="119"/>
      <c r="Z288" s="119"/>
      <c r="AA288" s="119"/>
      <c r="AB288" s="119"/>
      <c r="AC288" s="119"/>
      <c r="AD288" s="119"/>
      <c r="AE288" s="119"/>
      <c r="AF288" s="119"/>
      <c r="AG288" s="119"/>
      <c r="AH288" s="119"/>
      <c r="AI288" s="119"/>
      <c r="AJ288" s="119"/>
      <c r="AK288" s="119"/>
      <c r="AL288" s="119"/>
      <c r="AM288" s="119"/>
      <c r="AN288" s="119"/>
      <c r="AO288" s="119"/>
      <c r="AP288" s="119"/>
      <c r="AQ288" s="119"/>
      <c r="AR288" s="119"/>
      <c r="AS288" s="119"/>
      <c r="AT288" s="119"/>
      <c r="AU288" s="119"/>
      <c r="AV288" s="119"/>
      <c r="AW288" s="119"/>
      <c r="AX288" s="119"/>
      <c r="AY288" s="119"/>
      <c r="AZ288" s="119"/>
      <c r="BA288" s="119"/>
      <c r="BB288" s="107">
        <v>45884</v>
      </c>
    </row>
    <row r="289" spans="1:54" s="207" customFormat="1" ht="13.95" customHeight="1" x14ac:dyDescent="0.25">
      <c r="A289" s="208" t="s">
        <v>784</v>
      </c>
      <c r="B289" s="209" t="s">
        <v>20420</v>
      </c>
      <c r="C289" s="113" t="s">
        <v>785</v>
      </c>
      <c r="D289" s="113" t="s">
        <v>22526</v>
      </c>
      <c r="E289" s="210">
        <v>2007</v>
      </c>
      <c r="F289" s="210">
        <v>284</v>
      </c>
      <c r="G289" s="113" t="s">
        <v>1</v>
      </c>
      <c r="H289" s="113">
        <v>0</v>
      </c>
      <c r="I289" s="113">
        <v>0</v>
      </c>
      <c r="J289" s="115">
        <v>1</v>
      </c>
      <c r="K289" s="211">
        <v>1</v>
      </c>
      <c r="L289" s="115">
        <v>0</v>
      </c>
      <c r="M289" s="115">
        <v>0</v>
      </c>
      <c r="N289" s="115">
        <v>0</v>
      </c>
      <c r="O289" s="115">
        <v>0</v>
      </c>
      <c r="P289" s="115" t="s">
        <v>400</v>
      </c>
      <c r="Q289" s="115" t="s">
        <v>400</v>
      </c>
      <c r="R289" s="115">
        <v>1</v>
      </c>
      <c r="S289" s="115">
        <v>0</v>
      </c>
      <c r="T289" s="115">
        <v>0</v>
      </c>
      <c r="U289" s="119"/>
      <c r="V289" s="119"/>
      <c r="W289" s="119"/>
      <c r="X289" s="119"/>
      <c r="Y289" s="119"/>
      <c r="Z289" s="119"/>
      <c r="AA289" s="119"/>
      <c r="AB289" s="119"/>
      <c r="AC289" s="119"/>
      <c r="AD289" s="119"/>
      <c r="AE289" s="119"/>
      <c r="AF289" s="119"/>
      <c r="AG289" s="119"/>
      <c r="AH289" s="119"/>
      <c r="AI289" s="119"/>
      <c r="AJ289" s="119"/>
      <c r="AK289" s="119"/>
      <c r="AL289" s="119"/>
      <c r="AM289" s="119"/>
      <c r="AN289" s="119"/>
      <c r="AO289" s="119"/>
      <c r="AP289" s="119"/>
      <c r="AQ289" s="119"/>
      <c r="AR289" s="119"/>
      <c r="AS289" s="119"/>
      <c r="AT289" s="119"/>
      <c r="AU289" s="119"/>
      <c r="AV289" s="119"/>
      <c r="AW289" s="119"/>
      <c r="AX289" s="119"/>
      <c r="AY289" s="119"/>
      <c r="AZ289" s="119"/>
      <c r="BA289" s="119"/>
      <c r="BB289" s="107">
        <v>45884</v>
      </c>
    </row>
    <row r="290" spans="1:54" s="207" customFormat="1" ht="13.95" customHeight="1" x14ac:dyDescent="0.25">
      <c r="A290" s="208" t="s">
        <v>786</v>
      </c>
      <c r="B290" s="209" t="s">
        <v>20420</v>
      </c>
      <c r="C290" s="113" t="s">
        <v>787</v>
      </c>
      <c r="D290" s="113" t="s">
        <v>22527</v>
      </c>
      <c r="E290" s="210">
        <v>1983</v>
      </c>
      <c r="F290" s="210">
        <v>285</v>
      </c>
      <c r="G290" s="113" t="s">
        <v>1</v>
      </c>
      <c r="H290" s="113">
        <v>0</v>
      </c>
      <c r="I290" s="113">
        <v>0</v>
      </c>
      <c r="J290" s="115">
        <v>1</v>
      </c>
      <c r="K290" s="116" t="s">
        <v>174</v>
      </c>
      <c r="L290" s="115">
        <v>0</v>
      </c>
      <c r="M290" s="115">
        <v>0</v>
      </c>
      <c r="N290" s="115">
        <v>0</v>
      </c>
      <c r="O290" s="115">
        <v>0</v>
      </c>
      <c r="P290" s="115" t="s">
        <v>400</v>
      </c>
      <c r="Q290" s="115" t="s">
        <v>400</v>
      </c>
      <c r="R290" s="115">
        <v>0</v>
      </c>
      <c r="S290" s="115">
        <v>0</v>
      </c>
      <c r="T290" s="115">
        <v>0</v>
      </c>
      <c r="U290" s="119"/>
      <c r="V290" s="119"/>
      <c r="W290" s="119"/>
      <c r="X290" s="119"/>
      <c r="Y290" s="119"/>
      <c r="Z290" s="119"/>
      <c r="AA290" s="119"/>
      <c r="AB290" s="119"/>
      <c r="AC290" s="119"/>
      <c r="AD290" s="119"/>
      <c r="AE290" s="119"/>
      <c r="AF290" s="119"/>
      <c r="AG290" s="119"/>
      <c r="AH290" s="119"/>
      <c r="AI290" s="119"/>
      <c r="AJ290" s="119"/>
      <c r="AK290" s="119"/>
      <c r="AL290" s="119"/>
      <c r="AM290" s="119"/>
      <c r="AN290" s="119"/>
      <c r="AO290" s="119"/>
      <c r="AP290" s="119"/>
      <c r="AQ290" s="119"/>
      <c r="AR290" s="119"/>
      <c r="AS290" s="119"/>
      <c r="AT290" s="119"/>
      <c r="AU290" s="119"/>
      <c r="AV290" s="119"/>
      <c r="AW290" s="119"/>
      <c r="AX290" s="119"/>
      <c r="AY290" s="119"/>
      <c r="AZ290" s="119"/>
      <c r="BA290" s="119"/>
      <c r="BB290" s="107">
        <v>45884</v>
      </c>
    </row>
    <row r="291" spans="1:54" s="207" customFormat="1" ht="13.95" customHeight="1" x14ac:dyDescent="0.25">
      <c r="A291" s="208" t="s">
        <v>788</v>
      </c>
      <c r="B291" s="209" t="s">
        <v>20420</v>
      </c>
      <c r="C291" s="113" t="s">
        <v>789</v>
      </c>
      <c r="D291" s="113" t="s">
        <v>790</v>
      </c>
      <c r="E291" s="210">
        <v>1974</v>
      </c>
      <c r="F291" s="210">
        <v>286</v>
      </c>
      <c r="G291" s="113" t="s">
        <v>1</v>
      </c>
      <c r="H291" s="113">
        <v>0</v>
      </c>
      <c r="I291" s="113">
        <v>0</v>
      </c>
      <c r="J291" s="115">
        <v>1</v>
      </c>
      <c r="K291" s="211">
        <v>1</v>
      </c>
      <c r="L291" s="115">
        <v>0</v>
      </c>
      <c r="M291" s="115">
        <v>0</v>
      </c>
      <c r="N291" s="115">
        <v>0</v>
      </c>
      <c r="O291" s="115">
        <v>0</v>
      </c>
      <c r="P291" s="115">
        <v>1</v>
      </c>
      <c r="Q291" s="115">
        <v>1</v>
      </c>
      <c r="R291" s="115">
        <v>0</v>
      </c>
      <c r="S291" s="115">
        <v>0</v>
      </c>
      <c r="T291" s="115">
        <v>0</v>
      </c>
      <c r="U291" s="119"/>
      <c r="V291" s="119"/>
      <c r="W291" s="119"/>
      <c r="X291" s="119"/>
      <c r="Y291" s="119"/>
      <c r="Z291" s="119"/>
      <c r="AA291" s="119"/>
      <c r="AB291" s="119"/>
      <c r="AC291" s="119"/>
      <c r="AD291" s="119"/>
      <c r="AE291" s="119"/>
      <c r="AF291" s="119"/>
      <c r="AG291" s="119"/>
      <c r="AH291" s="119"/>
      <c r="AI291" s="119"/>
      <c r="AJ291" s="119"/>
      <c r="AK291" s="119"/>
      <c r="AL291" s="119"/>
      <c r="AM291" s="119"/>
      <c r="AN291" s="119"/>
      <c r="AO291" s="119"/>
      <c r="AP291" s="119"/>
      <c r="AQ291" s="119"/>
      <c r="AR291" s="119"/>
      <c r="AS291" s="119"/>
      <c r="AT291" s="119"/>
      <c r="AU291" s="119"/>
      <c r="AV291" s="119"/>
      <c r="AW291" s="119"/>
      <c r="AX291" s="119"/>
      <c r="AY291" s="119"/>
      <c r="AZ291" s="119"/>
      <c r="BA291" s="119"/>
      <c r="BB291" s="107">
        <v>45884</v>
      </c>
    </row>
    <row r="292" spans="1:54" s="207" customFormat="1" ht="13.95" customHeight="1" x14ac:dyDescent="0.25">
      <c r="A292" s="208" t="s">
        <v>791</v>
      </c>
      <c r="B292" s="209" t="s">
        <v>20420</v>
      </c>
      <c r="C292" s="113" t="s">
        <v>792</v>
      </c>
      <c r="D292" s="113" t="s">
        <v>22528</v>
      </c>
      <c r="E292" s="210">
        <v>1975</v>
      </c>
      <c r="F292" s="210">
        <v>286</v>
      </c>
      <c r="G292" s="113" t="s">
        <v>1</v>
      </c>
      <c r="H292" s="113">
        <v>0</v>
      </c>
      <c r="I292" s="113">
        <v>0</v>
      </c>
      <c r="J292" s="115">
        <v>1</v>
      </c>
      <c r="K292" s="211">
        <v>1</v>
      </c>
      <c r="L292" s="115">
        <v>0</v>
      </c>
      <c r="M292" s="115">
        <v>0</v>
      </c>
      <c r="N292" s="115">
        <v>0</v>
      </c>
      <c r="O292" s="115">
        <v>1</v>
      </c>
      <c r="P292" s="115">
        <v>1</v>
      </c>
      <c r="Q292" s="115" t="s">
        <v>400</v>
      </c>
      <c r="R292" s="115">
        <v>1</v>
      </c>
      <c r="S292" s="115">
        <v>0</v>
      </c>
      <c r="T292" s="115">
        <v>0</v>
      </c>
      <c r="U292" s="119"/>
      <c r="V292" s="119"/>
      <c r="W292" s="119"/>
      <c r="X292" s="119"/>
      <c r="Y292" s="119"/>
      <c r="Z292" s="119"/>
      <c r="AA292" s="119"/>
      <c r="AB292" s="119"/>
      <c r="AC292" s="119"/>
      <c r="AD292" s="119"/>
      <c r="AE292" s="119"/>
      <c r="AF292" s="119"/>
      <c r="AG292" s="119"/>
      <c r="AH292" s="119"/>
      <c r="AI292" s="119"/>
      <c r="AJ292" s="119"/>
      <c r="AK292" s="119"/>
      <c r="AL292" s="119"/>
      <c r="AM292" s="119"/>
      <c r="AN292" s="119"/>
      <c r="AO292" s="119"/>
      <c r="AP292" s="119"/>
      <c r="AQ292" s="119"/>
      <c r="AR292" s="119"/>
      <c r="AS292" s="119"/>
      <c r="AT292" s="119"/>
      <c r="AU292" s="119"/>
      <c r="AV292" s="119"/>
      <c r="AW292" s="119"/>
      <c r="AX292" s="119"/>
      <c r="AY292" s="119"/>
      <c r="AZ292" s="119"/>
      <c r="BA292" s="119"/>
      <c r="BB292" s="107">
        <v>45884</v>
      </c>
    </row>
    <row r="293" spans="1:54" s="207" customFormat="1" ht="13.95" customHeight="1" x14ac:dyDescent="0.25">
      <c r="A293" s="208" t="s">
        <v>793</v>
      </c>
      <c r="B293" s="209" t="s">
        <v>20420</v>
      </c>
      <c r="C293" s="113" t="s">
        <v>794</v>
      </c>
      <c r="D293" s="113" t="s">
        <v>22529</v>
      </c>
      <c r="E293" s="210">
        <v>1985</v>
      </c>
      <c r="F293" s="210">
        <v>287</v>
      </c>
      <c r="G293" s="113" t="s">
        <v>1</v>
      </c>
      <c r="H293" s="113">
        <v>0</v>
      </c>
      <c r="I293" s="113">
        <v>0</v>
      </c>
      <c r="J293" s="115">
        <v>1</v>
      </c>
      <c r="K293" s="116" t="s">
        <v>174</v>
      </c>
      <c r="L293" s="115">
        <v>1</v>
      </c>
      <c r="M293" s="115">
        <v>0</v>
      </c>
      <c r="N293" s="115">
        <v>0</v>
      </c>
      <c r="O293" s="115">
        <v>1</v>
      </c>
      <c r="P293" s="115" t="s">
        <v>400</v>
      </c>
      <c r="Q293" s="115" t="s">
        <v>400</v>
      </c>
      <c r="R293" s="115">
        <v>0</v>
      </c>
      <c r="S293" s="115">
        <v>0</v>
      </c>
      <c r="T293" s="115">
        <v>0</v>
      </c>
      <c r="U293" s="119"/>
      <c r="V293" s="119"/>
      <c r="W293" s="119"/>
      <c r="X293" s="119"/>
      <c r="Y293" s="119"/>
      <c r="Z293" s="119"/>
      <c r="AA293" s="119"/>
      <c r="AB293" s="119"/>
      <c r="AC293" s="119"/>
      <c r="AD293" s="119"/>
      <c r="AE293" s="119"/>
      <c r="AF293" s="119"/>
      <c r="AG293" s="119"/>
      <c r="AH293" s="119"/>
      <c r="AI293" s="119"/>
      <c r="AJ293" s="119"/>
      <c r="AK293" s="119"/>
      <c r="AL293" s="119"/>
      <c r="AM293" s="119"/>
      <c r="AN293" s="119"/>
      <c r="AO293" s="119"/>
      <c r="AP293" s="119"/>
      <c r="AQ293" s="119"/>
      <c r="AR293" s="119"/>
      <c r="AS293" s="119"/>
      <c r="AT293" s="119"/>
      <c r="AU293" s="119"/>
      <c r="AV293" s="119"/>
      <c r="AW293" s="119"/>
      <c r="AX293" s="119"/>
      <c r="AY293" s="119"/>
      <c r="AZ293" s="119"/>
      <c r="BA293" s="119"/>
      <c r="BB293" s="107">
        <v>45884</v>
      </c>
    </row>
    <row r="294" spans="1:54" s="207" customFormat="1" ht="13.95" customHeight="1" x14ac:dyDescent="0.25">
      <c r="A294" s="208" t="s">
        <v>795</v>
      </c>
      <c r="B294" s="209" t="s">
        <v>20420</v>
      </c>
      <c r="C294" s="113" t="s">
        <v>796</v>
      </c>
      <c r="D294" s="113" t="s">
        <v>22530</v>
      </c>
      <c r="E294" s="210">
        <v>2005</v>
      </c>
      <c r="F294" s="210">
        <v>288</v>
      </c>
      <c r="G294" s="113" t="s">
        <v>1</v>
      </c>
      <c r="H294" s="113">
        <v>0</v>
      </c>
      <c r="I294" s="113">
        <v>0</v>
      </c>
      <c r="J294" s="115">
        <v>1</v>
      </c>
      <c r="K294" s="211">
        <v>1</v>
      </c>
      <c r="L294" s="115">
        <v>1</v>
      </c>
      <c r="M294" s="115">
        <v>1</v>
      </c>
      <c r="N294" s="115">
        <v>0</v>
      </c>
      <c r="O294" s="115">
        <v>0</v>
      </c>
      <c r="P294" s="115" t="s">
        <v>400</v>
      </c>
      <c r="Q294" s="115" t="s">
        <v>400</v>
      </c>
      <c r="R294" s="115">
        <v>0</v>
      </c>
      <c r="S294" s="115">
        <v>0</v>
      </c>
      <c r="T294" s="115">
        <v>0</v>
      </c>
      <c r="U294" s="119"/>
      <c r="V294" s="119"/>
      <c r="W294" s="119"/>
      <c r="X294" s="119"/>
      <c r="Y294" s="119"/>
      <c r="Z294" s="119"/>
      <c r="AA294" s="119"/>
      <c r="AB294" s="119"/>
      <c r="AC294" s="119"/>
      <c r="AD294" s="119"/>
      <c r="AE294" s="119"/>
      <c r="AF294" s="119"/>
      <c r="AG294" s="119"/>
      <c r="AH294" s="119"/>
      <c r="AI294" s="119"/>
      <c r="AJ294" s="119"/>
      <c r="AK294" s="119"/>
      <c r="AL294" s="119"/>
      <c r="AM294" s="119"/>
      <c r="AN294" s="119"/>
      <c r="AO294" s="119"/>
      <c r="AP294" s="119"/>
      <c r="AQ294" s="119"/>
      <c r="AR294" s="119"/>
      <c r="AS294" s="119"/>
      <c r="AT294" s="119"/>
      <c r="AU294" s="119"/>
      <c r="AV294" s="119"/>
      <c r="AW294" s="119"/>
      <c r="AX294" s="119"/>
      <c r="AY294" s="119"/>
      <c r="AZ294" s="119"/>
      <c r="BA294" s="119"/>
      <c r="BB294" s="107">
        <v>45884</v>
      </c>
    </row>
    <row r="295" spans="1:54" s="207" customFormat="1" ht="13.95" customHeight="1" x14ac:dyDescent="0.25">
      <c r="A295" s="208" t="s">
        <v>797</v>
      </c>
      <c r="B295" s="209" t="s">
        <v>20420</v>
      </c>
      <c r="C295" s="113" t="s">
        <v>798</v>
      </c>
      <c r="D295" s="113" t="s">
        <v>799</v>
      </c>
      <c r="E295" s="210">
        <v>1986</v>
      </c>
      <c r="F295" s="210">
        <v>289</v>
      </c>
      <c r="G295" s="113" t="s">
        <v>1</v>
      </c>
      <c r="H295" s="113">
        <v>0</v>
      </c>
      <c r="I295" s="113">
        <v>0</v>
      </c>
      <c r="J295" s="115">
        <v>1</v>
      </c>
      <c r="K295" s="116" t="s">
        <v>174</v>
      </c>
      <c r="L295" s="115">
        <v>1</v>
      </c>
      <c r="M295" s="115">
        <v>1</v>
      </c>
      <c r="N295" s="115">
        <v>1</v>
      </c>
      <c r="O295" s="115">
        <v>0</v>
      </c>
      <c r="P295" s="115" t="s">
        <v>400</v>
      </c>
      <c r="Q295" s="115" t="s">
        <v>400</v>
      </c>
      <c r="R295" s="115">
        <v>0</v>
      </c>
      <c r="S295" s="115">
        <v>0</v>
      </c>
      <c r="T295" s="115">
        <v>0</v>
      </c>
      <c r="U295" s="119"/>
      <c r="V295" s="119"/>
      <c r="W295" s="119"/>
      <c r="X295" s="119"/>
      <c r="Y295" s="119"/>
      <c r="Z295" s="119"/>
      <c r="AA295" s="119"/>
      <c r="AB295" s="119"/>
      <c r="AC295" s="119"/>
      <c r="AD295" s="119"/>
      <c r="AE295" s="119"/>
      <c r="AF295" s="119"/>
      <c r="AG295" s="119"/>
      <c r="AH295" s="119"/>
      <c r="AI295" s="119"/>
      <c r="AJ295" s="119"/>
      <c r="AK295" s="119"/>
      <c r="AL295" s="119"/>
      <c r="AM295" s="119"/>
      <c r="AN295" s="119"/>
      <c r="AO295" s="119"/>
      <c r="AP295" s="119"/>
      <c r="AQ295" s="119"/>
      <c r="AR295" s="119"/>
      <c r="AS295" s="119"/>
      <c r="AT295" s="119"/>
      <c r="AU295" s="119"/>
      <c r="AV295" s="119"/>
      <c r="AW295" s="119"/>
      <c r="AX295" s="119"/>
      <c r="AY295" s="119"/>
      <c r="AZ295" s="119"/>
      <c r="BA295" s="119"/>
      <c r="BB295" s="107">
        <v>45884</v>
      </c>
    </row>
    <row r="296" spans="1:54" s="207" customFormat="1" ht="13.95" customHeight="1" x14ac:dyDescent="0.25">
      <c r="A296" s="208" t="s">
        <v>800</v>
      </c>
      <c r="B296" s="209" t="s">
        <v>20420</v>
      </c>
      <c r="C296" s="113" t="s">
        <v>801</v>
      </c>
      <c r="D296" s="113" t="s">
        <v>22531</v>
      </c>
      <c r="E296" s="210">
        <v>1973</v>
      </c>
      <c r="F296" s="210">
        <v>290</v>
      </c>
      <c r="G296" s="113" t="s">
        <v>1</v>
      </c>
      <c r="H296" s="113">
        <v>0</v>
      </c>
      <c r="I296" s="113">
        <v>0</v>
      </c>
      <c r="J296" s="115">
        <v>1</v>
      </c>
      <c r="K296" s="116" t="s">
        <v>174</v>
      </c>
      <c r="L296" s="115">
        <v>1</v>
      </c>
      <c r="M296" s="115">
        <v>1</v>
      </c>
      <c r="N296" s="115">
        <v>0</v>
      </c>
      <c r="O296" s="115">
        <v>0</v>
      </c>
      <c r="P296" s="115" t="s">
        <v>400</v>
      </c>
      <c r="Q296" s="115">
        <v>1</v>
      </c>
      <c r="R296" s="115">
        <v>0</v>
      </c>
      <c r="S296" s="115">
        <v>0</v>
      </c>
      <c r="T296" s="115">
        <v>0</v>
      </c>
      <c r="U296" s="119"/>
      <c r="V296" s="119"/>
      <c r="W296" s="119"/>
      <c r="X296" s="119"/>
      <c r="Y296" s="119"/>
      <c r="Z296" s="119"/>
      <c r="AA296" s="119"/>
      <c r="AB296" s="119"/>
      <c r="AC296" s="119"/>
      <c r="AD296" s="119"/>
      <c r="AE296" s="119"/>
      <c r="AF296" s="119"/>
      <c r="AG296" s="119"/>
      <c r="AH296" s="119"/>
      <c r="AI296" s="119"/>
      <c r="AJ296" s="119"/>
      <c r="AK296" s="119"/>
      <c r="AL296" s="119"/>
      <c r="AM296" s="119"/>
      <c r="AN296" s="119"/>
      <c r="AO296" s="119"/>
      <c r="AP296" s="119"/>
      <c r="AQ296" s="119"/>
      <c r="AR296" s="119"/>
      <c r="AS296" s="119"/>
      <c r="AT296" s="119"/>
      <c r="AU296" s="119"/>
      <c r="AV296" s="119"/>
      <c r="AW296" s="119"/>
      <c r="AX296" s="119"/>
      <c r="AY296" s="119"/>
      <c r="AZ296" s="119"/>
      <c r="BA296" s="119"/>
      <c r="BB296" s="107">
        <v>45884</v>
      </c>
    </row>
    <row r="297" spans="1:54" s="207" customFormat="1" ht="13.95" customHeight="1" x14ac:dyDescent="0.25">
      <c r="A297" s="208" t="s">
        <v>802</v>
      </c>
      <c r="B297" s="209" t="s">
        <v>20420</v>
      </c>
      <c r="C297" s="113" t="s">
        <v>803</v>
      </c>
      <c r="D297" s="113" t="s">
        <v>22532</v>
      </c>
      <c r="E297" s="210">
        <v>1990</v>
      </c>
      <c r="F297" s="210">
        <v>290</v>
      </c>
      <c r="G297" s="113" t="s">
        <v>1</v>
      </c>
      <c r="H297" s="113">
        <v>0</v>
      </c>
      <c r="I297" s="113">
        <v>0</v>
      </c>
      <c r="J297" s="115">
        <v>1</v>
      </c>
      <c r="K297" s="116" t="s">
        <v>174</v>
      </c>
      <c r="L297" s="115">
        <v>0</v>
      </c>
      <c r="M297" s="115">
        <v>1</v>
      </c>
      <c r="N297" s="115">
        <v>1</v>
      </c>
      <c r="O297" s="115">
        <v>0</v>
      </c>
      <c r="P297" s="115" t="s">
        <v>400</v>
      </c>
      <c r="Q297" s="115" t="s">
        <v>400</v>
      </c>
      <c r="R297" s="115">
        <v>0</v>
      </c>
      <c r="S297" s="115">
        <v>0</v>
      </c>
      <c r="T297" s="115">
        <v>0</v>
      </c>
      <c r="U297" s="119"/>
      <c r="V297" s="119"/>
      <c r="W297" s="119"/>
      <c r="X297" s="119"/>
      <c r="Y297" s="119"/>
      <c r="Z297" s="119"/>
      <c r="AA297" s="119"/>
      <c r="AB297" s="119"/>
      <c r="AC297" s="119"/>
      <c r="AD297" s="119"/>
      <c r="AE297" s="119"/>
      <c r="AF297" s="119"/>
      <c r="AG297" s="119"/>
      <c r="AH297" s="119"/>
      <c r="AI297" s="119"/>
      <c r="AJ297" s="119"/>
      <c r="AK297" s="119"/>
      <c r="AL297" s="119"/>
      <c r="AM297" s="119"/>
      <c r="AN297" s="119"/>
      <c r="AO297" s="119"/>
      <c r="AP297" s="119"/>
      <c r="AQ297" s="119"/>
      <c r="AR297" s="119"/>
      <c r="AS297" s="119"/>
      <c r="AT297" s="119"/>
      <c r="AU297" s="119"/>
      <c r="AV297" s="119"/>
      <c r="AW297" s="119"/>
      <c r="AX297" s="119"/>
      <c r="AY297" s="119"/>
      <c r="AZ297" s="119"/>
      <c r="BA297" s="119"/>
      <c r="BB297" s="107">
        <v>45884</v>
      </c>
    </row>
    <row r="298" spans="1:54" s="207" customFormat="1" ht="13.95" customHeight="1" x14ac:dyDescent="0.25">
      <c r="A298" s="208" t="s">
        <v>804</v>
      </c>
      <c r="B298" s="209" t="s">
        <v>20420</v>
      </c>
      <c r="C298" s="113" t="s">
        <v>805</v>
      </c>
      <c r="D298" s="113" t="s">
        <v>22533</v>
      </c>
      <c r="E298" s="210">
        <v>1999</v>
      </c>
      <c r="F298" s="210">
        <v>292</v>
      </c>
      <c r="G298" s="113" t="s">
        <v>1</v>
      </c>
      <c r="H298" s="113">
        <v>0</v>
      </c>
      <c r="I298" s="113">
        <v>0</v>
      </c>
      <c r="J298" s="115">
        <v>1</v>
      </c>
      <c r="K298" s="116" t="s">
        <v>174</v>
      </c>
      <c r="L298" s="115">
        <v>1</v>
      </c>
      <c r="M298" s="115">
        <v>0</v>
      </c>
      <c r="N298" s="115">
        <v>0</v>
      </c>
      <c r="O298" s="115">
        <v>0</v>
      </c>
      <c r="P298" s="115" t="s">
        <v>400</v>
      </c>
      <c r="Q298" s="115" t="s">
        <v>400</v>
      </c>
      <c r="R298" s="115">
        <v>0</v>
      </c>
      <c r="S298" s="115">
        <v>0</v>
      </c>
      <c r="T298" s="115">
        <v>0</v>
      </c>
      <c r="U298" s="119"/>
      <c r="V298" s="119"/>
      <c r="W298" s="119"/>
      <c r="X298" s="119"/>
      <c r="Y298" s="119"/>
      <c r="Z298" s="119"/>
      <c r="AA298" s="119"/>
      <c r="AB298" s="119"/>
      <c r="AC298" s="119"/>
      <c r="AD298" s="119"/>
      <c r="AE298" s="119"/>
      <c r="AF298" s="119"/>
      <c r="AG298" s="119"/>
      <c r="AH298" s="119"/>
      <c r="AI298" s="119"/>
      <c r="AJ298" s="119"/>
      <c r="AK298" s="119"/>
      <c r="AL298" s="119"/>
      <c r="AM298" s="119"/>
      <c r="AN298" s="119"/>
      <c r="AO298" s="119"/>
      <c r="AP298" s="119"/>
      <c r="AQ298" s="119"/>
      <c r="AR298" s="119"/>
      <c r="AS298" s="119"/>
      <c r="AT298" s="119"/>
      <c r="AU298" s="119"/>
      <c r="AV298" s="119"/>
      <c r="AW298" s="119"/>
      <c r="AX298" s="119"/>
      <c r="AY298" s="119"/>
      <c r="AZ298" s="119"/>
      <c r="BA298" s="119"/>
      <c r="BB298" s="107">
        <v>45884</v>
      </c>
    </row>
    <row r="299" spans="1:54" s="207" customFormat="1" ht="13.95" customHeight="1" x14ac:dyDescent="0.25">
      <c r="A299" s="208" t="s">
        <v>806</v>
      </c>
      <c r="B299" s="209" t="s">
        <v>20420</v>
      </c>
      <c r="C299" s="113" t="s">
        <v>807</v>
      </c>
      <c r="D299" s="113" t="s">
        <v>22534</v>
      </c>
      <c r="E299" s="210">
        <v>2006</v>
      </c>
      <c r="F299" s="210">
        <v>292</v>
      </c>
      <c r="G299" s="113" t="s">
        <v>1</v>
      </c>
      <c r="H299" s="113">
        <v>0</v>
      </c>
      <c r="I299" s="113">
        <v>0</v>
      </c>
      <c r="J299" s="115">
        <v>1</v>
      </c>
      <c r="K299" s="116" t="s">
        <v>174</v>
      </c>
      <c r="L299" s="115">
        <v>1</v>
      </c>
      <c r="M299" s="115">
        <v>0</v>
      </c>
      <c r="N299" s="115">
        <v>0</v>
      </c>
      <c r="O299" s="115">
        <v>0</v>
      </c>
      <c r="P299" s="115">
        <v>1</v>
      </c>
      <c r="Q299" s="115" t="s">
        <v>400</v>
      </c>
      <c r="R299" s="115">
        <v>0</v>
      </c>
      <c r="S299" s="115">
        <v>0</v>
      </c>
      <c r="T299" s="115">
        <v>0</v>
      </c>
      <c r="U299" s="119"/>
      <c r="V299" s="119"/>
      <c r="W299" s="119"/>
      <c r="X299" s="119"/>
      <c r="Y299" s="119"/>
      <c r="Z299" s="119"/>
      <c r="AA299" s="119"/>
      <c r="AB299" s="119"/>
      <c r="AC299" s="119"/>
      <c r="AD299" s="119"/>
      <c r="AE299" s="119"/>
      <c r="AF299" s="119"/>
      <c r="AG299" s="119"/>
      <c r="AH299" s="119"/>
      <c r="AI299" s="119"/>
      <c r="AJ299" s="119"/>
      <c r="AK299" s="119"/>
      <c r="AL299" s="119"/>
      <c r="AM299" s="119"/>
      <c r="AN299" s="119"/>
      <c r="AO299" s="119"/>
      <c r="AP299" s="119"/>
      <c r="AQ299" s="119"/>
      <c r="AR299" s="119"/>
      <c r="AS299" s="119"/>
      <c r="AT299" s="119"/>
      <c r="AU299" s="119"/>
      <c r="AV299" s="119"/>
      <c r="AW299" s="119"/>
      <c r="AX299" s="119"/>
      <c r="AY299" s="119"/>
      <c r="AZ299" s="119"/>
      <c r="BA299" s="119"/>
      <c r="BB299" s="107">
        <v>45884</v>
      </c>
    </row>
    <row r="300" spans="1:54" s="207" customFormat="1" ht="13.95" customHeight="1" x14ac:dyDescent="0.25">
      <c r="A300" s="208" t="s">
        <v>808</v>
      </c>
      <c r="B300" s="209" t="s">
        <v>20420</v>
      </c>
      <c r="C300" s="113" t="s">
        <v>809</v>
      </c>
      <c r="D300" s="113" t="s">
        <v>22535</v>
      </c>
      <c r="E300" s="210">
        <v>1971</v>
      </c>
      <c r="F300" s="210">
        <v>295</v>
      </c>
      <c r="G300" s="113" t="s">
        <v>1</v>
      </c>
      <c r="H300" s="113">
        <v>0</v>
      </c>
      <c r="I300" s="113">
        <v>0</v>
      </c>
      <c r="J300" s="115">
        <v>0</v>
      </c>
      <c r="K300" s="116" t="s">
        <v>174</v>
      </c>
      <c r="L300" s="115">
        <v>0</v>
      </c>
      <c r="M300" s="115">
        <v>0</v>
      </c>
      <c r="N300" s="115">
        <v>0</v>
      </c>
      <c r="O300" s="115">
        <v>0</v>
      </c>
      <c r="P300" s="115">
        <v>1</v>
      </c>
      <c r="Q300" s="115" t="s">
        <v>400</v>
      </c>
      <c r="R300" s="115">
        <v>0</v>
      </c>
      <c r="S300" s="115">
        <v>0</v>
      </c>
      <c r="T300" s="115">
        <v>0</v>
      </c>
      <c r="U300" s="119"/>
      <c r="V300" s="119"/>
      <c r="W300" s="119"/>
      <c r="X300" s="119"/>
      <c r="Y300" s="119"/>
      <c r="Z300" s="119"/>
      <c r="AA300" s="119"/>
      <c r="AB300" s="119"/>
      <c r="AC300" s="119"/>
      <c r="AD300" s="119"/>
      <c r="AE300" s="119"/>
      <c r="AF300" s="119"/>
      <c r="AG300" s="119"/>
      <c r="AH300" s="119"/>
      <c r="AI300" s="119"/>
      <c r="AJ300" s="119"/>
      <c r="AK300" s="119"/>
      <c r="AL300" s="119"/>
      <c r="AM300" s="119"/>
      <c r="AN300" s="119"/>
      <c r="AO300" s="119"/>
      <c r="AP300" s="119"/>
      <c r="AQ300" s="119"/>
      <c r="AR300" s="119"/>
      <c r="AS300" s="119"/>
      <c r="AT300" s="119"/>
      <c r="AU300" s="119"/>
      <c r="AV300" s="119"/>
      <c r="AW300" s="119"/>
      <c r="AX300" s="119"/>
      <c r="AY300" s="119"/>
      <c r="AZ300" s="119"/>
      <c r="BA300" s="119"/>
      <c r="BB300" s="107">
        <v>45884</v>
      </c>
    </row>
    <row r="301" spans="1:54" s="207" customFormat="1" ht="13.95" customHeight="1" x14ac:dyDescent="0.25">
      <c r="A301" s="208" t="s">
        <v>810</v>
      </c>
      <c r="B301" s="209" t="s">
        <v>20420</v>
      </c>
      <c r="C301" s="113" t="s">
        <v>811</v>
      </c>
      <c r="D301" s="113" t="s">
        <v>812</v>
      </c>
      <c r="E301" s="210">
        <v>2004</v>
      </c>
      <c r="F301" s="210">
        <v>296</v>
      </c>
      <c r="G301" s="113" t="s">
        <v>1</v>
      </c>
      <c r="H301" s="113">
        <v>0</v>
      </c>
      <c r="I301" s="113">
        <v>0</v>
      </c>
      <c r="J301" s="115">
        <v>1</v>
      </c>
      <c r="K301" s="116" t="s">
        <v>174</v>
      </c>
      <c r="L301" s="115">
        <v>0</v>
      </c>
      <c r="M301" s="115">
        <v>0</v>
      </c>
      <c r="N301" s="115">
        <v>0</v>
      </c>
      <c r="O301" s="115">
        <v>0</v>
      </c>
      <c r="P301" s="115" t="s">
        <v>400</v>
      </c>
      <c r="Q301" s="115" t="s">
        <v>400</v>
      </c>
      <c r="R301" s="115">
        <v>0</v>
      </c>
      <c r="S301" s="115">
        <v>0</v>
      </c>
      <c r="T301" s="115">
        <v>0</v>
      </c>
      <c r="U301" s="119"/>
      <c r="V301" s="119"/>
      <c r="W301" s="119"/>
      <c r="X301" s="119"/>
      <c r="Y301" s="119"/>
      <c r="Z301" s="119"/>
      <c r="AA301" s="119"/>
      <c r="AB301" s="119"/>
      <c r="AC301" s="119"/>
      <c r="AD301" s="119"/>
      <c r="AE301" s="119"/>
      <c r="AF301" s="119"/>
      <c r="AG301" s="119"/>
      <c r="AH301" s="119"/>
      <c r="AI301" s="119"/>
      <c r="AJ301" s="119"/>
      <c r="AK301" s="119"/>
      <c r="AL301" s="119"/>
      <c r="AM301" s="119"/>
      <c r="AN301" s="119"/>
      <c r="AO301" s="119"/>
      <c r="AP301" s="119"/>
      <c r="AQ301" s="119"/>
      <c r="AR301" s="119"/>
      <c r="AS301" s="119"/>
      <c r="AT301" s="119"/>
      <c r="AU301" s="119"/>
      <c r="AV301" s="119"/>
      <c r="AW301" s="119"/>
      <c r="AX301" s="119"/>
      <c r="AY301" s="119"/>
      <c r="AZ301" s="119"/>
      <c r="BA301" s="119"/>
      <c r="BB301" s="107">
        <v>45884</v>
      </c>
    </row>
    <row r="302" spans="1:54" s="207" customFormat="1" ht="13.95" customHeight="1" x14ac:dyDescent="0.25">
      <c r="A302" s="208" t="s">
        <v>813</v>
      </c>
      <c r="B302" s="209" t="s">
        <v>20420</v>
      </c>
      <c r="C302" s="113" t="s">
        <v>814</v>
      </c>
      <c r="D302" s="113" t="s">
        <v>22536</v>
      </c>
      <c r="E302" s="210">
        <v>1988</v>
      </c>
      <c r="F302" s="210">
        <v>297</v>
      </c>
      <c r="G302" s="113" t="s">
        <v>1</v>
      </c>
      <c r="H302" s="113">
        <v>0</v>
      </c>
      <c r="I302" s="113">
        <v>0</v>
      </c>
      <c r="J302" s="115">
        <v>1</v>
      </c>
      <c r="K302" s="116" t="s">
        <v>174</v>
      </c>
      <c r="L302" s="115">
        <v>0</v>
      </c>
      <c r="M302" s="115">
        <v>0</v>
      </c>
      <c r="N302" s="115">
        <v>0</v>
      </c>
      <c r="O302" s="115">
        <v>0</v>
      </c>
      <c r="P302" s="115" t="s">
        <v>400</v>
      </c>
      <c r="Q302" s="115" t="s">
        <v>400</v>
      </c>
      <c r="R302" s="115">
        <v>0</v>
      </c>
      <c r="S302" s="115">
        <v>0</v>
      </c>
      <c r="T302" s="115">
        <v>0</v>
      </c>
      <c r="U302" s="119"/>
      <c r="V302" s="119"/>
      <c r="W302" s="119"/>
      <c r="X302" s="119"/>
      <c r="Y302" s="119"/>
      <c r="Z302" s="119"/>
      <c r="AA302" s="119"/>
      <c r="AB302" s="119"/>
      <c r="AC302" s="119"/>
      <c r="AD302" s="119"/>
      <c r="AE302" s="119"/>
      <c r="AF302" s="119"/>
      <c r="AG302" s="119"/>
      <c r="AH302" s="119"/>
      <c r="AI302" s="119"/>
      <c r="AJ302" s="119"/>
      <c r="AK302" s="119"/>
      <c r="AL302" s="119"/>
      <c r="AM302" s="119"/>
      <c r="AN302" s="119"/>
      <c r="AO302" s="119"/>
      <c r="AP302" s="119"/>
      <c r="AQ302" s="119"/>
      <c r="AR302" s="119"/>
      <c r="AS302" s="119"/>
      <c r="AT302" s="119"/>
      <c r="AU302" s="119"/>
      <c r="AV302" s="119"/>
      <c r="AW302" s="119"/>
      <c r="AX302" s="119"/>
      <c r="AY302" s="119"/>
      <c r="AZ302" s="119"/>
      <c r="BA302" s="119"/>
      <c r="BB302" s="107">
        <v>45884</v>
      </c>
    </row>
    <row r="303" spans="1:54" s="207" customFormat="1" ht="13.95" customHeight="1" x14ac:dyDescent="0.25">
      <c r="A303" s="208" t="s">
        <v>815</v>
      </c>
      <c r="B303" s="209" t="s">
        <v>20420</v>
      </c>
      <c r="C303" s="113" t="s">
        <v>816</v>
      </c>
      <c r="D303" s="113" t="s">
        <v>22537</v>
      </c>
      <c r="E303" s="210">
        <v>1991</v>
      </c>
      <c r="F303" s="210">
        <v>298</v>
      </c>
      <c r="G303" s="113" t="s">
        <v>1</v>
      </c>
      <c r="H303" s="113">
        <v>0</v>
      </c>
      <c r="I303" s="113">
        <v>0</v>
      </c>
      <c r="J303" s="115">
        <v>1</v>
      </c>
      <c r="K303" s="116" t="s">
        <v>174</v>
      </c>
      <c r="L303" s="115">
        <v>1</v>
      </c>
      <c r="M303" s="115">
        <v>1</v>
      </c>
      <c r="N303" s="115">
        <v>0</v>
      </c>
      <c r="O303" s="115">
        <v>0</v>
      </c>
      <c r="P303" s="115" t="s">
        <v>400</v>
      </c>
      <c r="Q303" s="115" t="s">
        <v>400</v>
      </c>
      <c r="R303" s="115">
        <v>1</v>
      </c>
      <c r="S303" s="115">
        <v>0</v>
      </c>
      <c r="T303" s="115">
        <v>0</v>
      </c>
      <c r="U303" s="119"/>
      <c r="V303" s="119"/>
      <c r="W303" s="119"/>
      <c r="X303" s="119"/>
      <c r="Y303" s="119"/>
      <c r="Z303" s="119"/>
      <c r="AA303" s="119"/>
      <c r="AB303" s="119"/>
      <c r="AC303" s="119"/>
      <c r="AD303" s="119"/>
      <c r="AE303" s="119"/>
      <c r="AF303" s="119"/>
      <c r="AG303" s="119"/>
      <c r="AH303" s="119"/>
      <c r="AI303" s="119"/>
      <c r="AJ303" s="119"/>
      <c r="AK303" s="119"/>
      <c r="AL303" s="119"/>
      <c r="AM303" s="119"/>
      <c r="AN303" s="119"/>
      <c r="AO303" s="119"/>
      <c r="AP303" s="119"/>
      <c r="AQ303" s="119"/>
      <c r="AR303" s="119"/>
      <c r="AS303" s="119"/>
      <c r="AT303" s="119"/>
      <c r="AU303" s="119"/>
      <c r="AV303" s="119"/>
      <c r="AW303" s="119"/>
      <c r="AX303" s="119"/>
      <c r="AY303" s="119"/>
      <c r="AZ303" s="119"/>
      <c r="BA303" s="119"/>
      <c r="BB303" s="107">
        <v>45884</v>
      </c>
    </row>
    <row r="304" spans="1:54" s="207" customFormat="1" ht="13.95" customHeight="1" x14ac:dyDescent="0.25">
      <c r="A304" s="208" t="s">
        <v>817</v>
      </c>
      <c r="B304" s="209" t="s">
        <v>20420</v>
      </c>
      <c r="C304" s="113" t="s">
        <v>818</v>
      </c>
      <c r="D304" s="113" t="s">
        <v>22538</v>
      </c>
      <c r="E304" s="210">
        <v>2012</v>
      </c>
      <c r="F304" s="210">
        <v>298</v>
      </c>
      <c r="G304" s="113" t="s">
        <v>1</v>
      </c>
      <c r="H304" s="113">
        <v>0</v>
      </c>
      <c r="I304" s="113">
        <v>0</v>
      </c>
      <c r="J304" s="115">
        <v>1</v>
      </c>
      <c r="K304" s="116" t="s">
        <v>174</v>
      </c>
      <c r="L304" s="115">
        <v>0</v>
      </c>
      <c r="M304" s="115">
        <v>0</v>
      </c>
      <c r="N304" s="115">
        <v>0</v>
      </c>
      <c r="O304" s="115">
        <v>0</v>
      </c>
      <c r="P304" s="115" t="s">
        <v>400</v>
      </c>
      <c r="Q304" s="115" t="s">
        <v>400</v>
      </c>
      <c r="R304" s="115">
        <v>1</v>
      </c>
      <c r="S304" s="115">
        <v>0</v>
      </c>
      <c r="T304" s="115">
        <v>0</v>
      </c>
      <c r="U304" s="119"/>
      <c r="V304" s="119"/>
      <c r="W304" s="119"/>
      <c r="X304" s="119"/>
      <c r="Y304" s="119"/>
      <c r="Z304" s="119"/>
      <c r="AA304" s="119"/>
      <c r="AB304" s="119"/>
      <c r="AC304" s="119"/>
      <c r="AD304" s="119"/>
      <c r="AE304" s="119"/>
      <c r="AF304" s="119"/>
      <c r="AG304" s="119"/>
      <c r="AH304" s="119"/>
      <c r="AI304" s="119"/>
      <c r="AJ304" s="119"/>
      <c r="AK304" s="119"/>
      <c r="AL304" s="119"/>
      <c r="AM304" s="119"/>
      <c r="AN304" s="119"/>
      <c r="AO304" s="119"/>
      <c r="AP304" s="119"/>
      <c r="AQ304" s="119"/>
      <c r="AR304" s="119"/>
      <c r="AS304" s="119"/>
      <c r="AT304" s="119"/>
      <c r="AU304" s="119"/>
      <c r="AV304" s="119"/>
      <c r="AW304" s="119"/>
      <c r="AX304" s="119"/>
      <c r="AY304" s="119"/>
      <c r="AZ304" s="119"/>
      <c r="BA304" s="119"/>
      <c r="BB304" s="107">
        <v>45884</v>
      </c>
    </row>
    <row r="305" spans="1:54" s="207" customFormat="1" ht="13.95" customHeight="1" x14ac:dyDescent="0.25">
      <c r="A305" s="208" t="s">
        <v>819</v>
      </c>
      <c r="B305" s="209" t="s">
        <v>20420</v>
      </c>
      <c r="C305" s="113" t="s">
        <v>820</v>
      </c>
      <c r="D305" s="113" t="s">
        <v>821</v>
      </c>
      <c r="E305" s="210">
        <v>2003</v>
      </c>
      <c r="F305" s="210">
        <v>298</v>
      </c>
      <c r="G305" s="113" t="s">
        <v>1</v>
      </c>
      <c r="H305" s="113">
        <v>0</v>
      </c>
      <c r="I305" s="113">
        <v>0</v>
      </c>
      <c r="J305" s="115">
        <v>1</v>
      </c>
      <c r="K305" s="211">
        <v>1</v>
      </c>
      <c r="L305" s="115">
        <v>1</v>
      </c>
      <c r="M305" s="115">
        <v>0</v>
      </c>
      <c r="N305" s="115">
        <v>0</v>
      </c>
      <c r="O305" s="115">
        <v>0</v>
      </c>
      <c r="P305" s="115" t="s">
        <v>400</v>
      </c>
      <c r="Q305" s="115" t="s">
        <v>400</v>
      </c>
      <c r="R305" s="115">
        <v>0</v>
      </c>
      <c r="S305" s="115">
        <v>0</v>
      </c>
      <c r="T305" s="115">
        <v>0</v>
      </c>
      <c r="U305" s="119"/>
      <c r="V305" s="119"/>
      <c r="W305" s="119"/>
      <c r="X305" s="119"/>
      <c r="Y305" s="119"/>
      <c r="Z305" s="119"/>
      <c r="AA305" s="119"/>
      <c r="AB305" s="119"/>
      <c r="AC305" s="119"/>
      <c r="AD305" s="119"/>
      <c r="AE305" s="119"/>
      <c r="AF305" s="119"/>
      <c r="AG305" s="119"/>
      <c r="AH305" s="119"/>
      <c r="AI305" s="119"/>
      <c r="AJ305" s="119"/>
      <c r="AK305" s="119"/>
      <c r="AL305" s="119"/>
      <c r="AM305" s="119"/>
      <c r="AN305" s="119"/>
      <c r="AO305" s="119"/>
      <c r="AP305" s="119"/>
      <c r="AQ305" s="119"/>
      <c r="AR305" s="119"/>
      <c r="AS305" s="119"/>
      <c r="AT305" s="119"/>
      <c r="AU305" s="119"/>
      <c r="AV305" s="119"/>
      <c r="AW305" s="119"/>
      <c r="AX305" s="119"/>
      <c r="AY305" s="119"/>
      <c r="AZ305" s="119"/>
      <c r="BA305" s="119"/>
      <c r="BB305" s="107">
        <v>45884</v>
      </c>
    </row>
    <row r="306" spans="1:54" s="207" customFormat="1" ht="13.95" customHeight="1" x14ac:dyDescent="0.25">
      <c r="A306" s="208" t="s">
        <v>822</v>
      </c>
      <c r="B306" s="209" t="s">
        <v>20420</v>
      </c>
      <c r="C306" s="113" t="s">
        <v>823</v>
      </c>
      <c r="D306" s="113" t="s">
        <v>824</v>
      </c>
      <c r="E306" s="210">
        <v>1976</v>
      </c>
      <c r="F306" s="210">
        <v>300</v>
      </c>
      <c r="G306" s="113" t="s">
        <v>1</v>
      </c>
      <c r="H306" s="113">
        <v>0</v>
      </c>
      <c r="I306" s="113">
        <v>0</v>
      </c>
      <c r="J306" s="115">
        <v>1</v>
      </c>
      <c r="K306" s="116" t="s">
        <v>174</v>
      </c>
      <c r="L306" s="115">
        <v>1</v>
      </c>
      <c r="M306" s="115">
        <v>1</v>
      </c>
      <c r="N306" s="115">
        <v>0</v>
      </c>
      <c r="O306" s="115">
        <v>0</v>
      </c>
      <c r="P306" s="115" t="s">
        <v>400</v>
      </c>
      <c r="Q306" s="115" t="s">
        <v>400</v>
      </c>
      <c r="R306" s="115">
        <v>0</v>
      </c>
      <c r="S306" s="115">
        <v>0</v>
      </c>
      <c r="T306" s="115">
        <v>0</v>
      </c>
      <c r="U306" s="119"/>
      <c r="V306" s="119"/>
      <c r="W306" s="119"/>
      <c r="X306" s="119"/>
      <c r="Y306" s="119"/>
      <c r="Z306" s="119"/>
      <c r="AA306" s="119"/>
      <c r="AB306" s="119"/>
      <c r="AC306" s="119"/>
      <c r="AD306" s="119"/>
      <c r="AE306" s="119"/>
      <c r="AF306" s="119"/>
      <c r="AG306" s="119"/>
      <c r="AH306" s="119"/>
      <c r="AI306" s="119"/>
      <c r="AJ306" s="119"/>
      <c r="AK306" s="119"/>
      <c r="AL306" s="119"/>
      <c r="AM306" s="119"/>
      <c r="AN306" s="119"/>
      <c r="AO306" s="119"/>
      <c r="AP306" s="119"/>
      <c r="AQ306" s="119"/>
      <c r="AR306" s="119"/>
      <c r="AS306" s="119"/>
      <c r="AT306" s="119"/>
      <c r="AU306" s="119"/>
      <c r="AV306" s="119"/>
      <c r="AW306" s="119"/>
      <c r="AX306" s="119"/>
      <c r="AY306" s="119"/>
      <c r="AZ306" s="119"/>
      <c r="BA306" s="119"/>
      <c r="BB306" s="107">
        <v>45884</v>
      </c>
    </row>
    <row r="307" spans="1:54" s="207" customFormat="1" ht="13.95" customHeight="1" x14ac:dyDescent="0.25">
      <c r="A307" s="208" t="s">
        <v>825</v>
      </c>
      <c r="B307" s="209" t="s">
        <v>20420</v>
      </c>
      <c r="C307" s="113" t="s">
        <v>826</v>
      </c>
      <c r="D307" s="113" t="s">
        <v>827</v>
      </c>
      <c r="E307" s="210">
        <v>1989</v>
      </c>
      <c r="F307" s="210">
        <v>300</v>
      </c>
      <c r="G307" s="113" t="s">
        <v>1</v>
      </c>
      <c r="H307" s="113">
        <v>0</v>
      </c>
      <c r="I307" s="113">
        <v>0</v>
      </c>
      <c r="J307" s="115">
        <v>1</v>
      </c>
      <c r="K307" s="116" t="s">
        <v>174</v>
      </c>
      <c r="L307" s="115">
        <v>1</v>
      </c>
      <c r="M307" s="115">
        <v>0</v>
      </c>
      <c r="N307" s="115">
        <v>0</v>
      </c>
      <c r="O307" s="115">
        <v>0</v>
      </c>
      <c r="P307" s="115" t="s">
        <v>400</v>
      </c>
      <c r="Q307" s="115" t="s">
        <v>400</v>
      </c>
      <c r="R307" s="115">
        <v>0</v>
      </c>
      <c r="S307" s="115">
        <v>0</v>
      </c>
      <c r="T307" s="115">
        <v>0</v>
      </c>
      <c r="U307" s="119"/>
      <c r="V307" s="119"/>
      <c r="W307" s="119"/>
      <c r="X307" s="119"/>
      <c r="Y307" s="119"/>
      <c r="Z307" s="119"/>
      <c r="AA307" s="119"/>
      <c r="AB307" s="119"/>
      <c r="AC307" s="119"/>
      <c r="AD307" s="119"/>
      <c r="AE307" s="119"/>
      <c r="AF307" s="119"/>
      <c r="AG307" s="119"/>
      <c r="AH307" s="119"/>
      <c r="AI307" s="119"/>
      <c r="AJ307" s="119"/>
      <c r="AK307" s="119"/>
      <c r="AL307" s="119"/>
      <c r="AM307" s="119"/>
      <c r="AN307" s="119"/>
      <c r="AO307" s="119"/>
      <c r="AP307" s="119"/>
      <c r="AQ307" s="119"/>
      <c r="AR307" s="119"/>
      <c r="AS307" s="119"/>
      <c r="AT307" s="119"/>
      <c r="AU307" s="119"/>
      <c r="AV307" s="119"/>
      <c r="AW307" s="119"/>
      <c r="AX307" s="119"/>
      <c r="AY307" s="119"/>
      <c r="AZ307" s="119"/>
      <c r="BA307" s="119"/>
      <c r="BB307" s="107">
        <v>45884</v>
      </c>
    </row>
    <row r="308" spans="1:54" s="207" customFormat="1" ht="13.95" customHeight="1" x14ac:dyDescent="0.25">
      <c r="A308" s="208" t="s">
        <v>828</v>
      </c>
      <c r="B308" s="209" t="s">
        <v>20420</v>
      </c>
      <c r="C308" s="113" t="s">
        <v>829</v>
      </c>
      <c r="D308" s="113" t="s">
        <v>22539</v>
      </c>
      <c r="E308" s="210">
        <v>1977</v>
      </c>
      <c r="F308" s="210">
        <v>300</v>
      </c>
      <c r="G308" s="113" t="s">
        <v>1</v>
      </c>
      <c r="H308" s="113">
        <v>0</v>
      </c>
      <c r="I308" s="113">
        <v>0</v>
      </c>
      <c r="J308" s="115">
        <v>1</v>
      </c>
      <c r="K308" s="116" t="s">
        <v>174</v>
      </c>
      <c r="L308" s="115">
        <v>0</v>
      </c>
      <c r="M308" s="115">
        <v>0</v>
      </c>
      <c r="N308" s="115">
        <v>0</v>
      </c>
      <c r="O308" s="115">
        <v>0</v>
      </c>
      <c r="P308" s="115">
        <v>1</v>
      </c>
      <c r="Q308" s="115" t="s">
        <v>400</v>
      </c>
      <c r="R308" s="115">
        <v>0</v>
      </c>
      <c r="S308" s="115">
        <v>0</v>
      </c>
      <c r="T308" s="115">
        <v>0</v>
      </c>
      <c r="U308" s="119"/>
      <c r="V308" s="119"/>
      <c r="W308" s="119"/>
      <c r="X308" s="119"/>
      <c r="Y308" s="119"/>
      <c r="Z308" s="119"/>
      <c r="AA308" s="119"/>
      <c r="AB308" s="119"/>
      <c r="AC308" s="119"/>
      <c r="AD308" s="119"/>
      <c r="AE308" s="119"/>
      <c r="AF308" s="119"/>
      <c r="AG308" s="119"/>
      <c r="AH308" s="119"/>
      <c r="AI308" s="119"/>
      <c r="AJ308" s="119"/>
      <c r="AK308" s="119"/>
      <c r="AL308" s="119"/>
      <c r="AM308" s="119"/>
      <c r="AN308" s="119"/>
      <c r="AO308" s="119"/>
      <c r="AP308" s="119"/>
      <c r="AQ308" s="119"/>
      <c r="AR308" s="119"/>
      <c r="AS308" s="119"/>
      <c r="AT308" s="119"/>
      <c r="AU308" s="119"/>
      <c r="AV308" s="119"/>
      <c r="AW308" s="119"/>
      <c r="AX308" s="119"/>
      <c r="AY308" s="119"/>
      <c r="AZ308" s="119"/>
      <c r="BA308" s="119"/>
      <c r="BB308" s="107">
        <v>45884</v>
      </c>
    </row>
    <row r="309" spans="1:54" s="207" customFormat="1" ht="13.95" customHeight="1" x14ac:dyDescent="0.25">
      <c r="A309" s="208" t="s">
        <v>830</v>
      </c>
      <c r="B309" s="209" t="s">
        <v>20420</v>
      </c>
      <c r="C309" s="113" t="s">
        <v>831</v>
      </c>
      <c r="D309" s="113" t="s">
        <v>22540</v>
      </c>
      <c r="E309" s="210">
        <v>1980</v>
      </c>
      <c r="F309" s="210">
        <v>300</v>
      </c>
      <c r="G309" s="113" t="s">
        <v>1</v>
      </c>
      <c r="H309" s="113">
        <v>0</v>
      </c>
      <c r="I309" s="113">
        <v>0</v>
      </c>
      <c r="J309" s="115">
        <v>1</v>
      </c>
      <c r="K309" s="116" t="s">
        <v>174</v>
      </c>
      <c r="L309" s="115">
        <v>1</v>
      </c>
      <c r="M309" s="115">
        <v>0</v>
      </c>
      <c r="N309" s="115">
        <v>0</v>
      </c>
      <c r="O309" s="115">
        <v>0</v>
      </c>
      <c r="P309" s="115" t="s">
        <v>400</v>
      </c>
      <c r="Q309" s="115" t="s">
        <v>400</v>
      </c>
      <c r="R309" s="115">
        <v>0</v>
      </c>
      <c r="S309" s="115">
        <v>0</v>
      </c>
      <c r="T309" s="115">
        <v>0</v>
      </c>
      <c r="U309" s="119"/>
      <c r="V309" s="119"/>
      <c r="W309" s="119"/>
      <c r="X309" s="119"/>
      <c r="Y309" s="119"/>
      <c r="Z309" s="119"/>
      <c r="AA309" s="119"/>
      <c r="AB309" s="119"/>
      <c r="AC309" s="119"/>
      <c r="AD309" s="119"/>
      <c r="AE309" s="119"/>
      <c r="AF309" s="119"/>
      <c r="AG309" s="119"/>
      <c r="AH309" s="119"/>
      <c r="AI309" s="119"/>
      <c r="AJ309" s="119"/>
      <c r="AK309" s="119"/>
      <c r="AL309" s="119"/>
      <c r="AM309" s="119"/>
      <c r="AN309" s="119"/>
      <c r="AO309" s="119"/>
      <c r="AP309" s="119"/>
      <c r="AQ309" s="119"/>
      <c r="AR309" s="119"/>
      <c r="AS309" s="119"/>
      <c r="AT309" s="119"/>
      <c r="AU309" s="119"/>
      <c r="AV309" s="119"/>
      <c r="AW309" s="119"/>
      <c r="AX309" s="119"/>
      <c r="AY309" s="119"/>
      <c r="AZ309" s="119"/>
      <c r="BA309" s="119"/>
      <c r="BB309" s="107">
        <v>45884</v>
      </c>
    </row>
    <row r="310" spans="1:54" s="207" customFormat="1" ht="13.95" customHeight="1" x14ac:dyDescent="0.25">
      <c r="A310" s="208" t="s">
        <v>832</v>
      </c>
      <c r="B310" s="209" t="s">
        <v>20420</v>
      </c>
      <c r="C310" s="113" t="s">
        <v>833</v>
      </c>
      <c r="D310" s="113" t="s">
        <v>22541</v>
      </c>
      <c r="E310" s="210">
        <v>1994</v>
      </c>
      <c r="F310" s="210">
        <v>300</v>
      </c>
      <c r="G310" s="113" t="s">
        <v>1</v>
      </c>
      <c r="H310" s="113">
        <v>0</v>
      </c>
      <c r="I310" s="113">
        <v>0</v>
      </c>
      <c r="J310" s="115">
        <v>1</v>
      </c>
      <c r="K310" s="116" t="s">
        <v>174</v>
      </c>
      <c r="L310" s="115">
        <v>1</v>
      </c>
      <c r="M310" s="115">
        <v>0</v>
      </c>
      <c r="N310" s="115">
        <v>0</v>
      </c>
      <c r="O310" s="115">
        <v>0</v>
      </c>
      <c r="P310" s="115" t="s">
        <v>400</v>
      </c>
      <c r="Q310" s="115" t="s">
        <v>400</v>
      </c>
      <c r="R310" s="115">
        <v>0</v>
      </c>
      <c r="S310" s="115">
        <v>0</v>
      </c>
      <c r="T310" s="115">
        <v>0</v>
      </c>
      <c r="U310" s="119"/>
      <c r="V310" s="119"/>
      <c r="W310" s="119"/>
      <c r="X310" s="119"/>
      <c r="Y310" s="119"/>
      <c r="Z310" s="119"/>
      <c r="AA310" s="119"/>
      <c r="AB310" s="119"/>
      <c r="AC310" s="119"/>
      <c r="AD310" s="119"/>
      <c r="AE310" s="119"/>
      <c r="AF310" s="119"/>
      <c r="AG310" s="119"/>
      <c r="AH310" s="119"/>
      <c r="AI310" s="119"/>
      <c r="AJ310" s="119"/>
      <c r="AK310" s="119"/>
      <c r="AL310" s="119"/>
      <c r="AM310" s="119"/>
      <c r="AN310" s="119"/>
      <c r="AO310" s="119"/>
      <c r="AP310" s="119"/>
      <c r="AQ310" s="119"/>
      <c r="AR310" s="119"/>
      <c r="AS310" s="119"/>
      <c r="AT310" s="119"/>
      <c r="AU310" s="119"/>
      <c r="AV310" s="119"/>
      <c r="AW310" s="119"/>
      <c r="AX310" s="119"/>
      <c r="AY310" s="119"/>
      <c r="AZ310" s="119"/>
      <c r="BA310" s="119"/>
      <c r="BB310" s="107">
        <v>45884</v>
      </c>
    </row>
    <row r="311" spans="1:54" s="207" customFormat="1" ht="13.95" customHeight="1" x14ac:dyDescent="0.25">
      <c r="A311" s="208" t="s">
        <v>834</v>
      </c>
      <c r="B311" s="209" t="s">
        <v>20420</v>
      </c>
      <c r="C311" s="113" t="s">
        <v>835</v>
      </c>
      <c r="D311" s="113" t="s">
        <v>22542</v>
      </c>
      <c r="E311" s="210">
        <v>1988</v>
      </c>
      <c r="F311" s="210">
        <v>300</v>
      </c>
      <c r="G311" s="113" t="s">
        <v>1</v>
      </c>
      <c r="H311" s="113">
        <v>0</v>
      </c>
      <c r="I311" s="113">
        <v>0</v>
      </c>
      <c r="J311" s="115">
        <v>1</v>
      </c>
      <c r="K311" s="116" t="s">
        <v>174</v>
      </c>
      <c r="L311" s="115">
        <v>1</v>
      </c>
      <c r="M311" s="115">
        <v>0</v>
      </c>
      <c r="N311" s="115">
        <v>0</v>
      </c>
      <c r="O311" s="115">
        <v>1</v>
      </c>
      <c r="P311" s="115" t="s">
        <v>400</v>
      </c>
      <c r="Q311" s="115" t="s">
        <v>400</v>
      </c>
      <c r="R311" s="115">
        <v>1</v>
      </c>
      <c r="S311" s="115">
        <v>0</v>
      </c>
      <c r="T311" s="115">
        <v>0</v>
      </c>
      <c r="U311" s="119"/>
      <c r="V311" s="119"/>
      <c r="W311" s="119"/>
      <c r="X311" s="119"/>
      <c r="Y311" s="119"/>
      <c r="Z311" s="119"/>
      <c r="AA311" s="119"/>
      <c r="AB311" s="119"/>
      <c r="AC311" s="119"/>
      <c r="AD311" s="119"/>
      <c r="AE311" s="119"/>
      <c r="AF311" s="119"/>
      <c r="AG311" s="119"/>
      <c r="AH311" s="119"/>
      <c r="AI311" s="119"/>
      <c r="AJ311" s="119"/>
      <c r="AK311" s="119"/>
      <c r="AL311" s="119"/>
      <c r="AM311" s="119"/>
      <c r="AN311" s="119"/>
      <c r="AO311" s="119"/>
      <c r="AP311" s="119"/>
      <c r="AQ311" s="119"/>
      <c r="AR311" s="119"/>
      <c r="AS311" s="119"/>
      <c r="AT311" s="119"/>
      <c r="AU311" s="119"/>
      <c r="AV311" s="119"/>
      <c r="AW311" s="119"/>
      <c r="AX311" s="119"/>
      <c r="AY311" s="119"/>
      <c r="AZ311" s="119"/>
      <c r="BA311" s="119"/>
      <c r="BB311" s="107">
        <v>45884</v>
      </c>
    </row>
    <row r="312" spans="1:54" s="207" customFormat="1" ht="13.95" customHeight="1" x14ac:dyDescent="0.25">
      <c r="A312" s="208" t="s">
        <v>836</v>
      </c>
      <c r="B312" s="209" t="s">
        <v>20420</v>
      </c>
      <c r="C312" s="113" t="s">
        <v>837</v>
      </c>
      <c r="D312" s="113" t="s">
        <v>22543</v>
      </c>
      <c r="E312" s="210">
        <v>1993</v>
      </c>
      <c r="F312" s="210">
        <v>300</v>
      </c>
      <c r="G312" s="113" t="s">
        <v>1</v>
      </c>
      <c r="H312" s="113">
        <v>0</v>
      </c>
      <c r="I312" s="113">
        <v>0</v>
      </c>
      <c r="J312" s="115">
        <v>1</v>
      </c>
      <c r="K312" s="116" t="s">
        <v>174</v>
      </c>
      <c r="L312" s="115">
        <v>0</v>
      </c>
      <c r="M312" s="115">
        <v>0</v>
      </c>
      <c r="N312" s="115">
        <v>0</v>
      </c>
      <c r="O312" s="115">
        <v>0</v>
      </c>
      <c r="P312" s="115" t="s">
        <v>400</v>
      </c>
      <c r="Q312" s="115" t="s">
        <v>400</v>
      </c>
      <c r="R312" s="115">
        <v>0</v>
      </c>
      <c r="S312" s="115">
        <v>0</v>
      </c>
      <c r="T312" s="115">
        <v>0</v>
      </c>
      <c r="U312" s="119"/>
      <c r="V312" s="119"/>
      <c r="W312" s="119"/>
      <c r="X312" s="119"/>
      <c r="Y312" s="119"/>
      <c r="Z312" s="119"/>
      <c r="AA312" s="119"/>
      <c r="AB312" s="119"/>
      <c r="AC312" s="119"/>
      <c r="AD312" s="119"/>
      <c r="AE312" s="119"/>
      <c r="AF312" s="119"/>
      <c r="AG312" s="119"/>
      <c r="AH312" s="119"/>
      <c r="AI312" s="119"/>
      <c r="AJ312" s="119"/>
      <c r="AK312" s="119"/>
      <c r="AL312" s="119"/>
      <c r="AM312" s="119"/>
      <c r="AN312" s="119"/>
      <c r="AO312" s="119"/>
      <c r="AP312" s="119"/>
      <c r="AQ312" s="119"/>
      <c r="AR312" s="119"/>
      <c r="AS312" s="119"/>
      <c r="AT312" s="119"/>
      <c r="AU312" s="119"/>
      <c r="AV312" s="119"/>
      <c r="AW312" s="119"/>
      <c r="AX312" s="119"/>
      <c r="AY312" s="119"/>
      <c r="AZ312" s="119"/>
      <c r="BA312" s="119"/>
      <c r="BB312" s="107">
        <v>45884</v>
      </c>
    </row>
    <row r="313" spans="1:54" s="207" customFormat="1" ht="13.95" customHeight="1" x14ac:dyDescent="0.25">
      <c r="A313" s="208" t="s">
        <v>838</v>
      </c>
      <c r="B313" s="209" t="s">
        <v>20420</v>
      </c>
      <c r="C313" s="113" t="s">
        <v>839</v>
      </c>
      <c r="D313" s="113" t="s">
        <v>22544</v>
      </c>
      <c r="E313" s="210">
        <v>1983</v>
      </c>
      <c r="F313" s="210">
        <v>300</v>
      </c>
      <c r="G313" s="113" t="s">
        <v>1</v>
      </c>
      <c r="H313" s="113">
        <v>0</v>
      </c>
      <c r="I313" s="113">
        <v>0</v>
      </c>
      <c r="J313" s="115">
        <v>1</v>
      </c>
      <c r="K313" s="116" t="s">
        <v>174</v>
      </c>
      <c r="L313" s="115">
        <v>1</v>
      </c>
      <c r="M313" s="115">
        <v>0</v>
      </c>
      <c r="N313" s="115">
        <v>0</v>
      </c>
      <c r="O313" s="115">
        <v>0</v>
      </c>
      <c r="P313" s="115">
        <v>1</v>
      </c>
      <c r="Q313" s="115" t="s">
        <v>400</v>
      </c>
      <c r="R313" s="115">
        <v>1</v>
      </c>
      <c r="S313" s="115">
        <v>0</v>
      </c>
      <c r="T313" s="115">
        <v>0</v>
      </c>
      <c r="U313" s="119"/>
      <c r="V313" s="119"/>
      <c r="W313" s="119"/>
      <c r="X313" s="119"/>
      <c r="Y313" s="119"/>
      <c r="Z313" s="119"/>
      <c r="AA313" s="119"/>
      <c r="AB313" s="119"/>
      <c r="AC313" s="119"/>
      <c r="AD313" s="119"/>
      <c r="AE313" s="119"/>
      <c r="AF313" s="119"/>
      <c r="AG313" s="119"/>
      <c r="AH313" s="119"/>
      <c r="AI313" s="119"/>
      <c r="AJ313" s="119"/>
      <c r="AK313" s="119"/>
      <c r="AL313" s="119"/>
      <c r="AM313" s="119"/>
      <c r="AN313" s="119"/>
      <c r="AO313" s="119"/>
      <c r="AP313" s="119"/>
      <c r="AQ313" s="119"/>
      <c r="AR313" s="119"/>
      <c r="AS313" s="119"/>
      <c r="AT313" s="119"/>
      <c r="AU313" s="119"/>
      <c r="AV313" s="119"/>
      <c r="AW313" s="119"/>
      <c r="AX313" s="119"/>
      <c r="AY313" s="119"/>
      <c r="AZ313" s="119"/>
      <c r="BA313" s="119"/>
      <c r="BB313" s="107">
        <v>45884</v>
      </c>
    </row>
    <row r="314" spans="1:54" s="207" customFormat="1" ht="13.95" customHeight="1" x14ac:dyDescent="0.25">
      <c r="A314" s="208" t="s">
        <v>840</v>
      </c>
      <c r="B314" s="209" t="s">
        <v>20420</v>
      </c>
      <c r="C314" s="113" t="s">
        <v>841</v>
      </c>
      <c r="D314" s="113" t="s">
        <v>22545</v>
      </c>
      <c r="E314" s="210">
        <v>1991</v>
      </c>
      <c r="F314" s="210">
        <v>300</v>
      </c>
      <c r="G314" s="113" t="s">
        <v>1</v>
      </c>
      <c r="H314" s="113">
        <v>0</v>
      </c>
      <c r="I314" s="113">
        <v>0</v>
      </c>
      <c r="J314" s="115">
        <v>1</v>
      </c>
      <c r="K314" s="116" t="s">
        <v>174</v>
      </c>
      <c r="L314" s="115">
        <v>0</v>
      </c>
      <c r="M314" s="115">
        <v>1</v>
      </c>
      <c r="N314" s="115">
        <v>0</v>
      </c>
      <c r="O314" s="115">
        <v>0</v>
      </c>
      <c r="P314" s="115" t="s">
        <v>400</v>
      </c>
      <c r="Q314" s="115" t="s">
        <v>400</v>
      </c>
      <c r="R314" s="115">
        <v>0</v>
      </c>
      <c r="S314" s="115">
        <v>0</v>
      </c>
      <c r="T314" s="115">
        <v>0</v>
      </c>
      <c r="U314" s="119"/>
      <c r="V314" s="119"/>
      <c r="W314" s="119"/>
      <c r="X314" s="119"/>
      <c r="Y314" s="119"/>
      <c r="Z314" s="119"/>
      <c r="AA314" s="119"/>
      <c r="AB314" s="119"/>
      <c r="AC314" s="119"/>
      <c r="AD314" s="119"/>
      <c r="AE314" s="119"/>
      <c r="AF314" s="119"/>
      <c r="AG314" s="119"/>
      <c r="AH314" s="119"/>
      <c r="AI314" s="119"/>
      <c r="AJ314" s="119"/>
      <c r="AK314" s="119"/>
      <c r="AL314" s="119"/>
      <c r="AM314" s="119"/>
      <c r="AN314" s="119"/>
      <c r="AO314" s="119"/>
      <c r="AP314" s="119"/>
      <c r="AQ314" s="119"/>
      <c r="AR314" s="119"/>
      <c r="AS314" s="119"/>
      <c r="AT314" s="119"/>
      <c r="AU314" s="119"/>
      <c r="AV314" s="119"/>
      <c r="AW314" s="119"/>
      <c r="AX314" s="119"/>
      <c r="AY314" s="119"/>
      <c r="AZ314" s="119"/>
      <c r="BA314" s="119"/>
      <c r="BB314" s="107">
        <v>45884</v>
      </c>
    </row>
    <row r="315" spans="1:54" s="207" customFormat="1" ht="13.95" customHeight="1" x14ac:dyDescent="0.25">
      <c r="A315" s="208" t="s">
        <v>842</v>
      </c>
      <c r="B315" s="209" t="s">
        <v>20420</v>
      </c>
      <c r="C315" s="113" t="s">
        <v>843</v>
      </c>
      <c r="D315" s="113" t="s">
        <v>22546</v>
      </c>
      <c r="E315" s="210">
        <v>2006</v>
      </c>
      <c r="F315" s="210">
        <v>301</v>
      </c>
      <c r="G315" s="113" t="s">
        <v>1</v>
      </c>
      <c r="H315" s="113">
        <v>0</v>
      </c>
      <c r="I315" s="113">
        <v>0</v>
      </c>
      <c r="J315" s="115">
        <v>1</v>
      </c>
      <c r="K315" s="116" t="s">
        <v>174</v>
      </c>
      <c r="L315" s="115">
        <v>1</v>
      </c>
      <c r="M315" s="115">
        <v>0</v>
      </c>
      <c r="N315" s="115">
        <v>0</v>
      </c>
      <c r="O315" s="115">
        <v>0</v>
      </c>
      <c r="P315" s="115">
        <v>1</v>
      </c>
      <c r="Q315" s="115" t="s">
        <v>400</v>
      </c>
      <c r="R315" s="115">
        <v>0</v>
      </c>
      <c r="S315" s="115">
        <v>0</v>
      </c>
      <c r="T315" s="115">
        <v>0</v>
      </c>
      <c r="U315" s="119"/>
      <c r="V315" s="119"/>
      <c r="W315" s="119"/>
      <c r="X315" s="119"/>
      <c r="Y315" s="119"/>
      <c r="Z315" s="119"/>
      <c r="AA315" s="119"/>
      <c r="AB315" s="119"/>
      <c r="AC315" s="119"/>
      <c r="AD315" s="119"/>
      <c r="AE315" s="119"/>
      <c r="AF315" s="119"/>
      <c r="AG315" s="119"/>
      <c r="AH315" s="119"/>
      <c r="AI315" s="119"/>
      <c r="AJ315" s="119"/>
      <c r="AK315" s="119"/>
      <c r="AL315" s="119"/>
      <c r="AM315" s="119"/>
      <c r="AN315" s="119"/>
      <c r="AO315" s="119"/>
      <c r="AP315" s="119"/>
      <c r="AQ315" s="119"/>
      <c r="AR315" s="119"/>
      <c r="AS315" s="119"/>
      <c r="AT315" s="119"/>
      <c r="AU315" s="119"/>
      <c r="AV315" s="119"/>
      <c r="AW315" s="119"/>
      <c r="AX315" s="119"/>
      <c r="AY315" s="119"/>
      <c r="AZ315" s="119"/>
      <c r="BA315" s="119"/>
      <c r="BB315" s="107">
        <v>45884</v>
      </c>
    </row>
    <row r="316" spans="1:54" s="207" customFormat="1" ht="13.95" customHeight="1" x14ac:dyDescent="0.25">
      <c r="A316" s="208" t="s">
        <v>844</v>
      </c>
      <c r="B316" s="209" t="s">
        <v>20420</v>
      </c>
      <c r="C316" s="113" t="s">
        <v>845</v>
      </c>
      <c r="D316" s="113" t="s">
        <v>22547</v>
      </c>
      <c r="E316" s="210">
        <v>2000</v>
      </c>
      <c r="F316" s="210">
        <v>301</v>
      </c>
      <c r="G316" s="113" t="s">
        <v>1</v>
      </c>
      <c r="H316" s="113">
        <v>0</v>
      </c>
      <c r="I316" s="113">
        <v>0</v>
      </c>
      <c r="J316" s="115">
        <v>1</v>
      </c>
      <c r="K316" s="116" t="s">
        <v>174</v>
      </c>
      <c r="L316" s="115">
        <v>0</v>
      </c>
      <c r="M316" s="115">
        <v>0</v>
      </c>
      <c r="N316" s="115">
        <v>1</v>
      </c>
      <c r="O316" s="115">
        <v>0</v>
      </c>
      <c r="P316" s="115" t="s">
        <v>400</v>
      </c>
      <c r="Q316" s="115">
        <v>1</v>
      </c>
      <c r="R316" s="115">
        <v>0</v>
      </c>
      <c r="S316" s="115">
        <v>0</v>
      </c>
      <c r="T316" s="115">
        <v>0</v>
      </c>
      <c r="U316" s="119"/>
      <c r="V316" s="119"/>
      <c r="W316" s="119"/>
      <c r="X316" s="119"/>
      <c r="Y316" s="119"/>
      <c r="Z316" s="119"/>
      <c r="AA316" s="119"/>
      <c r="AB316" s="119"/>
      <c r="AC316" s="119"/>
      <c r="AD316" s="119"/>
      <c r="AE316" s="119"/>
      <c r="AF316" s="119"/>
      <c r="AG316" s="119"/>
      <c r="AH316" s="119"/>
      <c r="AI316" s="119"/>
      <c r="AJ316" s="119"/>
      <c r="AK316" s="119"/>
      <c r="AL316" s="119"/>
      <c r="AM316" s="119"/>
      <c r="AN316" s="119"/>
      <c r="AO316" s="119"/>
      <c r="AP316" s="119"/>
      <c r="AQ316" s="119"/>
      <c r="AR316" s="119"/>
      <c r="AS316" s="119"/>
      <c r="AT316" s="119"/>
      <c r="AU316" s="119"/>
      <c r="AV316" s="119"/>
      <c r="AW316" s="119"/>
      <c r="AX316" s="119"/>
      <c r="AY316" s="119"/>
      <c r="AZ316" s="119"/>
      <c r="BA316" s="119"/>
      <c r="BB316" s="107">
        <v>45884</v>
      </c>
    </row>
    <row r="317" spans="1:54" s="207" customFormat="1" ht="13.95" customHeight="1" x14ac:dyDescent="0.25">
      <c r="A317" s="208" t="s">
        <v>846</v>
      </c>
      <c r="B317" s="209" t="s">
        <v>20420</v>
      </c>
      <c r="C317" s="113" t="s">
        <v>847</v>
      </c>
      <c r="D317" s="113" t="s">
        <v>848</v>
      </c>
      <c r="E317" s="210">
        <v>1987</v>
      </c>
      <c r="F317" s="210">
        <v>301</v>
      </c>
      <c r="G317" s="113" t="s">
        <v>1</v>
      </c>
      <c r="H317" s="113">
        <v>0</v>
      </c>
      <c r="I317" s="113">
        <v>0</v>
      </c>
      <c r="J317" s="115">
        <v>1</v>
      </c>
      <c r="K317" s="116" t="s">
        <v>174</v>
      </c>
      <c r="L317" s="115">
        <v>1</v>
      </c>
      <c r="M317" s="115">
        <v>0</v>
      </c>
      <c r="N317" s="115">
        <v>0</v>
      </c>
      <c r="O317" s="115">
        <v>0</v>
      </c>
      <c r="P317" s="115">
        <v>1</v>
      </c>
      <c r="Q317" s="115" t="s">
        <v>400</v>
      </c>
      <c r="R317" s="115">
        <v>0</v>
      </c>
      <c r="S317" s="115">
        <v>0</v>
      </c>
      <c r="T317" s="115">
        <v>0</v>
      </c>
      <c r="U317" s="119"/>
      <c r="V317" s="119"/>
      <c r="W317" s="119"/>
      <c r="X317" s="119"/>
      <c r="Y317" s="119"/>
      <c r="Z317" s="119"/>
      <c r="AA317" s="119"/>
      <c r="AB317" s="119"/>
      <c r="AC317" s="119"/>
      <c r="AD317" s="119"/>
      <c r="AE317" s="119"/>
      <c r="AF317" s="119"/>
      <c r="AG317" s="119"/>
      <c r="AH317" s="119"/>
      <c r="AI317" s="119"/>
      <c r="AJ317" s="119"/>
      <c r="AK317" s="119"/>
      <c r="AL317" s="119"/>
      <c r="AM317" s="119"/>
      <c r="AN317" s="119"/>
      <c r="AO317" s="119"/>
      <c r="AP317" s="119"/>
      <c r="AQ317" s="119"/>
      <c r="AR317" s="119"/>
      <c r="AS317" s="119"/>
      <c r="AT317" s="119"/>
      <c r="AU317" s="119"/>
      <c r="AV317" s="119"/>
      <c r="AW317" s="119"/>
      <c r="AX317" s="119"/>
      <c r="AY317" s="119"/>
      <c r="AZ317" s="119"/>
      <c r="BA317" s="119"/>
      <c r="BB317" s="107">
        <v>45884</v>
      </c>
    </row>
    <row r="318" spans="1:54" s="207" customFormat="1" ht="13.95" customHeight="1" x14ac:dyDescent="0.25">
      <c r="A318" s="208" t="s">
        <v>849</v>
      </c>
      <c r="B318" s="209" t="s">
        <v>20420</v>
      </c>
      <c r="C318" s="113" t="s">
        <v>850</v>
      </c>
      <c r="D318" s="113" t="s">
        <v>851</v>
      </c>
      <c r="E318" s="210">
        <v>1987</v>
      </c>
      <c r="F318" s="210">
        <v>301</v>
      </c>
      <c r="G318" s="113" t="s">
        <v>1</v>
      </c>
      <c r="H318" s="113">
        <v>0</v>
      </c>
      <c r="I318" s="113">
        <v>0</v>
      </c>
      <c r="J318" s="115">
        <v>1</v>
      </c>
      <c r="K318" s="116" t="s">
        <v>174</v>
      </c>
      <c r="L318" s="115">
        <v>1</v>
      </c>
      <c r="M318" s="115">
        <v>1</v>
      </c>
      <c r="N318" s="115">
        <v>0</v>
      </c>
      <c r="O318" s="115">
        <v>0</v>
      </c>
      <c r="P318" s="115" t="s">
        <v>400</v>
      </c>
      <c r="Q318" s="115" t="s">
        <v>400</v>
      </c>
      <c r="R318" s="115">
        <v>1</v>
      </c>
      <c r="S318" s="115">
        <v>0</v>
      </c>
      <c r="T318" s="115">
        <v>0</v>
      </c>
      <c r="U318" s="119"/>
      <c r="V318" s="119"/>
      <c r="W318" s="119"/>
      <c r="X318" s="119"/>
      <c r="Y318" s="119"/>
      <c r="Z318" s="119"/>
      <c r="AA318" s="119"/>
      <c r="AB318" s="119"/>
      <c r="AC318" s="119"/>
      <c r="AD318" s="119"/>
      <c r="AE318" s="119"/>
      <c r="AF318" s="119"/>
      <c r="AG318" s="119"/>
      <c r="AH318" s="119"/>
      <c r="AI318" s="119"/>
      <c r="AJ318" s="119"/>
      <c r="AK318" s="119"/>
      <c r="AL318" s="119"/>
      <c r="AM318" s="119"/>
      <c r="AN318" s="119"/>
      <c r="AO318" s="119"/>
      <c r="AP318" s="119"/>
      <c r="AQ318" s="119"/>
      <c r="AR318" s="119"/>
      <c r="AS318" s="119"/>
      <c r="AT318" s="119"/>
      <c r="AU318" s="119"/>
      <c r="AV318" s="119"/>
      <c r="AW318" s="119"/>
      <c r="AX318" s="119"/>
      <c r="AY318" s="119"/>
      <c r="AZ318" s="119"/>
      <c r="BA318" s="119"/>
      <c r="BB318" s="107">
        <v>45884</v>
      </c>
    </row>
    <row r="319" spans="1:54" s="207" customFormat="1" ht="13.95" customHeight="1" x14ac:dyDescent="0.25">
      <c r="A319" s="208" t="s">
        <v>852</v>
      </c>
      <c r="B319" s="209" t="s">
        <v>20420</v>
      </c>
      <c r="C319" s="113" t="s">
        <v>853</v>
      </c>
      <c r="D319" s="113" t="s">
        <v>22548</v>
      </c>
      <c r="E319" s="210">
        <v>1965</v>
      </c>
      <c r="F319" s="210">
        <v>302</v>
      </c>
      <c r="G319" s="113" t="s">
        <v>1</v>
      </c>
      <c r="H319" s="113">
        <v>0</v>
      </c>
      <c r="I319" s="113">
        <v>0</v>
      </c>
      <c r="J319" s="115">
        <v>1</v>
      </c>
      <c r="K319" s="116" t="s">
        <v>174</v>
      </c>
      <c r="L319" s="115">
        <v>1</v>
      </c>
      <c r="M319" s="115">
        <v>0</v>
      </c>
      <c r="N319" s="115">
        <v>0</v>
      </c>
      <c r="O319" s="115">
        <v>1</v>
      </c>
      <c r="P319" s="115">
        <v>1</v>
      </c>
      <c r="Q319" s="115" t="s">
        <v>400</v>
      </c>
      <c r="R319" s="115">
        <v>0</v>
      </c>
      <c r="S319" s="115">
        <v>0</v>
      </c>
      <c r="T319" s="115">
        <v>0</v>
      </c>
      <c r="U319" s="119"/>
      <c r="V319" s="119"/>
      <c r="W319" s="119"/>
      <c r="X319" s="119"/>
      <c r="Y319" s="119"/>
      <c r="Z319" s="119"/>
      <c r="AA319" s="119"/>
      <c r="AB319" s="119"/>
      <c r="AC319" s="119"/>
      <c r="AD319" s="119"/>
      <c r="AE319" s="119"/>
      <c r="AF319" s="119"/>
      <c r="AG319" s="119"/>
      <c r="AH319" s="119"/>
      <c r="AI319" s="119"/>
      <c r="AJ319" s="119"/>
      <c r="AK319" s="119"/>
      <c r="AL319" s="119"/>
      <c r="AM319" s="119"/>
      <c r="AN319" s="119"/>
      <c r="AO319" s="119"/>
      <c r="AP319" s="119"/>
      <c r="AQ319" s="119"/>
      <c r="AR319" s="119"/>
      <c r="AS319" s="119"/>
      <c r="AT319" s="119"/>
      <c r="AU319" s="119"/>
      <c r="AV319" s="119"/>
      <c r="AW319" s="119"/>
      <c r="AX319" s="119"/>
      <c r="AY319" s="119"/>
      <c r="AZ319" s="119"/>
      <c r="BA319" s="119"/>
      <c r="BB319" s="107">
        <v>45884</v>
      </c>
    </row>
    <row r="320" spans="1:54" s="207" customFormat="1" ht="13.95" customHeight="1" x14ac:dyDescent="0.25">
      <c r="A320" s="208" t="s">
        <v>854</v>
      </c>
      <c r="B320" s="209" t="s">
        <v>20420</v>
      </c>
      <c r="C320" s="113" t="s">
        <v>855</v>
      </c>
      <c r="D320" s="113" t="s">
        <v>22549</v>
      </c>
      <c r="E320" s="210">
        <v>2000</v>
      </c>
      <c r="F320" s="210">
        <v>303</v>
      </c>
      <c r="G320" s="113" t="s">
        <v>1</v>
      </c>
      <c r="H320" s="113">
        <v>0</v>
      </c>
      <c r="I320" s="113">
        <v>0</v>
      </c>
      <c r="J320" s="115">
        <v>1</v>
      </c>
      <c r="K320" s="116" t="s">
        <v>174</v>
      </c>
      <c r="L320" s="115">
        <v>1</v>
      </c>
      <c r="M320" s="115">
        <v>0</v>
      </c>
      <c r="N320" s="115">
        <v>0</v>
      </c>
      <c r="O320" s="115">
        <v>1</v>
      </c>
      <c r="P320" s="115">
        <v>1</v>
      </c>
      <c r="Q320" s="115" t="s">
        <v>400</v>
      </c>
      <c r="R320" s="115">
        <v>0</v>
      </c>
      <c r="S320" s="115">
        <v>0</v>
      </c>
      <c r="T320" s="115">
        <v>0</v>
      </c>
      <c r="U320" s="119"/>
      <c r="V320" s="119"/>
      <c r="W320" s="119"/>
      <c r="X320" s="119"/>
      <c r="Y320" s="119"/>
      <c r="Z320" s="119"/>
      <c r="AA320" s="119"/>
      <c r="AB320" s="119"/>
      <c r="AC320" s="119"/>
      <c r="AD320" s="119"/>
      <c r="AE320" s="119"/>
      <c r="AF320" s="119"/>
      <c r="AG320" s="119"/>
      <c r="AH320" s="119"/>
      <c r="AI320" s="119"/>
      <c r="AJ320" s="119"/>
      <c r="AK320" s="119"/>
      <c r="AL320" s="119"/>
      <c r="AM320" s="119"/>
      <c r="AN320" s="119"/>
      <c r="AO320" s="119"/>
      <c r="AP320" s="119"/>
      <c r="AQ320" s="119"/>
      <c r="AR320" s="119"/>
      <c r="AS320" s="119"/>
      <c r="AT320" s="119"/>
      <c r="AU320" s="119"/>
      <c r="AV320" s="119"/>
      <c r="AW320" s="119"/>
      <c r="AX320" s="119"/>
      <c r="AY320" s="119"/>
      <c r="AZ320" s="119"/>
      <c r="BA320" s="119"/>
      <c r="BB320" s="107">
        <v>45884</v>
      </c>
    </row>
    <row r="321" spans="1:54" s="207" customFormat="1" ht="13.95" customHeight="1" x14ac:dyDescent="0.25">
      <c r="A321" s="208" t="s">
        <v>856</v>
      </c>
      <c r="B321" s="209" t="s">
        <v>20420</v>
      </c>
      <c r="C321" s="113" t="s">
        <v>857</v>
      </c>
      <c r="D321" s="113" t="s">
        <v>858</v>
      </c>
      <c r="E321" s="210">
        <v>1991</v>
      </c>
      <c r="F321" s="210">
        <v>303</v>
      </c>
      <c r="G321" s="113" t="s">
        <v>1</v>
      </c>
      <c r="H321" s="113">
        <v>0</v>
      </c>
      <c r="I321" s="113">
        <v>0</v>
      </c>
      <c r="J321" s="115">
        <v>1</v>
      </c>
      <c r="K321" s="116" t="s">
        <v>174</v>
      </c>
      <c r="L321" s="115">
        <v>0</v>
      </c>
      <c r="M321" s="115">
        <v>0</v>
      </c>
      <c r="N321" s="115">
        <v>0</v>
      </c>
      <c r="O321" s="115">
        <v>0</v>
      </c>
      <c r="P321" s="115" t="s">
        <v>400</v>
      </c>
      <c r="Q321" s="115" t="s">
        <v>400</v>
      </c>
      <c r="R321" s="115">
        <v>0</v>
      </c>
      <c r="S321" s="115">
        <v>0</v>
      </c>
      <c r="T321" s="115">
        <v>0</v>
      </c>
      <c r="U321" s="119"/>
      <c r="V321" s="119"/>
      <c r="W321" s="119"/>
      <c r="X321" s="119"/>
      <c r="Y321" s="119"/>
      <c r="Z321" s="119"/>
      <c r="AA321" s="119"/>
      <c r="AB321" s="119"/>
      <c r="AC321" s="119"/>
      <c r="AD321" s="119"/>
      <c r="AE321" s="119"/>
      <c r="AF321" s="119"/>
      <c r="AG321" s="119"/>
      <c r="AH321" s="119"/>
      <c r="AI321" s="119"/>
      <c r="AJ321" s="119"/>
      <c r="AK321" s="119"/>
      <c r="AL321" s="119"/>
      <c r="AM321" s="119"/>
      <c r="AN321" s="119"/>
      <c r="AO321" s="119"/>
      <c r="AP321" s="119"/>
      <c r="AQ321" s="119"/>
      <c r="AR321" s="119"/>
      <c r="AS321" s="119"/>
      <c r="AT321" s="119"/>
      <c r="AU321" s="119"/>
      <c r="AV321" s="119"/>
      <c r="AW321" s="119"/>
      <c r="AX321" s="119"/>
      <c r="AY321" s="119"/>
      <c r="AZ321" s="119"/>
      <c r="BA321" s="119"/>
      <c r="BB321" s="107">
        <v>45884</v>
      </c>
    </row>
    <row r="322" spans="1:54" s="207" customFormat="1" ht="13.95" customHeight="1" x14ac:dyDescent="0.25">
      <c r="A322" s="208" t="s">
        <v>859</v>
      </c>
      <c r="B322" s="209" t="s">
        <v>20420</v>
      </c>
      <c r="C322" s="113" t="s">
        <v>860</v>
      </c>
      <c r="D322" s="113" t="s">
        <v>22550</v>
      </c>
      <c r="E322" s="210">
        <v>1985</v>
      </c>
      <c r="F322" s="210">
        <v>303</v>
      </c>
      <c r="G322" s="113" t="s">
        <v>1</v>
      </c>
      <c r="H322" s="113">
        <v>0</v>
      </c>
      <c r="I322" s="113">
        <v>0</v>
      </c>
      <c r="J322" s="115">
        <v>1</v>
      </c>
      <c r="K322" s="211">
        <v>1</v>
      </c>
      <c r="L322" s="115">
        <v>1</v>
      </c>
      <c r="M322" s="115">
        <v>0</v>
      </c>
      <c r="N322" s="115">
        <v>0</v>
      </c>
      <c r="O322" s="115">
        <v>0</v>
      </c>
      <c r="P322" s="115" t="s">
        <v>400</v>
      </c>
      <c r="Q322" s="115" t="s">
        <v>400</v>
      </c>
      <c r="R322" s="115">
        <v>0</v>
      </c>
      <c r="S322" s="115">
        <v>0</v>
      </c>
      <c r="T322" s="115">
        <v>0</v>
      </c>
      <c r="U322" s="119"/>
      <c r="V322" s="119"/>
      <c r="W322" s="119"/>
      <c r="X322" s="119"/>
      <c r="Y322" s="119"/>
      <c r="Z322" s="119"/>
      <c r="AA322" s="119"/>
      <c r="AB322" s="119"/>
      <c r="AC322" s="119"/>
      <c r="AD322" s="119"/>
      <c r="AE322" s="119"/>
      <c r="AF322" s="119"/>
      <c r="AG322" s="119"/>
      <c r="AH322" s="119"/>
      <c r="AI322" s="119"/>
      <c r="AJ322" s="119"/>
      <c r="AK322" s="119"/>
      <c r="AL322" s="119"/>
      <c r="AM322" s="119"/>
      <c r="AN322" s="119"/>
      <c r="AO322" s="119"/>
      <c r="AP322" s="119"/>
      <c r="AQ322" s="119"/>
      <c r="AR322" s="119"/>
      <c r="AS322" s="119"/>
      <c r="AT322" s="119"/>
      <c r="AU322" s="119"/>
      <c r="AV322" s="119"/>
      <c r="AW322" s="119"/>
      <c r="AX322" s="119"/>
      <c r="AY322" s="119"/>
      <c r="AZ322" s="119"/>
      <c r="BA322" s="119"/>
      <c r="BB322" s="107">
        <v>45884</v>
      </c>
    </row>
    <row r="323" spans="1:54" s="207" customFormat="1" ht="13.95" customHeight="1" x14ac:dyDescent="0.25">
      <c r="A323" s="208" t="s">
        <v>861</v>
      </c>
      <c r="B323" s="209" t="s">
        <v>20420</v>
      </c>
      <c r="C323" s="113" t="s">
        <v>862</v>
      </c>
      <c r="D323" s="113" t="s">
        <v>22551</v>
      </c>
      <c r="E323" s="210">
        <v>1993</v>
      </c>
      <c r="F323" s="210">
        <v>304</v>
      </c>
      <c r="G323" s="113" t="s">
        <v>1</v>
      </c>
      <c r="H323" s="113">
        <v>0</v>
      </c>
      <c r="I323" s="113">
        <v>0</v>
      </c>
      <c r="J323" s="115">
        <v>0</v>
      </c>
      <c r="K323" s="116" t="s">
        <v>174</v>
      </c>
      <c r="L323" s="115">
        <v>0</v>
      </c>
      <c r="M323" s="115">
        <v>0</v>
      </c>
      <c r="N323" s="115">
        <v>0</v>
      </c>
      <c r="O323" s="115">
        <v>0</v>
      </c>
      <c r="P323" s="115" t="s">
        <v>400</v>
      </c>
      <c r="Q323" s="115" t="s">
        <v>400</v>
      </c>
      <c r="R323" s="115">
        <v>0</v>
      </c>
      <c r="S323" s="115">
        <v>0</v>
      </c>
      <c r="T323" s="115">
        <v>0</v>
      </c>
      <c r="U323" s="119"/>
      <c r="V323" s="119"/>
      <c r="W323" s="119"/>
      <c r="X323" s="119"/>
      <c r="Y323" s="119"/>
      <c r="Z323" s="119"/>
      <c r="AA323" s="119"/>
      <c r="AB323" s="119"/>
      <c r="AC323" s="119"/>
      <c r="AD323" s="119"/>
      <c r="AE323" s="119"/>
      <c r="AF323" s="119"/>
      <c r="AG323" s="119"/>
      <c r="AH323" s="119"/>
      <c r="AI323" s="119"/>
      <c r="AJ323" s="119"/>
      <c r="AK323" s="119"/>
      <c r="AL323" s="119"/>
      <c r="AM323" s="119"/>
      <c r="AN323" s="119"/>
      <c r="AO323" s="119"/>
      <c r="AP323" s="119"/>
      <c r="AQ323" s="119"/>
      <c r="AR323" s="119"/>
      <c r="AS323" s="119"/>
      <c r="AT323" s="119"/>
      <c r="AU323" s="119"/>
      <c r="AV323" s="119"/>
      <c r="AW323" s="119"/>
      <c r="AX323" s="119"/>
      <c r="AY323" s="119"/>
      <c r="AZ323" s="119"/>
      <c r="BA323" s="119"/>
      <c r="BB323" s="107">
        <v>45884</v>
      </c>
    </row>
    <row r="324" spans="1:54" s="207" customFormat="1" ht="13.95" customHeight="1" x14ac:dyDescent="0.25">
      <c r="A324" s="208" t="s">
        <v>863</v>
      </c>
      <c r="B324" s="209" t="s">
        <v>20420</v>
      </c>
      <c r="C324" s="113" t="s">
        <v>864</v>
      </c>
      <c r="D324" s="113" t="s">
        <v>22552</v>
      </c>
      <c r="E324" s="210">
        <v>1982</v>
      </c>
      <c r="F324" s="210">
        <v>304</v>
      </c>
      <c r="G324" s="113" t="s">
        <v>1</v>
      </c>
      <c r="H324" s="113">
        <v>0</v>
      </c>
      <c r="I324" s="113">
        <v>0</v>
      </c>
      <c r="J324" s="115">
        <v>1</v>
      </c>
      <c r="K324" s="116" t="s">
        <v>174</v>
      </c>
      <c r="L324" s="115">
        <v>0</v>
      </c>
      <c r="M324" s="115">
        <v>0</v>
      </c>
      <c r="N324" s="115">
        <v>1</v>
      </c>
      <c r="O324" s="115">
        <v>0</v>
      </c>
      <c r="P324" s="115" t="s">
        <v>400</v>
      </c>
      <c r="Q324" s="115" t="s">
        <v>400</v>
      </c>
      <c r="R324" s="115">
        <v>0</v>
      </c>
      <c r="S324" s="115">
        <v>0</v>
      </c>
      <c r="T324" s="115">
        <v>0</v>
      </c>
      <c r="U324" s="119"/>
      <c r="V324" s="119"/>
      <c r="W324" s="119"/>
      <c r="X324" s="119"/>
      <c r="Y324" s="119"/>
      <c r="Z324" s="119"/>
      <c r="AA324" s="119"/>
      <c r="AB324" s="119"/>
      <c r="AC324" s="119"/>
      <c r="AD324" s="119"/>
      <c r="AE324" s="119"/>
      <c r="AF324" s="119"/>
      <c r="AG324" s="119"/>
      <c r="AH324" s="119"/>
      <c r="AI324" s="119"/>
      <c r="AJ324" s="119"/>
      <c r="AK324" s="119"/>
      <c r="AL324" s="119"/>
      <c r="AM324" s="119"/>
      <c r="AN324" s="119"/>
      <c r="AO324" s="119"/>
      <c r="AP324" s="119"/>
      <c r="AQ324" s="119"/>
      <c r="AR324" s="119"/>
      <c r="AS324" s="119"/>
      <c r="AT324" s="119"/>
      <c r="AU324" s="119"/>
      <c r="AV324" s="119"/>
      <c r="AW324" s="119"/>
      <c r="AX324" s="119"/>
      <c r="AY324" s="119"/>
      <c r="AZ324" s="119"/>
      <c r="BA324" s="119"/>
      <c r="BB324" s="107">
        <v>45884</v>
      </c>
    </row>
    <row r="325" spans="1:54" s="207" customFormat="1" ht="13.95" customHeight="1" x14ac:dyDescent="0.25">
      <c r="A325" s="208" t="s">
        <v>865</v>
      </c>
      <c r="B325" s="209" t="s">
        <v>20420</v>
      </c>
      <c r="C325" s="113" t="s">
        <v>866</v>
      </c>
      <c r="D325" s="113" t="s">
        <v>867</v>
      </c>
      <c r="E325" s="210">
        <v>1997</v>
      </c>
      <c r="F325" s="210">
        <v>305</v>
      </c>
      <c r="G325" s="113" t="s">
        <v>1</v>
      </c>
      <c r="H325" s="113">
        <v>0</v>
      </c>
      <c r="I325" s="113">
        <v>0</v>
      </c>
      <c r="J325" s="115">
        <v>1</v>
      </c>
      <c r="K325" s="116" t="s">
        <v>174</v>
      </c>
      <c r="L325" s="115">
        <v>0</v>
      </c>
      <c r="M325" s="115">
        <v>0</v>
      </c>
      <c r="N325" s="115">
        <v>0</v>
      </c>
      <c r="O325" s="115">
        <v>0</v>
      </c>
      <c r="P325" s="115" t="s">
        <v>400</v>
      </c>
      <c r="Q325" s="115" t="s">
        <v>400</v>
      </c>
      <c r="R325" s="115">
        <v>0</v>
      </c>
      <c r="S325" s="115">
        <v>0</v>
      </c>
      <c r="T325" s="115">
        <v>0</v>
      </c>
      <c r="U325" s="119"/>
      <c r="V325" s="119"/>
      <c r="W325" s="119"/>
      <c r="X325" s="119"/>
      <c r="Y325" s="119"/>
      <c r="Z325" s="119"/>
      <c r="AA325" s="119"/>
      <c r="AB325" s="119"/>
      <c r="AC325" s="119"/>
      <c r="AD325" s="119"/>
      <c r="AE325" s="119"/>
      <c r="AF325" s="119"/>
      <c r="AG325" s="119"/>
      <c r="AH325" s="119"/>
      <c r="AI325" s="119"/>
      <c r="AJ325" s="119"/>
      <c r="AK325" s="119"/>
      <c r="AL325" s="119"/>
      <c r="AM325" s="119"/>
      <c r="AN325" s="119"/>
      <c r="AO325" s="119"/>
      <c r="AP325" s="119"/>
      <c r="AQ325" s="119"/>
      <c r="AR325" s="119"/>
      <c r="AS325" s="119"/>
      <c r="AT325" s="119"/>
      <c r="AU325" s="119"/>
      <c r="AV325" s="119"/>
      <c r="AW325" s="119"/>
      <c r="AX325" s="119"/>
      <c r="AY325" s="119"/>
      <c r="AZ325" s="119"/>
      <c r="BA325" s="119"/>
      <c r="BB325" s="107">
        <v>45884</v>
      </c>
    </row>
    <row r="326" spans="1:54" s="207" customFormat="1" ht="13.95" customHeight="1" x14ac:dyDescent="0.25">
      <c r="A326" s="208" t="s">
        <v>868</v>
      </c>
      <c r="B326" s="209" t="s">
        <v>20420</v>
      </c>
      <c r="C326" s="113" t="s">
        <v>869</v>
      </c>
      <c r="D326" s="113" t="s">
        <v>870</v>
      </c>
      <c r="E326" s="210">
        <v>2005</v>
      </c>
      <c r="F326" s="210">
        <v>305</v>
      </c>
      <c r="G326" s="113" t="s">
        <v>1</v>
      </c>
      <c r="H326" s="113">
        <v>0</v>
      </c>
      <c r="I326" s="113">
        <v>0</v>
      </c>
      <c r="J326" s="115">
        <v>1</v>
      </c>
      <c r="K326" s="116" t="s">
        <v>174</v>
      </c>
      <c r="L326" s="115">
        <v>1</v>
      </c>
      <c r="M326" s="115">
        <v>0</v>
      </c>
      <c r="N326" s="115">
        <v>0</v>
      </c>
      <c r="O326" s="115">
        <v>0</v>
      </c>
      <c r="P326" s="115">
        <v>1</v>
      </c>
      <c r="Q326" s="115" t="s">
        <v>400</v>
      </c>
      <c r="R326" s="115">
        <v>0</v>
      </c>
      <c r="S326" s="115">
        <v>0</v>
      </c>
      <c r="T326" s="115">
        <v>0</v>
      </c>
      <c r="U326" s="119"/>
      <c r="V326" s="119"/>
      <c r="W326" s="119"/>
      <c r="X326" s="119"/>
      <c r="Y326" s="119"/>
      <c r="Z326" s="119"/>
      <c r="AA326" s="119"/>
      <c r="AB326" s="119"/>
      <c r="AC326" s="119"/>
      <c r="AD326" s="119"/>
      <c r="AE326" s="119"/>
      <c r="AF326" s="119"/>
      <c r="AG326" s="119"/>
      <c r="AH326" s="119"/>
      <c r="AI326" s="119"/>
      <c r="AJ326" s="119"/>
      <c r="AK326" s="119"/>
      <c r="AL326" s="119"/>
      <c r="AM326" s="119"/>
      <c r="AN326" s="119"/>
      <c r="AO326" s="119"/>
      <c r="AP326" s="119"/>
      <c r="AQ326" s="119"/>
      <c r="AR326" s="119"/>
      <c r="AS326" s="119"/>
      <c r="AT326" s="119"/>
      <c r="AU326" s="119"/>
      <c r="AV326" s="119"/>
      <c r="AW326" s="119"/>
      <c r="AX326" s="119"/>
      <c r="AY326" s="119"/>
      <c r="AZ326" s="119"/>
      <c r="BA326" s="119"/>
      <c r="BB326" s="107">
        <v>45884</v>
      </c>
    </row>
    <row r="327" spans="1:54" s="207" customFormat="1" ht="13.95" customHeight="1" x14ac:dyDescent="0.25">
      <c r="A327" s="208" t="s">
        <v>871</v>
      </c>
      <c r="B327" s="209" t="s">
        <v>20420</v>
      </c>
      <c r="C327" s="113" t="s">
        <v>872</v>
      </c>
      <c r="D327" s="113" t="s">
        <v>873</v>
      </c>
      <c r="E327" s="210">
        <v>1976</v>
      </c>
      <c r="F327" s="210">
        <v>306</v>
      </c>
      <c r="G327" s="113" t="s">
        <v>1</v>
      </c>
      <c r="H327" s="113">
        <v>0</v>
      </c>
      <c r="I327" s="113">
        <v>0</v>
      </c>
      <c r="J327" s="115">
        <v>1</v>
      </c>
      <c r="K327" s="116" t="s">
        <v>174</v>
      </c>
      <c r="L327" s="115">
        <v>1</v>
      </c>
      <c r="M327" s="115">
        <v>1</v>
      </c>
      <c r="N327" s="115">
        <v>0</v>
      </c>
      <c r="O327" s="115">
        <v>0</v>
      </c>
      <c r="P327" s="115" t="s">
        <v>400</v>
      </c>
      <c r="Q327" s="115" t="s">
        <v>400</v>
      </c>
      <c r="R327" s="115">
        <v>0</v>
      </c>
      <c r="S327" s="115">
        <v>0</v>
      </c>
      <c r="T327" s="115">
        <v>0</v>
      </c>
      <c r="U327" s="119"/>
      <c r="V327" s="119"/>
      <c r="W327" s="119"/>
      <c r="X327" s="119"/>
      <c r="Y327" s="119"/>
      <c r="Z327" s="119"/>
      <c r="AA327" s="119"/>
      <c r="AB327" s="119"/>
      <c r="AC327" s="119"/>
      <c r="AD327" s="119"/>
      <c r="AE327" s="119"/>
      <c r="AF327" s="119"/>
      <c r="AG327" s="119"/>
      <c r="AH327" s="119"/>
      <c r="AI327" s="119"/>
      <c r="AJ327" s="119"/>
      <c r="AK327" s="119"/>
      <c r="AL327" s="119"/>
      <c r="AM327" s="119"/>
      <c r="AN327" s="119"/>
      <c r="AO327" s="119"/>
      <c r="AP327" s="119"/>
      <c r="AQ327" s="119"/>
      <c r="AR327" s="119"/>
      <c r="AS327" s="119"/>
      <c r="AT327" s="119"/>
      <c r="AU327" s="119"/>
      <c r="AV327" s="119"/>
      <c r="AW327" s="119"/>
      <c r="AX327" s="119"/>
      <c r="AY327" s="119"/>
      <c r="AZ327" s="119"/>
      <c r="BA327" s="119"/>
      <c r="BB327" s="107">
        <v>45884</v>
      </c>
    </row>
    <row r="328" spans="1:54" s="207" customFormat="1" ht="13.95" customHeight="1" x14ac:dyDescent="0.25">
      <c r="A328" s="208" t="s">
        <v>874</v>
      </c>
      <c r="B328" s="209" t="s">
        <v>20420</v>
      </c>
      <c r="C328" s="113" t="s">
        <v>875</v>
      </c>
      <c r="D328" s="113" t="s">
        <v>876</v>
      </c>
      <c r="E328" s="210">
        <v>1974</v>
      </c>
      <c r="F328" s="210">
        <v>307</v>
      </c>
      <c r="G328" s="113" t="s">
        <v>1</v>
      </c>
      <c r="H328" s="113">
        <v>0</v>
      </c>
      <c r="I328" s="113">
        <v>0</v>
      </c>
      <c r="J328" s="115">
        <v>1</v>
      </c>
      <c r="K328" s="116" t="s">
        <v>174</v>
      </c>
      <c r="L328" s="115">
        <v>0</v>
      </c>
      <c r="M328" s="115">
        <v>0</v>
      </c>
      <c r="N328" s="115">
        <v>1</v>
      </c>
      <c r="O328" s="115">
        <v>1</v>
      </c>
      <c r="P328" s="115" t="s">
        <v>400</v>
      </c>
      <c r="Q328" s="115" t="s">
        <v>400</v>
      </c>
      <c r="R328" s="115">
        <v>0</v>
      </c>
      <c r="S328" s="115">
        <v>0</v>
      </c>
      <c r="T328" s="115">
        <v>0</v>
      </c>
      <c r="U328" s="119"/>
      <c r="V328" s="119"/>
      <c r="W328" s="119"/>
      <c r="X328" s="119"/>
      <c r="Y328" s="119"/>
      <c r="Z328" s="119"/>
      <c r="AA328" s="119"/>
      <c r="AB328" s="119"/>
      <c r="AC328" s="119"/>
      <c r="AD328" s="119"/>
      <c r="AE328" s="119"/>
      <c r="AF328" s="119"/>
      <c r="AG328" s="119"/>
      <c r="AH328" s="119"/>
      <c r="AI328" s="119"/>
      <c r="AJ328" s="119"/>
      <c r="AK328" s="119"/>
      <c r="AL328" s="119"/>
      <c r="AM328" s="119"/>
      <c r="AN328" s="119"/>
      <c r="AO328" s="119"/>
      <c r="AP328" s="119"/>
      <c r="AQ328" s="119"/>
      <c r="AR328" s="119"/>
      <c r="AS328" s="119"/>
      <c r="AT328" s="119"/>
      <c r="AU328" s="119"/>
      <c r="AV328" s="119"/>
      <c r="AW328" s="119"/>
      <c r="AX328" s="119"/>
      <c r="AY328" s="119"/>
      <c r="AZ328" s="119"/>
      <c r="BA328" s="119"/>
      <c r="BB328" s="107">
        <v>45884</v>
      </c>
    </row>
    <row r="329" spans="1:54" s="207" customFormat="1" ht="13.95" customHeight="1" x14ac:dyDescent="0.25">
      <c r="A329" s="208" t="s">
        <v>877</v>
      </c>
      <c r="B329" s="209" t="s">
        <v>20420</v>
      </c>
      <c r="C329" s="113" t="s">
        <v>878</v>
      </c>
      <c r="D329" s="113" t="s">
        <v>879</v>
      </c>
      <c r="E329" s="210">
        <v>1984</v>
      </c>
      <c r="F329" s="210">
        <v>308</v>
      </c>
      <c r="G329" s="113" t="s">
        <v>1</v>
      </c>
      <c r="H329" s="113">
        <v>0</v>
      </c>
      <c r="I329" s="113">
        <v>0</v>
      </c>
      <c r="J329" s="115">
        <v>1</v>
      </c>
      <c r="K329" s="116" t="s">
        <v>174</v>
      </c>
      <c r="L329" s="115">
        <v>1</v>
      </c>
      <c r="M329" s="115">
        <v>0</v>
      </c>
      <c r="N329" s="115">
        <v>0</v>
      </c>
      <c r="O329" s="115">
        <v>0</v>
      </c>
      <c r="P329" s="115">
        <v>1</v>
      </c>
      <c r="Q329" s="115" t="s">
        <v>400</v>
      </c>
      <c r="R329" s="115">
        <v>0</v>
      </c>
      <c r="S329" s="115">
        <v>0</v>
      </c>
      <c r="T329" s="115">
        <v>0</v>
      </c>
      <c r="U329" s="119"/>
      <c r="V329" s="119"/>
      <c r="W329" s="119"/>
      <c r="X329" s="119"/>
      <c r="Y329" s="119"/>
      <c r="Z329" s="119"/>
      <c r="AA329" s="119"/>
      <c r="AB329" s="119"/>
      <c r="AC329" s="119"/>
      <c r="AD329" s="119"/>
      <c r="AE329" s="119"/>
      <c r="AF329" s="119"/>
      <c r="AG329" s="119"/>
      <c r="AH329" s="119"/>
      <c r="AI329" s="119"/>
      <c r="AJ329" s="119"/>
      <c r="AK329" s="119"/>
      <c r="AL329" s="119"/>
      <c r="AM329" s="119"/>
      <c r="AN329" s="119"/>
      <c r="AO329" s="119"/>
      <c r="AP329" s="119"/>
      <c r="AQ329" s="119"/>
      <c r="AR329" s="119"/>
      <c r="AS329" s="119"/>
      <c r="AT329" s="119"/>
      <c r="AU329" s="119"/>
      <c r="AV329" s="119"/>
      <c r="AW329" s="119"/>
      <c r="AX329" s="119"/>
      <c r="AY329" s="119"/>
      <c r="AZ329" s="119"/>
      <c r="BA329" s="119"/>
      <c r="BB329" s="107">
        <v>45884</v>
      </c>
    </row>
    <row r="330" spans="1:54" s="207" customFormat="1" ht="13.95" customHeight="1" x14ac:dyDescent="0.25">
      <c r="A330" s="208" t="s">
        <v>880</v>
      </c>
      <c r="B330" s="209" t="s">
        <v>20420</v>
      </c>
      <c r="C330" s="113" t="s">
        <v>881</v>
      </c>
      <c r="D330" s="113" t="s">
        <v>22553</v>
      </c>
      <c r="E330" s="210">
        <v>1978</v>
      </c>
      <c r="F330" s="210">
        <v>308</v>
      </c>
      <c r="G330" s="113" t="s">
        <v>1</v>
      </c>
      <c r="H330" s="113">
        <v>0</v>
      </c>
      <c r="I330" s="113">
        <v>0</v>
      </c>
      <c r="J330" s="115">
        <v>1</v>
      </c>
      <c r="K330" s="116" t="s">
        <v>174</v>
      </c>
      <c r="L330" s="115">
        <v>0</v>
      </c>
      <c r="M330" s="115">
        <v>1</v>
      </c>
      <c r="N330" s="115">
        <v>0</v>
      </c>
      <c r="O330" s="115">
        <v>0</v>
      </c>
      <c r="P330" s="115" t="s">
        <v>400</v>
      </c>
      <c r="Q330" s="115" t="s">
        <v>400</v>
      </c>
      <c r="R330" s="115">
        <v>1</v>
      </c>
      <c r="S330" s="115">
        <v>0</v>
      </c>
      <c r="T330" s="115">
        <v>0</v>
      </c>
      <c r="U330" s="119"/>
      <c r="V330" s="119"/>
      <c r="W330" s="119"/>
      <c r="X330" s="119"/>
      <c r="Y330" s="119"/>
      <c r="Z330" s="119"/>
      <c r="AA330" s="119"/>
      <c r="AB330" s="119"/>
      <c r="AC330" s="119"/>
      <c r="AD330" s="119"/>
      <c r="AE330" s="119"/>
      <c r="AF330" s="119"/>
      <c r="AG330" s="119"/>
      <c r="AH330" s="119"/>
      <c r="AI330" s="119"/>
      <c r="AJ330" s="119"/>
      <c r="AK330" s="119"/>
      <c r="AL330" s="119"/>
      <c r="AM330" s="119"/>
      <c r="AN330" s="119"/>
      <c r="AO330" s="119"/>
      <c r="AP330" s="119"/>
      <c r="AQ330" s="119"/>
      <c r="AR330" s="119"/>
      <c r="AS330" s="119"/>
      <c r="AT330" s="119"/>
      <c r="AU330" s="119"/>
      <c r="AV330" s="119"/>
      <c r="AW330" s="119"/>
      <c r="AX330" s="119"/>
      <c r="AY330" s="119"/>
      <c r="AZ330" s="119"/>
      <c r="BA330" s="119"/>
      <c r="BB330" s="107">
        <v>45884</v>
      </c>
    </row>
    <row r="331" spans="1:54" s="207" customFormat="1" ht="13.95" customHeight="1" x14ac:dyDescent="0.25">
      <c r="A331" s="208" t="s">
        <v>882</v>
      </c>
      <c r="B331" s="209" t="s">
        <v>20420</v>
      </c>
      <c r="C331" s="113" t="s">
        <v>883</v>
      </c>
      <c r="D331" s="113" t="s">
        <v>22554</v>
      </c>
      <c r="E331" s="210">
        <v>1984</v>
      </c>
      <c r="F331" s="210">
        <v>309</v>
      </c>
      <c r="G331" s="113" t="s">
        <v>1</v>
      </c>
      <c r="H331" s="113">
        <v>0</v>
      </c>
      <c r="I331" s="113">
        <v>0</v>
      </c>
      <c r="J331" s="115">
        <v>1</v>
      </c>
      <c r="K331" s="116" t="s">
        <v>174</v>
      </c>
      <c r="L331" s="115">
        <v>1</v>
      </c>
      <c r="M331" s="115">
        <v>0</v>
      </c>
      <c r="N331" s="115">
        <v>0</v>
      </c>
      <c r="O331" s="115">
        <v>1</v>
      </c>
      <c r="P331" s="115" t="s">
        <v>400</v>
      </c>
      <c r="Q331" s="115" t="s">
        <v>400</v>
      </c>
      <c r="R331" s="115">
        <v>0</v>
      </c>
      <c r="S331" s="115">
        <v>0</v>
      </c>
      <c r="T331" s="115">
        <v>0</v>
      </c>
      <c r="U331" s="119"/>
      <c r="V331" s="119"/>
      <c r="W331" s="119"/>
      <c r="X331" s="119"/>
      <c r="Y331" s="119"/>
      <c r="Z331" s="119"/>
      <c r="AA331" s="119"/>
      <c r="AB331" s="119"/>
      <c r="AC331" s="119"/>
      <c r="AD331" s="119"/>
      <c r="AE331" s="119"/>
      <c r="AF331" s="119"/>
      <c r="AG331" s="119"/>
      <c r="AH331" s="119"/>
      <c r="AI331" s="119"/>
      <c r="AJ331" s="119"/>
      <c r="AK331" s="119"/>
      <c r="AL331" s="119"/>
      <c r="AM331" s="119"/>
      <c r="AN331" s="119"/>
      <c r="AO331" s="119"/>
      <c r="AP331" s="119"/>
      <c r="AQ331" s="119"/>
      <c r="AR331" s="119"/>
      <c r="AS331" s="119"/>
      <c r="AT331" s="119"/>
      <c r="AU331" s="119"/>
      <c r="AV331" s="119"/>
      <c r="AW331" s="119"/>
      <c r="AX331" s="119"/>
      <c r="AY331" s="119"/>
      <c r="AZ331" s="119"/>
      <c r="BA331" s="119"/>
      <c r="BB331" s="107">
        <v>45884</v>
      </c>
    </row>
    <row r="332" spans="1:54" s="207" customFormat="1" ht="13.95" customHeight="1" x14ac:dyDescent="0.25">
      <c r="A332" s="208" t="s">
        <v>884</v>
      </c>
      <c r="B332" s="209" t="s">
        <v>20420</v>
      </c>
      <c r="C332" s="113" t="s">
        <v>885</v>
      </c>
      <c r="D332" s="113" t="s">
        <v>22555</v>
      </c>
      <c r="E332" s="210">
        <v>1984</v>
      </c>
      <c r="F332" s="210">
        <v>309</v>
      </c>
      <c r="G332" s="113" t="s">
        <v>1</v>
      </c>
      <c r="H332" s="113">
        <v>0</v>
      </c>
      <c r="I332" s="113">
        <v>0</v>
      </c>
      <c r="J332" s="115">
        <v>1</v>
      </c>
      <c r="K332" s="116" t="s">
        <v>174</v>
      </c>
      <c r="L332" s="115">
        <v>1</v>
      </c>
      <c r="M332" s="115">
        <v>0</v>
      </c>
      <c r="N332" s="115">
        <v>0</v>
      </c>
      <c r="O332" s="115">
        <v>1</v>
      </c>
      <c r="P332" s="115">
        <v>1</v>
      </c>
      <c r="Q332" s="115" t="s">
        <v>400</v>
      </c>
      <c r="R332" s="115">
        <v>0</v>
      </c>
      <c r="S332" s="115">
        <v>0</v>
      </c>
      <c r="T332" s="115">
        <v>0</v>
      </c>
      <c r="U332" s="119"/>
      <c r="V332" s="119"/>
      <c r="W332" s="119"/>
      <c r="X332" s="119"/>
      <c r="Y332" s="119"/>
      <c r="Z332" s="119"/>
      <c r="AA332" s="119"/>
      <c r="AB332" s="119"/>
      <c r="AC332" s="119"/>
      <c r="AD332" s="119"/>
      <c r="AE332" s="119"/>
      <c r="AF332" s="119"/>
      <c r="AG332" s="119"/>
      <c r="AH332" s="119"/>
      <c r="AI332" s="119"/>
      <c r="AJ332" s="119"/>
      <c r="AK332" s="119"/>
      <c r="AL332" s="119"/>
      <c r="AM332" s="119"/>
      <c r="AN332" s="119"/>
      <c r="AO332" s="119"/>
      <c r="AP332" s="119"/>
      <c r="AQ332" s="119"/>
      <c r="AR332" s="119"/>
      <c r="AS332" s="119"/>
      <c r="AT332" s="119"/>
      <c r="AU332" s="119"/>
      <c r="AV332" s="119"/>
      <c r="AW332" s="119"/>
      <c r="AX332" s="119"/>
      <c r="AY332" s="119"/>
      <c r="AZ332" s="119"/>
      <c r="BA332" s="119"/>
      <c r="BB332" s="107">
        <v>45884</v>
      </c>
    </row>
    <row r="333" spans="1:54" s="207" customFormat="1" ht="13.95" customHeight="1" x14ac:dyDescent="0.25">
      <c r="A333" s="208" t="s">
        <v>886</v>
      </c>
      <c r="B333" s="209" t="s">
        <v>20420</v>
      </c>
      <c r="C333" s="113" t="s">
        <v>887</v>
      </c>
      <c r="D333" s="113" t="s">
        <v>888</v>
      </c>
      <c r="E333" s="210">
        <v>1989</v>
      </c>
      <c r="F333" s="210">
        <v>309</v>
      </c>
      <c r="G333" s="113" t="s">
        <v>1</v>
      </c>
      <c r="H333" s="113">
        <v>0</v>
      </c>
      <c r="I333" s="113">
        <v>0</v>
      </c>
      <c r="J333" s="115">
        <v>1</v>
      </c>
      <c r="K333" s="116" t="s">
        <v>174</v>
      </c>
      <c r="L333" s="115">
        <v>0</v>
      </c>
      <c r="M333" s="115">
        <v>0</v>
      </c>
      <c r="N333" s="115">
        <v>0</v>
      </c>
      <c r="O333" s="115">
        <v>0</v>
      </c>
      <c r="P333" s="115" t="s">
        <v>400</v>
      </c>
      <c r="Q333" s="115" t="s">
        <v>400</v>
      </c>
      <c r="R333" s="115">
        <v>0</v>
      </c>
      <c r="S333" s="115">
        <v>0</v>
      </c>
      <c r="T333" s="115">
        <v>0</v>
      </c>
      <c r="U333" s="119"/>
      <c r="V333" s="119"/>
      <c r="W333" s="119"/>
      <c r="X333" s="119"/>
      <c r="Y333" s="119"/>
      <c r="Z333" s="119"/>
      <c r="AA333" s="119"/>
      <c r="AB333" s="119"/>
      <c r="AC333" s="119"/>
      <c r="AD333" s="119"/>
      <c r="AE333" s="119"/>
      <c r="AF333" s="119"/>
      <c r="AG333" s="119"/>
      <c r="AH333" s="119"/>
      <c r="AI333" s="119"/>
      <c r="AJ333" s="119"/>
      <c r="AK333" s="119"/>
      <c r="AL333" s="119"/>
      <c r="AM333" s="119"/>
      <c r="AN333" s="119"/>
      <c r="AO333" s="119"/>
      <c r="AP333" s="119"/>
      <c r="AQ333" s="119"/>
      <c r="AR333" s="119"/>
      <c r="AS333" s="119"/>
      <c r="AT333" s="119"/>
      <c r="AU333" s="119"/>
      <c r="AV333" s="119"/>
      <c r="AW333" s="119"/>
      <c r="AX333" s="119"/>
      <c r="AY333" s="119"/>
      <c r="AZ333" s="119"/>
      <c r="BA333" s="119"/>
      <c r="BB333" s="107">
        <v>45884</v>
      </c>
    </row>
    <row r="334" spans="1:54" s="207" customFormat="1" ht="13.95" customHeight="1" x14ac:dyDescent="0.25">
      <c r="A334" s="208" t="s">
        <v>889</v>
      </c>
      <c r="B334" s="209" t="s">
        <v>20420</v>
      </c>
      <c r="C334" s="113" t="s">
        <v>890</v>
      </c>
      <c r="D334" s="113" t="s">
        <v>891</v>
      </c>
      <c r="E334" s="210">
        <v>2008</v>
      </c>
      <c r="F334" s="210">
        <v>310</v>
      </c>
      <c r="G334" s="113" t="s">
        <v>1</v>
      </c>
      <c r="H334" s="113">
        <v>0</v>
      </c>
      <c r="I334" s="113">
        <v>0</v>
      </c>
      <c r="J334" s="115">
        <v>1</v>
      </c>
      <c r="K334" s="211">
        <v>1</v>
      </c>
      <c r="L334" s="115">
        <v>1</v>
      </c>
      <c r="M334" s="115">
        <v>0</v>
      </c>
      <c r="N334" s="115">
        <v>0</v>
      </c>
      <c r="O334" s="115">
        <v>0</v>
      </c>
      <c r="P334" s="115">
        <v>1</v>
      </c>
      <c r="Q334" s="115" t="s">
        <v>400</v>
      </c>
      <c r="R334" s="115">
        <v>0</v>
      </c>
      <c r="S334" s="115">
        <v>0</v>
      </c>
      <c r="T334" s="115">
        <v>0</v>
      </c>
      <c r="U334" s="119"/>
      <c r="V334" s="119"/>
      <c r="W334" s="119"/>
      <c r="X334" s="119"/>
      <c r="Y334" s="119"/>
      <c r="Z334" s="119"/>
      <c r="AA334" s="119"/>
      <c r="AB334" s="119"/>
      <c r="AC334" s="119"/>
      <c r="AD334" s="119"/>
      <c r="AE334" s="119"/>
      <c r="AF334" s="119"/>
      <c r="AG334" s="119"/>
      <c r="AH334" s="119"/>
      <c r="AI334" s="119"/>
      <c r="AJ334" s="119"/>
      <c r="AK334" s="119"/>
      <c r="AL334" s="119"/>
      <c r="AM334" s="119"/>
      <c r="AN334" s="119"/>
      <c r="AO334" s="119"/>
      <c r="AP334" s="119"/>
      <c r="AQ334" s="119"/>
      <c r="AR334" s="119"/>
      <c r="AS334" s="119"/>
      <c r="AT334" s="119"/>
      <c r="AU334" s="119"/>
      <c r="AV334" s="119"/>
      <c r="AW334" s="119"/>
      <c r="AX334" s="119"/>
      <c r="AY334" s="119"/>
      <c r="AZ334" s="119"/>
      <c r="BA334" s="119"/>
      <c r="BB334" s="107">
        <v>45884</v>
      </c>
    </row>
    <row r="335" spans="1:54" s="207" customFormat="1" ht="13.95" customHeight="1" x14ac:dyDescent="0.25">
      <c r="A335" s="208" t="s">
        <v>892</v>
      </c>
      <c r="B335" s="209" t="s">
        <v>20420</v>
      </c>
      <c r="C335" s="113" t="s">
        <v>893</v>
      </c>
      <c r="D335" s="113" t="s">
        <v>894</v>
      </c>
      <c r="E335" s="210">
        <v>1990</v>
      </c>
      <c r="F335" s="210">
        <v>310</v>
      </c>
      <c r="G335" s="113" t="s">
        <v>1</v>
      </c>
      <c r="H335" s="113">
        <v>0</v>
      </c>
      <c r="I335" s="113">
        <v>0</v>
      </c>
      <c r="J335" s="115">
        <v>1</v>
      </c>
      <c r="K335" s="116" t="s">
        <v>174</v>
      </c>
      <c r="L335" s="115">
        <v>0</v>
      </c>
      <c r="M335" s="115">
        <v>0</v>
      </c>
      <c r="N335" s="115">
        <v>0</v>
      </c>
      <c r="O335" s="115">
        <v>0</v>
      </c>
      <c r="P335" s="115">
        <v>1</v>
      </c>
      <c r="Q335" s="115" t="s">
        <v>400</v>
      </c>
      <c r="R335" s="115">
        <v>0</v>
      </c>
      <c r="S335" s="115">
        <v>0</v>
      </c>
      <c r="T335" s="115">
        <v>0</v>
      </c>
      <c r="U335" s="119"/>
      <c r="V335" s="119"/>
      <c r="W335" s="119"/>
      <c r="X335" s="119"/>
      <c r="Y335" s="119"/>
      <c r="Z335" s="119"/>
      <c r="AA335" s="119"/>
      <c r="AB335" s="119"/>
      <c r="AC335" s="119"/>
      <c r="AD335" s="119"/>
      <c r="AE335" s="119"/>
      <c r="AF335" s="119"/>
      <c r="AG335" s="119"/>
      <c r="AH335" s="119"/>
      <c r="AI335" s="119"/>
      <c r="AJ335" s="119"/>
      <c r="AK335" s="119"/>
      <c r="AL335" s="119"/>
      <c r="AM335" s="119"/>
      <c r="AN335" s="119"/>
      <c r="AO335" s="119"/>
      <c r="AP335" s="119"/>
      <c r="AQ335" s="119"/>
      <c r="AR335" s="119"/>
      <c r="AS335" s="119"/>
      <c r="AT335" s="119"/>
      <c r="AU335" s="119"/>
      <c r="AV335" s="119"/>
      <c r="AW335" s="119"/>
      <c r="AX335" s="119"/>
      <c r="AY335" s="119"/>
      <c r="AZ335" s="119"/>
      <c r="BA335" s="119"/>
      <c r="BB335" s="107">
        <v>45884</v>
      </c>
    </row>
    <row r="336" spans="1:54" s="207" customFormat="1" ht="13.95" customHeight="1" x14ac:dyDescent="0.25">
      <c r="A336" s="208" t="s">
        <v>895</v>
      </c>
      <c r="B336" s="209" t="s">
        <v>20420</v>
      </c>
      <c r="C336" s="113" t="s">
        <v>896</v>
      </c>
      <c r="D336" s="113" t="s">
        <v>897</v>
      </c>
      <c r="E336" s="210">
        <v>1980</v>
      </c>
      <c r="F336" s="210">
        <v>310</v>
      </c>
      <c r="G336" s="113" t="s">
        <v>1</v>
      </c>
      <c r="H336" s="113">
        <v>0</v>
      </c>
      <c r="I336" s="113">
        <v>0</v>
      </c>
      <c r="J336" s="115">
        <v>1</v>
      </c>
      <c r="K336" s="116" t="s">
        <v>174</v>
      </c>
      <c r="L336" s="115">
        <v>0</v>
      </c>
      <c r="M336" s="115">
        <v>0</v>
      </c>
      <c r="N336" s="115">
        <v>0</v>
      </c>
      <c r="O336" s="115">
        <v>0</v>
      </c>
      <c r="P336" s="115" t="s">
        <v>400</v>
      </c>
      <c r="Q336" s="115" t="s">
        <v>400</v>
      </c>
      <c r="R336" s="115">
        <v>0</v>
      </c>
      <c r="S336" s="115">
        <v>0</v>
      </c>
      <c r="T336" s="115">
        <v>0</v>
      </c>
      <c r="U336" s="119"/>
      <c r="V336" s="119"/>
      <c r="W336" s="119"/>
      <c r="X336" s="119"/>
      <c r="Y336" s="119"/>
      <c r="Z336" s="119"/>
      <c r="AA336" s="119"/>
      <c r="AB336" s="119"/>
      <c r="AC336" s="119"/>
      <c r="AD336" s="119"/>
      <c r="AE336" s="119"/>
      <c r="AF336" s="119"/>
      <c r="AG336" s="119"/>
      <c r="AH336" s="119"/>
      <c r="AI336" s="119"/>
      <c r="AJ336" s="119"/>
      <c r="AK336" s="119"/>
      <c r="AL336" s="119"/>
      <c r="AM336" s="119"/>
      <c r="AN336" s="119"/>
      <c r="AO336" s="119"/>
      <c r="AP336" s="119"/>
      <c r="AQ336" s="119"/>
      <c r="AR336" s="119"/>
      <c r="AS336" s="119"/>
      <c r="AT336" s="119"/>
      <c r="AU336" s="119"/>
      <c r="AV336" s="119"/>
      <c r="AW336" s="119"/>
      <c r="AX336" s="119"/>
      <c r="AY336" s="119"/>
      <c r="AZ336" s="119"/>
      <c r="BA336" s="119"/>
      <c r="BB336" s="107">
        <v>45884</v>
      </c>
    </row>
    <row r="337" spans="1:54" s="207" customFormat="1" ht="13.95" customHeight="1" x14ac:dyDescent="0.25">
      <c r="A337" s="208" t="s">
        <v>898</v>
      </c>
      <c r="B337" s="209" t="s">
        <v>20420</v>
      </c>
      <c r="C337" s="113" t="s">
        <v>899</v>
      </c>
      <c r="D337" s="113" t="s">
        <v>900</v>
      </c>
      <c r="E337" s="210">
        <v>1997</v>
      </c>
      <c r="F337" s="210">
        <v>310</v>
      </c>
      <c r="G337" s="113" t="s">
        <v>1</v>
      </c>
      <c r="H337" s="113">
        <v>0</v>
      </c>
      <c r="I337" s="113">
        <v>0</v>
      </c>
      <c r="J337" s="115">
        <v>1</v>
      </c>
      <c r="K337" s="116" t="s">
        <v>174</v>
      </c>
      <c r="L337" s="115">
        <v>0</v>
      </c>
      <c r="M337" s="115">
        <v>0</v>
      </c>
      <c r="N337" s="115">
        <v>1</v>
      </c>
      <c r="O337" s="115">
        <v>0</v>
      </c>
      <c r="P337" s="115" t="s">
        <v>400</v>
      </c>
      <c r="Q337" s="115" t="s">
        <v>400</v>
      </c>
      <c r="R337" s="115">
        <v>0</v>
      </c>
      <c r="S337" s="115">
        <v>0</v>
      </c>
      <c r="T337" s="115">
        <v>0</v>
      </c>
      <c r="U337" s="119"/>
      <c r="V337" s="119"/>
      <c r="W337" s="119"/>
      <c r="X337" s="119"/>
      <c r="Y337" s="119"/>
      <c r="Z337" s="119"/>
      <c r="AA337" s="119"/>
      <c r="AB337" s="119"/>
      <c r="AC337" s="119"/>
      <c r="AD337" s="119"/>
      <c r="AE337" s="119"/>
      <c r="AF337" s="119"/>
      <c r="AG337" s="119"/>
      <c r="AH337" s="119"/>
      <c r="AI337" s="119"/>
      <c r="AJ337" s="119"/>
      <c r="AK337" s="119"/>
      <c r="AL337" s="119"/>
      <c r="AM337" s="119"/>
      <c r="AN337" s="119"/>
      <c r="AO337" s="119"/>
      <c r="AP337" s="119"/>
      <c r="AQ337" s="119"/>
      <c r="AR337" s="119"/>
      <c r="AS337" s="119"/>
      <c r="AT337" s="119"/>
      <c r="AU337" s="119"/>
      <c r="AV337" s="119"/>
      <c r="AW337" s="119"/>
      <c r="AX337" s="119"/>
      <c r="AY337" s="119"/>
      <c r="AZ337" s="119"/>
      <c r="BA337" s="119"/>
      <c r="BB337" s="107">
        <v>45884</v>
      </c>
    </row>
    <row r="338" spans="1:54" s="207" customFormat="1" ht="13.95" customHeight="1" x14ac:dyDescent="0.25">
      <c r="A338" s="208" t="s">
        <v>901</v>
      </c>
      <c r="B338" s="209" t="s">
        <v>20420</v>
      </c>
      <c r="C338" s="113" t="s">
        <v>902</v>
      </c>
      <c r="D338" s="113" t="s">
        <v>903</v>
      </c>
      <c r="E338" s="210">
        <v>1992</v>
      </c>
      <c r="F338" s="210">
        <v>310</v>
      </c>
      <c r="G338" s="113" t="s">
        <v>1</v>
      </c>
      <c r="H338" s="113">
        <v>0</v>
      </c>
      <c r="I338" s="113">
        <v>0</v>
      </c>
      <c r="J338" s="115">
        <v>1</v>
      </c>
      <c r="K338" s="116" t="s">
        <v>174</v>
      </c>
      <c r="L338" s="115">
        <v>0</v>
      </c>
      <c r="M338" s="115">
        <v>0</v>
      </c>
      <c r="N338" s="115">
        <v>1</v>
      </c>
      <c r="O338" s="115">
        <v>0</v>
      </c>
      <c r="P338" s="115" t="s">
        <v>400</v>
      </c>
      <c r="Q338" s="115" t="s">
        <v>400</v>
      </c>
      <c r="R338" s="115">
        <v>0</v>
      </c>
      <c r="S338" s="115">
        <v>0</v>
      </c>
      <c r="T338" s="115">
        <v>0</v>
      </c>
      <c r="U338" s="119"/>
      <c r="V338" s="119"/>
      <c r="W338" s="119"/>
      <c r="X338" s="119"/>
      <c r="Y338" s="119"/>
      <c r="Z338" s="119"/>
      <c r="AA338" s="119"/>
      <c r="AB338" s="119"/>
      <c r="AC338" s="119"/>
      <c r="AD338" s="119"/>
      <c r="AE338" s="119"/>
      <c r="AF338" s="119"/>
      <c r="AG338" s="119"/>
      <c r="AH338" s="119"/>
      <c r="AI338" s="119"/>
      <c r="AJ338" s="119"/>
      <c r="AK338" s="119"/>
      <c r="AL338" s="119"/>
      <c r="AM338" s="119"/>
      <c r="AN338" s="119"/>
      <c r="AO338" s="119"/>
      <c r="AP338" s="119"/>
      <c r="AQ338" s="119"/>
      <c r="AR338" s="119"/>
      <c r="AS338" s="119"/>
      <c r="AT338" s="119"/>
      <c r="AU338" s="119"/>
      <c r="AV338" s="119"/>
      <c r="AW338" s="119"/>
      <c r="AX338" s="119"/>
      <c r="AY338" s="119"/>
      <c r="AZ338" s="119"/>
      <c r="BA338" s="119"/>
      <c r="BB338" s="107">
        <v>45884</v>
      </c>
    </row>
    <row r="339" spans="1:54" s="207" customFormat="1" ht="13.95" customHeight="1" x14ac:dyDescent="0.25">
      <c r="A339" s="208" t="s">
        <v>904</v>
      </c>
      <c r="B339" s="209" t="s">
        <v>20420</v>
      </c>
      <c r="C339" s="113" t="s">
        <v>905</v>
      </c>
      <c r="D339" s="113" t="s">
        <v>22556</v>
      </c>
      <c r="E339" s="210">
        <v>1995</v>
      </c>
      <c r="F339" s="210">
        <v>311</v>
      </c>
      <c r="G339" s="113" t="s">
        <v>1</v>
      </c>
      <c r="H339" s="113">
        <v>0</v>
      </c>
      <c r="I339" s="113">
        <v>0</v>
      </c>
      <c r="J339" s="115">
        <v>1</v>
      </c>
      <c r="K339" s="116" t="s">
        <v>174</v>
      </c>
      <c r="L339" s="115">
        <v>1</v>
      </c>
      <c r="M339" s="115">
        <v>0</v>
      </c>
      <c r="N339" s="115">
        <v>1</v>
      </c>
      <c r="O339" s="115">
        <v>0</v>
      </c>
      <c r="P339" s="115">
        <v>1</v>
      </c>
      <c r="Q339" s="115" t="s">
        <v>400</v>
      </c>
      <c r="R339" s="115">
        <v>0</v>
      </c>
      <c r="S339" s="115">
        <v>0</v>
      </c>
      <c r="T339" s="115">
        <v>0</v>
      </c>
      <c r="U339" s="119"/>
      <c r="V339" s="119"/>
      <c r="W339" s="119"/>
      <c r="X339" s="119"/>
      <c r="Y339" s="119"/>
      <c r="Z339" s="119"/>
      <c r="AA339" s="119"/>
      <c r="AB339" s="119"/>
      <c r="AC339" s="119"/>
      <c r="AD339" s="119"/>
      <c r="AE339" s="119"/>
      <c r="AF339" s="119"/>
      <c r="AG339" s="119"/>
      <c r="AH339" s="119"/>
      <c r="AI339" s="119"/>
      <c r="AJ339" s="119"/>
      <c r="AK339" s="119"/>
      <c r="AL339" s="119"/>
      <c r="AM339" s="119"/>
      <c r="AN339" s="119"/>
      <c r="AO339" s="119"/>
      <c r="AP339" s="119"/>
      <c r="AQ339" s="119"/>
      <c r="AR339" s="119"/>
      <c r="AS339" s="119"/>
      <c r="AT339" s="119"/>
      <c r="AU339" s="119"/>
      <c r="AV339" s="119"/>
      <c r="AW339" s="119"/>
      <c r="AX339" s="119"/>
      <c r="AY339" s="119"/>
      <c r="AZ339" s="119"/>
      <c r="BA339" s="119"/>
      <c r="BB339" s="107">
        <v>45884</v>
      </c>
    </row>
    <row r="340" spans="1:54" s="207" customFormat="1" ht="13.95" customHeight="1" x14ac:dyDescent="0.25">
      <c r="A340" s="208" t="s">
        <v>906</v>
      </c>
      <c r="B340" s="209" t="s">
        <v>20420</v>
      </c>
      <c r="C340" s="113" t="s">
        <v>907</v>
      </c>
      <c r="D340" s="113" t="s">
        <v>22557</v>
      </c>
      <c r="E340" s="210">
        <v>1998</v>
      </c>
      <c r="F340" s="210">
        <v>311</v>
      </c>
      <c r="G340" s="113" t="s">
        <v>1</v>
      </c>
      <c r="H340" s="113">
        <v>0</v>
      </c>
      <c r="I340" s="113">
        <v>0</v>
      </c>
      <c r="J340" s="115">
        <v>1</v>
      </c>
      <c r="K340" s="116" t="s">
        <v>174</v>
      </c>
      <c r="L340" s="115">
        <v>0</v>
      </c>
      <c r="M340" s="115">
        <v>0</v>
      </c>
      <c r="N340" s="115">
        <v>1</v>
      </c>
      <c r="O340" s="115">
        <v>0</v>
      </c>
      <c r="P340" s="115" t="s">
        <v>400</v>
      </c>
      <c r="Q340" s="115" t="s">
        <v>400</v>
      </c>
      <c r="R340" s="115">
        <v>0</v>
      </c>
      <c r="S340" s="115">
        <v>0</v>
      </c>
      <c r="T340" s="115">
        <v>0</v>
      </c>
      <c r="U340" s="119"/>
      <c r="V340" s="119"/>
      <c r="W340" s="119"/>
      <c r="X340" s="119"/>
      <c r="Y340" s="119"/>
      <c r="Z340" s="119"/>
      <c r="AA340" s="119"/>
      <c r="AB340" s="119"/>
      <c r="AC340" s="119"/>
      <c r="AD340" s="119"/>
      <c r="AE340" s="119"/>
      <c r="AF340" s="119"/>
      <c r="AG340" s="119"/>
      <c r="AH340" s="119"/>
      <c r="AI340" s="119"/>
      <c r="AJ340" s="119"/>
      <c r="AK340" s="119"/>
      <c r="AL340" s="119"/>
      <c r="AM340" s="119"/>
      <c r="AN340" s="119"/>
      <c r="AO340" s="119"/>
      <c r="AP340" s="119"/>
      <c r="AQ340" s="119"/>
      <c r="AR340" s="119"/>
      <c r="AS340" s="119"/>
      <c r="AT340" s="119"/>
      <c r="AU340" s="119"/>
      <c r="AV340" s="119"/>
      <c r="AW340" s="119"/>
      <c r="AX340" s="119"/>
      <c r="AY340" s="119"/>
      <c r="AZ340" s="119"/>
      <c r="BA340" s="119"/>
      <c r="BB340" s="107">
        <v>45884</v>
      </c>
    </row>
    <row r="341" spans="1:54" s="207" customFormat="1" ht="13.95" customHeight="1" x14ac:dyDescent="0.25">
      <c r="A341" s="208" t="s">
        <v>908</v>
      </c>
      <c r="B341" s="209" t="s">
        <v>20420</v>
      </c>
      <c r="C341" s="113" t="s">
        <v>909</v>
      </c>
      <c r="D341" s="113" t="s">
        <v>22558</v>
      </c>
      <c r="E341" s="210">
        <v>2002</v>
      </c>
      <c r="F341" s="210">
        <v>311</v>
      </c>
      <c r="G341" s="113" t="s">
        <v>1</v>
      </c>
      <c r="H341" s="113">
        <v>0</v>
      </c>
      <c r="I341" s="113">
        <v>0</v>
      </c>
      <c r="J341" s="115">
        <v>1</v>
      </c>
      <c r="K341" s="116" t="s">
        <v>174</v>
      </c>
      <c r="L341" s="115">
        <v>1</v>
      </c>
      <c r="M341" s="115">
        <v>1</v>
      </c>
      <c r="N341" s="115">
        <v>0</v>
      </c>
      <c r="O341" s="115">
        <v>0</v>
      </c>
      <c r="P341" s="115" t="s">
        <v>400</v>
      </c>
      <c r="Q341" s="115" t="s">
        <v>400</v>
      </c>
      <c r="R341" s="115">
        <v>0</v>
      </c>
      <c r="S341" s="115">
        <v>0</v>
      </c>
      <c r="T341" s="115">
        <v>0</v>
      </c>
      <c r="U341" s="119"/>
      <c r="V341" s="119"/>
      <c r="W341" s="119"/>
      <c r="X341" s="119"/>
      <c r="Y341" s="119"/>
      <c r="Z341" s="119"/>
      <c r="AA341" s="119"/>
      <c r="AB341" s="119"/>
      <c r="AC341" s="119"/>
      <c r="AD341" s="119"/>
      <c r="AE341" s="119"/>
      <c r="AF341" s="119"/>
      <c r="AG341" s="119"/>
      <c r="AH341" s="119"/>
      <c r="AI341" s="119"/>
      <c r="AJ341" s="119"/>
      <c r="AK341" s="119"/>
      <c r="AL341" s="119"/>
      <c r="AM341" s="119"/>
      <c r="AN341" s="119"/>
      <c r="AO341" s="119"/>
      <c r="AP341" s="119"/>
      <c r="AQ341" s="119"/>
      <c r="AR341" s="119"/>
      <c r="AS341" s="119"/>
      <c r="AT341" s="119"/>
      <c r="AU341" s="119"/>
      <c r="AV341" s="119"/>
      <c r="AW341" s="119"/>
      <c r="AX341" s="119"/>
      <c r="AY341" s="119"/>
      <c r="AZ341" s="119"/>
      <c r="BA341" s="119"/>
      <c r="BB341" s="107">
        <v>45884</v>
      </c>
    </row>
    <row r="342" spans="1:54" s="207" customFormat="1" ht="13.95" customHeight="1" x14ac:dyDescent="0.25">
      <c r="A342" s="208" t="s">
        <v>910</v>
      </c>
      <c r="B342" s="209" t="s">
        <v>20420</v>
      </c>
      <c r="C342" s="113" t="s">
        <v>911</v>
      </c>
      <c r="D342" s="113" t="s">
        <v>912</v>
      </c>
      <c r="E342" s="210">
        <v>1990</v>
      </c>
      <c r="F342" s="210">
        <v>311</v>
      </c>
      <c r="G342" s="113" t="s">
        <v>1</v>
      </c>
      <c r="H342" s="113">
        <v>0</v>
      </c>
      <c r="I342" s="113">
        <v>0</v>
      </c>
      <c r="J342" s="115">
        <v>1</v>
      </c>
      <c r="K342" s="116" t="s">
        <v>174</v>
      </c>
      <c r="L342" s="115">
        <v>0</v>
      </c>
      <c r="M342" s="115">
        <v>0</v>
      </c>
      <c r="N342" s="115">
        <v>1</v>
      </c>
      <c r="O342" s="115">
        <v>0</v>
      </c>
      <c r="P342" s="115" t="s">
        <v>400</v>
      </c>
      <c r="Q342" s="115" t="s">
        <v>400</v>
      </c>
      <c r="R342" s="115">
        <v>0</v>
      </c>
      <c r="S342" s="115">
        <v>0</v>
      </c>
      <c r="T342" s="115">
        <v>0</v>
      </c>
      <c r="U342" s="119"/>
      <c r="V342" s="119"/>
      <c r="W342" s="119"/>
      <c r="X342" s="119"/>
      <c r="Y342" s="119"/>
      <c r="Z342" s="119"/>
      <c r="AA342" s="119"/>
      <c r="AB342" s="119"/>
      <c r="AC342" s="119"/>
      <c r="AD342" s="119"/>
      <c r="AE342" s="119"/>
      <c r="AF342" s="119"/>
      <c r="AG342" s="119"/>
      <c r="AH342" s="119"/>
      <c r="AI342" s="119"/>
      <c r="AJ342" s="119"/>
      <c r="AK342" s="119"/>
      <c r="AL342" s="119"/>
      <c r="AM342" s="119"/>
      <c r="AN342" s="119"/>
      <c r="AO342" s="119"/>
      <c r="AP342" s="119"/>
      <c r="AQ342" s="119"/>
      <c r="AR342" s="119"/>
      <c r="AS342" s="119"/>
      <c r="AT342" s="119"/>
      <c r="AU342" s="119"/>
      <c r="AV342" s="119"/>
      <c r="AW342" s="119"/>
      <c r="AX342" s="119"/>
      <c r="AY342" s="119"/>
      <c r="AZ342" s="119"/>
      <c r="BA342" s="119"/>
      <c r="BB342" s="107">
        <v>45884</v>
      </c>
    </row>
    <row r="343" spans="1:54" s="207" customFormat="1" ht="13.95" customHeight="1" x14ac:dyDescent="0.25">
      <c r="A343" s="208" t="s">
        <v>913</v>
      </c>
      <c r="B343" s="209" t="s">
        <v>20420</v>
      </c>
      <c r="C343" s="113" t="s">
        <v>914</v>
      </c>
      <c r="D343" s="113" t="s">
        <v>22559</v>
      </c>
      <c r="E343" s="210">
        <v>2007</v>
      </c>
      <c r="F343" s="210">
        <v>312</v>
      </c>
      <c r="G343" s="113" t="s">
        <v>1</v>
      </c>
      <c r="H343" s="113">
        <v>0</v>
      </c>
      <c r="I343" s="113">
        <v>0</v>
      </c>
      <c r="J343" s="115">
        <v>1</v>
      </c>
      <c r="K343" s="116" t="s">
        <v>174</v>
      </c>
      <c r="L343" s="115">
        <v>1</v>
      </c>
      <c r="M343" s="115">
        <v>0</v>
      </c>
      <c r="N343" s="115">
        <v>0</v>
      </c>
      <c r="O343" s="115">
        <v>0</v>
      </c>
      <c r="P343" s="115">
        <v>1</v>
      </c>
      <c r="Q343" s="115" t="s">
        <v>400</v>
      </c>
      <c r="R343" s="115">
        <v>0</v>
      </c>
      <c r="S343" s="115">
        <v>0</v>
      </c>
      <c r="T343" s="115">
        <v>0</v>
      </c>
      <c r="U343" s="119"/>
      <c r="V343" s="119"/>
      <c r="W343" s="119"/>
      <c r="X343" s="119"/>
      <c r="Y343" s="119"/>
      <c r="Z343" s="119"/>
      <c r="AA343" s="119"/>
      <c r="AB343" s="119"/>
      <c r="AC343" s="119"/>
      <c r="AD343" s="119"/>
      <c r="AE343" s="119"/>
      <c r="AF343" s="119"/>
      <c r="AG343" s="119"/>
      <c r="AH343" s="119"/>
      <c r="AI343" s="119"/>
      <c r="AJ343" s="119"/>
      <c r="AK343" s="119"/>
      <c r="AL343" s="119"/>
      <c r="AM343" s="119"/>
      <c r="AN343" s="119"/>
      <c r="AO343" s="119"/>
      <c r="AP343" s="119"/>
      <c r="AQ343" s="119"/>
      <c r="AR343" s="119"/>
      <c r="AS343" s="119"/>
      <c r="AT343" s="119"/>
      <c r="AU343" s="119"/>
      <c r="AV343" s="119"/>
      <c r="AW343" s="119"/>
      <c r="AX343" s="119"/>
      <c r="AY343" s="119"/>
      <c r="AZ343" s="119"/>
      <c r="BA343" s="119"/>
      <c r="BB343" s="107">
        <v>45884</v>
      </c>
    </row>
    <row r="344" spans="1:54" s="207" customFormat="1" ht="13.95" customHeight="1" x14ac:dyDescent="0.25">
      <c r="A344" s="208" t="s">
        <v>915</v>
      </c>
      <c r="B344" s="209" t="s">
        <v>20420</v>
      </c>
      <c r="C344" s="113" t="s">
        <v>916</v>
      </c>
      <c r="D344" s="113" t="s">
        <v>917</v>
      </c>
      <c r="E344" s="210">
        <v>1988</v>
      </c>
      <c r="F344" s="210">
        <v>313</v>
      </c>
      <c r="G344" s="113" t="s">
        <v>1</v>
      </c>
      <c r="H344" s="113">
        <v>0</v>
      </c>
      <c r="I344" s="113">
        <v>0</v>
      </c>
      <c r="J344" s="115">
        <v>1</v>
      </c>
      <c r="K344" s="116" t="s">
        <v>174</v>
      </c>
      <c r="L344" s="115">
        <v>1</v>
      </c>
      <c r="M344" s="115">
        <v>1</v>
      </c>
      <c r="N344" s="115">
        <v>0</v>
      </c>
      <c r="O344" s="115">
        <v>0</v>
      </c>
      <c r="P344" s="115" t="s">
        <v>400</v>
      </c>
      <c r="Q344" s="115" t="s">
        <v>400</v>
      </c>
      <c r="R344" s="115">
        <v>0</v>
      </c>
      <c r="S344" s="115">
        <v>0</v>
      </c>
      <c r="T344" s="115">
        <v>0</v>
      </c>
      <c r="U344" s="119"/>
      <c r="V344" s="119"/>
      <c r="W344" s="119"/>
      <c r="X344" s="119"/>
      <c r="Y344" s="119"/>
      <c r="Z344" s="119"/>
      <c r="AA344" s="119"/>
      <c r="AB344" s="119"/>
      <c r="AC344" s="119"/>
      <c r="AD344" s="119"/>
      <c r="AE344" s="119"/>
      <c r="AF344" s="119"/>
      <c r="AG344" s="119"/>
      <c r="AH344" s="119"/>
      <c r="AI344" s="119"/>
      <c r="AJ344" s="119"/>
      <c r="AK344" s="119"/>
      <c r="AL344" s="119"/>
      <c r="AM344" s="119"/>
      <c r="AN344" s="119"/>
      <c r="AO344" s="119"/>
      <c r="AP344" s="119"/>
      <c r="AQ344" s="119"/>
      <c r="AR344" s="119"/>
      <c r="AS344" s="119"/>
      <c r="AT344" s="119"/>
      <c r="AU344" s="119"/>
      <c r="AV344" s="119"/>
      <c r="AW344" s="119"/>
      <c r="AX344" s="119"/>
      <c r="AY344" s="119"/>
      <c r="AZ344" s="119"/>
      <c r="BA344" s="119"/>
      <c r="BB344" s="107">
        <v>45884</v>
      </c>
    </row>
    <row r="345" spans="1:54" s="207" customFormat="1" ht="13.95" customHeight="1" x14ac:dyDescent="0.25">
      <c r="A345" s="208" t="s">
        <v>918</v>
      </c>
      <c r="B345" s="209" t="s">
        <v>20420</v>
      </c>
      <c r="C345" s="113" t="s">
        <v>919</v>
      </c>
      <c r="D345" s="113" t="s">
        <v>22560</v>
      </c>
      <c r="E345" s="210">
        <v>2001</v>
      </c>
      <c r="F345" s="210">
        <v>314</v>
      </c>
      <c r="G345" s="113" t="s">
        <v>1</v>
      </c>
      <c r="H345" s="113">
        <v>0</v>
      </c>
      <c r="I345" s="113">
        <v>0</v>
      </c>
      <c r="J345" s="115">
        <v>1</v>
      </c>
      <c r="K345" s="116" t="s">
        <v>174</v>
      </c>
      <c r="L345" s="115">
        <v>1</v>
      </c>
      <c r="M345" s="115">
        <v>0</v>
      </c>
      <c r="N345" s="115">
        <v>0</v>
      </c>
      <c r="O345" s="115">
        <v>1</v>
      </c>
      <c r="P345" s="115" t="s">
        <v>400</v>
      </c>
      <c r="Q345" s="115" t="s">
        <v>400</v>
      </c>
      <c r="R345" s="115">
        <v>1</v>
      </c>
      <c r="S345" s="115">
        <v>0</v>
      </c>
      <c r="T345" s="115">
        <v>0</v>
      </c>
      <c r="U345" s="119"/>
      <c r="V345" s="119"/>
      <c r="W345" s="119"/>
      <c r="X345" s="119"/>
      <c r="Y345" s="119"/>
      <c r="Z345" s="119"/>
      <c r="AA345" s="119"/>
      <c r="AB345" s="119"/>
      <c r="AC345" s="119"/>
      <c r="AD345" s="119"/>
      <c r="AE345" s="119"/>
      <c r="AF345" s="119"/>
      <c r="AG345" s="119"/>
      <c r="AH345" s="119"/>
      <c r="AI345" s="119"/>
      <c r="AJ345" s="119"/>
      <c r="AK345" s="119"/>
      <c r="AL345" s="119"/>
      <c r="AM345" s="119"/>
      <c r="AN345" s="119"/>
      <c r="AO345" s="119"/>
      <c r="AP345" s="119"/>
      <c r="AQ345" s="119"/>
      <c r="AR345" s="119"/>
      <c r="AS345" s="119"/>
      <c r="AT345" s="119"/>
      <c r="AU345" s="119"/>
      <c r="AV345" s="119"/>
      <c r="AW345" s="119"/>
      <c r="AX345" s="119"/>
      <c r="AY345" s="119"/>
      <c r="AZ345" s="119"/>
      <c r="BA345" s="119"/>
      <c r="BB345" s="107">
        <v>45884</v>
      </c>
    </row>
    <row r="346" spans="1:54" s="207" customFormat="1" ht="13.95" customHeight="1" x14ac:dyDescent="0.25">
      <c r="A346" s="208" t="s">
        <v>920</v>
      </c>
      <c r="B346" s="209" t="s">
        <v>20420</v>
      </c>
      <c r="C346" s="113" t="s">
        <v>921</v>
      </c>
      <c r="D346" s="113" t="s">
        <v>22561</v>
      </c>
      <c r="E346" s="210">
        <v>2004</v>
      </c>
      <c r="F346" s="210">
        <v>314</v>
      </c>
      <c r="G346" s="113" t="s">
        <v>1</v>
      </c>
      <c r="H346" s="113">
        <v>0</v>
      </c>
      <c r="I346" s="113">
        <v>0</v>
      </c>
      <c r="J346" s="115">
        <v>1</v>
      </c>
      <c r="K346" s="211">
        <v>1</v>
      </c>
      <c r="L346" s="115">
        <v>1</v>
      </c>
      <c r="M346" s="115">
        <v>0</v>
      </c>
      <c r="N346" s="115">
        <v>0</v>
      </c>
      <c r="O346" s="115">
        <v>0</v>
      </c>
      <c r="P346" s="115">
        <v>1</v>
      </c>
      <c r="Q346" s="115" t="s">
        <v>400</v>
      </c>
      <c r="R346" s="115">
        <v>0</v>
      </c>
      <c r="S346" s="115">
        <v>0</v>
      </c>
      <c r="T346" s="115">
        <v>0</v>
      </c>
      <c r="U346" s="119"/>
      <c r="V346" s="119"/>
      <c r="W346" s="119"/>
      <c r="X346" s="119"/>
      <c r="Y346" s="119"/>
      <c r="Z346" s="119"/>
      <c r="AA346" s="119"/>
      <c r="AB346" s="119"/>
      <c r="AC346" s="119"/>
      <c r="AD346" s="119"/>
      <c r="AE346" s="119"/>
      <c r="AF346" s="119"/>
      <c r="AG346" s="119"/>
      <c r="AH346" s="119"/>
      <c r="AI346" s="119"/>
      <c r="AJ346" s="119"/>
      <c r="AK346" s="119"/>
      <c r="AL346" s="119"/>
      <c r="AM346" s="119"/>
      <c r="AN346" s="119"/>
      <c r="AO346" s="119"/>
      <c r="AP346" s="119"/>
      <c r="AQ346" s="119"/>
      <c r="AR346" s="119"/>
      <c r="AS346" s="119"/>
      <c r="AT346" s="119"/>
      <c r="AU346" s="119"/>
      <c r="AV346" s="119"/>
      <c r="AW346" s="119"/>
      <c r="AX346" s="119"/>
      <c r="AY346" s="119"/>
      <c r="AZ346" s="119"/>
      <c r="BA346" s="119"/>
      <c r="BB346" s="107">
        <v>45884</v>
      </c>
    </row>
    <row r="347" spans="1:54" s="207" customFormat="1" ht="13.95" customHeight="1" x14ac:dyDescent="0.25">
      <c r="A347" s="208" t="s">
        <v>922</v>
      </c>
      <c r="B347" s="209" t="s">
        <v>20420</v>
      </c>
      <c r="C347" s="113" t="s">
        <v>923</v>
      </c>
      <c r="D347" s="113" t="s">
        <v>22562</v>
      </c>
      <c r="E347" s="210">
        <v>1982</v>
      </c>
      <c r="F347" s="210">
        <v>314</v>
      </c>
      <c r="G347" s="113" t="s">
        <v>1</v>
      </c>
      <c r="H347" s="113">
        <v>0</v>
      </c>
      <c r="I347" s="113">
        <v>0</v>
      </c>
      <c r="J347" s="115">
        <v>1</v>
      </c>
      <c r="K347" s="116" t="s">
        <v>174</v>
      </c>
      <c r="L347" s="115">
        <v>1</v>
      </c>
      <c r="M347" s="115">
        <v>0</v>
      </c>
      <c r="N347" s="115">
        <v>0</v>
      </c>
      <c r="O347" s="115">
        <v>1</v>
      </c>
      <c r="P347" s="115" t="s">
        <v>400</v>
      </c>
      <c r="Q347" s="115" t="s">
        <v>400</v>
      </c>
      <c r="R347" s="115">
        <v>0</v>
      </c>
      <c r="S347" s="115">
        <v>0</v>
      </c>
      <c r="T347" s="115">
        <v>0</v>
      </c>
      <c r="U347" s="119"/>
      <c r="V347" s="119"/>
      <c r="W347" s="119"/>
      <c r="X347" s="119"/>
      <c r="Y347" s="119"/>
      <c r="Z347" s="119"/>
      <c r="AA347" s="119"/>
      <c r="AB347" s="119"/>
      <c r="AC347" s="119"/>
      <c r="AD347" s="119"/>
      <c r="AE347" s="119"/>
      <c r="AF347" s="119"/>
      <c r="AG347" s="119"/>
      <c r="AH347" s="119"/>
      <c r="AI347" s="119"/>
      <c r="AJ347" s="119"/>
      <c r="AK347" s="119"/>
      <c r="AL347" s="119"/>
      <c r="AM347" s="119"/>
      <c r="AN347" s="119"/>
      <c r="AO347" s="119"/>
      <c r="AP347" s="119"/>
      <c r="AQ347" s="119"/>
      <c r="AR347" s="119"/>
      <c r="AS347" s="119"/>
      <c r="AT347" s="119"/>
      <c r="AU347" s="119"/>
      <c r="AV347" s="119"/>
      <c r="AW347" s="119"/>
      <c r="AX347" s="119"/>
      <c r="AY347" s="119"/>
      <c r="AZ347" s="119"/>
      <c r="BA347" s="119"/>
      <c r="BB347" s="107">
        <v>45884</v>
      </c>
    </row>
    <row r="348" spans="1:54" s="207" customFormat="1" ht="13.95" customHeight="1" x14ac:dyDescent="0.25">
      <c r="A348" s="208" t="s">
        <v>924</v>
      </c>
      <c r="B348" s="209" t="s">
        <v>20420</v>
      </c>
      <c r="C348" s="113" t="s">
        <v>925</v>
      </c>
      <c r="D348" s="113" t="s">
        <v>22563</v>
      </c>
      <c r="E348" s="210">
        <v>2008</v>
      </c>
      <c r="F348" s="210">
        <v>315</v>
      </c>
      <c r="G348" s="113" t="s">
        <v>1</v>
      </c>
      <c r="H348" s="113">
        <v>0</v>
      </c>
      <c r="I348" s="113">
        <v>0</v>
      </c>
      <c r="J348" s="115">
        <v>1</v>
      </c>
      <c r="K348" s="116" t="s">
        <v>174</v>
      </c>
      <c r="L348" s="115">
        <v>1</v>
      </c>
      <c r="M348" s="115">
        <v>0</v>
      </c>
      <c r="N348" s="115">
        <v>0</v>
      </c>
      <c r="O348" s="115">
        <v>0</v>
      </c>
      <c r="P348" s="115">
        <v>1</v>
      </c>
      <c r="Q348" s="115" t="s">
        <v>400</v>
      </c>
      <c r="R348" s="115">
        <v>0</v>
      </c>
      <c r="S348" s="115">
        <v>0</v>
      </c>
      <c r="T348" s="115">
        <v>0</v>
      </c>
      <c r="U348" s="119"/>
      <c r="V348" s="119"/>
      <c r="W348" s="119"/>
      <c r="X348" s="119"/>
      <c r="Y348" s="119"/>
      <c r="Z348" s="119"/>
      <c r="AA348" s="119"/>
      <c r="AB348" s="119"/>
      <c r="AC348" s="119"/>
      <c r="AD348" s="119"/>
      <c r="AE348" s="119"/>
      <c r="AF348" s="119"/>
      <c r="AG348" s="119"/>
      <c r="AH348" s="119"/>
      <c r="AI348" s="119"/>
      <c r="AJ348" s="119"/>
      <c r="AK348" s="119"/>
      <c r="AL348" s="119"/>
      <c r="AM348" s="119"/>
      <c r="AN348" s="119"/>
      <c r="AO348" s="119"/>
      <c r="AP348" s="119"/>
      <c r="AQ348" s="119"/>
      <c r="AR348" s="119"/>
      <c r="AS348" s="119"/>
      <c r="AT348" s="119"/>
      <c r="AU348" s="119"/>
      <c r="AV348" s="119"/>
      <c r="AW348" s="119"/>
      <c r="AX348" s="119"/>
      <c r="AY348" s="119"/>
      <c r="AZ348" s="119"/>
      <c r="BA348" s="119"/>
      <c r="BB348" s="107">
        <v>45884</v>
      </c>
    </row>
    <row r="349" spans="1:54" s="207" customFormat="1" ht="13.95" customHeight="1" x14ac:dyDescent="0.25">
      <c r="A349" s="208" t="s">
        <v>926</v>
      </c>
      <c r="B349" s="209" t="s">
        <v>20420</v>
      </c>
      <c r="C349" s="113" t="s">
        <v>927</v>
      </c>
      <c r="D349" s="113" t="s">
        <v>928</v>
      </c>
      <c r="E349" s="210">
        <v>1989</v>
      </c>
      <c r="F349" s="210">
        <v>316</v>
      </c>
      <c r="G349" s="113" t="s">
        <v>1</v>
      </c>
      <c r="H349" s="113">
        <v>0</v>
      </c>
      <c r="I349" s="113">
        <v>0</v>
      </c>
      <c r="J349" s="115">
        <v>1</v>
      </c>
      <c r="K349" s="116" t="s">
        <v>174</v>
      </c>
      <c r="L349" s="115">
        <v>1</v>
      </c>
      <c r="M349" s="115">
        <v>1</v>
      </c>
      <c r="N349" s="115">
        <v>0</v>
      </c>
      <c r="O349" s="115">
        <v>0</v>
      </c>
      <c r="P349" s="115" t="s">
        <v>400</v>
      </c>
      <c r="Q349" s="115" t="s">
        <v>400</v>
      </c>
      <c r="R349" s="115">
        <v>0</v>
      </c>
      <c r="S349" s="115">
        <v>0</v>
      </c>
      <c r="T349" s="115">
        <v>0</v>
      </c>
      <c r="U349" s="119"/>
      <c r="V349" s="119"/>
      <c r="W349" s="119"/>
      <c r="X349" s="119"/>
      <c r="Y349" s="119"/>
      <c r="Z349" s="119"/>
      <c r="AA349" s="119"/>
      <c r="AB349" s="119"/>
      <c r="AC349" s="119"/>
      <c r="AD349" s="119"/>
      <c r="AE349" s="119"/>
      <c r="AF349" s="119"/>
      <c r="AG349" s="119"/>
      <c r="AH349" s="119"/>
      <c r="AI349" s="119"/>
      <c r="AJ349" s="119"/>
      <c r="AK349" s="119"/>
      <c r="AL349" s="119"/>
      <c r="AM349" s="119"/>
      <c r="AN349" s="119"/>
      <c r="AO349" s="119"/>
      <c r="AP349" s="119"/>
      <c r="AQ349" s="119"/>
      <c r="AR349" s="119"/>
      <c r="AS349" s="119"/>
      <c r="AT349" s="119"/>
      <c r="AU349" s="119"/>
      <c r="AV349" s="119"/>
      <c r="AW349" s="119"/>
      <c r="AX349" s="119"/>
      <c r="AY349" s="119"/>
      <c r="AZ349" s="119"/>
      <c r="BA349" s="119"/>
      <c r="BB349" s="107">
        <v>45884</v>
      </c>
    </row>
    <row r="350" spans="1:54" s="207" customFormat="1" ht="13.95" customHeight="1" x14ac:dyDescent="0.25">
      <c r="A350" s="208" t="s">
        <v>929</v>
      </c>
      <c r="B350" s="209" t="s">
        <v>20420</v>
      </c>
      <c r="C350" s="113" t="s">
        <v>930</v>
      </c>
      <c r="D350" s="113" t="s">
        <v>931</v>
      </c>
      <c r="E350" s="210">
        <v>1984</v>
      </c>
      <c r="F350" s="210">
        <v>316</v>
      </c>
      <c r="G350" s="113" t="s">
        <v>1</v>
      </c>
      <c r="H350" s="113">
        <v>0</v>
      </c>
      <c r="I350" s="113">
        <v>0</v>
      </c>
      <c r="J350" s="115">
        <v>1</v>
      </c>
      <c r="K350" s="116" t="s">
        <v>174</v>
      </c>
      <c r="L350" s="115">
        <v>0</v>
      </c>
      <c r="M350" s="115">
        <v>0</v>
      </c>
      <c r="N350" s="115">
        <v>0</v>
      </c>
      <c r="O350" s="115">
        <v>0</v>
      </c>
      <c r="P350" s="115">
        <v>1</v>
      </c>
      <c r="Q350" s="115">
        <v>1</v>
      </c>
      <c r="R350" s="115">
        <v>0</v>
      </c>
      <c r="S350" s="115">
        <v>0</v>
      </c>
      <c r="T350" s="115">
        <v>0</v>
      </c>
      <c r="U350" s="119"/>
      <c r="V350" s="119"/>
      <c r="W350" s="119"/>
      <c r="X350" s="119"/>
      <c r="Y350" s="119"/>
      <c r="Z350" s="119"/>
      <c r="AA350" s="119"/>
      <c r="AB350" s="119"/>
      <c r="AC350" s="119"/>
      <c r="AD350" s="119"/>
      <c r="AE350" s="119"/>
      <c r="AF350" s="119"/>
      <c r="AG350" s="119"/>
      <c r="AH350" s="119"/>
      <c r="AI350" s="119"/>
      <c r="AJ350" s="119"/>
      <c r="AK350" s="119"/>
      <c r="AL350" s="119"/>
      <c r="AM350" s="119"/>
      <c r="AN350" s="119"/>
      <c r="AO350" s="119"/>
      <c r="AP350" s="119"/>
      <c r="AQ350" s="119"/>
      <c r="AR350" s="119"/>
      <c r="AS350" s="119"/>
      <c r="AT350" s="119"/>
      <c r="AU350" s="119"/>
      <c r="AV350" s="119"/>
      <c r="AW350" s="119"/>
      <c r="AX350" s="119"/>
      <c r="AY350" s="119"/>
      <c r="AZ350" s="119"/>
      <c r="BA350" s="119"/>
      <c r="BB350" s="107">
        <v>45884</v>
      </c>
    </row>
    <row r="351" spans="1:54" s="207" customFormat="1" ht="13.95" customHeight="1" x14ac:dyDescent="0.25">
      <c r="A351" s="208" t="s">
        <v>932</v>
      </c>
      <c r="B351" s="209" t="s">
        <v>20420</v>
      </c>
      <c r="C351" s="113" t="s">
        <v>933</v>
      </c>
      <c r="D351" s="113" t="s">
        <v>22564</v>
      </c>
      <c r="E351" s="210">
        <v>1986</v>
      </c>
      <c r="F351" s="210">
        <v>317</v>
      </c>
      <c r="G351" s="113" t="s">
        <v>1</v>
      </c>
      <c r="H351" s="113">
        <v>0</v>
      </c>
      <c r="I351" s="113">
        <v>0</v>
      </c>
      <c r="J351" s="115">
        <v>1</v>
      </c>
      <c r="K351" s="116" t="s">
        <v>174</v>
      </c>
      <c r="L351" s="115">
        <v>1</v>
      </c>
      <c r="M351" s="115">
        <v>1</v>
      </c>
      <c r="N351" s="115">
        <v>0</v>
      </c>
      <c r="O351" s="115">
        <v>0</v>
      </c>
      <c r="P351" s="115" t="s">
        <v>400</v>
      </c>
      <c r="Q351" s="115" t="s">
        <v>400</v>
      </c>
      <c r="R351" s="115">
        <v>0</v>
      </c>
      <c r="S351" s="115">
        <v>0</v>
      </c>
      <c r="T351" s="115">
        <v>0</v>
      </c>
      <c r="U351" s="119"/>
      <c r="V351" s="119"/>
      <c r="W351" s="119"/>
      <c r="X351" s="119"/>
      <c r="Y351" s="119"/>
      <c r="Z351" s="119"/>
      <c r="AA351" s="119"/>
      <c r="AB351" s="119"/>
      <c r="AC351" s="119"/>
      <c r="AD351" s="119"/>
      <c r="AE351" s="119"/>
      <c r="AF351" s="119"/>
      <c r="AG351" s="119"/>
      <c r="AH351" s="119"/>
      <c r="AI351" s="119"/>
      <c r="AJ351" s="119"/>
      <c r="AK351" s="119"/>
      <c r="AL351" s="119"/>
      <c r="AM351" s="119"/>
      <c r="AN351" s="119"/>
      <c r="AO351" s="119"/>
      <c r="AP351" s="119"/>
      <c r="AQ351" s="119"/>
      <c r="AR351" s="119"/>
      <c r="AS351" s="119"/>
      <c r="AT351" s="119"/>
      <c r="AU351" s="119"/>
      <c r="AV351" s="119"/>
      <c r="AW351" s="119"/>
      <c r="AX351" s="119"/>
      <c r="AY351" s="119"/>
      <c r="AZ351" s="119"/>
      <c r="BA351" s="119"/>
      <c r="BB351" s="107">
        <v>45884</v>
      </c>
    </row>
    <row r="352" spans="1:54" s="207" customFormat="1" ht="13.95" customHeight="1" x14ac:dyDescent="0.25">
      <c r="A352" s="208" t="s">
        <v>934</v>
      </c>
      <c r="B352" s="209" t="s">
        <v>20420</v>
      </c>
      <c r="C352" s="113" t="s">
        <v>935</v>
      </c>
      <c r="D352" s="113" t="s">
        <v>936</v>
      </c>
      <c r="E352" s="210">
        <v>2003</v>
      </c>
      <c r="F352" s="210">
        <v>317</v>
      </c>
      <c r="G352" s="113" t="s">
        <v>1</v>
      </c>
      <c r="H352" s="113">
        <v>0</v>
      </c>
      <c r="I352" s="113">
        <v>0</v>
      </c>
      <c r="J352" s="115">
        <v>1</v>
      </c>
      <c r="K352" s="211">
        <v>1</v>
      </c>
      <c r="L352" s="115">
        <v>1</v>
      </c>
      <c r="M352" s="115">
        <v>0</v>
      </c>
      <c r="N352" s="115">
        <v>0</v>
      </c>
      <c r="O352" s="115">
        <v>0</v>
      </c>
      <c r="P352" s="115" t="s">
        <v>400</v>
      </c>
      <c r="Q352" s="115" t="s">
        <v>400</v>
      </c>
      <c r="R352" s="115">
        <v>0</v>
      </c>
      <c r="S352" s="115">
        <v>0</v>
      </c>
      <c r="T352" s="115">
        <v>0</v>
      </c>
      <c r="U352" s="119"/>
      <c r="V352" s="119"/>
      <c r="W352" s="119"/>
      <c r="X352" s="119"/>
      <c r="Y352" s="119"/>
      <c r="Z352" s="119"/>
      <c r="AA352" s="119"/>
      <c r="AB352" s="119"/>
      <c r="AC352" s="119"/>
      <c r="AD352" s="119"/>
      <c r="AE352" s="119"/>
      <c r="AF352" s="119"/>
      <c r="AG352" s="119"/>
      <c r="AH352" s="119"/>
      <c r="AI352" s="119"/>
      <c r="AJ352" s="119"/>
      <c r="AK352" s="119"/>
      <c r="AL352" s="119"/>
      <c r="AM352" s="119"/>
      <c r="AN352" s="119"/>
      <c r="AO352" s="119"/>
      <c r="AP352" s="119"/>
      <c r="AQ352" s="119"/>
      <c r="AR352" s="119"/>
      <c r="AS352" s="119"/>
      <c r="AT352" s="119"/>
      <c r="AU352" s="119"/>
      <c r="AV352" s="119"/>
      <c r="AW352" s="119"/>
      <c r="AX352" s="119"/>
      <c r="AY352" s="119"/>
      <c r="AZ352" s="119"/>
      <c r="BA352" s="119"/>
      <c r="BB352" s="107">
        <v>45884</v>
      </c>
    </row>
    <row r="353" spans="1:54" s="207" customFormat="1" ht="13.95" customHeight="1" x14ac:dyDescent="0.25">
      <c r="A353" s="208" t="s">
        <v>937</v>
      </c>
      <c r="B353" s="209" t="s">
        <v>20420</v>
      </c>
      <c r="C353" s="113" t="s">
        <v>938</v>
      </c>
      <c r="D353" s="113" t="s">
        <v>939</v>
      </c>
      <c r="E353" s="210">
        <v>2003</v>
      </c>
      <c r="F353" s="210">
        <v>319</v>
      </c>
      <c r="G353" s="113" t="s">
        <v>1</v>
      </c>
      <c r="H353" s="113">
        <v>0</v>
      </c>
      <c r="I353" s="113">
        <v>0</v>
      </c>
      <c r="J353" s="115">
        <v>1</v>
      </c>
      <c r="K353" s="116" t="s">
        <v>174</v>
      </c>
      <c r="L353" s="115">
        <v>1</v>
      </c>
      <c r="M353" s="115">
        <v>0</v>
      </c>
      <c r="N353" s="115">
        <v>0</v>
      </c>
      <c r="O353" s="115">
        <v>1</v>
      </c>
      <c r="P353" s="115" t="s">
        <v>400</v>
      </c>
      <c r="Q353" s="115" t="s">
        <v>400</v>
      </c>
      <c r="R353" s="115">
        <v>0</v>
      </c>
      <c r="S353" s="115">
        <v>0</v>
      </c>
      <c r="T353" s="115">
        <v>0</v>
      </c>
      <c r="U353" s="119"/>
      <c r="V353" s="119"/>
      <c r="W353" s="119"/>
      <c r="X353" s="119"/>
      <c r="Y353" s="119"/>
      <c r="Z353" s="119"/>
      <c r="AA353" s="119"/>
      <c r="AB353" s="119"/>
      <c r="AC353" s="119"/>
      <c r="AD353" s="119"/>
      <c r="AE353" s="119"/>
      <c r="AF353" s="119"/>
      <c r="AG353" s="119"/>
      <c r="AH353" s="119"/>
      <c r="AI353" s="119"/>
      <c r="AJ353" s="119"/>
      <c r="AK353" s="119"/>
      <c r="AL353" s="119"/>
      <c r="AM353" s="119"/>
      <c r="AN353" s="119"/>
      <c r="AO353" s="119"/>
      <c r="AP353" s="119"/>
      <c r="AQ353" s="119"/>
      <c r="AR353" s="119"/>
      <c r="AS353" s="119"/>
      <c r="AT353" s="119"/>
      <c r="AU353" s="119"/>
      <c r="AV353" s="119"/>
      <c r="AW353" s="119"/>
      <c r="AX353" s="119"/>
      <c r="AY353" s="119"/>
      <c r="AZ353" s="119"/>
      <c r="BA353" s="119"/>
      <c r="BB353" s="107">
        <v>45884</v>
      </c>
    </row>
    <row r="354" spans="1:54" s="207" customFormat="1" ht="13.95" customHeight="1" x14ac:dyDescent="0.25">
      <c r="A354" s="208" t="s">
        <v>940</v>
      </c>
      <c r="B354" s="209" t="s">
        <v>20420</v>
      </c>
      <c r="C354" s="113" t="s">
        <v>941</v>
      </c>
      <c r="D354" s="113" t="s">
        <v>22565</v>
      </c>
      <c r="E354" s="210">
        <v>2001</v>
      </c>
      <c r="F354" s="210">
        <v>320</v>
      </c>
      <c r="G354" s="113" t="s">
        <v>1</v>
      </c>
      <c r="H354" s="113">
        <v>0</v>
      </c>
      <c r="I354" s="113">
        <v>0</v>
      </c>
      <c r="J354" s="115">
        <v>1</v>
      </c>
      <c r="K354" s="116" t="s">
        <v>174</v>
      </c>
      <c r="L354" s="115">
        <v>0</v>
      </c>
      <c r="M354" s="115">
        <v>0</v>
      </c>
      <c r="N354" s="115">
        <v>0</v>
      </c>
      <c r="O354" s="115">
        <v>0</v>
      </c>
      <c r="P354" s="115" t="s">
        <v>400</v>
      </c>
      <c r="Q354" s="115" t="s">
        <v>400</v>
      </c>
      <c r="R354" s="115">
        <v>0</v>
      </c>
      <c r="S354" s="115">
        <v>0</v>
      </c>
      <c r="T354" s="115">
        <v>0</v>
      </c>
      <c r="U354" s="119"/>
      <c r="V354" s="119"/>
      <c r="W354" s="119"/>
      <c r="X354" s="119"/>
      <c r="Y354" s="119"/>
      <c r="Z354" s="119"/>
      <c r="AA354" s="119"/>
      <c r="AB354" s="119"/>
      <c r="AC354" s="119"/>
      <c r="AD354" s="119"/>
      <c r="AE354" s="119"/>
      <c r="AF354" s="119"/>
      <c r="AG354" s="119"/>
      <c r="AH354" s="119"/>
      <c r="AI354" s="119"/>
      <c r="AJ354" s="119"/>
      <c r="AK354" s="119"/>
      <c r="AL354" s="119"/>
      <c r="AM354" s="119"/>
      <c r="AN354" s="119"/>
      <c r="AO354" s="119"/>
      <c r="AP354" s="119"/>
      <c r="AQ354" s="119"/>
      <c r="AR354" s="119"/>
      <c r="AS354" s="119"/>
      <c r="AT354" s="119"/>
      <c r="AU354" s="119"/>
      <c r="AV354" s="119"/>
      <c r="AW354" s="119"/>
      <c r="AX354" s="119"/>
      <c r="AY354" s="119"/>
      <c r="AZ354" s="119"/>
      <c r="BA354" s="119"/>
      <c r="BB354" s="107">
        <v>45884</v>
      </c>
    </row>
    <row r="355" spans="1:54" s="207" customFormat="1" ht="13.95" customHeight="1" x14ac:dyDescent="0.25">
      <c r="A355" s="208" t="s">
        <v>942</v>
      </c>
      <c r="B355" s="209" t="s">
        <v>20420</v>
      </c>
      <c r="C355" s="113" t="s">
        <v>943</v>
      </c>
      <c r="D355" s="113" t="s">
        <v>944</v>
      </c>
      <c r="E355" s="210">
        <v>1979</v>
      </c>
      <c r="F355" s="210">
        <v>320</v>
      </c>
      <c r="G355" s="113" t="s">
        <v>1</v>
      </c>
      <c r="H355" s="113">
        <v>0</v>
      </c>
      <c r="I355" s="113">
        <v>0</v>
      </c>
      <c r="J355" s="115">
        <v>1</v>
      </c>
      <c r="K355" s="116" t="s">
        <v>174</v>
      </c>
      <c r="L355" s="115">
        <v>0</v>
      </c>
      <c r="M355" s="115">
        <v>0</v>
      </c>
      <c r="N355" s="115">
        <v>0</v>
      </c>
      <c r="O355" s="115">
        <v>0</v>
      </c>
      <c r="P355" s="115">
        <v>1</v>
      </c>
      <c r="Q355" s="115" t="s">
        <v>400</v>
      </c>
      <c r="R355" s="115">
        <v>1</v>
      </c>
      <c r="S355" s="115">
        <v>0</v>
      </c>
      <c r="T355" s="115">
        <v>0</v>
      </c>
      <c r="U355" s="119"/>
      <c r="V355" s="119"/>
      <c r="W355" s="119"/>
      <c r="X355" s="119"/>
      <c r="Y355" s="119"/>
      <c r="Z355" s="119"/>
      <c r="AA355" s="119"/>
      <c r="AB355" s="119"/>
      <c r="AC355" s="119"/>
      <c r="AD355" s="119"/>
      <c r="AE355" s="119"/>
      <c r="AF355" s="119"/>
      <c r="AG355" s="119"/>
      <c r="AH355" s="119"/>
      <c r="AI355" s="119"/>
      <c r="AJ355" s="119"/>
      <c r="AK355" s="119"/>
      <c r="AL355" s="119"/>
      <c r="AM355" s="119"/>
      <c r="AN355" s="119"/>
      <c r="AO355" s="119"/>
      <c r="AP355" s="119"/>
      <c r="AQ355" s="119"/>
      <c r="AR355" s="119"/>
      <c r="AS355" s="119"/>
      <c r="AT355" s="119"/>
      <c r="AU355" s="119"/>
      <c r="AV355" s="119"/>
      <c r="AW355" s="119"/>
      <c r="AX355" s="119"/>
      <c r="AY355" s="119"/>
      <c r="AZ355" s="119"/>
      <c r="BA355" s="119"/>
      <c r="BB355" s="107">
        <v>45884</v>
      </c>
    </row>
    <row r="356" spans="1:54" s="207" customFormat="1" ht="13.95" customHeight="1" x14ac:dyDescent="0.25">
      <c r="A356" s="208" t="s">
        <v>945</v>
      </c>
      <c r="B356" s="209" t="s">
        <v>20420</v>
      </c>
      <c r="C356" s="113" t="s">
        <v>946</v>
      </c>
      <c r="D356" s="113" t="s">
        <v>947</v>
      </c>
      <c r="E356" s="210">
        <v>1975</v>
      </c>
      <c r="F356" s="210">
        <v>320</v>
      </c>
      <c r="G356" s="113" t="s">
        <v>1</v>
      </c>
      <c r="H356" s="113">
        <v>0</v>
      </c>
      <c r="I356" s="113">
        <v>0</v>
      </c>
      <c r="J356" s="115">
        <v>0</v>
      </c>
      <c r="K356" s="116" t="s">
        <v>174</v>
      </c>
      <c r="L356" s="115">
        <v>0</v>
      </c>
      <c r="M356" s="115">
        <v>0</v>
      </c>
      <c r="N356" s="115">
        <v>0</v>
      </c>
      <c r="O356" s="115">
        <v>1</v>
      </c>
      <c r="P356" s="115" t="s">
        <v>400</v>
      </c>
      <c r="Q356" s="115" t="s">
        <v>400</v>
      </c>
      <c r="R356" s="115">
        <v>0</v>
      </c>
      <c r="S356" s="115">
        <v>0</v>
      </c>
      <c r="T356" s="115">
        <v>0</v>
      </c>
      <c r="U356" s="119"/>
      <c r="V356" s="119"/>
      <c r="W356" s="119"/>
      <c r="X356" s="119"/>
      <c r="Y356" s="119"/>
      <c r="Z356" s="119"/>
      <c r="AA356" s="119"/>
      <c r="AB356" s="119"/>
      <c r="AC356" s="119"/>
      <c r="AD356" s="119"/>
      <c r="AE356" s="119"/>
      <c r="AF356" s="119"/>
      <c r="AG356" s="119"/>
      <c r="AH356" s="119"/>
      <c r="AI356" s="119"/>
      <c r="AJ356" s="119"/>
      <c r="AK356" s="119"/>
      <c r="AL356" s="119"/>
      <c r="AM356" s="119"/>
      <c r="AN356" s="119"/>
      <c r="AO356" s="119"/>
      <c r="AP356" s="119"/>
      <c r="AQ356" s="119"/>
      <c r="AR356" s="119"/>
      <c r="AS356" s="119"/>
      <c r="AT356" s="119"/>
      <c r="AU356" s="119"/>
      <c r="AV356" s="119"/>
      <c r="AW356" s="119"/>
      <c r="AX356" s="119"/>
      <c r="AY356" s="119"/>
      <c r="AZ356" s="119"/>
      <c r="BA356" s="119"/>
      <c r="BB356" s="107">
        <v>45884</v>
      </c>
    </row>
    <row r="357" spans="1:54" s="207" customFormat="1" ht="13.95" customHeight="1" x14ac:dyDescent="0.25">
      <c r="A357" s="208" t="s">
        <v>948</v>
      </c>
      <c r="B357" s="209" t="s">
        <v>20420</v>
      </c>
      <c r="C357" s="113" t="s">
        <v>949</v>
      </c>
      <c r="D357" s="113" t="s">
        <v>22566</v>
      </c>
      <c r="E357" s="210">
        <v>1976</v>
      </c>
      <c r="F357" s="210">
        <v>320</v>
      </c>
      <c r="G357" s="113" t="s">
        <v>1</v>
      </c>
      <c r="H357" s="113">
        <v>0</v>
      </c>
      <c r="I357" s="113">
        <v>0</v>
      </c>
      <c r="J357" s="115">
        <v>1</v>
      </c>
      <c r="K357" s="116" t="s">
        <v>174</v>
      </c>
      <c r="L357" s="115">
        <v>0</v>
      </c>
      <c r="M357" s="115">
        <v>0</v>
      </c>
      <c r="N357" s="115">
        <v>0</v>
      </c>
      <c r="O357" s="115">
        <v>0</v>
      </c>
      <c r="P357" s="115" t="s">
        <v>400</v>
      </c>
      <c r="Q357" s="115" t="s">
        <v>400</v>
      </c>
      <c r="R357" s="115">
        <v>0</v>
      </c>
      <c r="S357" s="115">
        <v>0</v>
      </c>
      <c r="T357" s="115">
        <v>0</v>
      </c>
      <c r="U357" s="119"/>
      <c r="V357" s="119"/>
      <c r="W357" s="119"/>
      <c r="X357" s="119"/>
      <c r="Y357" s="119"/>
      <c r="Z357" s="119"/>
      <c r="AA357" s="119"/>
      <c r="AB357" s="119"/>
      <c r="AC357" s="119"/>
      <c r="AD357" s="119"/>
      <c r="AE357" s="119"/>
      <c r="AF357" s="119"/>
      <c r="AG357" s="119"/>
      <c r="AH357" s="119"/>
      <c r="AI357" s="119"/>
      <c r="AJ357" s="119"/>
      <c r="AK357" s="119"/>
      <c r="AL357" s="119"/>
      <c r="AM357" s="119"/>
      <c r="AN357" s="119"/>
      <c r="AO357" s="119"/>
      <c r="AP357" s="119"/>
      <c r="AQ357" s="119"/>
      <c r="AR357" s="119"/>
      <c r="AS357" s="119"/>
      <c r="AT357" s="119"/>
      <c r="AU357" s="119"/>
      <c r="AV357" s="119"/>
      <c r="AW357" s="119"/>
      <c r="AX357" s="119"/>
      <c r="AY357" s="119"/>
      <c r="AZ357" s="119"/>
      <c r="BA357" s="119"/>
      <c r="BB357" s="107">
        <v>45884</v>
      </c>
    </row>
    <row r="358" spans="1:54" s="207" customFormat="1" ht="13.95" customHeight="1" x14ac:dyDescent="0.25">
      <c r="A358" s="208" t="s">
        <v>950</v>
      </c>
      <c r="B358" s="209" t="s">
        <v>20420</v>
      </c>
      <c r="C358" s="113" t="s">
        <v>951</v>
      </c>
      <c r="D358" s="113" t="s">
        <v>22567</v>
      </c>
      <c r="E358" s="210">
        <v>1967</v>
      </c>
      <c r="F358" s="210">
        <v>321</v>
      </c>
      <c r="G358" s="113" t="s">
        <v>1</v>
      </c>
      <c r="H358" s="113">
        <v>0</v>
      </c>
      <c r="I358" s="113">
        <v>0</v>
      </c>
      <c r="J358" s="115">
        <v>0</v>
      </c>
      <c r="K358" s="116" t="s">
        <v>174</v>
      </c>
      <c r="L358" s="115">
        <v>0</v>
      </c>
      <c r="M358" s="115">
        <v>0</v>
      </c>
      <c r="N358" s="115">
        <v>0</v>
      </c>
      <c r="O358" s="115">
        <v>0</v>
      </c>
      <c r="P358" s="115">
        <v>1</v>
      </c>
      <c r="Q358" s="115" t="s">
        <v>400</v>
      </c>
      <c r="R358" s="115">
        <v>0</v>
      </c>
      <c r="S358" s="115">
        <v>0</v>
      </c>
      <c r="T358" s="115">
        <v>0</v>
      </c>
      <c r="U358" s="119"/>
      <c r="V358" s="119"/>
      <c r="W358" s="119"/>
      <c r="X358" s="119"/>
      <c r="Y358" s="119"/>
      <c r="Z358" s="119"/>
      <c r="AA358" s="119"/>
      <c r="AB358" s="119"/>
      <c r="AC358" s="119"/>
      <c r="AD358" s="119"/>
      <c r="AE358" s="119"/>
      <c r="AF358" s="119"/>
      <c r="AG358" s="119"/>
      <c r="AH358" s="119"/>
      <c r="AI358" s="119"/>
      <c r="AJ358" s="119"/>
      <c r="AK358" s="119"/>
      <c r="AL358" s="119"/>
      <c r="AM358" s="119"/>
      <c r="AN358" s="119"/>
      <c r="AO358" s="119"/>
      <c r="AP358" s="119"/>
      <c r="AQ358" s="119"/>
      <c r="AR358" s="119"/>
      <c r="AS358" s="119"/>
      <c r="AT358" s="119"/>
      <c r="AU358" s="119"/>
      <c r="AV358" s="119"/>
      <c r="AW358" s="119"/>
      <c r="AX358" s="119"/>
      <c r="AY358" s="119"/>
      <c r="AZ358" s="119"/>
      <c r="BA358" s="119"/>
      <c r="BB358" s="107">
        <v>45884</v>
      </c>
    </row>
    <row r="359" spans="1:54" s="207" customFormat="1" ht="13.95" customHeight="1" x14ac:dyDescent="0.25">
      <c r="A359" s="208" t="s">
        <v>952</v>
      </c>
      <c r="B359" s="209" t="s">
        <v>20420</v>
      </c>
      <c r="C359" s="113" t="s">
        <v>953</v>
      </c>
      <c r="D359" s="113" t="s">
        <v>954</v>
      </c>
      <c r="E359" s="210">
        <v>2002</v>
      </c>
      <c r="F359" s="210">
        <v>321</v>
      </c>
      <c r="G359" s="113" t="s">
        <v>1</v>
      </c>
      <c r="H359" s="113">
        <v>0</v>
      </c>
      <c r="I359" s="113">
        <v>0</v>
      </c>
      <c r="J359" s="115">
        <v>1</v>
      </c>
      <c r="K359" s="116" t="s">
        <v>174</v>
      </c>
      <c r="L359" s="115">
        <v>0</v>
      </c>
      <c r="M359" s="115">
        <v>0</v>
      </c>
      <c r="N359" s="115">
        <v>0</v>
      </c>
      <c r="O359" s="115">
        <v>0</v>
      </c>
      <c r="P359" s="115" t="s">
        <v>400</v>
      </c>
      <c r="Q359" s="115" t="s">
        <v>400</v>
      </c>
      <c r="R359" s="115">
        <v>1</v>
      </c>
      <c r="S359" s="115">
        <v>0</v>
      </c>
      <c r="T359" s="115">
        <v>0</v>
      </c>
      <c r="U359" s="119"/>
      <c r="V359" s="119"/>
      <c r="W359" s="119"/>
      <c r="X359" s="119"/>
      <c r="Y359" s="119"/>
      <c r="Z359" s="119"/>
      <c r="AA359" s="119"/>
      <c r="AB359" s="119"/>
      <c r="AC359" s="119"/>
      <c r="AD359" s="119"/>
      <c r="AE359" s="119"/>
      <c r="AF359" s="119"/>
      <c r="AG359" s="119"/>
      <c r="AH359" s="119"/>
      <c r="AI359" s="119"/>
      <c r="AJ359" s="119"/>
      <c r="AK359" s="119"/>
      <c r="AL359" s="119"/>
      <c r="AM359" s="119"/>
      <c r="AN359" s="119"/>
      <c r="AO359" s="119"/>
      <c r="AP359" s="119"/>
      <c r="AQ359" s="119"/>
      <c r="AR359" s="119"/>
      <c r="AS359" s="119"/>
      <c r="AT359" s="119"/>
      <c r="AU359" s="119"/>
      <c r="AV359" s="119"/>
      <c r="AW359" s="119"/>
      <c r="AX359" s="119"/>
      <c r="AY359" s="119"/>
      <c r="AZ359" s="119"/>
      <c r="BA359" s="119"/>
      <c r="BB359" s="107">
        <v>45884</v>
      </c>
    </row>
    <row r="360" spans="1:54" s="207" customFormat="1" ht="13.95" customHeight="1" x14ac:dyDescent="0.25">
      <c r="A360" s="208" t="s">
        <v>955</v>
      </c>
      <c r="B360" s="209" t="s">
        <v>20420</v>
      </c>
      <c r="C360" s="113" t="s">
        <v>956</v>
      </c>
      <c r="D360" s="113" t="s">
        <v>22568</v>
      </c>
      <c r="E360" s="210">
        <v>2009</v>
      </c>
      <c r="F360" s="210">
        <v>322</v>
      </c>
      <c r="G360" s="113" t="s">
        <v>1</v>
      </c>
      <c r="H360" s="113">
        <v>0</v>
      </c>
      <c r="I360" s="113">
        <v>0</v>
      </c>
      <c r="J360" s="115">
        <v>1</v>
      </c>
      <c r="K360" s="116" t="s">
        <v>174</v>
      </c>
      <c r="L360" s="115">
        <v>1</v>
      </c>
      <c r="M360" s="115">
        <v>0</v>
      </c>
      <c r="N360" s="115">
        <v>0</v>
      </c>
      <c r="O360" s="115">
        <v>0</v>
      </c>
      <c r="P360" s="115" t="s">
        <v>400</v>
      </c>
      <c r="Q360" s="115" t="s">
        <v>400</v>
      </c>
      <c r="R360" s="115">
        <v>1</v>
      </c>
      <c r="S360" s="115">
        <v>0</v>
      </c>
      <c r="T360" s="115">
        <v>0</v>
      </c>
      <c r="U360" s="119"/>
      <c r="V360" s="119"/>
      <c r="W360" s="119"/>
      <c r="X360" s="119"/>
      <c r="Y360" s="119"/>
      <c r="Z360" s="119"/>
      <c r="AA360" s="119"/>
      <c r="AB360" s="119"/>
      <c r="AC360" s="119"/>
      <c r="AD360" s="119"/>
      <c r="AE360" s="119"/>
      <c r="AF360" s="119"/>
      <c r="AG360" s="119"/>
      <c r="AH360" s="119"/>
      <c r="AI360" s="119"/>
      <c r="AJ360" s="119"/>
      <c r="AK360" s="119"/>
      <c r="AL360" s="119"/>
      <c r="AM360" s="119"/>
      <c r="AN360" s="119"/>
      <c r="AO360" s="119"/>
      <c r="AP360" s="119"/>
      <c r="AQ360" s="119"/>
      <c r="AR360" s="119"/>
      <c r="AS360" s="119"/>
      <c r="AT360" s="119"/>
      <c r="AU360" s="119"/>
      <c r="AV360" s="119"/>
      <c r="AW360" s="119"/>
      <c r="AX360" s="119"/>
      <c r="AY360" s="119"/>
      <c r="AZ360" s="119"/>
      <c r="BA360" s="119"/>
      <c r="BB360" s="107">
        <v>45884</v>
      </c>
    </row>
    <row r="361" spans="1:54" s="207" customFormat="1" ht="13.95" customHeight="1" x14ac:dyDescent="0.25">
      <c r="A361" s="208" t="s">
        <v>957</v>
      </c>
      <c r="B361" s="209" t="s">
        <v>20420</v>
      </c>
      <c r="C361" s="113" t="s">
        <v>958</v>
      </c>
      <c r="D361" s="113" t="s">
        <v>22569</v>
      </c>
      <c r="E361" s="210">
        <v>1976</v>
      </c>
      <c r="F361" s="210">
        <v>323</v>
      </c>
      <c r="G361" s="113" t="s">
        <v>1</v>
      </c>
      <c r="H361" s="113">
        <v>0</v>
      </c>
      <c r="I361" s="113">
        <v>0</v>
      </c>
      <c r="J361" s="115">
        <v>1</v>
      </c>
      <c r="K361" s="116" t="s">
        <v>174</v>
      </c>
      <c r="L361" s="115">
        <v>1</v>
      </c>
      <c r="M361" s="115">
        <v>0</v>
      </c>
      <c r="N361" s="115">
        <v>1</v>
      </c>
      <c r="O361" s="115">
        <v>1</v>
      </c>
      <c r="P361" s="115" t="s">
        <v>400</v>
      </c>
      <c r="Q361" s="115" t="s">
        <v>400</v>
      </c>
      <c r="R361" s="115">
        <v>1</v>
      </c>
      <c r="S361" s="115">
        <v>0</v>
      </c>
      <c r="T361" s="115">
        <v>0</v>
      </c>
      <c r="U361" s="119"/>
      <c r="V361" s="119"/>
      <c r="W361" s="119"/>
      <c r="X361" s="119"/>
      <c r="Y361" s="119"/>
      <c r="Z361" s="119"/>
      <c r="AA361" s="119"/>
      <c r="AB361" s="119"/>
      <c r="AC361" s="119"/>
      <c r="AD361" s="119"/>
      <c r="AE361" s="119"/>
      <c r="AF361" s="119"/>
      <c r="AG361" s="119"/>
      <c r="AH361" s="119"/>
      <c r="AI361" s="119"/>
      <c r="AJ361" s="119"/>
      <c r="AK361" s="119"/>
      <c r="AL361" s="119"/>
      <c r="AM361" s="119"/>
      <c r="AN361" s="119"/>
      <c r="AO361" s="119"/>
      <c r="AP361" s="119"/>
      <c r="AQ361" s="119"/>
      <c r="AR361" s="119"/>
      <c r="AS361" s="119"/>
      <c r="AT361" s="119"/>
      <c r="AU361" s="119"/>
      <c r="AV361" s="119"/>
      <c r="AW361" s="119"/>
      <c r="AX361" s="119"/>
      <c r="AY361" s="119"/>
      <c r="AZ361" s="119"/>
      <c r="BA361" s="119"/>
      <c r="BB361" s="107">
        <v>45884</v>
      </c>
    </row>
    <row r="362" spans="1:54" s="207" customFormat="1" ht="13.95" customHeight="1" x14ac:dyDescent="0.25">
      <c r="A362" s="208" t="s">
        <v>959</v>
      </c>
      <c r="B362" s="209" t="s">
        <v>20420</v>
      </c>
      <c r="C362" s="113" t="s">
        <v>960</v>
      </c>
      <c r="D362" s="113" t="s">
        <v>22570</v>
      </c>
      <c r="E362" s="210">
        <v>1986</v>
      </c>
      <c r="F362" s="210">
        <v>324</v>
      </c>
      <c r="G362" s="113" t="s">
        <v>1</v>
      </c>
      <c r="H362" s="113">
        <v>0</v>
      </c>
      <c r="I362" s="113">
        <v>0</v>
      </c>
      <c r="J362" s="115">
        <v>1</v>
      </c>
      <c r="K362" s="116" t="s">
        <v>174</v>
      </c>
      <c r="L362" s="115">
        <v>1</v>
      </c>
      <c r="M362" s="115">
        <v>0</v>
      </c>
      <c r="N362" s="115">
        <v>0</v>
      </c>
      <c r="O362" s="115">
        <v>0</v>
      </c>
      <c r="P362" s="115">
        <v>1</v>
      </c>
      <c r="Q362" s="115" t="s">
        <v>400</v>
      </c>
      <c r="R362" s="115">
        <v>0</v>
      </c>
      <c r="S362" s="115">
        <v>0</v>
      </c>
      <c r="T362" s="115">
        <v>0</v>
      </c>
      <c r="U362" s="119"/>
      <c r="V362" s="119"/>
      <c r="W362" s="119"/>
      <c r="X362" s="119"/>
      <c r="Y362" s="119"/>
      <c r="Z362" s="119"/>
      <c r="AA362" s="119"/>
      <c r="AB362" s="119"/>
      <c r="AC362" s="119"/>
      <c r="AD362" s="119"/>
      <c r="AE362" s="119"/>
      <c r="AF362" s="119"/>
      <c r="AG362" s="119"/>
      <c r="AH362" s="119"/>
      <c r="AI362" s="119"/>
      <c r="AJ362" s="119"/>
      <c r="AK362" s="119"/>
      <c r="AL362" s="119"/>
      <c r="AM362" s="119"/>
      <c r="AN362" s="119"/>
      <c r="AO362" s="119"/>
      <c r="AP362" s="119"/>
      <c r="AQ362" s="119"/>
      <c r="AR362" s="119"/>
      <c r="AS362" s="119"/>
      <c r="AT362" s="119"/>
      <c r="AU362" s="119"/>
      <c r="AV362" s="119"/>
      <c r="AW362" s="119"/>
      <c r="AX362" s="119"/>
      <c r="AY362" s="119"/>
      <c r="AZ362" s="119"/>
      <c r="BA362" s="119"/>
      <c r="BB362" s="107">
        <v>45884</v>
      </c>
    </row>
    <row r="363" spans="1:54" s="207" customFormat="1" ht="13.95" customHeight="1" x14ac:dyDescent="0.25">
      <c r="A363" s="208" t="s">
        <v>961</v>
      </c>
      <c r="B363" s="209" t="s">
        <v>20420</v>
      </c>
      <c r="C363" s="113" t="s">
        <v>962</v>
      </c>
      <c r="D363" s="113" t="s">
        <v>963</v>
      </c>
      <c r="E363" s="210">
        <v>2005</v>
      </c>
      <c r="F363" s="210">
        <v>325</v>
      </c>
      <c r="G363" s="113" t="s">
        <v>1</v>
      </c>
      <c r="H363" s="113">
        <v>0</v>
      </c>
      <c r="I363" s="113">
        <v>0</v>
      </c>
      <c r="J363" s="115">
        <v>1</v>
      </c>
      <c r="K363" s="211">
        <v>1</v>
      </c>
      <c r="L363" s="115">
        <v>1</v>
      </c>
      <c r="M363" s="115">
        <v>0</v>
      </c>
      <c r="N363" s="115">
        <v>0</v>
      </c>
      <c r="O363" s="115">
        <v>0</v>
      </c>
      <c r="P363" s="115">
        <v>1</v>
      </c>
      <c r="Q363" s="115" t="s">
        <v>400</v>
      </c>
      <c r="R363" s="115">
        <v>0</v>
      </c>
      <c r="S363" s="115">
        <v>0</v>
      </c>
      <c r="T363" s="115">
        <v>0</v>
      </c>
      <c r="U363" s="119"/>
      <c r="V363" s="119"/>
      <c r="W363" s="119"/>
      <c r="X363" s="119"/>
      <c r="Y363" s="119"/>
      <c r="Z363" s="119"/>
      <c r="AA363" s="119"/>
      <c r="AB363" s="119"/>
      <c r="AC363" s="119"/>
      <c r="AD363" s="119"/>
      <c r="AE363" s="119"/>
      <c r="AF363" s="119"/>
      <c r="AG363" s="119"/>
      <c r="AH363" s="119"/>
      <c r="AI363" s="119"/>
      <c r="AJ363" s="119"/>
      <c r="AK363" s="119"/>
      <c r="AL363" s="119"/>
      <c r="AM363" s="119"/>
      <c r="AN363" s="119"/>
      <c r="AO363" s="119"/>
      <c r="AP363" s="119"/>
      <c r="AQ363" s="119"/>
      <c r="AR363" s="119"/>
      <c r="AS363" s="119"/>
      <c r="AT363" s="119"/>
      <c r="AU363" s="119"/>
      <c r="AV363" s="119"/>
      <c r="AW363" s="119"/>
      <c r="AX363" s="119"/>
      <c r="AY363" s="119"/>
      <c r="AZ363" s="119"/>
      <c r="BA363" s="119"/>
      <c r="BB363" s="107">
        <v>45884</v>
      </c>
    </row>
    <row r="364" spans="1:54" s="207" customFormat="1" ht="13.95" customHeight="1" x14ac:dyDescent="0.25">
      <c r="A364" s="208" t="s">
        <v>964</v>
      </c>
      <c r="B364" s="209" t="s">
        <v>20420</v>
      </c>
      <c r="C364" s="113" t="s">
        <v>965</v>
      </c>
      <c r="D364" s="113" t="s">
        <v>966</v>
      </c>
      <c r="E364" s="210">
        <v>2011</v>
      </c>
      <c r="F364" s="210">
        <v>325</v>
      </c>
      <c r="G364" s="113" t="s">
        <v>1</v>
      </c>
      <c r="H364" s="113">
        <v>0</v>
      </c>
      <c r="I364" s="113">
        <v>0</v>
      </c>
      <c r="J364" s="115">
        <v>1</v>
      </c>
      <c r="K364" s="116" t="s">
        <v>174</v>
      </c>
      <c r="L364" s="115">
        <v>0</v>
      </c>
      <c r="M364" s="115">
        <v>1</v>
      </c>
      <c r="N364" s="115">
        <v>1</v>
      </c>
      <c r="O364" s="115">
        <v>0</v>
      </c>
      <c r="P364" s="115" t="s">
        <v>400</v>
      </c>
      <c r="Q364" s="115" t="s">
        <v>400</v>
      </c>
      <c r="R364" s="115">
        <v>1</v>
      </c>
      <c r="S364" s="115">
        <v>0</v>
      </c>
      <c r="T364" s="115">
        <v>0</v>
      </c>
      <c r="U364" s="119"/>
      <c r="V364" s="119"/>
      <c r="W364" s="119"/>
      <c r="X364" s="119"/>
      <c r="Y364" s="119"/>
      <c r="Z364" s="119"/>
      <c r="AA364" s="119"/>
      <c r="AB364" s="119"/>
      <c r="AC364" s="119"/>
      <c r="AD364" s="119"/>
      <c r="AE364" s="119"/>
      <c r="AF364" s="119"/>
      <c r="AG364" s="119"/>
      <c r="AH364" s="119"/>
      <c r="AI364" s="119"/>
      <c r="AJ364" s="119"/>
      <c r="AK364" s="119"/>
      <c r="AL364" s="119"/>
      <c r="AM364" s="119"/>
      <c r="AN364" s="119"/>
      <c r="AO364" s="119"/>
      <c r="AP364" s="119"/>
      <c r="AQ364" s="119"/>
      <c r="AR364" s="119"/>
      <c r="AS364" s="119"/>
      <c r="AT364" s="119"/>
      <c r="AU364" s="119"/>
      <c r="AV364" s="119"/>
      <c r="AW364" s="119"/>
      <c r="AX364" s="119"/>
      <c r="AY364" s="119"/>
      <c r="AZ364" s="119"/>
      <c r="BA364" s="119"/>
      <c r="BB364" s="107">
        <v>45884</v>
      </c>
    </row>
    <row r="365" spans="1:54" s="207" customFormat="1" ht="13.95" customHeight="1" x14ac:dyDescent="0.25">
      <c r="A365" s="208" t="s">
        <v>967</v>
      </c>
      <c r="B365" s="209" t="s">
        <v>20420</v>
      </c>
      <c r="C365" s="113" t="s">
        <v>968</v>
      </c>
      <c r="D365" s="113" t="s">
        <v>22571</v>
      </c>
      <c r="E365" s="210">
        <v>1973</v>
      </c>
      <c r="F365" s="210">
        <v>326</v>
      </c>
      <c r="G365" s="113" t="s">
        <v>1</v>
      </c>
      <c r="H365" s="113">
        <v>0</v>
      </c>
      <c r="I365" s="113">
        <v>0</v>
      </c>
      <c r="J365" s="115">
        <v>1</v>
      </c>
      <c r="K365" s="116" t="s">
        <v>174</v>
      </c>
      <c r="L365" s="115">
        <v>1</v>
      </c>
      <c r="M365" s="115">
        <v>0</v>
      </c>
      <c r="N365" s="115">
        <v>0</v>
      </c>
      <c r="O365" s="115">
        <v>0</v>
      </c>
      <c r="P365" s="115" t="s">
        <v>400</v>
      </c>
      <c r="Q365" s="115" t="s">
        <v>400</v>
      </c>
      <c r="R365" s="115">
        <v>0</v>
      </c>
      <c r="S365" s="115">
        <v>0</v>
      </c>
      <c r="T365" s="115">
        <v>0</v>
      </c>
      <c r="U365" s="119"/>
      <c r="V365" s="119"/>
      <c r="W365" s="119"/>
      <c r="X365" s="119"/>
      <c r="Y365" s="119"/>
      <c r="Z365" s="119"/>
      <c r="AA365" s="119"/>
      <c r="AB365" s="119"/>
      <c r="AC365" s="119"/>
      <c r="AD365" s="119"/>
      <c r="AE365" s="119"/>
      <c r="AF365" s="119"/>
      <c r="AG365" s="119"/>
      <c r="AH365" s="119"/>
      <c r="AI365" s="119"/>
      <c r="AJ365" s="119"/>
      <c r="AK365" s="119"/>
      <c r="AL365" s="119"/>
      <c r="AM365" s="119"/>
      <c r="AN365" s="119"/>
      <c r="AO365" s="119"/>
      <c r="AP365" s="119"/>
      <c r="AQ365" s="119"/>
      <c r="AR365" s="119"/>
      <c r="AS365" s="119"/>
      <c r="AT365" s="119"/>
      <c r="AU365" s="119"/>
      <c r="AV365" s="119"/>
      <c r="AW365" s="119"/>
      <c r="AX365" s="119"/>
      <c r="AY365" s="119"/>
      <c r="AZ365" s="119"/>
      <c r="BA365" s="119"/>
      <c r="BB365" s="107">
        <v>45884</v>
      </c>
    </row>
    <row r="366" spans="1:54" s="207" customFormat="1" ht="13.95" customHeight="1" x14ac:dyDescent="0.25">
      <c r="A366" s="208" t="s">
        <v>969</v>
      </c>
      <c r="B366" s="209" t="s">
        <v>20420</v>
      </c>
      <c r="C366" s="113" t="s">
        <v>970</v>
      </c>
      <c r="D366" s="113" t="s">
        <v>22572</v>
      </c>
      <c r="E366" s="210">
        <v>1999</v>
      </c>
      <c r="F366" s="210">
        <v>326</v>
      </c>
      <c r="G366" s="113" t="s">
        <v>8</v>
      </c>
      <c r="H366" s="113">
        <v>0</v>
      </c>
      <c r="I366" s="113">
        <v>0</v>
      </c>
      <c r="J366" s="115">
        <v>0</v>
      </c>
      <c r="K366" s="116" t="s">
        <v>174</v>
      </c>
      <c r="L366" s="115">
        <v>0</v>
      </c>
      <c r="M366" s="115">
        <v>0</v>
      </c>
      <c r="N366" s="115">
        <v>0</v>
      </c>
      <c r="O366" s="115">
        <v>0</v>
      </c>
      <c r="P366" s="115" t="s">
        <v>400</v>
      </c>
      <c r="Q366" s="115" t="s">
        <v>400</v>
      </c>
      <c r="R366" s="115">
        <v>0</v>
      </c>
      <c r="S366" s="115">
        <v>0</v>
      </c>
      <c r="T366" s="115">
        <v>0</v>
      </c>
      <c r="U366" s="113" t="s">
        <v>174</v>
      </c>
      <c r="V366" s="113" t="s">
        <v>174</v>
      </c>
      <c r="W366" s="113" t="s">
        <v>174</v>
      </c>
      <c r="X366" s="113" t="s">
        <v>174</v>
      </c>
      <c r="Y366" s="113" t="s">
        <v>174</v>
      </c>
      <c r="Z366" s="113" t="s">
        <v>174</v>
      </c>
      <c r="AA366" s="113" t="s">
        <v>174</v>
      </c>
      <c r="AB366" s="113" t="s">
        <v>174</v>
      </c>
      <c r="AC366" s="113" t="s">
        <v>174</v>
      </c>
      <c r="AD366" s="113" t="s">
        <v>174</v>
      </c>
      <c r="AE366" s="113" t="s">
        <v>174</v>
      </c>
      <c r="AF366" s="113" t="s">
        <v>174</v>
      </c>
      <c r="AG366" s="113" t="s">
        <v>174</v>
      </c>
      <c r="AH366" s="113" t="s">
        <v>174</v>
      </c>
      <c r="AI366" s="113" t="s">
        <v>174</v>
      </c>
      <c r="AJ366" s="113" t="s">
        <v>174</v>
      </c>
      <c r="AK366" s="113" t="s">
        <v>174</v>
      </c>
      <c r="AL366" s="113" t="s">
        <v>174</v>
      </c>
      <c r="AM366" s="113" t="s">
        <v>174</v>
      </c>
      <c r="AN366" s="113" t="s">
        <v>174</v>
      </c>
      <c r="AO366" s="113" t="s">
        <v>174</v>
      </c>
      <c r="AP366" s="113" t="s">
        <v>174</v>
      </c>
      <c r="AQ366" s="113" t="s">
        <v>174</v>
      </c>
      <c r="AR366" s="113" t="s">
        <v>174</v>
      </c>
      <c r="AS366" s="113" t="s">
        <v>174</v>
      </c>
      <c r="AT366" s="121" t="s">
        <v>174</v>
      </c>
      <c r="AU366" s="113" t="s">
        <v>174</v>
      </c>
      <c r="AV366" s="113" t="s">
        <v>174</v>
      </c>
      <c r="AW366" s="113" t="s">
        <v>174</v>
      </c>
      <c r="AX366" s="113"/>
      <c r="AY366" s="113"/>
      <c r="AZ366" s="113"/>
      <c r="BA366" s="113"/>
      <c r="BB366" s="107">
        <v>45884</v>
      </c>
    </row>
    <row r="367" spans="1:54" s="207" customFormat="1" ht="13.95" customHeight="1" x14ac:dyDescent="0.25">
      <c r="A367" s="208" t="s">
        <v>971</v>
      </c>
      <c r="B367" s="209" t="s">
        <v>20420</v>
      </c>
      <c r="C367" s="113" t="s">
        <v>972</v>
      </c>
      <c r="D367" s="113" t="s">
        <v>22573</v>
      </c>
      <c r="E367" s="210">
        <v>1977</v>
      </c>
      <c r="F367" s="210">
        <v>328</v>
      </c>
      <c r="G367" s="113" t="s">
        <v>1</v>
      </c>
      <c r="H367" s="113">
        <v>0</v>
      </c>
      <c r="I367" s="113">
        <v>0</v>
      </c>
      <c r="J367" s="115">
        <v>1</v>
      </c>
      <c r="K367" s="116" t="s">
        <v>174</v>
      </c>
      <c r="L367" s="115">
        <v>0</v>
      </c>
      <c r="M367" s="115">
        <v>0</v>
      </c>
      <c r="N367" s="115">
        <v>1</v>
      </c>
      <c r="O367" s="115">
        <v>0</v>
      </c>
      <c r="P367" s="115" t="s">
        <v>400</v>
      </c>
      <c r="Q367" s="115" t="s">
        <v>400</v>
      </c>
      <c r="R367" s="115">
        <v>0</v>
      </c>
      <c r="S367" s="115">
        <v>0</v>
      </c>
      <c r="T367" s="115">
        <v>0</v>
      </c>
      <c r="U367" s="119"/>
      <c r="V367" s="119"/>
      <c r="W367" s="119"/>
      <c r="X367" s="119"/>
      <c r="Y367" s="119"/>
      <c r="Z367" s="119"/>
      <c r="AA367" s="119"/>
      <c r="AB367" s="119"/>
      <c r="AC367" s="119"/>
      <c r="AD367" s="119"/>
      <c r="AE367" s="119"/>
      <c r="AF367" s="119"/>
      <c r="AG367" s="119"/>
      <c r="AH367" s="119"/>
      <c r="AI367" s="119"/>
      <c r="AJ367" s="119"/>
      <c r="AK367" s="119"/>
      <c r="AL367" s="119"/>
      <c r="AM367" s="119"/>
      <c r="AN367" s="119"/>
      <c r="AO367" s="119"/>
      <c r="AP367" s="119"/>
      <c r="AQ367" s="119"/>
      <c r="AR367" s="119"/>
      <c r="AS367" s="119"/>
      <c r="AT367" s="119"/>
      <c r="AU367" s="119"/>
      <c r="AV367" s="119"/>
      <c r="AW367" s="119"/>
      <c r="AX367" s="119"/>
      <c r="AY367" s="119"/>
      <c r="AZ367" s="119"/>
      <c r="BA367" s="119"/>
      <c r="BB367" s="107">
        <v>45884</v>
      </c>
    </row>
    <row r="368" spans="1:54" s="207" customFormat="1" ht="13.95" customHeight="1" x14ac:dyDescent="0.25">
      <c r="A368" s="208" t="s">
        <v>973</v>
      </c>
      <c r="B368" s="209" t="s">
        <v>20420</v>
      </c>
      <c r="C368" s="113" t="s">
        <v>974</v>
      </c>
      <c r="D368" s="113" t="s">
        <v>22574</v>
      </c>
      <c r="E368" s="210">
        <v>1986</v>
      </c>
      <c r="F368" s="210">
        <v>329</v>
      </c>
      <c r="G368" s="113" t="s">
        <v>1</v>
      </c>
      <c r="H368" s="113">
        <v>0</v>
      </c>
      <c r="I368" s="113">
        <v>0</v>
      </c>
      <c r="J368" s="115">
        <v>1</v>
      </c>
      <c r="K368" s="116" t="s">
        <v>174</v>
      </c>
      <c r="L368" s="115">
        <v>1</v>
      </c>
      <c r="M368" s="115">
        <v>0</v>
      </c>
      <c r="N368" s="115">
        <v>0</v>
      </c>
      <c r="O368" s="115">
        <v>1</v>
      </c>
      <c r="P368" s="115" t="s">
        <v>400</v>
      </c>
      <c r="Q368" s="115" t="s">
        <v>400</v>
      </c>
      <c r="R368" s="115">
        <v>0</v>
      </c>
      <c r="S368" s="115">
        <v>0</v>
      </c>
      <c r="T368" s="115">
        <v>0</v>
      </c>
      <c r="U368" s="119"/>
      <c r="V368" s="119"/>
      <c r="W368" s="119"/>
      <c r="X368" s="119"/>
      <c r="Y368" s="119"/>
      <c r="Z368" s="119"/>
      <c r="AA368" s="119"/>
      <c r="AB368" s="119"/>
      <c r="AC368" s="119"/>
      <c r="AD368" s="119"/>
      <c r="AE368" s="119"/>
      <c r="AF368" s="119"/>
      <c r="AG368" s="119"/>
      <c r="AH368" s="119"/>
      <c r="AI368" s="119"/>
      <c r="AJ368" s="119"/>
      <c r="AK368" s="119"/>
      <c r="AL368" s="119"/>
      <c r="AM368" s="119"/>
      <c r="AN368" s="119"/>
      <c r="AO368" s="119"/>
      <c r="AP368" s="119"/>
      <c r="AQ368" s="119"/>
      <c r="AR368" s="119"/>
      <c r="AS368" s="119"/>
      <c r="AT368" s="119"/>
      <c r="AU368" s="119"/>
      <c r="AV368" s="119"/>
      <c r="AW368" s="119"/>
      <c r="AX368" s="119"/>
      <c r="AY368" s="119"/>
      <c r="AZ368" s="119"/>
      <c r="BA368" s="119"/>
      <c r="BB368" s="107">
        <v>45884</v>
      </c>
    </row>
    <row r="369" spans="1:54" s="207" customFormat="1" ht="13.95" customHeight="1" x14ac:dyDescent="0.25">
      <c r="A369" s="208" t="s">
        <v>975</v>
      </c>
      <c r="B369" s="209" t="s">
        <v>20420</v>
      </c>
      <c r="C369" s="113" t="s">
        <v>976</v>
      </c>
      <c r="D369" s="113" t="s">
        <v>22575</v>
      </c>
      <c r="E369" s="210">
        <v>1976</v>
      </c>
      <c r="F369" s="210">
        <v>329</v>
      </c>
      <c r="G369" s="113" t="s">
        <v>1</v>
      </c>
      <c r="H369" s="113">
        <v>0</v>
      </c>
      <c r="I369" s="113">
        <v>0</v>
      </c>
      <c r="J369" s="115">
        <v>1</v>
      </c>
      <c r="K369" s="116" t="s">
        <v>174</v>
      </c>
      <c r="L369" s="115">
        <v>1</v>
      </c>
      <c r="M369" s="115">
        <v>0</v>
      </c>
      <c r="N369" s="115">
        <v>0</v>
      </c>
      <c r="O369" s="115">
        <v>1</v>
      </c>
      <c r="P369" s="115" t="s">
        <v>400</v>
      </c>
      <c r="Q369" s="115" t="s">
        <v>400</v>
      </c>
      <c r="R369" s="115">
        <v>0</v>
      </c>
      <c r="S369" s="115">
        <v>0</v>
      </c>
      <c r="T369" s="115">
        <v>0</v>
      </c>
      <c r="U369" s="119"/>
      <c r="V369" s="119"/>
      <c r="W369" s="119"/>
      <c r="X369" s="119"/>
      <c r="Y369" s="119"/>
      <c r="Z369" s="119"/>
      <c r="AA369" s="119"/>
      <c r="AB369" s="119"/>
      <c r="AC369" s="119"/>
      <c r="AD369" s="119"/>
      <c r="AE369" s="119"/>
      <c r="AF369" s="119"/>
      <c r="AG369" s="119"/>
      <c r="AH369" s="119"/>
      <c r="AI369" s="119"/>
      <c r="AJ369" s="119"/>
      <c r="AK369" s="119"/>
      <c r="AL369" s="119"/>
      <c r="AM369" s="119"/>
      <c r="AN369" s="119"/>
      <c r="AO369" s="119"/>
      <c r="AP369" s="119"/>
      <c r="AQ369" s="119"/>
      <c r="AR369" s="119"/>
      <c r="AS369" s="119"/>
      <c r="AT369" s="119"/>
      <c r="AU369" s="119"/>
      <c r="AV369" s="119"/>
      <c r="AW369" s="119"/>
      <c r="AX369" s="119"/>
      <c r="AY369" s="119"/>
      <c r="AZ369" s="119"/>
      <c r="BA369" s="119"/>
      <c r="BB369" s="107">
        <v>45884</v>
      </c>
    </row>
    <row r="370" spans="1:54" s="207" customFormat="1" ht="13.95" customHeight="1" x14ac:dyDescent="0.25">
      <c r="A370" s="208" t="s">
        <v>977</v>
      </c>
      <c r="B370" s="209" t="s">
        <v>20420</v>
      </c>
      <c r="C370" s="113" t="s">
        <v>978</v>
      </c>
      <c r="D370" s="113" t="s">
        <v>22576</v>
      </c>
      <c r="E370" s="210">
        <v>1997</v>
      </c>
      <c r="F370" s="210">
        <v>330</v>
      </c>
      <c r="G370" s="113" t="s">
        <v>1</v>
      </c>
      <c r="H370" s="113">
        <v>0</v>
      </c>
      <c r="I370" s="113">
        <v>0</v>
      </c>
      <c r="J370" s="115">
        <v>1</v>
      </c>
      <c r="K370" s="116" t="s">
        <v>174</v>
      </c>
      <c r="L370" s="115">
        <v>0</v>
      </c>
      <c r="M370" s="115">
        <v>1</v>
      </c>
      <c r="N370" s="115">
        <v>0</v>
      </c>
      <c r="O370" s="115">
        <v>0</v>
      </c>
      <c r="P370" s="115" t="s">
        <v>400</v>
      </c>
      <c r="Q370" s="115" t="s">
        <v>400</v>
      </c>
      <c r="R370" s="115">
        <v>0</v>
      </c>
      <c r="S370" s="115">
        <v>0</v>
      </c>
      <c r="T370" s="115">
        <v>0</v>
      </c>
      <c r="U370" s="119"/>
      <c r="V370" s="119"/>
      <c r="W370" s="119"/>
      <c r="X370" s="119"/>
      <c r="Y370" s="119"/>
      <c r="Z370" s="119"/>
      <c r="AA370" s="119"/>
      <c r="AB370" s="119"/>
      <c r="AC370" s="119"/>
      <c r="AD370" s="119"/>
      <c r="AE370" s="119"/>
      <c r="AF370" s="119"/>
      <c r="AG370" s="119"/>
      <c r="AH370" s="119"/>
      <c r="AI370" s="119"/>
      <c r="AJ370" s="119"/>
      <c r="AK370" s="119"/>
      <c r="AL370" s="119"/>
      <c r="AM370" s="119"/>
      <c r="AN370" s="119"/>
      <c r="AO370" s="119"/>
      <c r="AP370" s="119"/>
      <c r="AQ370" s="119"/>
      <c r="AR370" s="119"/>
      <c r="AS370" s="119"/>
      <c r="AT370" s="119"/>
      <c r="AU370" s="119"/>
      <c r="AV370" s="119"/>
      <c r="AW370" s="119"/>
      <c r="AX370" s="119"/>
      <c r="AY370" s="119"/>
      <c r="AZ370" s="119"/>
      <c r="BA370" s="119"/>
      <c r="BB370" s="107">
        <v>45884</v>
      </c>
    </row>
    <row r="371" spans="1:54" s="207" customFormat="1" ht="13.95" customHeight="1" x14ac:dyDescent="0.25">
      <c r="A371" s="208" t="s">
        <v>979</v>
      </c>
      <c r="B371" s="209" t="s">
        <v>20420</v>
      </c>
      <c r="C371" s="113" t="s">
        <v>980</v>
      </c>
      <c r="D371" s="113" t="s">
        <v>981</v>
      </c>
      <c r="E371" s="210">
        <v>1985</v>
      </c>
      <c r="F371" s="210">
        <v>330</v>
      </c>
      <c r="G371" s="113" t="s">
        <v>1</v>
      </c>
      <c r="H371" s="113">
        <v>0</v>
      </c>
      <c r="I371" s="113">
        <v>0</v>
      </c>
      <c r="J371" s="115">
        <v>1</v>
      </c>
      <c r="K371" s="116" t="s">
        <v>174</v>
      </c>
      <c r="L371" s="115">
        <v>1</v>
      </c>
      <c r="M371" s="115">
        <v>0</v>
      </c>
      <c r="N371" s="115">
        <v>0</v>
      </c>
      <c r="O371" s="115">
        <v>1</v>
      </c>
      <c r="P371" s="115">
        <v>1</v>
      </c>
      <c r="Q371" s="115" t="s">
        <v>400</v>
      </c>
      <c r="R371" s="115">
        <v>0</v>
      </c>
      <c r="S371" s="115">
        <v>0</v>
      </c>
      <c r="T371" s="115">
        <v>0</v>
      </c>
      <c r="U371" s="119"/>
      <c r="V371" s="119"/>
      <c r="W371" s="119"/>
      <c r="X371" s="119"/>
      <c r="Y371" s="119"/>
      <c r="Z371" s="119"/>
      <c r="AA371" s="119"/>
      <c r="AB371" s="119"/>
      <c r="AC371" s="119"/>
      <c r="AD371" s="119"/>
      <c r="AE371" s="119"/>
      <c r="AF371" s="119"/>
      <c r="AG371" s="119"/>
      <c r="AH371" s="119"/>
      <c r="AI371" s="119"/>
      <c r="AJ371" s="119"/>
      <c r="AK371" s="119"/>
      <c r="AL371" s="119"/>
      <c r="AM371" s="119"/>
      <c r="AN371" s="119"/>
      <c r="AO371" s="119"/>
      <c r="AP371" s="119"/>
      <c r="AQ371" s="119"/>
      <c r="AR371" s="119"/>
      <c r="AS371" s="119"/>
      <c r="AT371" s="119"/>
      <c r="AU371" s="119"/>
      <c r="AV371" s="119"/>
      <c r="AW371" s="119"/>
      <c r="AX371" s="119"/>
      <c r="AY371" s="119"/>
      <c r="AZ371" s="119"/>
      <c r="BA371" s="119"/>
      <c r="BB371" s="107">
        <v>45884</v>
      </c>
    </row>
    <row r="372" spans="1:54" s="207" customFormat="1" ht="13.95" customHeight="1" x14ac:dyDescent="0.25">
      <c r="A372" s="208" t="s">
        <v>982</v>
      </c>
      <c r="B372" s="209" t="s">
        <v>20420</v>
      </c>
      <c r="C372" s="113" t="s">
        <v>983</v>
      </c>
      <c r="D372" s="113" t="s">
        <v>984</v>
      </c>
      <c r="E372" s="210">
        <v>1997</v>
      </c>
      <c r="F372" s="210">
        <v>330</v>
      </c>
      <c r="G372" s="113" t="s">
        <v>1</v>
      </c>
      <c r="H372" s="113">
        <v>0</v>
      </c>
      <c r="I372" s="113">
        <v>0</v>
      </c>
      <c r="J372" s="115">
        <v>1</v>
      </c>
      <c r="K372" s="116" t="s">
        <v>174</v>
      </c>
      <c r="L372" s="115">
        <v>0</v>
      </c>
      <c r="M372" s="115">
        <v>0</v>
      </c>
      <c r="N372" s="115">
        <v>1</v>
      </c>
      <c r="O372" s="115">
        <v>0</v>
      </c>
      <c r="P372" s="115" t="s">
        <v>400</v>
      </c>
      <c r="Q372" s="115" t="s">
        <v>400</v>
      </c>
      <c r="R372" s="115">
        <v>0</v>
      </c>
      <c r="S372" s="115">
        <v>0</v>
      </c>
      <c r="T372" s="115">
        <v>0</v>
      </c>
      <c r="U372" s="119"/>
      <c r="V372" s="119"/>
      <c r="W372" s="119"/>
      <c r="X372" s="119"/>
      <c r="Y372" s="119"/>
      <c r="Z372" s="119"/>
      <c r="AA372" s="119"/>
      <c r="AB372" s="119"/>
      <c r="AC372" s="119"/>
      <c r="AD372" s="119"/>
      <c r="AE372" s="119"/>
      <c r="AF372" s="119"/>
      <c r="AG372" s="119"/>
      <c r="AH372" s="119"/>
      <c r="AI372" s="119"/>
      <c r="AJ372" s="119"/>
      <c r="AK372" s="119"/>
      <c r="AL372" s="119"/>
      <c r="AM372" s="119"/>
      <c r="AN372" s="119"/>
      <c r="AO372" s="119"/>
      <c r="AP372" s="119"/>
      <c r="AQ372" s="119"/>
      <c r="AR372" s="119"/>
      <c r="AS372" s="119"/>
      <c r="AT372" s="119"/>
      <c r="AU372" s="119"/>
      <c r="AV372" s="119"/>
      <c r="AW372" s="119"/>
      <c r="AX372" s="119"/>
      <c r="AY372" s="119"/>
      <c r="AZ372" s="119"/>
      <c r="BA372" s="119"/>
      <c r="BB372" s="107">
        <v>45884</v>
      </c>
    </row>
    <row r="373" spans="1:54" s="207" customFormat="1" ht="13.95" customHeight="1" x14ac:dyDescent="0.25">
      <c r="A373" s="208" t="s">
        <v>985</v>
      </c>
      <c r="B373" s="209" t="s">
        <v>20420</v>
      </c>
      <c r="C373" s="113" t="s">
        <v>986</v>
      </c>
      <c r="D373" s="113" t="s">
        <v>22577</v>
      </c>
      <c r="E373" s="210">
        <v>1989</v>
      </c>
      <c r="F373" s="210">
        <v>331</v>
      </c>
      <c r="G373" s="113" t="s">
        <v>1</v>
      </c>
      <c r="H373" s="113">
        <v>0</v>
      </c>
      <c r="I373" s="113">
        <v>0</v>
      </c>
      <c r="J373" s="115">
        <v>1</v>
      </c>
      <c r="K373" s="211">
        <v>1</v>
      </c>
      <c r="L373" s="115">
        <v>1</v>
      </c>
      <c r="M373" s="115">
        <v>0</v>
      </c>
      <c r="N373" s="115">
        <v>0</v>
      </c>
      <c r="O373" s="115">
        <v>0</v>
      </c>
      <c r="P373" s="115">
        <v>1</v>
      </c>
      <c r="Q373" s="115" t="s">
        <v>400</v>
      </c>
      <c r="R373" s="115">
        <v>0</v>
      </c>
      <c r="S373" s="115">
        <v>0</v>
      </c>
      <c r="T373" s="115">
        <v>0</v>
      </c>
      <c r="U373" s="119"/>
      <c r="V373" s="119"/>
      <c r="W373" s="119"/>
      <c r="X373" s="119"/>
      <c r="Y373" s="119"/>
      <c r="Z373" s="119"/>
      <c r="AA373" s="119"/>
      <c r="AB373" s="119"/>
      <c r="AC373" s="119"/>
      <c r="AD373" s="119"/>
      <c r="AE373" s="119"/>
      <c r="AF373" s="119"/>
      <c r="AG373" s="119"/>
      <c r="AH373" s="119"/>
      <c r="AI373" s="119"/>
      <c r="AJ373" s="119"/>
      <c r="AK373" s="119"/>
      <c r="AL373" s="119"/>
      <c r="AM373" s="119"/>
      <c r="AN373" s="119"/>
      <c r="AO373" s="119"/>
      <c r="AP373" s="119"/>
      <c r="AQ373" s="119"/>
      <c r="AR373" s="119"/>
      <c r="AS373" s="119"/>
      <c r="AT373" s="119"/>
      <c r="AU373" s="119"/>
      <c r="AV373" s="119"/>
      <c r="AW373" s="119"/>
      <c r="AX373" s="119"/>
      <c r="AY373" s="119"/>
      <c r="AZ373" s="119"/>
      <c r="BA373" s="119"/>
      <c r="BB373" s="107">
        <v>45884</v>
      </c>
    </row>
    <row r="374" spans="1:54" s="207" customFormat="1" ht="13.95" customHeight="1" x14ac:dyDescent="0.25">
      <c r="A374" s="208" t="s">
        <v>987</v>
      </c>
      <c r="B374" s="209" t="s">
        <v>20420</v>
      </c>
      <c r="C374" s="113" t="s">
        <v>988</v>
      </c>
      <c r="D374" s="113" t="s">
        <v>989</v>
      </c>
      <c r="E374" s="210">
        <v>1983</v>
      </c>
      <c r="F374" s="210">
        <v>331</v>
      </c>
      <c r="G374" s="113" t="s">
        <v>1</v>
      </c>
      <c r="H374" s="113">
        <v>0</v>
      </c>
      <c r="I374" s="113">
        <v>0</v>
      </c>
      <c r="J374" s="115">
        <v>1</v>
      </c>
      <c r="K374" s="116" t="s">
        <v>174</v>
      </c>
      <c r="L374" s="115">
        <v>0</v>
      </c>
      <c r="M374" s="115">
        <v>0</v>
      </c>
      <c r="N374" s="115">
        <v>1</v>
      </c>
      <c r="O374" s="115">
        <v>0</v>
      </c>
      <c r="P374" s="115">
        <v>1</v>
      </c>
      <c r="Q374" s="115" t="s">
        <v>400</v>
      </c>
      <c r="R374" s="115">
        <v>0</v>
      </c>
      <c r="S374" s="115">
        <v>0</v>
      </c>
      <c r="T374" s="115">
        <v>0</v>
      </c>
      <c r="U374" s="119"/>
      <c r="V374" s="119"/>
      <c r="W374" s="119"/>
      <c r="X374" s="119"/>
      <c r="Y374" s="119"/>
      <c r="Z374" s="119"/>
      <c r="AA374" s="119"/>
      <c r="AB374" s="119"/>
      <c r="AC374" s="119"/>
      <c r="AD374" s="119"/>
      <c r="AE374" s="119"/>
      <c r="AF374" s="119"/>
      <c r="AG374" s="119"/>
      <c r="AH374" s="119"/>
      <c r="AI374" s="119"/>
      <c r="AJ374" s="119"/>
      <c r="AK374" s="119"/>
      <c r="AL374" s="119"/>
      <c r="AM374" s="119"/>
      <c r="AN374" s="119"/>
      <c r="AO374" s="119"/>
      <c r="AP374" s="119"/>
      <c r="AQ374" s="119"/>
      <c r="AR374" s="119"/>
      <c r="AS374" s="119"/>
      <c r="AT374" s="119"/>
      <c r="AU374" s="119"/>
      <c r="AV374" s="119"/>
      <c r="AW374" s="119"/>
      <c r="AX374" s="119"/>
      <c r="AY374" s="119"/>
      <c r="AZ374" s="119"/>
      <c r="BA374" s="119"/>
      <c r="BB374" s="107">
        <v>45884</v>
      </c>
    </row>
    <row r="375" spans="1:54" s="207" customFormat="1" ht="13.95" customHeight="1" x14ac:dyDescent="0.25">
      <c r="A375" s="208" t="s">
        <v>990</v>
      </c>
      <c r="B375" s="209" t="s">
        <v>20420</v>
      </c>
      <c r="C375" s="113" t="s">
        <v>991</v>
      </c>
      <c r="D375" s="113" t="s">
        <v>22578</v>
      </c>
      <c r="E375" s="210">
        <v>2012</v>
      </c>
      <c r="F375" s="210">
        <v>333</v>
      </c>
      <c r="G375" s="113" t="s">
        <v>8</v>
      </c>
      <c r="H375" s="113">
        <v>0</v>
      </c>
      <c r="I375" s="113">
        <v>0</v>
      </c>
      <c r="J375" s="115">
        <v>0</v>
      </c>
      <c r="K375" s="116" t="s">
        <v>174</v>
      </c>
      <c r="L375" s="115">
        <v>0</v>
      </c>
      <c r="M375" s="115">
        <v>0</v>
      </c>
      <c r="N375" s="115">
        <v>0</v>
      </c>
      <c r="O375" s="115">
        <v>0</v>
      </c>
      <c r="P375" s="115" t="s">
        <v>400</v>
      </c>
      <c r="Q375" s="115" t="s">
        <v>400</v>
      </c>
      <c r="R375" s="115">
        <v>0</v>
      </c>
      <c r="S375" s="115">
        <v>0</v>
      </c>
      <c r="T375" s="115">
        <v>0</v>
      </c>
      <c r="U375" s="113" t="s">
        <v>174</v>
      </c>
      <c r="V375" s="113" t="s">
        <v>174</v>
      </c>
      <c r="W375" s="113" t="s">
        <v>174</v>
      </c>
      <c r="X375" s="113" t="s">
        <v>174</v>
      </c>
      <c r="Y375" s="113" t="s">
        <v>174</v>
      </c>
      <c r="Z375" s="113" t="s">
        <v>174</v>
      </c>
      <c r="AA375" s="113" t="s">
        <v>174</v>
      </c>
      <c r="AB375" s="113" t="s">
        <v>174</v>
      </c>
      <c r="AC375" s="113" t="s">
        <v>174</v>
      </c>
      <c r="AD375" s="113" t="s">
        <v>174</v>
      </c>
      <c r="AE375" s="113" t="s">
        <v>174</v>
      </c>
      <c r="AF375" s="113" t="s">
        <v>174</v>
      </c>
      <c r="AG375" s="113" t="s">
        <v>174</v>
      </c>
      <c r="AH375" s="113" t="s">
        <v>174</v>
      </c>
      <c r="AI375" s="113" t="s">
        <v>174</v>
      </c>
      <c r="AJ375" s="113" t="s">
        <v>174</v>
      </c>
      <c r="AK375" s="113" t="s">
        <v>174</v>
      </c>
      <c r="AL375" s="113" t="s">
        <v>174</v>
      </c>
      <c r="AM375" s="113" t="s">
        <v>174</v>
      </c>
      <c r="AN375" s="113" t="s">
        <v>174</v>
      </c>
      <c r="AO375" s="113" t="s">
        <v>174</v>
      </c>
      <c r="AP375" s="113" t="s">
        <v>174</v>
      </c>
      <c r="AQ375" s="113" t="s">
        <v>174</v>
      </c>
      <c r="AR375" s="113" t="s">
        <v>174</v>
      </c>
      <c r="AS375" s="113" t="s">
        <v>174</v>
      </c>
      <c r="AT375" s="121" t="s">
        <v>174</v>
      </c>
      <c r="AU375" s="113" t="s">
        <v>174</v>
      </c>
      <c r="AV375" s="113" t="s">
        <v>174</v>
      </c>
      <c r="AW375" s="113" t="s">
        <v>174</v>
      </c>
      <c r="AX375" s="113"/>
      <c r="AY375" s="113"/>
      <c r="AZ375" s="113"/>
      <c r="BA375" s="113"/>
      <c r="BB375" s="107">
        <v>45884</v>
      </c>
    </row>
    <row r="376" spans="1:54" s="207" customFormat="1" ht="13.95" customHeight="1" x14ac:dyDescent="0.25">
      <c r="A376" s="208" t="s">
        <v>992</v>
      </c>
      <c r="B376" s="209" t="s">
        <v>20420</v>
      </c>
      <c r="C376" s="113" t="s">
        <v>993</v>
      </c>
      <c r="D376" s="113" t="s">
        <v>22579</v>
      </c>
      <c r="E376" s="210">
        <v>1987</v>
      </c>
      <c r="F376" s="210">
        <v>334</v>
      </c>
      <c r="G376" s="113" t="s">
        <v>1</v>
      </c>
      <c r="H376" s="113">
        <v>0</v>
      </c>
      <c r="I376" s="113">
        <v>0</v>
      </c>
      <c r="J376" s="115">
        <v>0</v>
      </c>
      <c r="K376" s="116" t="s">
        <v>174</v>
      </c>
      <c r="L376" s="115">
        <v>0</v>
      </c>
      <c r="M376" s="115">
        <v>0</v>
      </c>
      <c r="N376" s="115">
        <v>0</v>
      </c>
      <c r="O376" s="115">
        <v>0</v>
      </c>
      <c r="P376" s="115" t="s">
        <v>400</v>
      </c>
      <c r="Q376" s="115" t="s">
        <v>400</v>
      </c>
      <c r="R376" s="115">
        <v>0</v>
      </c>
      <c r="S376" s="115">
        <v>0</v>
      </c>
      <c r="T376" s="115">
        <v>0</v>
      </c>
      <c r="U376" s="119"/>
      <c r="V376" s="119"/>
      <c r="W376" s="119"/>
      <c r="X376" s="119"/>
      <c r="Y376" s="119"/>
      <c r="Z376" s="119"/>
      <c r="AA376" s="119"/>
      <c r="AB376" s="119"/>
      <c r="AC376" s="119"/>
      <c r="AD376" s="119"/>
      <c r="AE376" s="119"/>
      <c r="AF376" s="119"/>
      <c r="AG376" s="119"/>
      <c r="AH376" s="119"/>
      <c r="AI376" s="119"/>
      <c r="AJ376" s="119"/>
      <c r="AK376" s="119"/>
      <c r="AL376" s="119"/>
      <c r="AM376" s="119"/>
      <c r="AN376" s="119"/>
      <c r="AO376" s="119"/>
      <c r="AP376" s="119"/>
      <c r="AQ376" s="119"/>
      <c r="AR376" s="119"/>
      <c r="AS376" s="119"/>
      <c r="AT376" s="119"/>
      <c r="AU376" s="119"/>
      <c r="AV376" s="119"/>
      <c r="AW376" s="119"/>
      <c r="AX376" s="119"/>
      <c r="AY376" s="119"/>
      <c r="AZ376" s="119"/>
      <c r="BA376" s="119"/>
      <c r="BB376" s="107">
        <v>45884</v>
      </c>
    </row>
    <row r="377" spans="1:54" s="207" customFormat="1" ht="13.95" customHeight="1" x14ac:dyDescent="0.25">
      <c r="A377" s="208" t="s">
        <v>994</v>
      </c>
      <c r="B377" s="209" t="s">
        <v>20420</v>
      </c>
      <c r="C377" s="113" t="s">
        <v>995</v>
      </c>
      <c r="D377" s="113" t="s">
        <v>996</v>
      </c>
      <c r="E377" s="210">
        <v>1976</v>
      </c>
      <c r="F377" s="210">
        <v>334</v>
      </c>
      <c r="G377" s="113" t="s">
        <v>1</v>
      </c>
      <c r="H377" s="113">
        <v>0</v>
      </c>
      <c r="I377" s="113">
        <v>0</v>
      </c>
      <c r="J377" s="115">
        <v>1</v>
      </c>
      <c r="K377" s="211">
        <v>1</v>
      </c>
      <c r="L377" s="115">
        <v>1</v>
      </c>
      <c r="M377" s="115">
        <v>0</v>
      </c>
      <c r="N377" s="115">
        <v>0</v>
      </c>
      <c r="O377" s="115">
        <v>0</v>
      </c>
      <c r="P377" s="115">
        <v>1</v>
      </c>
      <c r="Q377" s="115" t="s">
        <v>400</v>
      </c>
      <c r="R377" s="115">
        <v>1</v>
      </c>
      <c r="S377" s="115">
        <v>0</v>
      </c>
      <c r="T377" s="115">
        <v>0</v>
      </c>
      <c r="U377" s="119"/>
      <c r="V377" s="119"/>
      <c r="W377" s="119"/>
      <c r="X377" s="119"/>
      <c r="Y377" s="119"/>
      <c r="Z377" s="119"/>
      <c r="AA377" s="119"/>
      <c r="AB377" s="119"/>
      <c r="AC377" s="119"/>
      <c r="AD377" s="119"/>
      <c r="AE377" s="119"/>
      <c r="AF377" s="119"/>
      <c r="AG377" s="119"/>
      <c r="AH377" s="119"/>
      <c r="AI377" s="119"/>
      <c r="AJ377" s="119"/>
      <c r="AK377" s="119"/>
      <c r="AL377" s="119"/>
      <c r="AM377" s="119"/>
      <c r="AN377" s="119"/>
      <c r="AO377" s="119"/>
      <c r="AP377" s="119"/>
      <c r="AQ377" s="119"/>
      <c r="AR377" s="119"/>
      <c r="AS377" s="119"/>
      <c r="AT377" s="119"/>
      <c r="AU377" s="119"/>
      <c r="AV377" s="119"/>
      <c r="AW377" s="119"/>
      <c r="AX377" s="119"/>
      <c r="AY377" s="119"/>
      <c r="AZ377" s="119"/>
      <c r="BA377" s="119"/>
      <c r="BB377" s="107">
        <v>45884</v>
      </c>
    </row>
    <row r="378" spans="1:54" s="207" customFormat="1" ht="13.95" customHeight="1" x14ac:dyDescent="0.25">
      <c r="A378" s="208" t="s">
        <v>997</v>
      </c>
      <c r="B378" s="209" t="s">
        <v>20420</v>
      </c>
      <c r="C378" s="113" t="s">
        <v>998</v>
      </c>
      <c r="D378" s="113" t="s">
        <v>22580</v>
      </c>
      <c r="E378" s="210">
        <v>1975</v>
      </c>
      <c r="F378" s="210">
        <v>336</v>
      </c>
      <c r="G378" s="113" t="s">
        <v>1</v>
      </c>
      <c r="H378" s="113">
        <v>0</v>
      </c>
      <c r="I378" s="113">
        <v>0</v>
      </c>
      <c r="J378" s="115">
        <v>1</v>
      </c>
      <c r="K378" s="116" t="s">
        <v>174</v>
      </c>
      <c r="L378" s="115">
        <v>1</v>
      </c>
      <c r="M378" s="115">
        <v>1</v>
      </c>
      <c r="N378" s="115">
        <v>0</v>
      </c>
      <c r="O378" s="115">
        <v>1</v>
      </c>
      <c r="P378" s="115" t="s">
        <v>400</v>
      </c>
      <c r="Q378" s="115" t="s">
        <v>400</v>
      </c>
      <c r="R378" s="115">
        <v>0</v>
      </c>
      <c r="S378" s="115">
        <v>0</v>
      </c>
      <c r="T378" s="115">
        <v>0</v>
      </c>
      <c r="U378" s="119"/>
      <c r="V378" s="119"/>
      <c r="W378" s="119"/>
      <c r="X378" s="119"/>
      <c r="Y378" s="119"/>
      <c r="Z378" s="119"/>
      <c r="AA378" s="119"/>
      <c r="AB378" s="119"/>
      <c r="AC378" s="119"/>
      <c r="AD378" s="119"/>
      <c r="AE378" s="119"/>
      <c r="AF378" s="119"/>
      <c r="AG378" s="119"/>
      <c r="AH378" s="119"/>
      <c r="AI378" s="119"/>
      <c r="AJ378" s="119"/>
      <c r="AK378" s="119"/>
      <c r="AL378" s="119"/>
      <c r="AM378" s="119"/>
      <c r="AN378" s="119"/>
      <c r="AO378" s="119"/>
      <c r="AP378" s="119"/>
      <c r="AQ378" s="119"/>
      <c r="AR378" s="119"/>
      <c r="AS378" s="119"/>
      <c r="AT378" s="119"/>
      <c r="AU378" s="119"/>
      <c r="AV378" s="119"/>
      <c r="AW378" s="119"/>
      <c r="AX378" s="119"/>
      <c r="AY378" s="119"/>
      <c r="AZ378" s="119"/>
      <c r="BA378" s="119"/>
      <c r="BB378" s="107">
        <v>45884</v>
      </c>
    </row>
    <row r="379" spans="1:54" s="207" customFormat="1" ht="13.95" customHeight="1" x14ac:dyDescent="0.25">
      <c r="A379" s="208" t="s">
        <v>999</v>
      </c>
      <c r="B379" s="209" t="s">
        <v>20420</v>
      </c>
      <c r="C379" s="113" t="s">
        <v>1000</v>
      </c>
      <c r="D379" s="113" t="s">
        <v>22462</v>
      </c>
      <c r="E379" s="210">
        <v>1985</v>
      </c>
      <c r="F379" s="210">
        <v>337</v>
      </c>
      <c r="G379" s="113" t="s">
        <v>1</v>
      </c>
      <c r="H379" s="113">
        <v>0</v>
      </c>
      <c r="I379" s="113">
        <v>0</v>
      </c>
      <c r="J379" s="115">
        <v>1</v>
      </c>
      <c r="K379" s="116" t="s">
        <v>174</v>
      </c>
      <c r="L379" s="115">
        <v>0</v>
      </c>
      <c r="M379" s="115">
        <v>0</v>
      </c>
      <c r="N379" s="115">
        <v>0</v>
      </c>
      <c r="O379" s="115">
        <v>0</v>
      </c>
      <c r="P379" s="115">
        <v>1</v>
      </c>
      <c r="Q379" s="115" t="s">
        <v>400</v>
      </c>
      <c r="R379" s="115">
        <v>0</v>
      </c>
      <c r="S379" s="115">
        <v>0</v>
      </c>
      <c r="T379" s="115">
        <v>0</v>
      </c>
      <c r="U379" s="119"/>
      <c r="V379" s="119"/>
      <c r="W379" s="119"/>
      <c r="X379" s="119"/>
      <c r="Y379" s="119"/>
      <c r="Z379" s="119"/>
      <c r="AA379" s="119"/>
      <c r="AB379" s="119"/>
      <c r="AC379" s="119"/>
      <c r="AD379" s="119"/>
      <c r="AE379" s="119"/>
      <c r="AF379" s="119"/>
      <c r="AG379" s="119"/>
      <c r="AH379" s="119"/>
      <c r="AI379" s="119"/>
      <c r="AJ379" s="119"/>
      <c r="AK379" s="119"/>
      <c r="AL379" s="119"/>
      <c r="AM379" s="119"/>
      <c r="AN379" s="119"/>
      <c r="AO379" s="119"/>
      <c r="AP379" s="119"/>
      <c r="AQ379" s="119"/>
      <c r="AR379" s="119"/>
      <c r="AS379" s="119"/>
      <c r="AT379" s="119"/>
      <c r="AU379" s="119"/>
      <c r="AV379" s="119"/>
      <c r="AW379" s="119"/>
      <c r="AX379" s="119"/>
      <c r="AY379" s="119"/>
      <c r="AZ379" s="119"/>
      <c r="BA379" s="119"/>
      <c r="BB379" s="107">
        <v>45884</v>
      </c>
    </row>
    <row r="380" spans="1:54" s="207" customFormat="1" ht="13.95" customHeight="1" x14ac:dyDescent="0.25">
      <c r="A380" s="208" t="s">
        <v>1001</v>
      </c>
      <c r="B380" s="209" t="s">
        <v>20420</v>
      </c>
      <c r="C380" s="113" t="s">
        <v>1002</v>
      </c>
      <c r="D380" s="113" t="s">
        <v>22581</v>
      </c>
      <c r="E380" s="210">
        <v>2004</v>
      </c>
      <c r="F380" s="210">
        <v>337</v>
      </c>
      <c r="G380" s="113" t="s">
        <v>1</v>
      </c>
      <c r="H380" s="113">
        <v>0</v>
      </c>
      <c r="I380" s="113">
        <v>0</v>
      </c>
      <c r="J380" s="115">
        <v>1</v>
      </c>
      <c r="K380" s="116" t="s">
        <v>174</v>
      </c>
      <c r="L380" s="115">
        <v>0</v>
      </c>
      <c r="M380" s="115">
        <v>0</v>
      </c>
      <c r="N380" s="115">
        <v>0</v>
      </c>
      <c r="O380" s="115">
        <v>0</v>
      </c>
      <c r="P380" s="115">
        <v>1</v>
      </c>
      <c r="Q380" s="115" t="s">
        <v>400</v>
      </c>
      <c r="R380" s="115">
        <v>0</v>
      </c>
      <c r="S380" s="115">
        <v>0</v>
      </c>
      <c r="T380" s="115">
        <v>0</v>
      </c>
      <c r="U380" s="119"/>
      <c r="V380" s="119"/>
      <c r="W380" s="119"/>
      <c r="X380" s="119"/>
      <c r="Y380" s="119"/>
      <c r="Z380" s="119"/>
      <c r="AA380" s="119"/>
      <c r="AB380" s="119"/>
      <c r="AC380" s="119"/>
      <c r="AD380" s="119"/>
      <c r="AE380" s="119"/>
      <c r="AF380" s="119"/>
      <c r="AG380" s="119"/>
      <c r="AH380" s="119"/>
      <c r="AI380" s="119"/>
      <c r="AJ380" s="119"/>
      <c r="AK380" s="119"/>
      <c r="AL380" s="119"/>
      <c r="AM380" s="119"/>
      <c r="AN380" s="119"/>
      <c r="AO380" s="119"/>
      <c r="AP380" s="119"/>
      <c r="AQ380" s="119"/>
      <c r="AR380" s="119"/>
      <c r="AS380" s="119"/>
      <c r="AT380" s="119"/>
      <c r="AU380" s="119"/>
      <c r="AV380" s="119"/>
      <c r="AW380" s="119"/>
      <c r="AX380" s="119"/>
      <c r="AY380" s="119"/>
      <c r="AZ380" s="119"/>
      <c r="BA380" s="119"/>
      <c r="BB380" s="107">
        <v>45884</v>
      </c>
    </row>
    <row r="381" spans="1:54" s="207" customFormat="1" ht="13.95" customHeight="1" x14ac:dyDescent="0.25">
      <c r="A381" s="208" t="s">
        <v>1003</v>
      </c>
      <c r="B381" s="209" t="s">
        <v>20420</v>
      </c>
      <c r="C381" s="113" t="s">
        <v>1004</v>
      </c>
      <c r="D381" s="113" t="s">
        <v>22582</v>
      </c>
      <c r="E381" s="210">
        <v>1997</v>
      </c>
      <c r="F381" s="210">
        <v>337</v>
      </c>
      <c r="G381" s="113" t="s">
        <v>1</v>
      </c>
      <c r="H381" s="113">
        <v>0</v>
      </c>
      <c r="I381" s="113">
        <v>0</v>
      </c>
      <c r="J381" s="115">
        <v>1</v>
      </c>
      <c r="K381" s="116" t="s">
        <v>174</v>
      </c>
      <c r="L381" s="115">
        <v>1</v>
      </c>
      <c r="M381" s="115">
        <v>1</v>
      </c>
      <c r="N381" s="115">
        <v>0</v>
      </c>
      <c r="O381" s="115">
        <v>0</v>
      </c>
      <c r="P381" s="115" t="s">
        <v>400</v>
      </c>
      <c r="Q381" s="115" t="s">
        <v>400</v>
      </c>
      <c r="R381" s="115">
        <v>1</v>
      </c>
      <c r="S381" s="115">
        <v>0</v>
      </c>
      <c r="T381" s="115">
        <v>0</v>
      </c>
      <c r="U381" s="119"/>
      <c r="V381" s="119"/>
      <c r="W381" s="119"/>
      <c r="X381" s="119"/>
      <c r="Y381" s="119"/>
      <c r="Z381" s="119"/>
      <c r="AA381" s="119"/>
      <c r="AB381" s="119"/>
      <c r="AC381" s="119"/>
      <c r="AD381" s="119"/>
      <c r="AE381" s="119"/>
      <c r="AF381" s="119"/>
      <c r="AG381" s="119"/>
      <c r="AH381" s="119"/>
      <c r="AI381" s="119"/>
      <c r="AJ381" s="119"/>
      <c r="AK381" s="119"/>
      <c r="AL381" s="119"/>
      <c r="AM381" s="119"/>
      <c r="AN381" s="119"/>
      <c r="AO381" s="119"/>
      <c r="AP381" s="119"/>
      <c r="AQ381" s="119"/>
      <c r="AR381" s="119"/>
      <c r="AS381" s="119"/>
      <c r="AT381" s="119"/>
      <c r="AU381" s="119"/>
      <c r="AV381" s="119"/>
      <c r="AW381" s="119"/>
      <c r="AX381" s="119"/>
      <c r="AY381" s="119"/>
      <c r="AZ381" s="119"/>
      <c r="BA381" s="119"/>
      <c r="BB381" s="107">
        <v>45884</v>
      </c>
    </row>
    <row r="382" spans="1:54" s="207" customFormat="1" ht="13.95" customHeight="1" x14ac:dyDescent="0.25">
      <c r="A382" s="208" t="s">
        <v>1005</v>
      </c>
      <c r="B382" s="209" t="s">
        <v>20420</v>
      </c>
      <c r="C382" s="113" t="s">
        <v>1006</v>
      </c>
      <c r="D382" s="113" t="s">
        <v>22583</v>
      </c>
      <c r="E382" s="210">
        <v>2011</v>
      </c>
      <c r="F382" s="210">
        <v>338</v>
      </c>
      <c r="G382" s="113" t="s">
        <v>1</v>
      </c>
      <c r="H382" s="113">
        <v>0</v>
      </c>
      <c r="I382" s="113">
        <v>0</v>
      </c>
      <c r="J382" s="115">
        <v>1</v>
      </c>
      <c r="K382" s="116" t="s">
        <v>174</v>
      </c>
      <c r="L382" s="115">
        <v>0</v>
      </c>
      <c r="M382" s="115">
        <v>0</v>
      </c>
      <c r="N382" s="115">
        <v>0</v>
      </c>
      <c r="O382" s="115">
        <v>0</v>
      </c>
      <c r="P382" s="115" t="s">
        <v>400</v>
      </c>
      <c r="Q382" s="115" t="s">
        <v>400</v>
      </c>
      <c r="R382" s="115">
        <v>0</v>
      </c>
      <c r="S382" s="115">
        <v>0</v>
      </c>
      <c r="T382" s="115">
        <v>0</v>
      </c>
      <c r="U382" s="119"/>
      <c r="V382" s="119"/>
      <c r="W382" s="119"/>
      <c r="X382" s="119"/>
      <c r="Y382" s="119"/>
      <c r="Z382" s="119"/>
      <c r="AA382" s="119"/>
      <c r="AB382" s="119"/>
      <c r="AC382" s="119"/>
      <c r="AD382" s="119"/>
      <c r="AE382" s="119"/>
      <c r="AF382" s="119"/>
      <c r="AG382" s="119"/>
      <c r="AH382" s="119"/>
      <c r="AI382" s="119"/>
      <c r="AJ382" s="119"/>
      <c r="AK382" s="119"/>
      <c r="AL382" s="119"/>
      <c r="AM382" s="119"/>
      <c r="AN382" s="119"/>
      <c r="AO382" s="119"/>
      <c r="AP382" s="119"/>
      <c r="AQ382" s="119"/>
      <c r="AR382" s="119"/>
      <c r="AS382" s="119"/>
      <c r="AT382" s="119"/>
      <c r="AU382" s="119"/>
      <c r="AV382" s="119"/>
      <c r="AW382" s="119"/>
      <c r="AX382" s="119"/>
      <c r="AY382" s="119"/>
      <c r="AZ382" s="119"/>
      <c r="BA382" s="119"/>
      <c r="BB382" s="107">
        <v>45884</v>
      </c>
    </row>
    <row r="383" spans="1:54" s="207" customFormat="1" ht="13.95" customHeight="1" x14ac:dyDescent="0.25">
      <c r="A383" s="208" t="s">
        <v>1007</v>
      </c>
      <c r="B383" s="209" t="s">
        <v>20420</v>
      </c>
      <c r="C383" s="113" t="s">
        <v>1008</v>
      </c>
      <c r="D383" s="113" t="s">
        <v>22584</v>
      </c>
      <c r="E383" s="210">
        <v>1989</v>
      </c>
      <c r="F383" s="210">
        <v>338</v>
      </c>
      <c r="G383" s="113" t="s">
        <v>1</v>
      </c>
      <c r="H383" s="113">
        <v>0</v>
      </c>
      <c r="I383" s="113">
        <v>0</v>
      </c>
      <c r="J383" s="115">
        <v>1</v>
      </c>
      <c r="K383" s="116" t="s">
        <v>174</v>
      </c>
      <c r="L383" s="115">
        <v>1</v>
      </c>
      <c r="M383" s="115">
        <v>0</v>
      </c>
      <c r="N383" s="115">
        <v>0</v>
      </c>
      <c r="O383" s="115">
        <v>0</v>
      </c>
      <c r="P383" s="115">
        <v>1</v>
      </c>
      <c r="Q383" s="115" t="s">
        <v>400</v>
      </c>
      <c r="R383" s="115">
        <v>0</v>
      </c>
      <c r="S383" s="115">
        <v>0</v>
      </c>
      <c r="T383" s="115">
        <v>0</v>
      </c>
      <c r="U383" s="119"/>
      <c r="V383" s="119"/>
      <c r="W383" s="119"/>
      <c r="X383" s="119"/>
      <c r="Y383" s="119"/>
      <c r="Z383" s="119"/>
      <c r="AA383" s="119"/>
      <c r="AB383" s="119"/>
      <c r="AC383" s="119"/>
      <c r="AD383" s="119"/>
      <c r="AE383" s="119"/>
      <c r="AF383" s="119"/>
      <c r="AG383" s="119"/>
      <c r="AH383" s="119"/>
      <c r="AI383" s="119"/>
      <c r="AJ383" s="119"/>
      <c r="AK383" s="119"/>
      <c r="AL383" s="119"/>
      <c r="AM383" s="119"/>
      <c r="AN383" s="119"/>
      <c r="AO383" s="119"/>
      <c r="AP383" s="119"/>
      <c r="AQ383" s="119"/>
      <c r="AR383" s="119"/>
      <c r="AS383" s="119"/>
      <c r="AT383" s="119"/>
      <c r="AU383" s="119"/>
      <c r="AV383" s="119"/>
      <c r="AW383" s="119"/>
      <c r="AX383" s="119"/>
      <c r="AY383" s="119"/>
      <c r="AZ383" s="119"/>
      <c r="BA383" s="119"/>
      <c r="BB383" s="107">
        <v>45884</v>
      </c>
    </row>
    <row r="384" spans="1:54" s="207" customFormat="1" ht="13.95" customHeight="1" x14ac:dyDescent="0.25">
      <c r="A384" s="208" t="s">
        <v>1009</v>
      </c>
      <c r="B384" s="209" t="s">
        <v>20420</v>
      </c>
      <c r="C384" s="113" t="s">
        <v>1010</v>
      </c>
      <c r="D384" s="113" t="s">
        <v>1011</v>
      </c>
      <c r="E384" s="210">
        <v>1977</v>
      </c>
      <c r="F384" s="210">
        <v>339</v>
      </c>
      <c r="G384" s="113" t="s">
        <v>1</v>
      </c>
      <c r="H384" s="113">
        <v>0</v>
      </c>
      <c r="I384" s="113">
        <v>0</v>
      </c>
      <c r="J384" s="115">
        <v>1</v>
      </c>
      <c r="K384" s="116" t="s">
        <v>174</v>
      </c>
      <c r="L384" s="115">
        <v>0</v>
      </c>
      <c r="M384" s="115">
        <v>0</v>
      </c>
      <c r="N384" s="115">
        <v>0</v>
      </c>
      <c r="O384" s="115">
        <v>0</v>
      </c>
      <c r="P384" s="115" t="s">
        <v>400</v>
      </c>
      <c r="Q384" s="115" t="s">
        <v>400</v>
      </c>
      <c r="R384" s="115">
        <v>0</v>
      </c>
      <c r="S384" s="115">
        <v>0</v>
      </c>
      <c r="T384" s="115">
        <v>0</v>
      </c>
      <c r="U384" s="119"/>
      <c r="V384" s="119"/>
      <c r="W384" s="119"/>
      <c r="X384" s="119"/>
      <c r="Y384" s="119"/>
      <c r="Z384" s="119"/>
      <c r="AA384" s="119"/>
      <c r="AB384" s="119"/>
      <c r="AC384" s="119"/>
      <c r="AD384" s="119"/>
      <c r="AE384" s="119"/>
      <c r="AF384" s="119"/>
      <c r="AG384" s="119"/>
      <c r="AH384" s="119"/>
      <c r="AI384" s="119"/>
      <c r="AJ384" s="119"/>
      <c r="AK384" s="119"/>
      <c r="AL384" s="119"/>
      <c r="AM384" s="119"/>
      <c r="AN384" s="119"/>
      <c r="AO384" s="119"/>
      <c r="AP384" s="119"/>
      <c r="AQ384" s="119"/>
      <c r="AR384" s="119"/>
      <c r="AS384" s="119"/>
      <c r="AT384" s="119"/>
      <c r="AU384" s="119"/>
      <c r="AV384" s="119"/>
      <c r="AW384" s="119"/>
      <c r="AX384" s="119"/>
      <c r="AY384" s="119"/>
      <c r="AZ384" s="119"/>
      <c r="BA384" s="119"/>
      <c r="BB384" s="107">
        <v>45884</v>
      </c>
    </row>
    <row r="385" spans="1:54" s="207" customFormat="1" ht="13.95" customHeight="1" x14ac:dyDescent="0.25">
      <c r="A385" s="208" t="s">
        <v>1012</v>
      </c>
      <c r="B385" s="209" t="s">
        <v>20420</v>
      </c>
      <c r="C385" s="113" t="s">
        <v>1013</v>
      </c>
      <c r="D385" s="113" t="s">
        <v>22585</v>
      </c>
      <c r="E385" s="210">
        <v>1978</v>
      </c>
      <c r="F385" s="210">
        <v>339</v>
      </c>
      <c r="G385" s="113" t="s">
        <v>1</v>
      </c>
      <c r="H385" s="113">
        <v>0</v>
      </c>
      <c r="I385" s="113">
        <v>0</v>
      </c>
      <c r="J385" s="115">
        <v>1</v>
      </c>
      <c r="K385" s="116" t="s">
        <v>174</v>
      </c>
      <c r="L385" s="115">
        <v>1</v>
      </c>
      <c r="M385" s="115">
        <v>0</v>
      </c>
      <c r="N385" s="115">
        <v>0</v>
      </c>
      <c r="O385" s="115">
        <v>0</v>
      </c>
      <c r="P385" s="115" t="s">
        <v>400</v>
      </c>
      <c r="Q385" s="115">
        <v>1</v>
      </c>
      <c r="R385" s="115">
        <v>0</v>
      </c>
      <c r="S385" s="115">
        <v>0</v>
      </c>
      <c r="T385" s="115">
        <v>0</v>
      </c>
      <c r="U385" s="119"/>
      <c r="V385" s="119"/>
      <c r="W385" s="119"/>
      <c r="X385" s="119"/>
      <c r="Y385" s="119"/>
      <c r="Z385" s="119"/>
      <c r="AA385" s="119"/>
      <c r="AB385" s="119"/>
      <c r="AC385" s="119"/>
      <c r="AD385" s="119"/>
      <c r="AE385" s="119"/>
      <c r="AF385" s="119"/>
      <c r="AG385" s="119"/>
      <c r="AH385" s="119"/>
      <c r="AI385" s="119"/>
      <c r="AJ385" s="119"/>
      <c r="AK385" s="119"/>
      <c r="AL385" s="119"/>
      <c r="AM385" s="119"/>
      <c r="AN385" s="119"/>
      <c r="AO385" s="119"/>
      <c r="AP385" s="119"/>
      <c r="AQ385" s="119"/>
      <c r="AR385" s="119"/>
      <c r="AS385" s="119"/>
      <c r="AT385" s="119"/>
      <c r="AU385" s="119"/>
      <c r="AV385" s="119"/>
      <c r="AW385" s="119"/>
      <c r="AX385" s="119"/>
      <c r="AY385" s="119"/>
      <c r="AZ385" s="119"/>
      <c r="BA385" s="119"/>
      <c r="BB385" s="107">
        <v>45884</v>
      </c>
    </row>
    <row r="386" spans="1:54" s="207" customFormat="1" ht="13.95" customHeight="1" x14ac:dyDescent="0.25">
      <c r="A386" s="208" t="s">
        <v>1014</v>
      </c>
      <c r="B386" s="209" t="s">
        <v>20420</v>
      </c>
      <c r="C386" s="113" t="s">
        <v>1015</v>
      </c>
      <c r="D386" s="113" t="s">
        <v>22586</v>
      </c>
      <c r="E386" s="210">
        <v>1979</v>
      </c>
      <c r="F386" s="210">
        <v>340</v>
      </c>
      <c r="G386" s="113" t="s">
        <v>1</v>
      </c>
      <c r="H386" s="113">
        <v>0</v>
      </c>
      <c r="I386" s="113">
        <v>0</v>
      </c>
      <c r="J386" s="115">
        <v>1</v>
      </c>
      <c r="K386" s="116" t="s">
        <v>174</v>
      </c>
      <c r="L386" s="115">
        <v>0</v>
      </c>
      <c r="M386" s="115">
        <v>0</v>
      </c>
      <c r="N386" s="115">
        <v>0</v>
      </c>
      <c r="O386" s="115">
        <v>0</v>
      </c>
      <c r="P386" s="115" t="s">
        <v>400</v>
      </c>
      <c r="Q386" s="115" t="s">
        <v>400</v>
      </c>
      <c r="R386" s="115">
        <v>0</v>
      </c>
      <c r="S386" s="115">
        <v>0</v>
      </c>
      <c r="T386" s="115">
        <v>0</v>
      </c>
      <c r="U386" s="119"/>
      <c r="V386" s="119"/>
      <c r="W386" s="119"/>
      <c r="X386" s="119"/>
      <c r="Y386" s="119"/>
      <c r="Z386" s="119"/>
      <c r="AA386" s="119"/>
      <c r="AB386" s="119"/>
      <c r="AC386" s="119"/>
      <c r="AD386" s="119"/>
      <c r="AE386" s="119"/>
      <c r="AF386" s="119"/>
      <c r="AG386" s="119"/>
      <c r="AH386" s="119"/>
      <c r="AI386" s="119"/>
      <c r="AJ386" s="119"/>
      <c r="AK386" s="119"/>
      <c r="AL386" s="119"/>
      <c r="AM386" s="119"/>
      <c r="AN386" s="119"/>
      <c r="AO386" s="119"/>
      <c r="AP386" s="119"/>
      <c r="AQ386" s="119"/>
      <c r="AR386" s="119"/>
      <c r="AS386" s="119"/>
      <c r="AT386" s="119"/>
      <c r="AU386" s="119"/>
      <c r="AV386" s="119"/>
      <c r="AW386" s="119"/>
      <c r="AX386" s="119"/>
      <c r="AY386" s="119"/>
      <c r="AZ386" s="119"/>
      <c r="BA386" s="119"/>
      <c r="BB386" s="107">
        <v>45884</v>
      </c>
    </row>
    <row r="387" spans="1:54" s="207" customFormat="1" ht="13.95" customHeight="1" x14ac:dyDescent="0.25">
      <c r="A387" s="208" t="s">
        <v>1016</v>
      </c>
      <c r="B387" s="209" t="s">
        <v>20420</v>
      </c>
      <c r="C387" s="113" t="s">
        <v>1017</v>
      </c>
      <c r="D387" s="113" t="s">
        <v>22587</v>
      </c>
      <c r="E387" s="210">
        <v>1981</v>
      </c>
      <c r="F387" s="210">
        <v>341</v>
      </c>
      <c r="G387" s="113" t="s">
        <v>1</v>
      </c>
      <c r="H387" s="113">
        <v>0</v>
      </c>
      <c r="I387" s="113">
        <v>0</v>
      </c>
      <c r="J387" s="115">
        <v>1</v>
      </c>
      <c r="K387" s="211">
        <v>1</v>
      </c>
      <c r="L387" s="115">
        <v>1</v>
      </c>
      <c r="M387" s="115">
        <v>0</v>
      </c>
      <c r="N387" s="115">
        <v>0</v>
      </c>
      <c r="O387" s="115">
        <v>0</v>
      </c>
      <c r="P387" s="115">
        <v>1</v>
      </c>
      <c r="Q387" s="115" t="s">
        <v>400</v>
      </c>
      <c r="R387" s="115">
        <v>1</v>
      </c>
      <c r="S387" s="115">
        <v>0</v>
      </c>
      <c r="T387" s="115">
        <v>0</v>
      </c>
      <c r="U387" s="119"/>
      <c r="V387" s="119"/>
      <c r="W387" s="119"/>
      <c r="X387" s="119"/>
      <c r="Y387" s="119"/>
      <c r="Z387" s="119"/>
      <c r="AA387" s="119"/>
      <c r="AB387" s="119"/>
      <c r="AC387" s="119"/>
      <c r="AD387" s="119"/>
      <c r="AE387" s="119"/>
      <c r="AF387" s="119"/>
      <c r="AG387" s="119"/>
      <c r="AH387" s="119"/>
      <c r="AI387" s="119"/>
      <c r="AJ387" s="119"/>
      <c r="AK387" s="119"/>
      <c r="AL387" s="119"/>
      <c r="AM387" s="119"/>
      <c r="AN387" s="119"/>
      <c r="AO387" s="119"/>
      <c r="AP387" s="119"/>
      <c r="AQ387" s="119"/>
      <c r="AR387" s="119"/>
      <c r="AS387" s="119"/>
      <c r="AT387" s="119"/>
      <c r="AU387" s="119"/>
      <c r="AV387" s="119"/>
      <c r="AW387" s="119"/>
      <c r="AX387" s="119"/>
      <c r="AY387" s="119"/>
      <c r="AZ387" s="119"/>
      <c r="BA387" s="119"/>
      <c r="BB387" s="107">
        <v>45884</v>
      </c>
    </row>
    <row r="388" spans="1:54" s="207" customFormat="1" ht="13.95" customHeight="1" x14ac:dyDescent="0.25">
      <c r="A388" s="208" t="s">
        <v>1018</v>
      </c>
      <c r="B388" s="209" t="s">
        <v>20420</v>
      </c>
      <c r="C388" s="113" t="s">
        <v>1019</v>
      </c>
      <c r="D388" s="113" t="s">
        <v>22588</v>
      </c>
      <c r="E388" s="210">
        <v>2006</v>
      </c>
      <c r="F388" s="210">
        <v>342</v>
      </c>
      <c r="G388" s="113" t="s">
        <v>1</v>
      </c>
      <c r="H388" s="113">
        <v>0</v>
      </c>
      <c r="I388" s="113">
        <v>0</v>
      </c>
      <c r="J388" s="115">
        <v>1</v>
      </c>
      <c r="K388" s="211">
        <v>1</v>
      </c>
      <c r="L388" s="115">
        <v>1</v>
      </c>
      <c r="M388" s="115">
        <v>0</v>
      </c>
      <c r="N388" s="115">
        <v>0</v>
      </c>
      <c r="O388" s="115">
        <v>0</v>
      </c>
      <c r="P388" s="115">
        <v>1</v>
      </c>
      <c r="Q388" s="115" t="s">
        <v>400</v>
      </c>
      <c r="R388" s="115">
        <v>0</v>
      </c>
      <c r="S388" s="115">
        <v>0</v>
      </c>
      <c r="T388" s="115">
        <v>0</v>
      </c>
      <c r="U388" s="119"/>
      <c r="V388" s="119"/>
      <c r="W388" s="119"/>
      <c r="X388" s="119"/>
      <c r="Y388" s="119"/>
      <c r="Z388" s="119"/>
      <c r="AA388" s="119"/>
      <c r="AB388" s="119"/>
      <c r="AC388" s="119"/>
      <c r="AD388" s="119"/>
      <c r="AE388" s="119"/>
      <c r="AF388" s="119"/>
      <c r="AG388" s="119"/>
      <c r="AH388" s="119"/>
      <c r="AI388" s="119"/>
      <c r="AJ388" s="119"/>
      <c r="AK388" s="119"/>
      <c r="AL388" s="119"/>
      <c r="AM388" s="119"/>
      <c r="AN388" s="119"/>
      <c r="AO388" s="119"/>
      <c r="AP388" s="119"/>
      <c r="AQ388" s="119"/>
      <c r="AR388" s="119"/>
      <c r="AS388" s="119"/>
      <c r="AT388" s="119"/>
      <c r="AU388" s="119"/>
      <c r="AV388" s="119"/>
      <c r="AW388" s="119"/>
      <c r="AX388" s="119"/>
      <c r="AY388" s="119"/>
      <c r="AZ388" s="119"/>
      <c r="BA388" s="119"/>
      <c r="BB388" s="107">
        <v>45884</v>
      </c>
    </row>
    <row r="389" spans="1:54" s="207" customFormat="1" ht="13.95" customHeight="1" x14ac:dyDescent="0.25">
      <c r="A389" s="208" t="s">
        <v>1020</v>
      </c>
      <c r="B389" s="209" t="s">
        <v>20420</v>
      </c>
      <c r="C389" s="113" t="s">
        <v>1021</v>
      </c>
      <c r="D389" s="113" t="s">
        <v>22589</v>
      </c>
      <c r="E389" s="210">
        <v>2005</v>
      </c>
      <c r="F389" s="210">
        <v>342</v>
      </c>
      <c r="G389" s="113" t="s">
        <v>1</v>
      </c>
      <c r="H389" s="113">
        <v>0</v>
      </c>
      <c r="I389" s="113">
        <v>0</v>
      </c>
      <c r="J389" s="115">
        <v>1</v>
      </c>
      <c r="K389" s="211">
        <v>1</v>
      </c>
      <c r="L389" s="115">
        <v>0</v>
      </c>
      <c r="M389" s="115">
        <v>0</v>
      </c>
      <c r="N389" s="115">
        <v>0</v>
      </c>
      <c r="O389" s="115">
        <v>0</v>
      </c>
      <c r="P389" s="115" t="s">
        <v>400</v>
      </c>
      <c r="Q389" s="115" t="s">
        <v>400</v>
      </c>
      <c r="R389" s="115">
        <v>0</v>
      </c>
      <c r="S389" s="115">
        <v>0</v>
      </c>
      <c r="T389" s="115">
        <v>0</v>
      </c>
      <c r="U389" s="119"/>
      <c r="V389" s="119"/>
      <c r="W389" s="119"/>
      <c r="X389" s="119"/>
      <c r="Y389" s="119"/>
      <c r="Z389" s="119"/>
      <c r="AA389" s="119"/>
      <c r="AB389" s="119"/>
      <c r="AC389" s="119"/>
      <c r="AD389" s="119"/>
      <c r="AE389" s="119"/>
      <c r="AF389" s="119"/>
      <c r="AG389" s="119"/>
      <c r="AH389" s="119"/>
      <c r="AI389" s="119"/>
      <c r="AJ389" s="119"/>
      <c r="AK389" s="119"/>
      <c r="AL389" s="119"/>
      <c r="AM389" s="119"/>
      <c r="AN389" s="119"/>
      <c r="AO389" s="119"/>
      <c r="AP389" s="119"/>
      <c r="AQ389" s="119"/>
      <c r="AR389" s="119"/>
      <c r="AS389" s="119"/>
      <c r="AT389" s="119"/>
      <c r="AU389" s="119"/>
      <c r="AV389" s="119"/>
      <c r="AW389" s="119"/>
      <c r="AX389" s="119"/>
      <c r="AY389" s="119"/>
      <c r="AZ389" s="119"/>
      <c r="BA389" s="119"/>
      <c r="BB389" s="107">
        <v>45884</v>
      </c>
    </row>
    <row r="390" spans="1:54" s="207" customFormat="1" ht="13.95" customHeight="1" x14ac:dyDescent="0.25">
      <c r="A390" s="208" t="s">
        <v>1022</v>
      </c>
      <c r="B390" s="209" t="s">
        <v>20420</v>
      </c>
      <c r="C390" s="113" t="s">
        <v>1023</v>
      </c>
      <c r="D390" s="113" t="s">
        <v>22590</v>
      </c>
      <c r="E390" s="210">
        <v>1981</v>
      </c>
      <c r="F390" s="210">
        <v>343</v>
      </c>
      <c r="G390" s="113" t="s">
        <v>1</v>
      </c>
      <c r="H390" s="113">
        <v>0</v>
      </c>
      <c r="I390" s="113">
        <v>0</v>
      </c>
      <c r="J390" s="115">
        <v>1</v>
      </c>
      <c r="K390" s="116" t="s">
        <v>174</v>
      </c>
      <c r="L390" s="115">
        <v>0</v>
      </c>
      <c r="M390" s="115">
        <v>0</v>
      </c>
      <c r="N390" s="115">
        <v>1</v>
      </c>
      <c r="O390" s="115">
        <v>0</v>
      </c>
      <c r="P390" s="115" t="s">
        <v>400</v>
      </c>
      <c r="Q390" s="115" t="s">
        <v>400</v>
      </c>
      <c r="R390" s="115">
        <v>0</v>
      </c>
      <c r="S390" s="115">
        <v>0</v>
      </c>
      <c r="T390" s="115">
        <v>0</v>
      </c>
      <c r="U390" s="119"/>
      <c r="V390" s="119"/>
      <c r="W390" s="119"/>
      <c r="X390" s="119"/>
      <c r="Y390" s="119"/>
      <c r="Z390" s="119"/>
      <c r="AA390" s="119"/>
      <c r="AB390" s="119"/>
      <c r="AC390" s="119"/>
      <c r="AD390" s="119"/>
      <c r="AE390" s="119"/>
      <c r="AF390" s="119"/>
      <c r="AG390" s="119"/>
      <c r="AH390" s="119"/>
      <c r="AI390" s="119"/>
      <c r="AJ390" s="119"/>
      <c r="AK390" s="119"/>
      <c r="AL390" s="119"/>
      <c r="AM390" s="119"/>
      <c r="AN390" s="119"/>
      <c r="AO390" s="119"/>
      <c r="AP390" s="119"/>
      <c r="AQ390" s="119"/>
      <c r="AR390" s="119"/>
      <c r="AS390" s="119"/>
      <c r="AT390" s="119"/>
      <c r="AU390" s="119"/>
      <c r="AV390" s="119"/>
      <c r="AW390" s="119"/>
      <c r="AX390" s="119"/>
      <c r="AY390" s="119"/>
      <c r="AZ390" s="119"/>
      <c r="BA390" s="119"/>
      <c r="BB390" s="107">
        <v>45884</v>
      </c>
    </row>
    <row r="391" spans="1:54" s="207" customFormat="1" ht="13.95" customHeight="1" x14ac:dyDescent="0.25">
      <c r="A391" s="208" t="s">
        <v>1024</v>
      </c>
      <c r="B391" s="209" t="s">
        <v>20420</v>
      </c>
      <c r="C391" s="113" t="s">
        <v>1025</v>
      </c>
      <c r="D391" s="113" t="s">
        <v>22591</v>
      </c>
      <c r="E391" s="210">
        <v>2001</v>
      </c>
      <c r="F391" s="210">
        <v>343</v>
      </c>
      <c r="G391" s="113" t="s">
        <v>1</v>
      </c>
      <c r="H391" s="113">
        <v>0</v>
      </c>
      <c r="I391" s="113">
        <v>0</v>
      </c>
      <c r="J391" s="115">
        <v>1</v>
      </c>
      <c r="K391" s="211">
        <v>1</v>
      </c>
      <c r="L391" s="115">
        <v>1</v>
      </c>
      <c r="M391" s="115">
        <v>0</v>
      </c>
      <c r="N391" s="115">
        <v>0</v>
      </c>
      <c r="O391" s="115">
        <v>1</v>
      </c>
      <c r="P391" s="115">
        <v>1</v>
      </c>
      <c r="Q391" s="115" t="s">
        <v>400</v>
      </c>
      <c r="R391" s="115">
        <v>1</v>
      </c>
      <c r="S391" s="115">
        <v>0</v>
      </c>
      <c r="T391" s="115">
        <v>0</v>
      </c>
      <c r="U391" s="119"/>
      <c r="V391" s="119"/>
      <c r="W391" s="119"/>
      <c r="X391" s="119"/>
      <c r="Y391" s="119"/>
      <c r="Z391" s="119"/>
      <c r="AA391" s="119"/>
      <c r="AB391" s="119"/>
      <c r="AC391" s="119"/>
      <c r="AD391" s="119"/>
      <c r="AE391" s="119"/>
      <c r="AF391" s="119"/>
      <c r="AG391" s="119"/>
      <c r="AH391" s="119"/>
      <c r="AI391" s="119"/>
      <c r="AJ391" s="119"/>
      <c r="AK391" s="119"/>
      <c r="AL391" s="119"/>
      <c r="AM391" s="119"/>
      <c r="AN391" s="119"/>
      <c r="AO391" s="119"/>
      <c r="AP391" s="119"/>
      <c r="AQ391" s="119"/>
      <c r="AR391" s="119"/>
      <c r="AS391" s="119"/>
      <c r="AT391" s="119"/>
      <c r="AU391" s="119"/>
      <c r="AV391" s="119"/>
      <c r="AW391" s="119"/>
      <c r="AX391" s="119"/>
      <c r="AY391" s="119"/>
      <c r="AZ391" s="119"/>
      <c r="BA391" s="119"/>
      <c r="BB391" s="107">
        <v>45884</v>
      </c>
    </row>
    <row r="392" spans="1:54" s="207" customFormat="1" ht="13.95" customHeight="1" x14ac:dyDescent="0.25">
      <c r="A392" s="208" t="s">
        <v>1026</v>
      </c>
      <c r="B392" s="209" t="s">
        <v>20420</v>
      </c>
      <c r="C392" s="113" t="s">
        <v>1027</v>
      </c>
      <c r="D392" s="113" t="s">
        <v>22592</v>
      </c>
      <c r="E392" s="210">
        <v>2003</v>
      </c>
      <c r="F392" s="210">
        <v>343</v>
      </c>
      <c r="G392" s="113" t="s">
        <v>1</v>
      </c>
      <c r="H392" s="113">
        <v>0</v>
      </c>
      <c r="I392" s="113">
        <v>0</v>
      </c>
      <c r="J392" s="115">
        <v>1</v>
      </c>
      <c r="K392" s="116" t="s">
        <v>174</v>
      </c>
      <c r="L392" s="115">
        <v>0</v>
      </c>
      <c r="M392" s="115">
        <v>0</v>
      </c>
      <c r="N392" s="115">
        <v>0</v>
      </c>
      <c r="O392" s="115">
        <v>0</v>
      </c>
      <c r="P392" s="115" t="s">
        <v>400</v>
      </c>
      <c r="Q392" s="115" t="s">
        <v>400</v>
      </c>
      <c r="R392" s="115">
        <v>0</v>
      </c>
      <c r="S392" s="115">
        <v>0</v>
      </c>
      <c r="T392" s="115">
        <v>0</v>
      </c>
      <c r="U392" s="119"/>
      <c r="V392" s="119"/>
      <c r="W392" s="119"/>
      <c r="X392" s="119"/>
      <c r="Y392" s="119"/>
      <c r="Z392" s="119"/>
      <c r="AA392" s="119"/>
      <c r="AB392" s="119"/>
      <c r="AC392" s="119"/>
      <c r="AD392" s="119"/>
      <c r="AE392" s="119"/>
      <c r="AF392" s="119"/>
      <c r="AG392" s="119"/>
      <c r="AH392" s="119"/>
      <c r="AI392" s="119"/>
      <c r="AJ392" s="119"/>
      <c r="AK392" s="119"/>
      <c r="AL392" s="119"/>
      <c r="AM392" s="119"/>
      <c r="AN392" s="119"/>
      <c r="AO392" s="119"/>
      <c r="AP392" s="119"/>
      <c r="AQ392" s="119"/>
      <c r="AR392" s="119"/>
      <c r="AS392" s="119"/>
      <c r="AT392" s="119"/>
      <c r="AU392" s="119"/>
      <c r="AV392" s="119"/>
      <c r="AW392" s="119"/>
      <c r="AX392" s="119"/>
      <c r="AY392" s="119"/>
      <c r="AZ392" s="119"/>
      <c r="BA392" s="119"/>
      <c r="BB392" s="107">
        <v>45884</v>
      </c>
    </row>
    <row r="393" spans="1:54" s="207" customFormat="1" ht="13.95" customHeight="1" x14ac:dyDescent="0.25">
      <c r="A393" s="208" t="s">
        <v>1028</v>
      </c>
      <c r="B393" s="209" t="s">
        <v>20420</v>
      </c>
      <c r="C393" s="113" t="s">
        <v>1029</v>
      </c>
      <c r="D393" s="113" t="s">
        <v>22593</v>
      </c>
      <c r="E393" s="210">
        <v>1984</v>
      </c>
      <c r="F393" s="210">
        <v>344</v>
      </c>
      <c r="G393" s="113" t="s">
        <v>1</v>
      </c>
      <c r="H393" s="113">
        <v>0</v>
      </c>
      <c r="I393" s="113">
        <v>0</v>
      </c>
      <c r="J393" s="115">
        <v>1</v>
      </c>
      <c r="K393" s="116" t="s">
        <v>174</v>
      </c>
      <c r="L393" s="115">
        <v>0</v>
      </c>
      <c r="M393" s="115">
        <v>0</v>
      </c>
      <c r="N393" s="115">
        <v>0</v>
      </c>
      <c r="O393" s="115">
        <v>1</v>
      </c>
      <c r="P393" s="115" t="s">
        <v>400</v>
      </c>
      <c r="Q393" s="115" t="s">
        <v>400</v>
      </c>
      <c r="R393" s="115">
        <v>0</v>
      </c>
      <c r="S393" s="115">
        <v>0</v>
      </c>
      <c r="T393" s="115">
        <v>0</v>
      </c>
      <c r="U393" s="119"/>
      <c r="V393" s="119"/>
      <c r="W393" s="119"/>
      <c r="X393" s="119"/>
      <c r="Y393" s="119"/>
      <c r="Z393" s="119"/>
      <c r="AA393" s="119"/>
      <c r="AB393" s="119"/>
      <c r="AC393" s="119"/>
      <c r="AD393" s="119"/>
      <c r="AE393" s="119"/>
      <c r="AF393" s="119"/>
      <c r="AG393" s="119"/>
      <c r="AH393" s="119"/>
      <c r="AI393" s="119"/>
      <c r="AJ393" s="119"/>
      <c r="AK393" s="119"/>
      <c r="AL393" s="119"/>
      <c r="AM393" s="119"/>
      <c r="AN393" s="119"/>
      <c r="AO393" s="119"/>
      <c r="AP393" s="119"/>
      <c r="AQ393" s="119"/>
      <c r="AR393" s="119"/>
      <c r="AS393" s="119"/>
      <c r="AT393" s="119"/>
      <c r="AU393" s="119"/>
      <c r="AV393" s="119"/>
      <c r="AW393" s="119"/>
      <c r="AX393" s="119"/>
      <c r="AY393" s="119"/>
      <c r="AZ393" s="119"/>
      <c r="BA393" s="119"/>
      <c r="BB393" s="107">
        <v>45884</v>
      </c>
    </row>
    <row r="394" spans="1:54" s="207" customFormat="1" ht="13.95" customHeight="1" x14ac:dyDescent="0.25">
      <c r="A394" s="208" t="s">
        <v>1030</v>
      </c>
      <c r="B394" s="209" t="s">
        <v>20420</v>
      </c>
      <c r="C394" s="113" t="s">
        <v>1031</v>
      </c>
      <c r="D394" s="113" t="s">
        <v>1032</v>
      </c>
      <c r="E394" s="210">
        <v>1991</v>
      </c>
      <c r="F394" s="210">
        <v>345</v>
      </c>
      <c r="G394" s="113" t="s">
        <v>1</v>
      </c>
      <c r="H394" s="113">
        <v>0</v>
      </c>
      <c r="I394" s="113">
        <v>0</v>
      </c>
      <c r="J394" s="115">
        <v>1</v>
      </c>
      <c r="K394" s="116" t="s">
        <v>174</v>
      </c>
      <c r="L394" s="115">
        <v>1</v>
      </c>
      <c r="M394" s="115">
        <v>0</v>
      </c>
      <c r="N394" s="115">
        <v>0</v>
      </c>
      <c r="O394" s="115">
        <v>0</v>
      </c>
      <c r="P394" s="115">
        <v>1</v>
      </c>
      <c r="Q394" s="115" t="s">
        <v>400</v>
      </c>
      <c r="R394" s="115">
        <v>0</v>
      </c>
      <c r="S394" s="115">
        <v>0</v>
      </c>
      <c r="T394" s="115">
        <v>0</v>
      </c>
      <c r="U394" s="119"/>
      <c r="V394" s="119"/>
      <c r="W394" s="119"/>
      <c r="X394" s="119"/>
      <c r="Y394" s="119"/>
      <c r="Z394" s="119"/>
      <c r="AA394" s="119"/>
      <c r="AB394" s="119"/>
      <c r="AC394" s="119"/>
      <c r="AD394" s="119"/>
      <c r="AE394" s="119"/>
      <c r="AF394" s="119"/>
      <c r="AG394" s="119"/>
      <c r="AH394" s="119"/>
      <c r="AI394" s="119"/>
      <c r="AJ394" s="119"/>
      <c r="AK394" s="119"/>
      <c r="AL394" s="119"/>
      <c r="AM394" s="119"/>
      <c r="AN394" s="119"/>
      <c r="AO394" s="119"/>
      <c r="AP394" s="119"/>
      <c r="AQ394" s="119"/>
      <c r="AR394" s="119"/>
      <c r="AS394" s="119"/>
      <c r="AT394" s="119"/>
      <c r="AU394" s="119"/>
      <c r="AV394" s="119"/>
      <c r="AW394" s="119"/>
      <c r="AX394" s="119"/>
      <c r="AY394" s="119"/>
      <c r="AZ394" s="119"/>
      <c r="BA394" s="119"/>
      <c r="BB394" s="107">
        <v>45884</v>
      </c>
    </row>
    <row r="395" spans="1:54" s="207" customFormat="1" ht="13.95" customHeight="1" x14ac:dyDescent="0.25">
      <c r="A395" s="208" t="s">
        <v>1033</v>
      </c>
      <c r="B395" s="209" t="s">
        <v>20420</v>
      </c>
      <c r="C395" s="113" t="s">
        <v>1034</v>
      </c>
      <c r="D395" s="113" t="s">
        <v>1035</v>
      </c>
      <c r="E395" s="210">
        <v>1974</v>
      </c>
      <c r="F395" s="210">
        <v>347</v>
      </c>
      <c r="G395" s="113" t="s">
        <v>1</v>
      </c>
      <c r="H395" s="113">
        <v>0</v>
      </c>
      <c r="I395" s="113">
        <v>0</v>
      </c>
      <c r="J395" s="115">
        <v>1</v>
      </c>
      <c r="K395" s="116" t="s">
        <v>174</v>
      </c>
      <c r="L395" s="115">
        <v>1</v>
      </c>
      <c r="M395" s="115">
        <v>0</v>
      </c>
      <c r="N395" s="115">
        <v>1</v>
      </c>
      <c r="O395" s="115">
        <v>0</v>
      </c>
      <c r="P395" s="115" t="s">
        <v>400</v>
      </c>
      <c r="Q395" s="115" t="s">
        <v>400</v>
      </c>
      <c r="R395" s="115">
        <v>0</v>
      </c>
      <c r="S395" s="115">
        <v>0</v>
      </c>
      <c r="T395" s="115">
        <v>0</v>
      </c>
      <c r="U395" s="119"/>
      <c r="V395" s="119"/>
      <c r="W395" s="119"/>
      <c r="X395" s="119"/>
      <c r="Y395" s="119"/>
      <c r="Z395" s="119"/>
      <c r="AA395" s="119"/>
      <c r="AB395" s="119"/>
      <c r="AC395" s="119"/>
      <c r="AD395" s="119"/>
      <c r="AE395" s="119"/>
      <c r="AF395" s="119"/>
      <c r="AG395" s="119"/>
      <c r="AH395" s="119"/>
      <c r="AI395" s="119"/>
      <c r="AJ395" s="119"/>
      <c r="AK395" s="119"/>
      <c r="AL395" s="119"/>
      <c r="AM395" s="119"/>
      <c r="AN395" s="119"/>
      <c r="AO395" s="119"/>
      <c r="AP395" s="119"/>
      <c r="AQ395" s="119"/>
      <c r="AR395" s="119"/>
      <c r="AS395" s="119"/>
      <c r="AT395" s="119"/>
      <c r="AU395" s="119"/>
      <c r="AV395" s="119"/>
      <c r="AW395" s="119"/>
      <c r="AX395" s="119"/>
      <c r="AY395" s="119"/>
      <c r="AZ395" s="119"/>
      <c r="BA395" s="119"/>
      <c r="BB395" s="107">
        <v>45884</v>
      </c>
    </row>
    <row r="396" spans="1:54" s="207" customFormat="1" ht="13.95" customHeight="1" x14ac:dyDescent="0.25">
      <c r="A396" s="208" t="s">
        <v>1036</v>
      </c>
      <c r="B396" s="209" t="s">
        <v>20420</v>
      </c>
      <c r="C396" s="113" t="s">
        <v>1037</v>
      </c>
      <c r="D396" s="113" t="s">
        <v>1038</v>
      </c>
      <c r="E396" s="210">
        <v>2000</v>
      </c>
      <c r="F396" s="210">
        <v>347</v>
      </c>
      <c r="G396" s="113" t="s">
        <v>1</v>
      </c>
      <c r="H396" s="113">
        <v>0</v>
      </c>
      <c r="I396" s="113">
        <v>0</v>
      </c>
      <c r="J396" s="115">
        <v>1</v>
      </c>
      <c r="K396" s="116" t="s">
        <v>174</v>
      </c>
      <c r="L396" s="115">
        <v>0</v>
      </c>
      <c r="M396" s="115">
        <v>0</v>
      </c>
      <c r="N396" s="115">
        <v>1</v>
      </c>
      <c r="O396" s="115">
        <v>0</v>
      </c>
      <c r="P396" s="115" t="s">
        <v>400</v>
      </c>
      <c r="Q396" s="115" t="s">
        <v>400</v>
      </c>
      <c r="R396" s="115">
        <v>0</v>
      </c>
      <c r="S396" s="115">
        <v>0</v>
      </c>
      <c r="T396" s="115">
        <v>0</v>
      </c>
      <c r="U396" s="119"/>
      <c r="V396" s="119"/>
      <c r="W396" s="119"/>
      <c r="X396" s="119"/>
      <c r="Y396" s="119"/>
      <c r="Z396" s="119"/>
      <c r="AA396" s="119"/>
      <c r="AB396" s="119"/>
      <c r="AC396" s="119"/>
      <c r="AD396" s="119"/>
      <c r="AE396" s="119"/>
      <c r="AF396" s="119"/>
      <c r="AG396" s="119"/>
      <c r="AH396" s="119"/>
      <c r="AI396" s="119"/>
      <c r="AJ396" s="119"/>
      <c r="AK396" s="119"/>
      <c r="AL396" s="119"/>
      <c r="AM396" s="119"/>
      <c r="AN396" s="119"/>
      <c r="AO396" s="119"/>
      <c r="AP396" s="119"/>
      <c r="AQ396" s="119"/>
      <c r="AR396" s="119"/>
      <c r="AS396" s="119"/>
      <c r="AT396" s="119"/>
      <c r="AU396" s="119"/>
      <c r="AV396" s="119"/>
      <c r="AW396" s="119"/>
      <c r="AX396" s="119"/>
      <c r="AY396" s="119"/>
      <c r="AZ396" s="119"/>
      <c r="BA396" s="119"/>
      <c r="BB396" s="107">
        <v>45884</v>
      </c>
    </row>
    <row r="397" spans="1:54" s="207" customFormat="1" ht="13.95" customHeight="1" x14ac:dyDescent="0.25">
      <c r="A397" s="208" t="s">
        <v>1039</v>
      </c>
      <c r="B397" s="209" t="s">
        <v>20420</v>
      </c>
      <c r="C397" s="113" t="s">
        <v>1040</v>
      </c>
      <c r="D397" s="113" t="s">
        <v>22594</v>
      </c>
      <c r="E397" s="210">
        <v>1991</v>
      </c>
      <c r="F397" s="210">
        <v>348</v>
      </c>
      <c r="G397" s="113" t="s">
        <v>1</v>
      </c>
      <c r="H397" s="113">
        <v>0</v>
      </c>
      <c r="I397" s="113">
        <v>0</v>
      </c>
      <c r="J397" s="115">
        <v>1</v>
      </c>
      <c r="K397" s="211">
        <v>1</v>
      </c>
      <c r="L397" s="115">
        <v>1</v>
      </c>
      <c r="M397" s="115">
        <v>1</v>
      </c>
      <c r="N397" s="115">
        <v>0</v>
      </c>
      <c r="O397" s="115">
        <v>0</v>
      </c>
      <c r="P397" s="115" t="s">
        <v>400</v>
      </c>
      <c r="Q397" s="115" t="s">
        <v>400</v>
      </c>
      <c r="R397" s="115">
        <v>0</v>
      </c>
      <c r="S397" s="115">
        <v>0</v>
      </c>
      <c r="T397" s="115">
        <v>0</v>
      </c>
      <c r="U397" s="119"/>
      <c r="V397" s="119"/>
      <c r="W397" s="119"/>
      <c r="X397" s="119"/>
      <c r="Y397" s="119"/>
      <c r="Z397" s="119"/>
      <c r="AA397" s="119"/>
      <c r="AB397" s="119"/>
      <c r="AC397" s="119"/>
      <c r="AD397" s="119"/>
      <c r="AE397" s="119"/>
      <c r="AF397" s="119"/>
      <c r="AG397" s="119"/>
      <c r="AH397" s="119"/>
      <c r="AI397" s="119"/>
      <c r="AJ397" s="119"/>
      <c r="AK397" s="119"/>
      <c r="AL397" s="119"/>
      <c r="AM397" s="119"/>
      <c r="AN397" s="119"/>
      <c r="AO397" s="119"/>
      <c r="AP397" s="119"/>
      <c r="AQ397" s="119"/>
      <c r="AR397" s="119"/>
      <c r="AS397" s="119"/>
      <c r="AT397" s="119"/>
      <c r="AU397" s="119"/>
      <c r="AV397" s="119"/>
      <c r="AW397" s="119"/>
      <c r="AX397" s="119"/>
      <c r="AY397" s="119"/>
      <c r="AZ397" s="119"/>
      <c r="BA397" s="119"/>
      <c r="BB397" s="107">
        <v>45884</v>
      </c>
    </row>
    <row r="398" spans="1:54" s="207" customFormat="1" ht="13.95" customHeight="1" x14ac:dyDescent="0.25">
      <c r="A398" s="208" t="s">
        <v>1041</v>
      </c>
      <c r="B398" s="209" t="s">
        <v>20420</v>
      </c>
      <c r="C398" s="113" t="s">
        <v>1042</v>
      </c>
      <c r="D398" s="113" t="s">
        <v>22595</v>
      </c>
      <c r="E398" s="210">
        <v>1980</v>
      </c>
      <c r="F398" s="210">
        <v>349</v>
      </c>
      <c r="G398" s="113" t="s">
        <v>1</v>
      </c>
      <c r="H398" s="113">
        <v>0</v>
      </c>
      <c r="I398" s="113">
        <v>0</v>
      </c>
      <c r="J398" s="115">
        <v>1</v>
      </c>
      <c r="K398" s="211">
        <v>1</v>
      </c>
      <c r="L398" s="115">
        <v>0</v>
      </c>
      <c r="M398" s="115">
        <v>0</v>
      </c>
      <c r="N398" s="115">
        <v>1</v>
      </c>
      <c r="O398" s="115">
        <v>0</v>
      </c>
      <c r="P398" s="115" t="s">
        <v>400</v>
      </c>
      <c r="Q398" s="115" t="s">
        <v>400</v>
      </c>
      <c r="R398" s="115">
        <v>0</v>
      </c>
      <c r="S398" s="115">
        <v>0</v>
      </c>
      <c r="T398" s="115">
        <v>0</v>
      </c>
      <c r="U398" s="119"/>
      <c r="V398" s="119"/>
      <c r="W398" s="119"/>
      <c r="X398" s="119"/>
      <c r="Y398" s="119"/>
      <c r="Z398" s="119"/>
      <c r="AA398" s="119"/>
      <c r="AB398" s="119"/>
      <c r="AC398" s="119"/>
      <c r="AD398" s="119"/>
      <c r="AE398" s="119"/>
      <c r="AF398" s="119"/>
      <c r="AG398" s="119"/>
      <c r="AH398" s="119"/>
      <c r="AI398" s="119"/>
      <c r="AJ398" s="119"/>
      <c r="AK398" s="119"/>
      <c r="AL398" s="119"/>
      <c r="AM398" s="119"/>
      <c r="AN398" s="119"/>
      <c r="AO398" s="119"/>
      <c r="AP398" s="119"/>
      <c r="AQ398" s="119"/>
      <c r="AR398" s="119"/>
      <c r="AS398" s="119"/>
      <c r="AT398" s="119"/>
      <c r="AU398" s="119"/>
      <c r="AV398" s="119"/>
      <c r="AW398" s="119"/>
      <c r="AX398" s="119"/>
      <c r="AY398" s="119"/>
      <c r="AZ398" s="119"/>
      <c r="BA398" s="119"/>
      <c r="BB398" s="107">
        <v>45884</v>
      </c>
    </row>
    <row r="399" spans="1:54" s="207" customFormat="1" ht="13.95" customHeight="1" x14ac:dyDescent="0.25">
      <c r="A399" s="208" t="s">
        <v>1043</v>
      </c>
      <c r="B399" s="209" t="s">
        <v>20420</v>
      </c>
      <c r="C399" s="113" t="s">
        <v>1044</v>
      </c>
      <c r="D399" s="113" t="s">
        <v>22596</v>
      </c>
      <c r="E399" s="210">
        <v>2001</v>
      </c>
      <c r="F399" s="210">
        <v>349</v>
      </c>
      <c r="G399" s="113" t="s">
        <v>1</v>
      </c>
      <c r="H399" s="113">
        <v>0</v>
      </c>
      <c r="I399" s="113">
        <v>0</v>
      </c>
      <c r="J399" s="115">
        <v>1</v>
      </c>
      <c r="K399" s="116" t="s">
        <v>174</v>
      </c>
      <c r="L399" s="115">
        <v>0</v>
      </c>
      <c r="M399" s="115">
        <v>1</v>
      </c>
      <c r="N399" s="115">
        <v>0</v>
      </c>
      <c r="O399" s="115">
        <v>0</v>
      </c>
      <c r="P399" s="115" t="s">
        <v>400</v>
      </c>
      <c r="Q399" s="115" t="s">
        <v>400</v>
      </c>
      <c r="R399" s="115">
        <v>0</v>
      </c>
      <c r="S399" s="115">
        <v>0</v>
      </c>
      <c r="T399" s="115">
        <v>0</v>
      </c>
      <c r="U399" s="119"/>
      <c r="V399" s="119"/>
      <c r="W399" s="119"/>
      <c r="X399" s="119"/>
      <c r="Y399" s="119"/>
      <c r="Z399" s="119"/>
      <c r="AA399" s="119"/>
      <c r="AB399" s="119"/>
      <c r="AC399" s="119"/>
      <c r="AD399" s="119"/>
      <c r="AE399" s="119"/>
      <c r="AF399" s="119"/>
      <c r="AG399" s="119"/>
      <c r="AH399" s="119"/>
      <c r="AI399" s="119"/>
      <c r="AJ399" s="119"/>
      <c r="AK399" s="119"/>
      <c r="AL399" s="119"/>
      <c r="AM399" s="119"/>
      <c r="AN399" s="119"/>
      <c r="AO399" s="119"/>
      <c r="AP399" s="119"/>
      <c r="AQ399" s="119"/>
      <c r="AR399" s="119"/>
      <c r="AS399" s="119"/>
      <c r="AT399" s="119"/>
      <c r="AU399" s="119"/>
      <c r="AV399" s="119"/>
      <c r="AW399" s="119"/>
      <c r="AX399" s="119"/>
      <c r="AY399" s="119"/>
      <c r="AZ399" s="119"/>
      <c r="BA399" s="119"/>
      <c r="BB399" s="107">
        <v>45884</v>
      </c>
    </row>
    <row r="400" spans="1:54" s="207" customFormat="1" ht="13.95" customHeight="1" x14ac:dyDescent="0.25">
      <c r="A400" s="208" t="s">
        <v>1045</v>
      </c>
      <c r="B400" s="209" t="s">
        <v>20420</v>
      </c>
      <c r="C400" s="113" t="s">
        <v>1046</v>
      </c>
      <c r="D400" s="113" t="s">
        <v>22597</v>
      </c>
      <c r="E400" s="210">
        <v>2005</v>
      </c>
      <c r="F400" s="210">
        <v>350</v>
      </c>
      <c r="G400" s="113" t="s">
        <v>1</v>
      </c>
      <c r="H400" s="113">
        <v>0</v>
      </c>
      <c r="I400" s="113">
        <v>0</v>
      </c>
      <c r="J400" s="115">
        <v>1</v>
      </c>
      <c r="K400" s="116" t="s">
        <v>174</v>
      </c>
      <c r="L400" s="115">
        <v>0</v>
      </c>
      <c r="M400" s="115">
        <v>0</v>
      </c>
      <c r="N400" s="115">
        <v>0</v>
      </c>
      <c r="O400" s="115">
        <v>0</v>
      </c>
      <c r="P400" s="115">
        <v>1</v>
      </c>
      <c r="Q400" s="115" t="s">
        <v>400</v>
      </c>
      <c r="R400" s="115">
        <v>0</v>
      </c>
      <c r="S400" s="115">
        <v>0</v>
      </c>
      <c r="T400" s="115">
        <v>0</v>
      </c>
      <c r="U400" s="119"/>
      <c r="V400" s="119"/>
      <c r="W400" s="119"/>
      <c r="X400" s="119"/>
      <c r="Y400" s="119"/>
      <c r="Z400" s="119"/>
      <c r="AA400" s="119"/>
      <c r="AB400" s="119"/>
      <c r="AC400" s="119"/>
      <c r="AD400" s="119"/>
      <c r="AE400" s="119"/>
      <c r="AF400" s="119"/>
      <c r="AG400" s="119"/>
      <c r="AH400" s="119"/>
      <c r="AI400" s="119"/>
      <c r="AJ400" s="119"/>
      <c r="AK400" s="119"/>
      <c r="AL400" s="119"/>
      <c r="AM400" s="119"/>
      <c r="AN400" s="119"/>
      <c r="AO400" s="119"/>
      <c r="AP400" s="119"/>
      <c r="AQ400" s="119"/>
      <c r="AR400" s="119"/>
      <c r="AS400" s="119"/>
      <c r="AT400" s="119"/>
      <c r="AU400" s="119"/>
      <c r="AV400" s="119"/>
      <c r="AW400" s="119"/>
      <c r="AX400" s="119"/>
      <c r="AY400" s="119"/>
      <c r="AZ400" s="119"/>
      <c r="BA400" s="119"/>
      <c r="BB400" s="107">
        <v>45884</v>
      </c>
    </row>
    <row r="401" spans="1:54" s="207" customFormat="1" ht="13.95" customHeight="1" x14ac:dyDescent="0.25">
      <c r="A401" s="208" t="s">
        <v>1047</v>
      </c>
      <c r="B401" s="209" t="s">
        <v>20420</v>
      </c>
      <c r="C401" s="113" t="s">
        <v>1048</v>
      </c>
      <c r="D401" s="113" t="s">
        <v>22598</v>
      </c>
      <c r="E401" s="210">
        <v>1992</v>
      </c>
      <c r="F401" s="210">
        <v>351</v>
      </c>
      <c r="G401" s="113" t="s">
        <v>1</v>
      </c>
      <c r="H401" s="113">
        <v>0</v>
      </c>
      <c r="I401" s="113">
        <v>0</v>
      </c>
      <c r="J401" s="115">
        <v>1</v>
      </c>
      <c r="K401" s="116" t="s">
        <v>174</v>
      </c>
      <c r="L401" s="115">
        <v>0</v>
      </c>
      <c r="M401" s="115">
        <v>0</v>
      </c>
      <c r="N401" s="115">
        <v>0</v>
      </c>
      <c r="O401" s="115">
        <v>0</v>
      </c>
      <c r="P401" s="115" t="s">
        <v>400</v>
      </c>
      <c r="Q401" s="115" t="s">
        <v>400</v>
      </c>
      <c r="R401" s="115">
        <v>0</v>
      </c>
      <c r="S401" s="115">
        <v>0</v>
      </c>
      <c r="T401" s="115">
        <v>0</v>
      </c>
      <c r="U401" s="119"/>
      <c r="V401" s="119"/>
      <c r="W401" s="119"/>
      <c r="X401" s="119"/>
      <c r="Y401" s="119"/>
      <c r="Z401" s="119"/>
      <c r="AA401" s="119"/>
      <c r="AB401" s="119"/>
      <c r="AC401" s="119"/>
      <c r="AD401" s="119"/>
      <c r="AE401" s="119"/>
      <c r="AF401" s="119"/>
      <c r="AG401" s="119"/>
      <c r="AH401" s="119"/>
      <c r="AI401" s="119"/>
      <c r="AJ401" s="119"/>
      <c r="AK401" s="119"/>
      <c r="AL401" s="119"/>
      <c r="AM401" s="119"/>
      <c r="AN401" s="119"/>
      <c r="AO401" s="119"/>
      <c r="AP401" s="119"/>
      <c r="AQ401" s="119"/>
      <c r="AR401" s="119"/>
      <c r="AS401" s="119"/>
      <c r="AT401" s="119"/>
      <c r="AU401" s="119"/>
      <c r="AV401" s="119"/>
      <c r="AW401" s="119"/>
      <c r="AX401" s="119"/>
      <c r="AY401" s="119"/>
      <c r="AZ401" s="119"/>
      <c r="BA401" s="119"/>
      <c r="BB401" s="107">
        <v>45884</v>
      </c>
    </row>
    <row r="402" spans="1:54" s="207" customFormat="1" ht="13.95" customHeight="1" x14ac:dyDescent="0.25">
      <c r="A402" s="208" t="s">
        <v>1049</v>
      </c>
      <c r="B402" s="209" t="s">
        <v>20420</v>
      </c>
      <c r="C402" s="113" t="s">
        <v>1050</v>
      </c>
      <c r="D402" s="113" t="s">
        <v>22563</v>
      </c>
      <c r="E402" s="210">
        <v>2010</v>
      </c>
      <c r="F402" s="210">
        <v>352</v>
      </c>
      <c r="G402" s="113" t="s">
        <v>1</v>
      </c>
      <c r="H402" s="113">
        <v>0</v>
      </c>
      <c r="I402" s="113">
        <v>0</v>
      </c>
      <c r="J402" s="115">
        <v>1</v>
      </c>
      <c r="K402" s="116" t="s">
        <v>174</v>
      </c>
      <c r="L402" s="115">
        <v>1</v>
      </c>
      <c r="M402" s="115">
        <v>0</v>
      </c>
      <c r="N402" s="115">
        <v>0</v>
      </c>
      <c r="O402" s="115">
        <v>0</v>
      </c>
      <c r="P402" s="115">
        <v>1</v>
      </c>
      <c r="Q402" s="115" t="s">
        <v>400</v>
      </c>
      <c r="R402" s="115">
        <v>0</v>
      </c>
      <c r="S402" s="115">
        <v>0</v>
      </c>
      <c r="T402" s="115">
        <v>0</v>
      </c>
      <c r="U402" s="119"/>
      <c r="V402" s="119"/>
      <c r="W402" s="119"/>
      <c r="X402" s="119"/>
      <c r="Y402" s="119"/>
      <c r="Z402" s="119"/>
      <c r="AA402" s="119"/>
      <c r="AB402" s="119"/>
      <c r="AC402" s="119"/>
      <c r="AD402" s="119"/>
      <c r="AE402" s="119"/>
      <c r="AF402" s="119"/>
      <c r="AG402" s="119"/>
      <c r="AH402" s="119"/>
      <c r="AI402" s="119"/>
      <c r="AJ402" s="119"/>
      <c r="AK402" s="119"/>
      <c r="AL402" s="119"/>
      <c r="AM402" s="119"/>
      <c r="AN402" s="119"/>
      <c r="AO402" s="119"/>
      <c r="AP402" s="119"/>
      <c r="AQ402" s="119"/>
      <c r="AR402" s="119"/>
      <c r="AS402" s="119"/>
      <c r="AT402" s="119"/>
      <c r="AU402" s="119"/>
      <c r="AV402" s="119"/>
      <c r="AW402" s="119"/>
      <c r="AX402" s="119"/>
      <c r="AY402" s="119"/>
      <c r="AZ402" s="119"/>
      <c r="BA402" s="119"/>
      <c r="BB402" s="107">
        <v>45884</v>
      </c>
    </row>
    <row r="403" spans="1:54" s="207" customFormat="1" ht="13.95" customHeight="1" x14ac:dyDescent="0.25">
      <c r="A403" s="208" t="s">
        <v>1051</v>
      </c>
      <c r="B403" s="209" t="s">
        <v>20420</v>
      </c>
      <c r="C403" s="113" t="s">
        <v>1052</v>
      </c>
      <c r="D403" s="113" t="s">
        <v>22599</v>
      </c>
      <c r="E403" s="210">
        <v>1986</v>
      </c>
      <c r="F403" s="210">
        <v>353</v>
      </c>
      <c r="G403" s="113" t="s">
        <v>1</v>
      </c>
      <c r="H403" s="113">
        <v>0</v>
      </c>
      <c r="I403" s="113">
        <v>0</v>
      </c>
      <c r="J403" s="115">
        <v>1</v>
      </c>
      <c r="K403" s="116" t="s">
        <v>174</v>
      </c>
      <c r="L403" s="115">
        <v>1</v>
      </c>
      <c r="M403" s="115">
        <v>0</v>
      </c>
      <c r="N403" s="115">
        <v>0</v>
      </c>
      <c r="O403" s="115">
        <v>0</v>
      </c>
      <c r="P403" s="115">
        <v>1</v>
      </c>
      <c r="Q403" s="115" t="s">
        <v>400</v>
      </c>
      <c r="R403" s="115">
        <v>1</v>
      </c>
      <c r="S403" s="115">
        <v>0</v>
      </c>
      <c r="T403" s="115">
        <v>0</v>
      </c>
      <c r="U403" s="119"/>
      <c r="V403" s="119"/>
      <c r="W403" s="119"/>
      <c r="X403" s="119"/>
      <c r="Y403" s="119"/>
      <c r="Z403" s="119"/>
      <c r="AA403" s="119"/>
      <c r="AB403" s="119"/>
      <c r="AC403" s="119"/>
      <c r="AD403" s="119"/>
      <c r="AE403" s="119"/>
      <c r="AF403" s="119"/>
      <c r="AG403" s="119"/>
      <c r="AH403" s="119"/>
      <c r="AI403" s="119"/>
      <c r="AJ403" s="119"/>
      <c r="AK403" s="119"/>
      <c r="AL403" s="119"/>
      <c r="AM403" s="119"/>
      <c r="AN403" s="119"/>
      <c r="AO403" s="119"/>
      <c r="AP403" s="119"/>
      <c r="AQ403" s="119"/>
      <c r="AR403" s="119"/>
      <c r="AS403" s="119"/>
      <c r="AT403" s="119"/>
      <c r="AU403" s="119"/>
      <c r="AV403" s="119"/>
      <c r="AW403" s="119"/>
      <c r="AX403" s="119"/>
      <c r="AY403" s="119"/>
      <c r="AZ403" s="119"/>
      <c r="BA403" s="119"/>
      <c r="BB403" s="107">
        <v>45884</v>
      </c>
    </row>
    <row r="404" spans="1:54" s="207" customFormat="1" ht="13.95" customHeight="1" x14ac:dyDescent="0.25">
      <c r="A404" s="208" t="s">
        <v>1053</v>
      </c>
      <c r="B404" s="209" t="s">
        <v>20420</v>
      </c>
      <c r="C404" s="113" t="s">
        <v>1054</v>
      </c>
      <c r="D404" s="113" t="s">
        <v>1055</v>
      </c>
      <c r="E404" s="210">
        <v>1978</v>
      </c>
      <c r="F404" s="210">
        <v>355</v>
      </c>
      <c r="G404" s="113" t="s">
        <v>1</v>
      </c>
      <c r="H404" s="113">
        <v>0</v>
      </c>
      <c r="I404" s="113">
        <v>0</v>
      </c>
      <c r="J404" s="115">
        <v>1</v>
      </c>
      <c r="K404" s="116" t="s">
        <v>174</v>
      </c>
      <c r="L404" s="115">
        <v>1</v>
      </c>
      <c r="M404" s="115">
        <v>0</v>
      </c>
      <c r="N404" s="115">
        <v>0</v>
      </c>
      <c r="O404" s="115">
        <v>1</v>
      </c>
      <c r="P404" s="115" t="s">
        <v>400</v>
      </c>
      <c r="Q404" s="115" t="s">
        <v>400</v>
      </c>
      <c r="R404" s="115">
        <v>1</v>
      </c>
      <c r="S404" s="115">
        <v>0</v>
      </c>
      <c r="T404" s="115">
        <v>0</v>
      </c>
      <c r="U404" s="119"/>
      <c r="V404" s="119"/>
      <c r="W404" s="119"/>
      <c r="X404" s="119"/>
      <c r="Y404" s="119"/>
      <c r="Z404" s="119"/>
      <c r="AA404" s="119"/>
      <c r="AB404" s="119"/>
      <c r="AC404" s="119"/>
      <c r="AD404" s="119"/>
      <c r="AE404" s="119"/>
      <c r="AF404" s="119"/>
      <c r="AG404" s="119"/>
      <c r="AH404" s="119"/>
      <c r="AI404" s="119"/>
      <c r="AJ404" s="119"/>
      <c r="AK404" s="119"/>
      <c r="AL404" s="119"/>
      <c r="AM404" s="119"/>
      <c r="AN404" s="119"/>
      <c r="AO404" s="119"/>
      <c r="AP404" s="119"/>
      <c r="AQ404" s="119"/>
      <c r="AR404" s="119"/>
      <c r="AS404" s="119"/>
      <c r="AT404" s="119"/>
      <c r="AU404" s="119"/>
      <c r="AV404" s="119"/>
      <c r="AW404" s="119"/>
      <c r="AX404" s="119"/>
      <c r="AY404" s="119"/>
      <c r="AZ404" s="119"/>
      <c r="BA404" s="119"/>
      <c r="BB404" s="107">
        <v>45884</v>
      </c>
    </row>
    <row r="405" spans="1:54" s="207" customFormat="1" ht="13.95" customHeight="1" x14ac:dyDescent="0.25">
      <c r="A405" s="208" t="s">
        <v>1056</v>
      </c>
      <c r="B405" s="209" t="s">
        <v>20420</v>
      </c>
      <c r="C405" s="113" t="s">
        <v>1057</v>
      </c>
      <c r="D405" s="113" t="s">
        <v>22600</v>
      </c>
      <c r="E405" s="210">
        <v>1984</v>
      </c>
      <c r="F405" s="210">
        <v>355</v>
      </c>
      <c r="G405" s="113" t="s">
        <v>1</v>
      </c>
      <c r="H405" s="113">
        <v>0</v>
      </c>
      <c r="I405" s="113">
        <v>0</v>
      </c>
      <c r="J405" s="115">
        <v>0</v>
      </c>
      <c r="K405" s="116" t="s">
        <v>174</v>
      </c>
      <c r="L405" s="115">
        <v>0</v>
      </c>
      <c r="M405" s="115">
        <v>0</v>
      </c>
      <c r="N405" s="115">
        <v>0</v>
      </c>
      <c r="O405" s="115">
        <v>0</v>
      </c>
      <c r="P405" s="115" t="s">
        <v>400</v>
      </c>
      <c r="Q405" s="115" t="s">
        <v>400</v>
      </c>
      <c r="R405" s="115">
        <v>0</v>
      </c>
      <c r="S405" s="115">
        <v>0</v>
      </c>
      <c r="T405" s="115">
        <v>0</v>
      </c>
      <c r="U405" s="119"/>
      <c r="V405" s="119"/>
      <c r="W405" s="119"/>
      <c r="X405" s="119"/>
      <c r="Y405" s="119"/>
      <c r="Z405" s="119"/>
      <c r="AA405" s="119"/>
      <c r="AB405" s="119"/>
      <c r="AC405" s="119"/>
      <c r="AD405" s="119"/>
      <c r="AE405" s="119"/>
      <c r="AF405" s="119"/>
      <c r="AG405" s="119"/>
      <c r="AH405" s="119"/>
      <c r="AI405" s="119"/>
      <c r="AJ405" s="119"/>
      <c r="AK405" s="119"/>
      <c r="AL405" s="119"/>
      <c r="AM405" s="119"/>
      <c r="AN405" s="119"/>
      <c r="AO405" s="119"/>
      <c r="AP405" s="119"/>
      <c r="AQ405" s="119"/>
      <c r="AR405" s="119"/>
      <c r="AS405" s="119"/>
      <c r="AT405" s="119"/>
      <c r="AU405" s="119"/>
      <c r="AV405" s="119"/>
      <c r="AW405" s="119"/>
      <c r="AX405" s="119"/>
      <c r="AY405" s="119"/>
      <c r="AZ405" s="119"/>
      <c r="BA405" s="119"/>
      <c r="BB405" s="107">
        <v>45884</v>
      </c>
    </row>
    <row r="406" spans="1:54" s="207" customFormat="1" ht="13.95" customHeight="1" x14ac:dyDescent="0.25">
      <c r="A406" s="208" t="s">
        <v>1058</v>
      </c>
      <c r="B406" s="209" t="s">
        <v>20420</v>
      </c>
      <c r="C406" s="113" t="s">
        <v>1059</v>
      </c>
      <c r="D406" s="113" t="s">
        <v>22601</v>
      </c>
      <c r="E406" s="210">
        <v>1992</v>
      </c>
      <c r="F406" s="210">
        <v>356</v>
      </c>
      <c r="G406" s="113" t="s">
        <v>1</v>
      </c>
      <c r="H406" s="113">
        <v>0</v>
      </c>
      <c r="I406" s="113">
        <v>0</v>
      </c>
      <c r="J406" s="115">
        <v>1</v>
      </c>
      <c r="K406" s="116" t="s">
        <v>174</v>
      </c>
      <c r="L406" s="115">
        <v>0</v>
      </c>
      <c r="M406" s="115">
        <v>0</v>
      </c>
      <c r="N406" s="115">
        <v>0</v>
      </c>
      <c r="O406" s="115">
        <v>0</v>
      </c>
      <c r="P406" s="115">
        <v>1</v>
      </c>
      <c r="Q406" s="115" t="s">
        <v>400</v>
      </c>
      <c r="R406" s="115">
        <v>1</v>
      </c>
      <c r="S406" s="115">
        <v>0</v>
      </c>
      <c r="T406" s="115">
        <v>0</v>
      </c>
      <c r="U406" s="119"/>
      <c r="V406" s="119"/>
      <c r="W406" s="119"/>
      <c r="X406" s="119"/>
      <c r="Y406" s="119"/>
      <c r="Z406" s="119"/>
      <c r="AA406" s="119"/>
      <c r="AB406" s="119"/>
      <c r="AC406" s="119"/>
      <c r="AD406" s="119"/>
      <c r="AE406" s="119"/>
      <c r="AF406" s="119"/>
      <c r="AG406" s="119"/>
      <c r="AH406" s="119"/>
      <c r="AI406" s="119"/>
      <c r="AJ406" s="119"/>
      <c r="AK406" s="119"/>
      <c r="AL406" s="119"/>
      <c r="AM406" s="119"/>
      <c r="AN406" s="119"/>
      <c r="AO406" s="119"/>
      <c r="AP406" s="119"/>
      <c r="AQ406" s="119"/>
      <c r="AR406" s="119"/>
      <c r="AS406" s="119"/>
      <c r="AT406" s="119"/>
      <c r="AU406" s="119"/>
      <c r="AV406" s="119"/>
      <c r="AW406" s="119"/>
      <c r="AX406" s="119"/>
      <c r="AY406" s="119"/>
      <c r="AZ406" s="119"/>
      <c r="BA406" s="119"/>
      <c r="BB406" s="107">
        <v>45884</v>
      </c>
    </row>
    <row r="407" spans="1:54" s="207" customFormat="1" ht="13.95" customHeight="1" x14ac:dyDescent="0.25">
      <c r="A407" s="208" t="s">
        <v>1060</v>
      </c>
      <c r="B407" s="209" t="s">
        <v>20420</v>
      </c>
      <c r="C407" s="113" t="s">
        <v>1061</v>
      </c>
      <c r="D407" s="113" t="s">
        <v>1062</v>
      </c>
      <c r="E407" s="210">
        <v>1987</v>
      </c>
      <c r="F407" s="210">
        <v>357</v>
      </c>
      <c r="G407" s="113" t="s">
        <v>1</v>
      </c>
      <c r="H407" s="113">
        <v>0</v>
      </c>
      <c r="I407" s="113">
        <v>0</v>
      </c>
      <c r="J407" s="115">
        <v>1</v>
      </c>
      <c r="K407" s="116" t="s">
        <v>174</v>
      </c>
      <c r="L407" s="115">
        <v>1</v>
      </c>
      <c r="M407" s="115">
        <v>0</v>
      </c>
      <c r="N407" s="115">
        <v>0</v>
      </c>
      <c r="O407" s="115">
        <v>0</v>
      </c>
      <c r="P407" s="115">
        <v>1</v>
      </c>
      <c r="Q407" s="115" t="s">
        <v>400</v>
      </c>
      <c r="R407" s="115">
        <v>0</v>
      </c>
      <c r="S407" s="115">
        <v>0</v>
      </c>
      <c r="T407" s="115">
        <v>0</v>
      </c>
      <c r="U407" s="119"/>
      <c r="V407" s="119"/>
      <c r="W407" s="119"/>
      <c r="X407" s="119"/>
      <c r="Y407" s="119"/>
      <c r="Z407" s="119"/>
      <c r="AA407" s="119"/>
      <c r="AB407" s="119"/>
      <c r="AC407" s="119"/>
      <c r="AD407" s="119"/>
      <c r="AE407" s="119"/>
      <c r="AF407" s="119"/>
      <c r="AG407" s="119"/>
      <c r="AH407" s="119"/>
      <c r="AI407" s="119"/>
      <c r="AJ407" s="119"/>
      <c r="AK407" s="119"/>
      <c r="AL407" s="119"/>
      <c r="AM407" s="119"/>
      <c r="AN407" s="119"/>
      <c r="AO407" s="119"/>
      <c r="AP407" s="119"/>
      <c r="AQ407" s="119"/>
      <c r="AR407" s="119"/>
      <c r="AS407" s="119"/>
      <c r="AT407" s="119"/>
      <c r="AU407" s="119"/>
      <c r="AV407" s="119"/>
      <c r="AW407" s="119"/>
      <c r="AX407" s="119"/>
      <c r="AY407" s="119"/>
      <c r="AZ407" s="119"/>
      <c r="BA407" s="119"/>
      <c r="BB407" s="107">
        <v>45884</v>
      </c>
    </row>
    <row r="408" spans="1:54" s="207" customFormat="1" ht="13.95" customHeight="1" x14ac:dyDescent="0.25">
      <c r="A408" s="208" t="s">
        <v>1063</v>
      </c>
      <c r="B408" s="209" t="s">
        <v>20420</v>
      </c>
      <c r="C408" s="113" t="s">
        <v>1064</v>
      </c>
      <c r="D408" s="113" t="s">
        <v>22602</v>
      </c>
      <c r="E408" s="210">
        <v>1994</v>
      </c>
      <c r="F408" s="210">
        <v>358</v>
      </c>
      <c r="G408" s="113" t="s">
        <v>1</v>
      </c>
      <c r="H408" s="113">
        <v>0</v>
      </c>
      <c r="I408" s="113">
        <v>0</v>
      </c>
      <c r="J408" s="115">
        <v>1</v>
      </c>
      <c r="K408" s="211">
        <v>1</v>
      </c>
      <c r="L408" s="115">
        <v>1</v>
      </c>
      <c r="M408" s="115">
        <v>1</v>
      </c>
      <c r="N408" s="115">
        <v>0</v>
      </c>
      <c r="O408" s="115">
        <v>0</v>
      </c>
      <c r="P408" s="115" t="s">
        <v>400</v>
      </c>
      <c r="Q408" s="115" t="s">
        <v>400</v>
      </c>
      <c r="R408" s="115">
        <v>0</v>
      </c>
      <c r="S408" s="115">
        <v>0</v>
      </c>
      <c r="T408" s="115">
        <v>0</v>
      </c>
      <c r="U408" s="119"/>
      <c r="V408" s="119"/>
      <c r="W408" s="119"/>
      <c r="X408" s="119"/>
      <c r="Y408" s="119"/>
      <c r="Z408" s="119"/>
      <c r="AA408" s="119"/>
      <c r="AB408" s="119"/>
      <c r="AC408" s="119"/>
      <c r="AD408" s="119"/>
      <c r="AE408" s="119"/>
      <c r="AF408" s="119"/>
      <c r="AG408" s="119"/>
      <c r="AH408" s="119"/>
      <c r="AI408" s="119"/>
      <c r="AJ408" s="119"/>
      <c r="AK408" s="119"/>
      <c r="AL408" s="119"/>
      <c r="AM408" s="119"/>
      <c r="AN408" s="119"/>
      <c r="AO408" s="119"/>
      <c r="AP408" s="119"/>
      <c r="AQ408" s="119"/>
      <c r="AR408" s="119"/>
      <c r="AS408" s="119"/>
      <c r="AT408" s="119"/>
      <c r="AU408" s="119"/>
      <c r="AV408" s="119"/>
      <c r="AW408" s="119"/>
      <c r="AX408" s="119"/>
      <c r="AY408" s="119"/>
      <c r="AZ408" s="119"/>
      <c r="BA408" s="119"/>
      <c r="BB408" s="107">
        <v>45884</v>
      </c>
    </row>
    <row r="409" spans="1:54" s="207" customFormat="1" ht="13.95" customHeight="1" x14ac:dyDescent="0.25">
      <c r="A409" s="208" t="s">
        <v>1065</v>
      </c>
      <c r="B409" s="209" t="s">
        <v>20420</v>
      </c>
      <c r="C409" s="113" t="s">
        <v>1066</v>
      </c>
      <c r="D409" s="113" t="s">
        <v>1067</v>
      </c>
      <c r="E409" s="210">
        <v>1975</v>
      </c>
      <c r="F409" s="210">
        <v>358</v>
      </c>
      <c r="G409" s="113" t="s">
        <v>1</v>
      </c>
      <c r="H409" s="113">
        <v>0</v>
      </c>
      <c r="I409" s="113">
        <v>0</v>
      </c>
      <c r="J409" s="115">
        <v>1</v>
      </c>
      <c r="K409" s="211">
        <v>1</v>
      </c>
      <c r="L409" s="115">
        <v>1</v>
      </c>
      <c r="M409" s="115">
        <v>1</v>
      </c>
      <c r="N409" s="115">
        <v>0</v>
      </c>
      <c r="O409" s="115">
        <v>1</v>
      </c>
      <c r="P409" s="115" t="s">
        <v>400</v>
      </c>
      <c r="Q409" s="115" t="s">
        <v>400</v>
      </c>
      <c r="R409" s="115">
        <v>0</v>
      </c>
      <c r="S409" s="115">
        <v>0</v>
      </c>
      <c r="T409" s="115">
        <v>0</v>
      </c>
      <c r="U409" s="119"/>
      <c r="V409" s="119"/>
      <c r="W409" s="119"/>
      <c r="X409" s="119"/>
      <c r="Y409" s="119"/>
      <c r="Z409" s="119"/>
      <c r="AA409" s="119"/>
      <c r="AB409" s="119"/>
      <c r="AC409" s="119"/>
      <c r="AD409" s="119"/>
      <c r="AE409" s="119"/>
      <c r="AF409" s="119"/>
      <c r="AG409" s="119"/>
      <c r="AH409" s="119"/>
      <c r="AI409" s="119"/>
      <c r="AJ409" s="119"/>
      <c r="AK409" s="119"/>
      <c r="AL409" s="119"/>
      <c r="AM409" s="119"/>
      <c r="AN409" s="119"/>
      <c r="AO409" s="119"/>
      <c r="AP409" s="119"/>
      <c r="AQ409" s="119"/>
      <c r="AR409" s="119"/>
      <c r="AS409" s="119"/>
      <c r="AT409" s="119"/>
      <c r="AU409" s="119"/>
      <c r="AV409" s="119"/>
      <c r="AW409" s="119"/>
      <c r="AX409" s="119"/>
      <c r="AY409" s="119"/>
      <c r="AZ409" s="119"/>
      <c r="BA409" s="119"/>
      <c r="BB409" s="107">
        <v>45884</v>
      </c>
    </row>
    <row r="410" spans="1:54" s="207" customFormat="1" ht="13.95" customHeight="1" x14ac:dyDescent="0.25">
      <c r="A410" s="208" t="s">
        <v>1068</v>
      </c>
      <c r="B410" s="209" t="s">
        <v>20420</v>
      </c>
      <c r="C410" s="113" t="s">
        <v>1069</v>
      </c>
      <c r="D410" s="113" t="s">
        <v>1070</v>
      </c>
      <c r="E410" s="210">
        <v>1986</v>
      </c>
      <c r="F410" s="210">
        <v>358</v>
      </c>
      <c r="G410" s="113" t="s">
        <v>1</v>
      </c>
      <c r="H410" s="113">
        <v>0</v>
      </c>
      <c r="I410" s="113">
        <v>0</v>
      </c>
      <c r="J410" s="115">
        <v>1</v>
      </c>
      <c r="K410" s="116" t="s">
        <v>174</v>
      </c>
      <c r="L410" s="115">
        <v>0</v>
      </c>
      <c r="M410" s="115">
        <v>0</v>
      </c>
      <c r="N410" s="115">
        <v>0</v>
      </c>
      <c r="O410" s="115">
        <v>1</v>
      </c>
      <c r="P410" s="115" t="s">
        <v>400</v>
      </c>
      <c r="Q410" s="115" t="s">
        <v>400</v>
      </c>
      <c r="R410" s="115">
        <v>0</v>
      </c>
      <c r="S410" s="115">
        <v>0</v>
      </c>
      <c r="T410" s="115">
        <v>0</v>
      </c>
      <c r="U410" s="119"/>
      <c r="V410" s="119"/>
      <c r="W410" s="119"/>
      <c r="X410" s="119"/>
      <c r="Y410" s="119"/>
      <c r="Z410" s="119"/>
      <c r="AA410" s="119"/>
      <c r="AB410" s="119"/>
      <c r="AC410" s="119"/>
      <c r="AD410" s="119"/>
      <c r="AE410" s="119"/>
      <c r="AF410" s="119"/>
      <c r="AG410" s="119"/>
      <c r="AH410" s="119"/>
      <c r="AI410" s="119"/>
      <c r="AJ410" s="119"/>
      <c r="AK410" s="119"/>
      <c r="AL410" s="119"/>
      <c r="AM410" s="119"/>
      <c r="AN410" s="119"/>
      <c r="AO410" s="119"/>
      <c r="AP410" s="119"/>
      <c r="AQ410" s="119"/>
      <c r="AR410" s="119"/>
      <c r="AS410" s="119"/>
      <c r="AT410" s="119"/>
      <c r="AU410" s="119"/>
      <c r="AV410" s="119"/>
      <c r="AW410" s="119"/>
      <c r="AX410" s="119"/>
      <c r="AY410" s="119"/>
      <c r="AZ410" s="119"/>
      <c r="BA410" s="119"/>
      <c r="BB410" s="107">
        <v>45884</v>
      </c>
    </row>
    <row r="411" spans="1:54" s="207" customFormat="1" ht="13.95" customHeight="1" x14ac:dyDescent="0.25">
      <c r="A411" s="208" t="s">
        <v>1071</v>
      </c>
      <c r="B411" s="209" t="s">
        <v>20420</v>
      </c>
      <c r="C411" s="113" t="s">
        <v>1072</v>
      </c>
      <c r="D411" s="113" t="s">
        <v>22603</v>
      </c>
      <c r="E411" s="210">
        <v>1984</v>
      </c>
      <c r="F411" s="210">
        <v>358</v>
      </c>
      <c r="G411" s="113" t="s">
        <v>1</v>
      </c>
      <c r="H411" s="113">
        <v>0</v>
      </c>
      <c r="I411" s="113">
        <v>0</v>
      </c>
      <c r="J411" s="115">
        <v>1</v>
      </c>
      <c r="K411" s="116" t="s">
        <v>174</v>
      </c>
      <c r="L411" s="115">
        <v>0</v>
      </c>
      <c r="M411" s="115">
        <v>0</v>
      </c>
      <c r="N411" s="115">
        <v>1</v>
      </c>
      <c r="O411" s="115">
        <v>0</v>
      </c>
      <c r="P411" s="115" t="s">
        <v>400</v>
      </c>
      <c r="Q411" s="115" t="s">
        <v>400</v>
      </c>
      <c r="R411" s="115">
        <v>0</v>
      </c>
      <c r="S411" s="115">
        <v>0</v>
      </c>
      <c r="T411" s="115">
        <v>0</v>
      </c>
      <c r="U411" s="119"/>
      <c r="V411" s="119"/>
      <c r="W411" s="119"/>
      <c r="X411" s="119"/>
      <c r="Y411" s="119"/>
      <c r="Z411" s="119"/>
      <c r="AA411" s="119"/>
      <c r="AB411" s="119"/>
      <c r="AC411" s="119"/>
      <c r="AD411" s="119"/>
      <c r="AE411" s="119"/>
      <c r="AF411" s="119"/>
      <c r="AG411" s="119"/>
      <c r="AH411" s="119"/>
      <c r="AI411" s="119"/>
      <c r="AJ411" s="119"/>
      <c r="AK411" s="119"/>
      <c r="AL411" s="119"/>
      <c r="AM411" s="119"/>
      <c r="AN411" s="119"/>
      <c r="AO411" s="119"/>
      <c r="AP411" s="119"/>
      <c r="AQ411" s="119"/>
      <c r="AR411" s="119"/>
      <c r="AS411" s="119"/>
      <c r="AT411" s="119"/>
      <c r="AU411" s="119"/>
      <c r="AV411" s="119"/>
      <c r="AW411" s="119"/>
      <c r="AX411" s="119"/>
      <c r="AY411" s="119"/>
      <c r="AZ411" s="119"/>
      <c r="BA411" s="119"/>
      <c r="BB411" s="107">
        <v>45884</v>
      </c>
    </row>
    <row r="412" spans="1:54" s="207" customFormat="1" ht="13.95" customHeight="1" x14ac:dyDescent="0.25">
      <c r="A412" s="208" t="s">
        <v>1073</v>
      </c>
      <c r="B412" s="209" t="s">
        <v>20420</v>
      </c>
      <c r="C412" s="113" t="s">
        <v>1074</v>
      </c>
      <c r="D412" s="113" t="s">
        <v>22604</v>
      </c>
      <c r="E412" s="210">
        <v>2007</v>
      </c>
      <c r="F412" s="210">
        <v>358</v>
      </c>
      <c r="G412" s="113" t="s">
        <v>1</v>
      </c>
      <c r="H412" s="113">
        <v>0</v>
      </c>
      <c r="I412" s="113">
        <v>0</v>
      </c>
      <c r="J412" s="115">
        <v>1</v>
      </c>
      <c r="K412" s="116" t="s">
        <v>174</v>
      </c>
      <c r="L412" s="115">
        <v>1</v>
      </c>
      <c r="M412" s="115">
        <v>1</v>
      </c>
      <c r="N412" s="115">
        <v>0</v>
      </c>
      <c r="O412" s="115">
        <v>0</v>
      </c>
      <c r="P412" s="115" t="s">
        <v>400</v>
      </c>
      <c r="Q412" s="115" t="s">
        <v>400</v>
      </c>
      <c r="R412" s="115">
        <v>0</v>
      </c>
      <c r="S412" s="115">
        <v>0</v>
      </c>
      <c r="T412" s="115">
        <v>0</v>
      </c>
      <c r="U412" s="119"/>
      <c r="V412" s="119"/>
      <c r="W412" s="119"/>
      <c r="X412" s="119"/>
      <c r="Y412" s="119"/>
      <c r="Z412" s="119"/>
      <c r="AA412" s="119"/>
      <c r="AB412" s="119"/>
      <c r="AC412" s="119"/>
      <c r="AD412" s="119"/>
      <c r="AE412" s="119"/>
      <c r="AF412" s="119"/>
      <c r="AG412" s="119"/>
      <c r="AH412" s="119"/>
      <c r="AI412" s="119"/>
      <c r="AJ412" s="119"/>
      <c r="AK412" s="119"/>
      <c r="AL412" s="119"/>
      <c r="AM412" s="119"/>
      <c r="AN412" s="119"/>
      <c r="AO412" s="119"/>
      <c r="AP412" s="119"/>
      <c r="AQ412" s="119"/>
      <c r="AR412" s="119"/>
      <c r="AS412" s="119"/>
      <c r="AT412" s="119"/>
      <c r="AU412" s="119"/>
      <c r="AV412" s="119"/>
      <c r="AW412" s="119"/>
      <c r="AX412" s="119"/>
      <c r="AY412" s="119"/>
      <c r="AZ412" s="119"/>
      <c r="BA412" s="119"/>
      <c r="BB412" s="107">
        <v>45884</v>
      </c>
    </row>
    <row r="413" spans="1:54" s="207" customFormat="1" ht="13.95" customHeight="1" x14ac:dyDescent="0.25">
      <c r="A413" s="208" t="s">
        <v>1075</v>
      </c>
      <c r="B413" s="209" t="s">
        <v>20420</v>
      </c>
      <c r="C413" s="113" t="s">
        <v>1076</v>
      </c>
      <c r="D413" s="113" t="s">
        <v>22605</v>
      </c>
      <c r="E413" s="210">
        <v>1997</v>
      </c>
      <c r="F413" s="210">
        <v>359</v>
      </c>
      <c r="G413" s="113" t="s">
        <v>1</v>
      </c>
      <c r="H413" s="113">
        <v>0</v>
      </c>
      <c r="I413" s="113">
        <v>0</v>
      </c>
      <c r="J413" s="115">
        <v>1</v>
      </c>
      <c r="K413" s="211">
        <v>1</v>
      </c>
      <c r="L413" s="115">
        <v>1</v>
      </c>
      <c r="M413" s="115">
        <v>1</v>
      </c>
      <c r="N413" s="115">
        <v>0</v>
      </c>
      <c r="O413" s="115">
        <v>0</v>
      </c>
      <c r="P413" s="115" t="s">
        <v>400</v>
      </c>
      <c r="Q413" s="115" t="s">
        <v>400</v>
      </c>
      <c r="R413" s="115">
        <v>0</v>
      </c>
      <c r="S413" s="115">
        <v>0</v>
      </c>
      <c r="T413" s="115">
        <v>0</v>
      </c>
      <c r="U413" s="119"/>
      <c r="V413" s="119"/>
      <c r="W413" s="119"/>
      <c r="X413" s="119"/>
      <c r="Y413" s="119"/>
      <c r="Z413" s="119"/>
      <c r="AA413" s="119"/>
      <c r="AB413" s="119"/>
      <c r="AC413" s="119"/>
      <c r="AD413" s="119"/>
      <c r="AE413" s="119"/>
      <c r="AF413" s="119"/>
      <c r="AG413" s="119"/>
      <c r="AH413" s="119"/>
      <c r="AI413" s="119"/>
      <c r="AJ413" s="119"/>
      <c r="AK413" s="119"/>
      <c r="AL413" s="119"/>
      <c r="AM413" s="119"/>
      <c r="AN413" s="119"/>
      <c r="AO413" s="119"/>
      <c r="AP413" s="119"/>
      <c r="AQ413" s="119"/>
      <c r="AR413" s="119"/>
      <c r="AS413" s="119"/>
      <c r="AT413" s="119"/>
      <c r="AU413" s="119"/>
      <c r="AV413" s="119"/>
      <c r="AW413" s="119"/>
      <c r="AX413" s="119"/>
      <c r="AY413" s="119"/>
      <c r="AZ413" s="119"/>
      <c r="BA413" s="119"/>
      <c r="BB413" s="107">
        <v>45884</v>
      </c>
    </row>
    <row r="414" spans="1:54" s="207" customFormat="1" ht="13.95" customHeight="1" x14ac:dyDescent="0.25">
      <c r="A414" s="208" t="s">
        <v>1077</v>
      </c>
      <c r="B414" s="209" t="s">
        <v>20420</v>
      </c>
      <c r="C414" s="113" t="s">
        <v>1078</v>
      </c>
      <c r="D414" s="113" t="s">
        <v>1079</v>
      </c>
      <c r="E414" s="210">
        <v>1999</v>
      </c>
      <c r="F414" s="210">
        <v>360</v>
      </c>
      <c r="G414" s="113" t="s">
        <v>1</v>
      </c>
      <c r="H414" s="113">
        <v>0</v>
      </c>
      <c r="I414" s="113">
        <v>0</v>
      </c>
      <c r="J414" s="115">
        <v>1</v>
      </c>
      <c r="K414" s="116" t="s">
        <v>174</v>
      </c>
      <c r="L414" s="115">
        <v>0</v>
      </c>
      <c r="M414" s="115">
        <v>0</v>
      </c>
      <c r="N414" s="115">
        <v>0</v>
      </c>
      <c r="O414" s="115">
        <v>0</v>
      </c>
      <c r="P414" s="115" t="s">
        <v>400</v>
      </c>
      <c r="Q414" s="115" t="s">
        <v>400</v>
      </c>
      <c r="R414" s="115">
        <v>0</v>
      </c>
      <c r="S414" s="115">
        <v>0</v>
      </c>
      <c r="T414" s="115">
        <v>0</v>
      </c>
      <c r="U414" s="119"/>
      <c r="V414" s="119"/>
      <c r="W414" s="119"/>
      <c r="X414" s="119"/>
      <c r="Y414" s="119"/>
      <c r="Z414" s="119"/>
      <c r="AA414" s="119"/>
      <c r="AB414" s="119"/>
      <c r="AC414" s="119"/>
      <c r="AD414" s="119"/>
      <c r="AE414" s="119"/>
      <c r="AF414" s="119"/>
      <c r="AG414" s="119"/>
      <c r="AH414" s="119"/>
      <c r="AI414" s="119"/>
      <c r="AJ414" s="119"/>
      <c r="AK414" s="119"/>
      <c r="AL414" s="119"/>
      <c r="AM414" s="119"/>
      <c r="AN414" s="119"/>
      <c r="AO414" s="119"/>
      <c r="AP414" s="119"/>
      <c r="AQ414" s="119"/>
      <c r="AR414" s="119"/>
      <c r="AS414" s="119"/>
      <c r="AT414" s="119"/>
      <c r="AU414" s="119"/>
      <c r="AV414" s="119"/>
      <c r="AW414" s="119"/>
      <c r="AX414" s="119"/>
      <c r="AY414" s="119"/>
      <c r="AZ414" s="119"/>
      <c r="BA414" s="119"/>
      <c r="BB414" s="107">
        <v>45884</v>
      </c>
    </row>
    <row r="415" spans="1:54" s="207" customFormat="1" ht="13.95" customHeight="1" x14ac:dyDescent="0.25">
      <c r="A415" s="208" t="s">
        <v>1080</v>
      </c>
      <c r="B415" s="209" t="s">
        <v>20420</v>
      </c>
      <c r="C415" s="113" t="s">
        <v>1081</v>
      </c>
      <c r="D415" s="113" t="s">
        <v>22606</v>
      </c>
      <c r="E415" s="210">
        <v>2002</v>
      </c>
      <c r="F415" s="210">
        <v>360</v>
      </c>
      <c r="G415" s="113" t="s">
        <v>1</v>
      </c>
      <c r="H415" s="113">
        <v>0</v>
      </c>
      <c r="I415" s="113">
        <v>0</v>
      </c>
      <c r="J415" s="115">
        <v>1</v>
      </c>
      <c r="K415" s="211">
        <v>1</v>
      </c>
      <c r="L415" s="115">
        <v>1</v>
      </c>
      <c r="M415" s="115">
        <v>1</v>
      </c>
      <c r="N415" s="115">
        <v>0</v>
      </c>
      <c r="O415" s="115">
        <v>0</v>
      </c>
      <c r="P415" s="115" t="s">
        <v>400</v>
      </c>
      <c r="Q415" s="115" t="s">
        <v>400</v>
      </c>
      <c r="R415" s="115">
        <v>0</v>
      </c>
      <c r="S415" s="115">
        <v>0</v>
      </c>
      <c r="T415" s="115">
        <v>0</v>
      </c>
      <c r="U415" s="119"/>
      <c r="V415" s="119"/>
      <c r="W415" s="119"/>
      <c r="X415" s="119"/>
      <c r="Y415" s="119"/>
      <c r="Z415" s="119"/>
      <c r="AA415" s="119"/>
      <c r="AB415" s="119"/>
      <c r="AC415" s="119"/>
      <c r="AD415" s="119"/>
      <c r="AE415" s="119"/>
      <c r="AF415" s="119"/>
      <c r="AG415" s="119"/>
      <c r="AH415" s="119"/>
      <c r="AI415" s="119"/>
      <c r="AJ415" s="119"/>
      <c r="AK415" s="119"/>
      <c r="AL415" s="119"/>
      <c r="AM415" s="119"/>
      <c r="AN415" s="119"/>
      <c r="AO415" s="119"/>
      <c r="AP415" s="119"/>
      <c r="AQ415" s="119"/>
      <c r="AR415" s="119"/>
      <c r="AS415" s="119"/>
      <c r="AT415" s="119"/>
      <c r="AU415" s="119"/>
      <c r="AV415" s="119"/>
      <c r="AW415" s="119"/>
      <c r="AX415" s="119"/>
      <c r="AY415" s="119"/>
      <c r="AZ415" s="119"/>
      <c r="BA415" s="119"/>
      <c r="BB415" s="107">
        <v>45884</v>
      </c>
    </row>
    <row r="416" spans="1:54" s="207" customFormat="1" ht="13.95" customHeight="1" x14ac:dyDescent="0.25">
      <c r="A416" s="208" t="s">
        <v>1082</v>
      </c>
      <c r="B416" s="209" t="s">
        <v>20420</v>
      </c>
      <c r="C416" s="113" t="s">
        <v>1083</v>
      </c>
      <c r="D416" s="113" t="s">
        <v>1084</v>
      </c>
      <c r="E416" s="210">
        <v>1972</v>
      </c>
      <c r="F416" s="210">
        <v>360</v>
      </c>
      <c r="G416" s="113" t="s">
        <v>1</v>
      </c>
      <c r="H416" s="113">
        <v>0</v>
      </c>
      <c r="I416" s="113">
        <v>0</v>
      </c>
      <c r="J416" s="115">
        <v>1</v>
      </c>
      <c r="K416" s="116" t="s">
        <v>174</v>
      </c>
      <c r="L416" s="115">
        <v>1</v>
      </c>
      <c r="M416" s="115">
        <v>0</v>
      </c>
      <c r="N416" s="115">
        <v>0</v>
      </c>
      <c r="O416" s="115">
        <v>1</v>
      </c>
      <c r="P416" s="115">
        <v>1</v>
      </c>
      <c r="Q416" s="115" t="s">
        <v>400</v>
      </c>
      <c r="R416" s="115">
        <v>0</v>
      </c>
      <c r="S416" s="115">
        <v>0</v>
      </c>
      <c r="T416" s="115">
        <v>0</v>
      </c>
      <c r="U416" s="119"/>
      <c r="V416" s="119"/>
      <c r="W416" s="119"/>
      <c r="X416" s="119"/>
      <c r="Y416" s="119"/>
      <c r="Z416" s="119"/>
      <c r="AA416" s="119"/>
      <c r="AB416" s="119"/>
      <c r="AC416" s="119"/>
      <c r="AD416" s="119"/>
      <c r="AE416" s="119"/>
      <c r="AF416" s="119"/>
      <c r="AG416" s="119"/>
      <c r="AH416" s="119"/>
      <c r="AI416" s="119"/>
      <c r="AJ416" s="119"/>
      <c r="AK416" s="119"/>
      <c r="AL416" s="119"/>
      <c r="AM416" s="119"/>
      <c r="AN416" s="119"/>
      <c r="AO416" s="119"/>
      <c r="AP416" s="119"/>
      <c r="AQ416" s="119"/>
      <c r="AR416" s="119"/>
      <c r="AS416" s="119"/>
      <c r="AT416" s="119"/>
      <c r="AU416" s="119"/>
      <c r="AV416" s="119"/>
      <c r="AW416" s="119"/>
      <c r="AX416" s="119"/>
      <c r="AY416" s="119"/>
      <c r="AZ416" s="119"/>
      <c r="BA416" s="119"/>
      <c r="BB416" s="107">
        <v>45884</v>
      </c>
    </row>
    <row r="417" spans="1:54" s="207" customFormat="1" ht="13.95" customHeight="1" x14ac:dyDescent="0.25">
      <c r="A417" s="208" t="s">
        <v>1085</v>
      </c>
      <c r="B417" s="209" t="s">
        <v>20420</v>
      </c>
      <c r="C417" s="113" t="s">
        <v>1086</v>
      </c>
      <c r="D417" s="113" t="s">
        <v>1087</v>
      </c>
      <c r="E417" s="210">
        <v>1992</v>
      </c>
      <c r="F417" s="210">
        <v>360</v>
      </c>
      <c r="G417" s="113" t="s">
        <v>1</v>
      </c>
      <c r="H417" s="113">
        <v>0</v>
      </c>
      <c r="I417" s="113">
        <v>0</v>
      </c>
      <c r="J417" s="115">
        <v>1</v>
      </c>
      <c r="K417" s="116" t="s">
        <v>174</v>
      </c>
      <c r="L417" s="115">
        <v>0</v>
      </c>
      <c r="M417" s="115">
        <v>0</v>
      </c>
      <c r="N417" s="115">
        <v>1</v>
      </c>
      <c r="O417" s="115">
        <v>0</v>
      </c>
      <c r="P417" s="115" t="s">
        <v>400</v>
      </c>
      <c r="Q417" s="115" t="s">
        <v>400</v>
      </c>
      <c r="R417" s="115">
        <v>0</v>
      </c>
      <c r="S417" s="115">
        <v>0</v>
      </c>
      <c r="T417" s="115">
        <v>0</v>
      </c>
      <c r="U417" s="119"/>
      <c r="V417" s="119"/>
      <c r="W417" s="119"/>
      <c r="X417" s="119"/>
      <c r="Y417" s="119"/>
      <c r="Z417" s="119"/>
      <c r="AA417" s="119"/>
      <c r="AB417" s="119"/>
      <c r="AC417" s="119"/>
      <c r="AD417" s="119"/>
      <c r="AE417" s="119"/>
      <c r="AF417" s="119"/>
      <c r="AG417" s="119"/>
      <c r="AH417" s="119"/>
      <c r="AI417" s="119"/>
      <c r="AJ417" s="119"/>
      <c r="AK417" s="119"/>
      <c r="AL417" s="119"/>
      <c r="AM417" s="119"/>
      <c r="AN417" s="119"/>
      <c r="AO417" s="119"/>
      <c r="AP417" s="119"/>
      <c r="AQ417" s="119"/>
      <c r="AR417" s="119"/>
      <c r="AS417" s="119"/>
      <c r="AT417" s="119"/>
      <c r="AU417" s="119"/>
      <c r="AV417" s="119"/>
      <c r="AW417" s="119"/>
      <c r="AX417" s="119"/>
      <c r="AY417" s="119"/>
      <c r="AZ417" s="119"/>
      <c r="BA417" s="119"/>
      <c r="BB417" s="107">
        <v>45884</v>
      </c>
    </row>
    <row r="418" spans="1:54" s="207" customFormat="1" ht="13.95" customHeight="1" x14ac:dyDescent="0.25">
      <c r="A418" s="208" t="s">
        <v>1088</v>
      </c>
      <c r="B418" s="209" t="s">
        <v>20420</v>
      </c>
      <c r="C418" s="113" t="s">
        <v>1089</v>
      </c>
      <c r="D418" s="113" t="s">
        <v>1090</v>
      </c>
      <c r="E418" s="210">
        <v>2000</v>
      </c>
      <c r="F418" s="210">
        <v>360</v>
      </c>
      <c r="G418" s="113" t="s">
        <v>1</v>
      </c>
      <c r="H418" s="113">
        <v>0</v>
      </c>
      <c r="I418" s="113">
        <v>0</v>
      </c>
      <c r="J418" s="115">
        <v>1</v>
      </c>
      <c r="K418" s="116" t="s">
        <v>174</v>
      </c>
      <c r="L418" s="115">
        <v>0</v>
      </c>
      <c r="M418" s="115">
        <v>1</v>
      </c>
      <c r="N418" s="115">
        <v>0</v>
      </c>
      <c r="O418" s="115">
        <v>0</v>
      </c>
      <c r="P418" s="115" t="s">
        <v>400</v>
      </c>
      <c r="Q418" s="115" t="s">
        <v>400</v>
      </c>
      <c r="R418" s="115">
        <v>0</v>
      </c>
      <c r="S418" s="115">
        <v>0</v>
      </c>
      <c r="T418" s="115">
        <v>0</v>
      </c>
      <c r="U418" s="119"/>
      <c r="V418" s="119"/>
      <c r="W418" s="119"/>
      <c r="X418" s="119"/>
      <c r="Y418" s="119"/>
      <c r="Z418" s="119"/>
      <c r="AA418" s="119"/>
      <c r="AB418" s="119"/>
      <c r="AC418" s="119"/>
      <c r="AD418" s="119"/>
      <c r="AE418" s="119"/>
      <c r="AF418" s="119"/>
      <c r="AG418" s="119"/>
      <c r="AH418" s="119"/>
      <c r="AI418" s="119"/>
      <c r="AJ418" s="119"/>
      <c r="AK418" s="119"/>
      <c r="AL418" s="119"/>
      <c r="AM418" s="119"/>
      <c r="AN418" s="119"/>
      <c r="AO418" s="119"/>
      <c r="AP418" s="119"/>
      <c r="AQ418" s="119"/>
      <c r="AR418" s="119"/>
      <c r="AS418" s="119"/>
      <c r="AT418" s="119"/>
      <c r="AU418" s="119"/>
      <c r="AV418" s="119"/>
      <c r="AW418" s="119"/>
      <c r="AX418" s="119"/>
      <c r="AY418" s="119"/>
      <c r="AZ418" s="119"/>
      <c r="BA418" s="119"/>
      <c r="BB418" s="107">
        <v>45884</v>
      </c>
    </row>
    <row r="419" spans="1:54" s="207" customFormat="1" ht="13.95" customHeight="1" x14ac:dyDescent="0.25">
      <c r="A419" s="208" t="s">
        <v>1091</v>
      </c>
      <c r="B419" s="209" t="s">
        <v>20420</v>
      </c>
      <c r="C419" s="113" t="s">
        <v>1092</v>
      </c>
      <c r="D419" s="113" t="s">
        <v>1093</v>
      </c>
      <c r="E419" s="210">
        <v>1979</v>
      </c>
      <c r="F419" s="210">
        <v>361</v>
      </c>
      <c r="G419" s="113" t="s">
        <v>1</v>
      </c>
      <c r="H419" s="113">
        <v>0</v>
      </c>
      <c r="I419" s="113">
        <v>0</v>
      </c>
      <c r="J419" s="115">
        <v>1</v>
      </c>
      <c r="K419" s="116" t="s">
        <v>174</v>
      </c>
      <c r="L419" s="115">
        <v>0</v>
      </c>
      <c r="M419" s="115">
        <v>0</v>
      </c>
      <c r="N419" s="115">
        <v>1</v>
      </c>
      <c r="O419" s="115">
        <v>0</v>
      </c>
      <c r="P419" s="115" t="s">
        <v>400</v>
      </c>
      <c r="Q419" s="115" t="s">
        <v>400</v>
      </c>
      <c r="R419" s="115">
        <v>0</v>
      </c>
      <c r="S419" s="115">
        <v>0</v>
      </c>
      <c r="T419" s="115">
        <v>0</v>
      </c>
      <c r="U419" s="119"/>
      <c r="V419" s="119"/>
      <c r="W419" s="119"/>
      <c r="X419" s="119"/>
      <c r="Y419" s="119"/>
      <c r="Z419" s="119"/>
      <c r="AA419" s="119"/>
      <c r="AB419" s="119"/>
      <c r="AC419" s="119"/>
      <c r="AD419" s="119"/>
      <c r="AE419" s="119"/>
      <c r="AF419" s="119"/>
      <c r="AG419" s="119"/>
      <c r="AH419" s="119"/>
      <c r="AI419" s="119"/>
      <c r="AJ419" s="119"/>
      <c r="AK419" s="119"/>
      <c r="AL419" s="119"/>
      <c r="AM419" s="119"/>
      <c r="AN419" s="119"/>
      <c r="AO419" s="119"/>
      <c r="AP419" s="119"/>
      <c r="AQ419" s="119"/>
      <c r="AR419" s="119"/>
      <c r="AS419" s="119"/>
      <c r="AT419" s="119"/>
      <c r="AU419" s="119"/>
      <c r="AV419" s="119"/>
      <c r="AW419" s="119"/>
      <c r="AX419" s="119"/>
      <c r="AY419" s="119"/>
      <c r="AZ419" s="119"/>
      <c r="BA419" s="119"/>
      <c r="BB419" s="107">
        <v>45884</v>
      </c>
    </row>
    <row r="420" spans="1:54" s="207" customFormat="1" ht="13.95" customHeight="1" x14ac:dyDescent="0.25">
      <c r="A420" s="208" t="s">
        <v>1094</v>
      </c>
      <c r="B420" s="209" t="s">
        <v>20420</v>
      </c>
      <c r="C420" s="113" t="s">
        <v>1095</v>
      </c>
      <c r="D420" s="113" t="s">
        <v>22607</v>
      </c>
      <c r="E420" s="210">
        <v>2014</v>
      </c>
      <c r="F420" s="210">
        <v>361</v>
      </c>
      <c r="G420" s="113" t="s">
        <v>1</v>
      </c>
      <c r="H420" s="113">
        <v>0</v>
      </c>
      <c r="I420" s="113">
        <v>0</v>
      </c>
      <c r="J420" s="115">
        <v>1</v>
      </c>
      <c r="K420" s="116" t="s">
        <v>174</v>
      </c>
      <c r="L420" s="115">
        <v>0</v>
      </c>
      <c r="M420" s="115">
        <v>0</v>
      </c>
      <c r="N420" s="115">
        <v>0</v>
      </c>
      <c r="O420" s="115">
        <v>0</v>
      </c>
      <c r="P420" s="115">
        <v>1</v>
      </c>
      <c r="Q420" s="115" t="s">
        <v>400</v>
      </c>
      <c r="R420" s="115">
        <v>1</v>
      </c>
      <c r="S420" s="115">
        <v>0</v>
      </c>
      <c r="T420" s="115">
        <v>0</v>
      </c>
      <c r="U420" s="119"/>
      <c r="V420" s="119"/>
      <c r="W420" s="119"/>
      <c r="X420" s="119"/>
      <c r="Y420" s="119"/>
      <c r="Z420" s="119"/>
      <c r="AA420" s="119"/>
      <c r="AB420" s="119"/>
      <c r="AC420" s="119"/>
      <c r="AD420" s="119"/>
      <c r="AE420" s="119"/>
      <c r="AF420" s="119"/>
      <c r="AG420" s="119"/>
      <c r="AH420" s="119"/>
      <c r="AI420" s="119"/>
      <c r="AJ420" s="119"/>
      <c r="AK420" s="119"/>
      <c r="AL420" s="119"/>
      <c r="AM420" s="119"/>
      <c r="AN420" s="119"/>
      <c r="AO420" s="119"/>
      <c r="AP420" s="119"/>
      <c r="AQ420" s="119"/>
      <c r="AR420" s="119"/>
      <c r="AS420" s="119"/>
      <c r="AT420" s="119"/>
      <c r="AU420" s="119"/>
      <c r="AV420" s="119"/>
      <c r="AW420" s="119"/>
      <c r="AX420" s="119"/>
      <c r="AY420" s="119"/>
      <c r="AZ420" s="119"/>
      <c r="BA420" s="119"/>
      <c r="BB420" s="107">
        <v>45884</v>
      </c>
    </row>
    <row r="421" spans="1:54" s="207" customFormat="1" ht="13.95" customHeight="1" x14ac:dyDescent="0.25">
      <c r="A421" s="208" t="s">
        <v>1096</v>
      </c>
      <c r="B421" s="209" t="s">
        <v>20420</v>
      </c>
      <c r="C421" s="113" t="s">
        <v>1097</v>
      </c>
      <c r="D421" s="113" t="s">
        <v>1098</v>
      </c>
      <c r="E421" s="210">
        <v>1974</v>
      </c>
      <c r="F421" s="210">
        <v>361</v>
      </c>
      <c r="G421" s="113" t="s">
        <v>1</v>
      </c>
      <c r="H421" s="113">
        <v>0</v>
      </c>
      <c r="I421" s="113">
        <v>0</v>
      </c>
      <c r="J421" s="115">
        <v>1</v>
      </c>
      <c r="K421" s="116" t="s">
        <v>174</v>
      </c>
      <c r="L421" s="115">
        <v>1</v>
      </c>
      <c r="M421" s="115">
        <v>0</v>
      </c>
      <c r="N421" s="115">
        <v>0</v>
      </c>
      <c r="O421" s="115">
        <v>1</v>
      </c>
      <c r="P421" s="115">
        <v>1</v>
      </c>
      <c r="Q421" s="115" t="s">
        <v>400</v>
      </c>
      <c r="R421" s="115">
        <v>0</v>
      </c>
      <c r="S421" s="115">
        <v>0</v>
      </c>
      <c r="T421" s="115">
        <v>0</v>
      </c>
      <c r="U421" s="119"/>
      <c r="V421" s="119"/>
      <c r="W421" s="119"/>
      <c r="X421" s="119"/>
      <c r="Y421" s="119"/>
      <c r="Z421" s="119"/>
      <c r="AA421" s="119"/>
      <c r="AB421" s="119"/>
      <c r="AC421" s="119"/>
      <c r="AD421" s="119"/>
      <c r="AE421" s="119"/>
      <c r="AF421" s="119"/>
      <c r="AG421" s="119"/>
      <c r="AH421" s="119"/>
      <c r="AI421" s="119"/>
      <c r="AJ421" s="119"/>
      <c r="AK421" s="119"/>
      <c r="AL421" s="119"/>
      <c r="AM421" s="119"/>
      <c r="AN421" s="119"/>
      <c r="AO421" s="119"/>
      <c r="AP421" s="119"/>
      <c r="AQ421" s="119"/>
      <c r="AR421" s="119"/>
      <c r="AS421" s="119"/>
      <c r="AT421" s="119"/>
      <c r="AU421" s="119"/>
      <c r="AV421" s="119"/>
      <c r="AW421" s="119"/>
      <c r="AX421" s="119"/>
      <c r="AY421" s="119"/>
      <c r="AZ421" s="119"/>
      <c r="BA421" s="119"/>
      <c r="BB421" s="107">
        <v>45884</v>
      </c>
    </row>
    <row r="422" spans="1:54" s="207" customFormat="1" ht="13.95" customHeight="1" x14ac:dyDescent="0.25">
      <c r="A422" s="208" t="s">
        <v>1099</v>
      </c>
      <c r="B422" s="209" t="s">
        <v>20420</v>
      </c>
      <c r="C422" s="113" t="s">
        <v>1100</v>
      </c>
      <c r="D422" s="113" t="s">
        <v>1101</v>
      </c>
      <c r="E422" s="210">
        <v>1972</v>
      </c>
      <c r="F422" s="210">
        <v>361</v>
      </c>
      <c r="G422" s="113" t="s">
        <v>1</v>
      </c>
      <c r="H422" s="113">
        <v>0</v>
      </c>
      <c r="I422" s="113">
        <v>0</v>
      </c>
      <c r="J422" s="115">
        <v>1</v>
      </c>
      <c r="K422" s="116" t="s">
        <v>174</v>
      </c>
      <c r="L422" s="115">
        <v>1</v>
      </c>
      <c r="M422" s="115">
        <v>0</v>
      </c>
      <c r="N422" s="115">
        <v>1</v>
      </c>
      <c r="O422" s="115">
        <v>0</v>
      </c>
      <c r="P422" s="115">
        <v>1</v>
      </c>
      <c r="Q422" s="115" t="s">
        <v>400</v>
      </c>
      <c r="R422" s="115">
        <v>0</v>
      </c>
      <c r="S422" s="115">
        <v>0</v>
      </c>
      <c r="T422" s="115">
        <v>0</v>
      </c>
      <c r="U422" s="119"/>
      <c r="V422" s="119"/>
      <c r="W422" s="119"/>
      <c r="X422" s="119"/>
      <c r="Y422" s="119"/>
      <c r="Z422" s="119"/>
      <c r="AA422" s="119"/>
      <c r="AB422" s="119"/>
      <c r="AC422" s="119"/>
      <c r="AD422" s="119"/>
      <c r="AE422" s="119"/>
      <c r="AF422" s="119"/>
      <c r="AG422" s="119"/>
      <c r="AH422" s="119"/>
      <c r="AI422" s="119"/>
      <c r="AJ422" s="119"/>
      <c r="AK422" s="119"/>
      <c r="AL422" s="119"/>
      <c r="AM422" s="119"/>
      <c r="AN422" s="119"/>
      <c r="AO422" s="119"/>
      <c r="AP422" s="119"/>
      <c r="AQ422" s="119"/>
      <c r="AR422" s="119"/>
      <c r="AS422" s="119"/>
      <c r="AT422" s="119"/>
      <c r="AU422" s="119"/>
      <c r="AV422" s="119"/>
      <c r="AW422" s="119"/>
      <c r="AX422" s="119"/>
      <c r="AY422" s="119"/>
      <c r="AZ422" s="119"/>
      <c r="BA422" s="119"/>
      <c r="BB422" s="107">
        <v>45884</v>
      </c>
    </row>
    <row r="423" spans="1:54" s="207" customFormat="1" ht="13.95" customHeight="1" x14ac:dyDescent="0.25">
      <c r="A423" s="208" t="s">
        <v>1102</v>
      </c>
      <c r="B423" s="209" t="s">
        <v>20420</v>
      </c>
      <c r="C423" s="113" t="s">
        <v>1103</v>
      </c>
      <c r="D423" s="113" t="s">
        <v>22608</v>
      </c>
      <c r="E423" s="210">
        <v>1976</v>
      </c>
      <c r="F423" s="210">
        <v>361</v>
      </c>
      <c r="G423" s="113" t="s">
        <v>1</v>
      </c>
      <c r="H423" s="113">
        <v>0</v>
      </c>
      <c r="I423" s="113">
        <v>0</v>
      </c>
      <c r="J423" s="115">
        <v>1</v>
      </c>
      <c r="K423" s="116" t="s">
        <v>174</v>
      </c>
      <c r="L423" s="115">
        <v>1</v>
      </c>
      <c r="M423" s="115">
        <v>1</v>
      </c>
      <c r="N423" s="115">
        <v>0</v>
      </c>
      <c r="O423" s="115">
        <v>0</v>
      </c>
      <c r="P423" s="115" t="s">
        <v>400</v>
      </c>
      <c r="Q423" s="115" t="s">
        <v>400</v>
      </c>
      <c r="R423" s="115">
        <v>0</v>
      </c>
      <c r="S423" s="115">
        <v>0</v>
      </c>
      <c r="T423" s="115">
        <v>0</v>
      </c>
      <c r="U423" s="119"/>
      <c r="V423" s="119"/>
      <c r="W423" s="119"/>
      <c r="X423" s="119"/>
      <c r="Y423" s="119"/>
      <c r="Z423" s="119"/>
      <c r="AA423" s="119"/>
      <c r="AB423" s="119"/>
      <c r="AC423" s="119"/>
      <c r="AD423" s="119"/>
      <c r="AE423" s="119"/>
      <c r="AF423" s="119"/>
      <c r="AG423" s="119"/>
      <c r="AH423" s="119"/>
      <c r="AI423" s="119"/>
      <c r="AJ423" s="119"/>
      <c r="AK423" s="119"/>
      <c r="AL423" s="119"/>
      <c r="AM423" s="119"/>
      <c r="AN423" s="119"/>
      <c r="AO423" s="119"/>
      <c r="AP423" s="119"/>
      <c r="AQ423" s="119"/>
      <c r="AR423" s="119"/>
      <c r="AS423" s="119"/>
      <c r="AT423" s="119"/>
      <c r="AU423" s="119"/>
      <c r="AV423" s="119"/>
      <c r="AW423" s="119"/>
      <c r="AX423" s="119"/>
      <c r="AY423" s="119"/>
      <c r="AZ423" s="119"/>
      <c r="BA423" s="119"/>
      <c r="BB423" s="107">
        <v>45884</v>
      </c>
    </row>
    <row r="424" spans="1:54" s="207" customFormat="1" ht="13.95" customHeight="1" x14ac:dyDescent="0.25">
      <c r="A424" s="208" t="s">
        <v>1104</v>
      </c>
      <c r="B424" s="209" t="s">
        <v>20420</v>
      </c>
      <c r="C424" s="113" t="s">
        <v>1105</v>
      </c>
      <c r="D424" s="113" t="s">
        <v>1106</v>
      </c>
      <c r="E424" s="210">
        <v>1972</v>
      </c>
      <c r="F424" s="210">
        <v>362</v>
      </c>
      <c r="G424" s="113" t="s">
        <v>1</v>
      </c>
      <c r="H424" s="113">
        <v>0</v>
      </c>
      <c r="I424" s="113">
        <v>0</v>
      </c>
      <c r="J424" s="115">
        <v>1</v>
      </c>
      <c r="K424" s="116" t="s">
        <v>174</v>
      </c>
      <c r="L424" s="115">
        <v>1</v>
      </c>
      <c r="M424" s="115">
        <v>1</v>
      </c>
      <c r="N424" s="115">
        <v>0</v>
      </c>
      <c r="O424" s="115">
        <v>1</v>
      </c>
      <c r="P424" s="115" t="s">
        <v>400</v>
      </c>
      <c r="Q424" s="115" t="s">
        <v>400</v>
      </c>
      <c r="R424" s="115">
        <v>0</v>
      </c>
      <c r="S424" s="115">
        <v>0</v>
      </c>
      <c r="T424" s="115">
        <v>0</v>
      </c>
      <c r="U424" s="119"/>
      <c r="V424" s="119"/>
      <c r="W424" s="119"/>
      <c r="X424" s="119"/>
      <c r="Y424" s="119"/>
      <c r="Z424" s="119"/>
      <c r="AA424" s="119"/>
      <c r="AB424" s="119"/>
      <c r="AC424" s="119"/>
      <c r="AD424" s="119"/>
      <c r="AE424" s="119"/>
      <c r="AF424" s="119"/>
      <c r="AG424" s="119"/>
      <c r="AH424" s="119"/>
      <c r="AI424" s="119"/>
      <c r="AJ424" s="119"/>
      <c r="AK424" s="119"/>
      <c r="AL424" s="119"/>
      <c r="AM424" s="119"/>
      <c r="AN424" s="119"/>
      <c r="AO424" s="119"/>
      <c r="AP424" s="119"/>
      <c r="AQ424" s="119"/>
      <c r="AR424" s="119"/>
      <c r="AS424" s="119"/>
      <c r="AT424" s="119"/>
      <c r="AU424" s="119"/>
      <c r="AV424" s="119"/>
      <c r="AW424" s="119"/>
      <c r="AX424" s="119"/>
      <c r="AY424" s="119"/>
      <c r="AZ424" s="119"/>
      <c r="BA424" s="119"/>
      <c r="BB424" s="107">
        <v>45884</v>
      </c>
    </row>
    <row r="425" spans="1:54" s="207" customFormat="1" ht="13.95" customHeight="1" x14ac:dyDescent="0.25">
      <c r="A425" s="208" t="s">
        <v>1107</v>
      </c>
      <c r="B425" s="209" t="s">
        <v>20420</v>
      </c>
      <c r="C425" s="113" t="s">
        <v>1108</v>
      </c>
      <c r="D425" s="113" t="s">
        <v>1109</v>
      </c>
      <c r="E425" s="210">
        <v>1995</v>
      </c>
      <c r="F425" s="210">
        <v>362</v>
      </c>
      <c r="G425" s="113" t="s">
        <v>1</v>
      </c>
      <c r="H425" s="113">
        <v>0</v>
      </c>
      <c r="I425" s="113">
        <v>0</v>
      </c>
      <c r="J425" s="115">
        <v>1</v>
      </c>
      <c r="K425" s="116" t="s">
        <v>174</v>
      </c>
      <c r="L425" s="115">
        <v>0</v>
      </c>
      <c r="M425" s="115">
        <v>1</v>
      </c>
      <c r="N425" s="115">
        <v>0</v>
      </c>
      <c r="O425" s="115">
        <v>0</v>
      </c>
      <c r="P425" s="115" t="s">
        <v>400</v>
      </c>
      <c r="Q425" s="115" t="s">
        <v>400</v>
      </c>
      <c r="R425" s="115">
        <v>0</v>
      </c>
      <c r="S425" s="115">
        <v>0</v>
      </c>
      <c r="T425" s="115">
        <v>0</v>
      </c>
      <c r="U425" s="119"/>
      <c r="V425" s="119"/>
      <c r="W425" s="119"/>
      <c r="X425" s="119"/>
      <c r="Y425" s="119"/>
      <c r="Z425" s="119"/>
      <c r="AA425" s="119"/>
      <c r="AB425" s="119"/>
      <c r="AC425" s="119"/>
      <c r="AD425" s="119"/>
      <c r="AE425" s="119"/>
      <c r="AF425" s="119"/>
      <c r="AG425" s="119"/>
      <c r="AH425" s="119"/>
      <c r="AI425" s="119"/>
      <c r="AJ425" s="119"/>
      <c r="AK425" s="119"/>
      <c r="AL425" s="119"/>
      <c r="AM425" s="119"/>
      <c r="AN425" s="119"/>
      <c r="AO425" s="119"/>
      <c r="AP425" s="119"/>
      <c r="AQ425" s="119"/>
      <c r="AR425" s="119"/>
      <c r="AS425" s="119"/>
      <c r="AT425" s="119"/>
      <c r="AU425" s="119"/>
      <c r="AV425" s="119"/>
      <c r="AW425" s="119"/>
      <c r="AX425" s="119"/>
      <c r="AY425" s="119"/>
      <c r="AZ425" s="119"/>
      <c r="BA425" s="119"/>
      <c r="BB425" s="107">
        <v>45884</v>
      </c>
    </row>
    <row r="426" spans="1:54" s="207" customFormat="1" ht="13.95" customHeight="1" x14ac:dyDescent="0.25">
      <c r="A426" s="208" t="s">
        <v>1110</v>
      </c>
      <c r="B426" s="209" t="s">
        <v>20420</v>
      </c>
      <c r="C426" s="113" t="s">
        <v>1111</v>
      </c>
      <c r="D426" s="113" t="s">
        <v>22609</v>
      </c>
      <c r="E426" s="210">
        <v>2010</v>
      </c>
      <c r="F426" s="210">
        <v>362</v>
      </c>
      <c r="G426" s="113" t="s">
        <v>1</v>
      </c>
      <c r="H426" s="113">
        <v>0</v>
      </c>
      <c r="I426" s="113">
        <v>0</v>
      </c>
      <c r="J426" s="115">
        <v>1</v>
      </c>
      <c r="K426" s="116" t="s">
        <v>174</v>
      </c>
      <c r="L426" s="115">
        <v>1</v>
      </c>
      <c r="M426" s="115">
        <v>0</v>
      </c>
      <c r="N426" s="115">
        <v>0</v>
      </c>
      <c r="O426" s="115">
        <v>0</v>
      </c>
      <c r="P426" s="115" t="s">
        <v>400</v>
      </c>
      <c r="Q426" s="115" t="s">
        <v>400</v>
      </c>
      <c r="R426" s="115">
        <v>1</v>
      </c>
      <c r="S426" s="115">
        <v>0</v>
      </c>
      <c r="T426" s="115">
        <v>0</v>
      </c>
      <c r="U426" s="119"/>
      <c r="V426" s="119"/>
      <c r="W426" s="119"/>
      <c r="X426" s="119"/>
      <c r="Y426" s="119"/>
      <c r="Z426" s="119"/>
      <c r="AA426" s="119"/>
      <c r="AB426" s="119"/>
      <c r="AC426" s="119"/>
      <c r="AD426" s="119"/>
      <c r="AE426" s="119"/>
      <c r="AF426" s="119"/>
      <c r="AG426" s="119"/>
      <c r="AH426" s="119"/>
      <c r="AI426" s="119"/>
      <c r="AJ426" s="119"/>
      <c r="AK426" s="119"/>
      <c r="AL426" s="119"/>
      <c r="AM426" s="119"/>
      <c r="AN426" s="119"/>
      <c r="AO426" s="119"/>
      <c r="AP426" s="119"/>
      <c r="AQ426" s="119"/>
      <c r="AR426" s="119"/>
      <c r="AS426" s="119"/>
      <c r="AT426" s="119"/>
      <c r="AU426" s="119"/>
      <c r="AV426" s="119"/>
      <c r="AW426" s="119"/>
      <c r="AX426" s="119"/>
      <c r="AY426" s="119"/>
      <c r="AZ426" s="119"/>
      <c r="BA426" s="119"/>
      <c r="BB426" s="107">
        <v>45884</v>
      </c>
    </row>
    <row r="427" spans="1:54" s="207" customFormat="1" ht="13.95" customHeight="1" x14ac:dyDescent="0.25">
      <c r="A427" s="208" t="s">
        <v>1112</v>
      </c>
      <c r="B427" s="209" t="s">
        <v>20420</v>
      </c>
      <c r="C427" s="113" t="s">
        <v>1113</v>
      </c>
      <c r="D427" s="113" t="s">
        <v>22610</v>
      </c>
      <c r="E427" s="210">
        <v>1960</v>
      </c>
      <c r="F427" s="210">
        <v>363</v>
      </c>
      <c r="G427" s="113" t="s">
        <v>1</v>
      </c>
      <c r="H427" s="113">
        <v>0</v>
      </c>
      <c r="I427" s="113">
        <v>0</v>
      </c>
      <c r="J427" s="115">
        <v>1</v>
      </c>
      <c r="K427" s="116" t="s">
        <v>174</v>
      </c>
      <c r="L427" s="115">
        <v>0</v>
      </c>
      <c r="M427" s="115">
        <v>1</v>
      </c>
      <c r="N427" s="115">
        <v>0</v>
      </c>
      <c r="O427" s="115">
        <v>1</v>
      </c>
      <c r="P427" s="115" t="s">
        <v>400</v>
      </c>
      <c r="Q427" s="115" t="s">
        <v>400</v>
      </c>
      <c r="R427" s="115">
        <v>1</v>
      </c>
      <c r="S427" s="115">
        <v>0</v>
      </c>
      <c r="T427" s="115">
        <v>0</v>
      </c>
      <c r="U427" s="119"/>
      <c r="V427" s="119"/>
      <c r="W427" s="119"/>
      <c r="X427" s="119"/>
      <c r="Y427" s="119"/>
      <c r="Z427" s="119"/>
      <c r="AA427" s="119"/>
      <c r="AB427" s="119"/>
      <c r="AC427" s="119"/>
      <c r="AD427" s="119"/>
      <c r="AE427" s="119"/>
      <c r="AF427" s="119"/>
      <c r="AG427" s="119"/>
      <c r="AH427" s="119"/>
      <c r="AI427" s="119"/>
      <c r="AJ427" s="119"/>
      <c r="AK427" s="119"/>
      <c r="AL427" s="119"/>
      <c r="AM427" s="119"/>
      <c r="AN427" s="119"/>
      <c r="AO427" s="119"/>
      <c r="AP427" s="119"/>
      <c r="AQ427" s="119"/>
      <c r="AR427" s="119"/>
      <c r="AS427" s="119"/>
      <c r="AT427" s="119"/>
      <c r="AU427" s="119"/>
      <c r="AV427" s="119"/>
      <c r="AW427" s="119"/>
      <c r="AX427" s="119"/>
      <c r="AY427" s="119"/>
      <c r="AZ427" s="119"/>
      <c r="BA427" s="119"/>
      <c r="BB427" s="107">
        <v>45884</v>
      </c>
    </row>
    <row r="428" spans="1:54" s="207" customFormat="1" ht="13.95" customHeight="1" x14ac:dyDescent="0.25">
      <c r="A428" s="208" t="s">
        <v>1114</v>
      </c>
      <c r="B428" s="209" t="s">
        <v>20420</v>
      </c>
      <c r="C428" s="113" t="s">
        <v>1115</v>
      </c>
      <c r="D428" s="113" t="s">
        <v>22611</v>
      </c>
      <c r="E428" s="210">
        <v>1977</v>
      </c>
      <c r="F428" s="210">
        <v>364</v>
      </c>
      <c r="G428" s="113" t="s">
        <v>1</v>
      </c>
      <c r="H428" s="113">
        <v>0</v>
      </c>
      <c r="I428" s="113">
        <v>0</v>
      </c>
      <c r="J428" s="115">
        <v>1</v>
      </c>
      <c r="K428" s="116" t="s">
        <v>174</v>
      </c>
      <c r="L428" s="115">
        <v>0</v>
      </c>
      <c r="M428" s="115">
        <v>0</v>
      </c>
      <c r="N428" s="115">
        <v>0</v>
      </c>
      <c r="O428" s="115">
        <v>0</v>
      </c>
      <c r="P428" s="115" t="s">
        <v>400</v>
      </c>
      <c r="Q428" s="115" t="s">
        <v>400</v>
      </c>
      <c r="R428" s="115">
        <v>0</v>
      </c>
      <c r="S428" s="115">
        <v>0</v>
      </c>
      <c r="T428" s="115">
        <v>0</v>
      </c>
      <c r="U428" s="119"/>
      <c r="V428" s="119"/>
      <c r="W428" s="119"/>
      <c r="X428" s="119"/>
      <c r="Y428" s="119"/>
      <c r="Z428" s="119"/>
      <c r="AA428" s="119"/>
      <c r="AB428" s="119"/>
      <c r="AC428" s="119"/>
      <c r="AD428" s="119"/>
      <c r="AE428" s="119"/>
      <c r="AF428" s="119"/>
      <c r="AG428" s="119"/>
      <c r="AH428" s="119"/>
      <c r="AI428" s="119"/>
      <c r="AJ428" s="119"/>
      <c r="AK428" s="119"/>
      <c r="AL428" s="119"/>
      <c r="AM428" s="119"/>
      <c r="AN428" s="119"/>
      <c r="AO428" s="119"/>
      <c r="AP428" s="119"/>
      <c r="AQ428" s="119"/>
      <c r="AR428" s="119"/>
      <c r="AS428" s="119"/>
      <c r="AT428" s="119"/>
      <c r="AU428" s="119"/>
      <c r="AV428" s="119"/>
      <c r="AW428" s="119"/>
      <c r="AX428" s="119"/>
      <c r="AY428" s="119"/>
      <c r="AZ428" s="119"/>
      <c r="BA428" s="119"/>
      <c r="BB428" s="107">
        <v>45884</v>
      </c>
    </row>
    <row r="429" spans="1:54" s="207" customFormat="1" ht="13.95" customHeight="1" x14ac:dyDescent="0.25">
      <c r="A429" s="208" t="s">
        <v>1116</v>
      </c>
      <c r="B429" s="209" t="s">
        <v>20420</v>
      </c>
      <c r="C429" s="113" t="s">
        <v>1117</v>
      </c>
      <c r="D429" s="113" t="s">
        <v>22612</v>
      </c>
      <c r="E429" s="210">
        <v>1973</v>
      </c>
      <c r="F429" s="210">
        <v>366</v>
      </c>
      <c r="G429" s="113" t="s">
        <v>1</v>
      </c>
      <c r="H429" s="113">
        <v>0</v>
      </c>
      <c r="I429" s="113">
        <v>0</v>
      </c>
      <c r="J429" s="115">
        <v>1</v>
      </c>
      <c r="K429" s="116" t="s">
        <v>174</v>
      </c>
      <c r="L429" s="115">
        <v>0</v>
      </c>
      <c r="M429" s="115">
        <v>0</v>
      </c>
      <c r="N429" s="115">
        <v>0</v>
      </c>
      <c r="O429" s="115">
        <v>1</v>
      </c>
      <c r="P429" s="115">
        <v>1</v>
      </c>
      <c r="Q429" s="115" t="s">
        <v>400</v>
      </c>
      <c r="R429" s="115">
        <v>0</v>
      </c>
      <c r="S429" s="115">
        <v>0</v>
      </c>
      <c r="T429" s="115">
        <v>0</v>
      </c>
      <c r="U429" s="119"/>
      <c r="V429" s="119"/>
      <c r="W429" s="119"/>
      <c r="X429" s="119"/>
      <c r="Y429" s="119"/>
      <c r="Z429" s="119"/>
      <c r="AA429" s="119"/>
      <c r="AB429" s="119"/>
      <c r="AC429" s="119"/>
      <c r="AD429" s="119"/>
      <c r="AE429" s="119"/>
      <c r="AF429" s="119"/>
      <c r="AG429" s="119"/>
      <c r="AH429" s="119"/>
      <c r="AI429" s="119"/>
      <c r="AJ429" s="119"/>
      <c r="AK429" s="119"/>
      <c r="AL429" s="119"/>
      <c r="AM429" s="119"/>
      <c r="AN429" s="119"/>
      <c r="AO429" s="119"/>
      <c r="AP429" s="119"/>
      <c r="AQ429" s="119"/>
      <c r="AR429" s="119"/>
      <c r="AS429" s="119"/>
      <c r="AT429" s="119"/>
      <c r="AU429" s="119"/>
      <c r="AV429" s="119"/>
      <c r="AW429" s="119"/>
      <c r="AX429" s="119"/>
      <c r="AY429" s="119"/>
      <c r="AZ429" s="119"/>
      <c r="BA429" s="119"/>
      <c r="BB429" s="107">
        <v>45884</v>
      </c>
    </row>
    <row r="430" spans="1:54" s="207" customFormat="1" ht="13.95" customHeight="1" x14ac:dyDescent="0.25">
      <c r="A430" s="208" t="s">
        <v>1118</v>
      </c>
      <c r="B430" s="209" t="s">
        <v>20420</v>
      </c>
      <c r="C430" s="113" t="s">
        <v>1119</v>
      </c>
      <c r="D430" s="113" t="s">
        <v>1120</v>
      </c>
      <c r="E430" s="210">
        <v>1979</v>
      </c>
      <c r="F430" s="210">
        <v>366</v>
      </c>
      <c r="G430" s="113" t="s">
        <v>1</v>
      </c>
      <c r="H430" s="113">
        <v>0</v>
      </c>
      <c r="I430" s="113">
        <v>0</v>
      </c>
      <c r="J430" s="115">
        <v>1</v>
      </c>
      <c r="K430" s="211">
        <v>1</v>
      </c>
      <c r="L430" s="115">
        <v>1</v>
      </c>
      <c r="M430" s="115">
        <v>0</v>
      </c>
      <c r="N430" s="115">
        <v>0</v>
      </c>
      <c r="O430" s="115">
        <v>1</v>
      </c>
      <c r="P430" s="115">
        <v>1</v>
      </c>
      <c r="Q430" s="115" t="s">
        <v>400</v>
      </c>
      <c r="R430" s="115">
        <v>0</v>
      </c>
      <c r="S430" s="115">
        <v>0</v>
      </c>
      <c r="T430" s="115">
        <v>0</v>
      </c>
      <c r="U430" s="119"/>
      <c r="V430" s="119"/>
      <c r="W430" s="119"/>
      <c r="X430" s="119"/>
      <c r="Y430" s="119"/>
      <c r="Z430" s="119"/>
      <c r="AA430" s="119"/>
      <c r="AB430" s="119"/>
      <c r="AC430" s="119"/>
      <c r="AD430" s="119"/>
      <c r="AE430" s="119"/>
      <c r="AF430" s="119"/>
      <c r="AG430" s="119"/>
      <c r="AH430" s="119"/>
      <c r="AI430" s="119"/>
      <c r="AJ430" s="119"/>
      <c r="AK430" s="119"/>
      <c r="AL430" s="119"/>
      <c r="AM430" s="119"/>
      <c r="AN430" s="119"/>
      <c r="AO430" s="119"/>
      <c r="AP430" s="119"/>
      <c r="AQ430" s="119"/>
      <c r="AR430" s="119"/>
      <c r="AS430" s="119"/>
      <c r="AT430" s="119"/>
      <c r="AU430" s="119"/>
      <c r="AV430" s="119"/>
      <c r="AW430" s="119"/>
      <c r="AX430" s="119"/>
      <c r="AY430" s="119"/>
      <c r="AZ430" s="119"/>
      <c r="BA430" s="119"/>
      <c r="BB430" s="107">
        <v>45884</v>
      </c>
    </row>
    <row r="431" spans="1:54" s="207" customFormat="1" ht="13.95" customHeight="1" x14ac:dyDescent="0.25">
      <c r="A431" s="208" t="s">
        <v>1121</v>
      </c>
      <c r="B431" s="209" t="s">
        <v>20420</v>
      </c>
      <c r="C431" s="113" t="s">
        <v>1122</v>
      </c>
      <c r="D431" s="113" t="s">
        <v>1123</v>
      </c>
      <c r="E431" s="210">
        <v>2007</v>
      </c>
      <c r="F431" s="210">
        <v>366</v>
      </c>
      <c r="G431" s="113" t="s">
        <v>1</v>
      </c>
      <c r="H431" s="113">
        <v>0</v>
      </c>
      <c r="I431" s="113">
        <v>0</v>
      </c>
      <c r="J431" s="115">
        <v>1</v>
      </c>
      <c r="K431" s="116" t="s">
        <v>174</v>
      </c>
      <c r="L431" s="115">
        <v>1</v>
      </c>
      <c r="M431" s="115">
        <v>0</v>
      </c>
      <c r="N431" s="115">
        <v>0</v>
      </c>
      <c r="O431" s="115">
        <v>1</v>
      </c>
      <c r="P431" s="115">
        <v>1</v>
      </c>
      <c r="Q431" s="115" t="s">
        <v>400</v>
      </c>
      <c r="R431" s="115">
        <v>0</v>
      </c>
      <c r="S431" s="115">
        <v>0</v>
      </c>
      <c r="T431" s="115">
        <v>0</v>
      </c>
      <c r="U431" s="119"/>
      <c r="V431" s="119"/>
      <c r="W431" s="119"/>
      <c r="X431" s="119"/>
      <c r="Y431" s="119"/>
      <c r="Z431" s="119"/>
      <c r="AA431" s="119"/>
      <c r="AB431" s="119"/>
      <c r="AC431" s="119"/>
      <c r="AD431" s="119"/>
      <c r="AE431" s="119"/>
      <c r="AF431" s="119"/>
      <c r="AG431" s="119"/>
      <c r="AH431" s="119"/>
      <c r="AI431" s="119"/>
      <c r="AJ431" s="119"/>
      <c r="AK431" s="119"/>
      <c r="AL431" s="119"/>
      <c r="AM431" s="119"/>
      <c r="AN431" s="119"/>
      <c r="AO431" s="119"/>
      <c r="AP431" s="119"/>
      <c r="AQ431" s="119"/>
      <c r="AR431" s="119"/>
      <c r="AS431" s="119"/>
      <c r="AT431" s="119"/>
      <c r="AU431" s="119"/>
      <c r="AV431" s="119"/>
      <c r="AW431" s="119"/>
      <c r="AX431" s="119"/>
      <c r="AY431" s="119"/>
      <c r="AZ431" s="119"/>
      <c r="BA431" s="119"/>
      <c r="BB431" s="107">
        <v>45884</v>
      </c>
    </row>
    <row r="432" spans="1:54" s="207" customFormat="1" ht="13.95" customHeight="1" x14ac:dyDescent="0.25">
      <c r="A432" s="208" t="s">
        <v>1124</v>
      </c>
      <c r="B432" s="209" t="s">
        <v>20420</v>
      </c>
      <c r="C432" s="113" t="s">
        <v>1125</v>
      </c>
      <c r="D432" s="113" t="s">
        <v>22613</v>
      </c>
      <c r="E432" s="210">
        <v>1974</v>
      </c>
      <c r="F432" s="210">
        <v>366</v>
      </c>
      <c r="G432" s="113" t="s">
        <v>1</v>
      </c>
      <c r="H432" s="113">
        <v>0</v>
      </c>
      <c r="I432" s="113">
        <v>0</v>
      </c>
      <c r="J432" s="115">
        <v>1</v>
      </c>
      <c r="K432" s="116" t="s">
        <v>174</v>
      </c>
      <c r="L432" s="115">
        <v>1</v>
      </c>
      <c r="M432" s="115">
        <v>0</v>
      </c>
      <c r="N432" s="212">
        <v>1</v>
      </c>
      <c r="O432" s="212">
        <v>0</v>
      </c>
      <c r="P432" s="115" t="s">
        <v>400</v>
      </c>
      <c r="Q432" s="115" t="s">
        <v>400</v>
      </c>
      <c r="R432" s="212">
        <v>0</v>
      </c>
      <c r="S432" s="115">
        <v>0</v>
      </c>
      <c r="T432" s="115">
        <v>0</v>
      </c>
      <c r="U432" s="119"/>
      <c r="V432" s="119"/>
      <c r="W432" s="119"/>
      <c r="X432" s="119"/>
      <c r="Y432" s="119"/>
      <c r="Z432" s="119"/>
      <c r="AA432" s="119"/>
      <c r="AB432" s="119"/>
      <c r="AC432" s="119"/>
      <c r="AD432" s="119"/>
      <c r="AE432" s="119"/>
      <c r="AF432" s="119"/>
      <c r="AG432" s="119"/>
      <c r="AH432" s="119"/>
      <c r="AI432" s="119"/>
      <c r="AJ432" s="119"/>
      <c r="AK432" s="119"/>
      <c r="AL432" s="119"/>
      <c r="AM432" s="119"/>
      <c r="AN432" s="119"/>
      <c r="AO432" s="119"/>
      <c r="AP432" s="119"/>
      <c r="AQ432" s="119"/>
      <c r="AR432" s="119"/>
      <c r="AS432" s="119"/>
      <c r="AT432" s="119"/>
      <c r="AU432" s="119"/>
      <c r="AV432" s="119"/>
      <c r="AW432" s="119"/>
      <c r="AX432" s="119"/>
      <c r="AY432" s="119"/>
      <c r="AZ432" s="119"/>
      <c r="BA432" s="119"/>
      <c r="BB432" s="107">
        <v>45884</v>
      </c>
    </row>
    <row r="433" spans="1:54" s="207" customFormat="1" ht="13.95" customHeight="1" x14ac:dyDescent="0.25">
      <c r="A433" s="208" t="s">
        <v>1126</v>
      </c>
      <c r="B433" s="209" t="s">
        <v>20420</v>
      </c>
      <c r="C433" s="113" t="s">
        <v>1127</v>
      </c>
      <c r="D433" s="113" t="s">
        <v>1128</v>
      </c>
      <c r="E433" s="210">
        <v>1983</v>
      </c>
      <c r="F433" s="210">
        <v>369</v>
      </c>
      <c r="G433" s="113" t="s">
        <v>1</v>
      </c>
      <c r="H433" s="113">
        <v>0</v>
      </c>
      <c r="I433" s="113">
        <v>0</v>
      </c>
      <c r="J433" s="115">
        <v>1</v>
      </c>
      <c r="K433" s="211">
        <v>1</v>
      </c>
      <c r="L433" s="115">
        <v>0</v>
      </c>
      <c r="M433" s="115">
        <v>1</v>
      </c>
      <c r="N433" s="115">
        <v>0</v>
      </c>
      <c r="O433" s="115">
        <v>0</v>
      </c>
      <c r="P433" s="115" t="s">
        <v>400</v>
      </c>
      <c r="Q433" s="115" t="s">
        <v>400</v>
      </c>
      <c r="R433" s="115">
        <v>0</v>
      </c>
      <c r="S433" s="115">
        <v>0</v>
      </c>
      <c r="T433" s="115">
        <v>0</v>
      </c>
      <c r="U433" s="119"/>
      <c r="V433" s="119"/>
      <c r="W433" s="119"/>
      <c r="X433" s="119"/>
      <c r="Y433" s="119"/>
      <c r="Z433" s="119"/>
      <c r="AA433" s="119"/>
      <c r="AB433" s="119"/>
      <c r="AC433" s="119"/>
      <c r="AD433" s="119"/>
      <c r="AE433" s="119"/>
      <c r="AF433" s="119"/>
      <c r="AG433" s="119"/>
      <c r="AH433" s="119"/>
      <c r="AI433" s="119"/>
      <c r="AJ433" s="119"/>
      <c r="AK433" s="119"/>
      <c r="AL433" s="119"/>
      <c r="AM433" s="119"/>
      <c r="AN433" s="119"/>
      <c r="AO433" s="119"/>
      <c r="AP433" s="119"/>
      <c r="AQ433" s="119"/>
      <c r="AR433" s="119"/>
      <c r="AS433" s="119"/>
      <c r="AT433" s="119"/>
      <c r="AU433" s="119"/>
      <c r="AV433" s="119"/>
      <c r="AW433" s="119"/>
      <c r="AX433" s="119"/>
      <c r="AY433" s="119"/>
      <c r="AZ433" s="119"/>
      <c r="BA433" s="119"/>
      <c r="BB433" s="107">
        <v>45884</v>
      </c>
    </row>
    <row r="434" spans="1:54" s="207" customFormat="1" ht="13.95" customHeight="1" x14ac:dyDescent="0.25">
      <c r="A434" s="208" t="s">
        <v>1129</v>
      </c>
      <c r="B434" s="209" t="s">
        <v>20420</v>
      </c>
      <c r="C434" s="113" t="s">
        <v>1130</v>
      </c>
      <c r="D434" s="113" t="s">
        <v>22614</v>
      </c>
      <c r="E434" s="210">
        <v>2016</v>
      </c>
      <c r="F434" s="210">
        <v>372</v>
      </c>
      <c r="G434" s="113" t="s">
        <v>1</v>
      </c>
      <c r="H434" s="113">
        <v>0</v>
      </c>
      <c r="I434" s="113">
        <v>0</v>
      </c>
      <c r="J434" s="115">
        <v>1</v>
      </c>
      <c r="K434" s="116" t="s">
        <v>174</v>
      </c>
      <c r="L434" s="115">
        <v>1</v>
      </c>
      <c r="M434" s="115">
        <v>0</v>
      </c>
      <c r="N434" s="115">
        <v>0</v>
      </c>
      <c r="O434" s="115">
        <v>0</v>
      </c>
      <c r="P434" s="115" t="s">
        <v>400</v>
      </c>
      <c r="Q434" s="115" t="s">
        <v>400</v>
      </c>
      <c r="R434" s="115">
        <v>1</v>
      </c>
      <c r="S434" s="115">
        <v>0</v>
      </c>
      <c r="T434" s="115">
        <v>0</v>
      </c>
      <c r="U434" s="119"/>
      <c r="V434" s="119"/>
      <c r="W434" s="119"/>
      <c r="X434" s="119"/>
      <c r="Y434" s="119"/>
      <c r="Z434" s="119"/>
      <c r="AA434" s="119"/>
      <c r="AB434" s="119"/>
      <c r="AC434" s="119"/>
      <c r="AD434" s="119"/>
      <c r="AE434" s="119"/>
      <c r="AF434" s="119"/>
      <c r="AG434" s="119"/>
      <c r="AH434" s="119"/>
      <c r="AI434" s="119"/>
      <c r="AJ434" s="119"/>
      <c r="AK434" s="119"/>
      <c r="AL434" s="119"/>
      <c r="AM434" s="119"/>
      <c r="AN434" s="119"/>
      <c r="AO434" s="119"/>
      <c r="AP434" s="119"/>
      <c r="AQ434" s="119"/>
      <c r="AR434" s="119"/>
      <c r="AS434" s="119"/>
      <c r="AT434" s="119"/>
      <c r="AU434" s="119"/>
      <c r="AV434" s="119"/>
      <c r="AW434" s="119"/>
      <c r="AX434" s="119"/>
      <c r="AY434" s="119"/>
      <c r="AZ434" s="119"/>
      <c r="BA434" s="119"/>
      <c r="BB434" s="107">
        <v>45884</v>
      </c>
    </row>
    <row r="435" spans="1:54" s="207" customFormat="1" ht="13.95" customHeight="1" x14ac:dyDescent="0.25">
      <c r="A435" s="208" t="s">
        <v>1131</v>
      </c>
      <c r="B435" s="209" t="s">
        <v>20420</v>
      </c>
      <c r="C435" s="113" t="s">
        <v>1132</v>
      </c>
      <c r="D435" s="113" t="s">
        <v>22615</v>
      </c>
      <c r="E435" s="210">
        <v>2015</v>
      </c>
      <c r="F435" s="210">
        <v>374</v>
      </c>
      <c r="G435" s="113" t="s">
        <v>1</v>
      </c>
      <c r="H435" s="113">
        <v>0</v>
      </c>
      <c r="I435" s="113">
        <v>0</v>
      </c>
      <c r="J435" s="115">
        <v>1</v>
      </c>
      <c r="K435" s="116" t="s">
        <v>174</v>
      </c>
      <c r="L435" s="115">
        <v>0</v>
      </c>
      <c r="M435" s="115">
        <v>0</v>
      </c>
      <c r="N435" s="115">
        <v>0</v>
      </c>
      <c r="O435" s="115">
        <v>0</v>
      </c>
      <c r="P435" s="115" t="s">
        <v>400</v>
      </c>
      <c r="Q435" s="115" t="s">
        <v>400</v>
      </c>
      <c r="R435" s="115">
        <v>0</v>
      </c>
      <c r="S435" s="115">
        <v>0</v>
      </c>
      <c r="T435" s="115">
        <v>0</v>
      </c>
      <c r="U435" s="119"/>
      <c r="V435" s="119"/>
      <c r="W435" s="119"/>
      <c r="X435" s="119"/>
      <c r="Y435" s="119"/>
      <c r="Z435" s="119"/>
      <c r="AA435" s="119"/>
      <c r="AB435" s="119"/>
      <c r="AC435" s="119"/>
      <c r="AD435" s="119"/>
      <c r="AE435" s="119"/>
      <c r="AF435" s="119"/>
      <c r="AG435" s="119"/>
      <c r="AH435" s="119"/>
      <c r="AI435" s="119"/>
      <c r="AJ435" s="119"/>
      <c r="AK435" s="119"/>
      <c r="AL435" s="119"/>
      <c r="AM435" s="119"/>
      <c r="AN435" s="119"/>
      <c r="AO435" s="119"/>
      <c r="AP435" s="119"/>
      <c r="AQ435" s="119"/>
      <c r="AR435" s="119"/>
      <c r="AS435" s="119"/>
      <c r="AT435" s="119"/>
      <c r="AU435" s="119"/>
      <c r="AV435" s="119"/>
      <c r="AW435" s="119"/>
      <c r="AX435" s="119"/>
      <c r="AY435" s="119"/>
      <c r="AZ435" s="119"/>
      <c r="BA435" s="119"/>
      <c r="BB435" s="107">
        <v>45884</v>
      </c>
    </row>
    <row r="436" spans="1:54" s="207" customFormat="1" ht="13.95" customHeight="1" x14ac:dyDescent="0.25">
      <c r="A436" s="208" t="s">
        <v>1133</v>
      </c>
      <c r="B436" s="209" t="s">
        <v>20420</v>
      </c>
      <c r="C436" s="113" t="s">
        <v>1134</v>
      </c>
      <c r="D436" s="113" t="s">
        <v>22616</v>
      </c>
      <c r="E436" s="210">
        <v>1984</v>
      </c>
      <c r="F436" s="210">
        <v>376</v>
      </c>
      <c r="G436" s="113" t="s">
        <v>1</v>
      </c>
      <c r="H436" s="113">
        <v>0</v>
      </c>
      <c r="I436" s="113">
        <v>0</v>
      </c>
      <c r="J436" s="115">
        <v>1</v>
      </c>
      <c r="K436" s="116" t="s">
        <v>174</v>
      </c>
      <c r="L436" s="115">
        <v>1</v>
      </c>
      <c r="M436" s="115">
        <v>0</v>
      </c>
      <c r="N436" s="115">
        <v>0</v>
      </c>
      <c r="O436" s="115">
        <v>1</v>
      </c>
      <c r="P436" s="115">
        <v>1</v>
      </c>
      <c r="Q436" s="115" t="s">
        <v>400</v>
      </c>
      <c r="R436" s="115">
        <v>0</v>
      </c>
      <c r="S436" s="115">
        <v>0</v>
      </c>
      <c r="T436" s="115">
        <v>0</v>
      </c>
      <c r="U436" s="119"/>
      <c r="V436" s="119"/>
      <c r="W436" s="119"/>
      <c r="X436" s="119"/>
      <c r="Y436" s="119"/>
      <c r="Z436" s="119"/>
      <c r="AA436" s="119"/>
      <c r="AB436" s="119"/>
      <c r="AC436" s="119"/>
      <c r="AD436" s="119"/>
      <c r="AE436" s="119"/>
      <c r="AF436" s="119"/>
      <c r="AG436" s="119"/>
      <c r="AH436" s="119"/>
      <c r="AI436" s="119"/>
      <c r="AJ436" s="119"/>
      <c r="AK436" s="119"/>
      <c r="AL436" s="119"/>
      <c r="AM436" s="119"/>
      <c r="AN436" s="119"/>
      <c r="AO436" s="119"/>
      <c r="AP436" s="119"/>
      <c r="AQ436" s="119"/>
      <c r="AR436" s="119"/>
      <c r="AS436" s="119"/>
      <c r="AT436" s="119"/>
      <c r="AU436" s="119"/>
      <c r="AV436" s="119"/>
      <c r="AW436" s="119"/>
      <c r="AX436" s="119"/>
      <c r="AY436" s="119"/>
      <c r="AZ436" s="119"/>
      <c r="BA436" s="119"/>
      <c r="BB436" s="107">
        <v>45884</v>
      </c>
    </row>
    <row r="437" spans="1:54" s="207" customFormat="1" ht="13.95" customHeight="1" x14ac:dyDescent="0.25">
      <c r="A437" s="208" t="s">
        <v>1135</v>
      </c>
      <c r="B437" s="209" t="s">
        <v>20420</v>
      </c>
      <c r="C437" s="113" t="s">
        <v>1136</v>
      </c>
      <c r="D437" s="113" t="s">
        <v>1137</v>
      </c>
      <c r="E437" s="210">
        <v>1996</v>
      </c>
      <c r="F437" s="210">
        <v>379</v>
      </c>
      <c r="G437" s="113" t="s">
        <v>1</v>
      </c>
      <c r="H437" s="113">
        <v>0</v>
      </c>
      <c r="I437" s="113">
        <v>0</v>
      </c>
      <c r="J437" s="115">
        <v>1</v>
      </c>
      <c r="K437" s="116" t="s">
        <v>174</v>
      </c>
      <c r="L437" s="115">
        <v>0</v>
      </c>
      <c r="M437" s="115">
        <v>0</v>
      </c>
      <c r="N437" s="115">
        <v>0</v>
      </c>
      <c r="O437" s="115">
        <v>0</v>
      </c>
      <c r="P437" s="115" t="s">
        <v>400</v>
      </c>
      <c r="Q437" s="115" t="s">
        <v>400</v>
      </c>
      <c r="R437" s="115">
        <v>0</v>
      </c>
      <c r="S437" s="115">
        <v>0</v>
      </c>
      <c r="T437" s="115">
        <v>0</v>
      </c>
      <c r="U437" s="119"/>
      <c r="V437" s="119"/>
      <c r="W437" s="119"/>
      <c r="X437" s="119"/>
      <c r="Y437" s="119"/>
      <c r="Z437" s="119"/>
      <c r="AA437" s="119"/>
      <c r="AB437" s="119"/>
      <c r="AC437" s="119"/>
      <c r="AD437" s="119"/>
      <c r="AE437" s="119"/>
      <c r="AF437" s="119"/>
      <c r="AG437" s="119"/>
      <c r="AH437" s="119"/>
      <c r="AI437" s="119"/>
      <c r="AJ437" s="119"/>
      <c r="AK437" s="119"/>
      <c r="AL437" s="119"/>
      <c r="AM437" s="119"/>
      <c r="AN437" s="119"/>
      <c r="AO437" s="119"/>
      <c r="AP437" s="119"/>
      <c r="AQ437" s="119"/>
      <c r="AR437" s="119"/>
      <c r="AS437" s="119"/>
      <c r="AT437" s="119"/>
      <c r="AU437" s="119"/>
      <c r="AV437" s="119"/>
      <c r="AW437" s="119"/>
      <c r="AX437" s="119"/>
      <c r="AY437" s="119"/>
      <c r="AZ437" s="119"/>
      <c r="BA437" s="119"/>
      <c r="BB437" s="107">
        <v>45884</v>
      </c>
    </row>
    <row r="438" spans="1:54" s="207" customFormat="1" ht="13.95" customHeight="1" x14ac:dyDescent="0.25">
      <c r="A438" s="208" t="s">
        <v>1138</v>
      </c>
      <c r="B438" s="209" t="s">
        <v>20420</v>
      </c>
      <c r="C438" s="113" t="s">
        <v>1139</v>
      </c>
      <c r="D438" s="113" t="s">
        <v>1140</v>
      </c>
      <c r="E438" s="210">
        <v>2012</v>
      </c>
      <c r="F438" s="210">
        <v>380</v>
      </c>
      <c r="G438" s="113" t="s">
        <v>1</v>
      </c>
      <c r="H438" s="113">
        <v>0</v>
      </c>
      <c r="I438" s="113">
        <v>0</v>
      </c>
      <c r="J438" s="115">
        <v>1</v>
      </c>
      <c r="K438" s="116" t="s">
        <v>174</v>
      </c>
      <c r="L438" s="115">
        <v>0</v>
      </c>
      <c r="M438" s="115">
        <v>0</v>
      </c>
      <c r="N438" s="115">
        <v>0</v>
      </c>
      <c r="O438" s="115">
        <v>0</v>
      </c>
      <c r="P438" s="115">
        <v>1</v>
      </c>
      <c r="Q438" s="115" t="s">
        <v>400</v>
      </c>
      <c r="R438" s="115">
        <v>1</v>
      </c>
      <c r="S438" s="115">
        <v>0</v>
      </c>
      <c r="T438" s="115">
        <v>0</v>
      </c>
      <c r="U438" s="119"/>
      <c r="V438" s="119"/>
      <c r="W438" s="119"/>
      <c r="X438" s="119"/>
      <c r="Y438" s="119"/>
      <c r="Z438" s="119"/>
      <c r="AA438" s="119"/>
      <c r="AB438" s="119"/>
      <c r="AC438" s="119"/>
      <c r="AD438" s="119"/>
      <c r="AE438" s="119"/>
      <c r="AF438" s="119"/>
      <c r="AG438" s="119"/>
      <c r="AH438" s="119"/>
      <c r="AI438" s="119"/>
      <c r="AJ438" s="119"/>
      <c r="AK438" s="119"/>
      <c r="AL438" s="119"/>
      <c r="AM438" s="119"/>
      <c r="AN438" s="119"/>
      <c r="AO438" s="119"/>
      <c r="AP438" s="119"/>
      <c r="AQ438" s="119"/>
      <c r="AR438" s="119"/>
      <c r="AS438" s="119"/>
      <c r="AT438" s="119"/>
      <c r="AU438" s="119"/>
      <c r="AV438" s="119"/>
      <c r="AW438" s="119"/>
      <c r="AX438" s="119"/>
      <c r="AY438" s="119"/>
      <c r="AZ438" s="119"/>
      <c r="BA438" s="119"/>
      <c r="BB438" s="107">
        <v>45884</v>
      </c>
    </row>
    <row r="439" spans="1:54" s="207" customFormat="1" ht="13.95" customHeight="1" x14ac:dyDescent="0.25">
      <c r="A439" s="208" t="s">
        <v>1141</v>
      </c>
      <c r="B439" s="209" t="s">
        <v>20420</v>
      </c>
      <c r="C439" s="113" t="s">
        <v>1142</v>
      </c>
      <c r="D439" s="113" t="s">
        <v>1143</v>
      </c>
      <c r="E439" s="210">
        <v>1985</v>
      </c>
      <c r="F439" s="210">
        <v>380</v>
      </c>
      <c r="G439" s="113" t="s">
        <v>1</v>
      </c>
      <c r="H439" s="113">
        <v>0</v>
      </c>
      <c r="I439" s="113">
        <v>0</v>
      </c>
      <c r="J439" s="115">
        <v>1</v>
      </c>
      <c r="K439" s="116" t="s">
        <v>174</v>
      </c>
      <c r="L439" s="115">
        <v>1</v>
      </c>
      <c r="M439" s="115">
        <v>0</v>
      </c>
      <c r="N439" s="115">
        <v>0</v>
      </c>
      <c r="O439" s="115">
        <v>1</v>
      </c>
      <c r="P439" s="115">
        <v>1</v>
      </c>
      <c r="Q439" s="115" t="s">
        <v>400</v>
      </c>
      <c r="R439" s="115">
        <v>0</v>
      </c>
      <c r="S439" s="115">
        <v>0</v>
      </c>
      <c r="T439" s="115">
        <v>0</v>
      </c>
      <c r="U439" s="119"/>
      <c r="V439" s="119"/>
      <c r="W439" s="119"/>
      <c r="X439" s="119"/>
      <c r="Y439" s="119"/>
      <c r="Z439" s="119"/>
      <c r="AA439" s="119"/>
      <c r="AB439" s="119"/>
      <c r="AC439" s="119"/>
      <c r="AD439" s="119"/>
      <c r="AE439" s="119"/>
      <c r="AF439" s="119"/>
      <c r="AG439" s="119"/>
      <c r="AH439" s="119"/>
      <c r="AI439" s="119"/>
      <c r="AJ439" s="119"/>
      <c r="AK439" s="119"/>
      <c r="AL439" s="119"/>
      <c r="AM439" s="119"/>
      <c r="AN439" s="119"/>
      <c r="AO439" s="119"/>
      <c r="AP439" s="119"/>
      <c r="AQ439" s="119"/>
      <c r="AR439" s="119"/>
      <c r="AS439" s="119"/>
      <c r="AT439" s="119"/>
      <c r="AU439" s="119"/>
      <c r="AV439" s="119"/>
      <c r="AW439" s="119"/>
      <c r="AX439" s="119"/>
      <c r="AY439" s="119"/>
      <c r="AZ439" s="119"/>
      <c r="BA439" s="119"/>
      <c r="BB439" s="107">
        <v>45884</v>
      </c>
    </row>
    <row r="440" spans="1:54" s="207" customFormat="1" ht="13.95" customHeight="1" x14ac:dyDescent="0.25">
      <c r="A440" s="208" t="s">
        <v>1144</v>
      </c>
      <c r="B440" s="209" t="s">
        <v>20420</v>
      </c>
      <c r="C440" s="113" t="s">
        <v>1145</v>
      </c>
      <c r="D440" s="113" t="s">
        <v>22617</v>
      </c>
      <c r="E440" s="210">
        <v>1998</v>
      </c>
      <c r="F440" s="210">
        <v>381</v>
      </c>
      <c r="G440" s="113" t="s">
        <v>1</v>
      </c>
      <c r="H440" s="113">
        <v>0</v>
      </c>
      <c r="I440" s="113">
        <v>0</v>
      </c>
      <c r="J440" s="115">
        <v>1</v>
      </c>
      <c r="K440" s="211">
        <v>1</v>
      </c>
      <c r="L440" s="115">
        <v>0</v>
      </c>
      <c r="M440" s="115">
        <v>0</v>
      </c>
      <c r="N440" s="115">
        <v>0</v>
      </c>
      <c r="O440" s="115">
        <v>0</v>
      </c>
      <c r="P440" s="115">
        <v>1</v>
      </c>
      <c r="Q440" s="115" t="s">
        <v>400</v>
      </c>
      <c r="R440" s="115">
        <v>0</v>
      </c>
      <c r="S440" s="115">
        <v>0</v>
      </c>
      <c r="T440" s="115">
        <v>0</v>
      </c>
      <c r="U440" s="119"/>
      <c r="V440" s="119"/>
      <c r="W440" s="119"/>
      <c r="X440" s="119"/>
      <c r="Y440" s="119"/>
      <c r="Z440" s="119"/>
      <c r="AA440" s="119"/>
      <c r="AB440" s="119"/>
      <c r="AC440" s="119"/>
      <c r="AD440" s="119"/>
      <c r="AE440" s="119"/>
      <c r="AF440" s="119"/>
      <c r="AG440" s="119"/>
      <c r="AH440" s="119"/>
      <c r="AI440" s="119"/>
      <c r="AJ440" s="119"/>
      <c r="AK440" s="119"/>
      <c r="AL440" s="119"/>
      <c r="AM440" s="119"/>
      <c r="AN440" s="119"/>
      <c r="AO440" s="119"/>
      <c r="AP440" s="119"/>
      <c r="AQ440" s="119"/>
      <c r="AR440" s="119"/>
      <c r="AS440" s="119"/>
      <c r="AT440" s="119"/>
      <c r="AU440" s="119"/>
      <c r="AV440" s="119"/>
      <c r="AW440" s="119"/>
      <c r="AX440" s="119"/>
      <c r="AY440" s="119"/>
      <c r="AZ440" s="119"/>
      <c r="BA440" s="119"/>
      <c r="BB440" s="107">
        <v>45884</v>
      </c>
    </row>
    <row r="441" spans="1:54" s="207" customFormat="1" ht="13.95" customHeight="1" x14ac:dyDescent="0.25">
      <c r="A441" s="208" t="s">
        <v>1146</v>
      </c>
      <c r="B441" s="209" t="s">
        <v>20420</v>
      </c>
      <c r="C441" s="113" t="s">
        <v>1147</v>
      </c>
      <c r="D441" s="113" t="s">
        <v>22618</v>
      </c>
      <c r="E441" s="210">
        <v>2003</v>
      </c>
      <c r="F441" s="210">
        <v>385</v>
      </c>
      <c r="G441" s="113" t="s">
        <v>1</v>
      </c>
      <c r="H441" s="113">
        <v>0</v>
      </c>
      <c r="I441" s="113">
        <v>0</v>
      </c>
      <c r="J441" s="115">
        <v>1</v>
      </c>
      <c r="K441" s="116" t="s">
        <v>174</v>
      </c>
      <c r="L441" s="115">
        <v>0</v>
      </c>
      <c r="M441" s="115">
        <v>1</v>
      </c>
      <c r="N441" s="115">
        <v>0</v>
      </c>
      <c r="O441" s="115">
        <v>0</v>
      </c>
      <c r="P441" s="115" t="s">
        <v>400</v>
      </c>
      <c r="Q441" s="115" t="s">
        <v>400</v>
      </c>
      <c r="R441" s="115">
        <v>0</v>
      </c>
      <c r="S441" s="115">
        <v>0</v>
      </c>
      <c r="T441" s="115">
        <v>0</v>
      </c>
      <c r="U441" s="119"/>
      <c r="V441" s="119"/>
      <c r="W441" s="119"/>
      <c r="X441" s="119"/>
      <c r="Y441" s="119"/>
      <c r="Z441" s="119"/>
      <c r="AA441" s="119"/>
      <c r="AB441" s="119"/>
      <c r="AC441" s="119"/>
      <c r="AD441" s="119"/>
      <c r="AE441" s="119"/>
      <c r="AF441" s="119"/>
      <c r="AG441" s="119"/>
      <c r="AH441" s="119"/>
      <c r="AI441" s="119"/>
      <c r="AJ441" s="119"/>
      <c r="AK441" s="119"/>
      <c r="AL441" s="119"/>
      <c r="AM441" s="119"/>
      <c r="AN441" s="119"/>
      <c r="AO441" s="119"/>
      <c r="AP441" s="119"/>
      <c r="AQ441" s="119"/>
      <c r="AR441" s="119"/>
      <c r="AS441" s="119"/>
      <c r="AT441" s="119"/>
      <c r="AU441" s="119"/>
      <c r="AV441" s="119"/>
      <c r="AW441" s="119"/>
      <c r="AX441" s="119"/>
      <c r="AY441" s="119"/>
      <c r="AZ441" s="119"/>
      <c r="BA441" s="119"/>
      <c r="BB441" s="107">
        <v>45884</v>
      </c>
    </row>
    <row r="442" spans="1:54" s="207" customFormat="1" ht="13.95" customHeight="1" x14ac:dyDescent="0.25">
      <c r="A442" s="208" t="s">
        <v>1148</v>
      </c>
      <c r="B442" s="209" t="s">
        <v>20420</v>
      </c>
      <c r="C442" s="113" t="s">
        <v>1149</v>
      </c>
      <c r="D442" s="113" t="s">
        <v>22619</v>
      </c>
      <c r="E442" s="210">
        <v>1967</v>
      </c>
      <c r="F442" s="210">
        <v>385</v>
      </c>
      <c r="G442" s="113" t="s">
        <v>1</v>
      </c>
      <c r="H442" s="113">
        <v>0</v>
      </c>
      <c r="I442" s="113">
        <v>0</v>
      </c>
      <c r="J442" s="115">
        <v>1</v>
      </c>
      <c r="K442" s="116" t="s">
        <v>174</v>
      </c>
      <c r="L442" s="115">
        <v>0</v>
      </c>
      <c r="M442" s="115">
        <v>0</v>
      </c>
      <c r="N442" s="115">
        <v>0</v>
      </c>
      <c r="O442" s="115">
        <v>0</v>
      </c>
      <c r="P442" s="115">
        <v>1</v>
      </c>
      <c r="Q442" s="115" t="s">
        <v>400</v>
      </c>
      <c r="R442" s="115">
        <v>0</v>
      </c>
      <c r="S442" s="115">
        <v>0</v>
      </c>
      <c r="T442" s="115">
        <v>0</v>
      </c>
      <c r="U442" s="119"/>
      <c r="V442" s="119"/>
      <c r="W442" s="119"/>
      <c r="X442" s="119"/>
      <c r="Y442" s="119"/>
      <c r="Z442" s="119"/>
      <c r="AA442" s="119"/>
      <c r="AB442" s="119"/>
      <c r="AC442" s="119"/>
      <c r="AD442" s="119"/>
      <c r="AE442" s="119"/>
      <c r="AF442" s="119"/>
      <c r="AG442" s="119"/>
      <c r="AH442" s="119"/>
      <c r="AI442" s="119"/>
      <c r="AJ442" s="119"/>
      <c r="AK442" s="119"/>
      <c r="AL442" s="119"/>
      <c r="AM442" s="119"/>
      <c r="AN442" s="119"/>
      <c r="AO442" s="119"/>
      <c r="AP442" s="119"/>
      <c r="AQ442" s="119"/>
      <c r="AR442" s="119"/>
      <c r="AS442" s="119"/>
      <c r="AT442" s="119"/>
      <c r="AU442" s="119"/>
      <c r="AV442" s="119"/>
      <c r="AW442" s="119"/>
      <c r="AX442" s="119"/>
      <c r="AY442" s="119"/>
      <c r="AZ442" s="119"/>
      <c r="BA442" s="119"/>
      <c r="BB442" s="107">
        <v>45884</v>
      </c>
    </row>
    <row r="443" spans="1:54" s="207" customFormat="1" ht="13.95" customHeight="1" x14ac:dyDescent="0.25">
      <c r="A443" s="208" t="s">
        <v>1150</v>
      </c>
      <c r="B443" s="209" t="s">
        <v>20420</v>
      </c>
      <c r="C443" s="113" t="s">
        <v>1151</v>
      </c>
      <c r="D443" s="113" t="s">
        <v>22620</v>
      </c>
      <c r="E443" s="210">
        <v>1986</v>
      </c>
      <c r="F443" s="210">
        <v>385</v>
      </c>
      <c r="G443" s="113" t="s">
        <v>1</v>
      </c>
      <c r="H443" s="113">
        <v>0</v>
      </c>
      <c r="I443" s="113">
        <v>0</v>
      </c>
      <c r="J443" s="115">
        <v>1</v>
      </c>
      <c r="K443" s="116" t="s">
        <v>174</v>
      </c>
      <c r="L443" s="115">
        <v>1</v>
      </c>
      <c r="M443" s="115">
        <v>1</v>
      </c>
      <c r="N443" s="115">
        <v>0</v>
      </c>
      <c r="O443" s="115">
        <v>0</v>
      </c>
      <c r="P443" s="115" t="s">
        <v>400</v>
      </c>
      <c r="Q443" s="115" t="s">
        <v>400</v>
      </c>
      <c r="R443" s="115">
        <v>0</v>
      </c>
      <c r="S443" s="115">
        <v>0</v>
      </c>
      <c r="T443" s="115">
        <v>0</v>
      </c>
      <c r="U443" s="119"/>
      <c r="V443" s="119"/>
      <c r="W443" s="119"/>
      <c r="X443" s="119"/>
      <c r="Y443" s="119"/>
      <c r="Z443" s="119"/>
      <c r="AA443" s="119"/>
      <c r="AB443" s="119"/>
      <c r="AC443" s="119"/>
      <c r="AD443" s="119"/>
      <c r="AE443" s="119"/>
      <c r="AF443" s="119"/>
      <c r="AG443" s="119"/>
      <c r="AH443" s="119"/>
      <c r="AI443" s="119"/>
      <c r="AJ443" s="119"/>
      <c r="AK443" s="119"/>
      <c r="AL443" s="119"/>
      <c r="AM443" s="119"/>
      <c r="AN443" s="119"/>
      <c r="AO443" s="119"/>
      <c r="AP443" s="119"/>
      <c r="AQ443" s="119"/>
      <c r="AR443" s="119"/>
      <c r="AS443" s="119"/>
      <c r="AT443" s="119"/>
      <c r="AU443" s="119"/>
      <c r="AV443" s="119"/>
      <c r="AW443" s="119"/>
      <c r="AX443" s="119"/>
      <c r="AY443" s="119"/>
      <c r="AZ443" s="119"/>
      <c r="BA443" s="119"/>
      <c r="BB443" s="107">
        <v>45884</v>
      </c>
    </row>
    <row r="444" spans="1:54" s="207" customFormat="1" ht="13.95" customHeight="1" x14ac:dyDescent="0.25">
      <c r="A444" s="208" t="s">
        <v>1152</v>
      </c>
      <c r="B444" s="209" t="s">
        <v>20420</v>
      </c>
      <c r="C444" s="113" t="s">
        <v>1153</v>
      </c>
      <c r="D444" s="113" t="s">
        <v>22621</v>
      </c>
      <c r="E444" s="210">
        <v>1984</v>
      </c>
      <c r="F444" s="210">
        <v>385</v>
      </c>
      <c r="G444" s="113" t="s">
        <v>1</v>
      </c>
      <c r="H444" s="113">
        <v>0</v>
      </c>
      <c r="I444" s="113">
        <v>0</v>
      </c>
      <c r="J444" s="115">
        <v>1</v>
      </c>
      <c r="K444" s="116" t="s">
        <v>174</v>
      </c>
      <c r="L444" s="115">
        <v>1</v>
      </c>
      <c r="M444" s="115">
        <v>0</v>
      </c>
      <c r="N444" s="115">
        <v>0</v>
      </c>
      <c r="O444" s="115">
        <v>0</v>
      </c>
      <c r="P444" s="115">
        <v>1</v>
      </c>
      <c r="Q444" s="115" t="s">
        <v>400</v>
      </c>
      <c r="R444" s="115">
        <v>0</v>
      </c>
      <c r="S444" s="115">
        <v>0</v>
      </c>
      <c r="T444" s="115">
        <v>0</v>
      </c>
      <c r="U444" s="119"/>
      <c r="V444" s="119"/>
      <c r="W444" s="119"/>
      <c r="X444" s="119"/>
      <c r="Y444" s="119"/>
      <c r="Z444" s="119"/>
      <c r="AA444" s="119"/>
      <c r="AB444" s="119"/>
      <c r="AC444" s="119"/>
      <c r="AD444" s="119"/>
      <c r="AE444" s="119"/>
      <c r="AF444" s="119"/>
      <c r="AG444" s="119"/>
      <c r="AH444" s="119"/>
      <c r="AI444" s="119"/>
      <c r="AJ444" s="119"/>
      <c r="AK444" s="119"/>
      <c r="AL444" s="119"/>
      <c r="AM444" s="119"/>
      <c r="AN444" s="119"/>
      <c r="AO444" s="119"/>
      <c r="AP444" s="119"/>
      <c r="AQ444" s="119"/>
      <c r="AR444" s="119"/>
      <c r="AS444" s="119"/>
      <c r="AT444" s="119"/>
      <c r="AU444" s="119"/>
      <c r="AV444" s="119"/>
      <c r="AW444" s="119"/>
      <c r="AX444" s="119"/>
      <c r="AY444" s="119"/>
      <c r="AZ444" s="119"/>
      <c r="BA444" s="119"/>
      <c r="BB444" s="107">
        <v>45884</v>
      </c>
    </row>
    <row r="445" spans="1:54" s="207" customFormat="1" ht="13.95" customHeight="1" x14ac:dyDescent="0.25">
      <c r="A445" s="208" t="s">
        <v>1154</v>
      </c>
      <c r="B445" s="209" t="s">
        <v>20420</v>
      </c>
      <c r="C445" s="113" t="s">
        <v>1155</v>
      </c>
      <c r="D445" s="113" t="s">
        <v>22622</v>
      </c>
      <c r="E445" s="210">
        <v>1993</v>
      </c>
      <c r="F445" s="210">
        <v>386</v>
      </c>
      <c r="G445" s="113" t="s">
        <v>1</v>
      </c>
      <c r="H445" s="113">
        <v>0</v>
      </c>
      <c r="I445" s="113">
        <v>0</v>
      </c>
      <c r="J445" s="115">
        <v>1</v>
      </c>
      <c r="K445" s="116" t="s">
        <v>174</v>
      </c>
      <c r="L445" s="115">
        <v>1</v>
      </c>
      <c r="M445" s="115">
        <v>0</v>
      </c>
      <c r="N445" s="115">
        <v>0</v>
      </c>
      <c r="O445" s="115">
        <v>0</v>
      </c>
      <c r="P445" s="115">
        <v>1</v>
      </c>
      <c r="Q445" s="115" t="s">
        <v>400</v>
      </c>
      <c r="R445" s="115">
        <v>0</v>
      </c>
      <c r="S445" s="115">
        <v>0</v>
      </c>
      <c r="T445" s="115">
        <v>0</v>
      </c>
      <c r="U445" s="119"/>
      <c r="V445" s="119"/>
      <c r="W445" s="119"/>
      <c r="X445" s="119"/>
      <c r="Y445" s="119"/>
      <c r="Z445" s="119"/>
      <c r="AA445" s="119"/>
      <c r="AB445" s="119"/>
      <c r="AC445" s="119"/>
      <c r="AD445" s="119"/>
      <c r="AE445" s="119"/>
      <c r="AF445" s="119"/>
      <c r="AG445" s="119"/>
      <c r="AH445" s="119"/>
      <c r="AI445" s="119"/>
      <c r="AJ445" s="119"/>
      <c r="AK445" s="119"/>
      <c r="AL445" s="119"/>
      <c r="AM445" s="119"/>
      <c r="AN445" s="119"/>
      <c r="AO445" s="119"/>
      <c r="AP445" s="119"/>
      <c r="AQ445" s="119"/>
      <c r="AR445" s="119"/>
      <c r="AS445" s="119"/>
      <c r="AT445" s="119"/>
      <c r="AU445" s="119"/>
      <c r="AV445" s="119"/>
      <c r="AW445" s="119"/>
      <c r="AX445" s="119"/>
      <c r="AY445" s="119"/>
      <c r="AZ445" s="119"/>
      <c r="BA445" s="119"/>
      <c r="BB445" s="107">
        <v>45884</v>
      </c>
    </row>
    <row r="446" spans="1:54" s="207" customFormat="1" ht="13.95" customHeight="1" x14ac:dyDescent="0.25">
      <c r="A446" s="208" t="s">
        <v>1156</v>
      </c>
      <c r="B446" s="209" t="s">
        <v>20420</v>
      </c>
      <c r="C446" s="113" t="s">
        <v>1157</v>
      </c>
      <c r="D446" s="113" t="s">
        <v>1158</v>
      </c>
      <c r="E446" s="210">
        <v>2003</v>
      </c>
      <c r="F446" s="210">
        <v>387</v>
      </c>
      <c r="G446" s="113" t="s">
        <v>1</v>
      </c>
      <c r="H446" s="113">
        <v>0</v>
      </c>
      <c r="I446" s="113">
        <v>0</v>
      </c>
      <c r="J446" s="115">
        <v>1</v>
      </c>
      <c r="K446" s="116" t="s">
        <v>174</v>
      </c>
      <c r="L446" s="115">
        <v>1</v>
      </c>
      <c r="M446" s="115">
        <v>1</v>
      </c>
      <c r="N446" s="115">
        <v>0</v>
      </c>
      <c r="O446" s="115">
        <v>1</v>
      </c>
      <c r="P446" s="115" t="s">
        <v>400</v>
      </c>
      <c r="Q446" s="115" t="s">
        <v>400</v>
      </c>
      <c r="R446" s="115">
        <v>1</v>
      </c>
      <c r="S446" s="115">
        <v>0</v>
      </c>
      <c r="T446" s="115">
        <v>0</v>
      </c>
      <c r="U446" s="119"/>
      <c r="V446" s="119"/>
      <c r="W446" s="119"/>
      <c r="X446" s="119"/>
      <c r="Y446" s="119"/>
      <c r="Z446" s="119"/>
      <c r="AA446" s="119"/>
      <c r="AB446" s="119"/>
      <c r="AC446" s="119"/>
      <c r="AD446" s="119"/>
      <c r="AE446" s="119"/>
      <c r="AF446" s="119"/>
      <c r="AG446" s="119"/>
      <c r="AH446" s="119"/>
      <c r="AI446" s="119"/>
      <c r="AJ446" s="119"/>
      <c r="AK446" s="119"/>
      <c r="AL446" s="119"/>
      <c r="AM446" s="119"/>
      <c r="AN446" s="119"/>
      <c r="AO446" s="119"/>
      <c r="AP446" s="119"/>
      <c r="AQ446" s="119"/>
      <c r="AR446" s="119"/>
      <c r="AS446" s="119"/>
      <c r="AT446" s="119"/>
      <c r="AU446" s="119"/>
      <c r="AV446" s="119"/>
      <c r="AW446" s="119"/>
      <c r="AX446" s="119"/>
      <c r="AY446" s="119"/>
      <c r="AZ446" s="119"/>
      <c r="BA446" s="119"/>
      <c r="BB446" s="107">
        <v>45884</v>
      </c>
    </row>
    <row r="447" spans="1:54" s="207" customFormat="1" ht="13.95" customHeight="1" x14ac:dyDescent="0.25">
      <c r="A447" s="208" t="s">
        <v>1159</v>
      </c>
      <c r="B447" s="209" t="s">
        <v>20420</v>
      </c>
      <c r="C447" s="113" t="s">
        <v>1160</v>
      </c>
      <c r="D447" s="113" t="s">
        <v>22623</v>
      </c>
      <c r="E447" s="210">
        <v>2008</v>
      </c>
      <c r="F447" s="210">
        <v>388</v>
      </c>
      <c r="G447" s="113" t="s">
        <v>1</v>
      </c>
      <c r="H447" s="113">
        <v>0</v>
      </c>
      <c r="I447" s="113">
        <v>0</v>
      </c>
      <c r="J447" s="115">
        <v>1</v>
      </c>
      <c r="K447" s="211">
        <v>1</v>
      </c>
      <c r="L447" s="115">
        <v>1</v>
      </c>
      <c r="M447" s="115">
        <v>1</v>
      </c>
      <c r="N447" s="115">
        <v>0</v>
      </c>
      <c r="O447" s="115">
        <v>0</v>
      </c>
      <c r="P447" s="115" t="s">
        <v>400</v>
      </c>
      <c r="Q447" s="115" t="s">
        <v>400</v>
      </c>
      <c r="R447" s="115">
        <v>1</v>
      </c>
      <c r="S447" s="115">
        <v>0</v>
      </c>
      <c r="T447" s="115">
        <v>0</v>
      </c>
      <c r="U447" s="119"/>
      <c r="V447" s="119"/>
      <c r="W447" s="119"/>
      <c r="X447" s="119"/>
      <c r="Y447" s="119"/>
      <c r="Z447" s="119"/>
      <c r="AA447" s="119"/>
      <c r="AB447" s="119"/>
      <c r="AC447" s="119"/>
      <c r="AD447" s="119"/>
      <c r="AE447" s="119"/>
      <c r="AF447" s="119"/>
      <c r="AG447" s="119"/>
      <c r="AH447" s="119"/>
      <c r="AI447" s="119"/>
      <c r="AJ447" s="119"/>
      <c r="AK447" s="119"/>
      <c r="AL447" s="119"/>
      <c r="AM447" s="119"/>
      <c r="AN447" s="119"/>
      <c r="AO447" s="119"/>
      <c r="AP447" s="119"/>
      <c r="AQ447" s="119"/>
      <c r="AR447" s="119"/>
      <c r="AS447" s="119"/>
      <c r="AT447" s="119"/>
      <c r="AU447" s="119"/>
      <c r="AV447" s="119"/>
      <c r="AW447" s="119"/>
      <c r="AX447" s="119"/>
      <c r="AY447" s="119"/>
      <c r="AZ447" s="119"/>
      <c r="BA447" s="119"/>
      <c r="BB447" s="107">
        <v>45884</v>
      </c>
    </row>
    <row r="448" spans="1:54" s="207" customFormat="1" ht="13.95" customHeight="1" x14ac:dyDescent="0.25">
      <c r="A448" s="208" t="s">
        <v>1161</v>
      </c>
      <c r="B448" s="209" t="s">
        <v>20420</v>
      </c>
      <c r="C448" s="113" t="s">
        <v>1162</v>
      </c>
      <c r="D448" s="113" t="s">
        <v>22624</v>
      </c>
      <c r="E448" s="210">
        <v>2015</v>
      </c>
      <c r="F448" s="210">
        <v>390</v>
      </c>
      <c r="G448" s="113" t="s">
        <v>1</v>
      </c>
      <c r="H448" s="113">
        <v>0</v>
      </c>
      <c r="I448" s="113">
        <v>0</v>
      </c>
      <c r="J448" s="115">
        <v>1</v>
      </c>
      <c r="K448" s="211">
        <v>1</v>
      </c>
      <c r="L448" s="115">
        <v>1</v>
      </c>
      <c r="M448" s="115">
        <v>0</v>
      </c>
      <c r="N448" s="115">
        <v>0</v>
      </c>
      <c r="O448" s="115">
        <v>0</v>
      </c>
      <c r="P448" s="115" t="s">
        <v>400</v>
      </c>
      <c r="Q448" s="115" t="s">
        <v>400</v>
      </c>
      <c r="R448" s="115">
        <v>0</v>
      </c>
      <c r="S448" s="115">
        <v>0</v>
      </c>
      <c r="T448" s="115">
        <v>0</v>
      </c>
      <c r="U448" s="119"/>
      <c r="V448" s="119"/>
      <c r="W448" s="119"/>
      <c r="X448" s="119"/>
      <c r="Y448" s="119"/>
      <c r="Z448" s="119"/>
      <c r="AA448" s="119"/>
      <c r="AB448" s="119"/>
      <c r="AC448" s="119"/>
      <c r="AD448" s="119"/>
      <c r="AE448" s="119"/>
      <c r="AF448" s="119"/>
      <c r="AG448" s="119"/>
      <c r="AH448" s="119"/>
      <c r="AI448" s="119"/>
      <c r="AJ448" s="119"/>
      <c r="AK448" s="119"/>
      <c r="AL448" s="119"/>
      <c r="AM448" s="119"/>
      <c r="AN448" s="119"/>
      <c r="AO448" s="119"/>
      <c r="AP448" s="119"/>
      <c r="AQ448" s="119"/>
      <c r="AR448" s="119"/>
      <c r="AS448" s="119"/>
      <c r="AT448" s="119"/>
      <c r="AU448" s="119"/>
      <c r="AV448" s="119"/>
      <c r="AW448" s="119"/>
      <c r="AX448" s="119"/>
      <c r="AY448" s="119"/>
      <c r="AZ448" s="119"/>
      <c r="BA448" s="119"/>
      <c r="BB448" s="107">
        <v>45884</v>
      </c>
    </row>
    <row r="449" spans="1:54" s="207" customFormat="1" ht="13.95" customHeight="1" x14ac:dyDescent="0.25">
      <c r="A449" s="208" t="s">
        <v>1163</v>
      </c>
      <c r="B449" s="209" t="s">
        <v>20420</v>
      </c>
      <c r="C449" s="113" t="s">
        <v>1164</v>
      </c>
      <c r="D449" s="113" t="s">
        <v>22625</v>
      </c>
      <c r="E449" s="210">
        <v>2000</v>
      </c>
      <c r="F449" s="210">
        <v>391</v>
      </c>
      <c r="G449" s="113" t="s">
        <v>1</v>
      </c>
      <c r="H449" s="113">
        <v>0</v>
      </c>
      <c r="I449" s="113">
        <v>0</v>
      </c>
      <c r="J449" s="115">
        <v>1</v>
      </c>
      <c r="K449" s="116" t="s">
        <v>174</v>
      </c>
      <c r="L449" s="115">
        <v>0</v>
      </c>
      <c r="M449" s="115">
        <v>0</v>
      </c>
      <c r="N449" s="115">
        <v>0</v>
      </c>
      <c r="O449" s="115">
        <v>0</v>
      </c>
      <c r="P449" s="115">
        <v>1</v>
      </c>
      <c r="Q449" s="115" t="s">
        <v>400</v>
      </c>
      <c r="R449" s="115">
        <v>0</v>
      </c>
      <c r="S449" s="115">
        <v>0</v>
      </c>
      <c r="T449" s="115">
        <v>0</v>
      </c>
      <c r="U449" s="119"/>
      <c r="V449" s="119"/>
      <c r="W449" s="119"/>
      <c r="X449" s="119"/>
      <c r="Y449" s="119"/>
      <c r="Z449" s="119"/>
      <c r="AA449" s="119"/>
      <c r="AB449" s="119"/>
      <c r="AC449" s="119"/>
      <c r="AD449" s="119"/>
      <c r="AE449" s="119"/>
      <c r="AF449" s="119"/>
      <c r="AG449" s="119"/>
      <c r="AH449" s="119"/>
      <c r="AI449" s="119"/>
      <c r="AJ449" s="119"/>
      <c r="AK449" s="119"/>
      <c r="AL449" s="119"/>
      <c r="AM449" s="119"/>
      <c r="AN449" s="119"/>
      <c r="AO449" s="119"/>
      <c r="AP449" s="119"/>
      <c r="AQ449" s="119"/>
      <c r="AR449" s="119"/>
      <c r="AS449" s="119"/>
      <c r="AT449" s="119"/>
      <c r="AU449" s="119"/>
      <c r="AV449" s="119"/>
      <c r="AW449" s="119"/>
      <c r="AX449" s="119"/>
      <c r="AY449" s="119"/>
      <c r="AZ449" s="119"/>
      <c r="BA449" s="119"/>
      <c r="BB449" s="107">
        <v>45884</v>
      </c>
    </row>
    <row r="450" spans="1:54" s="207" customFormat="1" ht="13.95" customHeight="1" x14ac:dyDescent="0.25">
      <c r="A450" s="208" t="s">
        <v>1165</v>
      </c>
      <c r="B450" s="209" t="s">
        <v>20420</v>
      </c>
      <c r="C450" s="113" t="s">
        <v>1166</v>
      </c>
      <c r="D450" s="113" t="s">
        <v>1167</v>
      </c>
      <c r="E450" s="210">
        <v>1984</v>
      </c>
      <c r="F450" s="210">
        <v>391</v>
      </c>
      <c r="G450" s="113" t="s">
        <v>1</v>
      </c>
      <c r="H450" s="113">
        <v>0</v>
      </c>
      <c r="I450" s="113">
        <v>0</v>
      </c>
      <c r="J450" s="115">
        <v>1</v>
      </c>
      <c r="K450" s="116" t="s">
        <v>174</v>
      </c>
      <c r="L450" s="115">
        <v>1</v>
      </c>
      <c r="M450" s="115">
        <v>0</v>
      </c>
      <c r="N450" s="115">
        <v>0</v>
      </c>
      <c r="O450" s="115">
        <v>1</v>
      </c>
      <c r="P450" s="115">
        <v>1</v>
      </c>
      <c r="Q450" s="115" t="s">
        <v>400</v>
      </c>
      <c r="R450" s="115">
        <v>0</v>
      </c>
      <c r="S450" s="115">
        <v>0</v>
      </c>
      <c r="T450" s="115">
        <v>0</v>
      </c>
      <c r="U450" s="119"/>
      <c r="V450" s="119"/>
      <c r="W450" s="119"/>
      <c r="X450" s="119"/>
      <c r="Y450" s="119"/>
      <c r="Z450" s="119"/>
      <c r="AA450" s="119"/>
      <c r="AB450" s="119"/>
      <c r="AC450" s="119"/>
      <c r="AD450" s="119"/>
      <c r="AE450" s="119"/>
      <c r="AF450" s="119"/>
      <c r="AG450" s="119"/>
      <c r="AH450" s="119"/>
      <c r="AI450" s="119"/>
      <c r="AJ450" s="119"/>
      <c r="AK450" s="119"/>
      <c r="AL450" s="119"/>
      <c r="AM450" s="119"/>
      <c r="AN450" s="119"/>
      <c r="AO450" s="119"/>
      <c r="AP450" s="119"/>
      <c r="AQ450" s="119"/>
      <c r="AR450" s="119"/>
      <c r="AS450" s="119"/>
      <c r="AT450" s="119"/>
      <c r="AU450" s="119"/>
      <c r="AV450" s="119"/>
      <c r="AW450" s="119"/>
      <c r="AX450" s="119"/>
      <c r="AY450" s="119"/>
      <c r="AZ450" s="119"/>
      <c r="BA450" s="119"/>
      <c r="BB450" s="107">
        <v>45884</v>
      </c>
    </row>
    <row r="451" spans="1:54" s="207" customFormat="1" ht="13.95" customHeight="1" x14ac:dyDescent="0.25">
      <c r="A451" s="208" t="s">
        <v>1168</v>
      </c>
      <c r="B451" s="209" t="s">
        <v>20420</v>
      </c>
      <c r="C451" s="113" t="s">
        <v>1169</v>
      </c>
      <c r="D451" s="113" t="s">
        <v>1170</v>
      </c>
      <c r="E451" s="210">
        <v>1989</v>
      </c>
      <c r="F451" s="210">
        <v>391</v>
      </c>
      <c r="G451" s="113" t="s">
        <v>1</v>
      </c>
      <c r="H451" s="113">
        <v>0</v>
      </c>
      <c r="I451" s="113">
        <v>0</v>
      </c>
      <c r="J451" s="115">
        <v>1</v>
      </c>
      <c r="K451" s="211">
        <v>1</v>
      </c>
      <c r="L451" s="115">
        <v>1</v>
      </c>
      <c r="M451" s="115">
        <v>1</v>
      </c>
      <c r="N451" s="115">
        <v>0</v>
      </c>
      <c r="O451" s="115">
        <v>0</v>
      </c>
      <c r="P451" s="115" t="s">
        <v>400</v>
      </c>
      <c r="Q451" s="115" t="s">
        <v>400</v>
      </c>
      <c r="R451" s="115">
        <v>0</v>
      </c>
      <c r="S451" s="115">
        <v>0</v>
      </c>
      <c r="T451" s="115">
        <v>0</v>
      </c>
      <c r="U451" s="119"/>
      <c r="V451" s="119"/>
      <c r="W451" s="119"/>
      <c r="X451" s="119"/>
      <c r="Y451" s="119"/>
      <c r="Z451" s="119"/>
      <c r="AA451" s="119"/>
      <c r="AB451" s="119"/>
      <c r="AC451" s="119"/>
      <c r="AD451" s="119"/>
      <c r="AE451" s="119"/>
      <c r="AF451" s="119"/>
      <c r="AG451" s="119"/>
      <c r="AH451" s="119"/>
      <c r="AI451" s="119"/>
      <c r="AJ451" s="119"/>
      <c r="AK451" s="119"/>
      <c r="AL451" s="119"/>
      <c r="AM451" s="119"/>
      <c r="AN451" s="119"/>
      <c r="AO451" s="119"/>
      <c r="AP451" s="119"/>
      <c r="AQ451" s="119"/>
      <c r="AR451" s="119"/>
      <c r="AS451" s="119"/>
      <c r="AT451" s="119"/>
      <c r="AU451" s="119"/>
      <c r="AV451" s="119"/>
      <c r="AW451" s="119"/>
      <c r="AX451" s="119"/>
      <c r="AY451" s="119"/>
      <c r="AZ451" s="119"/>
      <c r="BA451" s="119"/>
      <c r="BB451" s="107">
        <v>45884</v>
      </c>
    </row>
    <row r="452" spans="1:54" s="207" customFormat="1" ht="13.95" customHeight="1" x14ac:dyDescent="0.25">
      <c r="A452" s="208" t="s">
        <v>1171</v>
      </c>
      <c r="B452" s="209" t="s">
        <v>20420</v>
      </c>
      <c r="C452" s="113" t="s">
        <v>1172</v>
      </c>
      <c r="D452" s="113" t="s">
        <v>22626</v>
      </c>
      <c r="E452" s="210">
        <v>1999</v>
      </c>
      <c r="F452" s="210">
        <v>391</v>
      </c>
      <c r="G452" s="113" t="s">
        <v>8</v>
      </c>
      <c r="H452" s="113">
        <v>0</v>
      </c>
      <c r="I452" s="113">
        <v>0</v>
      </c>
      <c r="J452" s="115">
        <v>0</v>
      </c>
      <c r="K452" s="116" t="s">
        <v>174</v>
      </c>
      <c r="L452" s="115">
        <v>0</v>
      </c>
      <c r="M452" s="115">
        <v>0</v>
      </c>
      <c r="N452" s="115">
        <v>0</v>
      </c>
      <c r="O452" s="115">
        <v>0</v>
      </c>
      <c r="P452" s="115" t="s">
        <v>400</v>
      </c>
      <c r="Q452" s="115" t="s">
        <v>400</v>
      </c>
      <c r="R452" s="115">
        <v>0</v>
      </c>
      <c r="S452" s="115">
        <v>0</v>
      </c>
      <c r="T452" s="115">
        <v>0</v>
      </c>
      <c r="U452" s="113" t="s">
        <v>174</v>
      </c>
      <c r="V452" s="113" t="s">
        <v>174</v>
      </c>
      <c r="W452" s="113" t="s">
        <v>174</v>
      </c>
      <c r="X452" s="113" t="s">
        <v>174</v>
      </c>
      <c r="Y452" s="113" t="s">
        <v>174</v>
      </c>
      <c r="Z452" s="113" t="s">
        <v>174</v>
      </c>
      <c r="AA452" s="113" t="s">
        <v>174</v>
      </c>
      <c r="AB452" s="113" t="s">
        <v>174</v>
      </c>
      <c r="AC452" s="113" t="s">
        <v>174</v>
      </c>
      <c r="AD452" s="113" t="s">
        <v>174</v>
      </c>
      <c r="AE452" s="113" t="s">
        <v>174</v>
      </c>
      <c r="AF452" s="113" t="s">
        <v>174</v>
      </c>
      <c r="AG452" s="113" t="s">
        <v>174</v>
      </c>
      <c r="AH452" s="113" t="s">
        <v>174</v>
      </c>
      <c r="AI452" s="113" t="s">
        <v>174</v>
      </c>
      <c r="AJ452" s="113" t="s">
        <v>174</v>
      </c>
      <c r="AK452" s="113" t="s">
        <v>174</v>
      </c>
      <c r="AL452" s="113" t="s">
        <v>174</v>
      </c>
      <c r="AM452" s="113" t="s">
        <v>174</v>
      </c>
      <c r="AN452" s="113" t="s">
        <v>174</v>
      </c>
      <c r="AO452" s="113" t="s">
        <v>174</v>
      </c>
      <c r="AP452" s="113" t="s">
        <v>174</v>
      </c>
      <c r="AQ452" s="113" t="s">
        <v>174</v>
      </c>
      <c r="AR452" s="113" t="s">
        <v>174</v>
      </c>
      <c r="AS452" s="113" t="s">
        <v>174</v>
      </c>
      <c r="AT452" s="121" t="s">
        <v>174</v>
      </c>
      <c r="AU452" s="113" t="s">
        <v>174</v>
      </c>
      <c r="AV452" s="113" t="s">
        <v>174</v>
      </c>
      <c r="AW452" s="113" t="s">
        <v>174</v>
      </c>
      <c r="AX452" s="113"/>
      <c r="AY452" s="113"/>
      <c r="AZ452" s="113"/>
      <c r="BA452" s="113"/>
      <c r="BB452" s="107">
        <v>45884</v>
      </c>
    </row>
    <row r="453" spans="1:54" s="207" customFormat="1" ht="13.95" customHeight="1" x14ac:dyDescent="0.25">
      <c r="A453" s="208" t="s">
        <v>1173</v>
      </c>
      <c r="B453" s="209" t="s">
        <v>20420</v>
      </c>
      <c r="C453" s="113" t="s">
        <v>1174</v>
      </c>
      <c r="D453" s="113" t="s">
        <v>1175</v>
      </c>
      <c r="E453" s="210">
        <v>1995</v>
      </c>
      <c r="F453" s="210">
        <v>392</v>
      </c>
      <c r="G453" s="113" t="s">
        <v>1</v>
      </c>
      <c r="H453" s="113">
        <v>0</v>
      </c>
      <c r="I453" s="113">
        <v>0</v>
      </c>
      <c r="J453" s="115">
        <v>1</v>
      </c>
      <c r="K453" s="116" t="s">
        <v>174</v>
      </c>
      <c r="L453" s="115">
        <v>1</v>
      </c>
      <c r="M453" s="115">
        <v>0</v>
      </c>
      <c r="N453" s="115">
        <v>0</v>
      </c>
      <c r="O453" s="115">
        <v>1</v>
      </c>
      <c r="P453" s="115">
        <v>1</v>
      </c>
      <c r="Q453" s="115" t="s">
        <v>400</v>
      </c>
      <c r="R453" s="115">
        <v>0</v>
      </c>
      <c r="S453" s="115">
        <v>0</v>
      </c>
      <c r="T453" s="115">
        <v>0</v>
      </c>
      <c r="U453" s="119"/>
      <c r="V453" s="119"/>
      <c r="W453" s="119"/>
      <c r="X453" s="119"/>
      <c r="Y453" s="119"/>
      <c r="Z453" s="119"/>
      <c r="AA453" s="119"/>
      <c r="AB453" s="119"/>
      <c r="AC453" s="119"/>
      <c r="AD453" s="119"/>
      <c r="AE453" s="119"/>
      <c r="AF453" s="119"/>
      <c r="AG453" s="119"/>
      <c r="AH453" s="119"/>
      <c r="AI453" s="119"/>
      <c r="AJ453" s="119"/>
      <c r="AK453" s="119"/>
      <c r="AL453" s="119"/>
      <c r="AM453" s="119"/>
      <c r="AN453" s="119"/>
      <c r="AO453" s="119"/>
      <c r="AP453" s="119"/>
      <c r="AQ453" s="119"/>
      <c r="AR453" s="119"/>
      <c r="AS453" s="119"/>
      <c r="AT453" s="119"/>
      <c r="AU453" s="119"/>
      <c r="AV453" s="119"/>
      <c r="AW453" s="119"/>
      <c r="AX453" s="119"/>
      <c r="AY453" s="119"/>
      <c r="AZ453" s="119"/>
      <c r="BA453" s="119"/>
      <c r="BB453" s="107">
        <v>45884</v>
      </c>
    </row>
    <row r="454" spans="1:54" s="207" customFormat="1" ht="13.95" customHeight="1" x14ac:dyDescent="0.25">
      <c r="A454" s="208" t="s">
        <v>1176</v>
      </c>
      <c r="B454" s="209" t="s">
        <v>20420</v>
      </c>
      <c r="C454" s="113" t="s">
        <v>1177</v>
      </c>
      <c r="D454" s="113" t="s">
        <v>22627</v>
      </c>
      <c r="E454" s="210">
        <v>1978</v>
      </c>
      <c r="F454" s="210">
        <v>392</v>
      </c>
      <c r="G454" s="113" t="s">
        <v>1</v>
      </c>
      <c r="H454" s="113">
        <v>0</v>
      </c>
      <c r="I454" s="113">
        <v>0</v>
      </c>
      <c r="J454" s="115">
        <v>1</v>
      </c>
      <c r="K454" s="116" t="s">
        <v>174</v>
      </c>
      <c r="L454" s="120">
        <v>1</v>
      </c>
      <c r="M454" s="115">
        <v>0</v>
      </c>
      <c r="N454" s="115">
        <v>0</v>
      </c>
      <c r="O454" s="120">
        <v>0</v>
      </c>
      <c r="P454" s="120">
        <v>1</v>
      </c>
      <c r="Q454" s="115" t="s">
        <v>400</v>
      </c>
      <c r="R454" s="115">
        <v>0</v>
      </c>
      <c r="S454" s="115">
        <v>0</v>
      </c>
      <c r="T454" s="115">
        <v>0</v>
      </c>
      <c r="U454" s="119"/>
      <c r="V454" s="119"/>
      <c r="W454" s="119"/>
      <c r="X454" s="119"/>
      <c r="Y454" s="119"/>
      <c r="Z454" s="119"/>
      <c r="AA454" s="119"/>
      <c r="AB454" s="119"/>
      <c r="AC454" s="119"/>
      <c r="AD454" s="119"/>
      <c r="AE454" s="119"/>
      <c r="AF454" s="119"/>
      <c r="AG454" s="119"/>
      <c r="AH454" s="119"/>
      <c r="AI454" s="119"/>
      <c r="AJ454" s="119"/>
      <c r="AK454" s="119"/>
      <c r="AL454" s="119"/>
      <c r="AM454" s="119"/>
      <c r="AN454" s="119"/>
      <c r="AO454" s="119"/>
      <c r="AP454" s="119"/>
      <c r="AQ454" s="119"/>
      <c r="AR454" s="119"/>
      <c r="AS454" s="119"/>
      <c r="AT454" s="119"/>
      <c r="AU454" s="119"/>
      <c r="AV454" s="119"/>
      <c r="AW454" s="119"/>
      <c r="AX454" s="119"/>
      <c r="AY454" s="119"/>
      <c r="AZ454" s="119"/>
      <c r="BA454" s="119"/>
      <c r="BB454" s="107">
        <v>45884</v>
      </c>
    </row>
    <row r="455" spans="1:54" s="207" customFormat="1" ht="13.95" customHeight="1" x14ac:dyDescent="0.25">
      <c r="A455" s="208" t="s">
        <v>1178</v>
      </c>
      <c r="B455" s="209" t="s">
        <v>20420</v>
      </c>
      <c r="C455" s="113" t="s">
        <v>1179</v>
      </c>
      <c r="D455" s="113" t="s">
        <v>1180</v>
      </c>
      <c r="E455" s="210">
        <v>1998</v>
      </c>
      <c r="F455" s="210">
        <v>496</v>
      </c>
      <c r="G455" s="113" t="s">
        <v>1</v>
      </c>
      <c r="H455" s="113">
        <v>0</v>
      </c>
      <c r="I455" s="113">
        <v>0</v>
      </c>
      <c r="J455" s="115">
        <v>1</v>
      </c>
      <c r="K455" s="211">
        <v>1</v>
      </c>
      <c r="L455" s="115">
        <v>1</v>
      </c>
      <c r="M455" s="115">
        <v>1</v>
      </c>
      <c r="N455" s="115">
        <v>0</v>
      </c>
      <c r="O455" s="115">
        <v>0</v>
      </c>
      <c r="P455" s="115" t="s">
        <v>400</v>
      </c>
      <c r="Q455" s="115" t="s">
        <v>400</v>
      </c>
      <c r="R455" s="115">
        <v>1</v>
      </c>
      <c r="S455" s="115">
        <v>0</v>
      </c>
      <c r="T455" s="115">
        <v>0</v>
      </c>
      <c r="U455" s="119"/>
      <c r="V455" s="119"/>
      <c r="W455" s="119"/>
      <c r="X455" s="119"/>
      <c r="Y455" s="119"/>
      <c r="Z455" s="119"/>
      <c r="AA455" s="119"/>
      <c r="AB455" s="119"/>
      <c r="AC455" s="119"/>
      <c r="AD455" s="119"/>
      <c r="AE455" s="119"/>
      <c r="AF455" s="119"/>
      <c r="AG455" s="119"/>
      <c r="AH455" s="119"/>
      <c r="AI455" s="119"/>
      <c r="AJ455" s="119"/>
      <c r="AK455" s="119"/>
      <c r="AL455" s="119"/>
      <c r="AM455" s="119"/>
      <c r="AN455" s="119"/>
      <c r="AO455" s="119"/>
      <c r="AP455" s="119"/>
      <c r="AQ455" s="119"/>
      <c r="AR455" s="119"/>
      <c r="AS455" s="119"/>
      <c r="AT455" s="119"/>
      <c r="AU455" s="119"/>
      <c r="AV455" s="119"/>
      <c r="AW455" s="119"/>
      <c r="AX455" s="119"/>
      <c r="AY455" s="119"/>
      <c r="AZ455" s="119"/>
      <c r="BA455" s="119"/>
      <c r="BB455" s="107">
        <v>45884</v>
      </c>
    </row>
    <row r="456" spans="1:54" s="207" customFormat="1" ht="13.95" customHeight="1" x14ac:dyDescent="0.25">
      <c r="A456" s="208" t="s">
        <v>1181</v>
      </c>
      <c r="B456" s="209" t="s">
        <v>20420</v>
      </c>
      <c r="C456" s="113" t="s">
        <v>1182</v>
      </c>
      <c r="D456" s="113" t="s">
        <v>22628</v>
      </c>
      <c r="E456" s="210">
        <v>2000</v>
      </c>
      <c r="F456" s="210">
        <v>395</v>
      </c>
      <c r="G456" s="113" t="s">
        <v>1</v>
      </c>
      <c r="H456" s="113">
        <v>0</v>
      </c>
      <c r="I456" s="113">
        <v>0</v>
      </c>
      <c r="J456" s="115">
        <v>1</v>
      </c>
      <c r="K456" s="116" t="s">
        <v>174</v>
      </c>
      <c r="L456" s="115">
        <v>1</v>
      </c>
      <c r="M456" s="115">
        <v>0</v>
      </c>
      <c r="N456" s="115">
        <v>0</v>
      </c>
      <c r="O456" s="115">
        <v>0</v>
      </c>
      <c r="P456" s="115">
        <v>1</v>
      </c>
      <c r="Q456" s="115" t="s">
        <v>400</v>
      </c>
      <c r="R456" s="115">
        <v>0</v>
      </c>
      <c r="S456" s="115">
        <v>0</v>
      </c>
      <c r="T456" s="115">
        <v>0</v>
      </c>
      <c r="U456" s="119"/>
      <c r="V456" s="119"/>
      <c r="W456" s="119"/>
      <c r="X456" s="119"/>
      <c r="Y456" s="119"/>
      <c r="Z456" s="119"/>
      <c r="AA456" s="119"/>
      <c r="AB456" s="119"/>
      <c r="AC456" s="119"/>
      <c r="AD456" s="119"/>
      <c r="AE456" s="119"/>
      <c r="AF456" s="119"/>
      <c r="AG456" s="119"/>
      <c r="AH456" s="119"/>
      <c r="AI456" s="119"/>
      <c r="AJ456" s="119"/>
      <c r="AK456" s="119"/>
      <c r="AL456" s="119"/>
      <c r="AM456" s="119"/>
      <c r="AN456" s="119"/>
      <c r="AO456" s="119"/>
      <c r="AP456" s="119"/>
      <c r="AQ456" s="119"/>
      <c r="AR456" s="119"/>
      <c r="AS456" s="119"/>
      <c r="AT456" s="119"/>
      <c r="AU456" s="119"/>
      <c r="AV456" s="119"/>
      <c r="AW456" s="119"/>
      <c r="AX456" s="119"/>
      <c r="AY456" s="119"/>
      <c r="AZ456" s="119"/>
      <c r="BA456" s="119"/>
      <c r="BB456" s="107">
        <v>45884</v>
      </c>
    </row>
    <row r="457" spans="1:54" s="207" customFormat="1" ht="13.95" customHeight="1" x14ac:dyDescent="0.25">
      <c r="A457" s="208" t="s">
        <v>1183</v>
      </c>
      <c r="B457" s="209" t="s">
        <v>20420</v>
      </c>
      <c r="C457" s="113" t="s">
        <v>1184</v>
      </c>
      <c r="D457" s="113" t="s">
        <v>1185</v>
      </c>
      <c r="E457" s="210">
        <v>1981</v>
      </c>
      <c r="F457" s="210">
        <v>396</v>
      </c>
      <c r="G457" s="113" t="s">
        <v>1</v>
      </c>
      <c r="H457" s="113">
        <v>0</v>
      </c>
      <c r="I457" s="113">
        <v>0</v>
      </c>
      <c r="J457" s="115">
        <v>1</v>
      </c>
      <c r="K457" s="116" t="s">
        <v>174</v>
      </c>
      <c r="L457" s="115">
        <v>0</v>
      </c>
      <c r="M457" s="115">
        <v>0</v>
      </c>
      <c r="N457" s="115">
        <v>1</v>
      </c>
      <c r="O457" s="115">
        <v>0</v>
      </c>
      <c r="P457" s="115">
        <v>1</v>
      </c>
      <c r="Q457" s="115" t="s">
        <v>400</v>
      </c>
      <c r="R457" s="115">
        <v>1</v>
      </c>
      <c r="S457" s="115">
        <v>0</v>
      </c>
      <c r="T457" s="115">
        <v>0</v>
      </c>
      <c r="U457" s="119"/>
      <c r="V457" s="119"/>
      <c r="W457" s="119"/>
      <c r="X457" s="119"/>
      <c r="Y457" s="119"/>
      <c r="Z457" s="119"/>
      <c r="AA457" s="119"/>
      <c r="AB457" s="119"/>
      <c r="AC457" s="119"/>
      <c r="AD457" s="119"/>
      <c r="AE457" s="119"/>
      <c r="AF457" s="119"/>
      <c r="AG457" s="119"/>
      <c r="AH457" s="119"/>
      <c r="AI457" s="119"/>
      <c r="AJ457" s="119"/>
      <c r="AK457" s="119"/>
      <c r="AL457" s="119"/>
      <c r="AM457" s="119"/>
      <c r="AN457" s="119"/>
      <c r="AO457" s="119"/>
      <c r="AP457" s="119"/>
      <c r="AQ457" s="119"/>
      <c r="AR457" s="119"/>
      <c r="AS457" s="119"/>
      <c r="AT457" s="119"/>
      <c r="AU457" s="119"/>
      <c r="AV457" s="119"/>
      <c r="AW457" s="119"/>
      <c r="AX457" s="119"/>
      <c r="AY457" s="119"/>
      <c r="AZ457" s="119"/>
      <c r="BA457" s="119"/>
      <c r="BB457" s="107">
        <v>45884</v>
      </c>
    </row>
    <row r="458" spans="1:54" s="207" customFormat="1" ht="13.95" customHeight="1" x14ac:dyDescent="0.25">
      <c r="A458" s="208" t="s">
        <v>1186</v>
      </c>
      <c r="B458" s="209" t="s">
        <v>20420</v>
      </c>
      <c r="C458" s="113" t="s">
        <v>1187</v>
      </c>
      <c r="D458" s="113" t="s">
        <v>22629</v>
      </c>
      <c r="E458" s="210">
        <v>1986</v>
      </c>
      <c r="F458" s="210">
        <v>396</v>
      </c>
      <c r="G458" s="113" t="s">
        <v>1</v>
      </c>
      <c r="H458" s="113">
        <v>0</v>
      </c>
      <c r="I458" s="113">
        <v>0</v>
      </c>
      <c r="J458" s="115">
        <v>1</v>
      </c>
      <c r="K458" s="116" t="s">
        <v>174</v>
      </c>
      <c r="L458" s="115">
        <v>0</v>
      </c>
      <c r="M458" s="115">
        <v>0</v>
      </c>
      <c r="N458" s="115">
        <v>1</v>
      </c>
      <c r="O458" s="115">
        <v>1</v>
      </c>
      <c r="P458" s="115" t="s">
        <v>400</v>
      </c>
      <c r="Q458" s="115" t="s">
        <v>400</v>
      </c>
      <c r="R458" s="115">
        <v>0</v>
      </c>
      <c r="S458" s="115">
        <v>0</v>
      </c>
      <c r="T458" s="115">
        <v>0</v>
      </c>
      <c r="U458" s="119"/>
      <c r="V458" s="119"/>
      <c r="W458" s="119"/>
      <c r="X458" s="119"/>
      <c r="Y458" s="119"/>
      <c r="Z458" s="119"/>
      <c r="AA458" s="119"/>
      <c r="AB458" s="119"/>
      <c r="AC458" s="119"/>
      <c r="AD458" s="119"/>
      <c r="AE458" s="119"/>
      <c r="AF458" s="119"/>
      <c r="AG458" s="119"/>
      <c r="AH458" s="119"/>
      <c r="AI458" s="119"/>
      <c r="AJ458" s="119"/>
      <c r="AK458" s="119"/>
      <c r="AL458" s="119"/>
      <c r="AM458" s="119"/>
      <c r="AN458" s="119"/>
      <c r="AO458" s="119"/>
      <c r="AP458" s="119"/>
      <c r="AQ458" s="119"/>
      <c r="AR458" s="119"/>
      <c r="AS458" s="119"/>
      <c r="AT458" s="119"/>
      <c r="AU458" s="119"/>
      <c r="AV458" s="119"/>
      <c r="AW458" s="119"/>
      <c r="AX458" s="119"/>
      <c r="AY458" s="119"/>
      <c r="AZ458" s="119"/>
      <c r="BA458" s="119"/>
      <c r="BB458" s="107">
        <v>45884</v>
      </c>
    </row>
    <row r="459" spans="1:54" s="207" customFormat="1" ht="13.95" customHeight="1" x14ac:dyDescent="0.25">
      <c r="A459" s="208" t="s">
        <v>1188</v>
      </c>
      <c r="B459" s="209" t="s">
        <v>20420</v>
      </c>
      <c r="C459" s="113" t="s">
        <v>1189</v>
      </c>
      <c r="D459" s="113" t="s">
        <v>22630</v>
      </c>
      <c r="E459" s="210">
        <v>1969</v>
      </c>
      <c r="F459" s="210">
        <v>397</v>
      </c>
      <c r="G459" s="113" t="s">
        <v>1</v>
      </c>
      <c r="H459" s="113">
        <v>0</v>
      </c>
      <c r="I459" s="113">
        <v>0</v>
      </c>
      <c r="J459" s="115">
        <v>1</v>
      </c>
      <c r="K459" s="116" t="s">
        <v>174</v>
      </c>
      <c r="L459" s="115">
        <v>0</v>
      </c>
      <c r="M459" s="115">
        <v>0</v>
      </c>
      <c r="N459" s="115">
        <v>0</v>
      </c>
      <c r="O459" s="115">
        <v>1</v>
      </c>
      <c r="P459" s="115">
        <v>1</v>
      </c>
      <c r="Q459" s="115" t="s">
        <v>400</v>
      </c>
      <c r="R459" s="115">
        <v>0</v>
      </c>
      <c r="S459" s="115">
        <v>0</v>
      </c>
      <c r="T459" s="115">
        <v>0</v>
      </c>
      <c r="U459" s="119"/>
      <c r="V459" s="119"/>
      <c r="W459" s="119"/>
      <c r="X459" s="119"/>
      <c r="Y459" s="119"/>
      <c r="Z459" s="119"/>
      <c r="AA459" s="119"/>
      <c r="AB459" s="119"/>
      <c r="AC459" s="119"/>
      <c r="AD459" s="119"/>
      <c r="AE459" s="119"/>
      <c r="AF459" s="119"/>
      <c r="AG459" s="119"/>
      <c r="AH459" s="119"/>
      <c r="AI459" s="119"/>
      <c r="AJ459" s="119"/>
      <c r="AK459" s="119"/>
      <c r="AL459" s="119"/>
      <c r="AM459" s="119"/>
      <c r="AN459" s="119"/>
      <c r="AO459" s="119"/>
      <c r="AP459" s="119"/>
      <c r="AQ459" s="119"/>
      <c r="AR459" s="119"/>
      <c r="AS459" s="119"/>
      <c r="AT459" s="119"/>
      <c r="AU459" s="119"/>
      <c r="AV459" s="119"/>
      <c r="AW459" s="119"/>
      <c r="AX459" s="119"/>
      <c r="AY459" s="119"/>
      <c r="AZ459" s="119"/>
      <c r="BA459" s="119"/>
      <c r="BB459" s="107">
        <v>45884</v>
      </c>
    </row>
    <row r="460" spans="1:54" s="207" customFormat="1" ht="13.95" customHeight="1" x14ac:dyDescent="0.25">
      <c r="A460" s="208" t="s">
        <v>1190</v>
      </c>
      <c r="B460" s="209" t="s">
        <v>20420</v>
      </c>
      <c r="C460" s="113" t="s">
        <v>1191</v>
      </c>
      <c r="D460" s="113" t="s">
        <v>22631</v>
      </c>
      <c r="E460" s="210">
        <v>1975</v>
      </c>
      <c r="F460" s="210">
        <v>398</v>
      </c>
      <c r="G460" s="113" t="s">
        <v>1</v>
      </c>
      <c r="H460" s="113">
        <v>0</v>
      </c>
      <c r="I460" s="113">
        <v>0</v>
      </c>
      <c r="J460" s="115">
        <v>1</v>
      </c>
      <c r="K460" s="116" t="s">
        <v>174</v>
      </c>
      <c r="L460" s="115">
        <v>1</v>
      </c>
      <c r="M460" s="115">
        <v>0</v>
      </c>
      <c r="N460" s="115">
        <v>0</v>
      </c>
      <c r="O460" s="115">
        <v>1</v>
      </c>
      <c r="P460" s="115">
        <v>1</v>
      </c>
      <c r="Q460" s="115" t="s">
        <v>400</v>
      </c>
      <c r="R460" s="115">
        <v>1</v>
      </c>
      <c r="S460" s="115">
        <v>0</v>
      </c>
      <c r="T460" s="115">
        <v>0</v>
      </c>
      <c r="U460" s="119"/>
      <c r="V460" s="119"/>
      <c r="W460" s="119"/>
      <c r="X460" s="119"/>
      <c r="Y460" s="119"/>
      <c r="Z460" s="119"/>
      <c r="AA460" s="119"/>
      <c r="AB460" s="119"/>
      <c r="AC460" s="119"/>
      <c r="AD460" s="119"/>
      <c r="AE460" s="119"/>
      <c r="AF460" s="119"/>
      <c r="AG460" s="119"/>
      <c r="AH460" s="119"/>
      <c r="AI460" s="119"/>
      <c r="AJ460" s="119"/>
      <c r="AK460" s="119"/>
      <c r="AL460" s="119"/>
      <c r="AM460" s="119"/>
      <c r="AN460" s="119"/>
      <c r="AO460" s="119"/>
      <c r="AP460" s="119"/>
      <c r="AQ460" s="119"/>
      <c r="AR460" s="119"/>
      <c r="AS460" s="119"/>
      <c r="AT460" s="119"/>
      <c r="AU460" s="119"/>
      <c r="AV460" s="119"/>
      <c r="AW460" s="119"/>
      <c r="AX460" s="119"/>
      <c r="AY460" s="119"/>
      <c r="AZ460" s="119"/>
      <c r="BA460" s="119"/>
      <c r="BB460" s="107">
        <v>45884</v>
      </c>
    </row>
    <row r="461" spans="1:54" s="207" customFormat="1" ht="13.95" customHeight="1" x14ac:dyDescent="0.25">
      <c r="A461" s="208" t="s">
        <v>1192</v>
      </c>
      <c r="B461" s="209" t="s">
        <v>20420</v>
      </c>
      <c r="C461" s="113" t="s">
        <v>1193</v>
      </c>
      <c r="D461" s="113" t="s">
        <v>22632</v>
      </c>
      <c r="E461" s="210">
        <v>1985</v>
      </c>
      <c r="F461" s="210">
        <v>398</v>
      </c>
      <c r="G461" s="113" t="s">
        <v>1</v>
      </c>
      <c r="H461" s="113">
        <v>0</v>
      </c>
      <c r="I461" s="113">
        <v>0</v>
      </c>
      <c r="J461" s="115">
        <v>1</v>
      </c>
      <c r="K461" s="116" t="s">
        <v>174</v>
      </c>
      <c r="L461" s="115">
        <v>1</v>
      </c>
      <c r="M461" s="115">
        <v>0</v>
      </c>
      <c r="N461" s="115">
        <v>0</v>
      </c>
      <c r="O461" s="115">
        <v>1</v>
      </c>
      <c r="P461" s="115">
        <v>1</v>
      </c>
      <c r="Q461" s="115" t="s">
        <v>400</v>
      </c>
      <c r="R461" s="115">
        <v>0</v>
      </c>
      <c r="S461" s="115">
        <v>0</v>
      </c>
      <c r="T461" s="115">
        <v>0</v>
      </c>
      <c r="U461" s="119"/>
      <c r="V461" s="119"/>
      <c r="W461" s="119"/>
      <c r="X461" s="119"/>
      <c r="Y461" s="119"/>
      <c r="Z461" s="119"/>
      <c r="AA461" s="119"/>
      <c r="AB461" s="119"/>
      <c r="AC461" s="119"/>
      <c r="AD461" s="119"/>
      <c r="AE461" s="119"/>
      <c r="AF461" s="119"/>
      <c r="AG461" s="119"/>
      <c r="AH461" s="119"/>
      <c r="AI461" s="119"/>
      <c r="AJ461" s="119"/>
      <c r="AK461" s="119"/>
      <c r="AL461" s="119"/>
      <c r="AM461" s="119"/>
      <c r="AN461" s="119"/>
      <c r="AO461" s="119"/>
      <c r="AP461" s="119"/>
      <c r="AQ461" s="119"/>
      <c r="AR461" s="119"/>
      <c r="AS461" s="119"/>
      <c r="AT461" s="119"/>
      <c r="AU461" s="119"/>
      <c r="AV461" s="119"/>
      <c r="AW461" s="119"/>
      <c r="AX461" s="119"/>
      <c r="AY461" s="119"/>
      <c r="AZ461" s="119"/>
      <c r="BA461" s="119"/>
      <c r="BB461" s="107">
        <v>45884</v>
      </c>
    </row>
    <row r="462" spans="1:54" s="207" customFormat="1" ht="13.95" customHeight="1" x14ac:dyDescent="0.25">
      <c r="A462" s="208" t="s">
        <v>1194</v>
      </c>
      <c r="B462" s="209" t="s">
        <v>20420</v>
      </c>
      <c r="C462" s="113" t="s">
        <v>1195</v>
      </c>
      <c r="D462" s="113" t="s">
        <v>1196</v>
      </c>
      <c r="E462" s="210">
        <v>1985</v>
      </c>
      <c r="F462" s="210">
        <v>399</v>
      </c>
      <c r="G462" s="113" t="s">
        <v>1</v>
      </c>
      <c r="H462" s="113">
        <v>0</v>
      </c>
      <c r="I462" s="113">
        <v>0</v>
      </c>
      <c r="J462" s="115">
        <v>1</v>
      </c>
      <c r="K462" s="116" t="s">
        <v>174</v>
      </c>
      <c r="L462" s="115">
        <v>1</v>
      </c>
      <c r="M462" s="115">
        <v>0</v>
      </c>
      <c r="N462" s="115">
        <v>0</v>
      </c>
      <c r="O462" s="115">
        <v>1</v>
      </c>
      <c r="P462" s="115">
        <v>1</v>
      </c>
      <c r="Q462" s="115" t="s">
        <v>400</v>
      </c>
      <c r="R462" s="115">
        <v>0</v>
      </c>
      <c r="S462" s="115">
        <v>0</v>
      </c>
      <c r="T462" s="115">
        <v>0</v>
      </c>
      <c r="U462" s="119"/>
      <c r="V462" s="119"/>
      <c r="W462" s="119"/>
      <c r="X462" s="119"/>
      <c r="Y462" s="119"/>
      <c r="Z462" s="119"/>
      <c r="AA462" s="119"/>
      <c r="AB462" s="119"/>
      <c r="AC462" s="119"/>
      <c r="AD462" s="119"/>
      <c r="AE462" s="119"/>
      <c r="AF462" s="119"/>
      <c r="AG462" s="119"/>
      <c r="AH462" s="119"/>
      <c r="AI462" s="119"/>
      <c r="AJ462" s="119"/>
      <c r="AK462" s="119"/>
      <c r="AL462" s="119"/>
      <c r="AM462" s="119"/>
      <c r="AN462" s="119"/>
      <c r="AO462" s="119"/>
      <c r="AP462" s="119"/>
      <c r="AQ462" s="119"/>
      <c r="AR462" s="119"/>
      <c r="AS462" s="119"/>
      <c r="AT462" s="119"/>
      <c r="AU462" s="119"/>
      <c r="AV462" s="119"/>
      <c r="AW462" s="119"/>
      <c r="AX462" s="119"/>
      <c r="AY462" s="119"/>
      <c r="AZ462" s="119"/>
      <c r="BA462" s="119"/>
      <c r="BB462" s="107">
        <v>45884</v>
      </c>
    </row>
    <row r="463" spans="1:54" s="207" customFormat="1" ht="13.95" customHeight="1" x14ac:dyDescent="0.25">
      <c r="A463" s="208" t="s">
        <v>1197</v>
      </c>
      <c r="B463" s="209" t="s">
        <v>20420</v>
      </c>
      <c r="C463" s="113" t="s">
        <v>1198</v>
      </c>
      <c r="D463" s="113" t="s">
        <v>22633</v>
      </c>
      <c r="E463" s="210">
        <v>1973</v>
      </c>
      <c r="F463" s="210">
        <v>400</v>
      </c>
      <c r="G463" s="113" t="s">
        <v>1</v>
      </c>
      <c r="H463" s="113">
        <v>0</v>
      </c>
      <c r="I463" s="113">
        <v>0</v>
      </c>
      <c r="J463" s="115">
        <v>1</v>
      </c>
      <c r="K463" s="116" t="s">
        <v>174</v>
      </c>
      <c r="L463" s="115">
        <v>1</v>
      </c>
      <c r="M463" s="115">
        <v>0</v>
      </c>
      <c r="N463" s="115">
        <v>0</v>
      </c>
      <c r="O463" s="120">
        <v>0</v>
      </c>
      <c r="P463" s="120">
        <v>1</v>
      </c>
      <c r="Q463" s="115" t="s">
        <v>400</v>
      </c>
      <c r="R463" s="115">
        <v>1</v>
      </c>
      <c r="S463" s="115">
        <v>0</v>
      </c>
      <c r="T463" s="115">
        <v>0</v>
      </c>
      <c r="U463" s="119"/>
      <c r="V463" s="119"/>
      <c r="W463" s="119"/>
      <c r="X463" s="119"/>
      <c r="Y463" s="119"/>
      <c r="Z463" s="119"/>
      <c r="AA463" s="119"/>
      <c r="AB463" s="119"/>
      <c r="AC463" s="119"/>
      <c r="AD463" s="119"/>
      <c r="AE463" s="119"/>
      <c r="AF463" s="119"/>
      <c r="AG463" s="119"/>
      <c r="AH463" s="119"/>
      <c r="AI463" s="119"/>
      <c r="AJ463" s="119"/>
      <c r="AK463" s="119"/>
      <c r="AL463" s="119"/>
      <c r="AM463" s="119"/>
      <c r="AN463" s="119"/>
      <c r="AO463" s="119"/>
      <c r="AP463" s="119"/>
      <c r="AQ463" s="119"/>
      <c r="AR463" s="119"/>
      <c r="AS463" s="119"/>
      <c r="AT463" s="119"/>
      <c r="AU463" s="119"/>
      <c r="AV463" s="119"/>
      <c r="AW463" s="119"/>
      <c r="AX463" s="119"/>
      <c r="AY463" s="119"/>
      <c r="AZ463" s="119"/>
      <c r="BA463" s="119"/>
      <c r="BB463" s="107">
        <v>45884</v>
      </c>
    </row>
    <row r="464" spans="1:54" s="207" customFormat="1" ht="13.95" customHeight="1" x14ac:dyDescent="0.25">
      <c r="A464" s="208" t="s">
        <v>1199</v>
      </c>
      <c r="B464" s="209" t="s">
        <v>20420</v>
      </c>
      <c r="C464" s="113" t="s">
        <v>1200</v>
      </c>
      <c r="D464" s="113" t="s">
        <v>22634</v>
      </c>
      <c r="E464" s="210">
        <v>1978</v>
      </c>
      <c r="F464" s="210">
        <v>401</v>
      </c>
      <c r="G464" s="113" t="s">
        <v>1</v>
      </c>
      <c r="H464" s="113">
        <v>0</v>
      </c>
      <c r="I464" s="113">
        <v>0</v>
      </c>
      <c r="J464" s="115">
        <v>1</v>
      </c>
      <c r="K464" s="116" t="s">
        <v>174</v>
      </c>
      <c r="L464" s="115">
        <v>0</v>
      </c>
      <c r="M464" s="115">
        <v>1</v>
      </c>
      <c r="N464" s="115">
        <v>1</v>
      </c>
      <c r="O464" s="115">
        <v>0</v>
      </c>
      <c r="P464" s="115" t="s">
        <v>400</v>
      </c>
      <c r="Q464" s="115" t="s">
        <v>400</v>
      </c>
      <c r="R464" s="115">
        <v>0</v>
      </c>
      <c r="S464" s="115">
        <v>0</v>
      </c>
      <c r="T464" s="115">
        <v>0</v>
      </c>
      <c r="U464" s="119"/>
      <c r="V464" s="119"/>
      <c r="W464" s="119"/>
      <c r="X464" s="119"/>
      <c r="Y464" s="119"/>
      <c r="Z464" s="119"/>
      <c r="AA464" s="119"/>
      <c r="AB464" s="119"/>
      <c r="AC464" s="119"/>
      <c r="AD464" s="119"/>
      <c r="AE464" s="119"/>
      <c r="AF464" s="119"/>
      <c r="AG464" s="119"/>
      <c r="AH464" s="119"/>
      <c r="AI464" s="119"/>
      <c r="AJ464" s="119"/>
      <c r="AK464" s="119"/>
      <c r="AL464" s="119"/>
      <c r="AM464" s="119"/>
      <c r="AN464" s="119"/>
      <c r="AO464" s="119"/>
      <c r="AP464" s="119"/>
      <c r="AQ464" s="119"/>
      <c r="AR464" s="119"/>
      <c r="AS464" s="119"/>
      <c r="AT464" s="119"/>
      <c r="AU464" s="119"/>
      <c r="AV464" s="119"/>
      <c r="AW464" s="119"/>
      <c r="AX464" s="119"/>
      <c r="AY464" s="119"/>
      <c r="AZ464" s="119"/>
      <c r="BA464" s="119"/>
      <c r="BB464" s="107">
        <v>45884</v>
      </c>
    </row>
    <row r="465" spans="1:54" s="207" customFormat="1" ht="13.95" customHeight="1" x14ac:dyDescent="0.25">
      <c r="A465" s="208" t="s">
        <v>1201</v>
      </c>
      <c r="B465" s="209" t="s">
        <v>20420</v>
      </c>
      <c r="C465" s="113" t="s">
        <v>1202</v>
      </c>
      <c r="D465" s="113" t="s">
        <v>22635</v>
      </c>
      <c r="E465" s="210">
        <v>1979</v>
      </c>
      <c r="F465" s="210">
        <v>401</v>
      </c>
      <c r="G465" s="113" t="s">
        <v>1</v>
      </c>
      <c r="H465" s="113">
        <v>0</v>
      </c>
      <c r="I465" s="113">
        <v>0</v>
      </c>
      <c r="J465" s="115">
        <v>0</v>
      </c>
      <c r="K465" s="116" t="s">
        <v>174</v>
      </c>
      <c r="L465" s="115">
        <v>0</v>
      </c>
      <c r="M465" s="115">
        <v>0</v>
      </c>
      <c r="N465" s="115">
        <v>0</v>
      </c>
      <c r="O465" s="115">
        <v>1</v>
      </c>
      <c r="P465" s="115" t="s">
        <v>400</v>
      </c>
      <c r="Q465" s="115" t="s">
        <v>400</v>
      </c>
      <c r="R465" s="115">
        <v>0</v>
      </c>
      <c r="S465" s="115">
        <v>0</v>
      </c>
      <c r="T465" s="115">
        <v>0</v>
      </c>
      <c r="U465" s="119"/>
      <c r="V465" s="119"/>
      <c r="W465" s="119"/>
      <c r="X465" s="119"/>
      <c r="Y465" s="119"/>
      <c r="Z465" s="119"/>
      <c r="AA465" s="119"/>
      <c r="AB465" s="119"/>
      <c r="AC465" s="119"/>
      <c r="AD465" s="119"/>
      <c r="AE465" s="119"/>
      <c r="AF465" s="119"/>
      <c r="AG465" s="119"/>
      <c r="AH465" s="119"/>
      <c r="AI465" s="119"/>
      <c r="AJ465" s="119"/>
      <c r="AK465" s="119"/>
      <c r="AL465" s="119"/>
      <c r="AM465" s="119"/>
      <c r="AN465" s="119"/>
      <c r="AO465" s="119"/>
      <c r="AP465" s="119"/>
      <c r="AQ465" s="119"/>
      <c r="AR465" s="119"/>
      <c r="AS465" s="119"/>
      <c r="AT465" s="119"/>
      <c r="AU465" s="119"/>
      <c r="AV465" s="119"/>
      <c r="AW465" s="119"/>
      <c r="AX465" s="119"/>
      <c r="AY465" s="119"/>
      <c r="AZ465" s="119"/>
      <c r="BA465" s="119"/>
      <c r="BB465" s="107">
        <v>45884</v>
      </c>
    </row>
    <row r="466" spans="1:54" s="207" customFormat="1" ht="13.95" customHeight="1" x14ac:dyDescent="0.25">
      <c r="A466" s="208" t="s">
        <v>1203</v>
      </c>
      <c r="B466" s="209" t="s">
        <v>20420</v>
      </c>
      <c r="C466" s="113" t="s">
        <v>1204</v>
      </c>
      <c r="D466" s="113" t="s">
        <v>22636</v>
      </c>
      <c r="E466" s="210">
        <v>1973</v>
      </c>
      <c r="F466" s="210">
        <v>402</v>
      </c>
      <c r="G466" s="113" t="s">
        <v>1</v>
      </c>
      <c r="H466" s="113">
        <v>0</v>
      </c>
      <c r="I466" s="113">
        <v>0</v>
      </c>
      <c r="J466" s="115">
        <v>1</v>
      </c>
      <c r="K466" s="211">
        <v>1</v>
      </c>
      <c r="L466" s="115">
        <v>0</v>
      </c>
      <c r="M466" s="115">
        <v>0</v>
      </c>
      <c r="N466" s="115">
        <v>0</v>
      </c>
      <c r="O466" s="115">
        <v>1</v>
      </c>
      <c r="P466" s="115">
        <v>1</v>
      </c>
      <c r="Q466" s="115" t="s">
        <v>400</v>
      </c>
      <c r="R466" s="115">
        <v>1</v>
      </c>
      <c r="S466" s="115">
        <v>0</v>
      </c>
      <c r="T466" s="115">
        <v>0</v>
      </c>
      <c r="U466" s="119"/>
      <c r="V466" s="119"/>
      <c r="W466" s="119"/>
      <c r="X466" s="119"/>
      <c r="Y466" s="119"/>
      <c r="Z466" s="119"/>
      <c r="AA466" s="119"/>
      <c r="AB466" s="119"/>
      <c r="AC466" s="119"/>
      <c r="AD466" s="119"/>
      <c r="AE466" s="119"/>
      <c r="AF466" s="119"/>
      <c r="AG466" s="119"/>
      <c r="AH466" s="119"/>
      <c r="AI466" s="119"/>
      <c r="AJ466" s="119"/>
      <c r="AK466" s="119"/>
      <c r="AL466" s="119"/>
      <c r="AM466" s="119"/>
      <c r="AN466" s="119"/>
      <c r="AO466" s="119"/>
      <c r="AP466" s="119"/>
      <c r="AQ466" s="119"/>
      <c r="AR466" s="119"/>
      <c r="AS466" s="119"/>
      <c r="AT466" s="119"/>
      <c r="AU466" s="119"/>
      <c r="AV466" s="119"/>
      <c r="AW466" s="119"/>
      <c r="AX466" s="119"/>
      <c r="AY466" s="119"/>
      <c r="AZ466" s="119"/>
      <c r="BA466" s="119"/>
      <c r="BB466" s="107">
        <v>45884</v>
      </c>
    </row>
    <row r="467" spans="1:54" s="207" customFormat="1" ht="13.95" customHeight="1" x14ac:dyDescent="0.25">
      <c r="A467" s="208" t="s">
        <v>1205</v>
      </c>
      <c r="B467" s="209" t="s">
        <v>20420</v>
      </c>
      <c r="C467" s="113" t="s">
        <v>1206</v>
      </c>
      <c r="D467" s="113" t="s">
        <v>1207</v>
      </c>
      <c r="E467" s="210">
        <v>1975</v>
      </c>
      <c r="F467" s="210">
        <v>403</v>
      </c>
      <c r="G467" s="113" t="s">
        <v>1</v>
      </c>
      <c r="H467" s="113">
        <v>0</v>
      </c>
      <c r="I467" s="113">
        <v>0</v>
      </c>
      <c r="J467" s="115">
        <v>1</v>
      </c>
      <c r="K467" s="116" t="s">
        <v>174</v>
      </c>
      <c r="L467" s="115">
        <v>0</v>
      </c>
      <c r="M467" s="115">
        <v>0</v>
      </c>
      <c r="N467" s="115">
        <v>0</v>
      </c>
      <c r="O467" s="115">
        <v>1</v>
      </c>
      <c r="P467" s="115" t="s">
        <v>400</v>
      </c>
      <c r="Q467" s="115" t="s">
        <v>400</v>
      </c>
      <c r="R467" s="115">
        <v>0</v>
      </c>
      <c r="S467" s="115">
        <v>0</v>
      </c>
      <c r="T467" s="115">
        <v>0</v>
      </c>
      <c r="U467" s="119"/>
      <c r="V467" s="119"/>
      <c r="W467" s="119"/>
      <c r="X467" s="119"/>
      <c r="Y467" s="119"/>
      <c r="Z467" s="119"/>
      <c r="AA467" s="119"/>
      <c r="AB467" s="119"/>
      <c r="AC467" s="119"/>
      <c r="AD467" s="119"/>
      <c r="AE467" s="119"/>
      <c r="AF467" s="119"/>
      <c r="AG467" s="119"/>
      <c r="AH467" s="119"/>
      <c r="AI467" s="119"/>
      <c r="AJ467" s="119"/>
      <c r="AK467" s="119"/>
      <c r="AL467" s="119"/>
      <c r="AM467" s="119"/>
      <c r="AN467" s="119"/>
      <c r="AO467" s="119"/>
      <c r="AP467" s="119"/>
      <c r="AQ467" s="119"/>
      <c r="AR467" s="119"/>
      <c r="AS467" s="119"/>
      <c r="AT467" s="119"/>
      <c r="AU467" s="119"/>
      <c r="AV467" s="119"/>
      <c r="AW467" s="119"/>
      <c r="AX467" s="119"/>
      <c r="AY467" s="119"/>
      <c r="AZ467" s="119"/>
      <c r="BA467" s="119"/>
      <c r="BB467" s="107">
        <v>45884</v>
      </c>
    </row>
    <row r="468" spans="1:54" s="207" customFormat="1" ht="13.95" customHeight="1" x14ac:dyDescent="0.25">
      <c r="A468" s="208" t="s">
        <v>1208</v>
      </c>
      <c r="B468" s="209" t="s">
        <v>20420</v>
      </c>
      <c r="C468" s="113" t="s">
        <v>1209</v>
      </c>
      <c r="D468" s="113" t="s">
        <v>22637</v>
      </c>
      <c r="E468" s="210">
        <v>1977</v>
      </c>
      <c r="F468" s="210">
        <v>403</v>
      </c>
      <c r="G468" s="113" t="s">
        <v>1</v>
      </c>
      <c r="H468" s="113">
        <v>0</v>
      </c>
      <c r="I468" s="113">
        <v>0</v>
      </c>
      <c r="J468" s="115">
        <v>1</v>
      </c>
      <c r="K468" s="116" t="s">
        <v>174</v>
      </c>
      <c r="L468" s="115">
        <v>0</v>
      </c>
      <c r="M468" s="115">
        <v>0</v>
      </c>
      <c r="N468" s="115">
        <v>0</v>
      </c>
      <c r="O468" s="115">
        <v>0</v>
      </c>
      <c r="P468" s="115">
        <v>1</v>
      </c>
      <c r="Q468" s="115" t="s">
        <v>400</v>
      </c>
      <c r="R468" s="115">
        <v>1</v>
      </c>
      <c r="S468" s="115">
        <v>0</v>
      </c>
      <c r="T468" s="115">
        <v>0</v>
      </c>
      <c r="U468" s="119"/>
      <c r="V468" s="119"/>
      <c r="W468" s="119"/>
      <c r="X468" s="119"/>
      <c r="Y468" s="119"/>
      <c r="Z468" s="119"/>
      <c r="AA468" s="119"/>
      <c r="AB468" s="119"/>
      <c r="AC468" s="119"/>
      <c r="AD468" s="119"/>
      <c r="AE468" s="119"/>
      <c r="AF468" s="119"/>
      <c r="AG468" s="119"/>
      <c r="AH468" s="119"/>
      <c r="AI468" s="119"/>
      <c r="AJ468" s="119"/>
      <c r="AK468" s="119"/>
      <c r="AL468" s="119"/>
      <c r="AM468" s="119"/>
      <c r="AN468" s="119"/>
      <c r="AO468" s="119"/>
      <c r="AP468" s="119"/>
      <c r="AQ468" s="119"/>
      <c r="AR468" s="119"/>
      <c r="AS468" s="119"/>
      <c r="AT468" s="119"/>
      <c r="AU468" s="119"/>
      <c r="AV468" s="119"/>
      <c r="AW468" s="119"/>
      <c r="AX468" s="119"/>
      <c r="AY468" s="119"/>
      <c r="AZ468" s="119"/>
      <c r="BA468" s="119"/>
      <c r="BB468" s="107">
        <v>45884</v>
      </c>
    </row>
    <row r="469" spans="1:54" s="207" customFormat="1" ht="13.95" customHeight="1" x14ac:dyDescent="0.25">
      <c r="A469" s="208" t="s">
        <v>1210</v>
      </c>
      <c r="B469" s="209" t="s">
        <v>20420</v>
      </c>
      <c r="C469" s="113" t="s">
        <v>1211</v>
      </c>
      <c r="D469" s="113" t="s">
        <v>22638</v>
      </c>
      <c r="E469" s="210">
        <v>1975</v>
      </c>
      <c r="F469" s="210">
        <v>404</v>
      </c>
      <c r="G469" s="113" t="s">
        <v>1</v>
      </c>
      <c r="H469" s="113">
        <v>0</v>
      </c>
      <c r="I469" s="113">
        <v>0</v>
      </c>
      <c r="J469" s="115">
        <v>1</v>
      </c>
      <c r="K469" s="116" t="s">
        <v>174</v>
      </c>
      <c r="L469" s="115">
        <v>1</v>
      </c>
      <c r="M469" s="115">
        <v>0</v>
      </c>
      <c r="N469" s="115">
        <v>0</v>
      </c>
      <c r="O469" s="115">
        <v>0</v>
      </c>
      <c r="P469" s="115">
        <v>1</v>
      </c>
      <c r="Q469" s="115" t="s">
        <v>400</v>
      </c>
      <c r="R469" s="115">
        <v>1</v>
      </c>
      <c r="S469" s="115">
        <v>0</v>
      </c>
      <c r="T469" s="115">
        <v>0</v>
      </c>
      <c r="U469" s="119"/>
      <c r="V469" s="119"/>
      <c r="W469" s="119"/>
      <c r="X469" s="119"/>
      <c r="Y469" s="119"/>
      <c r="Z469" s="119"/>
      <c r="AA469" s="119"/>
      <c r="AB469" s="119"/>
      <c r="AC469" s="119"/>
      <c r="AD469" s="119"/>
      <c r="AE469" s="119"/>
      <c r="AF469" s="119"/>
      <c r="AG469" s="119"/>
      <c r="AH469" s="119"/>
      <c r="AI469" s="119"/>
      <c r="AJ469" s="119"/>
      <c r="AK469" s="119"/>
      <c r="AL469" s="119"/>
      <c r="AM469" s="119"/>
      <c r="AN469" s="119"/>
      <c r="AO469" s="119"/>
      <c r="AP469" s="119"/>
      <c r="AQ469" s="119"/>
      <c r="AR469" s="119"/>
      <c r="AS469" s="119"/>
      <c r="AT469" s="119"/>
      <c r="AU469" s="119"/>
      <c r="AV469" s="119"/>
      <c r="AW469" s="119"/>
      <c r="AX469" s="119"/>
      <c r="AY469" s="119"/>
      <c r="AZ469" s="119"/>
      <c r="BA469" s="119"/>
      <c r="BB469" s="107">
        <v>45884</v>
      </c>
    </row>
    <row r="470" spans="1:54" s="207" customFormat="1" ht="13.95" customHeight="1" x14ac:dyDescent="0.25">
      <c r="A470" s="208" t="s">
        <v>1212</v>
      </c>
      <c r="B470" s="209" t="s">
        <v>20420</v>
      </c>
      <c r="C470" s="113" t="s">
        <v>1213</v>
      </c>
      <c r="D470" s="113" t="s">
        <v>1214</v>
      </c>
      <c r="E470" s="210">
        <v>2002</v>
      </c>
      <c r="F470" s="210">
        <v>407</v>
      </c>
      <c r="G470" s="113" t="s">
        <v>1</v>
      </c>
      <c r="H470" s="113">
        <v>0</v>
      </c>
      <c r="I470" s="113">
        <v>0</v>
      </c>
      <c r="J470" s="115">
        <v>1</v>
      </c>
      <c r="K470" s="116" t="s">
        <v>174</v>
      </c>
      <c r="L470" s="115">
        <v>0</v>
      </c>
      <c r="M470" s="115">
        <v>1</v>
      </c>
      <c r="N470" s="115">
        <v>0</v>
      </c>
      <c r="O470" s="115">
        <v>0</v>
      </c>
      <c r="P470" s="115" t="s">
        <v>400</v>
      </c>
      <c r="Q470" s="115" t="s">
        <v>400</v>
      </c>
      <c r="R470" s="115">
        <v>0</v>
      </c>
      <c r="S470" s="115">
        <v>0</v>
      </c>
      <c r="T470" s="115">
        <v>0</v>
      </c>
      <c r="U470" s="119"/>
      <c r="V470" s="119"/>
      <c r="W470" s="119"/>
      <c r="X470" s="119"/>
      <c r="Y470" s="119"/>
      <c r="Z470" s="119"/>
      <c r="AA470" s="119"/>
      <c r="AB470" s="119"/>
      <c r="AC470" s="119"/>
      <c r="AD470" s="119"/>
      <c r="AE470" s="119"/>
      <c r="AF470" s="119"/>
      <c r="AG470" s="119"/>
      <c r="AH470" s="119"/>
      <c r="AI470" s="119"/>
      <c r="AJ470" s="119"/>
      <c r="AK470" s="119"/>
      <c r="AL470" s="119"/>
      <c r="AM470" s="119"/>
      <c r="AN470" s="119"/>
      <c r="AO470" s="119"/>
      <c r="AP470" s="119"/>
      <c r="AQ470" s="119"/>
      <c r="AR470" s="119"/>
      <c r="AS470" s="119"/>
      <c r="AT470" s="119"/>
      <c r="AU470" s="119"/>
      <c r="AV470" s="119"/>
      <c r="AW470" s="119"/>
      <c r="AX470" s="119"/>
      <c r="AY470" s="119"/>
      <c r="AZ470" s="119"/>
      <c r="BA470" s="119"/>
      <c r="BB470" s="107">
        <v>45884</v>
      </c>
    </row>
    <row r="471" spans="1:54" s="207" customFormat="1" ht="13.95" customHeight="1" x14ac:dyDescent="0.25">
      <c r="A471" s="208" t="s">
        <v>1215</v>
      </c>
      <c r="B471" s="209" t="s">
        <v>20420</v>
      </c>
      <c r="C471" s="113" t="s">
        <v>1216</v>
      </c>
      <c r="D471" s="113" t="s">
        <v>1217</v>
      </c>
      <c r="E471" s="210">
        <v>1958</v>
      </c>
      <c r="F471" s="210">
        <v>408</v>
      </c>
      <c r="G471" s="113" t="s">
        <v>1</v>
      </c>
      <c r="H471" s="113">
        <v>0</v>
      </c>
      <c r="I471" s="113">
        <v>0</v>
      </c>
      <c r="J471" s="115">
        <v>1</v>
      </c>
      <c r="K471" s="116" t="s">
        <v>174</v>
      </c>
      <c r="L471" s="115">
        <v>1</v>
      </c>
      <c r="M471" s="115">
        <v>1</v>
      </c>
      <c r="N471" s="115">
        <v>0</v>
      </c>
      <c r="O471" s="115">
        <v>0</v>
      </c>
      <c r="P471" s="115" t="s">
        <v>400</v>
      </c>
      <c r="Q471" s="115" t="s">
        <v>400</v>
      </c>
      <c r="R471" s="115">
        <v>1</v>
      </c>
      <c r="S471" s="115">
        <v>0</v>
      </c>
      <c r="T471" s="115">
        <v>0</v>
      </c>
      <c r="U471" s="119"/>
      <c r="V471" s="119"/>
      <c r="W471" s="119"/>
      <c r="X471" s="119"/>
      <c r="Y471" s="119"/>
      <c r="Z471" s="119"/>
      <c r="AA471" s="119"/>
      <c r="AB471" s="119"/>
      <c r="AC471" s="119"/>
      <c r="AD471" s="119"/>
      <c r="AE471" s="119"/>
      <c r="AF471" s="119"/>
      <c r="AG471" s="119"/>
      <c r="AH471" s="119"/>
      <c r="AI471" s="119"/>
      <c r="AJ471" s="119"/>
      <c r="AK471" s="119"/>
      <c r="AL471" s="119"/>
      <c r="AM471" s="119"/>
      <c r="AN471" s="119"/>
      <c r="AO471" s="119"/>
      <c r="AP471" s="119"/>
      <c r="AQ471" s="119"/>
      <c r="AR471" s="119"/>
      <c r="AS471" s="119"/>
      <c r="AT471" s="119"/>
      <c r="AU471" s="119"/>
      <c r="AV471" s="119"/>
      <c r="AW471" s="119"/>
      <c r="AX471" s="119"/>
      <c r="AY471" s="119"/>
      <c r="AZ471" s="119"/>
      <c r="BA471" s="119"/>
      <c r="BB471" s="107">
        <v>45884</v>
      </c>
    </row>
    <row r="472" spans="1:54" s="207" customFormat="1" ht="13.95" customHeight="1" x14ac:dyDescent="0.25">
      <c r="A472" s="208" t="s">
        <v>1218</v>
      </c>
      <c r="B472" s="209" t="s">
        <v>20420</v>
      </c>
      <c r="C472" s="113" t="s">
        <v>1219</v>
      </c>
      <c r="D472" s="113" t="s">
        <v>22639</v>
      </c>
      <c r="E472" s="210">
        <v>1995</v>
      </c>
      <c r="F472" s="210">
        <v>408</v>
      </c>
      <c r="G472" s="113" t="s">
        <v>1</v>
      </c>
      <c r="H472" s="113">
        <v>0</v>
      </c>
      <c r="I472" s="113">
        <v>0</v>
      </c>
      <c r="J472" s="115">
        <v>1</v>
      </c>
      <c r="K472" s="116" t="s">
        <v>174</v>
      </c>
      <c r="L472" s="115">
        <v>0</v>
      </c>
      <c r="M472" s="115">
        <v>0</v>
      </c>
      <c r="N472" s="115">
        <v>0</v>
      </c>
      <c r="O472" s="115">
        <v>0</v>
      </c>
      <c r="P472" s="115">
        <v>1</v>
      </c>
      <c r="Q472" s="115" t="s">
        <v>400</v>
      </c>
      <c r="R472" s="115">
        <v>1</v>
      </c>
      <c r="S472" s="115">
        <v>0</v>
      </c>
      <c r="T472" s="115">
        <v>0</v>
      </c>
      <c r="U472" s="119"/>
      <c r="V472" s="119"/>
      <c r="W472" s="119"/>
      <c r="X472" s="119"/>
      <c r="Y472" s="119"/>
      <c r="Z472" s="119"/>
      <c r="AA472" s="119"/>
      <c r="AB472" s="119"/>
      <c r="AC472" s="119"/>
      <c r="AD472" s="119"/>
      <c r="AE472" s="119"/>
      <c r="AF472" s="119"/>
      <c r="AG472" s="119"/>
      <c r="AH472" s="119"/>
      <c r="AI472" s="119"/>
      <c r="AJ472" s="119"/>
      <c r="AK472" s="119"/>
      <c r="AL472" s="119"/>
      <c r="AM472" s="119"/>
      <c r="AN472" s="119"/>
      <c r="AO472" s="119"/>
      <c r="AP472" s="119"/>
      <c r="AQ472" s="119"/>
      <c r="AR472" s="119"/>
      <c r="AS472" s="119"/>
      <c r="AT472" s="119"/>
      <c r="AU472" s="119"/>
      <c r="AV472" s="119"/>
      <c r="AW472" s="119"/>
      <c r="AX472" s="119"/>
      <c r="AY472" s="119"/>
      <c r="AZ472" s="119"/>
      <c r="BA472" s="119"/>
      <c r="BB472" s="107">
        <v>45884</v>
      </c>
    </row>
    <row r="473" spans="1:54" s="207" customFormat="1" ht="13.95" customHeight="1" x14ac:dyDescent="0.25">
      <c r="A473" s="208" t="s">
        <v>1220</v>
      </c>
      <c r="B473" s="209" t="s">
        <v>20420</v>
      </c>
      <c r="C473" s="113" t="s">
        <v>1221</v>
      </c>
      <c r="D473" s="113" t="s">
        <v>1222</v>
      </c>
      <c r="E473" s="210">
        <v>2003</v>
      </c>
      <c r="F473" s="210">
        <v>409</v>
      </c>
      <c r="G473" s="113" t="s">
        <v>1</v>
      </c>
      <c r="H473" s="113">
        <v>0</v>
      </c>
      <c r="I473" s="113">
        <v>0</v>
      </c>
      <c r="J473" s="115">
        <v>1</v>
      </c>
      <c r="K473" s="116" t="s">
        <v>174</v>
      </c>
      <c r="L473" s="115">
        <v>1</v>
      </c>
      <c r="M473" s="115">
        <v>0</v>
      </c>
      <c r="N473" s="115">
        <v>0</v>
      </c>
      <c r="O473" s="115">
        <v>1</v>
      </c>
      <c r="P473" s="115">
        <v>1</v>
      </c>
      <c r="Q473" s="115" t="s">
        <v>400</v>
      </c>
      <c r="R473" s="115">
        <v>0</v>
      </c>
      <c r="S473" s="115">
        <v>0</v>
      </c>
      <c r="T473" s="115">
        <v>0</v>
      </c>
      <c r="U473" s="119"/>
      <c r="V473" s="119"/>
      <c r="W473" s="119"/>
      <c r="X473" s="119"/>
      <c r="Y473" s="119"/>
      <c r="Z473" s="119"/>
      <c r="AA473" s="119"/>
      <c r="AB473" s="119"/>
      <c r="AC473" s="119"/>
      <c r="AD473" s="119"/>
      <c r="AE473" s="119"/>
      <c r="AF473" s="119"/>
      <c r="AG473" s="119"/>
      <c r="AH473" s="119"/>
      <c r="AI473" s="119"/>
      <c r="AJ473" s="119"/>
      <c r="AK473" s="119"/>
      <c r="AL473" s="119"/>
      <c r="AM473" s="119"/>
      <c r="AN473" s="119"/>
      <c r="AO473" s="119"/>
      <c r="AP473" s="119"/>
      <c r="AQ473" s="119"/>
      <c r="AR473" s="119"/>
      <c r="AS473" s="119"/>
      <c r="AT473" s="119"/>
      <c r="AU473" s="119"/>
      <c r="AV473" s="119"/>
      <c r="AW473" s="119"/>
      <c r="AX473" s="119"/>
      <c r="AY473" s="119"/>
      <c r="AZ473" s="119"/>
      <c r="BA473" s="119"/>
      <c r="BB473" s="107">
        <v>45884</v>
      </c>
    </row>
    <row r="474" spans="1:54" s="207" customFormat="1" ht="13.95" customHeight="1" x14ac:dyDescent="0.25">
      <c r="A474" s="208" t="s">
        <v>1223</v>
      </c>
      <c r="B474" s="209" t="s">
        <v>20420</v>
      </c>
      <c r="C474" s="113" t="s">
        <v>1224</v>
      </c>
      <c r="D474" s="113" t="s">
        <v>1225</v>
      </c>
      <c r="E474" s="210">
        <v>1952</v>
      </c>
      <c r="F474" s="210">
        <v>409</v>
      </c>
      <c r="G474" s="113" t="s">
        <v>1</v>
      </c>
      <c r="H474" s="113">
        <v>0</v>
      </c>
      <c r="I474" s="113">
        <v>0</v>
      </c>
      <c r="J474" s="115">
        <v>1</v>
      </c>
      <c r="K474" s="116" t="s">
        <v>174</v>
      </c>
      <c r="L474" s="115">
        <v>0</v>
      </c>
      <c r="M474" s="115">
        <v>0</v>
      </c>
      <c r="N474" s="115">
        <v>0</v>
      </c>
      <c r="O474" s="115">
        <v>1</v>
      </c>
      <c r="P474" s="115">
        <v>1</v>
      </c>
      <c r="Q474" s="115" t="s">
        <v>400</v>
      </c>
      <c r="R474" s="115">
        <v>1</v>
      </c>
      <c r="S474" s="115">
        <v>0</v>
      </c>
      <c r="T474" s="115">
        <v>0</v>
      </c>
      <c r="U474" s="119"/>
      <c r="V474" s="119"/>
      <c r="W474" s="119"/>
      <c r="X474" s="119"/>
      <c r="Y474" s="119"/>
      <c r="Z474" s="119"/>
      <c r="AA474" s="119"/>
      <c r="AB474" s="119"/>
      <c r="AC474" s="119"/>
      <c r="AD474" s="119"/>
      <c r="AE474" s="119"/>
      <c r="AF474" s="119"/>
      <c r="AG474" s="119"/>
      <c r="AH474" s="119"/>
      <c r="AI474" s="119"/>
      <c r="AJ474" s="119"/>
      <c r="AK474" s="119"/>
      <c r="AL474" s="119"/>
      <c r="AM474" s="119"/>
      <c r="AN474" s="119"/>
      <c r="AO474" s="119"/>
      <c r="AP474" s="119"/>
      <c r="AQ474" s="119"/>
      <c r="AR474" s="119"/>
      <c r="AS474" s="119"/>
      <c r="AT474" s="119"/>
      <c r="AU474" s="119"/>
      <c r="AV474" s="119"/>
      <c r="AW474" s="119"/>
      <c r="AX474" s="119"/>
      <c r="AY474" s="119"/>
      <c r="AZ474" s="119"/>
      <c r="BA474" s="119"/>
      <c r="BB474" s="107">
        <v>45884</v>
      </c>
    </row>
    <row r="475" spans="1:54" s="207" customFormat="1" ht="13.95" customHeight="1" x14ac:dyDescent="0.25">
      <c r="A475" s="208" t="s">
        <v>1226</v>
      </c>
      <c r="B475" s="209" t="s">
        <v>20420</v>
      </c>
      <c r="C475" s="113" t="s">
        <v>1227</v>
      </c>
      <c r="D475" s="113" t="s">
        <v>1228</v>
      </c>
      <c r="E475" s="210">
        <v>1988</v>
      </c>
      <c r="F475" s="210">
        <v>409</v>
      </c>
      <c r="G475" s="113" t="s">
        <v>1</v>
      </c>
      <c r="H475" s="113">
        <v>0</v>
      </c>
      <c r="I475" s="113">
        <v>0</v>
      </c>
      <c r="J475" s="115">
        <v>1</v>
      </c>
      <c r="K475" s="116" t="s">
        <v>174</v>
      </c>
      <c r="L475" s="115">
        <v>1</v>
      </c>
      <c r="M475" s="115">
        <v>0</v>
      </c>
      <c r="N475" s="115">
        <v>0</v>
      </c>
      <c r="O475" s="115">
        <v>1</v>
      </c>
      <c r="P475" s="115" t="s">
        <v>400</v>
      </c>
      <c r="Q475" s="115" t="s">
        <v>400</v>
      </c>
      <c r="R475" s="115">
        <v>1</v>
      </c>
      <c r="S475" s="115">
        <v>0</v>
      </c>
      <c r="T475" s="115">
        <v>0</v>
      </c>
      <c r="U475" s="119"/>
      <c r="V475" s="119"/>
      <c r="W475" s="119"/>
      <c r="X475" s="119"/>
      <c r="Y475" s="119"/>
      <c r="Z475" s="119"/>
      <c r="AA475" s="119"/>
      <c r="AB475" s="119"/>
      <c r="AC475" s="119"/>
      <c r="AD475" s="119"/>
      <c r="AE475" s="119"/>
      <c r="AF475" s="119"/>
      <c r="AG475" s="119"/>
      <c r="AH475" s="119"/>
      <c r="AI475" s="119"/>
      <c r="AJ475" s="119"/>
      <c r="AK475" s="119"/>
      <c r="AL475" s="119"/>
      <c r="AM475" s="119"/>
      <c r="AN475" s="119"/>
      <c r="AO475" s="119"/>
      <c r="AP475" s="119"/>
      <c r="AQ475" s="119"/>
      <c r="AR475" s="119"/>
      <c r="AS475" s="119"/>
      <c r="AT475" s="119"/>
      <c r="AU475" s="119"/>
      <c r="AV475" s="119"/>
      <c r="AW475" s="119"/>
      <c r="AX475" s="119"/>
      <c r="AY475" s="119"/>
      <c r="AZ475" s="119"/>
      <c r="BA475" s="119"/>
      <c r="BB475" s="107">
        <v>45884</v>
      </c>
    </row>
    <row r="476" spans="1:54" s="207" customFormat="1" ht="13.95" customHeight="1" x14ac:dyDescent="0.25">
      <c r="A476" s="208" t="s">
        <v>1229</v>
      </c>
      <c r="B476" s="209" t="s">
        <v>20420</v>
      </c>
      <c r="C476" s="113" t="s">
        <v>1230</v>
      </c>
      <c r="D476" s="113" t="s">
        <v>1231</v>
      </c>
      <c r="E476" s="210">
        <v>2000</v>
      </c>
      <c r="F476" s="210">
        <v>410</v>
      </c>
      <c r="G476" s="113" t="s">
        <v>1</v>
      </c>
      <c r="H476" s="113">
        <v>0</v>
      </c>
      <c r="I476" s="113">
        <v>0</v>
      </c>
      <c r="J476" s="115">
        <v>1</v>
      </c>
      <c r="K476" s="211">
        <v>1</v>
      </c>
      <c r="L476" s="115">
        <v>1</v>
      </c>
      <c r="M476" s="115">
        <v>1</v>
      </c>
      <c r="N476" s="115">
        <v>0</v>
      </c>
      <c r="O476" s="115">
        <v>0</v>
      </c>
      <c r="P476" s="115" t="s">
        <v>400</v>
      </c>
      <c r="Q476" s="115" t="s">
        <v>400</v>
      </c>
      <c r="R476" s="115">
        <v>0</v>
      </c>
      <c r="S476" s="115">
        <v>0</v>
      </c>
      <c r="T476" s="115">
        <v>0</v>
      </c>
      <c r="U476" s="119"/>
      <c r="V476" s="119"/>
      <c r="W476" s="119"/>
      <c r="X476" s="119"/>
      <c r="Y476" s="119"/>
      <c r="Z476" s="119"/>
      <c r="AA476" s="119"/>
      <c r="AB476" s="119"/>
      <c r="AC476" s="119"/>
      <c r="AD476" s="119"/>
      <c r="AE476" s="119"/>
      <c r="AF476" s="119"/>
      <c r="AG476" s="119"/>
      <c r="AH476" s="119"/>
      <c r="AI476" s="119"/>
      <c r="AJ476" s="119"/>
      <c r="AK476" s="119"/>
      <c r="AL476" s="119"/>
      <c r="AM476" s="119"/>
      <c r="AN476" s="119"/>
      <c r="AO476" s="119"/>
      <c r="AP476" s="119"/>
      <c r="AQ476" s="119"/>
      <c r="AR476" s="119"/>
      <c r="AS476" s="119"/>
      <c r="AT476" s="119"/>
      <c r="AU476" s="119"/>
      <c r="AV476" s="119"/>
      <c r="AW476" s="119"/>
      <c r="AX476" s="119"/>
      <c r="AY476" s="119"/>
      <c r="AZ476" s="119"/>
      <c r="BA476" s="119"/>
      <c r="BB476" s="107">
        <v>45884</v>
      </c>
    </row>
    <row r="477" spans="1:54" s="207" customFormat="1" ht="13.95" customHeight="1" x14ac:dyDescent="0.25">
      <c r="A477" s="208" t="s">
        <v>1232</v>
      </c>
      <c r="B477" s="209" t="s">
        <v>20420</v>
      </c>
      <c r="C477" s="113" t="s">
        <v>1233</v>
      </c>
      <c r="D477" s="113" t="s">
        <v>1234</v>
      </c>
      <c r="E477" s="210">
        <v>1965</v>
      </c>
      <c r="F477" s="210">
        <v>410</v>
      </c>
      <c r="G477" s="113" t="s">
        <v>1</v>
      </c>
      <c r="H477" s="113">
        <v>0</v>
      </c>
      <c r="I477" s="113">
        <v>0</v>
      </c>
      <c r="J477" s="115">
        <v>1</v>
      </c>
      <c r="K477" s="116" t="s">
        <v>174</v>
      </c>
      <c r="L477" s="115">
        <v>1</v>
      </c>
      <c r="M477" s="115">
        <v>0</v>
      </c>
      <c r="N477" s="115">
        <v>0</v>
      </c>
      <c r="O477" s="115">
        <v>0</v>
      </c>
      <c r="P477" s="115" t="s">
        <v>400</v>
      </c>
      <c r="Q477" s="115" t="s">
        <v>400</v>
      </c>
      <c r="R477" s="115">
        <v>1</v>
      </c>
      <c r="S477" s="115">
        <v>0</v>
      </c>
      <c r="T477" s="115">
        <v>0</v>
      </c>
      <c r="U477" s="119"/>
      <c r="V477" s="119"/>
      <c r="W477" s="119"/>
      <c r="X477" s="119"/>
      <c r="Y477" s="119"/>
      <c r="Z477" s="119"/>
      <c r="AA477" s="119"/>
      <c r="AB477" s="119"/>
      <c r="AC477" s="119"/>
      <c r="AD477" s="119"/>
      <c r="AE477" s="119"/>
      <c r="AF477" s="119"/>
      <c r="AG477" s="119"/>
      <c r="AH477" s="119"/>
      <c r="AI477" s="119"/>
      <c r="AJ477" s="119"/>
      <c r="AK477" s="119"/>
      <c r="AL477" s="119"/>
      <c r="AM477" s="119"/>
      <c r="AN477" s="119"/>
      <c r="AO477" s="119"/>
      <c r="AP477" s="119"/>
      <c r="AQ477" s="119"/>
      <c r="AR477" s="119"/>
      <c r="AS477" s="119"/>
      <c r="AT477" s="119"/>
      <c r="AU477" s="119"/>
      <c r="AV477" s="119"/>
      <c r="AW477" s="119"/>
      <c r="AX477" s="119"/>
      <c r="AY477" s="119"/>
      <c r="AZ477" s="119"/>
      <c r="BA477" s="119"/>
      <c r="BB477" s="107">
        <v>45884</v>
      </c>
    </row>
    <row r="478" spans="1:54" s="207" customFormat="1" ht="13.95" customHeight="1" x14ac:dyDescent="0.25">
      <c r="A478" s="208" t="s">
        <v>1235</v>
      </c>
      <c r="B478" s="209" t="s">
        <v>20420</v>
      </c>
      <c r="C478" s="113" t="s">
        <v>1236</v>
      </c>
      <c r="D478" s="113" t="s">
        <v>22640</v>
      </c>
      <c r="E478" s="210">
        <v>1996</v>
      </c>
      <c r="F478" s="210">
        <v>410</v>
      </c>
      <c r="G478" s="113" t="s">
        <v>1</v>
      </c>
      <c r="H478" s="113">
        <v>0</v>
      </c>
      <c r="I478" s="113">
        <v>0</v>
      </c>
      <c r="J478" s="115">
        <v>1</v>
      </c>
      <c r="K478" s="116" t="s">
        <v>174</v>
      </c>
      <c r="L478" s="115">
        <v>1</v>
      </c>
      <c r="M478" s="115">
        <v>0</v>
      </c>
      <c r="N478" s="115">
        <v>0</v>
      </c>
      <c r="O478" s="115">
        <v>1</v>
      </c>
      <c r="P478" s="115">
        <v>1</v>
      </c>
      <c r="Q478" s="115" t="s">
        <v>400</v>
      </c>
      <c r="R478" s="115">
        <v>0</v>
      </c>
      <c r="S478" s="115">
        <v>0</v>
      </c>
      <c r="T478" s="115">
        <v>0</v>
      </c>
      <c r="U478" s="119"/>
      <c r="V478" s="119"/>
      <c r="W478" s="119"/>
      <c r="X478" s="119"/>
      <c r="Y478" s="119"/>
      <c r="Z478" s="119"/>
      <c r="AA478" s="119"/>
      <c r="AB478" s="119"/>
      <c r="AC478" s="119"/>
      <c r="AD478" s="119"/>
      <c r="AE478" s="119"/>
      <c r="AF478" s="119"/>
      <c r="AG478" s="119"/>
      <c r="AH478" s="119"/>
      <c r="AI478" s="119"/>
      <c r="AJ478" s="119"/>
      <c r="AK478" s="119"/>
      <c r="AL478" s="119"/>
      <c r="AM478" s="119"/>
      <c r="AN478" s="119"/>
      <c r="AO478" s="119"/>
      <c r="AP478" s="119"/>
      <c r="AQ478" s="119"/>
      <c r="AR478" s="119"/>
      <c r="AS478" s="119"/>
      <c r="AT478" s="119"/>
      <c r="AU478" s="119"/>
      <c r="AV478" s="119"/>
      <c r="AW478" s="119"/>
      <c r="AX478" s="119"/>
      <c r="AY478" s="119"/>
      <c r="AZ478" s="119"/>
      <c r="BA478" s="119"/>
      <c r="BB478" s="107">
        <v>45884</v>
      </c>
    </row>
    <row r="479" spans="1:54" s="207" customFormat="1" ht="13.95" customHeight="1" x14ac:dyDescent="0.25">
      <c r="A479" s="208" t="s">
        <v>1237</v>
      </c>
      <c r="B479" s="209" t="s">
        <v>20420</v>
      </c>
      <c r="C479" s="113" t="s">
        <v>1238</v>
      </c>
      <c r="D479" s="113" t="s">
        <v>22641</v>
      </c>
      <c r="E479" s="210">
        <v>1977</v>
      </c>
      <c r="F479" s="210">
        <v>410</v>
      </c>
      <c r="G479" s="113" t="s">
        <v>1</v>
      </c>
      <c r="H479" s="113">
        <v>0</v>
      </c>
      <c r="I479" s="113">
        <v>0</v>
      </c>
      <c r="J479" s="115">
        <v>1</v>
      </c>
      <c r="K479" s="116" t="s">
        <v>174</v>
      </c>
      <c r="L479" s="115">
        <v>0</v>
      </c>
      <c r="M479" s="115">
        <v>0</v>
      </c>
      <c r="N479" s="115">
        <v>0</v>
      </c>
      <c r="O479" s="115">
        <v>0</v>
      </c>
      <c r="P479" s="115" t="s">
        <v>400</v>
      </c>
      <c r="Q479" s="115" t="s">
        <v>400</v>
      </c>
      <c r="R479" s="115">
        <v>0</v>
      </c>
      <c r="S479" s="115">
        <v>0</v>
      </c>
      <c r="T479" s="115">
        <v>0</v>
      </c>
      <c r="U479" s="119"/>
      <c r="V479" s="119"/>
      <c r="W479" s="119"/>
      <c r="X479" s="119"/>
      <c r="Y479" s="119"/>
      <c r="Z479" s="119"/>
      <c r="AA479" s="119"/>
      <c r="AB479" s="119"/>
      <c r="AC479" s="119"/>
      <c r="AD479" s="119"/>
      <c r="AE479" s="119"/>
      <c r="AF479" s="119"/>
      <c r="AG479" s="119"/>
      <c r="AH479" s="119"/>
      <c r="AI479" s="119"/>
      <c r="AJ479" s="119"/>
      <c r="AK479" s="119"/>
      <c r="AL479" s="119"/>
      <c r="AM479" s="119"/>
      <c r="AN479" s="119"/>
      <c r="AO479" s="119"/>
      <c r="AP479" s="119"/>
      <c r="AQ479" s="119"/>
      <c r="AR479" s="119"/>
      <c r="AS479" s="119"/>
      <c r="AT479" s="119"/>
      <c r="AU479" s="119"/>
      <c r="AV479" s="119"/>
      <c r="AW479" s="119"/>
      <c r="AX479" s="119"/>
      <c r="AY479" s="119"/>
      <c r="AZ479" s="119"/>
      <c r="BA479" s="119"/>
      <c r="BB479" s="107">
        <v>45884</v>
      </c>
    </row>
    <row r="480" spans="1:54" s="207" customFormat="1" ht="13.95" customHeight="1" x14ac:dyDescent="0.25">
      <c r="A480" s="208" t="s">
        <v>1239</v>
      </c>
      <c r="B480" s="209" t="s">
        <v>20420</v>
      </c>
      <c r="C480" s="113" t="s">
        <v>1240</v>
      </c>
      <c r="D480" s="113" t="s">
        <v>22642</v>
      </c>
      <c r="E480" s="210">
        <v>1958</v>
      </c>
      <c r="F480" s="210">
        <v>412</v>
      </c>
      <c r="G480" s="113" t="s">
        <v>1</v>
      </c>
      <c r="H480" s="113">
        <v>0</v>
      </c>
      <c r="I480" s="113">
        <v>0</v>
      </c>
      <c r="J480" s="115">
        <v>1</v>
      </c>
      <c r="K480" s="116" t="s">
        <v>174</v>
      </c>
      <c r="L480" s="115">
        <v>0</v>
      </c>
      <c r="M480" s="115">
        <v>0</v>
      </c>
      <c r="N480" s="115">
        <v>1</v>
      </c>
      <c r="O480" s="115">
        <v>1</v>
      </c>
      <c r="P480" s="115">
        <v>1</v>
      </c>
      <c r="Q480" s="115" t="s">
        <v>400</v>
      </c>
      <c r="R480" s="115">
        <v>1</v>
      </c>
      <c r="S480" s="115">
        <v>0</v>
      </c>
      <c r="T480" s="115">
        <v>0</v>
      </c>
      <c r="U480" s="119"/>
      <c r="V480" s="119"/>
      <c r="W480" s="119"/>
      <c r="X480" s="119"/>
      <c r="Y480" s="119"/>
      <c r="Z480" s="119"/>
      <c r="AA480" s="119"/>
      <c r="AB480" s="119"/>
      <c r="AC480" s="119"/>
      <c r="AD480" s="119"/>
      <c r="AE480" s="119"/>
      <c r="AF480" s="119"/>
      <c r="AG480" s="119"/>
      <c r="AH480" s="119"/>
      <c r="AI480" s="119"/>
      <c r="AJ480" s="119"/>
      <c r="AK480" s="119"/>
      <c r="AL480" s="119"/>
      <c r="AM480" s="119"/>
      <c r="AN480" s="119"/>
      <c r="AO480" s="119"/>
      <c r="AP480" s="119"/>
      <c r="AQ480" s="119"/>
      <c r="AR480" s="119"/>
      <c r="AS480" s="119"/>
      <c r="AT480" s="119"/>
      <c r="AU480" s="119"/>
      <c r="AV480" s="119"/>
      <c r="AW480" s="119"/>
      <c r="AX480" s="119"/>
      <c r="AY480" s="119"/>
      <c r="AZ480" s="119"/>
      <c r="BA480" s="119"/>
      <c r="BB480" s="107">
        <v>45884</v>
      </c>
    </row>
    <row r="481" spans="1:54" s="207" customFormat="1" ht="13.95" customHeight="1" x14ac:dyDescent="0.25">
      <c r="A481" s="208" t="s">
        <v>1241</v>
      </c>
      <c r="B481" s="209" t="s">
        <v>20420</v>
      </c>
      <c r="C481" s="113" t="s">
        <v>1242</v>
      </c>
      <c r="D481" s="113" t="s">
        <v>1243</v>
      </c>
      <c r="E481" s="210">
        <v>1982</v>
      </c>
      <c r="F481" s="210">
        <v>412</v>
      </c>
      <c r="G481" s="113" t="s">
        <v>1</v>
      </c>
      <c r="H481" s="113">
        <v>0</v>
      </c>
      <c r="I481" s="113">
        <v>0</v>
      </c>
      <c r="J481" s="115">
        <v>1</v>
      </c>
      <c r="K481" s="116" t="s">
        <v>174</v>
      </c>
      <c r="L481" s="115">
        <v>0</v>
      </c>
      <c r="M481" s="115">
        <v>0</v>
      </c>
      <c r="N481" s="115">
        <v>0</v>
      </c>
      <c r="O481" s="115">
        <v>0</v>
      </c>
      <c r="P481" s="115" t="s">
        <v>400</v>
      </c>
      <c r="Q481" s="115" t="s">
        <v>400</v>
      </c>
      <c r="R481" s="115">
        <v>0</v>
      </c>
      <c r="S481" s="115">
        <v>0</v>
      </c>
      <c r="T481" s="115">
        <v>0</v>
      </c>
      <c r="U481" s="119"/>
      <c r="V481" s="119"/>
      <c r="W481" s="119"/>
      <c r="X481" s="119"/>
      <c r="Y481" s="119"/>
      <c r="Z481" s="119"/>
      <c r="AA481" s="119"/>
      <c r="AB481" s="119"/>
      <c r="AC481" s="119"/>
      <c r="AD481" s="119"/>
      <c r="AE481" s="119"/>
      <c r="AF481" s="119"/>
      <c r="AG481" s="119"/>
      <c r="AH481" s="119"/>
      <c r="AI481" s="119"/>
      <c r="AJ481" s="119"/>
      <c r="AK481" s="119"/>
      <c r="AL481" s="119"/>
      <c r="AM481" s="119"/>
      <c r="AN481" s="119"/>
      <c r="AO481" s="119"/>
      <c r="AP481" s="119"/>
      <c r="AQ481" s="119"/>
      <c r="AR481" s="119"/>
      <c r="AS481" s="119"/>
      <c r="AT481" s="119"/>
      <c r="AU481" s="119"/>
      <c r="AV481" s="119"/>
      <c r="AW481" s="119"/>
      <c r="AX481" s="119"/>
      <c r="AY481" s="119"/>
      <c r="AZ481" s="119"/>
      <c r="BA481" s="119"/>
      <c r="BB481" s="107">
        <v>45884</v>
      </c>
    </row>
    <row r="482" spans="1:54" s="207" customFormat="1" ht="13.95" customHeight="1" x14ac:dyDescent="0.25">
      <c r="A482" s="208" t="s">
        <v>1244</v>
      </c>
      <c r="B482" s="209" t="s">
        <v>20420</v>
      </c>
      <c r="C482" s="113" t="s">
        <v>1245</v>
      </c>
      <c r="D482" s="113" t="s">
        <v>1246</v>
      </c>
      <c r="E482" s="210">
        <v>1975</v>
      </c>
      <c r="F482" s="210">
        <v>413</v>
      </c>
      <c r="G482" s="113" t="s">
        <v>1</v>
      </c>
      <c r="H482" s="113">
        <v>0</v>
      </c>
      <c r="I482" s="113">
        <v>0</v>
      </c>
      <c r="J482" s="115">
        <v>0</v>
      </c>
      <c r="K482" s="116" t="s">
        <v>174</v>
      </c>
      <c r="L482" s="115">
        <v>0</v>
      </c>
      <c r="M482" s="115">
        <v>0</v>
      </c>
      <c r="N482" s="115">
        <v>0</v>
      </c>
      <c r="O482" s="115">
        <v>1</v>
      </c>
      <c r="P482" s="115">
        <v>1</v>
      </c>
      <c r="Q482" s="115" t="s">
        <v>400</v>
      </c>
      <c r="R482" s="115">
        <v>1</v>
      </c>
      <c r="S482" s="115">
        <v>0</v>
      </c>
      <c r="T482" s="115">
        <v>0</v>
      </c>
      <c r="U482" s="119"/>
      <c r="V482" s="119"/>
      <c r="W482" s="119"/>
      <c r="X482" s="119"/>
      <c r="Y482" s="119"/>
      <c r="Z482" s="119"/>
      <c r="AA482" s="119"/>
      <c r="AB482" s="119"/>
      <c r="AC482" s="119"/>
      <c r="AD482" s="119"/>
      <c r="AE482" s="119"/>
      <c r="AF482" s="119"/>
      <c r="AG482" s="119"/>
      <c r="AH482" s="119"/>
      <c r="AI482" s="119"/>
      <c r="AJ482" s="119"/>
      <c r="AK482" s="119"/>
      <c r="AL482" s="119"/>
      <c r="AM482" s="119"/>
      <c r="AN482" s="119"/>
      <c r="AO482" s="119"/>
      <c r="AP482" s="119"/>
      <c r="AQ482" s="119"/>
      <c r="AR482" s="119"/>
      <c r="AS482" s="119"/>
      <c r="AT482" s="119"/>
      <c r="AU482" s="119"/>
      <c r="AV482" s="119"/>
      <c r="AW482" s="119"/>
      <c r="AX482" s="119"/>
      <c r="AY482" s="119"/>
      <c r="AZ482" s="119"/>
      <c r="BA482" s="119"/>
      <c r="BB482" s="107">
        <v>45884</v>
      </c>
    </row>
    <row r="483" spans="1:54" s="207" customFormat="1" ht="13.95" customHeight="1" x14ac:dyDescent="0.25">
      <c r="A483" s="208" t="s">
        <v>1247</v>
      </c>
      <c r="B483" s="209" t="s">
        <v>20420</v>
      </c>
      <c r="C483" s="113" t="s">
        <v>1248</v>
      </c>
      <c r="D483" s="113" t="s">
        <v>1249</v>
      </c>
      <c r="E483" s="210">
        <v>1977</v>
      </c>
      <c r="F483" s="210">
        <v>414</v>
      </c>
      <c r="G483" s="113" t="s">
        <v>1</v>
      </c>
      <c r="H483" s="113">
        <v>0</v>
      </c>
      <c r="I483" s="113">
        <v>0</v>
      </c>
      <c r="J483" s="115">
        <v>1</v>
      </c>
      <c r="K483" s="116" t="s">
        <v>174</v>
      </c>
      <c r="L483" s="115">
        <v>0</v>
      </c>
      <c r="M483" s="115">
        <v>0</v>
      </c>
      <c r="N483" s="115">
        <v>1</v>
      </c>
      <c r="O483" s="115">
        <v>1</v>
      </c>
      <c r="P483" s="115" t="s">
        <v>400</v>
      </c>
      <c r="Q483" s="115" t="s">
        <v>400</v>
      </c>
      <c r="R483" s="115">
        <v>0</v>
      </c>
      <c r="S483" s="115">
        <v>0</v>
      </c>
      <c r="T483" s="115">
        <v>0</v>
      </c>
      <c r="U483" s="119"/>
      <c r="V483" s="119"/>
      <c r="W483" s="119"/>
      <c r="X483" s="119"/>
      <c r="Y483" s="119"/>
      <c r="Z483" s="119"/>
      <c r="AA483" s="119"/>
      <c r="AB483" s="119"/>
      <c r="AC483" s="119"/>
      <c r="AD483" s="119"/>
      <c r="AE483" s="119"/>
      <c r="AF483" s="119"/>
      <c r="AG483" s="119"/>
      <c r="AH483" s="119"/>
      <c r="AI483" s="119"/>
      <c r="AJ483" s="119"/>
      <c r="AK483" s="119"/>
      <c r="AL483" s="119"/>
      <c r="AM483" s="119"/>
      <c r="AN483" s="119"/>
      <c r="AO483" s="119"/>
      <c r="AP483" s="119"/>
      <c r="AQ483" s="119"/>
      <c r="AR483" s="119"/>
      <c r="AS483" s="119"/>
      <c r="AT483" s="119"/>
      <c r="AU483" s="119"/>
      <c r="AV483" s="119"/>
      <c r="AW483" s="119"/>
      <c r="AX483" s="119"/>
      <c r="AY483" s="119"/>
      <c r="AZ483" s="119"/>
      <c r="BA483" s="119"/>
      <c r="BB483" s="107">
        <v>45884</v>
      </c>
    </row>
    <row r="484" spans="1:54" s="207" customFormat="1" ht="13.95" customHeight="1" x14ac:dyDescent="0.25">
      <c r="A484" s="208" t="s">
        <v>1250</v>
      </c>
      <c r="B484" s="209" t="s">
        <v>20420</v>
      </c>
      <c r="C484" s="113" t="s">
        <v>1251</v>
      </c>
      <c r="D484" s="113" t="s">
        <v>1252</v>
      </c>
      <c r="E484" s="210">
        <v>1985</v>
      </c>
      <c r="F484" s="210">
        <v>415</v>
      </c>
      <c r="G484" s="113" t="s">
        <v>1</v>
      </c>
      <c r="H484" s="113">
        <v>0</v>
      </c>
      <c r="I484" s="113">
        <v>0</v>
      </c>
      <c r="J484" s="115">
        <v>1</v>
      </c>
      <c r="K484" s="116" t="s">
        <v>174</v>
      </c>
      <c r="L484" s="115">
        <v>1</v>
      </c>
      <c r="M484" s="115">
        <v>1</v>
      </c>
      <c r="N484" s="115">
        <v>0</v>
      </c>
      <c r="O484" s="115">
        <v>0</v>
      </c>
      <c r="P484" s="115" t="s">
        <v>400</v>
      </c>
      <c r="Q484" s="115" t="s">
        <v>400</v>
      </c>
      <c r="R484" s="115">
        <v>0</v>
      </c>
      <c r="S484" s="115">
        <v>0</v>
      </c>
      <c r="T484" s="115">
        <v>0</v>
      </c>
      <c r="U484" s="119"/>
      <c r="V484" s="119"/>
      <c r="W484" s="119"/>
      <c r="X484" s="119"/>
      <c r="Y484" s="119"/>
      <c r="Z484" s="119"/>
      <c r="AA484" s="119"/>
      <c r="AB484" s="119"/>
      <c r="AC484" s="119"/>
      <c r="AD484" s="119"/>
      <c r="AE484" s="119"/>
      <c r="AF484" s="119"/>
      <c r="AG484" s="119"/>
      <c r="AH484" s="119"/>
      <c r="AI484" s="119"/>
      <c r="AJ484" s="119"/>
      <c r="AK484" s="119"/>
      <c r="AL484" s="119"/>
      <c r="AM484" s="119"/>
      <c r="AN484" s="119"/>
      <c r="AO484" s="119"/>
      <c r="AP484" s="119"/>
      <c r="AQ484" s="119"/>
      <c r="AR484" s="119"/>
      <c r="AS484" s="119"/>
      <c r="AT484" s="119"/>
      <c r="AU484" s="119"/>
      <c r="AV484" s="119"/>
      <c r="AW484" s="119"/>
      <c r="AX484" s="119"/>
      <c r="AY484" s="119"/>
      <c r="AZ484" s="119"/>
      <c r="BA484" s="119"/>
      <c r="BB484" s="107">
        <v>45884</v>
      </c>
    </row>
    <row r="485" spans="1:54" s="207" customFormat="1" ht="13.95" customHeight="1" x14ac:dyDescent="0.25">
      <c r="A485" s="208" t="s">
        <v>1253</v>
      </c>
      <c r="B485" s="209" t="s">
        <v>20420</v>
      </c>
      <c r="C485" s="113" t="s">
        <v>1254</v>
      </c>
      <c r="D485" s="113" t="s">
        <v>22643</v>
      </c>
      <c r="E485" s="210">
        <v>1997</v>
      </c>
      <c r="F485" s="210">
        <v>415</v>
      </c>
      <c r="G485" s="113" t="s">
        <v>1</v>
      </c>
      <c r="H485" s="113">
        <v>0</v>
      </c>
      <c r="I485" s="113">
        <v>0</v>
      </c>
      <c r="J485" s="115">
        <v>1</v>
      </c>
      <c r="K485" s="116" t="s">
        <v>174</v>
      </c>
      <c r="L485" s="115">
        <v>1</v>
      </c>
      <c r="M485" s="115">
        <v>0</v>
      </c>
      <c r="N485" s="115">
        <v>0</v>
      </c>
      <c r="O485" s="115">
        <v>0</v>
      </c>
      <c r="P485" s="115">
        <v>1</v>
      </c>
      <c r="Q485" s="115" t="s">
        <v>400</v>
      </c>
      <c r="R485" s="115">
        <v>0</v>
      </c>
      <c r="S485" s="115">
        <v>0</v>
      </c>
      <c r="T485" s="115">
        <v>0</v>
      </c>
      <c r="U485" s="119"/>
      <c r="V485" s="119"/>
      <c r="W485" s="119"/>
      <c r="X485" s="119"/>
      <c r="Y485" s="119"/>
      <c r="Z485" s="119"/>
      <c r="AA485" s="119"/>
      <c r="AB485" s="119"/>
      <c r="AC485" s="119"/>
      <c r="AD485" s="119"/>
      <c r="AE485" s="119"/>
      <c r="AF485" s="119"/>
      <c r="AG485" s="119"/>
      <c r="AH485" s="119"/>
      <c r="AI485" s="119"/>
      <c r="AJ485" s="119"/>
      <c r="AK485" s="119"/>
      <c r="AL485" s="119"/>
      <c r="AM485" s="119"/>
      <c r="AN485" s="119"/>
      <c r="AO485" s="119"/>
      <c r="AP485" s="119"/>
      <c r="AQ485" s="119"/>
      <c r="AR485" s="119"/>
      <c r="AS485" s="119"/>
      <c r="AT485" s="119"/>
      <c r="AU485" s="119"/>
      <c r="AV485" s="119"/>
      <c r="AW485" s="119"/>
      <c r="AX485" s="119"/>
      <c r="AY485" s="119"/>
      <c r="AZ485" s="119"/>
      <c r="BA485" s="119"/>
      <c r="BB485" s="107">
        <v>45884</v>
      </c>
    </row>
    <row r="486" spans="1:54" s="207" customFormat="1" ht="13.95" customHeight="1" x14ac:dyDescent="0.25">
      <c r="A486" s="208" t="s">
        <v>1255</v>
      </c>
      <c r="B486" s="209" t="s">
        <v>20420</v>
      </c>
      <c r="C486" s="113" t="s">
        <v>1256</v>
      </c>
      <c r="D486" s="113" t="s">
        <v>22644</v>
      </c>
      <c r="E486" s="210">
        <v>1988</v>
      </c>
      <c r="F486" s="210">
        <v>415</v>
      </c>
      <c r="G486" s="113" t="s">
        <v>1</v>
      </c>
      <c r="H486" s="113">
        <v>0</v>
      </c>
      <c r="I486" s="113">
        <v>0</v>
      </c>
      <c r="J486" s="115">
        <v>1</v>
      </c>
      <c r="K486" s="116" t="s">
        <v>174</v>
      </c>
      <c r="L486" s="115">
        <v>0</v>
      </c>
      <c r="M486" s="115">
        <v>0</v>
      </c>
      <c r="N486" s="115">
        <v>1</v>
      </c>
      <c r="O486" s="115">
        <v>0</v>
      </c>
      <c r="P486" s="115" t="s">
        <v>400</v>
      </c>
      <c r="Q486" s="115" t="s">
        <v>400</v>
      </c>
      <c r="R486" s="115">
        <v>0</v>
      </c>
      <c r="S486" s="115">
        <v>0</v>
      </c>
      <c r="T486" s="115">
        <v>0</v>
      </c>
      <c r="U486" s="119"/>
      <c r="V486" s="119"/>
      <c r="W486" s="119"/>
      <c r="X486" s="119"/>
      <c r="Y486" s="119"/>
      <c r="Z486" s="119"/>
      <c r="AA486" s="119"/>
      <c r="AB486" s="119"/>
      <c r="AC486" s="119"/>
      <c r="AD486" s="119"/>
      <c r="AE486" s="119"/>
      <c r="AF486" s="119"/>
      <c r="AG486" s="119"/>
      <c r="AH486" s="119"/>
      <c r="AI486" s="119"/>
      <c r="AJ486" s="119"/>
      <c r="AK486" s="119"/>
      <c r="AL486" s="119"/>
      <c r="AM486" s="119"/>
      <c r="AN486" s="119"/>
      <c r="AO486" s="119"/>
      <c r="AP486" s="119"/>
      <c r="AQ486" s="119"/>
      <c r="AR486" s="119"/>
      <c r="AS486" s="119"/>
      <c r="AT486" s="119"/>
      <c r="AU486" s="119"/>
      <c r="AV486" s="119"/>
      <c r="AW486" s="119"/>
      <c r="AX486" s="119"/>
      <c r="AY486" s="119"/>
      <c r="AZ486" s="119"/>
      <c r="BA486" s="119"/>
      <c r="BB486" s="107">
        <v>45884</v>
      </c>
    </row>
    <row r="487" spans="1:54" s="207" customFormat="1" ht="13.95" customHeight="1" x14ac:dyDescent="0.25">
      <c r="A487" s="208" t="s">
        <v>1257</v>
      </c>
      <c r="B487" s="209" t="s">
        <v>20420</v>
      </c>
      <c r="C487" s="113" t="s">
        <v>1258</v>
      </c>
      <c r="D487" s="113" t="s">
        <v>22645</v>
      </c>
      <c r="E487" s="210">
        <v>2007</v>
      </c>
      <c r="F487" s="210">
        <v>417</v>
      </c>
      <c r="G487" s="113" t="s">
        <v>1</v>
      </c>
      <c r="H487" s="113">
        <v>0</v>
      </c>
      <c r="I487" s="113">
        <v>0</v>
      </c>
      <c r="J487" s="115">
        <v>1</v>
      </c>
      <c r="K487" s="211">
        <v>1</v>
      </c>
      <c r="L487" s="115">
        <v>1</v>
      </c>
      <c r="M487" s="115">
        <v>0</v>
      </c>
      <c r="N487" s="115">
        <v>0</v>
      </c>
      <c r="O487" s="115">
        <v>0</v>
      </c>
      <c r="P487" s="115">
        <v>1</v>
      </c>
      <c r="Q487" s="115" t="s">
        <v>400</v>
      </c>
      <c r="R487" s="115">
        <v>0</v>
      </c>
      <c r="S487" s="115">
        <v>0</v>
      </c>
      <c r="T487" s="115">
        <v>0</v>
      </c>
      <c r="U487" s="119"/>
      <c r="V487" s="119"/>
      <c r="W487" s="119"/>
      <c r="X487" s="119"/>
      <c r="Y487" s="119"/>
      <c r="Z487" s="119"/>
      <c r="AA487" s="119"/>
      <c r="AB487" s="119"/>
      <c r="AC487" s="119"/>
      <c r="AD487" s="119"/>
      <c r="AE487" s="119"/>
      <c r="AF487" s="119"/>
      <c r="AG487" s="119"/>
      <c r="AH487" s="119"/>
      <c r="AI487" s="119"/>
      <c r="AJ487" s="119"/>
      <c r="AK487" s="119"/>
      <c r="AL487" s="119"/>
      <c r="AM487" s="119"/>
      <c r="AN487" s="119"/>
      <c r="AO487" s="119"/>
      <c r="AP487" s="119"/>
      <c r="AQ487" s="119"/>
      <c r="AR487" s="119"/>
      <c r="AS487" s="119"/>
      <c r="AT487" s="119"/>
      <c r="AU487" s="119"/>
      <c r="AV487" s="119"/>
      <c r="AW487" s="119"/>
      <c r="AX487" s="119"/>
      <c r="AY487" s="119"/>
      <c r="AZ487" s="119"/>
      <c r="BA487" s="119"/>
      <c r="BB487" s="107">
        <v>45884</v>
      </c>
    </row>
    <row r="488" spans="1:54" s="207" customFormat="1" ht="13.95" customHeight="1" x14ac:dyDescent="0.25">
      <c r="A488" s="208" t="s">
        <v>1259</v>
      </c>
      <c r="B488" s="209" t="s">
        <v>20420</v>
      </c>
      <c r="C488" s="113" t="s">
        <v>1260</v>
      </c>
      <c r="D488" s="113" t="s">
        <v>1261</v>
      </c>
      <c r="E488" s="210">
        <v>1967</v>
      </c>
      <c r="F488" s="210">
        <v>417</v>
      </c>
      <c r="G488" s="113" t="s">
        <v>1</v>
      </c>
      <c r="H488" s="113">
        <v>0</v>
      </c>
      <c r="I488" s="113">
        <v>0</v>
      </c>
      <c r="J488" s="115">
        <v>1</v>
      </c>
      <c r="K488" s="116" t="s">
        <v>174</v>
      </c>
      <c r="L488" s="115">
        <v>0</v>
      </c>
      <c r="M488" s="115">
        <v>0</v>
      </c>
      <c r="N488" s="115">
        <v>0</v>
      </c>
      <c r="O488" s="115">
        <v>1</v>
      </c>
      <c r="P488" s="115">
        <v>1</v>
      </c>
      <c r="Q488" s="115" t="s">
        <v>400</v>
      </c>
      <c r="R488" s="115">
        <v>1</v>
      </c>
      <c r="S488" s="115">
        <v>0</v>
      </c>
      <c r="T488" s="115">
        <v>0</v>
      </c>
      <c r="U488" s="119"/>
      <c r="V488" s="119"/>
      <c r="W488" s="119"/>
      <c r="X488" s="119"/>
      <c r="Y488" s="119"/>
      <c r="Z488" s="119"/>
      <c r="AA488" s="119"/>
      <c r="AB488" s="119"/>
      <c r="AC488" s="119"/>
      <c r="AD488" s="119"/>
      <c r="AE488" s="119"/>
      <c r="AF488" s="119"/>
      <c r="AG488" s="119"/>
      <c r="AH488" s="119"/>
      <c r="AI488" s="119"/>
      <c r="AJ488" s="119"/>
      <c r="AK488" s="119"/>
      <c r="AL488" s="119"/>
      <c r="AM488" s="119"/>
      <c r="AN488" s="119"/>
      <c r="AO488" s="119"/>
      <c r="AP488" s="119"/>
      <c r="AQ488" s="119"/>
      <c r="AR488" s="119"/>
      <c r="AS488" s="119"/>
      <c r="AT488" s="119"/>
      <c r="AU488" s="119"/>
      <c r="AV488" s="119"/>
      <c r="AW488" s="119"/>
      <c r="AX488" s="119"/>
      <c r="AY488" s="119"/>
      <c r="AZ488" s="119"/>
      <c r="BA488" s="119"/>
      <c r="BB488" s="107">
        <v>45884</v>
      </c>
    </row>
    <row r="489" spans="1:54" s="207" customFormat="1" ht="13.95" customHeight="1" x14ac:dyDescent="0.25">
      <c r="A489" s="208" t="s">
        <v>1262</v>
      </c>
      <c r="B489" s="209" t="s">
        <v>20420</v>
      </c>
      <c r="C489" s="113" t="s">
        <v>1263</v>
      </c>
      <c r="D489" s="113" t="s">
        <v>1264</v>
      </c>
      <c r="E489" s="210">
        <v>1968</v>
      </c>
      <c r="F489" s="210">
        <v>417</v>
      </c>
      <c r="G489" s="113" t="s">
        <v>1</v>
      </c>
      <c r="H489" s="113">
        <v>0</v>
      </c>
      <c r="I489" s="113">
        <v>0</v>
      </c>
      <c r="J489" s="115">
        <v>1</v>
      </c>
      <c r="K489" s="116" t="s">
        <v>174</v>
      </c>
      <c r="L489" s="115">
        <v>0</v>
      </c>
      <c r="M489" s="115">
        <v>1</v>
      </c>
      <c r="N489" s="115">
        <v>0</v>
      </c>
      <c r="O489" s="115">
        <v>0</v>
      </c>
      <c r="P489" s="115" t="s">
        <v>400</v>
      </c>
      <c r="Q489" s="115" t="s">
        <v>400</v>
      </c>
      <c r="R489" s="115">
        <v>0</v>
      </c>
      <c r="S489" s="115">
        <v>0</v>
      </c>
      <c r="T489" s="115">
        <v>0</v>
      </c>
      <c r="U489" s="119"/>
      <c r="V489" s="119"/>
      <c r="W489" s="119"/>
      <c r="X489" s="119"/>
      <c r="Y489" s="119"/>
      <c r="Z489" s="119"/>
      <c r="AA489" s="119"/>
      <c r="AB489" s="119"/>
      <c r="AC489" s="119"/>
      <c r="AD489" s="119"/>
      <c r="AE489" s="119"/>
      <c r="AF489" s="119"/>
      <c r="AG489" s="119"/>
      <c r="AH489" s="119"/>
      <c r="AI489" s="119"/>
      <c r="AJ489" s="119"/>
      <c r="AK489" s="119"/>
      <c r="AL489" s="119"/>
      <c r="AM489" s="119"/>
      <c r="AN489" s="119"/>
      <c r="AO489" s="119"/>
      <c r="AP489" s="119"/>
      <c r="AQ489" s="119"/>
      <c r="AR489" s="119"/>
      <c r="AS489" s="119"/>
      <c r="AT489" s="119"/>
      <c r="AU489" s="119"/>
      <c r="AV489" s="119"/>
      <c r="AW489" s="119"/>
      <c r="AX489" s="119"/>
      <c r="AY489" s="119"/>
      <c r="AZ489" s="119"/>
      <c r="BA489" s="119"/>
      <c r="BB489" s="107">
        <v>45884</v>
      </c>
    </row>
    <row r="490" spans="1:54" s="207" customFormat="1" ht="13.95" customHeight="1" x14ac:dyDescent="0.25">
      <c r="A490" s="208" t="s">
        <v>1265</v>
      </c>
      <c r="B490" s="209" t="s">
        <v>20420</v>
      </c>
      <c r="C490" s="113" t="s">
        <v>1266</v>
      </c>
      <c r="D490" s="113" t="s">
        <v>22646</v>
      </c>
      <c r="E490" s="210">
        <v>1991</v>
      </c>
      <c r="F490" s="210">
        <v>417</v>
      </c>
      <c r="G490" s="113" t="s">
        <v>8</v>
      </c>
      <c r="H490" s="113">
        <v>0</v>
      </c>
      <c r="I490" s="113">
        <v>0</v>
      </c>
      <c r="J490" s="115">
        <v>0</v>
      </c>
      <c r="K490" s="116" t="s">
        <v>174</v>
      </c>
      <c r="L490" s="115">
        <v>0</v>
      </c>
      <c r="M490" s="115">
        <v>0</v>
      </c>
      <c r="N490" s="115">
        <v>0</v>
      </c>
      <c r="O490" s="115">
        <v>0</v>
      </c>
      <c r="P490" s="115" t="s">
        <v>400</v>
      </c>
      <c r="Q490" s="115" t="s">
        <v>400</v>
      </c>
      <c r="R490" s="115">
        <v>0</v>
      </c>
      <c r="S490" s="115">
        <v>0</v>
      </c>
      <c r="T490" s="115">
        <v>0</v>
      </c>
      <c r="U490" s="113" t="s">
        <v>174</v>
      </c>
      <c r="V490" s="113" t="s">
        <v>174</v>
      </c>
      <c r="W490" s="113" t="s">
        <v>174</v>
      </c>
      <c r="X490" s="113" t="s">
        <v>174</v>
      </c>
      <c r="Y490" s="113" t="s">
        <v>174</v>
      </c>
      <c r="Z490" s="113" t="s">
        <v>174</v>
      </c>
      <c r="AA490" s="113" t="s">
        <v>174</v>
      </c>
      <c r="AB490" s="113" t="s">
        <v>174</v>
      </c>
      <c r="AC490" s="113" t="s">
        <v>174</v>
      </c>
      <c r="AD490" s="113" t="s">
        <v>174</v>
      </c>
      <c r="AE490" s="113" t="s">
        <v>174</v>
      </c>
      <c r="AF490" s="113" t="s">
        <v>174</v>
      </c>
      <c r="AG490" s="113" t="s">
        <v>174</v>
      </c>
      <c r="AH490" s="113" t="s">
        <v>174</v>
      </c>
      <c r="AI490" s="113" t="s">
        <v>174</v>
      </c>
      <c r="AJ490" s="113" t="s">
        <v>174</v>
      </c>
      <c r="AK490" s="113" t="s">
        <v>174</v>
      </c>
      <c r="AL490" s="113" t="s">
        <v>174</v>
      </c>
      <c r="AM490" s="113" t="s">
        <v>174</v>
      </c>
      <c r="AN490" s="113" t="s">
        <v>174</v>
      </c>
      <c r="AO490" s="113" t="s">
        <v>174</v>
      </c>
      <c r="AP490" s="113" t="s">
        <v>174</v>
      </c>
      <c r="AQ490" s="113" t="s">
        <v>174</v>
      </c>
      <c r="AR490" s="113" t="s">
        <v>174</v>
      </c>
      <c r="AS490" s="113" t="s">
        <v>174</v>
      </c>
      <c r="AT490" s="121" t="s">
        <v>174</v>
      </c>
      <c r="AU490" s="113" t="s">
        <v>174</v>
      </c>
      <c r="AV490" s="113" t="s">
        <v>174</v>
      </c>
      <c r="AW490" s="113" t="s">
        <v>174</v>
      </c>
      <c r="AX490" s="113"/>
      <c r="AY490" s="113"/>
      <c r="AZ490" s="113"/>
      <c r="BA490" s="113"/>
      <c r="BB490" s="107">
        <v>45884</v>
      </c>
    </row>
    <row r="491" spans="1:54" s="207" customFormat="1" ht="13.95" customHeight="1" x14ac:dyDescent="0.25">
      <c r="A491" s="208" t="s">
        <v>1267</v>
      </c>
      <c r="B491" s="209" t="s">
        <v>20420</v>
      </c>
      <c r="C491" s="113" t="s">
        <v>1268</v>
      </c>
      <c r="D491" s="113" t="s">
        <v>1269</v>
      </c>
      <c r="E491" s="210">
        <v>2011</v>
      </c>
      <c r="F491" s="210">
        <v>418</v>
      </c>
      <c r="G491" s="113" t="s">
        <v>1</v>
      </c>
      <c r="H491" s="113">
        <v>0</v>
      </c>
      <c r="I491" s="113">
        <v>0</v>
      </c>
      <c r="J491" s="115">
        <v>1</v>
      </c>
      <c r="K491" s="116" t="s">
        <v>174</v>
      </c>
      <c r="L491" s="115">
        <v>0</v>
      </c>
      <c r="M491" s="115">
        <v>0</v>
      </c>
      <c r="N491" s="115">
        <v>0</v>
      </c>
      <c r="O491" s="115">
        <v>0</v>
      </c>
      <c r="P491" s="115" t="s">
        <v>400</v>
      </c>
      <c r="Q491" s="115" t="s">
        <v>400</v>
      </c>
      <c r="R491" s="115">
        <v>0</v>
      </c>
      <c r="S491" s="115">
        <v>0</v>
      </c>
      <c r="T491" s="115">
        <v>0</v>
      </c>
      <c r="U491" s="119"/>
      <c r="V491" s="119"/>
      <c r="W491" s="119"/>
      <c r="X491" s="119"/>
      <c r="Y491" s="119"/>
      <c r="Z491" s="119"/>
      <c r="AA491" s="119"/>
      <c r="AB491" s="119"/>
      <c r="AC491" s="119"/>
      <c r="AD491" s="119"/>
      <c r="AE491" s="119"/>
      <c r="AF491" s="119"/>
      <c r="AG491" s="119"/>
      <c r="AH491" s="119"/>
      <c r="AI491" s="119"/>
      <c r="AJ491" s="119"/>
      <c r="AK491" s="119"/>
      <c r="AL491" s="119"/>
      <c r="AM491" s="119"/>
      <c r="AN491" s="119"/>
      <c r="AO491" s="119"/>
      <c r="AP491" s="119"/>
      <c r="AQ491" s="119"/>
      <c r="AR491" s="119"/>
      <c r="AS491" s="119"/>
      <c r="AT491" s="119"/>
      <c r="AU491" s="119"/>
      <c r="AV491" s="119"/>
      <c r="AW491" s="119"/>
      <c r="AX491" s="119"/>
      <c r="AY491" s="119"/>
      <c r="AZ491" s="119"/>
      <c r="BA491" s="119"/>
      <c r="BB491" s="107">
        <v>45884</v>
      </c>
    </row>
    <row r="492" spans="1:54" s="207" customFormat="1" ht="13.95" customHeight="1" x14ac:dyDescent="0.25">
      <c r="A492" s="208" t="s">
        <v>1270</v>
      </c>
      <c r="B492" s="209" t="s">
        <v>20420</v>
      </c>
      <c r="C492" s="113" t="s">
        <v>1271</v>
      </c>
      <c r="D492" s="113" t="s">
        <v>22647</v>
      </c>
      <c r="E492" s="210">
        <v>2013</v>
      </c>
      <c r="F492" s="210">
        <v>418</v>
      </c>
      <c r="G492" s="113" t="s">
        <v>1</v>
      </c>
      <c r="H492" s="113">
        <v>0</v>
      </c>
      <c r="I492" s="113">
        <v>0</v>
      </c>
      <c r="J492" s="115">
        <v>1</v>
      </c>
      <c r="K492" s="116" t="s">
        <v>174</v>
      </c>
      <c r="L492" s="115">
        <v>0</v>
      </c>
      <c r="M492" s="115">
        <v>0</v>
      </c>
      <c r="N492" s="115">
        <v>0</v>
      </c>
      <c r="O492" s="115">
        <v>0</v>
      </c>
      <c r="P492" s="115" t="s">
        <v>400</v>
      </c>
      <c r="Q492" s="115">
        <v>1</v>
      </c>
      <c r="R492" s="115">
        <v>0</v>
      </c>
      <c r="S492" s="115">
        <v>0</v>
      </c>
      <c r="T492" s="115">
        <v>0</v>
      </c>
      <c r="U492" s="119"/>
      <c r="V492" s="119"/>
      <c r="W492" s="119"/>
      <c r="X492" s="119"/>
      <c r="Y492" s="119"/>
      <c r="Z492" s="119"/>
      <c r="AA492" s="119"/>
      <c r="AB492" s="119"/>
      <c r="AC492" s="119"/>
      <c r="AD492" s="119"/>
      <c r="AE492" s="119"/>
      <c r="AF492" s="119"/>
      <c r="AG492" s="119"/>
      <c r="AH492" s="119"/>
      <c r="AI492" s="119"/>
      <c r="AJ492" s="119"/>
      <c r="AK492" s="119"/>
      <c r="AL492" s="119"/>
      <c r="AM492" s="119"/>
      <c r="AN492" s="119"/>
      <c r="AO492" s="119"/>
      <c r="AP492" s="119"/>
      <c r="AQ492" s="119"/>
      <c r="AR492" s="119"/>
      <c r="AS492" s="119"/>
      <c r="AT492" s="119"/>
      <c r="AU492" s="119"/>
      <c r="AV492" s="119"/>
      <c r="AW492" s="119"/>
      <c r="AX492" s="119"/>
      <c r="AY492" s="119"/>
      <c r="AZ492" s="119"/>
      <c r="BA492" s="119"/>
      <c r="BB492" s="107">
        <v>45884</v>
      </c>
    </row>
    <row r="493" spans="1:54" s="207" customFormat="1" ht="13.95" customHeight="1" x14ac:dyDescent="0.25">
      <c r="A493" s="208" t="s">
        <v>1272</v>
      </c>
      <c r="B493" s="209" t="s">
        <v>20420</v>
      </c>
      <c r="C493" s="113" t="s">
        <v>1273</v>
      </c>
      <c r="D493" s="113" t="s">
        <v>22648</v>
      </c>
      <c r="E493" s="210">
        <v>2000</v>
      </c>
      <c r="F493" s="210">
        <v>420</v>
      </c>
      <c r="G493" s="113" t="s">
        <v>1</v>
      </c>
      <c r="H493" s="113">
        <v>0</v>
      </c>
      <c r="I493" s="113">
        <v>0</v>
      </c>
      <c r="J493" s="115">
        <v>1</v>
      </c>
      <c r="K493" s="116" t="s">
        <v>174</v>
      </c>
      <c r="L493" s="115">
        <v>0</v>
      </c>
      <c r="M493" s="115">
        <v>1</v>
      </c>
      <c r="N493" s="115">
        <v>0</v>
      </c>
      <c r="O493" s="115">
        <v>0</v>
      </c>
      <c r="P493" s="115" t="s">
        <v>400</v>
      </c>
      <c r="Q493" s="115" t="s">
        <v>400</v>
      </c>
      <c r="R493" s="115">
        <v>0</v>
      </c>
      <c r="S493" s="115">
        <v>0</v>
      </c>
      <c r="T493" s="115">
        <v>0</v>
      </c>
      <c r="U493" s="119"/>
      <c r="V493" s="119"/>
      <c r="W493" s="119"/>
      <c r="X493" s="119"/>
      <c r="Y493" s="119"/>
      <c r="Z493" s="119"/>
      <c r="AA493" s="119"/>
      <c r="AB493" s="119"/>
      <c r="AC493" s="119"/>
      <c r="AD493" s="119"/>
      <c r="AE493" s="119"/>
      <c r="AF493" s="119"/>
      <c r="AG493" s="119"/>
      <c r="AH493" s="119"/>
      <c r="AI493" s="119"/>
      <c r="AJ493" s="119"/>
      <c r="AK493" s="119"/>
      <c r="AL493" s="119"/>
      <c r="AM493" s="119"/>
      <c r="AN493" s="119"/>
      <c r="AO493" s="119"/>
      <c r="AP493" s="119"/>
      <c r="AQ493" s="119"/>
      <c r="AR493" s="119"/>
      <c r="AS493" s="119"/>
      <c r="AT493" s="119"/>
      <c r="AU493" s="119"/>
      <c r="AV493" s="119"/>
      <c r="AW493" s="119"/>
      <c r="AX493" s="119"/>
      <c r="AY493" s="119"/>
      <c r="AZ493" s="119"/>
      <c r="BA493" s="119"/>
      <c r="BB493" s="107">
        <v>45884</v>
      </c>
    </row>
    <row r="494" spans="1:54" s="207" customFormat="1" ht="13.95" customHeight="1" x14ac:dyDescent="0.25">
      <c r="A494" s="208" t="s">
        <v>1274</v>
      </c>
      <c r="B494" s="209" t="s">
        <v>20420</v>
      </c>
      <c r="C494" s="113" t="s">
        <v>1275</v>
      </c>
      <c r="D494" s="113" t="s">
        <v>1276</v>
      </c>
      <c r="E494" s="210">
        <v>2007</v>
      </c>
      <c r="F494" s="210">
        <v>420</v>
      </c>
      <c r="G494" s="113" t="s">
        <v>1</v>
      </c>
      <c r="H494" s="113">
        <v>0</v>
      </c>
      <c r="I494" s="113">
        <v>0</v>
      </c>
      <c r="J494" s="115">
        <v>1</v>
      </c>
      <c r="K494" s="116" t="s">
        <v>174</v>
      </c>
      <c r="L494" s="115">
        <v>1</v>
      </c>
      <c r="M494" s="115">
        <v>0</v>
      </c>
      <c r="N494" s="115">
        <v>0</v>
      </c>
      <c r="O494" s="115">
        <v>1</v>
      </c>
      <c r="P494" s="115" t="s">
        <v>400</v>
      </c>
      <c r="Q494" s="115" t="s">
        <v>400</v>
      </c>
      <c r="R494" s="115">
        <v>1</v>
      </c>
      <c r="S494" s="115">
        <v>0</v>
      </c>
      <c r="T494" s="115">
        <v>0</v>
      </c>
      <c r="U494" s="119"/>
      <c r="V494" s="119"/>
      <c r="W494" s="119"/>
      <c r="X494" s="119"/>
      <c r="Y494" s="119"/>
      <c r="Z494" s="119"/>
      <c r="AA494" s="119"/>
      <c r="AB494" s="119"/>
      <c r="AC494" s="119"/>
      <c r="AD494" s="119"/>
      <c r="AE494" s="119"/>
      <c r="AF494" s="119"/>
      <c r="AG494" s="119"/>
      <c r="AH494" s="119"/>
      <c r="AI494" s="119"/>
      <c r="AJ494" s="119"/>
      <c r="AK494" s="119"/>
      <c r="AL494" s="119"/>
      <c r="AM494" s="119"/>
      <c r="AN494" s="119"/>
      <c r="AO494" s="119"/>
      <c r="AP494" s="119"/>
      <c r="AQ494" s="119"/>
      <c r="AR494" s="119"/>
      <c r="AS494" s="119"/>
      <c r="AT494" s="119"/>
      <c r="AU494" s="119"/>
      <c r="AV494" s="119"/>
      <c r="AW494" s="119"/>
      <c r="AX494" s="119"/>
      <c r="AY494" s="119"/>
      <c r="AZ494" s="119"/>
      <c r="BA494" s="119"/>
      <c r="BB494" s="107">
        <v>45884</v>
      </c>
    </row>
    <row r="495" spans="1:54" s="207" customFormat="1" ht="13.95" customHeight="1" x14ac:dyDescent="0.25">
      <c r="A495" s="208" t="s">
        <v>1277</v>
      </c>
      <c r="B495" s="209" t="s">
        <v>20420</v>
      </c>
      <c r="C495" s="113" t="s">
        <v>1278</v>
      </c>
      <c r="D495" s="113" t="s">
        <v>1279</v>
      </c>
      <c r="E495" s="210">
        <v>2012</v>
      </c>
      <c r="F495" s="210">
        <v>420</v>
      </c>
      <c r="G495" s="113" t="s">
        <v>1</v>
      </c>
      <c r="H495" s="113">
        <v>0</v>
      </c>
      <c r="I495" s="113">
        <v>0</v>
      </c>
      <c r="J495" s="115">
        <v>1</v>
      </c>
      <c r="K495" s="116" t="s">
        <v>174</v>
      </c>
      <c r="L495" s="115">
        <v>1</v>
      </c>
      <c r="M495" s="115">
        <v>0</v>
      </c>
      <c r="N495" s="115">
        <v>0</v>
      </c>
      <c r="O495" s="115">
        <v>0</v>
      </c>
      <c r="P495" s="115">
        <v>1</v>
      </c>
      <c r="Q495" s="115" t="s">
        <v>400</v>
      </c>
      <c r="R495" s="115">
        <v>0</v>
      </c>
      <c r="S495" s="115">
        <v>0</v>
      </c>
      <c r="T495" s="115">
        <v>0</v>
      </c>
      <c r="U495" s="119"/>
      <c r="V495" s="119"/>
      <c r="W495" s="119"/>
      <c r="X495" s="119"/>
      <c r="Y495" s="119"/>
      <c r="Z495" s="119"/>
      <c r="AA495" s="119"/>
      <c r="AB495" s="119"/>
      <c r="AC495" s="119"/>
      <c r="AD495" s="119"/>
      <c r="AE495" s="119"/>
      <c r="AF495" s="119"/>
      <c r="AG495" s="119"/>
      <c r="AH495" s="119"/>
      <c r="AI495" s="119"/>
      <c r="AJ495" s="119"/>
      <c r="AK495" s="119"/>
      <c r="AL495" s="119"/>
      <c r="AM495" s="119"/>
      <c r="AN495" s="119"/>
      <c r="AO495" s="119"/>
      <c r="AP495" s="119"/>
      <c r="AQ495" s="119"/>
      <c r="AR495" s="119"/>
      <c r="AS495" s="119"/>
      <c r="AT495" s="119"/>
      <c r="AU495" s="119"/>
      <c r="AV495" s="119"/>
      <c r="AW495" s="119"/>
      <c r="AX495" s="119"/>
      <c r="AY495" s="119"/>
      <c r="AZ495" s="119"/>
      <c r="BA495" s="119"/>
      <c r="BB495" s="107">
        <v>45884</v>
      </c>
    </row>
    <row r="496" spans="1:54" s="207" customFormat="1" ht="13.95" customHeight="1" x14ac:dyDescent="0.25">
      <c r="A496" s="208" t="s">
        <v>1280</v>
      </c>
      <c r="B496" s="209" t="s">
        <v>20420</v>
      </c>
      <c r="C496" s="113" t="s">
        <v>1281</v>
      </c>
      <c r="D496" s="113" t="s">
        <v>22649</v>
      </c>
      <c r="E496" s="210">
        <v>1995</v>
      </c>
      <c r="F496" s="210">
        <v>420</v>
      </c>
      <c r="G496" s="113" t="s">
        <v>1</v>
      </c>
      <c r="H496" s="113">
        <v>0</v>
      </c>
      <c r="I496" s="113">
        <v>0</v>
      </c>
      <c r="J496" s="115">
        <v>1</v>
      </c>
      <c r="K496" s="116" t="s">
        <v>174</v>
      </c>
      <c r="L496" s="115">
        <v>1</v>
      </c>
      <c r="M496" s="115">
        <v>1</v>
      </c>
      <c r="N496" s="115">
        <v>0</v>
      </c>
      <c r="O496" s="115">
        <v>1</v>
      </c>
      <c r="P496" s="115" t="s">
        <v>400</v>
      </c>
      <c r="Q496" s="115" t="s">
        <v>400</v>
      </c>
      <c r="R496" s="115">
        <v>0</v>
      </c>
      <c r="S496" s="115">
        <v>0</v>
      </c>
      <c r="T496" s="115">
        <v>0</v>
      </c>
      <c r="U496" s="119"/>
      <c r="V496" s="119"/>
      <c r="W496" s="119"/>
      <c r="X496" s="119"/>
      <c r="Y496" s="119"/>
      <c r="Z496" s="119"/>
      <c r="AA496" s="119"/>
      <c r="AB496" s="119"/>
      <c r="AC496" s="119"/>
      <c r="AD496" s="119"/>
      <c r="AE496" s="119"/>
      <c r="AF496" s="119"/>
      <c r="AG496" s="119"/>
      <c r="AH496" s="119"/>
      <c r="AI496" s="119"/>
      <c r="AJ496" s="119"/>
      <c r="AK496" s="119"/>
      <c r="AL496" s="119"/>
      <c r="AM496" s="119"/>
      <c r="AN496" s="119"/>
      <c r="AO496" s="119"/>
      <c r="AP496" s="119"/>
      <c r="AQ496" s="119"/>
      <c r="AR496" s="119"/>
      <c r="AS496" s="119"/>
      <c r="AT496" s="119"/>
      <c r="AU496" s="119"/>
      <c r="AV496" s="119"/>
      <c r="AW496" s="119"/>
      <c r="AX496" s="119"/>
      <c r="AY496" s="119"/>
      <c r="AZ496" s="119"/>
      <c r="BA496" s="119"/>
      <c r="BB496" s="107">
        <v>45884</v>
      </c>
    </row>
    <row r="497" spans="1:54" s="207" customFormat="1" ht="13.95" customHeight="1" x14ac:dyDescent="0.25">
      <c r="A497" s="208" t="s">
        <v>1282</v>
      </c>
      <c r="B497" s="209" t="s">
        <v>20420</v>
      </c>
      <c r="C497" s="113" t="s">
        <v>1283</v>
      </c>
      <c r="D497" s="113" t="s">
        <v>1284</v>
      </c>
      <c r="E497" s="210">
        <v>1986</v>
      </c>
      <c r="F497" s="210">
        <v>420</v>
      </c>
      <c r="G497" s="113" t="s">
        <v>1</v>
      </c>
      <c r="H497" s="113">
        <v>0</v>
      </c>
      <c r="I497" s="113">
        <v>0</v>
      </c>
      <c r="J497" s="115">
        <v>1</v>
      </c>
      <c r="K497" s="116" t="s">
        <v>174</v>
      </c>
      <c r="L497" s="115">
        <v>0</v>
      </c>
      <c r="M497" s="115">
        <v>0</v>
      </c>
      <c r="N497" s="115">
        <v>0</v>
      </c>
      <c r="O497" s="115">
        <v>0</v>
      </c>
      <c r="P497" s="115" t="s">
        <v>400</v>
      </c>
      <c r="Q497" s="115" t="s">
        <v>400</v>
      </c>
      <c r="R497" s="115">
        <v>0</v>
      </c>
      <c r="S497" s="115">
        <v>0</v>
      </c>
      <c r="T497" s="115">
        <v>0</v>
      </c>
      <c r="U497" s="119"/>
      <c r="V497" s="119"/>
      <c r="W497" s="119"/>
      <c r="X497" s="119"/>
      <c r="Y497" s="119"/>
      <c r="Z497" s="119"/>
      <c r="AA497" s="119"/>
      <c r="AB497" s="119"/>
      <c r="AC497" s="119"/>
      <c r="AD497" s="119"/>
      <c r="AE497" s="119"/>
      <c r="AF497" s="119"/>
      <c r="AG497" s="119"/>
      <c r="AH497" s="119"/>
      <c r="AI497" s="119"/>
      <c r="AJ497" s="119"/>
      <c r="AK497" s="119"/>
      <c r="AL497" s="119"/>
      <c r="AM497" s="119"/>
      <c r="AN497" s="119"/>
      <c r="AO497" s="119"/>
      <c r="AP497" s="119"/>
      <c r="AQ497" s="119"/>
      <c r="AR497" s="119"/>
      <c r="AS497" s="119"/>
      <c r="AT497" s="119"/>
      <c r="AU497" s="119"/>
      <c r="AV497" s="119"/>
      <c r="AW497" s="119"/>
      <c r="AX497" s="119"/>
      <c r="AY497" s="119"/>
      <c r="AZ497" s="119"/>
      <c r="BA497" s="119"/>
      <c r="BB497" s="107">
        <v>45884</v>
      </c>
    </row>
    <row r="498" spans="1:54" s="207" customFormat="1" ht="13.95" customHeight="1" x14ac:dyDescent="0.25">
      <c r="A498" s="208" t="s">
        <v>1285</v>
      </c>
      <c r="B498" s="209" t="s">
        <v>20420</v>
      </c>
      <c r="C498" s="113" t="s">
        <v>1286</v>
      </c>
      <c r="D498" s="113" t="s">
        <v>22650</v>
      </c>
      <c r="E498" s="210">
        <v>2000</v>
      </c>
      <c r="F498" s="210">
        <v>421</v>
      </c>
      <c r="G498" s="113" t="s">
        <v>1</v>
      </c>
      <c r="H498" s="113">
        <v>0</v>
      </c>
      <c r="I498" s="113">
        <v>0</v>
      </c>
      <c r="J498" s="115">
        <v>1</v>
      </c>
      <c r="K498" s="116" t="s">
        <v>174</v>
      </c>
      <c r="L498" s="115">
        <v>0</v>
      </c>
      <c r="M498" s="115">
        <v>1</v>
      </c>
      <c r="N498" s="115">
        <v>0</v>
      </c>
      <c r="O498" s="115">
        <v>0</v>
      </c>
      <c r="P498" s="115" t="s">
        <v>400</v>
      </c>
      <c r="Q498" s="115" t="s">
        <v>400</v>
      </c>
      <c r="R498" s="115">
        <v>0</v>
      </c>
      <c r="S498" s="115">
        <v>0</v>
      </c>
      <c r="T498" s="115">
        <v>0</v>
      </c>
      <c r="U498" s="119"/>
      <c r="V498" s="119"/>
      <c r="W498" s="119"/>
      <c r="X498" s="119"/>
      <c r="Y498" s="119"/>
      <c r="Z498" s="119"/>
      <c r="AA498" s="119"/>
      <c r="AB498" s="119"/>
      <c r="AC498" s="119"/>
      <c r="AD498" s="119"/>
      <c r="AE498" s="119"/>
      <c r="AF498" s="119"/>
      <c r="AG498" s="119"/>
      <c r="AH498" s="119"/>
      <c r="AI498" s="119"/>
      <c r="AJ498" s="119"/>
      <c r="AK498" s="119"/>
      <c r="AL498" s="119"/>
      <c r="AM498" s="119"/>
      <c r="AN498" s="119"/>
      <c r="AO498" s="119"/>
      <c r="AP498" s="119"/>
      <c r="AQ498" s="119"/>
      <c r="AR498" s="119"/>
      <c r="AS498" s="119"/>
      <c r="AT498" s="119"/>
      <c r="AU498" s="119"/>
      <c r="AV498" s="119"/>
      <c r="AW498" s="119"/>
      <c r="AX498" s="119"/>
      <c r="AY498" s="119"/>
      <c r="AZ498" s="119"/>
      <c r="BA498" s="119"/>
      <c r="BB498" s="107">
        <v>45884</v>
      </c>
    </row>
    <row r="499" spans="1:54" s="207" customFormat="1" ht="13.95" customHeight="1" x14ac:dyDescent="0.25">
      <c r="A499" s="208" t="s">
        <v>1287</v>
      </c>
      <c r="B499" s="209" t="s">
        <v>20420</v>
      </c>
      <c r="C499" s="113" t="s">
        <v>1288</v>
      </c>
      <c r="D499" s="113" t="s">
        <v>1289</v>
      </c>
      <c r="E499" s="210">
        <v>1963</v>
      </c>
      <c r="F499" s="210">
        <v>422</v>
      </c>
      <c r="G499" s="113" t="s">
        <v>1</v>
      </c>
      <c r="H499" s="113">
        <v>0</v>
      </c>
      <c r="I499" s="113">
        <v>0</v>
      </c>
      <c r="J499" s="115">
        <v>0</v>
      </c>
      <c r="K499" s="116" t="s">
        <v>174</v>
      </c>
      <c r="L499" s="115">
        <v>0</v>
      </c>
      <c r="M499" s="115">
        <v>0</v>
      </c>
      <c r="N499" s="115">
        <v>0</v>
      </c>
      <c r="O499" s="115">
        <v>0</v>
      </c>
      <c r="P499" s="115" t="s">
        <v>400</v>
      </c>
      <c r="Q499" s="115" t="s">
        <v>400</v>
      </c>
      <c r="R499" s="115">
        <v>0</v>
      </c>
      <c r="S499" s="115">
        <v>0</v>
      </c>
      <c r="T499" s="115">
        <v>0</v>
      </c>
      <c r="U499" s="119"/>
      <c r="V499" s="119"/>
      <c r="W499" s="119"/>
      <c r="X499" s="119"/>
      <c r="Y499" s="119"/>
      <c r="Z499" s="119"/>
      <c r="AA499" s="119"/>
      <c r="AB499" s="119"/>
      <c r="AC499" s="119"/>
      <c r="AD499" s="119"/>
      <c r="AE499" s="119"/>
      <c r="AF499" s="119"/>
      <c r="AG499" s="119"/>
      <c r="AH499" s="119"/>
      <c r="AI499" s="119"/>
      <c r="AJ499" s="119"/>
      <c r="AK499" s="119"/>
      <c r="AL499" s="119"/>
      <c r="AM499" s="119"/>
      <c r="AN499" s="119"/>
      <c r="AO499" s="119"/>
      <c r="AP499" s="119"/>
      <c r="AQ499" s="119"/>
      <c r="AR499" s="119"/>
      <c r="AS499" s="119"/>
      <c r="AT499" s="119"/>
      <c r="AU499" s="119"/>
      <c r="AV499" s="119"/>
      <c r="AW499" s="119"/>
      <c r="AX499" s="119"/>
      <c r="AY499" s="119"/>
      <c r="AZ499" s="119"/>
      <c r="BA499" s="119"/>
      <c r="BB499" s="107">
        <v>45884</v>
      </c>
    </row>
    <row r="500" spans="1:54" s="207" customFormat="1" ht="13.95" customHeight="1" x14ac:dyDescent="0.25">
      <c r="A500" s="208" t="s">
        <v>1290</v>
      </c>
      <c r="B500" s="209" t="s">
        <v>20420</v>
      </c>
      <c r="C500" s="113" t="s">
        <v>1291</v>
      </c>
      <c r="D500" s="113" t="s">
        <v>22651</v>
      </c>
      <c r="E500" s="210">
        <v>1966</v>
      </c>
      <c r="F500" s="210">
        <v>422</v>
      </c>
      <c r="G500" s="113" t="s">
        <v>1</v>
      </c>
      <c r="H500" s="113">
        <v>0</v>
      </c>
      <c r="I500" s="113">
        <v>0</v>
      </c>
      <c r="J500" s="115">
        <v>1</v>
      </c>
      <c r="K500" s="116" t="s">
        <v>174</v>
      </c>
      <c r="L500" s="115">
        <v>0</v>
      </c>
      <c r="M500" s="115">
        <v>1</v>
      </c>
      <c r="N500" s="115">
        <v>0</v>
      </c>
      <c r="O500" s="115">
        <v>1</v>
      </c>
      <c r="P500" s="115" t="s">
        <v>400</v>
      </c>
      <c r="Q500" s="115" t="s">
        <v>400</v>
      </c>
      <c r="R500" s="115">
        <v>0</v>
      </c>
      <c r="S500" s="115">
        <v>0</v>
      </c>
      <c r="T500" s="115">
        <v>0</v>
      </c>
      <c r="U500" s="119"/>
      <c r="V500" s="119"/>
      <c r="W500" s="119"/>
      <c r="X500" s="119"/>
      <c r="Y500" s="119"/>
      <c r="Z500" s="119"/>
      <c r="AA500" s="119"/>
      <c r="AB500" s="119"/>
      <c r="AC500" s="119"/>
      <c r="AD500" s="119"/>
      <c r="AE500" s="119"/>
      <c r="AF500" s="119"/>
      <c r="AG500" s="119"/>
      <c r="AH500" s="119"/>
      <c r="AI500" s="119"/>
      <c r="AJ500" s="119"/>
      <c r="AK500" s="119"/>
      <c r="AL500" s="119"/>
      <c r="AM500" s="119"/>
      <c r="AN500" s="119"/>
      <c r="AO500" s="119"/>
      <c r="AP500" s="119"/>
      <c r="AQ500" s="119"/>
      <c r="AR500" s="119"/>
      <c r="AS500" s="119"/>
      <c r="AT500" s="119"/>
      <c r="AU500" s="119"/>
      <c r="AV500" s="119"/>
      <c r="AW500" s="119"/>
      <c r="AX500" s="119"/>
      <c r="AY500" s="119"/>
      <c r="AZ500" s="119"/>
      <c r="BA500" s="119"/>
      <c r="BB500" s="107">
        <v>45884</v>
      </c>
    </row>
    <row r="501" spans="1:54" s="207" customFormat="1" ht="13.95" customHeight="1" x14ac:dyDescent="0.25">
      <c r="A501" s="208" t="s">
        <v>1292</v>
      </c>
      <c r="B501" s="209" t="s">
        <v>20420</v>
      </c>
      <c r="C501" s="113" t="s">
        <v>1293</v>
      </c>
      <c r="D501" s="113" t="s">
        <v>22652</v>
      </c>
      <c r="E501" s="210">
        <v>1998</v>
      </c>
      <c r="F501" s="210">
        <v>422</v>
      </c>
      <c r="G501" s="113" t="s">
        <v>1</v>
      </c>
      <c r="H501" s="113">
        <v>0</v>
      </c>
      <c r="I501" s="113">
        <v>0</v>
      </c>
      <c r="J501" s="115">
        <v>1</v>
      </c>
      <c r="K501" s="211">
        <v>1</v>
      </c>
      <c r="L501" s="115">
        <v>0</v>
      </c>
      <c r="M501" s="115">
        <v>0</v>
      </c>
      <c r="N501" s="115">
        <v>1</v>
      </c>
      <c r="O501" s="115">
        <v>0</v>
      </c>
      <c r="P501" s="115">
        <v>1</v>
      </c>
      <c r="Q501" s="115" t="s">
        <v>400</v>
      </c>
      <c r="R501" s="115">
        <v>1</v>
      </c>
      <c r="S501" s="115">
        <v>0</v>
      </c>
      <c r="T501" s="115">
        <v>0</v>
      </c>
      <c r="U501" s="119"/>
      <c r="V501" s="119"/>
      <c r="W501" s="119"/>
      <c r="X501" s="119"/>
      <c r="Y501" s="119"/>
      <c r="Z501" s="119"/>
      <c r="AA501" s="119"/>
      <c r="AB501" s="119"/>
      <c r="AC501" s="119"/>
      <c r="AD501" s="119"/>
      <c r="AE501" s="119"/>
      <c r="AF501" s="119"/>
      <c r="AG501" s="119"/>
      <c r="AH501" s="119"/>
      <c r="AI501" s="119"/>
      <c r="AJ501" s="119"/>
      <c r="AK501" s="119"/>
      <c r="AL501" s="119"/>
      <c r="AM501" s="119"/>
      <c r="AN501" s="119"/>
      <c r="AO501" s="119"/>
      <c r="AP501" s="119"/>
      <c r="AQ501" s="119"/>
      <c r="AR501" s="119"/>
      <c r="AS501" s="119"/>
      <c r="AT501" s="119"/>
      <c r="AU501" s="119"/>
      <c r="AV501" s="119"/>
      <c r="AW501" s="119"/>
      <c r="AX501" s="119"/>
      <c r="AY501" s="119"/>
      <c r="AZ501" s="119"/>
      <c r="BA501" s="119"/>
      <c r="BB501" s="107">
        <v>45884</v>
      </c>
    </row>
    <row r="502" spans="1:54" s="207" customFormat="1" ht="13.95" customHeight="1" x14ac:dyDescent="0.25">
      <c r="A502" s="208" t="s">
        <v>1294</v>
      </c>
      <c r="B502" s="209" t="s">
        <v>20420</v>
      </c>
      <c r="C502" s="113" t="s">
        <v>1295</v>
      </c>
      <c r="D502" s="113" t="s">
        <v>1296</v>
      </c>
      <c r="E502" s="210">
        <v>1969</v>
      </c>
      <c r="F502" s="210">
        <v>423</v>
      </c>
      <c r="G502" s="113" t="s">
        <v>1</v>
      </c>
      <c r="H502" s="113">
        <v>0</v>
      </c>
      <c r="I502" s="113">
        <v>0</v>
      </c>
      <c r="J502" s="115">
        <v>1</v>
      </c>
      <c r="K502" s="116" t="s">
        <v>174</v>
      </c>
      <c r="L502" s="115">
        <v>1</v>
      </c>
      <c r="M502" s="115">
        <v>0</v>
      </c>
      <c r="N502" s="115">
        <v>0</v>
      </c>
      <c r="O502" s="115">
        <v>1</v>
      </c>
      <c r="P502" s="115">
        <v>1</v>
      </c>
      <c r="Q502" s="115" t="s">
        <v>400</v>
      </c>
      <c r="R502" s="115">
        <v>0</v>
      </c>
      <c r="S502" s="115">
        <v>0</v>
      </c>
      <c r="T502" s="115">
        <v>0</v>
      </c>
      <c r="U502" s="119"/>
      <c r="V502" s="119"/>
      <c r="W502" s="119"/>
      <c r="X502" s="119"/>
      <c r="Y502" s="119"/>
      <c r="Z502" s="119"/>
      <c r="AA502" s="119"/>
      <c r="AB502" s="119"/>
      <c r="AC502" s="119"/>
      <c r="AD502" s="119"/>
      <c r="AE502" s="119"/>
      <c r="AF502" s="119"/>
      <c r="AG502" s="119"/>
      <c r="AH502" s="119"/>
      <c r="AI502" s="119"/>
      <c r="AJ502" s="119"/>
      <c r="AK502" s="119"/>
      <c r="AL502" s="119"/>
      <c r="AM502" s="119"/>
      <c r="AN502" s="119"/>
      <c r="AO502" s="119"/>
      <c r="AP502" s="119"/>
      <c r="AQ502" s="119"/>
      <c r="AR502" s="119"/>
      <c r="AS502" s="119"/>
      <c r="AT502" s="119"/>
      <c r="AU502" s="119"/>
      <c r="AV502" s="119"/>
      <c r="AW502" s="119"/>
      <c r="AX502" s="119"/>
      <c r="AY502" s="119"/>
      <c r="AZ502" s="119"/>
      <c r="BA502" s="119"/>
      <c r="BB502" s="107">
        <v>45884</v>
      </c>
    </row>
    <row r="503" spans="1:54" s="207" customFormat="1" ht="13.95" customHeight="1" x14ac:dyDescent="0.25">
      <c r="A503" s="208" t="s">
        <v>1297</v>
      </c>
      <c r="B503" s="209" t="s">
        <v>20420</v>
      </c>
      <c r="C503" s="113" t="s">
        <v>1298</v>
      </c>
      <c r="D503" s="113" t="s">
        <v>1299</v>
      </c>
      <c r="E503" s="210">
        <v>2002</v>
      </c>
      <c r="F503" s="210">
        <v>423</v>
      </c>
      <c r="G503" s="113" t="s">
        <v>8</v>
      </c>
      <c r="H503" s="113">
        <v>0</v>
      </c>
      <c r="I503" s="113">
        <v>0</v>
      </c>
      <c r="J503" s="115">
        <v>0</v>
      </c>
      <c r="K503" s="116" t="s">
        <v>174</v>
      </c>
      <c r="L503" s="115">
        <v>0</v>
      </c>
      <c r="M503" s="115">
        <v>0</v>
      </c>
      <c r="N503" s="115">
        <v>0</v>
      </c>
      <c r="O503" s="115">
        <v>0</v>
      </c>
      <c r="P503" s="115" t="s">
        <v>400</v>
      </c>
      <c r="Q503" s="115" t="s">
        <v>400</v>
      </c>
      <c r="R503" s="115">
        <v>0</v>
      </c>
      <c r="S503" s="115">
        <v>0</v>
      </c>
      <c r="T503" s="115">
        <v>0</v>
      </c>
      <c r="U503" s="113" t="s">
        <v>174</v>
      </c>
      <c r="V503" s="113" t="s">
        <v>174</v>
      </c>
      <c r="W503" s="113" t="s">
        <v>174</v>
      </c>
      <c r="X503" s="113" t="s">
        <v>174</v>
      </c>
      <c r="Y503" s="113" t="s">
        <v>174</v>
      </c>
      <c r="Z503" s="113" t="s">
        <v>174</v>
      </c>
      <c r="AA503" s="113" t="s">
        <v>174</v>
      </c>
      <c r="AB503" s="113" t="s">
        <v>174</v>
      </c>
      <c r="AC503" s="113" t="s">
        <v>174</v>
      </c>
      <c r="AD503" s="113" t="s">
        <v>174</v>
      </c>
      <c r="AE503" s="113" t="s">
        <v>174</v>
      </c>
      <c r="AF503" s="113" t="s">
        <v>174</v>
      </c>
      <c r="AG503" s="113" t="s">
        <v>174</v>
      </c>
      <c r="AH503" s="113" t="s">
        <v>174</v>
      </c>
      <c r="AI503" s="113" t="s">
        <v>174</v>
      </c>
      <c r="AJ503" s="113" t="s">
        <v>174</v>
      </c>
      <c r="AK503" s="113" t="s">
        <v>174</v>
      </c>
      <c r="AL503" s="113" t="s">
        <v>174</v>
      </c>
      <c r="AM503" s="113" t="s">
        <v>174</v>
      </c>
      <c r="AN503" s="113" t="s">
        <v>174</v>
      </c>
      <c r="AO503" s="113" t="s">
        <v>174</v>
      </c>
      <c r="AP503" s="113" t="s">
        <v>174</v>
      </c>
      <c r="AQ503" s="113" t="s">
        <v>174</v>
      </c>
      <c r="AR503" s="113" t="s">
        <v>174</v>
      </c>
      <c r="AS503" s="113" t="s">
        <v>174</v>
      </c>
      <c r="AT503" s="121" t="s">
        <v>174</v>
      </c>
      <c r="AU503" s="113" t="s">
        <v>174</v>
      </c>
      <c r="AV503" s="113" t="s">
        <v>174</v>
      </c>
      <c r="AW503" s="113" t="s">
        <v>174</v>
      </c>
      <c r="AX503" s="113"/>
      <c r="AY503" s="113"/>
      <c r="AZ503" s="113"/>
      <c r="BA503" s="113"/>
      <c r="BB503" s="107">
        <v>45884</v>
      </c>
    </row>
    <row r="504" spans="1:54" s="207" customFormat="1" ht="13.95" customHeight="1" x14ac:dyDescent="0.25">
      <c r="A504" s="208" t="s">
        <v>1300</v>
      </c>
      <c r="B504" s="209" t="s">
        <v>20420</v>
      </c>
      <c r="C504" s="113" t="s">
        <v>1301</v>
      </c>
      <c r="D504" s="113" t="s">
        <v>22653</v>
      </c>
      <c r="E504" s="210">
        <v>1986</v>
      </c>
      <c r="F504" s="210">
        <v>424</v>
      </c>
      <c r="G504" s="113" t="s">
        <v>1</v>
      </c>
      <c r="H504" s="113">
        <v>0</v>
      </c>
      <c r="I504" s="113">
        <v>0</v>
      </c>
      <c r="J504" s="115">
        <v>1</v>
      </c>
      <c r="K504" s="116" t="s">
        <v>174</v>
      </c>
      <c r="L504" s="115">
        <v>1</v>
      </c>
      <c r="M504" s="115">
        <v>0</v>
      </c>
      <c r="N504" s="115">
        <v>0</v>
      </c>
      <c r="O504" s="115">
        <v>0</v>
      </c>
      <c r="P504" s="115">
        <v>1</v>
      </c>
      <c r="Q504" s="115" t="s">
        <v>400</v>
      </c>
      <c r="R504" s="115">
        <v>0</v>
      </c>
      <c r="S504" s="115">
        <v>0</v>
      </c>
      <c r="T504" s="115">
        <v>0</v>
      </c>
      <c r="U504" s="119"/>
      <c r="V504" s="119"/>
      <c r="W504" s="119"/>
      <c r="X504" s="119"/>
      <c r="Y504" s="119"/>
      <c r="Z504" s="119"/>
      <c r="AA504" s="119"/>
      <c r="AB504" s="119"/>
      <c r="AC504" s="119"/>
      <c r="AD504" s="119"/>
      <c r="AE504" s="119"/>
      <c r="AF504" s="119"/>
      <c r="AG504" s="119"/>
      <c r="AH504" s="119"/>
      <c r="AI504" s="119"/>
      <c r="AJ504" s="119"/>
      <c r="AK504" s="119"/>
      <c r="AL504" s="119"/>
      <c r="AM504" s="119"/>
      <c r="AN504" s="119"/>
      <c r="AO504" s="119"/>
      <c r="AP504" s="119"/>
      <c r="AQ504" s="119"/>
      <c r="AR504" s="119"/>
      <c r="AS504" s="119"/>
      <c r="AT504" s="119"/>
      <c r="AU504" s="119"/>
      <c r="AV504" s="119"/>
      <c r="AW504" s="119"/>
      <c r="AX504" s="119"/>
      <c r="AY504" s="119"/>
      <c r="AZ504" s="119"/>
      <c r="BA504" s="119"/>
      <c r="BB504" s="107">
        <v>45884</v>
      </c>
    </row>
    <row r="505" spans="1:54" s="207" customFormat="1" ht="13.95" customHeight="1" x14ac:dyDescent="0.25">
      <c r="A505" s="208" t="s">
        <v>1302</v>
      </c>
      <c r="B505" s="209" t="s">
        <v>20420</v>
      </c>
      <c r="C505" s="113" t="s">
        <v>1303</v>
      </c>
      <c r="D505" s="113" t="s">
        <v>22654</v>
      </c>
      <c r="E505" s="210">
        <v>1974</v>
      </c>
      <c r="F505" s="210">
        <v>425</v>
      </c>
      <c r="G505" s="113" t="s">
        <v>1</v>
      </c>
      <c r="H505" s="113">
        <v>0</v>
      </c>
      <c r="I505" s="113">
        <v>0</v>
      </c>
      <c r="J505" s="115">
        <v>1</v>
      </c>
      <c r="K505" s="116" t="s">
        <v>174</v>
      </c>
      <c r="L505" s="115">
        <v>1</v>
      </c>
      <c r="M505" s="115">
        <v>0</v>
      </c>
      <c r="N505" s="115">
        <v>0</v>
      </c>
      <c r="O505" s="115">
        <v>1</v>
      </c>
      <c r="P505" s="115">
        <v>1</v>
      </c>
      <c r="Q505" s="115" t="s">
        <v>400</v>
      </c>
      <c r="R505" s="115">
        <v>1</v>
      </c>
      <c r="S505" s="115">
        <v>0</v>
      </c>
      <c r="T505" s="115">
        <v>0</v>
      </c>
      <c r="U505" s="119"/>
      <c r="V505" s="119"/>
      <c r="W505" s="119"/>
      <c r="X505" s="119"/>
      <c r="Y505" s="119"/>
      <c r="Z505" s="119"/>
      <c r="AA505" s="119"/>
      <c r="AB505" s="119"/>
      <c r="AC505" s="119"/>
      <c r="AD505" s="119"/>
      <c r="AE505" s="119"/>
      <c r="AF505" s="119"/>
      <c r="AG505" s="119"/>
      <c r="AH505" s="119"/>
      <c r="AI505" s="119"/>
      <c r="AJ505" s="119"/>
      <c r="AK505" s="119"/>
      <c r="AL505" s="119"/>
      <c r="AM505" s="119"/>
      <c r="AN505" s="119"/>
      <c r="AO505" s="119"/>
      <c r="AP505" s="119"/>
      <c r="AQ505" s="119"/>
      <c r="AR505" s="119"/>
      <c r="AS505" s="119"/>
      <c r="AT505" s="119"/>
      <c r="AU505" s="119"/>
      <c r="AV505" s="119"/>
      <c r="AW505" s="119"/>
      <c r="AX505" s="119"/>
      <c r="AY505" s="119"/>
      <c r="AZ505" s="119"/>
      <c r="BA505" s="119"/>
      <c r="BB505" s="107">
        <v>45884</v>
      </c>
    </row>
    <row r="506" spans="1:54" s="207" customFormat="1" ht="13.95" customHeight="1" x14ac:dyDescent="0.25">
      <c r="A506" s="208" t="s">
        <v>1304</v>
      </c>
      <c r="B506" s="209" t="s">
        <v>20420</v>
      </c>
      <c r="C506" s="113" t="s">
        <v>1305</v>
      </c>
      <c r="D506" s="113" t="s">
        <v>22655</v>
      </c>
      <c r="E506" s="210">
        <v>1996</v>
      </c>
      <c r="F506" s="210">
        <v>425</v>
      </c>
      <c r="G506" s="113" t="s">
        <v>1</v>
      </c>
      <c r="H506" s="113">
        <v>0</v>
      </c>
      <c r="I506" s="113">
        <v>0</v>
      </c>
      <c r="J506" s="115">
        <v>1</v>
      </c>
      <c r="K506" s="116" t="s">
        <v>174</v>
      </c>
      <c r="L506" s="115">
        <v>0</v>
      </c>
      <c r="M506" s="115">
        <v>0</v>
      </c>
      <c r="N506" s="115">
        <v>0</v>
      </c>
      <c r="O506" s="115">
        <v>0</v>
      </c>
      <c r="P506" s="115">
        <v>1</v>
      </c>
      <c r="Q506" s="115" t="s">
        <v>400</v>
      </c>
      <c r="R506" s="115">
        <v>1</v>
      </c>
      <c r="S506" s="115">
        <v>0</v>
      </c>
      <c r="T506" s="115">
        <v>0</v>
      </c>
      <c r="U506" s="119"/>
      <c r="V506" s="119"/>
      <c r="W506" s="119"/>
      <c r="X506" s="119"/>
      <c r="Y506" s="119"/>
      <c r="Z506" s="119"/>
      <c r="AA506" s="119"/>
      <c r="AB506" s="119"/>
      <c r="AC506" s="119"/>
      <c r="AD506" s="119"/>
      <c r="AE506" s="119"/>
      <c r="AF506" s="119"/>
      <c r="AG506" s="119"/>
      <c r="AH506" s="119"/>
      <c r="AI506" s="119"/>
      <c r="AJ506" s="119"/>
      <c r="AK506" s="119"/>
      <c r="AL506" s="119"/>
      <c r="AM506" s="119"/>
      <c r="AN506" s="119"/>
      <c r="AO506" s="119"/>
      <c r="AP506" s="119"/>
      <c r="AQ506" s="119"/>
      <c r="AR506" s="119"/>
      <c r="AS506" s="119"/>
      <c r="AT506" s="119"/>
      <c r="AU506" s="119"/>
      <c r="AV506" s="119"/>
      <c r="AW506" s="119"/>
      <c r="AX506" s="119"/>
      <c r="AY506" s="119"/>
      <c r="AZ506" s="119"/>
      <c r="BA506" s="119"/>
      <c r="BB506" s="107">
        <v>45884</v>
      </c>
    </row>
    <row r="507" spans="1:54" s="207" customFormat="1" ht="13.95" customHeight="1" x14ac:dyDescent="0.25">
      <c r="A507" s="208" t="s">
        <v>1306</v>
      </c>
      <c r="B507" s="209" t="s">
        <v>20420</v>
      </c>
      <c r="C507" s="113" t="s">
        <v>1307</v>
      </c>
      <c r="D507" s="113" t="s">
        <v>22656</v>
      </c>
      <c r="E507" s="210">
        <v>2001</v>
      </c>
      <c r="F507" s="210">
        <v>425</v>
      </c>
      <c r="G507" s="113" t="s">
        <v>1</v>
      </c>
      <c r="H507" s="113">
        <v>0</v>
      </c>
      <c r="I507" s="113">
        <v>0</v>
      </c>
      <c r="J507" s="115">
        <v>1</v>
      </c>
      <c r="K507" s="211">
        <v>1</v>
      </c>
      <c r="L507" s="115">
        <v>1</v>
      </c>
      <c r="M507" s="115">
        <v>0</v>
      </c>
      <c r="N507" s="115">
        <v>0</v>
      </c>
      <c r="O507" s="115">
        <v>0</v>
      </c>
      <c r="P507" s="115" t="s">
        <v>400</v>
      </c>
      <c r="Q507" s="115">
        <v>1</v>
      </c>
      <c r="R507" s="115">
        <v>0</v>
      </c>
      <c r="S507" s="115">
        <v>0</v>
      </c>
      <c r="T507" s="115">
        <v>0</v>
      </c>
      <c r="U507" s="119"/>
      <c r="V507" s="119"/>
      <c r="W507" s="119"/>
      <c r="X507" s="119"/>
      <c r="Y507" s="119"/>
      <c r="Z507" s="119"/>
      <c r="AA507" s="119"/>
      <c r="AB507" s="119"/>
      <c r="AC507" s="119"/>
      <c r="AD507" s="119"/>
      <c r="AE507" s="119"/>
      <c r="AF507" s="119"/>
      <c r="AG507" s="119"/>
      <c r="AH507" s="119"/>
      <c r="AI507" s="119"/>
      <c r="AJ507" s="119"/>
      <c r="AK507" s="119"/>
      <c r="AL507" s="119"/>
      <c r="AM507" s="119"/>
      <c r="AN507" s="119"/>
      <c r="AO507" s="119"/>
      <c r="AP507" s="119"/>
      <c r="AQ507" s="119"/>
      <c r="AR507" s="119"/>
      <c r="AS507" s="119"/>
      <c r="AT507" s="119"/>
      <c r="AU507" s="119"/>
      <c r="AV507" s="119"/>
      <c r="AW507" s="119"/>
      <c r="AX507" s="119"/>
      <c r="AY507" s="119"/>
      <c r="AZ507" s="119"/>
      <c r="BA507" s="119"/>
      <c r="BB507" s="107">
        <v>45884</v>
      </c>
    </row>
    <row r="508" spans="1:54" s="207" customFormat="1" ht="13.95" customHeight="1" x14ac:dyDescent="0.25">
      <c r="A508" s="208" t="s">
        <v>1308</v>
      </c>
      <c r="B508" s="209" t="s">
        <v>20420</v>
      </c>
      <c r="C508" s="113" t="s">
        <v>1309</v>
      </c>
      <c r="D508" s="113" t="s">
        <v>1310</v>
      </c>
      <c r="E508" s="210">
        <v>1980</v>
      </c>
      <c r="F508" s="210">
        <v>426</v>
      </c>
      <c r="G508" s="113" t="s">
        <v>1</v>
      </c>
      <c r="H508" s="113">
        <v>0</v>
      </c>
      <c r="I508" s="113">
        <v>0</v>
      </c>
      <c r="J508" s="115">
        <v>1</v>
      </c>
      <c r="K508" s="116" t="s">
        <v>174</v>
      </c>
      <c r="L508" s="115">
        <v>1</v>
      </c>
      <c r="M508" s="115">
        <v>0</v>
      </c>
      <c r="N508" s="115">
        <v>0</v>
      </c>
      <c r="O508" s="115">
        <v>1</v>
      </c>
      <c r="P508" s="115" t="s">
        <v>400</v>
      </c>
      <c r="Q508" s="115" t="s">
        <v>400</v>
      </c>
      <c r="R508" s="115">
        <v>0</v>
      </c>
      <c r="S508" s="115">
        <v>0</v>
      </c>
      <c r="T508" s="115">
        <v>0</v>
      </c>
      <c r="U508" s="119"/>
      <c r="V508" s="119"/>
      <c r="W508" s="119"/>
      <c r="X508" s="119"/>
      <c r="Y508" s="119"/>
      <c r="Z508" s="119"/>
      <c r="AA508" s="119"/>
      <c r="AB508" s="119"/>
      <c r="AC508" s="119"/>
      <c r="AD508" s="119"/>
      <c r="AE508" s="119"/>
      <c r="AF508" s="119"/>
      <c r="AG508" s="119"/>
      <c r="AH508" s="119"/>
      <c r="AI508" s="119"/>
      <c r="AJ508" s="119"/>
      <c r="AK508" s="119"/>
      <c r="AL508" s="119"/>
      <c r="AM508" s="119"/>
      <c r="AN508" s="119"/>
      <c r="AO508" s="119"/>
      <c r="AP508" s="119"/>
      <c r="AQ508" s="119"/>
      <c r="AR508" s="119"/>
      <c r="AS508" s="119"/>
      <c r="AT508" s="119"/>
      <c r="AU508" s="119"/>
      <c r="AV508" s="119"/>
      <c r="AW508" s="119"/>
      <c r="AX508" s="119"/>
      <c r="AY508" s="119"/>
      <c r="AZ508" s="119"/>
      <c r="BA508" s="119"/>
      <c r="BB508" s="107">
        <v>45884</v>
      </c>
    </row>
    <row r="509" spans="1:54" s="207" customFormat="1" ht="13.95" customHeight="1" x14ac:dyDescent="0.25">
      <c r="A509" s="208" t="s">
        <v>1311</v>
      </c>
      <c r="B509" s="209" t="s">
        <v>20420</v>
      </c>
      <c r="C509" s="113" t="s">
        <v>1312</v>
      </c>
      <c r="D509" s="113" t="s">
        <v>22657</v>
      </c>
      <c r="E509" s="210">
        <v>1989</v>
      </c>
      <c r="F509" s="210">
        <v>503</v>
      </c>
      <c r="G509" s="113" t="s">
        <v>1</v>
      </c>
      <c r="H509" s="113">
        <v>0</v>
      </c>
      <c r="I509" s="113">
        <v>0</v>
      </c>
      <c r="J509" s="115">
        <v>1</v>
      </c>
      <c r="K509" s="116" t="s">
        <v>174</v>
      </c>
      <c r="L509" s="115">
        <v>1</v>
      </c>
      <c r="M509" s="115">
        <v>0</v>
      </c>
      <c r="N509" s="115">
        <v>0</v>
      </c>
      <c r="O509" s="115">
        <v>0</v>
      </c>
      <c r="P509" s="115" t="s">
        <v>400</v>
      </c>
      <c r="Q509" s="115" t="s">
        <v>400</v>
      </c>
      <c r="R509" s="115">
        <v>0</v>
      </c>
      <c r="S509" s="115">
        <v>0</v>
      </c>
      <c r="T509" s="115">
        <v>0</v>
      </c>
      <c r="U509" s="119"/>
      <c r="V509" s="119"/>
      <c r="W509" s="119"/>
      <c r="X509" s="119"/>
      <c r="Y509" s="119"/>
      <c r="Z509" s="119"/>
      <c r="AA509" s="119"/>
      <c r="AB509" s="119"/>
      <c r="AC509" s="119"/>
      <c r="AD509" s="119"/>
      <c r="AE509" s="119"/>
      <c r="AF509" s="119"/>
      <c r="AG509" s="119"/>
      <c r="AH509" s="119"/>
      <c r="AI509" s="119"/>
      <c r="AJ509" s="119"/>
      <c r="AK509" s="119"/>
      <c r="AL509" s="119"/>
      <c r="AM509" s="119"/>
      <c r="AN509" s="119"/>
      <c r="AO509" s="119"/>
      <c r="AP509" s="119"/>
      <c r="AQ509" s="119"/>
      <c r="AR509" s="119"/>
      <c r="AS509" s="119"/>
      <c r="AT509" s="119"/>
      <c r="AU509" s="119"/>
      <c r="AV509" s="119"/>
      <c r="AW509" s="119"/>
      <c r="AX509" s="119"/>
      <c r="AY509" s="119"/>
      <c r="AZ509" s="119"/>
      <c r="BA509" s="119"/>
      <c r="BB509" s="107">
        <v>45884</v>
      </c>
    </row>
    <row r="510" spans="1:54" s="207" customFormat="1" ht="13.95" customHeight="1" x14ac:dyDescent="0.25">
      <c r="A510" s="208" t="s">
        <v>1313</v>
      </c>
      <c r="B510" s="209" t="s">
        <v>20420</v>
      </c>
      <c r="C510" s="113" t="s">
        <v>1314</v>
      </c>
      <c r="D510" s="113" t="s">
        <v>1315</v>
      </c>
      <c r="E510" s="210">
        <v>1986</v>
      </c>
      <c r="F510" s="210">
        <v>428</v>
      </c>
      <c r="G510" s="113" t="s">
        <v>1</v>
      </c>
      <c r="H510" s="113">
        <v>0</v>
      </c>
      <c r="I510" s="113">
        <v>0</v>
      </c>
      <c r="J510" s="115">
        <v>1</v>
      </c>
      <c r="K510" s="116" t="s">
        <v>174</v>
      </c>
      <c r="L510" s="115">
        <v>1</v>
      </c>
      <c r="M510" s="115">
        <v>0</v>
      </c>
      <c r="N510" s="115">
        <v>1</v>
      </c>
      <c r="O510" s="115">
        <v>0</v>
      </c>
      <c r="P510" s="115">
        <v>1</v>
      </c>
      <c r="Q510" s="115">
        <v>1</v>
      </c>
      <c r="R510" s="115">
        <v>1</v>
      </c>
      <c r="S510" s="115">
        <v>0</v>
      </c>
      <c r="T510" s="115">
        <v>0</v>
      </c>
      <c r="U510" s="119"/>
      <c r="V510" s="119"/>
      <c r="W510" s="119"/>
      <c r="X510" s="119"/>
      <c r="Y510" s="119"/>
      <c r="Z510" s="119"/>
      <c r="AA510" s="119"/>
      <c r="AB510" s="119"/>
      <c r="AC510" s="119"/>
      <c r="AD510" s="119"/>
      <c r="AE510" s="119"/>
      <c r="AF510" s="119"/>
      <c r="AG510" s="119"/>
      <c r="AH510" s="119"/>
      <c r="AI510" s="119"/>
      <c r="AJ510" s="119"/>
      <c r="AK510" s="119"/>
      <c r="AL510" s="119"/>
      <c r="AM510" s="119"/>
      <c r="AN510" s="119"/>
      <c r="AO510" s="119"/>
      <c r="AP510" s="119"/>
      <c r="AQ510" s="119"/>
      <c r="AR510" s="119"/>
      <c r="AS510" s="119"/>
      <c r="AT510" s="119"/>
      <c r="AU510" s="119"/>
      <c r="AV510" s="119"/>
      <c r="AW510" s="119"/>
      <c r="AX510" s="119"/>
      <c r="AY510" s="119"/>
      <c r="AZ510" s="119"/>
      <c r="BA510" s="119"/>
      <c r="BB510" s="107">
        <v>45884</v>
      </c>
    </row>
    <row r="511" spans="1:54" s="207" customFormat="1" ht="13.95" customHeight="1" x14ac:dyDescent="0.25">
      <c r="A511" s="208" t="s">
        <v>1316</v>
      </c>
      <c r="B511" s="209" t="s">
        <v>20420</v>
      </c>
      <c r="C511" s="113" t="s">
        <v>1317</v>
      </c>
      <c r="D511" s="113" t="s">
        <v>22658</v>
      </c>
      <c r="E511" s="210">
        <v>2000</v>
      </c>
      <c r="F511" s="210">
        <v>429</v>
      </c>
      <c r="G511" s="113" t="s">
        <v>1</v>
      </c>
      <c r="H511" s="113">
        <v>0</v>
      </c>
      <c r="I511" s="113">
        <v>0</v>
      </c>
      <c r="J511" s="115">
        <v>1</v>
      </c>
      <c r="K511" s="116" t="s">
        <v>174</v>
      </c>
      <c r="L511" s="115">
        <v>1</v>
      </c>
      <c r="M511" s="115">
        <v>0</v>
      </c>
      <c r="N511" s="115">
        <v>0</v>
      </c>
      <c r="O511" s="115">
        <v>1</v>
      </c>
      <c r="P511" s="115" t="s">
        <v>400</v>
      </c>
      <c r="Q511" s="115" t="s">
        <v>400</v>
      </c>
      <c r="R511" s="115">
        <v>1</v>
      </c>
      <c r="S511" s="115">
        <v>0</v>
      </c>
      <c r="T511" s="115">
        <v>0</v>
      </c>
      <c r="U511" s="119"/>
      <c r="V511" s="119"/>
      <c r="W511" s="119"/>
      <c r="X511" s="119"/>
      <c r="Y511" s="119"/>
      <c r="Z511" s="119"/>
      <c r="AA511" s="119"/>
      <c r="AB511" s="119"/>
      <c r="AC511" s="119"/>
      <c r="AD511" s="119"/>
      <c r="AE511" s="119"/>
      <c r="AF511" s="119"/>
      <c r="AG511" s="119"/>
      <c r="AH511" s="119"/>
      <c r="AI511" s="119"/>
      <c r="AJ511" s="119"/>
      <c r="AK511" s="119"/>
      <c r="AL511" s="119"/>
      <c r="AM511" s="119"/>
      <c r="AN511" s="119"/>
      <c r="AO511" s="119"/>
      <c r="AP511" s="119"/>
      <c r="AQ511" s="119"/>
      <c r="AR511" s="119"/>
      <c r="AS511" s="119"/>
      <c r="AT511" s="119"/>
      <c r="AU511" s="119"/>
      <c r="AV511" s="119"/>
      <c r="AW511" s="119"/>
      <c r="AX511" s="119"/>
      <c r="AY511" s="119"/>
      <c r="AZ511" s="119"/>
      <c r="BA511" s="119"/>
      <c r="BB511" s="107">
        <v>45884</v>
      </c>
    </row>
    <row r="512" spans="1:54" s="207" customFormat="1" ht="13.95" customHeight="1" x14ac:dyDescent="0.25">
      <c r="A512" s="208" t="s">
        <v>1318</v>
      </c>
      <c r="B512" s="209" t="s">
        <v>20420</v>
      </c>
      <c r="C512" s="113" t="s">
        <v>1319</v>
      </c>
      <c r="D512" s="113" t="s">
        <v>22659</v>
      </c>
      <c r="E512" s="210">
        <v>1966</v>
      </c>
      <c r="F512" s="210">
        <v>430</v>
      </c>
      <c r="G512" s="113" t="s">
        <v>1</v>
      </c>
      <c r="H512" s="113">
        <v>0</v>
      </c>
      <c r="I512" s="113">
        <v>0</v>
      </c>
      <c r="J512" s="115">
        <v>1</v>
      </c>
      <c r="K512" s="116" t="s">
        <v>174</v>
      </c>
      <c r="L512" s="115">
        <v>0</v>
      </c>
      <c r="M512" s="115">
        <v>1</v>
      </c>
      <c r="N512" s="115">
        <v>0</v>
      </c>
      <c r="O512" s="115">
        <v>1</v>
      </c>
      <c r="P512" s="115" t="s">
        <v>400</v>
      </c>
      <c r="Q512" s="115" t="s">
        <v>400</v>
      </c>
      <c r="R512" s="115">
        <v>0</v>
      </c>
      <c r="S512" s="115">
        <v>0</v>
      </c>
      <c r="T512" s="115">
        <v>0</v>
      </c>
      <c r="U512" s="119"/>
      <c r="V512" s="119"/>
      <c r="W512" s="119"/>
      <c r="X512" s="119"/>
      <c r="Y512" s="119"/>
      <c r="Z512" s="119"/>
      <c r="AA512" s="119"/>
      <c r="AB512" s="119"/>
      <c r="AC512" s="119"/>
      <c r="AD512" s="119"/>
      <c r="AE512" s="119"/>
      <c r="AF512" s="119"/>
      <c r="AG512" s="119"/>
      <c r="AH512" s="119"/>
      <c r="AI512" s="119"/>
      <c r="AJ512" s="119"/>
      <c r="AK512" s="119"/>
      <c r="AL512" s="119"/>
      <c r="AM512" s="119"/>
      <c r="AN512" s="119"/>
      <c r="AO512" s="119"/>
      <c r="AP512" s="119"/>
      <c r="AQ512" s="119"/>
      <c r="AR512" s="119"/>
      <c r="AS512" s="119"/>
      <c r="AT512" s="119"/>
      <c r="AU512" s="119"/>
      <c r="AV512" s="119"/>
      <c r="AW512" s="119"/>
      <c r="AX512" s="119"/>
      <c r="AY512" s="119"/>
      <c r="AZ512" s="119"/>
      <c r="BA512" s="119"/>
      <c r="BB512" s="107">
        <v>45884</v>
      </c>
    </row>
    <row r="513" spans="1:54" s="207" customFormat="1" ht="13.95" customHeight="1" x14ac:dyDescent="0.25">
      <c r="A513" s="208" t="s">
        <v>1320</v>
      </c>
      <c r="B513" s="209" t="s">
        <v>20420</v>
      </c>
      <c r="C513" s="113" t="s">
        <v>1321</v>
      </c>
      <c r="D513" s="113" t="s">
        <v>1322</v>
      </c>
      <c r="E513" s="210">
        <v>2000</v>
      </c>
      <c r="F513" s="210">
        <v>431</v>
      </c>
      <c r="G513" s="113" t="s">
        <v>1</v>
      </c>
      <c r="H513" s="113">
        <v>0</v>
      </c>
      <c r="I513" s="113">
        <v>0</v>
      </c>
      <c r="J513" s="115">
        <v>0</v>
      </c>
      <c r="K513" s="116" t="s">
        <v>174</v>
      </c>
      <c r="L513" s="115">
        <v>0</v>
      </c>
      <c r="M513" s="115">
        <v>0</v>
      </c>
      <c r="N513" s="115">
        <v>0</v>
      </c>
      <c r="O513" s="115">
        <v>0</v>
      </c>
      <c r="P513" s="115">
        <v>1</v>
      </c>
      <c r="Q513" s="115" t="s">
        <v>400</v>
      </c>
      <c r="R513" s="115">
        <v>0</v>
      </c>
      <c r="S513" s="115">
        <v>0</v>
      </c>
      <c r="T513" s="115">
        <v>0</v>
      </c>
      <c r="U513" s="119"/>
      <c r="V513" s="119"/>
      <c r="W513" s="119"/>
      <c r="X513" s="119"/>
      <c r="Y513" s="119"/>
      <c r="Z513" s="119"/>
      <c r="AA513" s="119"/>
      <c r="AB513" s="119"/>
      <c r="AC513" s="119"/>
      <c r="AD513" s="119"/>
      <c r="AE513" s="119"/>
      <c r="AF513" s="119"/>
      <c r="AG513" s="119"/>
      <c r="AH513" s="119"/>
      <c r="AI513" s="119"/>
      <c r="AJ513" s="119"/>
      <c r="AK513" s="119"/>
      <c r="AL513" s="119"/>
      <c r="AM513" s="119"/>
      <c r="AN513" s="119"/>
      <c r="AO513" s="119"/>
      <c r="AP513" s="119"/>
      <c r="AQ513" s="119"/>
      <c r="AR513" s="119"/>
      <c r="AS513" s="119"/>
      <c r="AT513" s="119"/>
      <c r="AU513" s="119"/>
      <c r="AV513" s="119"/>
      <c r="AW513" s="119"/>
      <c r="AX513" s="119"/>
      <c r="AY513" s="119"/>
      <c r="AZ513" s="119"/>
      <c r="BA513" s="119"/>
      <c r="BB513" s="107">
        <v>45884</v>
      </c>
    </row>
    <row r="514" spans="1:54" s="207" customFormat="1" ht="13.95" customHeight="1" x14ac:dyDescent="0.25">
      <c r="A514" s="208" t="s">
        <v>1323</v>
      </c>
      <c r="B514" s="209" t="s">
        <v>20420</v>
      </c>
      <c r="C514" s="113" t="s">
        <v>1324</v>
      </c>
      <c r="D514" s="113" t="s">
        <v>22660</v>
      </c>
      <c r="E514" s="210">
        <v>2011</v>
      </c>
      <c r="F514" s="210">
        <v>432</v>
      </c>
      <c r="G514" s="113" t="s">
        <v>1</v>
      </c>
      <c r="H514" s="113">
        <v>0</v>
      </c>
      <c r="I514" s="113">
        <v>0</v>
      </c>
      <c r="J514" s="115">
        <v>1</v>
      </c>
      <c r="K514" s="116" t="s">
        <v>174</v>
      </c>
      <c r="L514" s="115">
        <v>0</v>
      </c>
      <c r="M514" s="115">
        <v>0</v>
      </c>
      <c r="N514" s="115">
        <v>0</v>
      </c>
      <c r="O514" s="115">
        <v>0</v>
      </c>
      <c r="P514" s="115" t="s">
        <v>400</v>
      </c>
      <c r="Q514" s="115" t="s">
        <v>400</v>
      </c>
      <c r="R514" s="115">
        <v>0</v>
      </c>
      <c r="S514" s="115">
        <v>0</v>
      </c>
      <c r="T514" s="115">
        <v>0</v>
      </c>
      <c r="U514" s="119"/>
      <c r="V514" s="119"/>
      <c r="W514" s="119"/>
      <c r="X514" s="119"/>
      <c r="Y514" s="119"/>
      <c r="Z514" s="119"/>
      <c r="AA514" s="119"/>
      <c r="AB514" s="119"/>
      <c r="AC514" s="119"/>
      <c r="AD514" s="119"/>
      <c r="AE514" s="119"/>
      <c r="AF514" s="119"/>
      <c r="AG514" s="119"/>
      <c r="AH514" s="119"/>
      <c r="AI514" s="119"/>
      <c r="AJ514" s="119"/>
      <c r="AK514" s="119"/>
      <c r="AL514" s="119"/>
      <c r="AM514" s="119"/>
      <c r="AN514" s="119"/>
      <c r="AO514" s="119"/>
      <c r="AP514" s="119"/>
      <c r="AQ514" s="119"/>
      <c r="AR514" s="119"/>
      <c r="AS514" s="119"/>
      <c r="AT514" s="119"/>
      <c r="AU514" s="119"/>
      <c r="AV514" s="119"/>
      <c r="AW514" s="119"/>
      <c r="AX514" s="119"/>
      <c r="AY514" s="119"/>
      <c r="AZ514" s="119"/>
      <c r="BA514" s="119"/>
      <c r="BB514" s="107">
        <v>45884</v>
      </c>
    </row>
    <row r="515" spans="1:54" s="207" customFormat="1" ht="13.95" customHeight="1" x14ac:dyDescent="0.25">
      <c r="A515" s="208" t="s">
        <v>1325</v>
      </c>
      <c r="B515" s="209" t="s">
        <v>20420</v>
      </c>
      <c r="C515" s="113" t="s">
        <v>1326</v>
      </c>
      <c r="D515" s="113" t="s">
        <v>1327</v>
      </c>
      <c r="E515" s="210">
        <v>1985</v>
      </c>
      <c r="F515" s="210">
        <v>432</v>
      </c>
      <c r="G515" s="113" t="s">
        <v>1</v>
      </c>
      <c r="H515" s="113">
        <v>0</v>
      </c>
      <c r="I515" s="113">
        <v>0</v>
      </c>
      <c r="J515" s="115">
        <v>1</v>
      </c>
      <c r="K515" s="116" t="s">
        <v>174</v>
      </c>
      <c r="L515" s="115">
        <v>1</v>
      </c>
      <c r="M515" s="115">
        <v>0</v>
      </c>
      <c r="N515" s="115">
        <v>0</v>
      </c>
      <c r="O515" s="115">
        <v>1</v>
      </c>
      <c r="P515" s="115">
        <v>1</v>
      </c>
      <c r="Q515" s="115" t="s">
        <v>400</v>
      </c>
      <c r="R515" s="115">
        <v>1</v>
      </c>
      <c r="S515" s="115">
        <v>0</v>
      </c>
      <c r="T515" s="115">
        <v>0</v>
      </c>
      <c r="U515" s="119"/>
      <c r="V515" s="119"/>
      <c r="W515" s="119"/>
      <c r="X515" s="119"/>
      <c r="Y515" s="119"/>
      <c r="Z515" s="119"/>
      <c r="AA515" s="119"/>
      <c r="AB515" s="119"/>
      <c r="AC515" s="119"/>
      <c r="AD515" s="119"/>
      <c r="AE515" s="119"/>
      <c r="AF515" s="119"/>
      <c r="AG515" s="119"/>
      <c r="AH515" s="119"/>
      <c r="AI515" s="119"/>
      <c r="AJ515" s="119"/>
      <c r="AK515" s="119"/>
      <c r="AL515" s="119"/>
      <c r="AM515" s="119"/>
      <c r="AN515" s="119"/>
      <c r="AO515" s="119"/>
      <c r="AP515" s="119"/>
      <c r="AQ515" s="119"/>
      <c r="AR515" s="119"/>
      <c r="AS515" s="119"/>
      <c r="AT515" s="119"/>
      <c r="AU515" s="119"/>
      <c r="AV515" s="119"/>
      <c r="AW515" s="119"/>
      <c r="AX515" s="119"/>
      <c r="AY515" s="119"/>
      <c r="AZ515" s="119"/>
      <c r="BA515" s="119"/>
      <c r="BB515" s="107">
        <v>45884</v>
      </c>
    </row>
    <row r="516" spans="1:54" s="207" customFormat="1" ht="13.95" customHeight="1" x14ac:dyDescent="0.25">
      <c r="A516" s="208" t="s">
        <v>1328</v>
      </c>
      <c r="B516" s="209" t="s">
        <v>20420</v>
      </c>
      <c r="C516" s="113" t="s">
        <v>1329</v>
      </c>
      <c r="D516" s="113" t="s">
        <v>22661</v>
      </c>
      <c r="E516" s="210">
        <v>1984</v>
      </c>
      <c r="F516" s="210">
        <v>432</v>
      </c>
      <c r="G516" s="113" t="s">
        <v>1</v>
      </c>
      <c r="H516" s="113">
        <v>0</v>
      </c>
      <c r="I516" s="113">
        <v>0</v>
      </c>
      <c r="J516" s="115">
        <v>1</v>
      </c>
      <c r="K516" s="116" t="s">
        <v>174</v>
      </c>
      <c r="L516" s="115">
        <v>1</v>
      </c>
      <c r="M516" s="115">
        <v>0</v>
      </c>
      <c r="N516" s="115">
        <v>0</v>
      </c>
      <c r="O516" s="115">
        <v>1</v>
      </c>
      <c r="P516" s="115">
        <v>1</v>
      </c>
      <c r="Q516" s="115" t="s">
        <v>400</v>
      </c>
      <c r="R516" s="115">
        <v>0</v>
      </c>
      <c r="S516" s="115">
        <v>0</v>
      </c>
      <c r="T516" s="115">
        <v>0</v>
      </c>
      <c r="U516" s="119"/>
      <c r="V516" s="119"/>
      <c r="W516" s="119"/>
      <c r="X516" s="119"/>
      <c r="Y516" s="119"/>
      <c r="Z516" s="119"/>
      <c r="AA516" s="119"/>
      <c r="AB516" s="119"/>
      <c r="AC516" s="119"/>
      <c r="AD516" s="119"/>
      <c r="AE516" s="119"/>
      <c r="AF516" s="119"/>
      <c r="AG516" s="119"/>
      <c r="AH516" s="119"/>
      <c r="AI516" s="119"/>
      <c r="AJ516" s="119"/>
      <c r="AK516" s="119"/>
      <c r="AL516" s="119"/>
      <c r="AM516" s="119"/>
      <c r="AN516" s="119"/>
      <c r="AO516" s="119"/>
      <c r="AP516" s="119"/>
      <c r="AQ516" s="119"/>
      <c r="AR516" s="119"/>
      <c r="AS516" s="119"/>
      <c r="AT516" s="119"/>
      <c r="AU516" s="119"/>
      <c r="AV516" s="119"/>
      <c r="AW516" s="119"/>
      <c r="AX516" s="119"/>
      <c r="AY516" s="119"/>
      <c r="AZ516" s="119"/>
      <c r="BA516" s="119"/>
      <c r="BB516" s="107">
        <v>45884</v>
      </c>
    </row>
    <row r="517" spans="1:54" s="207" customFormat="1" ht="13.95" customHeight="1" x14ac:dyDescent="0.25">
      <c r="A517" s="208" t="s">
        <v>1330</v>
      </c>
      <c r="B517" s="209" t="s">
        <v>20420</v>
      </c>
      <c r="C517" s="113" t="s">
        <v>1331</v>
      </c>
      <c r="D517" s="113" t="s">
        <v>22662</v>
      </c>
      <c r="E517" s="210">
        <v>1986</v>
      </c>
      <c r="F517" s="210">
        <v>435</v>
      </c>
      <c r="G517" s="113" t="s">
        <v>1</v>
      </c>
      <c r="H517" s="113">
        <v>0</v>
      </c>
      <c r="I517" s="113">
        <v>0</v>
      </c>
      <c r="J517" s="115">
        <v>1</v>
      </c>
      <c r="K517" s="116" t="s">
        <v>174</v>
      </c>
      <c r="L517" s="115">
        <v>1</v>
      </c>
      <c r="M517" s="115">
        <v>0</v>
      </c>
      <c r="N517" s="115">
        <v>0</v>
      </c>
      <c r="O517" s="115">
        <v>0</v>
      </c>
      <c r="P517" s="115" t="s">
        <v>400</v>
      </c>
      <c r="Q517" s="115">
        <v>1</v>
      </c>
      <c r="R517" s="115">
        <v>0</v>
      </c>
      <c r="S517" s="115">
        <v>0</v>
      </c>
      <c r="T517" s="115">
        <v>0</v>
      </c>
      <c r="U517" s="119"/>
      <c r="V517" s="119"/>
      <c r="W517" s="119"/>
      <c r="X517" s="119"/>
      <c r="Y517" s="119"/>
      <c r="Z517" s="119"/>
      <c r="AA517" s="119"/>
      <c r="AB517" s="119"/>
      <c r="AC517" s="119"/>
      <c r="AD517" s="119"/>
      <c r="AE517" s="119"/>
      <c r="AF517" s="119"/>
      <c r="AG517" s="119"/>
      <c r="AH517" s="119"/>
      <c r="AI517" s="119"/>
      <c r="AJ517" s="119"/>
      <c r="AK517" s="119"/>
      <c r="AL517" s="119"/>
      <c r="AM517" s="119"/>
      <c r="AN517" s="119"/>
      <c r="AO517" s="119"/>
      <c r="AP517" s="119"/>
      <c r="AQ517" s="119"/>
      <c r="AR517" s="119"/>
      <c r="AS517" s="119"/>
      <c r="AT517" s="119"/>
      <c r="AU517" s="119"/>
      <c r="AV517" s="119"/>
      <c r="AW517" s="119"/>
      <c r="AX517" s="119"/>
      <c r="AY517" s="119"/>
      <c r="AZ517" s="119"/>
      <c r="BA517" s="119"/>
      <c r="BB517" s="107">
        <v>45884</v>
      </c>
    </row>
    <row r="518" spans="1:54" s="207" customFormat="1" ht="13.95" customHeight="1" x14ac:dyDescent="0.25">
      <c r="A518" s="208" t="s">
        <v>1332</v>
      </c>
      <c r="B518" s="209" t="s">
        <v>20420</v>
      </c>
      <c r="C518" s="113" t="s">
        <v>1333</v>
      </c>
      <c r="D518" s="113" t="s">
        <v>22663</v>
      </c>
      <c r="E518" s="210">
        <v>1985</v>
      </c>
      <c r="F518" s="210">
        <v>435</v>
      </c>
      <c r="G518" s="113" t="s">
        <v>1</v>
      </c>
      <c r="H518" s="113">
        <v>0</v>
      </c>
      <c r="I518" s="113">
        <v>0</v>
      </c>
      <c r="J518" s="115">
        <v>1</v>
      </c>
      <c r="K518" s="116" t="s">
        <v>174</v>
      </c>
      <c r="L518" s="115">
        <v>0</v>
      </c>
      <c r="M518" s="115">
        <v>1</v>
      </c>
      <c r="N518" s="115">
        <v>1</v>
      </c>
      <c r="O518" s="115">
        <v>0</v>
      </c>
      <c r="P518" s="115" t="s">
        <v>400</v>
      </c>
      <c r="Q518" s="115" t="s">
        <v>400</v>
      </c>
      <c r="R518" s="115">
        <v>0</v>
      </c>
      <c r="S518" s="115">
        <v>0</v>
      </c>
      <c r="T518" s="115">
        <v>0</v>
      </c>
      <c r="U518" s="119"/>
      <c r="V518" s="119"/>
      <c r="W518" s="119"/>
      <c r="X518" s="119"/>
      <c r="Y518" s="119"/>
      <c r="Z518" s="119"/>
      <c r="AA518" s="119"/>
      <c r="AB518" s="119"/>
      <c r="AC518" s="119"/>
      <c r="AD518" s="119"/>
      <c r="AE518" s="119"/>
      <c r="AF518" s="119"/>
      <c r="AG518" s="119"/>
      <c r="AH518" s="119"/>
      <c r="AI518" s="119"/>
      <c r="AJ518" s="119"/>
      <c r="AK518" s="119"/>
      <c r="AL518" s="119"/>
      <c r="AM518" s="119"/>
      <c r="AN518" s="119"/>
      <c r="AO518" s="119"/>
      <c r="AP518" s="119"/>
      <c r="AQ518" s="119"/>
      <c r="AR518" s="119"/>
      <c r="AS518" s="119"/>
      <c r="AT518" s="119"/>
      <c r="AU518" s="119"/>
      <c r="AV518" s="119"/>
      <c r="AW518" s="119"/>
      <c r="AX518" s="119"/>
      <c r="AY518" s="119"/>
      <c r="AZ518" s="119"/>
      <c r="BA518" s="119"/>
      <c r="BB518" s="107">
        <v>45884</v>
      </c>
    </row>
    <row r="519" spans="1:54" s="207" customFormat="1" ht="13.95" customHeight="1" x14ac:dyDescent="0.25">
      <c r="A519" s="208" t="s">
        <v>1334</v>
      </c>
      <c r="B519" s="209" t="s">
        <v>20420</v>
      </c>
      <c r="C519" s="113" t="s">
        <v>1335</v>
      </c>
      <c r="D519" s="113" t="s">
        <v>22664</v>
      </c>
      <c r="E519" s="210">
        <v>1996</v>
      </c>
      <c r="F519" s="210">
        <v>436</v>
      </c>
      <c r="G519" s="113" t="s">
        <v>1</v>
      </c>
      <c r="H519" s="113">
        <v>0</v>
      </c>
      <c r="I519" s="113">
        <v>0</v>
      </c>
      <c r="J519" s="115">
        <v>1</v>
      </c>
      <c r="K519" s="211">
        <v>1</v>
      </c>
      <c r="L519" s="115">
        <v>0</v>
      </c>
      <c r="M519" s="115">
        <v>1</v>
      </c>
      <c r="N519" s="115">
        <v>0</v>
      </c>
      <c r="O519" s="115">
        <v>0</v>
      </c>
      <c r="P519" s="115" t="s">
        <v>400</v>
      </c>
      <c r="Q519" s="115" t="s">
        <v>400</v>
      </c>
      <c r="R519" s="115">
        <v>0</v>
      </c>
      <c r="S519" s="115">
        <v>0</v>
      </c>
      <c r="T519" s="115">
        <v>0</v>
      </c>
      <c r="U519" s="119"/>
      <c r="V519" s="119"/>
      <c r="W519" s="119"/>
      <c r="X519" s="119"/>
      <c r="Y519" s="119"/>
      <c r="Z519" s="119"/>
      <c r="AA519" s="119"/>
      <c r="AB519" s="119"/>
      <c r="AC519" s="119"/>
      <c r="AD519" s="119"/>
      <c r="AE519" s="119"/>
      <c r="AF519" s="119"/>
      <c r="AG519" s="119"/>
      <c r="AH519" s="119"/>
      <c r="AI519" s="119"/>
      <c r="AJ519" s="119"/>
      <c r="AK519" s="119"/>
      <c r="AL519" s="119"/>
      <c r="AM519" s="119"/>
      <c r="AN519" s="119"/>
      <c r="AO519" s="119"/>
      <c r="AP519" s="119"/>
      <c r="AQ519" s="119"/>
      <c r="AR519" s="119"/>
      <c r="AS519" s="119"/>
      <c r="AT519" s="119"/>
      <c r="AU519" s="119"/>
      <c r="AV519" s="119"/>
      <c r="AW519" s="119"/>
      <c r="AX519" s="119"/>
      <c r="AY519" s="119"/>
      <c r="AZ519" s="119"/>
      <c r="BA519" s="119"/>
      <c r="BB519" s="107">
        <v>45884</v>
      </c>
    </row>
    <row r="520" spans="1:54" s="207" customFormat="1" ht="13.95" customHeight="1" x14ac:dyDescent="0.25">
      <c r="A520" s="208" t="s">
        <v>1336</v>
      </c>
      <c r="B520" s="209" t="s">
        <v>20420</v>
      </c>
      <c r="C520" s="113" t="s">
        <v>1337</v>
      </c>
      <c r="D520" s="113" t="s">
        <v>1338</v>
      </c>
      <c r="E520" s="210">
        <v>1988</v>
      </c>
      <c r="F520" s="210">
        <v>436</v>
      </c>
      <c r="G520" s="113" t="s">
        <v>1</v>
      </c>
      <c r="H520" s="113">
        <v>0</v>
      </c>
      <c r="I520" s="113">
        <v>0</v>
      </c>
      <c r="J520" s="115">
        <v>1</v>
      </c>
      <c r="K520" s="116" t="s">
        <v>174</v>
      </c>
      <c r="L520" s="115">
        <v>1</v>
      </c>
      <c r="M520" s="115">
        <v>0</v>
      </c>
      <c r="N520" s="115">
        <v>0</v>
      </c>
      <c r="O520" s="115">
        <v>1</v>
      </c>
      <c r="P520" s="115">
        <v>1</v>
      </c>
      <c r="Q520" s="115" t="s">
        <v>400</v>
      </c>
      <c r="R520" s="115">
        <v>1</v>
      </c>
      <c r="S520" s="115">
        <v>0</v>
      </c>
      <c r="T520" s="115">
        <v>0</v>
      </c>
      <c r="U520" s="119"/>
      <c r="V520" s="119"/>
      <c r="W520" s="119"/>
      <c r="X520" s="119"/>
      <c r="Y520" s="119"/>
      <c r="Z520" s="119"/>
      <c r="AA520" s="119"/>
      <c r="AB520" s="119"/>
      <c r="AC520" s="119"/>
      <c r="AD520" s="119"/>
      <c r="AE520" s="119"/>
      <c r="AF520" s="119"/>
      <c r="AG520" s="119"/>
      <c r="AH520" s="119"/>
      <c r="AI520" s="119"/>
      <c r="AJ520" s="119"/>
      <c r="AK520" s="119"/>
      <c r="AL520" s="119"/>
      <c r="AM520" s="119"/>
      <c r="AN520" s="119"/>
      <c r="AO520" s="119"/>
      <c r="AP520" s="119"/>
      <c r="AQ520" s="119"/>
      <c r="AR520" s="119"/>
      <c r="AS520" s="119"/>
      <c r="AT520" s="119"/>
      <c r="AU520" s="119"/>
      <c r="AV520" s="119"/>
      <c r="AW520" s="119"/>
      <c r="AX520" s="119"/>
      <c r="AY520" s="119"/>
      <c r="AZ520" s="119"/>
      <c r="BA520" s="119"/>
      <c r="BB520" s="107">
        <v>45884</v>
      </c>
    </row>
    <row r="521" spans="1:54" s="207" customFormat="1" ht="13.95" customHeight="1" x14ac:dyDescent="0.25">
      <c r="A521" s="208" t="s">
        <v>1339</v>
      </c>
      <c r="B521" s="209" t="s">
        <v>20420</v>
      </c>
      <c r="C521" s="113" t="s">
        <v>1340</v>
      </c>
      <c r="D521" s="113" t="s">
        <v>22665</v>
      </c>
      <c r="E521" s="210">
        <v>1994</v>
      </c>
      <c r="F521" s="210">
        <v>437</v>
      </c>
      <c r="G521" s="113" t="s">
        <v>1</v>
      </c>
      <c r="H521" s="113">
        <v>0</v>
      </c>
      <c r="I521" s="113">
        <v>0</v>
      </c>
      <c r="J521" s="115">
        <v>1</v>
      </c>
      <c r="K521" s="116" t="s">
        <v>174</v>
      </c>
      <c r="L521" s="115">
        <v>0</v>
      </c>
      <c r="M521" s="115">
        <v>0</v>
      </c>
      <c r="N521" s="115">
        <v>0</v>
      </c>
      <c r="O521" s="115">
        <v>0</v>
      </c>
      <c r="P521" s="115" t="s">
        <v>400</v>
      </c>
      <c r="Q521" s="115" t="s">
        <v>400</v>
      </c>
      <c r="R521" s="115">
        <v>0</v>
      </c>
      <c r="S521" s="115">
        <v>0</v>
      </c>
      <c r="T521" s="115">
        <v>0</v>
      </c>
      <c r="U521" s="119"/>
      <c r="V521" s="119"/>
      <c r="W521" s="119"/>
      <c r="X521" s="119"/>
      <c r="Y521" s="119"/>
      <c r="Z521" s="119"/>
      <c r="AA521" s="119"/>
      <c r="AB521" s="119"/>
      <c r="AC521" s="119"/>
      <c r="AD521" s="119"/>
      <c r="AE521" s="119"/>
      <c r="AF521" s="119"/>
      <c r="AG521" s="119"/>
      <c r="AH521" s="119"/>
      <c r="AI521" s="119"/>
      <c r="AJ521" s="119"/>
      <c r="AK521" s="119"/>
      <c r="AL521" s="119"/>
      <c r="AM521" s="119"/>
      <c r="AN521" s="119"/>
      <c r="AO521" s="119"/>
      <c r="AP521" s="119"/>
      <c r="AQ521" s="119"/>
      <c r="AR521" s="119"/>
      <c r="AS521" s="119"/>
      <c r="AT521" s="119"/>
      <c r="AU521" s="119"/>
      <c r="AV521" s="119"/>
      <c r="AW521" s="119"/>
      <c r="AX521" s="119"/>
      <c r="AY521" s="119"/>
      <c r="AZ521" s="119"/>
      <c r="BA521" s="119"/>
      <c r="BB521" s="107">
        <v>45884</v>
      </c>
    </row>
    <row r="522" spans="1:54" s="207" customFormat="1" ht="13.95" customHeight="1" x14ac:dyDescent="0.25">
      <c r="A522" s="208" t="s">
        <v>1341</v>
      </c>
      <c r="B522" s="209" t="s">
        <v>20420</v>
      </c>
      <c r="C522" s="113" t="s">
        <v>1342</v>
      </c>
      <c r="D522" s="113" t="s">
        <v>22666</v>
      </c>
      <c r="E522" s="210">
        <v>1982</v>
      </c>
      <c r="F522" s="210">
        <v>437</v>
      </c>
      <c r="G522" s="113" t="s">
        <v>1</v>
      </c>
      <c r="H522" s="113">
        <v>0</v>
      </c>
      <c r="I522" s="113">
        <v>0</v>
      </c>
      <c r="J522" s="115">
        <v>1</v>
      </c>
      <c r="K522" s="116" t="s">
        <v>174</v>
      </c>
      <c r="L522" s="115">
        <v>1</v>
      </c>
      <c r="M522" s="115">
        <v>0</v>
      </c>
      <c r="N522" s="115">
        <v>0</v>
      </c>
      <c r="O522" s="115">
        <v>1</v>
      </c>
      <c r="P522" s="115" t="s">
        <v>400</v>
      </c>
      <c r="Q522" s="115" t="s">
        <v>400</v>
      </c>
      <c r="R522" s="115">
        <v>0</v>
      </c>
      <c r="S522" s="115">
        <v>0</v>
      </c>
      <c r="T522" s="115">
        <v>0</v>
      </c>
      <c r="U522" s="119"/>
      <c r="V522" s="119"/>
      <c r="W522" s="119"/>
      <c r="X522" s="119"/>
      <c r="Y522" s="119"/>
      <c r="Z522" s="119"/>
      <c r="AA522" s="119"/>
      <c r="AB522" s="119"/>
      <c r="AC522" s="119"/>
      <c r="AD522" s="119"/>
      <c r="AE522" s="119"/>
      <c r="AF522" s="119"/>
      <c r="AG522" s="119"/>
      <c r="AH522" s="119"/>
      <c r="AI522" s="119"/>
      <c r="AJ522" s="119"/>
      <c r="AK522" s="119"/>
      <c r="AL522" s="119"/>
      <c r="AM522" s="119"/>
      <c r="AN522" s="119"/>
      <c r="AO522" s="119"/>
      <c r="AP522" s="119"/>
      <c r="AQ522" s="119"/>
      <c r="AR522" s="119"/>
      <c r="AS522" s="119"/>
      <c r="AT522" s="119"/>
      <c r="AU522" s="119"/>
      <c r="AV522" s="119"/>
      <c r="AW522" s="119"/>
      <c r="AX522" s="119"/>
      <c r="AY522" s="119"/>
      <c r="AZ522" s="119"/>
      <c r="BA522" s="119"/>
      <c r="BB522" s="107">
        <v>45884</v>
      </c>
    </row>
    <row r="523" spans="1:54" s="207" customFormat="1" ht="13.95" customHeight="1" x14ac:dyDescent="0.25">
      <c r="A523" s="208" t="s">
        <v>1343</v>
      </c>
      <c r="B523" s="209" t="s">
        <v>20420</v>
      </c>
      <c r="C523" s="113" t="s">
        <v>1344</v>
      </c>
      <c r="D523" s="113" t="s">
        <v>22667</v>
      </c>
      <c r="E523" s="210">
        <v>1973</v>
      </c>
      <c r="F523" s="210">
        <v>438</v>
      </c>
      <c r="G523" s="113" t="s">
        <v>1</v>
      </c>
      <c r="H523" s="113">
        <v>0</v>
      </c>
      <c r="I523" s="113">
        <v>0</v>
      </c>
      <c r="J523" s="115">
        <v>1</v>
      </c>
      <c r="K523" s="116" t="s">
        <v>174</v>
      </c>
      <c r="L523" s="115">
        <v>0</v>
      </c>
      <c r="M523" s="115">
        <v>0</v>
      </c>
      <c r="N523" s="115">
        <v>0</v>
      </c>
      <c r="O523" s="115">
        <v>0</v>
      </c>
      <c r="P523" s="115" t="s">
        <v>400</v>
      </c>
      <c r="Q523" s="115" t="s">
        <v>400</v>
      </c>
      <c r="R523" s="115">
        <v>0</v>
      </c>
      <c r="S523" s="115">
        <v>0</v>
      </c>
      <c r="T523" s="115">
        <v>0</v>
      </c>
      <c r="U523" s="119"/>
      <c r="V523" s="119"/>
      <c r="W523" s="119"/>
      <c r="X523" s="119"/>
      <c r="Y523" s="119"/>
      <c r="Z523" s="119"/>
      <c r="AA523" s="119"/>
      <c r="AB523" s="119"/>
      <c r="AC523" s="119"/>
      <c r="AD523" s="119"/>
      <c r="AE523" s="119"/>
      <c r="AF523" s="119"/>
      <c r="AG523" s="119"/>
      <c r="AH523" s="119"/>
      <c r="AI523" s="119"/>
      <c r="AJ523" s="119"/>
      <c r="AK523" s="119"/>
      <c r="AL523" s="119"/>
      <c r="AM523" s="119"/>
      <c r="AN523" s="119"/>
      <c r="AO523" s="119"/>
      <c r="AP523" s="119"/>
      <c r="AQ523" s="119"/>
      <c r="AR523" s="119"/>
      <c r="AS523" s="119"/>
      <c r="AT523" s="119"/>
      <c r="AU523" s="119"/>
      <c r="AV523" s="119"/>
      <c r="AW523" s="119"/>
      <c r="AX523" s="119"/>
      <c r="AY523" s="119"/>
      <c r="AZ523" s="119"/>
      <c r="BA523" s="119"/>
      <c r="BB523" s="107">
        <v>45884</v>
      </c>
    </row>
    <row r="524" spans="1:54" s="207" customFormat="1" ht="13.95" customHeight="1" x14ac:dyDescent="0.25">
      <c r="A524" s="208" t="s">
        <v>1345</v>
      </c>
      <c r="B524" s="209" t="s">
        <v>20420</v>
      </c>
      <c r="C524" s="113" t="s">
        <v>1346</v>
      </c>
      <c r="D524" s="113" t="s">
        <v>22668</v>
      </c>
      <c r="E524" s="210">
        <v>1997</v>
      </c>
      <c r="F524" s="210">
        <v>439</v>
      </c>
      <c r="G524" s="113" t="s">
        <v>1</v>
      </c>
      <c r="H524" s="113">
        <v>0</v>
      </c>
      <c r="I524" s="113">
        <v>0</v>
      </c>
      <c r="J524" s="115">
        <v>1</v>
      </c>
      <c r="K524" s="116" t="s">
        <v>174</v>
      </c>
      <c r="L524" s="115">
        <v>1</v>
      </c>
      <c r="M524" s="115">
        <v>1</v>
      </c>
      <c r="N524" s="115">
        <v>1</v>
      </c>
      <c r="O524" s="115">
        <v>1</v>
      </c>
      <c r="P524" s="115" t="s">
        <v>400</v>
      </c>
      <c r="Q524" s="115" t="s">
        <v>400</v>
      </c>
      <c r="R524" s="115">
        <v>0</v>
      </c>
      <c r="S524" s="115">
        <v>0</v>
      </c>
      <c r="T524" s="115">
        <v>0</v>
      </c>
      <c r="U524" s="119"/>
      <c r="V524" s="119"/>
      <c r="W524" s="119"/>
      <c r="X524" s="119"/>
      <c r="Y524" s="119"/>
      <c r="Z524" s="119"/>
      <c r="AA524" s="119"/>
      <c r="AB524" s="119"/>
      <c r="AC524" s="119"/>
      <c r="AD524" s="119"/>
      <c r="AE524" s="119"/>
      <c r="AF524" s="119"/>
      <c r="AG524" s="119"/>
      <c r="AH524" s="119"/>
      <c r="AI524" s="119"/>
      <c r="AJ524" s="119"/>
      <c r="AK524" s="119"/>
      <c r="AL524" s="119"/>
      <c r="AM524" s="119"/>
      <c r="AN524" s="119"/>
      <c r="AO524" s="119"/>
      <c r="AP524" s="119"/>
      <c r="AQ524" s="119"/>
      <c r="AR524" s="119"/>
      <c r="AS524" s="119"/>
      <c r="AT524" s="119"/>
      <c r="AU524" s="119"/>
      <c r="AV524" s="119"/>
      <c r="AW524" s="119"/>
      <c r="AX524" s="119"/>
      <c r="AY524" s="119"/>
      <c r="AZ524" s="119"/>
      <c r="BA524" s="119"/>
      <c r="BB524" s="107">
        <v>45884</v>
      </c>
    </row>
    <row r="525" spans="1:54" s="207" customFormat="1" ht="13.95" customHeight="1" x14ac:dyDescent="0.25">
      <c r="A525" s="208" t="s">
        <v>1347</v>
      </c>
      <c r="B525" s="209" t="s">
        <v>20420</v>
      </c>
      <c r="C525" s="113" t="s">
        <v>1348</v>
      </c>
      <c r="D525" s="113" t="s">
        <v>22669</v>
      </c>
      <c r="E525" s="210">
        <v>1985</v>
      </c>
      <c r="F525" s="210">
        <v>440</v>
      </c>
      <c r="G525" s="113" t="s">
        <v>1</v>
      </c>
      <c r="H525" s="113">
        <v>0</v>
      </c>
      <c r="I525" s="113">
        <v>0</v>
      </c>
      <c r="J525" s="115">
        <v>1</v>
      </c>
      <c r="K525" s="116" t="s">
        <v>174</v>
      </c>
      <c r="L525" s="115">
        <v>1</v>
      </c>
      <c r="M525" s="115">
        <v>0</v>
      </c>
      <c r="N525" s="115">
        <v>0</v>
      </c>
      <c r="O525" s="115">
        <v>1</v>
      </c>
      <c r="P525" s="115">
        <v>1</v>
      </c>
      <c r="Q525" s="115" t="s">
        <v>400</v>
      </c>
      <c r="R525" s="115">
        <v>0</v>
      </c>
      <c r="S525" s="115">
        <v>0</v>
      </c>
      <c r="T525" s="115">
        <v>0</v>
      </c>
      <c r="U525" s="119"/>
      <c r="V525" s="119"/>
      <c r="W525" s="119"/>
      <c r="X525" s="119"/>
      <c r="Y525" s="119"/>
      <c r="Z525" s="119"/>
      <c r="AA525" s="119"/>
      <c r="AB525" s="119"/>
      <c r="AC525" s="119"/>
      <c r="AD525" s="119"/>
      <c r="AE525" s="119"/>
      <c r="AF525" s="119"/>
      <c r="AG525" s="119"/>
      <c r="AH525" s="119"/>
      <c r="AI525" s="119"/>
      <c r="AJ525" s="119"/>
      <c r="AK525" s="119"/>
      <c r="AL525" s="119"/>
      <c r="AM525" s="119"/>
      <c r="AN525" s="119"/>
      <c r="AO525" s="119"/>
      <c r="AP525" s="119"/>
      <c r="AQ525" s="119"/>
      <c r="AR525" s="119"/>
      <c r="AS525" s="119"/>
      <c r="AT525" s="119"/>
      <c r="AU525" s="119"/>
      <c r="AV525" s="119"/>
      <c r="AW525" s="119"/>
      <c r="AX525" s="119"/>
      <c r="AY525" s="119"/>
      <c r="AZ525" s="119"/>
      <c r="BA525" s="119"/>
      <c r="BB525" s="107">
        <v>45884</v>
      </c>
    </row>
    <row r="526" spans="1:54" s="207" customFormat="1" ht="13.95" customHeight="1" x14ac:dyDescent="0.25">
      <c r="A526" s="208" t="s">
        <v>1349</v>
      </c>
      <c r="B526" s="209" t="s">
        <v>20420</v>
      </c>
      <c r="C526" s="113" t="s">
        <v>1350</v>
      </c>
      <c r="D526" s="113" t="s">
        <v>22670</v>
      </c>
      <c r="E526" s="210">
        <v>1997</v>
      </c>
      <c r="F526" s="210">
        <v>440</v>
      </c>
      <c r="G526" s="113" t="s">
        <v>1</v>
      </c>
      <c r="H526" s="113">
        <v>0</v>
      </c>
      <c r="I526" s="113">
        <v>0</v>
      </c>
      <c r="J526" s="115">
        <v>1</v>
      </c>
      <c r="K526" s="116" t="s">
        <v>174</v>
      </c>
      <c r="L526" s="115">
        <v>0</v>
      </c>
      <c r="M526" s="115">
        <v>0</v>
      </c>
      <c r="N526" s="115">
        <v>0</v>
      </c>
      <c r="O526" s="115">
        <v>0</v>
      </c>
      <c r="P526" s="115" t="s">
        <v>400</v>
      </c>
      <c r="Q526" s="115" t="s">
        <v>400</v>
      </c>
      <c r="R526" s="115">
        <v>1</v>
      </c>
      <c r="S526" s="115">
        <v>0</v>
      </c>
      <c r="T526" s="115">
        <v>0</v>
      </c>
      <c r="U526" s="119"/>
      <c r="V526" s="119"/>
      <c r="W526" s="119"/>
      <c r="X526" s="119"/>
      <c r="Y526" s="119"/>
      <c r="Z526" s="119"/>
      <c r="AA526" s="119"/>
      <c r="AB526" s="119"/>
      <c r="AC526" s="119"/>
      <c r="AD526" s="119"/>
      <c r="AE526" s="119"/>
      <c r="AF526" s="119"/>
      <c r="AG526" s="119"/>
      <c r="AH526" s="119"/>
      <c r="AI526" s="119"/>
      <c r="AJ526" s="119"/>
      <c r="AK526" s="119"/>
      <c r="AL526" s="119"/>
      <c r="AM526" s="119"/>
      <c r="AN526" s="119"/>
      <c r="AO526" s="119"/>
      <c r="AP526" s="119"/>
      <c r="AQ526" s="119"/>
      <c r="AR526" s="119"/>
      <c r="AS526" s="119"/>
      <c r="AT526" s="119"/>
      <c r="AU526" s="119"/>
      <c r="AV526" s="119"/>
      <c r="AW526" s="119"/>
      <c r="AX526" s="119"/>
      <c r="AY526" s="119"/>
      <c r="AZ526" s="119"/>
      <c r="BA526" s="119"/>
      <c r="BB526" s="107">
        <v>45884</v>
      </c>
    </row>
    <row r="527" spans="1:54" s="207" customFormat="1" ht="13.95" customHeight="1" x14ac:dyDescent="0.25">
      <c r="A527" s="208" t="s">
        <v>1351</v>
      </c>
      <c r="B527" s="209" t="s">
        <v>20420</v>
      </c>
      <c r="C527" s="113" t="s">
        <v>1352</v>
      </c>
      <c r="D527" s="113" t="s">
        <v>22671</v>
      </c>
      <c r="E527" s="210">
        <v>1987</v>
      </c>
      <c r="F527" s="210">
        <v>442</v>
      </c>
      <c r="G527" s="113" t="s">
        <v>1</v>
      </c>
      <c r="H527" s="113">
        <v>0</v>
      </c>
      <c r="I527" s="113">
        <v>0</v>
      </c>
      <c r="J527" s="115">
        <v>1</v>
      </c>
      <c r="K527" s="116" t="s">
        <v>174</v>
      </c>
      <c r="L527" s="115">
        <v>1</v>
      </c>
      <c r="M527" s="115">
        <v>0</v>
      </c>
      <c r="N527" s="115">
        <v>0</v>
      </c>
      <c r="O527" s="115">
        <v>1</v>
      </c>
      <c r="P527" s="115">
        <v>1</v>
      </c>
      <c r="Q527" s="115" t="s">
        <v>400</v>
      </c>
      <c r="R527" s="115">
        <v>1</v>
      </c>
      <c r="S527" s="115">
        <v>0</v>
      </c>
      <c r="T527" s="115">
        <v>0</v>
      </c>
      <c r="U527" s="119"/>
      <c r="V527" s="119"/>
      <c r="W527" s="119"/>
      <c r="X527" s="119"/>
      <c r="Y527" s="119"/>
      <c r="Z527" s="119"/>
      <c r="AA527" s="119"/>
      <c r="AB527" s="119"/>
      <c r="AC527" s="119"/>
      <c r="AD527" s="119"/>
      <c r="AE527" s="119"/>
      <c r="AF527" s="119"/>
      <c r="AG527" s="119"/>
      <c r="AH527" s="119"/>
      <c r="AI527" s="119"/>
      <c r="AJ527" s="119"/>
      <c r="AK527" s="119"/>
      <c r="AL527" s="119"/>
      <c r="AM527" s="119"/>
      <c r="AN527" s="119"/>
      <c r="AO527" s="119"/>
      <c r="AP527" s="119"/>
      <c r="AQ527" s="119"/>
      <c r="AR527" s="119"/>
      <c r="AS527" s="119"/>
      <c r="AT527" s="119"/>
      <c r="AU527" s="119"/>
      <c r="AV527" s="119"/>
      <c r="AW527" s="119"/>
      <c r="AX527" s="119"/>
      <c r="AY527" s="119"/>
      <c r="AZ527" s="119"/>
      <c r="BA527" s="119"/>
      <c r="BB527" s="107">
        <v>45884</v>
      </c>
    </row>
    <row r="528" spans="1:54" s="207" customFormat="1" ht="13.95" customHeight="1" x14ac:dyDescent="0.25">
      <c r="A528" s="208" t="s">
        <v>1353</v>
      </c>
      <c r="B528" s="209" t="s">
        <v>20420</v>
      </c>
      <c r="C528" s="113" t="s">
        <v>1354</v>
      </c>
      <c r="D528" s="113" t="s">
        <v>1355</v>
      </c>
      <c r="E528" s="210">
        <v>2003</v>
      </c>
      <c r="F528" s="210">
        <v>442</v>
      </c>
      <c r="G528" s="113" t="s">
        <v>1</v>
      </c>
      <c r="H528" s="113">
        <v>0</v>
      </c>
      <c r="I528" s="113">
        <v>0</v>
      </c>
      <c r="J528" s="115">
        <v>1</v>
      </c>
      <c r="K528" s="211">
        <v>1</v>
      </c>
      <c r="L528" s="115">
        <v>1</v>
      </c>
      <c r="M528" s="115">
        <v>1</v>
      </c>
      <c r="N528" s="115">
        <v>0</v>
      </c>
      <c r="O528" s="115">
        <v>0</v>
      </c>
      <c r="P528" s="115" t="s">
        <v>400</v>
      </c>
      <c r="Q528" s="115" t="s">
        <v>400</v>
      </c>
      <c r="R528" s="115">
        <v>0</v>
      </c>
      <c r="S528" s="115">
        <v>0</v>
      </c>
      <c r="T528" s="115">
        <v>0</v>
      </c>
      <c r="U528" s="119"/>
      <c r="V528" s="119"/>
      <c r="W528" s="119"/>
      <c r="X528" s="119"/>
      <c r="Y528" s="119"/>
      <c r="Z528" s="119"/>
      <c r="AA528" s="119"/>
      <c r="AB528" s="119"/>
      <c r="AC528" s="119"/>
      <c r="AD528" s="119"/>
      <c r="AE528" s="119"/>
      <c r="AF528" s="119"/>
      <c r="AG528" s="119"/>
      <c r="AH528" s="119"/>
      <c r="AI528" s="119"/>
      <c r="AJ528" s="119"/>
      <c r="AK528" s="119"/>
      <c r="AL528" s="119"/>
      <c r="AM528" s="119"/>
      <c r="AN528" s="119"/>
      <c r="AO528" s="119"/>
      <c r="AP528" s="119"/>
      <c r="AQ528" s="119"/>
      <c r="AR528" s="119"/>
      <c r="AS528" s="119"/>
      <c r="AT528" s="119"/>
      <c r="AU528" s="119"/>
      <c r="AV528" s="119"/>
      <c r="AW528" s="119"/>
      <c r="AX528" s="119"/>
      <c r="AY528" s="119"/>
      <c r="AZ528" s="119"/>
      <c r="BA528" s="119"/>
      <c r="BB528" s="107">
        <v>45884</v>
      </c>
    </row>
    <row r="529" spans="1:54" s="207" customFormat="1" ht="13.95" customHeight="1" x14ac:dyDescent="0.25">
      <c r="A529" s="208" t="s">
        <v>1356</v>
      </c>
      <c r="B529" s="209" t="s">
        <v>20420</v>
      </c>
      <c r="C529" s="113" t="s">
        <v>1357</v>
      </c>
      <c r="D529" s="113" t="s">
        <v>22672</v>
      </c>
      <c r="E529" s="210">
        <v>1996</v>
      </c>
      <c r="F529" s="210">
        <v>443</v>
      </c>
      <c r="G529" s="113" t="s">
        <v>1</v>
      </c>
      <c r="H529" s="113">
        <v>0</v>
      </c>
      <c r="I529" s="113">
        <v>0</v>
      </c>
      <c r="J529" s="115">
        <v>1</v>
      </c>
      <c r="K529" s="116" t="s">
        <v>174</v>
      </c>
      <c r="L529" s="115">
        <v>1</v>
      </c>
      <c r="M529" s="115">
        <v>0</v>
      </c>
      <c r="N529" s="115">
        <v>0</v>
      </c>
      <c r="O529" s="115">
        <v>1</v>
      </c>
      <c r="P529" s="115">
        <v>1</v>
      </c>
      <c r="Q529" s="115" t="s">
        <v>400</v>
      </c>
      <c r="R529" s="115">
        <v>0</v>
      </c>
      <c r="S529" s="115">
        <v>1</v>
      </c>
      <c r="T529" s="115">
        <v>0</v>
      </c>
      <c r="U529" s="119"/>
      <c r="V529" s="119"/>
      <c r="W529" s="119"/>
      <c r="X529" s="119"/>
      <c r="Y529" s="119"/>
      <c r="Z529" s="119"/>
      <c r="AA529" s="119"/>
      <c r="AB529" s="119"/>
      <c r="AC529" s="119"/>
      <c r="AD529" s="119"/>
      <c r="AE529" s="119"/>
      <c r="AF529" s="119"/>
      <c r="AG529" s="119"/>
      <c r="AH529" s="119"/>
      <c r="AI529" s="119"/>
      <c r="AJ529" s="119"/>
      <c r="AK529" s="119"/>
      <c r="AL529" s="119"/>
      <c r="AM529" s="119"/>
      <c r="AN529" s="119"/>
      <c r="AO529" s="119"/>
      <c r="AP529" s="119"/>
      <c r="AQ529" s="119"/>
      <c r="AR529" s="119"/>
      <c r="AS529" s="119"/>
      <c r="AT529" s="119"/>
      <c r="AU529" s="119"/>
      <c r="AV529" s="119"/>
      <c r="AW529" s="119"/>
      <c r="AX529" s="119"/>
      <c r="AY529" s="119"/>
      <c r="AZ529" s="119"/>
      <c r="BA529" s="119"/>
      <c r="BB529" s="107">
        <v>45884</v>
      </c>
    </row>
    <row r="530" spans="1:54" s="207" customFormat="1" ht="13.95" customHeight="1" x14ac:dyDescent="0.25">
      <c r="A530" s="208" t="s">
        <v>1358</v>
      </c>
      <c r="B530" s="209" t="s">
        <v>20420</v>
      </c>
      <c r="C530" s="113" t="s">
        <v>1359</v>
      </c>
      <c r="D530" s="113" t="s">
        <v>22673</v>
      </c>
      <c r="E530" s="210">
        <v>1973</v>
      </c>
      <c r="F530" s="210">
        <v>443</v>
      </c>
      <c r="G530" s="113" t="s">
        <v>1</v>
      </c>
      <c r="H530" s="113">
        <v>0</v>
      </c>
      <c r="I530" s="113">
        <v>0</v>
      </c>
      <c r="J530" s="115">
        <v>1</v>
      </c>
      <c r="K530" s="116" t="s">
        <v>174</v>
      </c>
      <c r="L530" s="115">
        <v>1</v>
      </c>
      <c r="M530" s="115">
        <v>0</v>
      </c>
      <c r="N530" s="115">
        <v>0</v>
      </c>
      <c r="O530" s="115">
        <v>1</v>
      </c>
      <c r="P530" s="115">
        <v>1</v>
      </c>
      <c r="Q530" s="115" t="s">
        <v>400</v>
      </c>
      <c r="R530" s="115">
        <v>0</v>
      </c>
      <c r="S530" s="115">
        <v>0</v>
      </c>
      <c r="T530" s="115">
        <v>0</v>
      </c>
      <c r="U530" s="119"/>
      <c r="V530" s="119"/>
      <c r="W530" s="119"/>
      <c r="X530" s="119"/>
      <c r="Y530" s="119"/>
      <c r="Z530" s="119"/>
      <c r="AA530" s="119"/>
      <c r="AB530" s="119"/>
      <c r="AC530" s="119"/>
      <c r="AD530" s="119"/>
      <c r="AE530" s="119"/>
      <c r="AF530" s="119"/>
      <c r="AG530" s="119"/>
      <c r="AH530" s="119"/>
      <c r="AI530" s="119"/>
      <c r="AJ530" s="119"/>
      <c r="AK530" s="119"/>
      <c r="AL530" s="119"/>
      <c r="AM530" s="119"/>
      <c r="AN530" s="119"/>
      <c r="AO530" s="119"/>
      <c r="AP530" s="119"/>
      <c r="AQ530" s="119"/>
      <c r="AR530" s="119"/>
      <c r="AS530" s="119"/>
      <c r="AT530" s="119"/>
      <c r="AU530" s="119"/>
      <c r="AV530" s="119"/>
      <c r="AW530" s="119"/>
      <c r="AX530" s="119"/>
      <c r="AY530" s="119"/>
      <c r="AZ530" s="119"/>
      <c r="BA530" s="119"/>
      <c r="BB530" s="107">
        <v>45884</v>
      </c>
    </row>
    <row r="531" spans="1:54" s="207" customFormat="1" ht="13.95" customHeight="1" x14ac:dyDescent="0.25">
      <c r="A531" s="208" t="s">
        <v>1360</v>
      </c>
      <c r="B531" s="209" t="s">
        <v>20420</v>
      </c>
      <c r="C531" s="113" t="s">
        <v>1361</v>
      </c>
      <c r="D531" s="113" t="s">
        <v>22674</v>
      </c>
      <c r="E531" s="210">
        <v>2014</v>
      </c>
      <c r="F531" s="210">
        <v>446</v>
      </c>
      <c r="G531" s="113" t="s">
        <v>1</v>
      </c>
      <c r="H531" s="113">
        <v>0</v>
      </c>
      <c r="I531" s="113">
        <v>0</v>
      </c>
      <c r="J531" s="115">
        <v>1</v>
      </c>
      <c r="K531" s="116" t="s">
        <v>174</v>
      </c>
      <c r="L531" s="115">
        <v>0</v>
      </c>
      <c r="M531" s="115">
        <v>0</v>
      </c>
      <c r="N531" s="115">
        <v>0</v>
      </c>
      <c r="O531" s="115">
        <v>0</v>
      </c>
      <c r="P531" s="115" t="s">
        <v>400</v>
      </c>
      <c r="Q531" s="115" t="s">
        <v>400</v>
      </c>
      <c r="R531" s="115">
        <v>1</v>
      </c>
      <c r="S531" s="115">
        <v>0</v>
      </c>
      <c r="T531" s="115">
        <v>0</v>
      </c>
      <c r="U531" s="119"/>
      <c r="V531" s="119"/>
      <c r="W531" s="119"/>
      <c r="X531" s="119"/>
      <c r="Y531" s="119"/>
      <c r="Z531" s="119"/>
      <c r="AA531" s="119"/>
      <c r="AB531" s="119"/>
      <c r="AC531" s="119"/>
      <c r="AD531" s="119"/>
      <c r="AE531" s="119"/>
      <c r="AF531" s="119"/>
      <c r="AG531" s="119"/>
      <c r="AH531" s="119"/>
      <c r="AI531" s="119"/>
      <c r="AJ531" s="119"/>
      <c r="AK531" s="119"/>
      <c r="AL531" s="119"/>
      <c r="AM531" s="119"/>
      <c r="AN531" s="119"/>
      <c r="AO531" s="119"/>
      <c r="AP531" s="119"/>
      <c r="AQ531" s="119"/>
      <c r="AR531" s="119"/>
      <c r="AS531" s="119"/>
      <c r="AT531" s="119"/>
      <c r="AU531" s="119"/>
      <c r="AV531" s="119"/>
      <c r="AW531" s="119"/>
      <c r="AX531" s="119"/>
      <c r="AY531" s="119"/>
      <c r="AZ531" s="119"/>
      <c r="BA531" s="119"/>
      <c r="BB531" s="107">
        <v>45884</v>
      </c>
    </row>
    <row r="532" spans="1:54" s="207" customFormat="1" ht="13.95" customHeight="1" x14ac:dyDescent="0.25">
      <c r="A532" s="208" t="s">
        <v>1362</v>
      </c>
      <c r="B532" s="209" t="s">
        <v>20420</v>
      </c>
      <c r="C532" s="113" t="s">
        <v>1363</v>
      </c>
      <c r="D532" s="113" t="s">
        <v>22675</v>
      </c>
      <c r="E532" s="210">
        <v>1992</v>
      </c>
      <c r="F532" s="210">
        <v>447</v>
      </c>
      <c r="G532" s="113" t="s">
        <v>1</v>
      </c>
      <c r="H532" s="113">
        <v>0</v>
      </c>
      <c r="I532" s="113">
        <v>0</v>
      </c>
      <c r="J532" s="115">
        <v>0</v>
      </c>
      <c r="K532" s="116" t="s">
        <v>174</v>
      </c>
      <c r="L532" s="115">
        <v>1</v>
      </c>
      <c r="M532" s="115">
        <v>0</v>
      </c>
      <c r="N532" s="115">
        <v>0</v>
      </c>
      <c r="O532" s="115">
        <v>1</v>
      </c>
      <c r="P532" s="115">
        <v>1</v>
      </c>
      <c r="Q532" s="115" t="s">
        <v>400</v>
      </c>
      <c r="R532" s="115">
        <v>0</v>
      </c>
      <c r="S532" s="115">
        <v>0</v>
      </c>
      <c r="T532" s="115">
        <v>0</v>
      </c>
      <c r="U532" s="119"/>
      <c r="V532" s="119"/>
      <c r="W532" s="119"/>
      <c r="X532" s="119"/>
      <c r="Y532" s="119"/>
      <c r="Z532" s="119"/>
      <c r="AA532" s="119"/>
      <c r="AB532" s="119"/>
      <c r="AC532" s="119"/>
      <c r="AD532" s="119"/>
      <c r="AE532" s="119"/>
      <c r="AF532" s="119"/>
      <c r="AG532" s="119"/>
      <c r="AH532" s="119"/>
      <c r="AI532" s="119"/>
      <c r="AJ532" s="119"/>
      <c r="AK532" s="119"/>
      <c r="AL532" s="119"/>
      <c r="AM532" s="119"/>
      <c r="AN532" s="119"/>
      <c r="AO532" s="119"/>
      <c r="AP532" s="119"/>
      <c r="AQ532" s="119"/>
      <c r="AR532" s="119"/>
      <c r="AS532" s="119"/>
      <c r="AT532" s="119"/>
      <c r="AU532" s="119"/>
      <c r="AV532" s="119"/>
      <c r="AW532" s="119"/>
      <c r="AX532" s="119"/>
      <c r="AY532" s="119"/>
      <c r="AZ532" s="119"/>
      <c r="BA532" s="119"/>
      <c r="BB532" s="107">
        <v>45884</v>
      </c>
    </row>
    <row r="533" spans="1:54" s="207" customFormat="1" ht="13.95" customHeight="1" x14ac:dyDescent="0.25">
      <c r="A533" s="208" t="s">
        <v>1364</v>
      </c>
      <c r="B533" s="209" t="s">
        <v>20420</v>
      </c>
      <c r="C533" s="113" t="s">
        <v>1365</v>
      </c>
      <c r="D533" s="113" t="s">
        <v>22676</v>
      </c>
      <c r="E533" s="210">
        <v>1999</v>
      </c>
      <c r="F533" s="210">
        <v>449</v>
      </c>
      <c r="G533" s="113" t="s">
        <v>1</v>
      </c>
      <c r="H533" s="113">
        <v>0</v>
      </c>
      <c r="I533" s="113">
        <v>0</v>
      </c>
      <c r="J533" s="115">
        <v>1</v>
      </c>
      <c r="K533" s="211">
        <v>1</v>
      </c>
      <c r="L533" s="115">
        <v>0</v>
      </c>
      <c r="M533" s="115">
        <v>0</v>
      </c>
      <c r="N533" s="115">
        <v>0</v>
      </c>
      <c r="O533" s="115">
        <v>0</v>
      </c>
      <c r="P533" s="115" t="s">
        <v>400</v>
      </c>
      <c r="Q533" s="115" t="s">
        <v>400</v>
      </c>
      <c r="R533" s="115">
        <v>0</v>
      </c>
      <c r="S533" s="115">
        <v>0</v>
      </c>
      <c r="T533" s="115">
        <v>0</v>
      </c>
      <c r="U533" s="119"/>
      <c r="V533" s="119"/>
      <c r="W533" s="119"/>
      <c r="X533" s="119"/>
      <c r="Y533" s="119"/>
      <c r="Z533" s="119"/>
      <c r="AA533" s="119"/>
      <c r="AB533" s="119"/>
      <c r="AC533" s="119"/>
      <c r="AD533" s="119"/>
      <c r="AE533" s="119"/>
      <c r="AF533" s="119"/>
      <c r="AG533" s="119"/>
      <c r="AH533" s="119"/>
      <c r="AI533" s="119"/>
      <c r="AJ533" s="119"/>
      <c r="AK533" s="119"/>
      <c r="AL533" s="119"/>
      <c r="AM533" s="119"/>
      <c r="AN533" s="119"/>
      <c r="AO533" s="119"/>
      <c r="AP533" s="119"/>
      <c r="AQ533" s="119"/>
      <c r="AR533" s="119"/>
      <c r="AS533" s="119"/>
      <c r="AT533" s="119"/>
      <c r="AU533" s="119"/>
      <c r="AV533" s="119"/>
      <c r="AW533" s="119"/>
      <c r="AX533" s="119"/>
      <c r="AY533" s="119"/>
      <c r="AZ533" s="119"/>
      <c r="BA533" s="119"/>
      <c r="BB533" s="107">
        <v>45884</v>
      </c>
    </row>
    <row r="534" spans="1:54" s="207" customFormat="1" ht="13.95" customHeight="1" x14ac:dyDescent="0.25">
      <c r="A534" s="208" t="s">
        <v>1366</v>
      </c>
      <c r="B534" s="209" t="s">
        <v>20420</v>
      </c>
      <c r="C534" s="113" t="s">
        <v>1367</v>
      </c>
      <c r="D534" s="113" t="s">
        <v>1368</v>
      </c>
      <c r="E534" s="210">
        <v>2003</v>
      </c>
      <c r="F534" s="210">
        <v>449</v>
      </c>
      <c r="G534" s="113" t="s">
        <v>1</v>
      </c>
      <c r="H534" s="113">
        <v>0</v>
      </c>
      <c r="I534" s="113">
        <v>0</v>
      </c>
      <c r="J534" s="115">
        <v>1</v>
      </c>
      <c r="K534" s="116" t="s">
        <v>174</v>
      </c>
      <c r="L534" s="115">
        <v>1</v>
      </c>
      <c r="M534" s="115">
        <v>1</v>
      </c>
      <c r="N534" s="115">
        <v>0</v>
      </c>
      <c r="O534" s="115">
        <v>0</v>
      </c>
      <c r="P534" s="115" t="s">
        <v>400</v>
      </c>
      <c r="Q534" s="115" t="s">
        <v>400</v>
      </c>
      <c r="R534" s="115">
        <v>0</v>
      </c>
      <c r="S534" s="115">
        <v>0</v>
      </c>
      <c r="T534" s="115">
        <v>0</v>
      </c>
      <c r="U534" s="119"/>
      <c r="V534" s="119"/>
      <c r="W534" s="119"/>
      <c r="X534" s="119"/>
      <c r="Y534" s="119"/>
      <c r="Z534" s="119"/>
      <c r="AA534" s="119"/>
      <c r="AB534" s="119"/>
      <c r="AC534" s="119"/>
      <c r="AD534" s="119"/>
      <c r="AE534" s="119"/>
      <c r="AF534" s="119"/>
      <c r="AG534" s="119"/>
      <c r="AH534" s="119"/>
      <c r="AI534" s="119"/>
      <c r="AJ534" s="119"/>
      <c r="AK534" s="119"/>
      <c r="AL534" s="119"/>
      <c r="AM534" s="119"/>
      <c r="AN534" s="119"/>
      <c r="AO534" s="119"/>
      <c r="AP534" s="119"/>
      <c r="AQ534" s="119"/>
      <c r="AR534" s="119"/>
      <c r="AS534" s="119"/>
      <c r="AT534" s="119"/>
      <c r="AU534" s="119"/>
      <c r="AV534" s="119"/>
      <c r="AW534" s="119"/>
      <c r="AX534" s="119"/>
      <c r="AY534" s="119"/>
      <c r="AZ534" s="119"/>
      <c r="BA534" s="119"/>
      <c r="BB534" s="107">
        <v>45884</v>
      </c>
    </row>
    <row r="535" spans="1:54" s="207" customFormat="1" ht="13.95" customHeight="1" x14ac:dyDescent="0.25">
      <c r="A535" s="208" t="s">
        <v>1369</v>
      </c>
      <c r="B535" s="209" t="s">
        <v>20420</v>
      </c>
      <c r="C535" s="113" t="s">
        <v>1370</v>
      </c>
      <c r="D535" s="113" t="s">
        <v>22677</v>
      </c>
      <c r="E535" s="210">
        <v>1975</v>
      </c>
      <c r="F535" s="210">
        <v>450</v>
      </c>
      <c r="G535" s="113" t="s">
        <v>1</v>
      </c>
      <c r="H535" s="113">
        <v>0</v>
      </c>
      <c r="I535" s="113">
        <v>0</v>
      </c>
      <c r="J535" s="115">
        <v>1</v>
      </c>
      <c r="K535" s="211">
        <v>1</v>
      </c>
      <c r="L535" s="115">
        <v>1</v>
      </c>
      <c r="M535" s="115">
        <v>0</v>
      </c>
      <c r="N535" s="115">
        <v>0</v>
      </c>
      <c r="O535" s="115">
        <v>0</v>
      </c>
      <c r="P535" s="115">
        <v>1</v>
      </c>
      <c r="Q535" s="115" t="s">
        <v>400</v>
      </c>
      <c r="R535" s="115">
        <v>0</v>
      </c>
      <c r="S535" s="115">
        <v>0</v>
      </c>
      <c r="T535" s="115">
        <v>0</v>
      </c>
      <c r="U535" s="119"/>
      <c r="V535" s="119"/>
      <c r="W535" s="119"/>
      <c r="X535" s="119"/>
      <c r="Y535" s="119"/>
      <c r="Z535" s="119"/>
      <c r="AA535" s="119"/>
      <c r="AB535" s="119"/>
      <c r="AC535" s="119"/>
      <c r="AD535" s="119"/>
      <c r="AE535" s="119"/>
      <c r="AF535" s="119"/>
      <c r="AG535" s="119"/>
      <c r="AH535" s="119"/>
      <c r="AI535" s="119"/>
      <c r="AJ535" s="119"/>
      <c r="AK535" s="119"/>
      <c r="AL535" s="119"/>
      <c r="AM535" s="119"/>
      <c r="AN535" s="119"/>
      <c r="AO535" s="119"/>
      <c r="AP535" s="119"/>
      <c r="AQ535" s="119"/>
      <c r="AR535" s="119"/>
      <c r="AS535" s="119"/>
      <c r="AT535" s="119"/>
      <c r="AU535" s="119"/>
      <c r="AV535" s="119"/>
      <c r="AW535" s="119"/>
      <c r="AX535" s="119"/>
      <c r="AY535" s="119"/>
      <c r="AZ535" s="119"/>
      <c r="BA535" s="119"/>
      <c r="BB535" s="107">
        <v>45884</v>
      </c>
    </row>
    <row r="536" spans="1:54" s="207" customFormat="1" ht="13.95" customHeight="1" x14ac:dyDescent="0.25">
      <c r="A536" s="208" t="s">
        <v>1371</v>
      </c>
      <c r="B536" s="209" t="s">
        <v>20420</v>
      </c>
      <c r="C536" s="113" t="s">
        <v>1372</v>
      </c>
      <c r="D536" s="113" t="s">
        <v>22678</v>
      </c>
      <c r="E536" s="210">
        <v>1987</v>
      </c>
      <c r="F536" s="210">
        <v>451</v>
      </c>
      <c r="G536" s="113" t="s">
        <v>1</v>
      </c>
      <c r="H536" s="113">
        <v>0</v>
      </c>
      <c r="I536" s="113">
        <v>0</v>
      </c>
      <c r="J536" s="115">
        <v>1</v>
      </c>
      <c r="K536" s="116" t="s">
        <v>174</v>
      </c>
      <c r="L536" s="115">
        <v>1</v>
      </c>
      <c r="M536" s="115">
        <v>0</v>
      </c>
      <c r="N536" s="115">
        <v>0</v>
      </c>
      <c r="O536" s="115">
        <v>0</v>
      </c>
      <c r="P536" s="115">
        <v>1</v>
      </c>
      <c r="Q536" s="115" t="s">
        <v>400</v>
      </c>
      <c r="R536" s="115">
        <v>0</v>
      </c>
      <c r="S536" s="115">
        <v>0</v>
      </c>
      <c r="T536" s="115">
        <v>0</v>
      </c>
      <c r="U536" s="119"/>
      <c r="V536" s="119"/>
      <c r="W536" s="119"/>
      <c r="X536" s="119"/>
      <c r="Y536" s="119"/>
      <c r="Z536" s="119"/>
      <c r="AA536" s="119"/>
      <c r="AB536" s="119"/>
      <c r="AC536" s="119"/>
      <c r="AD536" s="119"/>
      <c r="AE536" s="119"/>
      <c r="AF536" s="119"/>
      <c r="AG536" s="119"/>
      <c r="AH536" s="119"/>
      <c r="AI536" s="119"/>
      <c r="AJ536" s="119"/>
      <c r="AK536" s="119"/>
      <c r="AL536" s="119"/>
      <c r="AM536" s="119"/>
      <c r="AN536" s="119"/>
      <c r="AO536" s="119"/>
      <c r="AP536" s="119"/>
      <c r="AQ536" s="119"/>
      <c r="AR536" s="119"/>
      <c r="AS536" s="119"/>
      <c r="AT536" s="119"/>
      <c r="AU536" s="119"/>
      <c r="AV536" s="119"/>
      <c r="AW536" s="119"/>
      <c r="AX536" s="119"/>
      <c r="AY536" s="119"/>
      <c r="AZ536" s="119"/>
      <c r="BA536" s="119"/>
      <c r="BB536" s="107">
        <v>45884</v>
      </c>
    </row>
    <row r="537" spans="1:54" s="207" customFormat="1" ht="13.95" customHeight="1" x14ac:dyDescent="0.25">
      <c r="A537" s="208" t="s">
        <v>1373</v>
      </c>
      <c r="B537" s="209" t="s">
        <v>20420</v>
      </c>
      <c r="C537" s="113" t="s">
        <v>1374</v>
      </c>
      <c r="D537" s="113" t="s">
        <v>1375</v>
      </c>
      <c r="E537" s="210">
        <v>1983</v>
      </c>
      <c r="F537" s="210">
        <v>453</v>
      </c>
      <c r="G537" s="113" t="s">
        <v>1</v>
      </c>
      <c r="H537" s="113">
        <v>0</v>
      </c>
      <c r="I537" s="113">
        <v>0</v>
      </c>
      <c r="J537" s="115">
        <v>1</v>
      </c>
      <c r="K537" s="116" t="s">
        <v>174</v>
      </c>
      <c r="L537" s="115">
        <v>1</v>
      </c>
      <c r="M537" s="115">
        <v>0</v>
      </c>
      <c r="N537" s="115">
        <v>0</v>
      </c>
      <c r="O537" s="115">
        <v>1</v>
      </c>
      <c r="P537" s="115">
        <v>1</v>
      </c>
      <c r="Q537" s="115" t="s">
        <v>400</v>
      </c>
      <c r="R537" s="115">
        <v>0</v>
      </c>
      <c r="S537" s="115">
        <v>0</v>
      </c>
      <c r="T537" s="115">
        <v>0</v>
      </c>
      <c r="U537" s="119"/>
      <c r="V537" s="119"/>
      <c r="W537" s="119"/>
      <c r="X537" s="119"/>
      <c r="Y537" s="119"/>
      <c r="Z537" s="119"/>
      <c r="AA537" s="119"/>
      <c r="AB537" s="119"/>
      <c r="AC537" s="119"/>
      <c r="AD537" s="119"/>
      <c r="AE537" s="119"/>
      <c r="AF537" s="119"/>
      <c r="AG537" s="119"/>
      <c r="AH537" s="119"/>
      <c r="AI537" s="119"/>
      <c r="AJ537" s="119"/>
      <c r="AK537" s="119"/>
      <c r="AL537" s="119"/>
      <c r="AM537" s="119"/>
      <c r="AN537" s="119"/>
      <c r="AO537" s="119"/>
      <c r="AP537" s="119"/>
      <c r="AQ537" s="119"/>
      <c r="AR537" s="119"/>
      <c r="AS537" s="119"/>
      <c r="AT537" s="119"/>
      <c r="AU537" s="119"/>
      <c r="AV537" s="119"/>
      <c r="AW537" s="119"/>
      <c r="AX537" s="119"/>
      <c r="AY537" s="119"/>
      <c r="AZ537" s="119"/>
      <c r="BA537" s="119"/>
      <c r="BB537" s="107">
        <v>45884</v>
      </c>
    </row>
    <row r="538" spans="1:54" s="207" customFormat="1" ht="13.95" customHeight="1" x14ac:dyDescent="0.25">
      <c r="A538" s="208" t="s">
        <v>1376</v>
      </c>
      <c r="B538" s="209" t="s">
        <v>20420</v>
      </c>
      <c r="C538" s="113" t="s">
        <v>1377</v>
      </c>
      <c r="D538" s="113" t="s">
        <v>22679</v>
      </c>
      <c r="E538" s="210">
        <v>1975</v>
      </c>
      <c r="F538" s="210">
        <v>453</v>
      </c>
      <c r="G538" s="113" t="s">
        <v>1</v>
      </c>
      <c r="H538" s="113">
        <v>0</v>
      </c>
      <c r="I538" s="113">
        <v>0</v>
      </c>
      <c r="J538" s="115">
        <v>1</v>
      </c>
      <c r="K538" s="116" t="s">
        <v>174</v>
      </c>
      <c r="L538" s="115">
        <v>0</v>
      </c>
      <c r="M538" s="115">
        <v>1</v>
      </c>
      <c r="N538" s="115">
        <v>0</v>
      </c>
      <c r="O538" s="115">
        <v>1</v>
      </c>
      <c r="P538" s="115" t="s">
        <v>400</v>
      </c>
      <c r="Q538" s="115" t="s">
        <v>400</v>
      </c>
      <c r="R538" s="115">
        <v>0</v>
      </c>
      <c r="S538" s="115">
        <v>0</v>
      </c>
      <c r="T538" s="115">
        <v>0</v>
      </c>
      <c r="U538" s="119"/>
      <c r="V538" s="119"/>
      <c r="W538" s="119"/>
      <c r="X538" s="119"/>
      <c r="Y538" s="119"/>
      <c r="Z538" s="119"/>
      <c r="AA538" s="119"/>
      <c r="AB538" s="119"/>
      <c r="AC538" s="119"/>
      <c r="AD538" s="119"/>
      <c r="AE538" s="119"/>
      <c r="AF538" s="119"/>
      <c r="AG538" s="119"/>
      <c r="AH538" s="119"/>
      <c r="AI538" s="119"/>
      <c r="AJ538" s="119"/>
      <c r="AK538" s="119"/>
      <c r="AL538" s="119"/>
      <c r="AM538" s="119"/>
      <c r="AN538" s="119"/>
      <c r="AO538" s="119"/>
      <c r="AP538" s="119"/>
      <c r="AQ538" s="119"/>
      <c r="AR538" s="119"/>
      <c r="AS538" s="119"/>
      <c r="AT538" s="119"/>
      <c r="AU538" s="119"/>
      <c r="AV538" s="119"/>
      <c r="AW538" s="119"/>
      <c r="AX538" s="119"/>
      <c r="AY538" s="119"/>
      <c r="AZ538" s="119"/>
      <c r="BA538" s="119"/>
      <c r="BB538" s="107">
        <v>45884</v>
      </c>
    </row>
    <row r="539" spans="1:54" s="207" customFormat="1" ht="13.95" customHeight="1" x14ac:dyDescent="0.25">
      <c r="A539" s="208" t="s">
        <v>1378</v>
      </c>
      <c r="B539" s="209" t="s">
        <v>20420</v>
      </c>
      <c r="C539" s="113" t="s">
        <v>1379</v>
      </c>
      <c r="D539" s="113" t="s">
        <v>1380</v>
      </c>
      <c r="E539" s="210">
        <v>1980</v>
      </c>
      <c r="F539" s="210">
        <v>453</v>
      </c>
      <c r="G539" s="113" t="s">
        <v>1</v>
      </c>
      <c r="H539" s="113">
        <v>0</v>
      </c>
      <c r="I539" s="113">
        <v>0</v>
      </c>
      <c r="J539" s="115">
        <v>1</v>
      </c>
      <c r="K539" s="211">
        <v>1</v>
      </c>
      <c r="L539" s="115">
        <v>1</v>
      </c>
      <c r="M539" s="115">
        <v>0</v>
      </c>
      <c r="N539" s="115">
        <v>0</v>
      </c>
      <c r="O539" s="115">
        <v>1</v>
      </c>
      <c r="P539" s="115" t="s">
        <v>400</v>
      </c>
      <c r="Q539" s="115" t="s">
        <v>400</v>
      </c>
      <c r="R539" s="115">
        <v>0</v>
      </c>
      <c r="S539" s="115">
        <v>0</v>
      </c>
      <c r="T539" s="115">
        <v>0</v>
      </c>
      <c r="U539" s="119"/>
      <c r="V539" s="119"/>
      <c r="W539" s="119"/>
      <c r="X539" s="119"/>
      <c r="Y539" s="119"/>
      <c r="Z539" s="119"/>
      <c r="AA539" s="119"/>
      <c r="AB539" s="119"/>
      <c r="AC539" s="119"/>
      <c r="AD539" s="119"/>
      <c r="AE539" s="119"/>
      <c r="AF539" s="119"/>
      <c r="AG539" s="119"/>
      <c r="AH539" s="119"/>
      <c r="AI539" s="119"/>
      <c r="AJ539" s="119"/>
      <c r="AK539" s="119"/>
      <c r="AL539" s="119"/>
      <c r="AM539" s="119"/>
      <c r="AN539" s="119"/>
      <c r="AO539" s="119"/>
      <c r="AP539" s="119"/>
      <c r="AQ539" s="119"/>
      <c r="AR539" s="119"/>
      <c r="AS539" s="119"/>
      <c r="AT539" s="119"/>
      <c r="AU539" s="119"/>
      <c r="AV539" s="119"/>
      <c r="AW539" s="119"/>
      <c r="AX539" s="119"/>
      <c r="AY539" s="119"/>
      <c r="AZ539" s="119"/>
      <c r="BA539" s="119"/>
      <c r="BB539" s="107">
        <v>45884</v>
      </c>
    </row>
    <row r="540" spans="1:54" s="207" customFormat="1" ht="13.95" customHeight="1" x14ac:dyDescent="0.25">
      <c r="A540" s="208" t="s">
        <v>1381</v>
      </c>
      <c r="B540" s="209" t="s">
        <v>20420</v>
      </c>
      <c r="C540" s="113" t="s">
        <v>1382</v>
      </c>
      <c r="D540" s="113" t="s">
        <v>1383</v>
      </c>
      <c r="E540" s="210">
        <v>1986</v>
      </c>
      <c r="F540" s="210">
        <v>454</v>
      </c>
      <c r="G540" s="113" t="s">
        <v>1</v>
      </c>
      <c r="H540" s="113">
        <v>0</v>
      </c>
      <c r="I540" s="113">
        <v>0</v>
      </c>
      <c r="J540" s="115">
        <v>1</v>
      </c>
      <c r="K540" s="116" t="s">
        <v>174</v>
      </c>
      <c r="L540" s="115">
        <v>0</v>
      </c>
      <c r="M540" s="115">
        <v>0</v>
      </c>
      <c r="N540" s="115">
        <v>0</v>
      </c>
      <c r="O540" s="115">
        <v>0</v>
      </c>
      <c r="P540" s="115" t="s">
        <v>400</v>
      </c>
      <c r="Q540" s="115" t="s">
        <v>400</v>
      </c>
      <c r="R540" s="115">
        <v>0</v>
      </c>
      <c r="S540" s="115">
        <v>0</v>
      </c>
      <c r="T540" s="115">
        <v>0</v>
      </c>
      <c r="U540" s="119"/>
      <c r="V540" s="119"/>
      <c r="W540" s="119"/>
      <c r="X540" s="119"/>
      <c r="Y540" s="119"/>
      <c r="Z540" s="119"/>
      <c r="AA540" s="119"/>
      <c r="AB540" s="119"/>
      <c r="AC540" s="119"/>
      <c r="AD540" s="119"/>
      <c r="AE540" s="119"/>
      <c r="AF540" s="119"/>
      <c r="AG540" s="119"/>
      <c r="AH540" s="119"/>
      <c r="AI540" s="119"/>
      <c r="AJ540" s="119"/>
      <c r="AK540" s="119"/>
      <c r="AL540" s="119"/>
      <c r="AM540" s="119"/>
      <c r="AN540" s="119"/>
      <c r="AO540" s="119"/>
      <c r="AP540" s="119"/>
      <c r="AQ540" s="119"/>
      <c r="AR540" s="119"/>
      <c r="AS540" s="119"/>
      <c r="AT540" s="119"/>
      <c r="AU540" s="119"/>
      <c r="AV540" s="119"/>
      <c r="AW540" s="119"/>
      <c r="AX540" s="119"/>
      <c r="AY540" s="119"/>
      <c r="AZ540" s="119"/>
      <c r="BA540" s="119"/>
      <c r="BB540" s="107">
        <v>45884</v>
      </c>
    </row>
    <row r="541" spans="1:54" s="207" customFormat="1" ht="13.95" customHeight="1" x14ac:dyDescent="0.25">
      <c r="A541" s="208" t="s">
        <v>1384</v>
      </c>
      <c r="B541" s="209" t="s">
        <v>20420</v>
      </c>
      <c r="C541" s="113" t="s">
        <v>1385</v>
      </c>
      <c r="D541" s="113" t="s">
        <v>1386</v>
      </c>
      <c r="E541" s="210">
        <v>1980</v>
      </c>
      <c r="F541" s="210">
        <v>454</v>
      </c>
      <c r="G541" s="113" t="s">
        <v>1</v>
      </c>
      <c r="H541" s="113">
        <v>0</v>
      </c>
      <c r="I541" s="113">
        <v>0</v>
      </c>
      <c r="J541" s="115">
        <v>1</v>
      </c>
      <c r="K541" s="116" t="s">
        <v>174</v>
      </c>
      <c r="L541" s="115">
        <v>1</v>
      </c>
      <c r="M541" s="115">
        <v>0</v>
      </c>
      <c r="N541" s="115">
        <v>0</v>
      </c>
      <c r="O541" s="115">
        <v>0</v>
      </c>
      <c r="P541" s="115">
        <v>1</v>
      </c>
      <c r="Q541" s="115" t="s">
        <v>400</v>
      </c>
      <c r="R541" s="115">
        <v>0</v>
      </c>
      <c r="S541" s="115">
        <v>0</v>
      </c>
      <c r="T541" s="115">
        <v>0</v>
      </c>
      <c r="U541" s="119"/>
      <c r="V541" s="119"/>
      <c r="W541" s="119"/>
      <c r="X541" s="119"/>
      <c r="Y541" s="119"/>
      <c r="Z541" s="119"/>
      <c r="AA541" s="119"/>
      <c r="AB541" s="119"/>
      <c r="AC541" s="119"/>
      <c r="AD541" s="119"/>
      <c r="AE541" s="119"/>
      <c r="AF541" s="119"/>
      <c r="AG541" s="119"/>
      <c r="AH541" s="119"/>
      <c r="AI541" s="119"/>
      <c r="AJ541" s="119"/>
      <c r="AK541" s="119"/>
      <c r="AL541" s="119"/>
      <c r="AM541" s="119"/>
      <c r="AN541" s="119"/>
      <c r="AO541" s="119"/>
      <c r="AP541" s="119"/>
      <c r="AQ541" s="119"/>
      <c r="AR541" s="119"/>
      <c r="AS541" s="119"/>
      <c r="AT541" s="119"/>
      <c r="AU541" s="119"/>
      <c r="AV541" s="119"/>
      <c r="AW541" s="119"/>
      <c r="AX541" s="119"/>
      <c r="AY541" s="119"/>
      <c r="AZ541" s="119"/>
      <c r="BA541" s="119"/>
      <c r="BB541" s="107">
        <v>45884</v>
      </c>
    </row>
    <row r="542" spans="1:54" s="207" customFormat="1" ht="13.95" customHeight="1" x14ac:dyDescent="0.25">
      <c r="A542" s="208" t="s">
        <v>1387</v>
      </c>
      <c r="B542" s="209" t="s">
        <v>20420</v>
      </c>
      <c r="C542" s="113" t="s">
        <v>1388</v>
      </c>
      <c r="D542" s="113" t="s">
        <v>22680</v>
      </c>
      <c r="E542" s="210">
        <v>1997</v>
      </c>
      <c r="F542" s="210">
        <v>455</v>
      </c>
      <c r="G542" s="113" t="s">
        <v>1</v>
      </c>
      <c r="H542" s="113">
        <v>0</v>
      </c>
      <c r="I542" s="113">
        <v>0</v>
      </c>
      <c r="J542" s="115">
        <v>1</v>
      </c>
      <c r="K542" s="116" t="s">
        <v>174</v>
      </c>
      <c r="L542" s="115">
        <v>1</v>
      </c>
      <c r="M542" s="115">
        <v>1</v>
      </c>
      <c r="N542" s="115">
        <v>0</v>
      </c>
      <c r="O542" s="115">
        <v>1</v>
      </c>
      <c r="P542" s="115" t="s">
        <v>400</v>
      </c>
      <c r="Q542" s="115" t="s">
        <v>400</v>
      </c>
      <c r="R542" s="115">
        <v>0</v>
      </c>
      <c r="S542" s="115">
        <v>0</v>
      </c>
      <c r="T542" s="115">
        <v>0</v>
      </c>
      <c r="U542" s="119"/>
      <c r="V542" s="119"/>
      <c r="W542" s="119"/>
      <c r="X542" s="119"/>
      <c r="Y542" s="119"/>
      <c r="Z542" s="119"/>
      <c r="AA542" s="119"/>
      <c r="AB542" s="119"/>
      <c r="AC542" s="119"/>
      <c r="AD542" s="119"/>
      <c r="AE542" s="119"/>
      <c r="AF542" s="119"/>
      <c r="AG542" s="119"/>
      <c r="AH542" s="119"/>
      <c r="AI542" s="119"/>
      <c r="AJ542" s="119"/>
      <c r="AK542" s="119"/>
      <c r="AL542" s="119"/>
      <c r="AM542" s="119"/>
      <c r="AN542" s="119"/>
      <c r="AO542" s="119"/>
      <c r="AP542" s="119"/>
      <c r="AQ542" s="119"/>
      <c r="AR542" s="119"/>
      <c r="AS542" s="119"/>
      <c r="AT542" s="119"/>
      <c r="AU542" s="119"/>
      <c r="AV542" s="119"/>
      <c r="AW542" s="119"/>
      <c r="AX542" s="119"/>
      <c r="AY542" s="119"/>
      <c r="AZ542" s="119"/>
      <c r="BA542" s="119"/>
      <c r="BB542" s="107">
        <v>45884</v>
      </c>
    </row>
    <row r="543" spans="1:54" s="207" customFormat="1" ht="13.95" customHeight="1" x14ac:dyDescent="0.25">
      <c r="A543" s="208" t="s">
        <v>1389</v>
      </c>
      <c r="B543" s="209" t="s">
        <v>20420</v>
      </c>
      <c r="C543" s="113" t="s">
        <v>1390</v>
      </c>
      <c r="D543" s="113" t="s">
        <v>22681</v>
      </c>
      <c r="E543" s="210">
        <v>2008</v>
      </c>
      <c r="F543" s="210">
        <v>455</v>
      </c>
      <c r="G543" s="113" t="s">
        <v>1</v>
      </c>
      <c r="H543" s="113">
        <v>0</v>
      </c>
      <c r="I543" s="113">
        <v>0</v>
      </c>
      <c r="J543" s="115">
        <v>1</v>
      </c>
      <c r="K543" s="116" t="s">
        <v>174</v>
      </c>
      <c r="L543" s="115">
        <v>1</v>
      </c>
      <c r="M543" s="115">
        <v>0</v>
      </c>
      <c r="N543" s="115">
        <v>0</v>
      </c>
      <c r="O543" s="115">
        <v>0</v>
      </c>
      <c r="P543" s="115">
        <v>1</v>
      </c>
      <c r="Q543" s="115" t="s">
        <v>400</v>
      </c>
      <c r="R543" s="115">
        <v>0</v>
      </c>
      <c r="S543" s="115">
        <v>0</v>
      </c>
      <c r="T543" s="115">
        <v>0</v>
      </c>
      <c r="U543" s="119"/>
      <c r="V543" s="119"/>
      <c r="W543" s="119"/>
      <c r="X543" s="119"/>
      <c r="Y543" s="119"/>
      <c r="Z543" s="119"/>
      <c r="AA543" s="119"/>
      <c r="AB543" s="119"/>
      <c r="AC543" s="119"/>
      <c r="AD543" s="119"/>
      <c r="AE543" s="119"/>
      <c r="AF543" s="119"/>
      <c r="AG543" s="119"/>
      <c r="AH543" s="119"/>
      <c r="AI543" s="119"/>
      <c r="AJ543" s="119"/>
      <c r="AK543" s="119"/>
      <c r="AL543" s="119"/>
      <c r="AM543" s="119"/>
      <c r="AN543" s="119"/>
      <c r="AO543" s="119"/>
      <c r="AP543" s="119"/>
      <c r="AQ543" s="119"/>
      <c r="AR543" s="119"/>
      <c r="AS543" s="119"/>
      <c r="AT543" s="119"/>
      <c r="AU543" s="119"/>
      <c r="AV543" s="119"/>
      <c r="AW543" s="119"/>
      <c r="AX543" s="119"/>
      <c r="AY543" s="119"/>
      <c r="AZ543" s="119"/>
      <c r="BA543" s="119"/>
      <c r="BB543" s="107">
        <v>45884</v>
      </c>
    </row>
    <row r="544" spans="1:54" s="207" customFormat="1" ht="13.95" customHeight="1" x14ac:dyDescent="0.25">
      <c r="A544" s="208" t="s">
        <v>1391</v>
      </c>
      <c r="B544" s="209" t="s">
        <v>20420</v>
      </c>
      <c r="C544" s="113" t="s">
        <v>1392</v>
      </c>
      <c r="D544" s="113" t="s">
        <v>22682</v>
      </c>
      <c r="E544" s="210">
        <v>1978</v>
      </c>
      <c r="F544" s="210">
        <v>455</v>
      </c>
      <c r="G544" s="113" t="s">
        <v>1</v>
      </c>
      <c r="H544" s="113">
        <v>0</v>
      </c>
      <c r="I544" s="113">
        <v>0</v>
      </c>
      <c r="J544" s="115">
        <v>1</v>
      </c>
      <c r="K544" s="116" t="s">
        <v>174</v>
      </c>
      <c r="L544" s="115">
        <v>0</v>
      </c>
      <c r="M544" s="115">
        <v>0</v>
      </c>
      <c r="N544" s="115">
        <v>0</v>
      </c>
      <c r="O544" s="115">
        <v>1</v>
      </c>
      <c r="P544" s="115">
        <v>1</v>
      </c>
      <c r="Q544" s="115" t="s">
        <v>400</v>
      </c>
      <c r="R544" s="115">
        <v>0</v>
      </c>
      <c r="S544" s="115">
        <v>0</v>
      </c>
      <c r="T544" s="115">
        <v>0</v>
      </c>
      <c r="U544" s="119"/>
      <c r="V544" s="119"/>
      <c r="W544" s="119"/>
      <c r="X544" s="119"/>
      <c r="Y544" s="119"/>
      <c r="Z544" s="119"/>
      <c r="AA544" s="119"/>
      <c r="AB544" s="119"/>
      <c r="AC544" s="119"/>
      <c r="AD544" s="119"/>
      <c r="AE544" s="119"/>
      <c r="AF544" s="119"/>
      <c r="AG544" s="119"/>
      <c r="AH544" s="119"/>
      <c r="AI544" s="119"/>
      <c r="AJ544" s="119"/>
      <c r="AK544" s="119"/>
      <c r="AL544" s="119"/>
      <c r="AM544" s="119"/>
      <c r="AN544" s="119"/>
      <c r="AO544" s="119"/>
      <c r="AP544" s="119"/>
      <c r="AQ544" s="119"/>
      <c r="AR544" s="119"/>
      <c r="AS544" s="119"/>
      <c r="AT544" s="119"/>
      <c r="AU544" s="119"/>
      <c r="AV544" s="119"/>
      <c r="AW544" s="119"/>
      <c r="AX544" s="119"/>
      <c r="AY544" s="119"/>
      <c r="AZ544" s="119"/>
      <c r="BA544" s="119"/>
      <c r="BB544" s="107">
        <v>45884</v>
      </c>
    </row>
    <row r="545" spans="1:54" s="207" customFormat="1" ht="13.95" customHeight="1" x14ac:dyDescent="0.25">
      <c r="A545" s="208" t="s">
        <v>1393</v>
      </c>
      <c r="B545" s="209" t="s">
        <v>20420</v>
      </c>
      <c r="C545" s="113" t="s">
        <v>1394</v>
      </c>
      <c r="D545" s="113" t="s">
        <v>22683</v>
      </c>
      <c r="E545" s="210">
        <v>1978</v>
      </c>
      <c r="F545" s="210">
        <v>457</v>
      </c>
      <c r="G545" s="113" t="s">
        <v>1</v>
      </c>
      <c r="H545" s="113">
        <v>0</v>
      </c>
      <c r="I545" s="113">
        <v>0</v>
      </c>
      <c r="J545" s="115">
        <v>1</v>
      </c>
      <c r="K545" s="116" t="s">
        <v>174</v>
      </c>
      <c r="L545" s="115">
        <v>0</v>
      </c>
      <c r="M545" s="115">
        <v>0</v>
      </c>
      <c r="N545" s="115">
        <v>0</v>
      </c>
      <c r="O545" s="115">
        <v>0</v>
      </c>
      <c r="P545" s="115" t="s">
        <v>400</v>
      </c>
      <c r="Q545" s="115" t="s">
        <v>400</v>
      </c>
      <c r="R545" s="115">
        <v>0</v>
      </c>
      <c r="S545" s="115">
        <v>0</v>
      </c>
      <c r="T545" s="115">
        <v>0</v>
      </c>
      <c r="U545" s="119"/>
      <c r="V545" s="119"/>
      <c r="W545" s="119"/>
      <c r="X545" s="119"/>
      <c r="Y545" s="119"/>
      <c r="Z545" s="119"/>
      <c r="AA545" s="119"/>
      <c r="AB545" s="119"/>
      <c r="AC545" s="119"/>
      <c r="AD545" s="119"/>
      <c r="AE545" s="119"/>
      <c r="AF545" s="119"/>
      <c r="AG545" s="119"/>
      <c r="AH545" s="119"/>
      <c r="AI545" s="119"/>
      <c r="AJ545" s="119"/>
      <c r="AK545" s="119"/>
      <c r="AL545" s="119"/>
      <c r="AM545" s="119"/>
      <c r="AN545" s="119"/>
      <c r="AO545" s="119"/>
      <c r="AP545" s="119"/>
      <c r="AQ545" s="119"/>
      <c r="AR545" s="119"/>
      <c r="AS545" s="119"/>
      <c r="AT545" s="119"/>
      <c r="AU545" s="119"/>
      <c r="AV545" s="119"/>
      <c r="AW545" s="119"/>
      <c r="AX545" s="119"/>
      <c r="AY545" s="119"/>
      <c r="AZ545" s="119"/>
      <c r="BA545" s="119"/>
      <c r="BB545" s="107">
        <v>45884</v>
      </c>
    </row>
    <row r="546" spans="1:54" s="207" customFormat="1" ht="13.95" customHeight="1" x14ac:dyDescent="0.25">
      <c r="A546" s="208" t="s">
        <v>1395</v>
      </c>
      <c r="B546" s="209" t="s">
        <v>20420</v>
      </c>
      <c r="C546" s="113" t="s">
        <v>1396</v>
      </c>
      <c r="D546" s="113" t="s">
        <v>22684</v>
      </c>
      <c r="E546" s="210">
        <v>2000</v>
      </c>
      <c r="F546" s="210">
        <v>458</v>
      </c>
      <c r="G546" s="113" t="s">
        <v>1</v>
      </c>
      <c r="H546" s="113">
        <v>0</v>
      </c>
      <c r="I546" s="113">
        <v>0</v>
      </c>
      <c r="J546" s="115">
        <v>1</v>
      </c>
      <c r="K546" s="116" t="s">
        <v>174</v>
      </c>
      <c r="L546" s="115">
        <v>1</v>
      </c>
      <c r="M546" s="115">
        <v>0</v>
      </c>
      <c r="N546" s="115">
        <v>0</v>
      </c>
      <c r="O546" s="115">
        <v>1</v>
      </c>
      <c r="P546" s="115">
        <v>1</v>
      </c>
      <c r="Q546" s="115" t="s">
        <v>400</v>
      </c>
      <c r="R546" s="115">
        <v>0</v>
      </c>
      <c r="S546" s="115">
        <v>0</v>
      </c>
      <c r="T546" s="115">
        <v>0</v>
      </c>
      <c r="U546" s="119"/>
      <c r="V546" s="119"/>
      <c r="W546" s="119"/>
      <c r="X546" s="119"/>
      <c r="Y546" s="119"/>
      <c r="Z546" s="119"/>
      <c r="AA546" s="119"/>
      <c r="AB546" s="119"/>
      <c r="AC546" s="119"/>
      <c r="AD546" s="119"/>
      <c r="AE546" s="119"/>
      <c r="AF546" s="119"/>
      <c r="AG546" s="119"/>
      <c r="AH546" s="119"/>
      <c r="AI546" s="119"/>
      <c r="AJ546" s="119"/>
      <c r="AK546" s="119"/>
      <c r="AL546" s="119"/>
      <c r="AM546" s="119"/>
      <c r="AN546" s="119"/>
      <c r="AO546" s="119"/>
      <c r="AP546" s="119"/>
      <c r="AQ546" s="119"/>
      <c r="AR546" s="119"/>
      <c r="AS546" s="119"/>
      <c r="AT546" s="119"/>
      <c r="AU546" s="119"/>
      <c r="AV546" s="119"/>
      <c r="AW546" s="119"/>
      <c r="AX546" s="119"/>
      <c r="AY546" s="119"/>
      <c r="AZ546" s="119"/>
      <c r="BA546" s="119"/>
      <c r="BB546" s="107">
        <v>45884</v>
      </c>
    </row>
    <row r="547" spans="1:54" s="207" customFormat="1" ht="13.95" customHeight="1" x14ac:dyDescent="0.25">
      <c r="A547" s="208" t="s">
        <v>1397</v>
      </c>
      <c r="B547" s="209" t="s">
        <v>20420</v>
      </c>
      <c r="C547" s="113" t="s">
        <v>1398</v>
      </c>
      <c r="D547" s="113" t="s">
        <v>22685</v>
      </c>
      <c r="E547" s="210">
        <v>1999</v>
      </c>
      <c r="F547" s="210">
        <v>458</v>
      </c>
      <c r="G547" s="113" t="s">
        <v>1</v>
      </c>
      <c r="H547" s="113">
        <v>0</v>
      </c>
      <c r="I547" s="113">
        <v>0</v>
      </c>
      <c r="J547" s="115">
        <v>1</v>
      </c>
      <c r="K547" s="116" t="s">
        <v>174</v>
      </c>
      <c r="L547" s="115">
        <v>0</v>
      </c>
      <c r="M547" s="115">
        <v>0</v>
      </c>
      <c r="N547" s="115">
        <v>0</v>
      </c>
      <c r="O547" s="115">
        <v>0</v>
      </c>
      <c r="P547" s="115" t="s">
        <v>400</v>
      </c>
      <c r="Q547" s="115" t="s">
        <v>400</v>
      </c>
      <c r="R547" s="115">
        <v>0</v>
      </c>
      <c r="S547" s="115">
        <v>0</v>
      </c>
      <c r="T547" s="115">
        <v>0</v>
      </c>
      <c r="U547" s="119"/>
      <c r="V547" s="119"/>
      <c r="W547" s="119"/>
      <c r="X547" s="119"/>
      <c r="Y547" s="119"/>
      <c r="Z547" s="119"/>
      <c r="AA547" s="119"/>
      <c r="AB547" s="119"/>
      <c r="AC547" s="119"/>
      <c r="AD547" s="119"/>
      <c r="AE547" s="119"/>
      <c r="AF547" s="119"/>
      <c r="AG547" s="119"/>
      <c r="AH547" s="119"/>
      <c r="AI547" s="119"/>
      <c r="AJ547" s="119"/>
      <c r="AK547" s="119"/>
      <c r="AL547" s="119"/>
      <c r="AM547" s="119"/>
      <c r="AN547" s="119"/>
      <c r="AO547" s="119"/>
      <c r="AP547" s="119"/>
      <c r="AQ547" s="119"/>
      <c r="AR547" s="119"/>
      <c r="AS547" s="119"/>
      <c r="AT547" s="119"/>
      <c r="AU547" s="119"/>
      <c r="AV547" s="119"/>
      <c r="AW547" s="119"/>
      <c r="AX547" s="119"/>
      <c r="AY547" s="119"/>
      <c r="AZ547" s="119"/>
      <c r="BA547" s="119"/>
      <c r="BB547" s="107">
        <v>45884</v>
      </c>
    </row>
    <row r="548" spans="1:54" s="207" customFormat="1" ht="13.95" customHeight="1" x14ac:dyDescent="0.25">
      <c r="A548" s="208" t="s">
        <v>1399</v>
      </c>
      <c r="B548" s="209" t="s">
        <v>20420</v>
      </c>
      <c r="C548" s="113" t="s">
        <v>1400</v>
      </c>
      <c r="D548" s="113" t="s">
        <v>22686</v>
      </c>
      <c r="E548" s="210">
        <v>1996</v>
      </c>
      <c r="F548" s="210">
        <v>460</v>
      </c>
      <c r="G548" s="113" t="s">
        <v>1</v>
      </c>
      <c r="H548" s="113">
        <v>0</v>
      </c>
      <c r="I548" s="113">
        <v>0</v>
      </c>
      <c r="J548" s="115">
        <v>1</v>
      </c>
      <c r="K548" s="116" t="s">
        <v>174</v>
      </c>
      <c r="L548" s="115">
        <v>1</v>
      </c>
      <c r="M548" s="115">
        <v>0</v>
      </c>
      <c r="N548" s="115">
        <v>1</v>
      </c>
      <c r="O548" s="115">
        <v>0</v>
      </c>
      <c r="P548" s="115" t="s">
        <v>400</v>
      </c>
      <c r="Q548" s="115" t="s">
        <v>400</v>
      </c>
      <c r="R548" s="115">
        <v>0</v>
      </c>
      <c r="S548" s="115">
        <v>0</v>
      </c>
      <c r="T548" s="115">
        <v>0</v>
      </c>
      <c r="U548" s="119"/>
      <c r="V548" s="119"/>
      <c r="W548" s="119"/>
      <c r="X548" s="119"/>
      <c r="Y548" s="119"/>
      <c r="Z548" s="119"/>
      <c r="AA548" s="119"/>
      <c r="AB548" s="119"/>
      <c r="AC548" s="119"/>
      <c r="AD548" s="119"/>
      <c r="AE548" s="119"/>
      <c r="AF548" s="119"/>
      <c r="AG548" s="119"/>
      <c r="AH548" s="119"/>
      <c r="AI548" s="119"/>
      <c r="AJ548" s="119"/>
      <c r="AK548" s="119"/>
      <c r="AL548" s="119"/>
      <c r="AM548" s="119"/>
      <c r="AN548" s="119"/>
      <c r="AO548" s="119"/>
      <c r="AP548" s="119"/>
      <c r="AQ548" s="119"/>
      <c r="AR548" s="119"/>
      <c r="AS548" s="119"/>
      <c r="AT548" s="119"/>
      <c r="AU548" s="119"/>
      <c r="AV548" s="119"/>
      <c r="AW548" s="119"/>
      <c r="AX548" s="119"/>
      <c r="AY548" s="119"/>
      <c r="AZ548" s="119"/>
      <c r="BA548" s="119"/>
      <c r="BB548" s="107">
        <v>45884</v>
      </c>
    </row>
    <row r="549" spans="1:54" s="207" customFormat="1" ht="13.95" customHeight="1" x14ac:dyDescent="0.25">
      <c r="A549" s="208" t="s">
        <v>1401</v>
      </c>
      <c r="B549" s="209" t="s">
        <v>20420</v>
      </c>
      <c r="C549" s="113" t="s">
        <v>1402</v>
      </c>
      <c r="D549" s="113" t="s">
        <v>1403</v>
      </c>
      <c r="E549" s="210">
        <v>1984</v>
      </c>
      <c r="F549" s="210">
        <v>460</v>
      </c>
      <c r="G549" s="113" t="s">
        <v>1</v>
      </c>
      <c r="H549" s="113">
        <v>0</v>
      </c>
      <c r="I549" s="113">
        <v>0</v>
      </c>
      <c r="J549" s="115">
        <v>1</v>
      </c>
      <c r="K549" s="116" t="s">
        <v>174</v>
      </c>
      <c r="L549" s="115">
        <v>1</v>
      </c>
      <c r="M549" s="115">
        <v>0</v>
      </c>
      <c r="N549" s="115">
        <v>0</v>
      </c>
      <c r="O549" s="115">
        <v>1</v>
      </c>
      <c r="P549" s="115">
        <v>1</v>
      </c>
      <c r="Q549" s="115" t="s">
        <v>400</v>
      </c>
      <c r="R549" s="115">
        <v>0</v>
      </c>
      <c r="S549" s="115">
        <v>0</v>
      </c>
      <c r="T549" s="115">
        <v>0</v>
      </c>
      <c r="U549" s="119"/>
      <c r="V549" s="119"/>
      <c r="W549" s="119"/>
      <c r="X549" s="119"/>
      <c r="Y549" s="119"/>
      <c r="Z549" s="119"/>
      <c r="AA549" s="119"/>
      <c r="AB549" s="119"/>
      <c r="AC549" s="119"/>
      <c r="AD549" s="119"/>
      <c r="AE549" s="119"/>
      <c r="AF549" s="119"/>
      <c r="AG549" s="119"/>
      <c r="AH549" s="119"/>
      <c r="AI549" s="119"/>
      <c r="AJ549" s="119"/>
      <c r="AK549" s="119"/>
      <c r="AL549" s="119"/>
      <c r="AM549" s="119"/>
      <c r="AN549" s="119"/>
      <c r="AO549" s="119"/>
      <c r="AP549" s="119"/>
      <c r="AQ549" s="119"/>
      <c r="AR549" s="119"/>
      <c r="AS549" s="119"/>
      <c r="AT549" s="119"/>
      <c r="AU549" s="119"/>
      <c r="AV549" s="119"/>
      <c r="AW549" s="119"/>
      <c r="AX549" s="119"/>
      <c r="AY549" s="119"/>
      <c r="AZ549" s="119"/>
      <c r="BA549" s="119"/>
      <c r="BB549" s="107">
        <v>45884</v>
      </c>
    </row>
    <row r="550" spans="1:54" s="207" customFormat="1" ht="13.95" customHeight="1" x14ac:dyDescent="0.25">
      <c r="A550" s="208" t="s">
        <v>1404</v>
      </c>
      <c r="B550" s="209" t="s">
        <v>20420</v>
      </c>
      <c r="C550" s="113" t="s">
        <v>1405</v>
      </c>
      <c r="D550" s="113" t="s">
        <v>1406</v>
      </c>
      <c r="E550" s="210">
        <v>1983</v>
      </c>
      <c r="F550" s="210">
        <v>461</v>
      </c>
      <c r="G550" s="113" t="s">
        <v>1</v>
      </c>
      <c r="H550" s="113">
        <v>0</v>
      </c>
      <c r="I550" s="113">
        <v>0</v>
      </c>
      <c r="J550" s="115">
        <v>1</v>
      </c>
      <c r="K550" s="116" t="s">
        <v>174</v>
      </c>
      <c r="L550" s="115">
        <v>1</v>
      </c>
      <c r="M550" s="115">
        <v>0</v>
      </c>
      <c r="N550" s="115">
        <v>0</v>
      </c>
      <c r="O550" s="115">
        <v>1</v>
      </c>
      <c r="P550" s="115" t="s">
        <v>400</v>
      </c>
      <c r="Q550" s="115" t="s">
        <v>400</v>
      </c>
      <c r="R550" s="115">
        <v>1</v>
      </c>
      <c r="S550" s="115">
        <v>0</v>
      </c>
      <c r="T550" s="115">
        <v>0</v>
      </c>
      <c r="U550" s="119"/>
      <c r="V550" s="119"/>
      <c r="W550" s="119"/>
      <c r="X550" s="119"/>
      <c r="Y550" s="119"/>
      <c r="Z550" s="119"/>
      <c r="AA550" s="119"/>
      <c r="AB550" s="119"/>
      <c r="AC550" s="119"/>
      <c r="AD550" s="119"/>
      <c r="AE550" s="119"/>
      <c r="AF550" s="119"/>
      <c r="AG550" s="119"/>
      <c r="AH550" s="119"/>
      <c r="AI550" s="119"/>
      <c r="AJ550" s="119"/>
      <c r="AK550" s="119"/>
      <c r="AL550" s="119"/>
      <c r="AM550" s="119"/>
      <c r="AN550" s="119"/>
      <c r="AO550" s="119"/>
      <c r="AP550" s="119"/>
      <c r="AQ550" s="119"/>
      <c r="AR550" s="119"/>
      <c r="AS550" s="119"/>
      <c r="AT550" s="119"/>
      <c r="AU550" s="119"/>
      <c r="AV550" s="119"/>
      <c r="AW550" s="119"/>
      <c r="AX550" s="119"/>
      <c r="AY550" s="119"/>
      <c r="AZ550" s="119"/>
      <c r="BA550" s="119"/>
      <c r="BB550" s="107">
        <v>45884</v>
      </c>
    </row>
    <row r="551" spans="1:54" s="207" customFormat="1" ht="13.95" customHeight="1" x14ac:dyDescent="0.25">
      <c r="A551" s="208" t="s">
        <v>1407</v>
      </c>
      <c r="B551" s="209" t="s">
        <v>20420</v>
      </c>
      <c r="C551" s="113" t="s">
        <v>1408</v>
      </c>
      <c r="D551" s="113" t="s">
        <v>22687</v>
      </c>
      <c r="E551" s="210">
        <v>1974</v>
      </c>
      <c r="F551" s="210">
        <v>462</v>
      </c>
      <c r="G551" s="113" t="s">
        <v>1</v>
      </c>
      <c r="H551" s="113">
        <v>0</v>
      </c>
      <c r="I551" s="113">
        <v>0</v>
      </c>
      <c r="J551" s="115">
        <v>1</v>
      </c>
      <c r="K551" s="211">
        <v>1</v>
      </c>
      <c r="L551" s="115">
        <v>1</v>
      </c>
      <c r="M551" s="115">
        <v>1</v>
      </c>
      <c r="N551" s="115">
        <v>0</v>
      </c>
      <c r="O551" s="115">
        <v>1</v>
      </c>
      <c r="P551" s="115" t="s">
        <v>400</v>
      </c>
      <c r="Q551" s="115" t="s">
        <v>400</v>
      </c>
      <c r="R551" s="115">
        <v>1</v>
      </c>
      <c r="S551" s="115">
        <v>0</v>
      </c>
      <c r="T551" s="115">
        <v>0</v>
      </c>
      <c r="U551" s="119"/>
      <c r="V551" s="119"/>
      <c r="W551" s="119"/>
      <c r="X551" s="119"/>
      <c r="Y551" s="119"/>
      <c r="Z551" s="119"/>
      <c r="AA551" s="119"/>
      <c r="AB551" s="119"/>
      <c r="AC551" s="119"/>
      <c r="AD551" s="119"/>
      <c r="AE551" s="119"/>
      <c r="AF551" s="119"/>
      <c r="AG551" s="119"/>
      <c r="AH551" s="119"/>
      <c r="AI551" s="119"/>
      <c r="AJ551" s="119"/>
      <c r="AK551" s="119"/>
      <c r="AL551" s="119"/>
      <c r="AM551" s="119"/>
      <c r="AN551" s="119"/>
      <c r="AO551" s="119"/>
      <c r="AP551" s="119"/>
      <c r="AQ551" s="119"/>
      <c r="AR551" s="119"/>
      <c r="AS551" s="119"/>
      <c r="AT551" s="119"/>
      <c r="AU551" s="119"/>
      <c r="AV551" s="119"/>
      <c r="AW551" s="119"/>
      <c r="AX551" s="119"/>
      <c r="AY551" s="119"/>
      <c r="AZ551" s="119"/>
      <c r="BA551" s="119"/>
      <c r="BB551" s="107">
        <v>45884</v>
      </c>
    </row>
    <row r="552" spans="1:54" s="207" customFormat="1" ht="13.95" customHeight="1" x14ac:dyDescent="0.25">
      <c r="A552" s="208" t="s">
        <v>1409</v>
      </c>
      <c r="B552" s="209" t="s">
        <v>20420</v>
      </c>
      <c r="C552" s="113" t="s">
        <v>1410</v>
      </c>
      <c r="D552" s="113" t="s">
        <v>1411</v>
      </c>
      <c r="E552" s="210">
        <v>1980</v>
      </c>
      <c r="F552" s="210">
        <v>464</v>
      </c>
      <c r="G552" s="113" t="s">
        <v>1</v>
      </c>
      <c r="H552" s="113">
        <v>0</v>
      </c>
      <c r="I552" s="113">
        <v>0</v>
      </c>
      <c r="J552" s="115">
        <v>1</v>
      </c>
      <c r="K552" s="116" t="s">
        <v>174</v>
      </c>
      <c r="L552" s="115">
        <v>0</v>
      </c>
      <c r="M552" s="115">
        <v>0</v>
      </c>
      <c r="N552" s="115">
        <v>0</v>
      </c>
      <c r="O552" s="115">
        <v>0</v>
      </c>
      <c r="P552" s="115" t="s">
        <v>400</v>
      </c>
      <c r="Q552" s="115" t="s">
        <v>400</v>
      </c>
      <c r="R552" s="115">
        <v>0</v>
      </c>
      <c r="S552" s="115">
        <v>0</v>
      </c>
      <c r="T552" s="115">
        <v>0</v>
      </c>
      <c r="U552" s="119"/>
      <c r="V552" s="119"/>
      <c r="W552" s="119"/>
      <c r="X552" s="119"/>
      <c r="Y552" s="119"/>
      <c r="Z552" s="119"/>
      <c r="AA552" s="119"/>
      <c r="AB552" s="119"/>
      <c r="AC552" s="119"/>
      <c r="AD552" s="119"/>
      <c r="AE552" s="119"/>
      <c r="AF552" s="119"/>
      <c r="AG552" s="119"/>
      <c r="AH552" s="119"/>
      <c r="AI552" s="119"/>
      <c r="AJ552" s="119"/>
      <c r="AK552" s="119"/>
      <c r="AL552" s="119"/>
      <c r="AM552" s="119"/>
      <c r="AN552" s="119"/>
      <c r="AO552" s="119"/>
      <c r="AP552" s="119"/>
      <c r="AQ552" s="119"/>
      <c r="AR552" s="119"/>
      <c r="AS552" s="119"/>
      <c r="AT552" s="119"/>
      <c r="AU552" s="119"/>
      <c r="AV552" s="119"/>
      <c r="AW552" s="119"/>
      <c r="AX552" s="119"/>
      <c r="AY552" s="119"/>
      <c r="AZ552" s="119"/>
      <c r="BA552" s="119"/>
      <c r="BB552" s="107">
        <v>45884</v>
      </c>
    </row>
    <row r="553" spans="1:54" s="207" customFormat="1" ht="13.95" customHeight="1" x14ac:dyDescent="0.25">
      <c r="A553" s="208" t="s">
        <v>1412</v>
      </c>
      <c r="B553" s="209" t="s">
        <v>20420</v>
      </c>
      <c r="C553" s="113" t="s">
        <v>1413</v>
      </c>
      <c r="D553" s="113" t="s">
        <v>22688</v>
      </c>
      <c r="E553" s="210">
        <v>1984</v>
      </c>
      <c r="F553" s="210">
        <v>465</v>
      </c>
      <c r="G553" s="113" t="s">
        <v>1</v>
      </c>
      <c r="H553" s="113">
        <v>0</v>
      </c>
      <c r="I553" s="113">
        <v>0</v>
      </c>
      <c r="J553" s="115">
        <v>1</v>
      </c>
      <c r="K553" s="116" t="s">
        <v>174</v>
      </c>
      <c r="L553" s="115">
        <v>0</v>
      </c>
      <c r="M553" s="115">
        <v>0</v>
      </c>
      <c r="N553" s="115">
        <v>0</v>
      </c>
      <c r="O553" s="115">
        <v>1</v>
      </c>
      <c r="P553" s="115">
        <v>1</v>
      </c>
      <c r="Q553" s="115" t="s">
        <v>400</v>
      </c>
      <c r="R553" s="115">
        <v>0</v>
      </c>
      <c r="S553" s="115">
        <v>0</v>
      </c>
      <c r="T553" s="115">
        <v>0</v>
      </c>
      <c r="U553" s="119"/>
      <c r="V553" s="119"/>
      <c r="W553" s="119"/>
      <c r="X553" s="119"/>
      <c r="Y553" s="119"/>
      <c r="Z553" s="119"/>
      <c r="AA553" s="119"/>
      <c r="AB553" s="119"/>
      <c r="AC553" s="119"/>
      <c r="AD553" s="119"/>
      <c r="AE553" s="119"/>
      <c r="AF553" s="119"/>
      <c r="AG553" s="119"/>
      <c r="AH553" s="119"/>
      <c r="AI553" s="119"/>
      <c r="AJ553" s="119"/>
      <c r="AK553" s="119"/>
      <c r="AL553" s="119"/>
      <c r="AM553" s="119"/>
      <c r="AN553" s="119"/>
      <c r="AO553" s="119"/>
      <c r="AP553" s="119"/>
      <c r="AQ553" s="119"/>
      <c r="AR553" s="119"/>
      <c r="AS553" s="119"/>
      <c r="AT553" s="119"/>
      <c r="AU553" s="119"/>
      <c r="AV553" s="119"/>
      <c r="AW553" s="119"/>
      <c r="AX553" s="119"/>
      <c r="AY553" s="119"/>
      <c r="AZ553" s="119"/>
      <c r="BA553" s="119"/>
      <c r="BB553" s="107">
        <v>45884</v>
      </c>
    </row>
    <row r="554" spans="1:54" s="207" customFormat="1" ht="13.95" customHeight="1" x14ac:dyDescent="0.25">
      <c r="A554" s="208" t="s">
        <v>1414</v>
      </c>
      <c r="B554" s="209" t="s">
        <v>20420</v>
      </c>
      <c r="C554" s="113" t="s">
        <v>1415</v>
      </c>
      <c r="D554" s="113" t="s">
        <v>1416</v>
      </c>
      <c r="E554" s="210">
        <v>1976</v>
      </c>
      <c r="F554" s="210">
        <v>465</v>
      </c>
      <c r="G554" s="113" t="s">
        <v>1</v>
      </c>
      <c r="H554" s="113">
        <v>0</v>
      </c>
      <c r="I554" s="113">
        <v>0</v>
      </c>
      <c r="J554" s="115">
        <v>1</v>
      </c>
      <c r="K554" s="211">
        <v>1</v>
      </c>
      <c r="L554" s="115">
        <v>0</v>
      </c>
      <c r="M554" s="115">
        <v>0</v>
      </c>
      <c r="N554" s="115">
        <v>0</v>
      </c>
      <c r="O554" s="115">
        <v>0</v>
      </c>
      <c r="P554" s="115" t="s">
        <v>400</v>
      </c>
      <c r="Q554" s="115" t="s">
        <v>400</v>
      </c>
      <c r="R554" s="115">
        <v>0</v>
      </c>
      <c r="S554" s="115">
        <v>0</v>
      </c>
      <c r="T554" s="115">
        <v>0</v>
      </c>
      <c r="U554" s="119"/>
      <c r="V554" s="119"/>
      <c r="W554" s="119"/>
      <c r="X554" s="119"/>
      <c r="Y554" s="119"/>
      <c r="Z554" s="119"/>
      <c r="AA554" s="119"/>
      <c r="AB554" s="119"/>
      <c r="AC554" s="119"/>
      <c r="AD554" s="119"/>
      <c r="AE554" s="119"/>
      <c r="AF554" s="119"/>
      <c r="AG554" s="119"/>
      <c r="AH554" s="119"/>
      <c r="AI554" s="119"/>
      <c r="AJ554" s="119"/>
      <c r="AK554" s="119"/>
      <c r="AL554" s="119"/>
      <c r="AM554" s="119"/>
      <c r="AN554" s="119"/>
      <c r="AO554" s="119"/>
      <c r="AP554" s="119"/>
      <c r="AQ554" s="119"/>
      <c r="AR554" s="119"/>
      <c r="AS554" s="119"/>
      <c r="AT554" s="119"/>
      <c r="AU554" s="119"/>
      <c r="AV554" s="119"/>
      <c r="AW554" s="119"/>
      <c r="AX554" s="119"/>
      <c r="AY554" s="119"/>
      <c r="AZ554" s="119"/>
      <c r="BA554" s="119"/>
      <c r="BB554" s="107">
        <v>45884</v>
      </c>
    </row>
    <row r="555" spans="1:54" s="207" customFormat="1" ht="13.95" customHeight="1" x14ac:dyDescent="0.25">
      <c r="A555" s="208" t="s">
        <v>1417</v>
      </c>
      <c r="B555" s="209" t="s">
        <v>20420</v>
      </c>
      <c r="C555" s="113" t="s">
        <v>1418</v>
      </c>
      <c r="D555" s="113" t="s">
        <v>22689</v>
      </c>
      <c r="E555" s="210">
        <v>1990</v>
      </c>
      <c r="F555" s="210">
        <v>465</v>
      </c>
      <c r="G555" s="113" t="s">
        <v>1</v>
      </c>
      <c r="H555" s="113">
        <v>0</v>
      </c>
      <c r="I555" s="113">
        <v>0</v>
      </c>
      <c r="J555" s="115">
        <v>1</v>
      </c>
      <c r="K555" s="116" t="s">
        <v>174</v>
      </c>
      <c r="L555" s="115">
        <v>1</v>
      </c>
      <c r="M555" s="115">
        <v>0</v>
      </c>
      <c r="N555" s="115">
        <v>0</v>
      </c>
      <c r="O555" s="115">
        <v>1</v>
      </c>
      <c r="P555" s="115">
        <v>1</v>
      </c>
      <c r="Q555" s="115" t="s">
        <v>400</v>
      </c>
      <c r="R555" s="115">
        <v>0</v>
      </c>
      <c r="S555" s="115">
        <v>0</v>
      </c>
      <c r="T555" s="115">
        <v>0</v>
      </c>
      <c r="U555" s="119"/>
      <c r="V555" s="119"/>
      <c r="W555" s="119"/>
      <c r="X555" s="119"/>
      <c r="Y555" s="119"/>
      <c r="Z555" s="119"/>
      <c r="AA555" s="119"/>
      <c r="AB555" s="119"/>
      <c r="AC555" s="119"/>
      <c r="AD555" s="119"/>
      <c r="AE555" s="119"/>
      <c r="AF555" s="119"/>
      <c r="AG555" s="119"/>
      <c r="AH555" s="119"/>
      <c r="AI555" s="119"/>
      <c r="AJ555" s="119"/>
      <c r="AK555" s="119"/>
      <c r="AL555" s="119"/>
      <c r="AM555" s="119"/>
      <c r="AN555" s="119"/>
      <c r="AO555" s="119"/>
      <c r="AP555" s="119"/>
      <c r="AQ555" s="119"/>
      <c r="AR555" s="119"/>
      <c r="AS555" s="119"/>
      <c r="AT555" s="119"/>
      <c r="AU555" s="119"/>
      <c r="AV555" s="119"/>
      <c r="AW555" s="119"/>
      <c r="AX555" s="119"/>
      <c r="AY555" s="119"/>
      <c r="AZ555" s="119"/>
      <c r="BA555" s="119"/>
      <c r="BB555" s="107">
        <v>45884</v>
      </c>
    </row>
    <row r="556" spans="1:54" s="207" customFormat="1" ht="13.95" customHeight="1" x14ac:dyDescent="0.25">
      <c r="A556" s="208" t="s">
        <v>1419</v>
      </c>
      <c r="B556" s="209" t="s">
        <v>20420</v>
      </c>
      <c r="C556" s="113" t="s">
        <v>1420</v>
      </c>
      <c r="D556" s="113" t="s">
        <v>1421</v>
      </c>
      <c r="E556" s="210">
        <v>1994</v>
      </c>
      <c r="F556" s="210">
        <v>467</v>
      </c>
      <c r="G556" s="113" t="s">
        <v>1</v>
      </c>
      <c r="H556" s="113">
        <v>0</v>
      </c>
      <c r="I556" s="113">
        <v>0</v>
      </c>
      <c r="J556" s="115">
        <v>1</v>
      </c>
      <c r="K556" s="211">
        <v>1</v>
      </c>
      <c r="L556" s="115">
        <v>1</v>
      </c>
      <c r="M556" s="115">
        <v>0</v>
      </c>
      <c r="N556" s="115">
        <v>0</v>
      </c>
      <c r="O556" s="115">
        <v>0</v>
      </c>
      <c r="P556" s="115">
        <v>1</v>
      </c>
      <c r="Q556" s="115" t="s">
        <v>400</v>
      </c>
      <c r="R556" s="115">
        <v>1</v>
      </c>
      <c r="S556" s="115">
        <v>0</v>
      </c>
      <c r="T556" s="115">
        <v>0</v>
      </c>
      <c r="U556" s="119"/>
      <c r="V556" s="119"/>
      <c r="W556" s="119"/>
      <c r="X556" s="119"/>
      <c r="Y556" s="119"/>
      <c r="Z556" s="119"/>
      <c r="AA556" s="119"/>
      <c r="AB556" s="119"/>
      <c r="AC556" s="119"/>
      <c r="AD556" s="119"/>
      <c r="AE556" s="119"/>
      <c r="AF556" s="119"/>
      <c r="AG556" s="119"/>
      <c r="AH556" s="119"/>
      <c r="AI556" s="119"/>
      <c r="AJ556" s="119"/>
      <c r="AK556" s="119"/>
      <c r="AL556" s="119"/>
      <c r="AM556" s="119"/>
      <c r="AN556" s="119"/>
      <c r="AO556" s="119"/>
      <c r="AP556" s="119"/>
      <c r="AQ556" s="119"/>
      <c r="AR556" s="119"/>
      <c r="AS556" s="119"/>
      <c r="AT556" s="119"/>
      <c r="AU556" s="119"/>
      <c r="AV556" s="119"/>
      <c r="AW556" s="119"/>
      <c r="AX556" s="119"/>
      <c r="AY556" s="119"/>
      <c r="AZ556" s="119"/>
      <c r="BA556" s="119"/>
      <c r="BB556" s="107">
        <v>45884</v>
      </c>
    </row>
    <row r="557" spans="1:54" s="207" customFormat="1" ht="13.95" customHeight="1" x14ac:dyDescent="0.25">
      <c r="A557" s="208" t="s">
        <v>1422</v>
      </c>
      <c r="B557" s="209" t="s">
        <v>20420</v>
      </c>
      <c r="C557" s="113" t="s">
        <v>1423</v>
      </c>
      <c r="D557" s="113" t="s">
        <v>1424</v>
      </c>
      <c r="E557" s="210">
        <v>1989</v>
      </c>
      <c r="F557" s="210">
        <v>468</v>
      </c>
      <c r="G557" s="113" t="s">
        <v>1</v>
      </c>
      <c r="H557" s="113">
        <v>0</v>
      </c>
      <c r="I557" s="113">
        <v>0</v>
      </c>
      <c r="J557" s="115">
        <v>1</v>
      </c>
      <c r="K557" s="211">
        <v>1</v>
      </c>
      <c r="L557" s="115">
        <v>1</v>
      </c>
      <c r="M557" s="115">
        <v>1</v>
      </c>
      <c r="N557" s="115">
        <v>0</v>
      </c>
      <c r="O557" s="115">
        <v>0</v>
      </c>
      <c r="P557" s="115" t="s">
        <v>400</v>
      </c>
      <c r="Q557" s="115" t="s">
        <v>400</v>
      </c>
      <c r="R557" s="115">
        <v>0</v>
      </c>
      <c r="S557" s="115">
        <v>0</v>
      </c>
      <c r="T557" s="115">
        <v>0</v>
      </c>
      <c r="U557" s="119"/>
      <c r="V557" s="119"/>
      <c r="W557" s="119"/>
      <c r="X557" s="119"/>
      <c r="Y557" s="119"/>
      <c r="Z557" s="119"/>
      <c r="AA557" s="119"/>
      <c r="AB557" s="119"/>
      <c r="AC557" s="119"/>
      <c r="AD557" s="119"/>
      <c r="AE557" s="119"/>
      <c r="AF557" s="119"/>
      <c r="AG557" s="119"/>
      <c r="AH557" s="119"/>
      <c r="AI557" s="119"/>
      <c r="AJ557" s="119"/>
      <c r="AK557" s="119"/>
      <c r="AL557" s="119"/>
      <c r="AM557" s="119"/>
      <c r="AN557" s="119"/>
      <c r="AO557" s="119"/>
      <c r="AP557" s="119"/>
      <c r="AQ557" s="119"/>
      <c r="AR557" s="119"/>
      <c r="AS557" s="119"/>
      <c r="AT557" s="119"/>
      <c r="AU557" s="119"/>
      <c r="AV557" s="119"/>
      <c r="AW557" s="119"/>
      <c r="AX557" s="119"/>
      <c r="AY557" s="119"/>
      <c r="AZ557" s="119"/>
      <c r="BA557" s="119"/>
      <c r="BB557" s="107">
        <v>45884</v>
      </c>
    </row>
    <row r="558" spans="1:54" s="207" customFormat="1" ht="13.95" customHeight="1" x14ac:dyDescent="0.25">
      <c r="A558" s="208" t="s">
        <v>1425</v>
      </c>
      <c r="B558" s="209" t="s">
        <v>20420</v>
      </c>
      <c r="C558" s="113" t="s">
        <v>1426</v>
      </c>
      <c r="D558" s="113" t="s">
        <v>22419</v>
      </c>
      <c r="E558" s="210">
        <v>1988</v>
      </c>
      <c r="F558" s="210">
        <v>468</v>
      </c>
      <c r="G558" s="113" t="s">
        <v>1</v>
      </c>
      <c r="H558" s="113">
        <v>0</v>
      </c>
      <c r="I558" s="113">
        <v>0</v>
      </c>
      <c r="J558" s="115">
        <v>1</v>
      </c>
      <c r="K558" s="116" t="s">
        <v>174</v>
      </c>
      <c r="L558" s="115">
        <v>1</v>
      </c>
      <c r="M558" s="115">
        <v>0</v>
      </c>
      <c r="N558" s="115">
        <v>0</v>
      </c>
      <c r="O558" s="115">
        <v>1</v>
      </c>
      <c r="P558" s="115">
        <v>1</v>
      </c>
      <c r="Q558" s="115" t="s">
        <v>400</v>
      </c>
      <c r="R558" s="115">
        <v>0</v>
      </c>
      <c r="S558" s="115">
        <v>0</v>
      </c>
      <c r="T558" s="115">
        <v>0</v>
      </c>
      <c r="U558" s="119"/>
      <c r="V558" s="119"/>
      <c r="W558" s="119"/>
      <c r="X558" s="119"/>
      <c r="Y558" s="119"/>
      <c r="Z558" s="119"/>
      <c r="AA558" s="119"/>
      <c r="AB558" s="119"/>
      <c r="AC558" s="119"/>
      <c r="AD558" s="119"/>
      <c r="AE558" s="119"/>
      <c r="AF558" s="119"/>
      <c r="AG558" s="119"/>
      <c r="AH558" s="119"/>
      <c r="AI558" s="119"/>
      <c r="AJ558" s="119"/>
      <c r="AK558" s="119"/>
      <c r="AL558" s="119"/>
      <c r="AM558" s="119"/>
      <c r="AN558" s="119"/>
      <c r="AO558" s="119"/>
      <c r="AP558" s="119"/>
      <c r="AQ558" s="119"/>
      <c r="AR558" s="119"/>
      <c r="AS558" s="119"/>
      <c r="AT558" s="119"/>
      <c r="AU558" s="119"/>
      <c r="AV558" s="119"/>
      <c r="AW558" s="119"/>
      <c r="AX558" s="119"/>
      <c r="AY558" s="119"/>
      <c r="AZ558" s="119"/>
      <c r="BA558" s="119"/>
      <c r="BB558" s="107">
        <v>45884</v>
      </c>
    </row>
    <row r="559" spans="1:54" s="207" customFormat="1" ht="13.95" customHeight="1" x14ac:dyDescent="0.25">
      <c r="A559" s="208" t="s">
        <v>1427</v>
      </c>
      <c r="B559" s="209" t="s">
        <v>20420</v>
      </c>
      <c r="C559" s="113" t="s">
        <v>1428</v>
      </c>
      <c r="D559" s="113" t="s">
        <v>1429</v>
      </c>
      <c r="E559" s="210">
        <v>1993</v>
      </c>
      <c r="F559" s="210">
        <v>469</v>
      </c>
      <c r="G559" s="113" t="s">
        <v>1</v>
      </c>
      <c r="H559" s="113">
        <v>0</v>
      </c>
      <c r="I559" s="113">
        <v>0</v>
      </c>
      <c r="J559" s="115">
        <v>1</v>
      </c>
      <c r="K559" s="116" t="s">
        <v>174</v>
      </c>
      <c r="L559" s="115">
        <v>0</v>
      </c>
      <c r="M559" s="115">
        <v>0</v>
      </c>
      <c r="N559" s="115">
        <v>1</v>
      </c>
      <c r="O559" s="115">
        <v>0</v>
      </c>
      <c r="P559" s="115" t="s">
        <v>400</v>
      </c>
      <c r="Q559" s="115" t="s">
        <v>400</v>
      </c>
      <c r="R559" s="115">
        <v>1</v>
      </c>
      <c r="S559" s="115">
        <v>0</v>
      </c>
      <c r="T559" s="115">
        <v>0</v>
      </c>
      <c r="U559" s="119"/>
      <c r="V559" s="119"/>
      <c r="W559" s="119"/>
      <c r="X559" s="119"/>
      <c r="Y559" s="119"/>
      <c r="Z559" s="119"/>
      <c r="AA559" s="119"/>
      <c r="AB559" s="119"/>
      <c r="AC559" s="119"/>
      <c r="AD559" s="119"/>
      <c r="AE559" s="119"/>
      <c r="AF559" s="119"/>
      <c r="AG559" s="119"/>
      <c r="AH559" s="119"/>
      <c r="AI559" s="119"/>
      <c r="AJ559" s="119"/>
      <c r="AK559" s="119"/>
      <c r="AL559" s="119"/>
      <c r="AM559" s="119"/>
      <c r="AN559" s="119"/>
      <c r="AO559" s="119"/>
      <c r="AP559" s="119"/>
      <c r="AQ559" s="119"/>
      <c r="AR559" s="119"/>
      <c r="AS559" s="119"/>
      <c r="AT559" s="119"/>
      <c r="AU559" s="119"/>
      <c r="AV559" s="119"/>
      <c r="AW559" s="119"/>
      <c r="AX559" s="119"/>
      <c r="AY559" s="119"/>
      <c r="AZ559" s="119"/>
      <c r="BA559" s="119"/>
      <c r="BB559" s="107">
        <v>45884</v>
      </c>
    </row>
    <row r="560" spans="1:54" s="207" customFormat="1" ht="13.95" customHeight="1" x14ac:dyDescent="0.25">
      <c r="A560" s="208" t="s">
        <v>1430</v>
      </c>
      <c r="B560" s="209" t="s">
        <v>20420</v>
      </c>
      <c r="C560" s="113" t="s">
        <v>1431</v>
      </c>
      <c r="D560" s="113" t="s">
        <v>1432</v>
      </c>
      <c r="E560" s="210">
        <v>1978</v>
      </c>
      <c r="F560" s="210">
        <v>470</v>
      </c>
      <c r="G560" s="113" t="s">
        <v>1</v>
      </c>
      <c r="H560" s="113">
        <v>0</v>
      </c>
      <c r="I560" s="113">
        <v>0</v>
      </c>
      <c r="J560" s="115">
        <v>1</v>
      </c>
      <c r="K560" s="116" t="s">
        <v>174</v>
      </c>
      <c r="L560" s="115">
        <v>0</v>
      </c>
      <c r="M560" s="115">
        <v>0</v>
      </c>
      <c r="N560" s="115">
        <v>0</v>
      </c>
      <c r="O560" s="115">
        <v>1</v>
      </c>
      <c r="P560" s="115">
        <v>1</v>
      </c>
      <c r="Q560" s="115" t="s">
        <v>400</v>
      </c>
      <c r="R560" s="115">
        <v>0</v>
      </c>
      <c r="S560" s="115">
        <v>0</v>
      </c>
      <c r="T560" s="115">
        <v>0</v>
      </c>
      <c r="U560" s="119"/>
      <c r="V560" s="119"/>
      <c r="W560" s="119"/>
      <c r="X560" s="119"/>
      <c r="Y560" s="119"/>
      <c r="Z560" s="119"/>
      <c r="AA560" s="119"/>
      <c r="AB560" s="119"/>
      <c r="AC560" s="119"/>
      <c r="AD560" s="119"/>
      <c r="AE560" s="119"/>
      <c r="AF560" s="119"/>
      <c r="AG560" s="119"/>
      <c r="AH560" s="119"/>
      <c r="AI560" s="119"/>
      <c r="AJ560" s="119"/>
      <c r="AK560" s="119"/>
      <c r="AL560" s="119"/>
      <c r="AM560" s="119"/>
      <c r="AN560" s="119"/>
      <c r="AO560" s="119"/>
      <c r="AP560" s="119"/>
      <c r="AQ560" s="119"/>
      <c r="AR560" s="119"/>
      <c r="AS560" s="119"/>
      <c r="AT560" s="119"/>
      <c r="AU560" s="119"/>
      <c r="AV560" s="119"/>
      <c r="AW560" s="119"/>
      <c r="AX560" s="119"/>
      <c r="AY560" s="119"/>
      <c r="AZ560" s="119"/>
      <c r="BA560" s="119"/>
      <c r="BB560" s="107">
        <v>45884</v>
      </c>
    </row>
    <row r="561" spans="1:54" s="207" customFormat="1" ht="13.95" customHeight="1" x14ac:dyDescent="0.25">
      <c r="A561" s="208" t="s">
        <v>1433</v>
      </c>
      <c r="B561" s="209" t="s">
        <v>20420</v>
      </c>
      <c r="C561" s="113" t="s">
        <v>1434</v>
      </c>
      <c r="D561" s="113" t="s">
        <v>1435</v>
      </c>
      <c r="E561" s="210">
        <v>1988</v>
      </c>
      <c r="F561" s="210">
        <v>470</v>
      </c>
      <c r="G561" s="113" t="s">
        <v>1</v>
      </c>
      <c r="H561" s="113">
        <v>0</v>
      </c>
      <c r="I561" s="113">
        <v>0</v>
      </c>
      <c r="J561" s="115">
        <v>1</v>
      </c>
      <c r="K561" s="116" t="s">
        <v>174</v>
      </c>
      <c r="L561" s="115">
        <v>1</v>
      </c>
      <c r="M561" s="115">
        <v>0</v>
      </c>
      <c r="N561" s="115">
        <v>0</v>
      </c>
      <c r="O561" s="115">
        <v>1</v>
      </c>
      <c r="P561" s="115">
        <v>1</v>
      </c>
      <c r="Q561" s="115" t="s">
        <v>400</v>
      </c>
      <c r="R561" s="115">
        <v>0</v>
      </c>
      <c r="S561" s="115">
        <v>0</v>
      </c>
      <c r="T561" s="115">
        <v>0</v>
      </c>
      <c r="U561" s="119"/>
      <c r="V561" s="119"/>
      <c r="W561" s="119"/>
      <c r="X561" s="119"/>
      <c r="Y561" s="119"/>
      <c r="Z561" s="119"/>
      <c r="AA561" s="119"/>
      <c r="AB561" s="119"/>
      <c r="AC561" s="119"/>
      <c r="AD561" s="119"/>
      <c r="AE561" s="119"/>
      <c r="AF561" s="119"/>
      <c r="AG561" s="119"/>
      <c r="AH561" s="119"/>
      <c r="AI561" s="119"/>
      <c r="AJ561" s="119"/>
      <c r="AK561" s="119"/>
      <c r="AL561" s="119"/>
      <c r="AM561" s="119"/>
      <c r="AN561" s="119"/>
      <c r="AO561" s="119"/>
      <c r="AP561" s="119"/>
      <c r="AQ561" s="119"/>
      <c r="AR561" s="119"/>
      <c r="AS561" s="119"/>
      <c r="AT561" s="119"/>
      <c r="AU561" s="119"/>
      <c r="AV561" s="119"/>
      <c r="AW561" s="119"/>
      <c r="AX561" s="119"/>
      <c r="AY561" s="119"/>
      <c r="AZ561" s="119"/>
      <c r="BA561" s="119"/>
      <c r="BB561" s="107">
        <v>45884</v>
      </c>
    </row>
    <row r="562" spans="1:54" s="207" customFormat="1" ht="13.95" customHeight="1" x14ac:dyDescent="0.25">
      <c r="A562" s="208" t="s">
        <v>1436</v>
      </c>
      <c r="B562" s="209" t="s">
        <v>20420</v>
      </c>
      <c r="C562" s="113" t="s">
        <v>1437</v>
      </c>
      <c r="D562" s="113" t="s">
        <v>22690</v>
      </c>
      <c r="E562" s="210">
        <v>2004</v>
      </c>
      <c r="F562" s="210">
        <v>470</v>
      </c>
      <c r="G562" s="113" t="s">
        <v>1</v>
      </c>
      <c r="H562" s="113">
        <v>0</v>
      </c>
      <c r="I562" s="113">
        <v>0</v>
      </c>
      <c r="J562" s="115">
        <v>1</v>
      </c>
      <c r="K562" s="116" t="s">
        <v>174</v>
      </c>
      <c r="L562" s="115">
        <v>1</v>
      </c>
      <c r="M562" s="115">
        <v>0</v>
      </c>
      <c r="N562" s="115">
        <v>0</v>
      </c>
      <c r="O562" s="115">
        <v>0</v>
      </c>
      <c r="P562" s="115" t="s">
        <v>400</v>
      </c>
      <c r="Q562" s="115" t="s">
        <v>400</v>
      </c>
      <c r="R562" s="115">
        <v>1</v>
      </c>
      <c r="S562" s="115">
        <v>0</v>
      </c>
      <c r="T562" s="115">
        <v>0</v>
      </c>
      <c r="U562" s="119"/>
      <c r="V562" s="119"/>
      <c r="W562" s="119"/>
      <c r="X562" s="119"/>
      <c r="Y562" s="119"/>
      <c r="Z562" s="119"/>
      <c r="AA562" s="119"/>
      <c r="AB562" s="119"/>
      <c r="AC562" s="119"/>
      <c r="AD562" s="119"/>
      <c r="AE562" s="119"/>
      <c r="AF562" s="119"/>
      <c r="AG562" s="119"/>
      <c r="AH562" s="119"/>
      <c r="AI562" s="119"/>
      <c r="AJ562" s="119"/>
      <c r="AK562" s="119"/>
      <c r="AL562" s="119"/>
      <c r="AM562" s="119"/>
      <c r="AN562" s="119"/>
      <c r="AO562" s="119"/>
      <c r="AP562" s="119"/>
      <c r="AQ562" s="119"/>
      <c r="AR562" s="119"/>
      <c r="AS562" s="119"/>
      <c r="AT562" s="119"/>
      <c r="AU562" s="119"/>
      <c r="AV562" s="119"/>
      <c r="AW562" s="119"/>
      <c r="AX562" s="119"/>
      <c r="AY562" s="119"/>
      <c r="AZ562" s="119"/>
      <c r="BA562" s="119"/>
      <c r="BB562" s="107">
        <v>45884</v>
      </c>
    </row>
    <row r="563" spans="1:54" s="207" customFormat="1" ht="13.95" customHeight="1" x14ac:dyDescent="0.25">
      <c r="A563" s="208" t="s">
        <v>1438</v>
      </c>
      <c r="B563" s="209" t="s">
        <v>20420</v>
      </c>
      <c r="C563" s="113" t="s">
        <v>1439</v>
      </c>
      <c r="D563" s="113" t="s">
        <v>22691</v>
      </c>
      <c r="E563" s="210">
        <v>1992</v>
      </c>
      <c r="F563" s="210">
        <v>470</v>
      </c>
      <c r="G563" s="113" t="s">
        <v>1</v>
      </c>
      <c r="H563" s="113">
        <v>0</v>
      </c>
      <c r="I563" s="113">
        <v>0</v>
      </c>
      <c r="J563" s="115">
        <v>1</v>
      </c>
      <c r="K563" s="116" t="s">
        <v>174</v>
      </c>
      <c r="L563" s="115">
        <v>0</v>
      </c>
      <c r="M563" s="115">
        <v>0</v>
      </c>
      <c r="N563" s="115">
        <v>0</v>
      </c>
      <c r="O563" s="115">
        <v>0</v>
      </c>
      <c r="P563" s="115" t="s">
        <v>400</v>
      </c>
      <c r="Q563" s="115" t="s">
        <v>400</v>
      </c>
      <c r="R563" s="115">
        <v>0</v>
      </c>
      <c r="S563" s="115">
        <v>0</v>
      </c>
      <c r="T563" s="115">
        <v>0</v>
      </c>
      <c r="U563" s="119"/>
      <c r="V563" s="119"/>
      <c r="W563" s="119"/>
      <c r="X563" s="119"/>
      <c r="Y563" s="119"/>
      <c r="Z563" s="119"/>
      <c r="AA563" s="119"/>
      <c r="AB563" s="119"/>
      <c r="AC563" s="119"/>
      <c r="AD563" s="119"/>
      <c r="AE563" s="119"/>
      <c r="AF563" s="119"/>
      <c r="AG563" s="119"/>
      <c r="AH563" s="119"/>
      <c r="AI563" s="119"/>
      <c r="AJ563" s="119"/>
      <c r="AK563" s="119"/>
      <c r="AL563" s="119"/>
      <c r="AM563" s="119"/>
      <c r="AN563" s="119"/>
      <c r="AO563" s="119"/>
      <c r="AP563" s="119"/>
      <c r="AQ563" s="119"/>
      <c r="AR563" s="119"/>
      <c r="AS563" s="119"/>
      <c r="AT563" s="119"/>
      <c r="AU563" s="119"/>
      <c r="AV563" s="119"/>
      <c r="AW563" s="119"/>
      <c r="AX563" s="119"/>
      <c r="AY563" s="119"/>
      <c r="AZ563" s="119"/>
      <c r="BA563" s="119"/>
      <c r="BB563" s="107">
        <v>45884</v>
      </c>
    </row>
    <row r="564" spans="1:54" s="207" customFormat="1" ht="13.95" customHeight="1" x14ac:dyDescent="0.25">
      <c r="A564" s="208" t="s">
        <v>1440</v>
      </c>
      <c r="B564" s="209" t="s">
        <v>20420</v>
      </c>
      <c r="C564" s="113" t="s">
        <v>1441</v>
      </c>
      <c r="D564" s="113" t="s">
        <v>22692</v>
      </c>
      <c r="E564" s="210">
        <v>1988</v>
      </c>
      <c r="F564" s="210">
        <v>470</v>
      </c>
      <c r="G564" s="113" t="s">
        <v>1</v>
      </c>
      <c r="H564" s="113">
        <v>0</v>
      </c>
      <c r="I564" s="113">
        <v>0</v>
      </c>
      <c r="J564" s="115">
        <v>1</v>
      </c>
      <c r="K564" s="116" t="s">
        <v>174</v>
      </c>
      <c r="L564" s="115">
        <v>0</v>
      </c>
      <c r="M564" s="115">
        <v>1</v>
      </c>
      <c r="N564" s="115">
        <v>0</v>
      </c>
      <c r="O564" s="115">
        <v>0</v>
      </c>
      <c r="P564" s="115" t="s">
        <v>400</v>
      </c>
      <c r="Q564" s="115" t="s">
        <v>400</v>
      </c>
      <c r="R564" s="115">
        <v>0</v>
      </c>
      <c r="S564" s="115">
        <v>0</v>
      </c>
      <c r="T564" s="115">
        <v>0</v>
      </c>
      <c r="U564" s="119"/>
      <c r="V564" s="119"/>
      <c r="W564" s="119"/>
      <c r="X564" s="119"/>
      <c r="Y564" s="119"/>
      <c r="Z564" s="119"/>
      <c r="AA564" s="119"/>
      <c r="AB564" s="119"/>
      <c r="AC564" s="119"/>
      <c r="AD564" s="119"/>
      <c r="AE564" s="119"/>
      <c r="AF564" s="119"/>
      <c r="AG564" s="119"/>
      <c r="AH564" s="119"/>
      <c r="AI564" s="119"/>
      <c r="AJ564" s="119"/>
      <c r="AK564" s="119"/>
      <c r="AL564" s="119"/>
      <c r="AM564" s="119"/>
      <c r="AN564" s="119"/>
      <c r="AO564" s="119"/>
      <c r="AP564" s="119"/>
      <c r="AQ564" s="119"/>
      <c r="AR564" s="119"/>
      <c r="AS564" s="119"/>
      <c r="AT564" s="119"/>
      <c r="AU564" s="119"/>
      <c r="AV564" s="119"/>
      <c r="AW564" s="119"/>
      <c r="AX564" s="119"/>
      <c r="AY564" s="119"/>
      <c r="AZ564" s="119"/>
      <c r="BA564" s="119"/>
      <c r="BB564" s="107">
        <v>45884</v>
      </c>
    </row>
    <row r="565" spans="1:54" s="207" customFormat="1" ht="13.95" customHeight="1" x14ac:dyDescent="0.25">
      <c r="A565" s="208" t="s">
        <v>1442</v>
      </c>
      <c r="B565" s="209" t="s">
        <v>20420</v>
      </c>
      <c r="C565" s="113" t="s">
        <v>1443</v>
      </c>
      <c r="D565" s="113" t="s">
        <v>22693</v>
      </c>
      <c r="E565" s="210">
        <v>1990</v>
      </c>
      <c r="F565" s="210">
        <v>473</v>
      </c>
      <c r="G565" s="113" t="s">
        <v>1</v>
      </c>
      <c r="H565" s="113">
        <v>0</v>
      </c>
      <c r="I565" s="113">
        <v>0</v>
      </c>
      <c r="J565" s="115">
        <v>1</v>
      </c>
      <c r="K565" s="211">
        <v>1</v>
      </c>
      <c r="L565" s="115">
        <v>1</v>
      </c>
      <c r="M565" s="115">
        <v>0</v>
      </c>
      <c r="N565" s="115">
        <v>0</v>
      </c>
      <c r="O565" s="115">
        <v>1</v>
      </c>
      <c r="P565" s="115">
        <v>1</v>
      </c>
      <c r="Q565" s="115" t="s">
        <v>400</v>
      </c>
      <c r="R565" s="115">
        <v>0</v>
      </c>
      <c r="S565" s="115">
        <v>0</v>
      </c>
      <c r="T565" s="115">
        <v>0</v>
      </c>
      <c r="U565" s="119"/>
      <c r="V565" s="119"/>
      <c r="W565" s="119"/>
      <c r="X565" s="119"/>
      <c r="Y565" s="119"/>
      <c r="Z565" s="119"/>
      <c r="AA565" s="119"/>
      <c r="AB565" s="119"/>
      <c r="AC565" s="119"/>
      <c r="AD565" s="119"/>
      <c r="AE565" s="119"/>
      <c r="AF565" s="119"/>
      <c r="AG565" s="119"/>
      <c r="AH565" s="119"/>
      <c r="AI565" s="119"/>
      <c r="AJ565" s="119"/>
      <c r="AK565" s="119"/>
      <c r="AL565" s="119"/>
      <c r="AM565" s="119"/>
      <c r="AN565" s="119"/>
      <c r="AO565" s="119"/>
      <c r="AP565" s="119"/>
      <c r="AQ565" s="119"/>
      <c r="AR565" s="119"/>
      <c r="AS565" s="119"/>
      <c r="AT565" s="119"/>
      <c r="AU565" s="119"/>
      <c r="AV565" s="119"/>
      <c r="AW565" s="119"/>
      <c r="AX565" s="119"/>
      <c r="AY565" s="119"/>
      <c r="AZ565" s="119"/>
      <c r="BA565" s="119"/>
      <c r="BB565" s="107">
        <v>45884</v>
      </c>
    </row>
    <row r="566" spans="1:54" s="207" customFormat="1" ht="13.95" customHeight="1" x14ac:dyDescent="0.25">
      <c r="A566" s="208" t="s">
        <v>1444</v>
      </c>
      <c r="B566" s="209" t="s">
        <v>20420</v>
      </c>
      <c r="C566" s="113" t="s">
        <v>1445</v>
      </c>
      <c r="D566" s="113" t="s">
        <v>1446</v>
      </c>
      <c r="E566" s="210">
        <v>1985</v>
      </c>
      <c r="F566" s="210">
        <v>475</v>
      </c>
      <c r="G566" s="113" t="s">
        <v>1</v>
      </c>
      <c r="H566" s="113">
        <v>0</v>
      </c>
      <c r="I566" s="113">
        <v>0</v>
      </c>
      <c r="J566" s="115">
        <v>1</v>
      </c>
      <c r="K566" s="116" t="s">
        <v>174</v>
      </c>
      <c r="L566" s="115">
        <v>1</v>
      </c>
      <c r="M566" s="115">
        <v>0</v>
      </c>
      <c r="N566" s="120">
        <v>1</v>
      </c>
      <c r="O566" s="115">
        <v>0</v>
      </c>
      <c r="P566" s="115">
        <v>1</v>
      </c>
      <c r="Q566" s="115" t="s">
        <v>400</v>
      </c>
      <c r="R566" s="115">
        <v>1</v>
      </c>
      <c r="S566" s="115">
        <v>0</v>
      </c>
      <c r="T566" s="115">
        <v>0</v>
      </c>
      <c r="U566" s="119"/>
      <c r="V566" s="119"/>
      <c r="W566" s="119"/>
      <c r="X566" s="119"/>
      <c r="Y566" s="119"/>
      <c r="Z566" s="119"/>
      <c r="AA566" s="119"/>
      <c r="AB566" s="119"/>
      <c r="AC566" s="119"/>
      <c r="AD566" s="119"/>
      <c r="AE566" s="119"/>
      <c r="AF566" s="119"/>
      <c r="AG566" s="119"/>
      <c r="AH566" s="119"/>
      <c r="AI566" s="119"/>
      <c r="AJ566" s="119"/>
      <c r="AK566" s="119"/>
      <c r="AL566" s="119"/>
      <c r="AM566" s="119"/>
      <c r="AN566" s="119"/>
      <c r="AO566" s="119"/>
      <c r="AP566" s="119"/>
      <c r="AQ566" s="119"/>
      <c r="AR566" s="119"/>
      <c r="AS566" s="119"/>
      <c r="AT566" s="119"/>
      <c r="AU566" s="119"/>
      <c r="AV566" s="119"/>
      <c r="AW566" s="119"/>
      <c r="AX566" s="119"/>
      <c r="AY566" s="119"/>
      <c r="AZ566" s="119"/>
      <c r="BA566" s="119"/>
      <c r="BB566" s="107">
        <v>45884</v>
      </c>
    </row>
    <row r="567" spans="1:54" s="207" customFormat="1" ht="13.95" customHeight="1" x14ac:dyDescent="0.25">
      <c r="A567" s="208" t="s">
        <v>1447</v>
      </c>
      <c r="B567" s="209" t="s">
        <v>20420</v>
      </c>
      <c r="C567" s="113" t="s">
        <v>1448</v>
      </c>
      <c r="D567" s="113" t="s">
        <v>1449</v>
      </c>
      <c r="E567" s="210">
        <v>1973</v>
      </c>
      <c r="F567" s="210">
        <v>475</v>
      </c>
      <c r="G567" s="113" t="s">
        <v>1</v>
      </c>
      <c r="H567" s="113">
        <v>0</v>
      </c>
      <c r="I567" s="113">
        <v>0</v>
      </c>
      <c r="J567" s="115">
        <v>1</v>
      </c>
      <c r="K567" s="116" t="s">
        <v>174</v>
      </c>
      <c r="L567" s="115">
        <v>0</v>
      </c>
      <c r="M567" s="115">
        <v>0</v>
      </c>
      <c r="N567" s="115">
        <v>0</v>
      </c>
      <c r="O567" s="115">
        <v>1</v>
      </c>
      <c r="P567" s="115">
        <v>1</v>
      </c>
      <c r="Q567" s="115" t="s">
        <v>400</v>
      </c>
      <c r="R567" s="115">
        <v>1</v>
      </c>
      <c r="S567" s="115">
        <v>0</v>
      </c>
      <c r="T567" s="115">
        <v>0</v>
      </c>
      <c r="U567" s="119"/>
      <c r="V567" s="119"/>
      <c r="W567" s="119"/>
      <c r="X567" s="119"/>
      <c r="Y567" s="119"/>
      <c r="Z567" s="119"/>
      <c r="AA567" s="119"/>
      <c r="AB567" s="119"/>
      <c r="AC567" s="119"/>
      <c r="AD567" s="119"/>
      <c r="AE567" s="119"/>
      <c r="AF567" s="119"/>
      <c r="AG567" s="119"/>
      <c r="AH567" s="119"/>
      <c r="AI567" s="119"/>
      <c r="AJ567" s="119"/>
      <c r="AK567" s="119"/>
      <c r="AL567" s="119"/>
      <c r="AM567" s="119"/>
      <c r="AN567" s="119"/>
      <c r="AO567" s="119"/>
      <c r="AP567" s="119"/>
      <c r="AQ567" s="119"/>
      <c r="AR567" s="119"/>
      <c r="AS567" s="119"/>
      <c r="AT567" s="119"/>
      <c r="AU567" s="119"/>
      <c r="AV567" s="119"/>
      <c r="AW567" s="119"/>
      <c r="AX567" s="119"/>
      <c r="AY567" s="119"/>
      <c r="AZ567" s="119"/>
      <c r="BA567" s="119"/>
      <c r="BB567" s="107">
        <v>45884</v>
      </c>
    </row>
    <row r="568" spans="1:54" s="207" customFormat="1" ht="13.95" customHeight="1" x14ac:dyDescent="0.25">
      <c r="A568" s="208" t="s">
        <v>1450</v>
      </c>
      <c r="B568" s="209" t="s">
        <v>20420</v>
      </c>
      <c r="C568" s="113" t="s">
        <v>1451</v>
      </c>
      <c r="D568" s="113" t="s">
        <v>22694</v>
      </c>
      <c r="E568" s="210">
        <v>1984</v>
      </c>
      <c r="F568" s="210">
        <v>477</v>
      </c>
      <c r="G568" s="113" t="s">
        <v>1</v>
      </c>
      <c r="H568" s="113">
        <v>0</v>
      </c>
      <c r="I568" s="113">
        <v>0</v>
      </c>
      <c r="J568" s="115">
        <v>1</v>
      </c>
      <c r="K568" s="116" t="s">
        <v>174</v>
      </c>
      <c r="L568" s="115">
        <v>1</v>
      </c>
      <c r="M568" s="115">
        <v>0</v>
      </c>
      <c r="N568" s="115">
        <v>0</v>
      </c>
      <c r="O568" s="115">
        <v>0</v>
      </c>
      <c r="P568" s="115">
        <v>1</v>
      </c>
      <c r="Q568" s="115" t="s">
        <v>400</v>
      </c>
      <c r="R568" s="115">
        <v>1</v>
      </c>
      <c r="S568" s="115">
        <v>0</v>
      </c>
      <c r="T568" s="115">
        <v>0</v>
      </c>
      <c r="U568" s="119"/>
      <c r="V568" s="119"/>
      <c r="W568" s="119"/>
      <c r="X568" s="119"/>
      <c r="Y568" s="119"/>
      <c r="Z568" s="119"/>
      <c r="AA568" s="119"/>
      <c r="AB568" s="119"/>
      <c r="AC568" s="119"/>
      <c r="AD568" s="119"/>
      <c r="AE568" s="119"/>
      <c r="AF568" s="119"/>
      <c r="AG568" s="119"/>
      <c r="AH568" s="119"/>
      <c r="AI568" s="119"/>
      <c r="AJ568" s="119"/>
      <c r="AK568" s="119"/>
      <c r="AL568" s="119"/>
      <c r="AM568" s="119"/>
      <c r="AN568" s="119"/>
      <c r="AO568" s="119"/>
      <c r="AP568" s="119"/>
      <c r="AQ568" s="119"/>
      <c r="AR568" s="119"/>
      <c r="AS568" s="119"/>
      <c r="AT568" s="119"/>
      <c r="AU568" s="119"/>
      <c r="AV568" s="119"/>
      <c r="AW568" s="119"/>
      <c r="AX568" s="119"/>
      <c r="AY568" s="119"/>
      <c r="AZ568" s="119"/>
      <c r="BA568" s="119"/>
      <c r="BB568" s="107">
        <v>45884</v>
      </c>
    </row>
    <row r="569" spans="1:54" s="207" customFormat="1" ht="13.95" customHeight="1" x14ac:dyDescent="0.25">
      <c r="A569" s="208" t="s">
        <v>1452</v>
      </c>
      <c r="B569" s="209" t="s">
        <v>20420</v>
      </c>
      <c r="C569" s="113" t="s">
        <v>1453</v>
      </c>
      <c r="D569" s="113" t="s">
        <v>22695</v>
      </c>
      <c r="E569" s="210">
        <v>1984</v>
      </c>
      <c r="F569" s="210">
        <v>478</v>
      </c>
      <c r="G569" s="113" t="s">
        <v>1</v>
      </c>
      <c r="H569" s="113">
        <v>0</v>
      </c>
      <c r="I569" s="113">
        <v>0</v>
      </c>
      <c r="J569" s="115">
        <v>1</v>
      </c>
      <c r="K569" s="116" t="s">
        <v>174</v>
      </c>
      <c r="L569" s="115">
        <v>1</v>
      </c>
      <c r="M569" s="115">
        <v>0</v>
      </c>
      <c r="N569" s="115">
        <v>1</v>
      </c>
      <c r="O569" s="115">
        <v>0</v>
      </c>
      <c r="P569" s="115">
        <v>1</v>
      </c>
      <c r="Q569" s="115" t="s">
        <v>400</v>
      </c>
      <c r="R569" s="115">
        <v>1</v>
      </c>
      <c r="S569" s="115">
        <v>0</v>
      </c>
      <c r="T569" s="115">
        <v>0</v>
      </c>
      <c r="U569" s="119"/>
      <c r="V569" s="119"/>
      <c r="W569" s="119"/>
      <c r="X569" s="119"/>
      <c r="Y569" s="119"/>
      <c r="Z569" s="119"/>
      <c r="AA569" s="119"/>
      <c r="AB569" s="119"/>
      <c r="AC569" s="119"/>
      <c r="AD569" s="119"/>
      <c r="AE569" s="119"/>
      <c r="AF569" s="119"/>
      <c r="AG569" s="119"/>
      <c r="AH569" s="119"/>
      <c r="AI569" s="119"/>
      <c r="AJ569" s="119"/>
      <c r="AK569" s="119"/>
      <c r="AL569" s="119"/>
      <c r="AM569" s="119"/>
      <c r="AN569" s="119"/>
      <c r="AO569" s="119"/>
      <c r="AP569" s="119"/>
      <c r="AQ569" s="119"/>
      <c r="AR569" s="119"/>
      <c r="AS569" s="119"/>
      <c r="AT569" s="119"/>
      <c r="AU569" s="119"/>
      <c r="AV569" s="119"/>
      <c r="AW569" s="119"/>
      <c r="AX569" s="119"/>
      <c r="AY569" s="119"/>
      <c r="AZ569" s="119"/>
      <c r="BA569" s="119"/>
      <c r="BB569" s="107">
        <v>45884</v>
      </c>
    </row>
    <row r="570" spans="1:54" s="207" customFormat="1" ht="13.95" customHeight="1" x14ac:dyDescent="0.25">
      <c r="A570" s="208" t="s">
        <v>1454</v>
      </c>
      <c r="B570" s="209" t="s">
        <v>20420</v>
      </c>
      <c r="C570" s="113" t="s">
        <v>1455</v>
      </c>
      <c r="D570" s="113" t="s">
        <v>22696</v>
      </c>
      <c r="E570" s="210">
        <v>1998</v>
      </c>
      <c r="F570" s="210">
        <v>478</v>
      </c>
      <c r="G570" s="113" t="s">
        <v>1</v>
      </c>
      <c r="H570" s="113">
        <v>0</v>
      </c>
      <c r="I570" s="113">
        <v>0</v>
      </c>
      <c r="J570" s="115">
        <v>0</v>
      </c>
      <c r="K570" s="116" t="s">
        <v>174</v>
      </c>
      <c r="L570" s="115">
        <v>0</v>
      </c>
      <c r="M570" s="115">
        <v>0</v>
      </c>
      <c r="N570" s="115">
        <v>0</v>
      </c>
      <c r="O570" s="115">
        <v>0</v>
      </c>
      <c r="P570" s="115" t="s">
        <v>400</v>
      </c>
      <c r="Q570" s="115" t="s">
        <v>400</v>
      </c>
      <c r="R570" s="115">
        <v>0</v>
      </c>
      <c r="S570" s="115">
        <v>0</v>
      </c>
      <c r="T570" s="115">
        <v>0</v>
      </c>
      <c r="U570" s="119"/>
      <c r="V570" s="119"/>
      <c r="W570" s="119"/>
      <c r="X570" s="119"/>
      <c r="Y570" s="119"/>
      <c r="Z570" s="119"/>
      <c r="AA570" s="119"/>
      <c r="AB570" s="119"/>
      <c r="AC570" s="119"/>
      <c r="AD570" s="119"/>
      <c r="AE570" s="119"/>
      <c r="AF570" s="119"/>
      <c r="AG570" s="119"/>
      <c r="AH570" s="119"/>
      <c r="AI570" s="119"/>
      <c r="AJ570" s="119"/>
      <c r="AK570" s="119"/>
      <c r="AL570" s="119"/>
      <c r="AM570" s="119"/>
      <c r="AN570" s="119"/>
      <c r="AO570" s="119"/>
      <c r="AP570" s="119"/>
      <c r="AQ570" s="119"/>
      <c r="AR570" s="119"/>
      <c r="AS570" s="119"/>
      <c r="AT570" s="119"/>
      <c r="AU570" s="119"/>
      <c r="AV570" s="119"/>
      <c r="AW570" s="119"/>
      <c r="AX570" s="119"/>
      <c r="AY570" s="119"/>
      <c r="AZ570" s="119"/>
      <c r="BA570" s="119"/>
      <c r="BB570" s="107">
        <v>45884</v>
      </c>
    </row>
    <row r="571" spans="1:54" s="207" customFormat="1" ht="13.95" customHeight="1" x14ac:dyDescent="0.25">
      <c r="A571" s="208" t="s">
        <v>1456</v>
      </c>
      <c r="B571" s="209" t="s">
        <v>20420</v>
      </c>
      <c r="C571" s="113" t="s">
        <v>1457</v>
      </c>
      <c r="D571" s="113" t="s">
        <v>22697</v>
      </c>
      <c r="E571" s="210">
        <v>2006</v>
      </c>
      <c r="F571" s="210">
        <v>480</v>
      </c>
      <c r="G571" s="113" t="s">
        <v>1</v>
      </c>
      <c r="H571" s="113">
        <v>0</v>
      </c>
      <c r="I571" s="113">
        <v>0</v>
      </c>
      <c r="J571" s="115">
        <v>1</v>
      </c>
      <c r="K571" s="116" t="s">
        <v>174</v>
      </c>
      <c r="L571" s="115">
        <v>1</v>
      </c>
      <c r="M571" s="115">
        <v>1</v>
      </c>
      <c r="N571" s="115">
        <v>0</v>
      </c>
      <c r="O571" s="115">
        <v>1</v>
      </c>
      <c r="P571" s="115" t="s">
        <v>400</v>
      </c>
      <c r="Q571" s="115" t="s">
        <v>400</v>
      </c>
      <c r="R571" s="115">
        <v>1</v>
      </c>
      <c r="S571" s="115">
        <v>0</v>
      </c>
      <c r="T571" s="115">
        <v>0</v>
      </c>
      <c r="U571" s="119"/>
      <c r="V571" s="119"/>
      <c r="W571" s="119"/>
      <c r="X571" s="119"/>
      <c r="Y571" s="119"/>
      <c r="Z571" s="119"/>
      <c r="AA571" s="119"/>
      <c r="AB571" s="119"/>
      <c r="AC571" s="119"/>
      <c r="AD571" s="119"/>
      <c r="AE571" s="119"/>
      <c r="AF571" s="119"/>
      <c r="AG571" s="119"/>
      <c r="AH571" s="119"/>
      <c r="AI571" s="119"/>
      <c r="AJ571" s="119"/>
      <c r="AK571" s="119"/>
      <c r="AL571" s="119"/>
      <c r="AM571" s="119"/>
      <c r="AN571" s="119"/>
      <c r="AO571" s="119"/>
      <c r="AP571" s="119"/>
      <c r="AQ571" s="119"/>
      <c r="AR571" s="119"/>
      <c r="AS571" s="119"/>
      <c r="AT571" s="119"/>
      <c r="AU571" s="119"/>
      <c r="AV571" s="119"/>
      <c r="AW571" s="119"/>
      <c r="AX571" s="119"/>
      <c r="AY571" s="119"/>
      <c r="AZ571" s="119"/>
      <c r="BA571" s="119"/>
      <c r="BB571" s="107">
        <v>45884</v>
      </c>
    </row>
    <row r="572" spans="1:54" s="207" customFormat="1" ht="13.95" customHeight="1" x14ac:dyDescent="0.25">
      <c r="A572" s="208" t="s">
        <v>1458</v>
      </c>
      <c r="B572" s="209" t="s">
        <v>20420</v>
      </c>
      <c r="C572" s="113" t="s">
        <v>1459</v>
      </c>
      <c r="D572" s="113" t="s">
        <v>22698</v>
      </c>
      <c r="E572" s="210">
        <v>1993</v>
      </c>
      <c r="F572" s="210">
        <v>481</v>
      </c>
      <c r="G572" s="113" t="s">
        <v>1</v>
      </c>
      <c r="H572" s="113">
        <v>0</v>
      </c>
      <c r="I572" s="113">
        <v>0</v>
      </c>
      <c r="J572" s="115">
        <v>1</v>
      </c>
      <c r="K572" s="116" t="s">
        <v>174</v>
      </c>
      <c r="L572" s="115">
        <v>1</v>
      </c>
      <c r="M572" s="115">
        <v>0</v>
      </c>
      <c r="N572" s="115">
        <v>0</v>
      </c>
      <c r="O572" s="115">
        <v>1</v>
      </c>
      <c r="P572" s="115">
        <v>1</v>
      </c>
      <c r="Q572" s="115" t="s">
        <v>400</v>
      </c>
      <c r="R572" s="115">
        <v>1</v>
      </c>
      <c r="S572" s="115">
        <v>0</v>
      </c>
      <c r="T572" s="115">
        <v>0</v>
      </c>
      <c r="U572" s="119"/>
      <c r="V572" s="119"/>
      <c r="W572" s="119"/>
      <c r="X572" s="119"/>
      <c r="Y572" s="119"/>
      <c r="Z572" s="119"/>
      <c r="AA572" s="119"/>
      <c r="AB572" s="119"/>
      <c r="AC572" s="119"/>
      <c r="AD572" s="119"/>
      <c r="AE572" s="119"/>
      <c r="AF572" s="119"/>
      <c r="AG572" s="119"/>
      <c r="AH572" s="119"/>
      <c r="AI572" s="119"/>
      <c r="AJ572" s="119"/>
      <c r="AK572" s="119"/>
      <c r="AL572" s="119"/>
      <c r="AM572" s="119"/>
      <c r="AN572" s="119"/>
      <c r="AO572" s="119"/>
      <c r="AP572" s="119"/>
      <c r="AQ572" s="119"/>
      <c r="AR572" s="119"/>
      <c r="AS572" s="119"/>
      <c r="AT572" s="119"/>
      <c r="AU572" s="119"/>
      <c r="AV572" s="119"/>
      <c r="AW572" s="119"/>
      <c r="AX572" s="119"/>
      <c r="AY572" s="119"/>
      <c r="AZ572" s="119"/>
      <c r="BA572" s="119"/>
      <c r="BB572" s="107">
        <v>45884</v>
      </c>
    </row>
    <row r="573" spans="1:54" s="207" customFormat="1" ht="13.95" customHeight="1" x14ac:dyDescent="0.25">
      <c r="A573" s="208" t="s">
        <v>1460</v>
      </c>
      <c r="B573" s="209" t="s">
        <v>20420</v>
      </c>
      <c r="C573" s="113" t="s">
        <v>1461</v>
      </c>
      <c r="D573" s="113" t="s">
        <v>22699</v>
      </c>
      <c r="E573" s="210">
        <v>1996</v>
      </c>
      <c r="F573" s="210">
        <v>481</v>
      </c>
      <c r="G573" s="113" t="s">
        <v>1</v>
      </c>
      <c r="H573" s="113">
        <v>0</v>
      </c>
      <c r="I573" s="113">
        <v>0</v>
      </c>
      <c r="J573" s="115">
        <v>1</v>
      </c>
      <c r="K573" s="116" t="s">
        <v>174</v>
      </c>
      <c r="L573" s="115">
        <v>1</v>
      </c>
      <c r="M573" s="115">
        <v>0</v>
      </c>
      <c r="N573" s="115">
        <v>0</v>
      </c>
      <c r="O573" s="115">
        <v>1</v>
      </c>
      <c r="P573" s="115" t="s">
        <v>400</v>
      </c>
      <c r="Q573" s="115" t="s">
        <v>400</v>
      </c>
      <c r="R573" s="115">
        <v>0</v>
      </c>
      <c r="S573" s="115">
        <v>0</v>
      </c>
      <c r="T573" s="115">
        <v>0</v>
      </c>
      <c r="U573" s="119"/>
      <c r="V573" s="119"/>
      <c r="W573" s="119"/>
      <c r="X573" s="119"/>
      <c r="Y573" s="119"/>
      <c r="Z573" s="119"/>
      <c r="AA573" s="119"/>
      <c r="AB573" s="119"/>
      <c r="AC573" s="119"/>
      <c r="AD573" s="119"/>
      <c r="AE573" s="119"/>
      <c r="AF573" s="119"/>
      <c r="AG573" s="119"/>
      <c r="AH573" s="119"/>
      <c r="AI573" s="119"/>
      <c r="AJ573" s="119"/>
      <c r="AK573" s="119"/>
      <c r="AL573" s="119"/>
      <c r="AM573" s="119"/>
      <c r="AN573" s="119"/>
      <c r="AO573" s="119"/>
      <c r="AP573" s="119"/>
      <c r="AQ573" s="119"/>
      <c r="AR573" s="119"/>
      <c r="AS573" s="119"/>
      <c r="AT573" s="119"/>
      <c r="AU573" s="119"/>
      <c r="AV573" s="119"/>
      <c r="AW573" s="119"/>
      <c r="AX573" s="119"/>
      <c r="AY573" s="119"/>
      <c r="AZ573" s="119"/>
      <c r="BA573" s="119"/>
      <c r="BB573" s="107">
        <v>45884</v>
      </c>
    </row>
    <row r="574" spans="1:54" s="207" customFormat="1" ht="13.95" customHeight="1" x14ac:dyDescent="0.25">
      <c r="A574" s="208" t="s">
        <v>1462</v>
      </c>
      <c r="B574" s="209" t="s">
        <v>20420</v>
      </c>
      <c r="C574" s="113" t="s">
        <v>1463</v>
      </c>
      <c r="D574" s="113" t="s">
        <v>22700</v>
      </c>
      <c r="E574" s="210">
        <v>1977</v>
      </c>
      <c r="F574" s="210">
        <v>481</v>
      </c>
      <c r="G574" s="113" t="s">
        <v>1</v>
      </c>
      <c r="H574" s="113">
        <v>0</v>
      </c>
      <c r="I574" s="113">
        <v>0</v>
      </c>
      <c r="J574" s="115">
        <v>1</v>
      </c>
      <c r="K574" s="116" t="s">
        <v>174</v>
      </c>
      <c r="L574" s="115">
        <v>1</v>
      </c>
      <c r="M574" s="115">
        <v>0</v>
      </c>
      <c r="N574" s="115">
        <v>0</v>
      </c>
      <c r="O574" s="115">
        <v>0</v>
      </c>
      <c r="P574" s="115">
        <v>1</v>
      </c>
      <c r="Q574" s="115" t="s">
        <v>400</v>
      </c>
      <c r="R574" s="115">
        <v>1</v>
      </c>
      <c r="S574" s="115">
        <v>0</v>
      </c>
      <c r="T574" s="115">
        <v>0</v>
      </c>
      <c r="U574" s="119"/>
      <c r="V574" s="119"/>
      <c r="W574" s="119"/>
      <c r="X574" s="119"/>
      <c r="Y574" s="119"/>
      <c r="Z574" s="119"/>
      <c r="AA574" s="119"/>
      <c r="AB574" s="119"/>
      <c r="AC574" s="119"/>
      <c r="AD574" s="119"/>
      <c r="AE574" s="119"/>
      <c r="AF574" s="119"/>
      <c r="AG574" s="119"/>
      <c r="AH574" s="119"/>
      <c r="AI574" s="119"/>
      <c r="AJ574" s="119"/>
      <c r="AK574" s="119"/>
      <c r="AL574" s="119"/>
      <c r="AM574" s="119"/>
      <c r="AN574" s="119"/>
      <c r="AO574" s="119"/>
      <c r="AP574" s="119"/>
      <c r="AQ574" s="119"/>
      <c r="AR574" s="119"/>
      <c r="AS574" s="119"/>
      <c r="AT574" s="119"/>
      <c r="AU574" s="119"/>
      <c r="AV574" s="119"/>
      <c r="AW574" s="119"/>
      <c r="AX574" s="119"/>
      <c r="AY574" s="119"/>
      <c r="AZ574" s="119"/>
      <c r="BA574" s="119"/>
      <c r="BB574" s="107">
        <v>45884</v>
      </c>
    </row>
    <row r="575" spans="1:54" s="207" customFormat="1" ht="13.95" customHeight="1" x14ac:dyDescent="0.25">
      <c r="A575" s="208" t="s">
        <v>1464</v>
      </c>
      <c r="B575" s="209" t="s">
        <v>20420</v>
      </c>
      <c r="C575" s="113" t="s">
        <v>1465</v>
      </c>
      <c r="D575" s="113" t="s">
        <v>22701</v>
      </c>
      <c r="E575" s="210">
        <v>2000</v>
      </c>
      <c r="F575" s="210">
        <v>482</v>
      </c>
      <c r="G575" s="113" t="s">
        <v>1</v>
      </c>
      <c r="H575" s="113">
        <v>0</v>
      </c>
      <c r="I575" s="113">
        <v>0</v>
      </c>
      <c r="J575" s="115">
        <v>1</v>
      </c>
      <c r="K575" s="116" t="s">
        <v>174</v>
      </c>
      <c r="L575" s="115">
        <v>0</v>
      </c>
      <c r="M575" s="115">
        <v>0</v>
      </c>
      <c r="N575" s="115">
        <v>1</v>
      </c>
      <c r="O575" s="115">
        <v>1</v>
      </c>
      <c r="P575" s="115">
        <v>1</v>
      </c>
      <c r="Q575" s="115">
        <v>1</v>
      </c>
      <c r="R575" s="115">
        <v>0</v>
      </c>
      <c r="S575" s="115">
        <v>0</v>
      </c>
      <c r="T575" s="115">
        <v>0</v>
      </c>
      <c r="U575" s="119"/>
      <c r="V575" s="119"/>
      <c r="W575" s="119"/>
      <c r="X575" s="119"/>
      <c r="Y575" s="119"/>
      <c r="Z575" s="119"/>
      <c r="AA575" s="119"/>
      <c r="AB575" s="119"/>
      <c r="AC575" s="119"/>
      <c r="AD575" s="119"/>
      <c r="AE575" s="119"/>
      <c r="AF575" s="119"/>
      <c r="AG575" s="119"/>
      <c r="AH575" s="119"/>
      <c r="AI575" s="119"/>
      <c r="AJ575" s="119"/>
      <c r="AK575" s="119"/>
      <c r="AL575" s="119"/>
      <c r="AM575" s="119"/>
      <c r="AN575" s="119"/>
      <c r="AO575" s="119"/>
      <c r="AP575" s="119"/>
      <c r="AQ575" s="119"/>
      <c r="AR575" s="119"/>
      <c r="AS575" s="119"/>
      <c r="AT575" s="119"/>
      <c r="AU575" s="119"/>
      <c r="AV575" s="119"/>
      <c r="AW575" s="119"/>
      <c r="AX575" s="119"/>
      <c r="AY575" s="119"/>
      <c r="AZ575" s="119"/>
      <c r="BA575" s="119"/>
      <c r="BB575" s="107">
        <v>45884</v>
      </c>
    </row>
    <row r="576" spans="1:54" s="207" customFormat="1" ht="13.95" customHeight="1" x14ac:dyDescent="0.25">
      <c r="A576" s="208" t="s">
        <v>1466</v>
      </c>
      <c r="B576" s="209" t="s">
        <v>20420</v>
      </c>
      <c r="C576" s="113" t="s">
        <v>1467</v>
      </c>
      <c r="D576" s="113" t="s">
        <v>22702</v>
      </c>
      <c r="E576" s="210">
        <v>1986</v>
      </c>
      <c r="F576" s="210">
        <v>484</v>
      </c>
      <c r="G576" s="113" t="s">
        <v>1</v>
      </c>
      <c r="H576" s="113">
        <v>0</v>
      </c>
      <c r="I576" s="113">
        <v>0</v>
      </c>
      <c r="J576" s="115">
        <v>1</v>
      </c>
      <c r="K576" s="116" t="s">
        <v>174</v>
      </c>
      <c r="L576" s="115">
        <v>1</v>
      </c>
      <c r="M576" s="115">
        <v>0</v>
      </c>
      <c r="N576" s="115">
        <v>0</v>
      </c>
      <c r="O576" s="115">
        <v>1</v>
      </c>
      <c r="P576" s="115">
        <v>1</v>
      </c>
      <c r="Q576" s="115" t="s">
        <v>400</v>
      </c>
      <c r="R576" s="115">
        <v>0</v>
      </c>
      <c r="S576" s="115">
        <v>0</v>
      </c>
      <c r="T576" s="115">
        <v>0</v>
      </c>
      <c r="U576" s="119"/>
      <c r="V576" s="119"/>
      <c r="W576" s="119"/>
      <c r="X576" s="119"/>
      <c r="Y576" s="119"/>
      <c r="Z576" s="119"/>
      <c r="AA576" s="119"/>
      <c r="AB576" s="119"/>
      <c r="AC576" s="119"/>
      <c r="AD576" s="119"/>
      <c r="AE576" s="119"/>
      <c r="AF576" s="119"/>
      <c r="AG576" s="119"/>
      <c r="AH576" s="119"/>
      <c r="AI576" s="119"/>
      <c r="AJ576" s="119"/>
      <c r="AK576" s="119"/>
      <c r="AL576" s="119"/>
      <c r="AM576" s="119"/>
      <c r="AN576" s="119"/>
      <c r="AO576" s="119"/>
      <c r="AP576" s="119"/>
      <c r="AQ576" s="119"/>
      <c r="AR576" s="119"/>
      <c r="AS576" s="119"/>
      <c r="AT576" s="119"/>
      <c r="AU576" s="119"/>
      <c r="AV576" s="119"/>
      <c r="AW576" s="119"/>
      <c r="AX576" s="119"/>
      <c r="AY576" s="119"/>
      <c r="AZ576" s="119"/>
      <c r="BA576" s="119"/>
      <c r="BB576" s="107">
        <v>45884</v>
      </c>
    </row>
    <row r="577" spans="1:54" s="207" customFormat="1" ht="13.95" customHeight="1" x14ac:dyDescent="0.25">
      <c r="A577" s="208" t="s">
        <v>1468</v>
      </c>
      <c r="B577" s="209" t="s">
        <v>20420</v>
      </c>
      <c r="C577" s="113" t="s">
        <v>1469</v>
      </c>
      <c r="D577" s="113" t="s">
        <v>22703</v>
      </c>
      <c r="E577" s="210">
        <v>1976</v>
      </c>
      <c r="F577" s="210">
        <v>484</v>
      </c>
      <c r="G577" s="113" t="s">
        <v>1</v>
      </c>
      <c r="H577" s="113">
        <v>0</v>
      </c>
      <c r="I577" s="113">
        <v>0</v>
      </c>
      <c r="J577" s="115">
        <v>0</v>
      </c>
      <c r="K577" s="116" t="s">
        <v>174</v>
      </c>
      <c r="L577" s="115">
        <v>0</v>
      </c>
      <c r="M577" s="115">
        <v>0</v>
      </c>
      <c r="N577" s="115">
        <v>0</v>
      </c>
      <c r="O577" s="115">
        <v>0</v>
      </c>
      <c r="P577" s="115" t="s">
        <v>400</v>
      </c>
      <c r="Q577" s="115" t="s">
        <v>400</v>
      </c>
      <c r="R577" s="115">
        <v>0</v>
      </c>
      <c r="S577" s="115">
        <v>0</v>
      </c>
      <c r="T577" s="115">
        <v>0</v>
      </c>
      <c r="U577" s="119"/>
      <c r="V577" s="119"/>
      <c r="W577" s="119"/>
      <c r="X577" s="119"/>
      <c r="Y577" s="119"/>
      <c r="Z577" s="119"/>
      <c r="AA577" s="119"/>
      <c r="AB577" s="119"/>
      <c r="AC577" s="119"/>
      <c r="AD577" s="119"/>
      <c r="AE577" s="119"/>
      <c r="AF577" s="119"/>
      <c r="AG577" s="119"/>
      <c r="AH577" s="119"/>
      <c r="AI577" s="119"/>
      <c r="AJ577" s="119"/>
      <c r="AK577" s="119"/>
      <c r="AL577" s="119"/>
      <c r="AM577" s="119"/>
      <c r="AN577" s="119"/>
      <c r="AO577" s="119"/>
      <c r="AP577" s="119"/>
      <c r="AQ577" s="119"/>
      <c r="AR577" s="119"/>
      <c r="AS577" s="119"/>
      <c r="AT577" s="119"/>
      <c r="AU577" s="119"/>
      <c r="AV577" s="119"/>
      <c r="AW577" s="119"/>
      <c r="AX577" s="119"/>
      <c r="AY577" s="119"/>
      <c r="AZ577" s="119"/>
      <c r="BA577" s="119"/>
      <c r="BB577" s="107">
        <v>45884</v>
      </c>
    </row>
    <row r="578" spans="1:54" s="207" customFormat="1" ht="13.95" customHeight="1" x14ac:dyDescent="0.25">
      <c r="A578" s="208" t="s">
        <v>1470</v>
      </c>
      <c r="B578" s="209" t="s">
        <v>20420</v>
      </c>
      <c r="C578" s="113" t="s">
        <v>1471</v>
      </c>
      <c r="D578" s="113" t="s">
        <v>22704</v>
      </c>
      <c r="E578" s="210">
        <v>2001</v>
      </c>
      <c r="F578" s="210">
        <v>484</v>
      </c>
      <c r="G578" s="113" t="s">
        <v>1</v>
      </c>
      <c r="H578" s="113">
        <v>0</v>
      </c>
      <c r="I578" s="113">
        <v>0</v>
      </c>
      <c r="J578" s="115">
        <v>1</v>
      </c>
      <c r="K578" s="211">
        <v>1</v>
      </c>
      <c r="L578" s="115">
        <v>0</v>
      </c>
      <c r="M578" s="115">
        <v>1</v>
      </c>
      <c r="N578" s="115">
        <v>0</v>
      </c>
      <c r="O578" s="115">
        <v>0</v>
      </c>
      <c r="P578" s="115" t="s">
        <v>400</v>
      </c>
      <c r="Q578" s="115" t="s">
        <v>400</v>
      </c>
      <c r="R578" s="115">
        <v>0</v>
      </c>
      <c r="S578" s="115">
        <v>0</v>
      </c>
      <c r="T578" s="115">
        <v>0</v>
      </c>
      <c r="U578" s="119"/>
      <c r="V578" s="119"/>
      <c r="W578" s="119"/>
      <c r="X578" s="119"/>
      <c r="Y578" s="119"/>
      <c r="Z578" s="119"/>
      <c r="AA578" s="119"/>
      <c r="AB578" s="119"/>
      <c r="AC578" s="119"/>
      <c r="AD578" s="119"/>
      <c r="AE578" s="119"/>
      <c r="AF578" s="119"/>
      <c r="AG578" s="119"/>
      <c r="AH578" s="119"/>
      <c r="AI578" s="119"/>
      <c r="AJ578" s="119"/>
      <c r="AK578" s="119"/>
      <c r="AL578" s="119"/>
      <c r="AM578" s="119"/>
      <c r="AN578" s="119"/>
      <c r="AO578" s="119"/>
      <c r="AP578" s="119"/>
      <c r="AQ578" s="119"/>
      <c r="AR578" s="119"/>
      <c r="AS578" s="119"/>
      <c r="AT578" s="119"/>
      <c r="AU578" s="119"/>
      <c r="AV578" s="119"/>
      <c r="AW578" s="119"/>
      <c r="AX578" s="119"/>
      <c r="AY578" s="119"/>
      <c r="AZ578" s="119"/>
      <c r="BA578" s="119"/>
      <c r="BB578" s="107">
        <v>45884</v>
      </c>
    </row>
    <row r="579" spans="1:54" s="207" customFormat="1" ht="13.95" customHeight="1" x14ac:dyDescent="0.25">
      <c r="A579" s="208" t="s">
        <v>1472</v>
      </c>
      <c r="B579" s="209" t="s">
        <v>20420</v>
      </c>
      <c r="C579" s="113" t="s">
        <v>1473</v>
      </c>
      <c r="D579" s="113" t="s">
        <v>1474</v>
      </c>
      <c r="E579" s="210">
        <v>1983</v>
      </c>
      <c r="F579" s="210">
        <v>485</v>
      </c>
      <c r="G579" s="113" t="s">
        <v>1</v>
      </c>
      <c r="H579" s="113">
        <v>0</v>
      </c>
      <c r="I579" s="113">
        <v>0</v>
      </c>
      <c r="J579" s="115">
        <v>1</v>
      </c>
      <c r="K579" s="116" t="s">
        <v>174</v>
      </c>
      <c r="L579" s="115">
        <v>1</v>
      </c>
      <c r="M579" s="115">
        <v>0</v>
      </c>
      <c r="N579" s="115">
        <v>1</v>
      </c>
      <c r="O579" s="115">
        <v>0</v>
      </c>
      <c r="P579" s="115">
        <v>1</v>
      </c>
      <c r="Q579" s="115" t="s">
        <v>400</v>
      </c>
      <c r="R579" s="115">
        <v>1</v>
      </c>
      <c r="S579" s="115">
        <v>0</v>
      </c>
      <c r="T579" s="115">
        <v>0</v>
      </c>
      <c r="U579" s="119"/>
      <c r="V579" s="119"/>
      <c r="W579" s="119"/>
      <c r="X579" s="119"/>
      <c r="Y579" s="119"/>
      <c r="Z579" s="119"/>
      <c r="AA579" s="119"/>
      <c r="AB579" s="119"/>
      <c r="AC579" s="119"/>
      <c r="AD579" s="119"/>
      <c r="AE579" s="119"/>
      <c r="AF579" s="119"/>
      <c r="AG579" s="119"/>
      <c r="AH579" s="119"/>
      <c r="AI579" s="119"/>
      <c r="AJ579" s="119"/>
      <c r="AK579" s="119"/>
      <c r="AL579" s="119"/>
      <c r="AM579" s="119"/>
      <c r="AN579" s="119"/>
      <c r="AO579" s="119"/>
      <c r="AP579" s="119"/>
      <c r="AQ579" s="119"/>
      <c r="AR579" s="119"/>
      <c r="AS579" s="119"/>
      <c r="AT579" s="119"/>
      <c r="AU579" s="119"/>
      <c r="AV579" s="119"/>
      <c r="AW579" s="119"/>
      <c r="AX579" s="119"/>
      <c r="AY579" s="119"/>
      <c r="AZ579" s="119"/>
      <c r="BA579" s="119"/>
      <c r="BB579" s="107">
        <v>45884</v>
      </c>
    </row>
    <row r="580" spans="1:54" s="207" customFormat="1" ht="13.95" customHeight="1" x14ac:dyDescent="0.25">
      <c r="A580" s="208" t="s">
        <v>1475</v>
      </c>
      <c r="B580" s="209" t="s">
        <v>20420</v>
      </c>
      <c r="C580" s="113" t="s">
        <v>1476</v>
      </c>
      <c r="D580" s="113" t="s">
        <v>1477</v>
      </c>
      <c r="E580" s="210">
        <v>1998</v>
      </c>
      <c r="F580" s="210">
        <v>485</v>
      </c>
      <c r="G580" s="113" t="s">
        <v>1</v>
      </c>
      <c r="H580" s="113">
        <v>0</v>
      </c>
      <c r="I580" s="113">
        <v>0</v>
      </c>
      <c r="J580" s="115">
        <v>1</v>
      </c>
      <c r="K580" s="116" t="s">
        <v>174</v>
      </c>
      <c r="L580" s="115">
        <v>0</v>
      </c>
      <c r="M580" s="115">
        <v>0</v>
      </c>
      <c r="N580" s="115">
        <v>0</v>
      </c>
      <c r="O580" s="115">
        <v>0</v>
      </c>
      <c r="P580" s="115">
        <v>1</v>
      </c>
      <c r="Q580" s="115" t="s">
        <v>400</v>
      </c>
      <c r="R580" s="115">
        <v>1</v>
      </c>
      <c r="S580" s="115">
        <v>0</v>
      </c>
      <c r="T580" s="115">
        <v>0</v>
      </c>
      <c r="U580" s="119"/>
      <c r="V580" s="119"/>
      <c r="W580" s="119"/>
      <c r="X580" s="119"/>
      <c r="Y580" s="119"/>
      <c r="Z580" s="119"/>
      <c r="AA580" s="119"/>
      <c r="AB580" s="119"/>
      <c r="AC580" s="119"/>
      <c r="AD580" s="119"/>
      <c r="AE580" s="119"/>
      <c r="AF580" s="119"/>
      <c r="AG580" s="119"/>
      <c r="AH580" s="119"/>
      <c r="AI580" s="119"/>
      <c r="AJ580" s="119"/>
      <c r="AK580" s="119"/>
      <c r="AL580" s="119"/>
      <c r="AM580" s="119"/>
      <c r="AN580" s="119"/>
      <c r="AO580" s="119"/>
      <c r="AP580" s="119"/>
      <c r="AQ580" s="119"/>
      <c r="AR580" s="119"/>
      <c r="AS580" s="119"/>
      <c r="AT580" s="119"/>
      <c r="AU580" s="119"/>
      <c r="AV580" s="119"/>
      <c r="AW580" s="119"/>
      <c r="AX580" s="119"/>
      <c r="AY580" s="119"/>
      <c r="AZ580" s="119"/>
      <c r="BA580" s="119"/>
      <c r="BB580" s="107">
        <v>45884</v>
      </c>
    </row>
    <row r="581" spans="1:54" s="207" customFormat="1" ht="13.95" customHeight="1" x14ac:dyDescent="0.25">
      <c r="A581" s="208" t="s">
        <v>1478</v>
      </c>
      <c r="B581" s="209" t="s">
        <v>20420</v>
      </c>
      <c r="C581" s="113" t="s">
        <v>1479</v>
      </c>
      <c r="D581" s="113" t="s">
        <v>22705</v>
      </c>
      <c r="E581" s="210">
        <v>1980</v>
      </c>
      <c r="F581" s="210">
        <v>485</v>
      </c>
      <c r="G581" s="113" t="s">
        <v>1</v>
      </c>
      <c r="H581" s="113">
        <v>0</v>
      </c>
      <c r="I581" s="113">
        <v>0</v>
      </c>
      <c r="J581" s="115">
        <v>1</v>
      </c>
      <c r="K581" s="116" t="s">
        <v>174</v>
      </c>
      <c r="L581" s="115">
        <v>1</v>
      </c>
      <c r="M581" s="115">
        <v>1</v>
      </c>
      <c r="N581" s="115">
        <v>0</v>
      </c>
      <c r="O581" s="115">
        <v>1</v>
      </c>
      <c r="P581" s="115" t="s">
        <v>400</v>
      </c>
      <c r="Q581" s="115" t="s">
        <v>400</v>
      </c>
      <c r="R581" s="115">
        <v>1</v>
      </c>
      <c r="S581" s="115">
        <v>0</v>
      </c>
      <c r="T581" s="115">
        <v>0</v>
      </c>
      <c r="U581" s="119"/>
      <c r="V581" s="119"/>
      <c r="W581" s="119"/>
      <c r="X581" s="119"/>
      <c r="Y581" s="119"/>
      <c r="Z581" s="119"/>
      <c r="AA581" s="119"/>
      <c r="AB581" s="119"/>
      <c r="AC581" s="119"/>
      <c r="AD581" s="119"/>
      <c r="AE581" s="119"/>
      <c r="AF581" s="119"/>
      <c r="AG581" s="119"/>
      <c r="AH581" s="119"/>
      <c r="AI581" s="119"/>
      <c r="AJ581" s="119"/>
      <c r="AK581" s="119"/>
      <c r="AL581" s="119"/>
      <c r="AM581" s="119"/>
      <c r="AN581" s="119"/>
      <c r="AO581" s="119"/>
      <c r="AP581" s="119"/>
      <c r="AQ581" s="119"/>
      <c r="AR581" s="119"/>
      <c r="AS581" s="119"/>
      <c r="AT581" s="119"/>
      <c r="AU581" s="119"/>
      <c r="AV581" s="119"/>
      <c r="AW581" s="119"/>
      <c r="AX581" s="119"/>
      <c r="AY581" s="119"/>
      <c r="AZ581" s="119"/>
      <c r="BA581" s="119"/>
      <c r="BB581" s="107">
        <v>45884</v>
      </c>
    </row>
    <row r="582" spans="1:54" s="207" customFormat="1" ht="13.95" customHeight="1" x14ac:dyDescent="0.25">
      <c r="A582" s="208" t="s">
        <v>1480</v>
      </c>
      <c r="B582" s="209" t="s">
        <v>20420</v>
      </c>
      <c r="C582" s="113" t="s">
        <v>1481</v>
      </c>
      <c r="D582" s="113" t="s">
        <v>22706</v>
      </c>
      <c r="E582" s="210">
        <v>1975</v>
      </c>
      <c r="F582" s="210">
        <v>325</v>
      </c>
      <c r="G582" s="113" t="s">
        <v>1</v>
      </c>
      <c r="H582" s="113">
        <v>0</v>
      </c>
      <c r="I582" s="113">
        <v>0</v>
      </c>
      <c r="J582" s="115">
        <v>1</v>
      </c>
      <c r="K582" s="211">
        <v>1</v>
      </c>
      <c r="L582" s="115">
        <v>0</v>
      </c>
      <c r="M582" s="115">
        <v>0</v>
      </c>
      <c r="N582" s="115">
        <v>0</v>
      </c>
      <c r="O582" s="115">
        <v>0</v>
      </c>
      <c r="P582" s="115">
        <v>1</v>
      </c>
      <c r="Q582" s="115" t="s">
        <v>400</v>
      </c>
      <c r="R582" s="115">
        <v>0</v>
      </c>
      <c r="S582" s="115">
        <v>0</v>
      </c>
      <c r="T582" s="115">
        <v>0</v>
      </c>
      <c r="U582" s="119"/>
      <c r="V582" s="119"/>
      <c r="W582" s="119"/>
      <c r="X582" s="119"/>
      <c r="Y582" s="119"/>
      <c r="Z582" s="119"/>
      <c r="AA582" s="119"/>
      <c r="AB582" s="119"/>
      <c r="AC582" s="119"/>
      <c r="AD582" s="119"/>
      <c r="AE582" s="119"/>
      <c r="AF582" s="119"/>
      <c r="AG582" s="119"/>
      <c r="AH582" s="119"/>
      <c r="AI582" s="119"/>
      <c r="AJ582" s="119"/>
      <c r="AK582" s="119"/>
      <c r="AL582" s="119"/>
      <c r="AM582" s="119"/>
      <c r="AN582" s="119"/>
      <c r="AO582" s="119"/>
      <c r="AP582" s="119"/>
      <c r="AQ582" s="119"/>
      <c r="AR582" s="119"/>
      <c r="AS582" s="119"/>
      <c r="AT582" s="119"/>
      <c r="AU582" s="119"/>
      <c r="AV582" s="119"/>
      <c r="AW582" s="119"/>
      <c r="AX582" s="119"/>
      <c r="AY582" s="119"/>
      <c r="AZ582" s="119"/>
      <c r="BA582" s="119"/>
      <c r="BB582" s="107">
        <v>45884</v>
      </c>
    </row>
    <row r="583" spans="1:54" s="207" customFormat="1" ht="13.95" customHeight="1" x14ac:dyDescent="0.25">
      <c r="A583" s="208" t="s">
        <v>1482</v>
      </c>
      <c r="B583" s="209" t="s">
        <v>20420</v>
      </c>
      <c r="C583" s="113" t="s">
        <v>1483</v>
      </c>
      <c r="D583" s="113" t="s">
        <v>22707</v>
      </c>
      <c r="E583" s="210">
        <v>1998</v>
      </c>
      <c r="F583" s="210">
        <v>487</v>
      </c>
      <c r="G583" s="113" t="s">
        <v>1</v>
      </c>
      <c r="H583" s="113">
        <v>0</v>
      </c>
      <c r="I583" s="113">
        <v>0</v>
      </c>
      <c r="J583" s="115">
        <v>1</v>
      </c>
      <c r="K583" s="211">
        <v>1</v>
      </c>
      <c r="L583" s="115">
        <v>0</v>
      </c>
      <c r="M583" s="115">
        <v>0</v>
      </c>
      <c r="N583" s="115">
        <v>0</v>
      </c>
      <c r="O583" s="115">
        <v>0</v>
      </c>
      <c r="P583" s="115">
        <v>1</v>
      </c>
      <c r="Q583" s="115" t="s">
        <v>400</v>
      </c>
      <c r="R583" s="115">
        <v>0</v>
      </c>
      <c r="S583" s="115">
        <v>0</v>
      </c>
      <c r="T583" s="115">
        <v>0</v>
      </c>
      <c r="U583" s="119"/>
      <c r="V583" s="119"/>
      <c r="W583" s="119"/>
      <c r="X583" s="119"/>
      <c r="Y583" s="119"/>
      <c r="Z583" s="119"/>
      <c r="AA583" s="119"/>
      <c r="AB583" s="119"/>
      <c r="AC583" s="119"/>
      <c r="AD583" s="119"/>
      <c r="AE583" s="119"/>
      <c r="AF583" s="119"/>
      <c r="AG583" s="119"/>
      <c r="AH583" s="119"/>
      <c r="AI583" s="119"/>
      <c r="AJ583" s="119"/>
      <c r="AK583" s="119"/>
      <c r="AL583" s="119"/>
      <c r="AM583" s="119"/>
      <c r="AN583" s="119"/>
      <c r="AO583" s="119"/>
      <c r="AP583" s="119"/>
      <c r="AQ583" s="119"/>
      <c r="AR583" s="119"/>
      <c r="AS583" s="119"/>
      <c r="AT583" s="119"/>
      <c r="AU583" s="119"/>
      <c r="AV583" s="119"/>
      <c r="AW583" s="119"/>
      <c r="AX583" s="119"/>
      <c r="AY583" s="119"/>
      <c r="AZ583" s="119"/>
      <c r="BA583" s="119"/>
      <c r="BB583" s="107">
        <v>45884</v>
      </c>
    </row>
    <row r="584" spans="1:54" s="207" customFormat="1" ht="13.95" customHeight="1" x14ac:dyDescent="0.25">
      <c r="A584" s="208" t="s">
        <v>1484</v>
      </c>
      <c r="B584" s="209" t="s">
        <v>20420</v>
      </c>
      <c r="C584" s="113" t="s">
        <v>1485</v>
      </c>
      <c r="D584" s="113" t="s">
        <v>22708</v>
      </c>
      <c r="E584" s="210">
        <v>1999</v>
      </c>
      <c r="F584" s="210">
        <v>487</v>
      </c>
      <c r="G584" s="113" t="s">
        <v>1</v>
      </c>
      <c r="H584" s="113">
        <v>0</v>
      </c>
      <c r="I584" s="113">
        <v>0</v>
      </c>
      <c r="J584" s="115">
        <v>1</v>
      </c>
      <c r="K584" s="116" t="s">
        <v>174</v>
      </c>
      <c r="L584" s="115">
        <v>0</v>
      </c>
      <c r="M584" s="115">
        <v>0</v>
      </c>
      <c r="N584" s="115">
        <v>0</v>
      </c>
      <c r="O584" s="115">
        <v>0</v>
      </c>
      <c r="P584" s="115" t="s">
        <v>400</v>
      </c>
      <c r="Q584" s="115" t="s">
        <v>400</v>
      </c>
      <c r="R584" s="115">
        <v>1</v>
      </c>
      <c r="S584" s="115">
        <v>0</v>
      </c>
      <c r="T584" s="115">
        <v>0</v>
      </c>
      <c r="U584" s="119"/>
      <c r="V584" s="119"/>
      <c r="W584" s="119"/>
      <c r="X584" s="119"/>
      <c r="Y584" s="119"/>
      <c r="Z584" s="119"/>
      <c r="AA584" s="119"/>
      <c r="AB584" s="119"/>
      <c r="AC584" s="119"/>
      <c r="AD584" s="119"/>
      <c r="AE584" s="119"/>
      <c r="AF584" s="119"/>
      <c r="AG584" s="119"/>
      <c r="AH584" s="119"/>
      <c r="AI584" s="119"/>
      <c r="AJ584" s="119"/>
      <c r="AK584" s="119"/>
      <c r="AL584" s="119"/>
      <c r="AM584" s="119"/>
      <c r="AN584" s="119"/>
      <c r="AO584" s="119"/>
      <c r="AP584" s="119"/>
      <c r="AQ584" s="119"/>
      <c r="AR584" s="119"/>
      <c r="AS584" s="119"/>
      <c r="AT584" s="119"/>
      <c r="AU584" s="119"/>
      <c r="AV584" s="119"/>
      <c r="AW584" s="119"/>
      <c r="AX584" s="119"/>
      <c r="AY584" s="119"/>
      <c r="AZ584" s="119"/>
      <c r="BA584" s="119"/>
      <c r="BB584" s="107">
        <v>45884</v>
      </c>
    </row>
    <row r="585" spans="1:54" s="207" customFormat="1" ht="13.95" customHeight="1" x14ac:dyDescent="0.25">
      <c r="A585" s="208" t="s">
        <v>1486</v>
      </c>
      <c r="B585" s="209" t="s">
        <v>20420</v>
      </c>
      <c r="C585" s="113" t="s">
        <v>1487</v>
      </c>
      <c r="D585" s="113" t="s">
        <v>22709</v>
      </c>
      <c r="E585" s="210">
        <v>1984</v>
      </c>
      <c r="F585" s="210">
        <v>488</v>
      </c>
      <c r="G585" s="113" t="s">
        <v>1</v>
      </c>
      <c r="H585" s="113">
        <v>0</v>
      </c>
      <c r="I585" s="113">
        <v>0</v>
      </c>
      <c r="J585" s="115">
        <v>1</v>
      </c>
      <c r="K585" s="116" t="s">
        <v>174</v>
      </c>
      <c r="L585" s="115">
        <v>0</v>
      </c>
      <c r="M585" s="115">
        <v>0</v>
      </c>
      <c r="N585" s="115">
        <v>0</v>
      </c>
      <c r="O585" s="115">
        <v>0</v>
      </c>
      <c r="P585" s="115" t="s">
        <v>400</v>
      </c>
      <c r="Q585" s="115" t="s">
        <v>400</v>
      </c>
      <c r="R585" s="115">
        <v>0</v>
      </c>
      <c r="S585" s="115">
        <v>0</v>
      </c>
      <c r="T585" s="115">
        <v>0</v>
      </c>
      <c r="U585" s="119"/>
      <c r="V585" s="119"/>
      <c r="W585" s="119"/>
      <c r="X585" s="119"/>
      <c r="Y585" s="119"/>
      <c r="Z585" s="119"/>
      <c r="AA585" s="119"/>
      <c r="AB585" s="119"/>
      <c r="AC585" s="119"/>
      <c r="AD585" s="119"/>
      <c r="AE585" s="119"/>
      <c r="AF585" s="119"/>
      <c r="AG585" s="119"/>
      <c r="AH585" s="119"/>
      <c r="AI585" s="119"/>
      <c r="AJ585" s="119"/>
      <c r="AK585" s="119"/>
      <c r="AL585" s="119"/>
      <c r="AM585" s="119"/>
      <c r="AN585" s="119"/>
      <c r="AO585" s="119"/>
      <c r="AP585" s="119"/>
      <c r="AQ585" s="119"/>
      <c r="AR585" s="119"/>
      <c r="AS585" s="119"/>
      <c r="AT585" s="119"/>
      <c r="AU585" s="119"/>
      <c r="AV585" s="119"/>
      <c r="AW585" s="119"/>
      <c r="AX585" s="119"/>
      <c r="AY585" s="119"/>
      <c r="AZ585" s="119"/>
      <c r="BA585" s="119"/>
      <c r="BB585" s="107">
        <v>45884</v>
      </c>
    </row>
    <row r="586" spans="1:54" s="207" customFormat="1" ht="13.95" customHeight="1" x14ac:dyDescent="0.25">
      <c r="A586" s="208" t="s">
        <v>1488</v>
      </c>
      <c r="B586" s="209" t="s">
        <v>20420</v>
      </c>
      <c r="C586" s="113" t="s">
        <v>1489</v>
      </c>
      <c r="D586" s="113" t="s">
        <v>22710</v>
      </c>
      <c r="E586" s="210">
        <v>2001</v>
      </c>
      <c r="F586" s="210">
        <v>488</v>
      </c>
      <c r="G586" s="113" t="s">
        <v>1</v>
      </c>
      <c r="H586" s="113">
        <v>0</v>
      </c>
      <c r="I586" s="113">
        <v>0</v>
      </c>
      <c r="J586" s="115">
        <v>0</v>
      </c>
      <c r="K586" s="116" t="s">
        <v>174</v>
      </c>
      <c r="L586" s="115">
        <v>0</v>
      </c>
      <c r="M586" s="115">
        <v>0</v>
      </c>
      <c r="N586" s="115">
        <v>0</v>
      </c>
      <c r="O586" s="115">
        <v>0</v>
      </c>
      <c r="P586" s="115" t="s">
        <v>400</v>
      </c>
      <c r="Q586" s="115" t="s">
        <v>400</v>
      </c>
      <c r="R586" s="115">
        <v>0</v>
      </c>
      <c r="S586" s="115">
        <v>0</v>
      </c>
      <c r="T586" s="115">
        <v>0</v>
      </c>
      <c r="U586" s="119"/>
      <c r="V586" s="119"/>
      <c r="W586" s="119"/>
      <c r="X586" s="119"/>
      <c r="Y586" s="119"/>
      <c r="Z586" s="119"/>
      <c r="AA586" s="119"/>
      <c r="AB586" s="119"/>
      <c r="AC586" s="119"/>
      <c r="AD586" s="119"/>
      <c r="AE586" s="119"/>
      <c r="AF586" s="119"/>
      <c r="AG586" s="119"/>
      <c r="AH586" s="119"/>
      <c r="AI586" s="119"/>
      <c r="AJ586" s="119"/>
      <c r="AK586" s="119"/>
      <c r="AL586" s="119"/>
      <c r="AM586" s="119"/>
      <c r="AN586" s="119"/>
      <c r="AO586" s="119"/>
      <c r="AP586" s="119"/>
      <c r="AQ586" s="119"/>
      <c r="AR586" s="119"/>
      <c r="AS586" s="119"/>
      <c r="AT586" s="119"/>
      <c r="AU586" s="119"/>
      <c r="AV586" s="119"/>
      <c r="AW586" s="119"/>
      <c r="AX586" s="119"/>
      <c r="AY586" s="119"/>
      <c r="AZ586" s="119"/>
      <c r="BA586" s="119"/>
      <c r="BB586" s="107">
        <v>45884</v>
      </c>
    </row>
    <row r="587" spans="1:54" s="207" customFormat="1" ht="13.95" customHeight="1" x14ac:dyDescent="0.25">
      <c r="A587" s="208" t="s">
        <v>1490</v>
      </c>
      <c r="B587" s="209" t="s">
        <v>20420</v>
      </c>
      <c r="C587" s="113" t="s">
        <v>1491</v>
      </c>
      <c r="D587" s="113" t="s">
        <v>22711</v>
      </c>
      <c r="E587" s="210">
        <v>1987</v>
      </c>
      <c r="F587" s="210">
        <v>491</v>
      </c>
      <c r="G587" s="113" t="s">
        <v>1</v>
      </c>
      <c r="H587" s="113">
        <v>0</v>
      </c>
      <c r="I587" s="113">
        <v>0</v>
      </c>
      <c r="J587" s="115">
        <v>1</v>
      </c>
      <c r="K587" s="116" t="s">
        <v>174</v>
      </c>
      <c r="L587" s="115">
        <v>1</v>
      </c>
      <c r="M587" s="115">
        <v>0</v>
      </c>
      <c r="N587" s="115">
        <v>0</v>
      </c>
      <c r="O587" s="115">
        <v>1</v>
      </c>
      <c r="P587" s="115">
        <v>1</v>
      </c>
      <c r="Q587" s="115" t="s">
        <v>400</v>
      </c>
      <c r="R587" s="115">
        <v>0</v>
      </c>
      <c r="S587" s="115">
        <v>0</v>
      </c>
      <c r="T587" s="115">
        <v>0</v>
      </c>
      <c r="U587" s="119"/>
      <c r="V587" s="119"/>
      <c r="W587" s="119"/>
      <c r="X587" s="119"/>
      <c r="Y587" s="119"/>
      <c r="Z587" s="119"/>
      <c r="AA587" s="119"/>
      <c r="AB587" s="119"/>
      <c r="AC587" s="119"/>
      <c r="AD587" s="119"/>
      <c r="AE587" s="119"/>
      <c r="AF587" s="119"/>
      <c r="AG587" s="119"/>
      <c r="AH587" s="119"/>
      <c r="AI587" s="119"/>
      <c r="AJ587" s="119"/>
      <c r="AK587" s="119"/>
      <c r="AL587" s="119"/>
      <c r="AM587" s="119"/>
      <c r="AN587" s="119"/>
      <c r="AO587" s="119"/>
      <c r="AP587" s="119"/>
      <c r="AQ587" s="119"/>
      <c r="AR587" s="119"/>
      <c r="AS587" s="119"/>
      <c r="AT587" s="119"/>
      <c r="AU587" s="119"/>
      <c r="AV587" s="119"/>
      <c r="AW587" s="119"/>
      <c r="AX587" s="119"/>
      <c r="AY587" s="119"/>
      <c r="AZ587" s="119"/>
      <c r="BA587" s="119"/>
      <c r="BB587" s="107">
        <v>45884</v>
      </c>
    </row>
    <row r="588" spans="1:54" s="207" customFormat="1" ht="13.95" customHeight="1" x14ac:dyDescent="0.25">
      <c r="A588" s="208" t="s">
        <v>1492</v>
      </c>
      <c r="B588" s="209" t="s">
        <v>20420</v>
      </c>
      <c r="C588" s="113" t="s">
        <v>1493</v>
      </c>
      <c r="D588" s="113" t="s">
        <v>22712</v>
      </c>
      <c r="E588" s="210">
        <v>1997</v>
      </c>
      <c r="F588" s="210">
        <v>493</v>
      </c>
      <c r="G588" s="113" t="s">
        <v>1</v>
      </c>
      <c r="H588" s="113">
        <v>0</v>
      </c>
      <c r="I588" s="113">
        <v>0</v>
      </c>
      <c r="J588" s="115">
        <v>1</v>
      </c>
      <c r="K588" s="116" t="s">
        <v>174</v>
      </c>
      <c r="L588" s="115">
        <v>0</v>
      </c>
      <c r="M588" s="115">
        <v>0</v>
      </c>
      <c r="N588" s="115">
        <v>0</v>
      </c>
      <c r="O588" s="115">
        <v>0</v>
      </c>
      <c r="P588" s="115">
        <v>1</v>
      </c>
      <c r="Q588" s="115" t="s">
        <v>400</v>
      </c>
      <c r="R588" s="115">
        <v>0</v>
      </c>
      <c r="S588" s="115">
        <v>0</v>
      </c>
      <c r="T588" s="115">
        <v>0</v>
      </c>
      <c r="U588" s="119"/>
      <c r="V588" s="119"/>
      <c r="W588" s="119"/>
      <c r="X588" s="119"/>
      <c r="Y588" s="119"/>
      <c r="Z588" s="119"/>
      <c r="AA588" s="119"/>
      <c r="AB588" s="119"/>
      <c r="AC588" s="119"/>
      <c r="AD588" s="119"/>
      <c r="AE588" s="119"/>
      <c r="AF588" s="119"/>
      <c r="AG588" s="119"/>
      <c r="AH588" s="119"/>
      <c r="AI588" s="119"/>
      <c r="AJ588" s="119"/>
      <c r="AK588" s="119"/>
      <c r="AL588" s="119"/>
      <c r="AM588" s="119"/>
      <c r="AN588" s="119"/>
      <c r="AO588" s="119"/>
      <c r="AP588" s="119"/>
      <c r="AQ588" s="119"/>
      <c r="AR588" s="119"/>
      <c r="AS588" s="119"/>
      <c r="AT588" s="119"/>
      <c r="AU588" s="119"/>
      <c r="AV588" s="119"/>
      <c r="AW588" s="119"/>
      <c r="AX588" s="119"/>
      <c r="AY588" s="119"/>
      <c r="AZ588" s="119"/>
      <c r="BA588" s="119"/>
      <c r="BB588" s="107">
        <v>45884</v>
      </c>
    </row>
    <row r="589" spans="1:54" s="207" customFormat="1" ht="13.95" customHeight="1" x14ac:dyDescent="0.25">
      <c r="A589" s="208" t="s">
        <v>1494</v>
      </c>
      <c r="B589" s="209" t="s">
        <v>20420</v>
      </c>
      <c r="C589" s="113" t="s">
        <v>1495</v>
      </c>
      <c r="D589" s="113" t="s">
        <v>22713</v>
      </c>
      <c r="E589" s="210">
        <v>1974</v>
      </c>
      <c r="F589" s="210">
        <v>493</v>
      </c>
      <c r="G589" s="113" t="s">
        <v>1</v>
      </c>
      <c r="H589" s="113">
        <v>0</v>
      </c>
      <c r="I589" s="113">
        <v>0</v>
      </c>
      <c r="J589" s="115">
        <v>1</v>
      </c>
      <c r="K589" s="116" t="s">
        <v>174</v>
      </c>
      <c r="L589" s="115">
        <v>1</v>
      </c>
      <c r="M589" s="115">
        <v>0</v>
      </c>
      <c r="N589" s="115">
        <v>0</v>
      </c>
      <c r="O589" s="115">
        <v>1</v>
      </c>
      <c r="P589" s="115">
        <v>1</v>
      </c>
      <c r="Q589" s="115" t="s">
        <v>400</v>
      </c>
      <c r="R589" s="115">
        <v>1</v>
      </c>
      <c r="S589" s="115">
        <v>0</v>
      </c>
      <c r="T589" s="115">
        <v>0</v>
      </c>
      <c r="U589" s="119"/>
      <c r="V589" s="119"/>
      <c r="W589" s="119"/>
      <c r="X589" s="119"/>
      <c r="Y589" s="119"/>
      <c r="Z589" s="119"/>
      <c r="AA589" s="119"/>
      <c r="AB589" s="119"/>
      <c r="AC589" s="119"/>
      <c r="AD589" s="119"/>
      <c r="AE589" s="119"/>
      <c r="AF589" s="119"/>
      <c r="AG589" s="119"/>
      <c r="AH589" s="119"/>
      <c r="AI589" s="119"/>
      <c r="AJ589" s="119"/>
      <c r="AK589" s="119"/>
      <c r="AL589" s="119"/>
      <c r="AM589" s="119"/>
      <c r="AN589" s="119"/>
      <c r="AO589" s="119"/>
      <c r="AP589" s="119"/>
      <c r="AQ589" s="119"/>
      <c r="AR589" s="119"/>
      <c r="AS589" s="119"/>
      <c r="AT589" s="119"/>
      <c r="AU589" s="119"/>
      <c r="AV589" s="119"/>
      <c r="AW589" s="119"/>
      <c r="AX589" s="119"/>
      <c r="AY589" s="119"/>
      <c r="AZ589" s="119"/>
      <c r="BA589" s="119"/>
      <c r="BB589" s="107">
        <v>45884</v>
      </c>
    </row>
    <row r="590" spans="1:54" s="207" customFormat="1" ht="13.95" customHeight="1" x14ac:dyDescent="0.25">
      <c r="A590" s="208" t="s">
        <v>1496</v>
      </c>
      <c r="B590" s="209" t="s">
        <v>20420</v>
      </c>
      <c r="C590" s="113" t="s">
        <v>1497</v>
      </c>
      <c r="D590" s="113" t="s">
        <v>22714</v>
      </c>
      <c r="E590" s="210">
        <v>2001</v>
      </c>
      <c r="F590" s="210">
        <v>493</v>
      </c>
      <c r="G590" s="113" t="s">
        <v>1</v>
      </c>
      <c r="H590" s="113">
        <v>0</v>
      </c>
      <c r="I590" s="113">
        <v>0</v>
      </c>
      <c r="J590" s="115">
        <v>1</v>
      </c>
      <c r="K590" s="116" t="s">
        <v>174</v>
      </c>
      <c r="L590" s="115">
        <v>0</v>
      </c>
      <c r="M590" s="115">
        <v>0</v>
      </c>
      <c r="N590" s="115">
        <v>0</v>
      </c>
      <c r="O590" s="115">
        <v>0</v>
      </c>
      <c r="P590" s="115">
        <v>1</v>
      </c>
      <c r="Q590" s="115" t="s">
        <v>400</v>
      </c>
      <c r="R590" s="115">
        <v>1</v>
      </c>
      <c r="S590" s="115">
        <v>0</v>
      </c>
      <c r="T590" s="115">
        <v>0</v>
      </c>
      <c r="U590" s="119"/>
      <c r="V590" s="119"/>
      <c r="W590" s="119"/>
      <c r="X590" s="119"/>
      <c r="Y590" s="119"/>
      <c r="Z590" s="119"/>
      <c r="AA590" s="119"/>
      <c r="AB590" s="119"/>
      <c r="AC590" s="119"/>
      <c r="AD590" s="119"/>
      <c r="AE590" s="119"/>
      <c r="AF590" s="119"/>
      <c r="AG590" s="119"/>
      <c r="AH590" s="119"/>
      <c r="AI590" s="119"/>
      <c r="AJ590" s="119"/>
      <c r="AK590" s="119"/>
      <c r="AL590" s="119"/>
      <c r="AM590" s="119"/>
      <c r="AN590" s="119"/>
      <c r="AO590" s="119"/>
      <c r="AP590" s="119"/>
      <c r="AQ590" s="119"/>
      <c r="AR590" s="119"/>
      <c r="AS590" s="119"/>
      <c r="AT590" s="119"/>
      <c r="AU590" s="119"/>
      <c r="AV590" s="119"/>
      <c r="AW590" s="119"/>
      <c r="AX590" s="119"/>
      <c r="AY590" s="119"/>
      <c r="AZ590" s="119"/>
      <c r="BA590" s="119"/>
      <c r="BB590" s="107">
        <v>45884</v>
      </c>
    </row>
    <row r="591" spans="1:54" s="207" customFormat="1" ht="13.95" customHeight="1" x14ac:dyDescent="0.25">
      <c r="A591" s="208" t="s">
        <v>1498</v>
      </c>
      <c r="B591" s="209" t="s">
        <v>20420</v>
      </c>
      <c r="C591" s="113" t="s">
        <v>1499</v>
      </c>
      <c r="D591" s="113" t="s">
        <v>22715</v>
      </c>
      <c r="E591" s="210">
        <v>1973</v>
      </c>
      <c r="F591" s="210">
        <v>494</v>
      </c>
      <c r="G591" s="113" t="s">
        <v>1</v>
      </c>
      <c r="H591" s="113">
        <v>0</v>
      </c>
      <c r="I591" s="113">
        <v>0</v>
      </c>
      <c r="J591" s="115">
        <v>1</v>
      </c>
      <c r="K591" s="116" t="s">
        <v>174</v>
      </c>
      <c r="L591" s="115">
        <v>1</v>
      </c>
      <c r="M591" s="115">
        <v>0</v>
      </c>
      <c r="N591" s="115">
        <v>0</v>
      </c>
      <c r="O591" s="115">
        <v>0</v>
      </c>
      <c r="P591" s="115" t="s">
        <v>400</v>
      </c>
      <c r="Q591" s="115" t="s">
        <v>400</v>
      </c>
      <c r="R591" s="115">
        <v>1</v>
      </c>
      <c r="S591" s="115">
        <v>0</v>
      </c>
      <c r="T591" s="115">
        <v>0</v>
      </c>
      <c r="U591" s="119"/>
      <c r="V591" s="119"/>
      <c r="W591" s="119"/>
      <c r="X591" s="119"/>
      <c r="Y591" s="119"/>
      <c r="Z591" s="119"/>
      <c r="AA591" s="119"/>
      <c r="AB591" s="119"/>
      <c r="AC591" s="119"/>
      <c r="AD591" s="119"/>
      <c r="AE591" s="119"/>
      <c r="AF591" s="119"/>
      <c r="AG591" s="119"/>
      <c r="AH591" s="119"/>
      <c r="AI591" s="119"/>
      <c r="AJ591" s="119"/>
      <c r="AK591" s="119"/>
      <c r="AL591" s="119"/>
      <c r="AM591" s="119"/>
      <c r="AN591" s="119"/>
      <c r="AO591" s="119"/>
      <c r="AP591" s="119"/>
      <c r="AQ591" s="119"/>
      <c r="AR591" s="119"/>
      <c r="AS591" s="119"/>
      <c r="AT591" s="119"/>
      <c r="AU591" s="119"/>
      <c r="AV591" s="119"/>
      <c r="AW591" s="119"/>
      <c r="AX591" s="119"/>
      <c r="AY591" s="119"/>
      <c r="AZ591" s="119"/>
      <c r="BA591" s="119"/>
      <c r="BB591" s="107">
        <v>45884</v>
      </c>
    </row>
    <row r="592" spans="1:54" s="207" customFormat="1" ht="13.95" customHeight="1" x14ac:dyDescent="0.25">
      <c r="A592" s="208" t="s">
        <v>1500</v>
      </c>
      <c r="B592" s="209" t="s">
        <v>20420</v>
      </c>
      <c r="C592" s="113" t="s">
        <v>1501</v>
      </c>
      <c r="D592" s="113" t="s">
        <v>1502</v>
      </c>
      <c r="E592" s="210">
        <v>1972</v>
      </c>
      <c r="F592" s="210">
        <v>494</v>
      </c>
      <c r="G592" s="113" t="s">
        <v>1</v>
      </c>
      <c r="H592" s="113">
        <v>0</v>
      </c>
      <c r="I592" s="113">
        <v>0</v>
      </c>
      <c r="J592" s="115">
        <v>1</v>
      </c>
      <c r="K592" s="116" t="s">
        <v>174</v>
      </c>
      <c r="L592" s="115">
        <v>1</v>
      </c>
      <c r="M592" s="115">
        <v>0</v>
      </c>
      <c r="N592" s="115">
        <v>0</v>
      </c>
      <c r="O592" s="115">
        <v>1</v>
      </c>
      <c r="P592" s="115">
        <v>1</v>
      </c>
      <c r="Q592" s="115" t="s">
        <v>400</v>
      </c>
      <c r="R592" s="115">
        <v>1</v>
      </c>
      <c r="S592" s="115">
        <v>0</v>
      </c>
      <c r="T592" s="115">
        <v>0</v>
      </c>
      <c r="U592" s="119"/>
      <c r="V592" s="119"/>
      <c r="W592" s="119"/>
      <c r="X592" s="119"/>
      <c r="Y592" s="119"/>
      <c r="Z592" s="119"/>
      <c r="AA592" s="119"/>
      <c r="AB592" s="119"/>
      <c r="AC592" s="119"/>
      <c r="AD592" s="119"/>
      <c r="AE592" s="119"/>
      <c r="AF592" s="119"/>
      <c r="AG592" s="119"/>
      <c r="AH592" s="119"/>
      <c r="AI592" s="119"/>
      <c r="AJ592" s="119"/>
      <c r="AK592" s="119"/>
      <c r="AL592" s="119"/>
      <c r="AM592" s="119"/>
      <c r="AN592" s="119"/>
      <c r="AO592" s="119"/>
      <c r="AP592" s="119"/>
      <c r="AQ592" s="119"/>
      <c r="AR592" s="119"/>
      <c r="AS592" s="119"/>
      <c r="AT592" s="119"/>
      <c r="AU592" s="119"/>
      <c r="AV592" s="119"/>
      <c r="AW592" s="119"/>
      <c r="AX592" s="119"/>
      <c r="AY592" s="119"/>
      <c r="AZ592" s="119"/>
      <c r="BA592" s="119"/>
      <c r="BB592" s="107">
        <v>45884</v>
      </c>
    </row>
    <row r="593" spans="1:54" s="207" customFormat="1" ht="13.95" customHeight="1" x14ac:dyDescent="0.25">
      <c r="A593" s="208" t="s">
        <v>1503</v>
      </c>
      <c r="B593" s="209" t="s">
        <v>20420</v>
      </c>
      <c r="C593" s="113" t="s">
        <v>1504</v>
      </c>
      <c r="D593" s="113" t="s">
        <v>22716</v>
      </c>
      <c r="E593" s="210">
        <v>2003</v>
      </c>
      <c r="F593" s="210">
        <v>494</v>
      </c>
      <c r="G593" s="113" t="s">
        <v>1</v>
      </c>
      <c r="H593" s="113">
        <v>0</v>
      </c>
      <c r="I593" s="113">
        <v>0</v>
      </c>
      <c r="J593" s="115">
        <v>1</v>
      </c>
      <c r="K593" s="211">
        <v>1</v>
      </c>
      <c r="L593" s="115">
        <v>0</v>
      </c>
      <c r="M593" s="115">
        <v>0</v>
      </c>
      <c r="N593" s="115">
        <v>1</v>
      </c>
      <c r="O593" s="115">
        <v>0</v>
      </c>
      <c r="P593" s="115">
        <v>1</v>
      </c>
      <c r="Q593" s="115" t="s">
        <v>400</v>
      </c>
      <c r="R593" s="115">
        <v>0</v>
      </c>
      <c r="S593" s="115">
        <v>0</v>
      </c>
      <c r="T593" s="115">
        <v>0</v>
      </c>
      <c r="U593" s="119"/>
      <c r="V593" s="119"/>
      <c r="W593" s="119"/>
      <c r="X593" s="119"/>
      <c r="Y593" s="119"/>
      <c r="Z593" s="119"/>
      <c r="AA593" s="119"/>
      <c r="AB593" s="119"/>
      <c r="AC593" s="119"/>
      <c r="AD593" s="119"/>
      <c r="AE593" s="119"/>
      <c r="AF593" s="119"/>
      <c r="AG593" s="119"/>
      <c r="AH593" s="119"/>
      <c r="AI593" s="119"/>
      <c r="AJ593" s="119"/>
      <c r="AK593" s="119"/>
      <c r="AL593" s="119"/>
      <c r="AM593" s="119"/>
      <c r="AN593" s="119"/>
      <c r="AO593" s="119"/>
      <c r="AP593" s="119"/>
      <c r="AQ593" s="119"/>
      <c r="AR593" s="119"/>
      <c r="AS593" s="119"/>
      <c r="AT593" s="119"/>
      <c r="AU593" s="119"/>
      <c r="AV593" s="119"/>
      <c r="AW593" s="119"/>
      <c r="AX593" s="119"/>
      <c r="AY593" s="119"/>
      <c r="AZ593" s="119"/>
      <c r="BA593" s="119"/>
      <c r="BB593" s="107">
        <v>45884</v>
      </c>
    </row>
    <row r="594" spans="1:54" s="207" customFormat="1" ht="13.95" customHeight="1" x14ac:dyDescent="0.25">
      <c r="A594" s="208" t="s">
        <v>1505</v>
      </c>
      <c r="B594" s="209" t="s">
        <v>20420</v>
      </c>
      <c r="C594" s="113" t="s">
        <v>1506</v>
      </c>
      <c r="D594" s="113" t="s">
        <v>22717</v>
      </c>
      <c r="E594" s="210">
        <v>1975</v>
      </c>
      <c r="F594" s="210">
        <v>494</v>
      </c>
      <c r="G594" s="113" t="s">
        <v>1</v>
      </c>
      <c r="H594" s="113">
        <v>0</v>
      </c>
      <c r="I594" s="113">
        <v>0</v>
      </c>
      <c r="J594" s="115">
        <v>1</v>
      </c>
      <c r="K594" s="116" t="s">
        <v>174</v>
      </c>
      <c r="L594" s="115">
        <v>1</v>
      </c>
      <c r="M594" s="115">
        <v>0</v>
      </c>
      <c r="N594" s="115">
        <v>0</v>
      </c>
      <c r="O594" s="115">
        <v>1</v>
      </c>
      <c r="P594" s="115">
        <v>1</v>
      </c>
      <c r="Q594" s="115" t="s">
        <v>400</v>
      </c>
      <c r="R594" s="115">
        <v>0</v>
      </c>
      <c r="S594" s="115">
        <v>0</v>
      </c>
      <c r="T594" s="115">
        <v>0</v>
      </c>
      <c r="U594" s="119"/>
      <c r="V594" s="119"/>
      <c r="W594" s="119"/>
      <c r="X594" s="119"/>
      <c r="Y594" s="119"/>
      <c r="Z594" s="119"/>
      <c r="AA594" s="119"/>
      <c r="AB594" s="119"/>
      <c r="AC594" s="119"/>
      <c r="AD594" s="119"/>
      <c r="AE594" s="119"/>
      <c r="AF594" s="119"/>
      <c r="AG594" s="119"/>
      <c r="AH594" s="119"/>
      <c r="AI594" s="119"/>
      <c r="AJ594" s="119"/>
      <c r="AK594" s="119"/>
      <c r="AL594" s="119"/>
      <c r="AM594" s="119"/>
      <c r="AN594" s="119"/>
      <c r="AO594" s="119"/>
      <c r="AP594" s="119"/>
      <c r="AQ594" s="119"/>
      <c r="AR594" s="119"/>
      <c r="AS594" s="119"/>
      <c r="AT594" s="119"/>
      <c r="AU594" s="119"/>
      <c r="AV594" s="119"/>
      <c r="AW594" s="119"/>
      <c r="AX594" s="119"/>
      <c r="AY594" s="119"/>
      <c r="AZ594" s="119"/>
      <c r="BA594" s="119"/>
      <c r="BB594" s="107">
        <v>45884</v>
      </c>
    </row>
    <row r="595" spans="1:54" s="207" customFormat="1" ht="13.95" customHeight="1" x14ac:dyDescent="0.25">
      <c r="A595" s="208" t="s">
        <v>1507</v>
      </c>
      <c r="B595" s="209" t="s">
        <v>20420</v>
      </c>
      <c r="C595" s="113" t="s">
        <v>1508</v>
      </c>
      <c r="D595" s="113" t="s">
        <v>22718</v>
      </c>
      <c r="E595" s="210">
        <v>1978</v>
      </c>
      <c r="F595" s="210">
        <v>495</v>
      </c>
      <c r="G595" s="113" t="s">
        <v>1</v>
      </c>
      <c r="H595" s="113">
        <v>0</v>
      </c>
      <c r="I595" s="113">
        <v>0</v>
      </c>
      <c r="J595" s="115">
        <v>1</v>
      </c>
      <c r="K595" s="116" t="s">
        <v>174</v>
      </c>
      <c r="L595" s="115">
        <v>0</v>
      </c>
      <c r="M595" s="115">
        <v>0</v>
      </c>
      <c r="N595" s="115">
        <v>0</v>
      </c>
      <c r="O595" s="115">
        <v>1</v>
      </c>
      <c r="P595" s="115">
        <v>1</v>
      </c>
      <c r="Q595" s="115" t="s">
        <v>400</v>
      </c>
      <c r="R595" s="115">
        <v>1</v>
      </c>
      <c r="S595" s="115">
        <v>0</v>
      </c>
      <c r="T595" s="115">
        <v>0</v>
      </c>
      <c r="U595" s="119"/>
      <c r="V595" s="119"/>
      <c r="W595" s="119"/>
      <c r="X595" s="119"/>
      <c r="Y595" s="119"/>
      <c r="Z595" s="119"/>
      <c r="AA595" s="119"/>
      <c r="AB595" s="119"/>
      <c r="AC595" s="119"/>
      <c r="AD595" s="119"/>
      <c r="AE595" s="119"/>
      <c r="AF595" s="119"/>
      <c r="AG595" s="119"/>
      <c r="AH595" s="119"/>
      <c r="AI595" s="119"/>
      <c r="AJ595" s="119"/>
      <c r="AK595" s="119"/>
      <c r="AL595" s="119"/>
      <c r="AM595" s="119"/>
      <c r="AN595" s="119"/>
      <c r="AO595" s="119"/>
      <c r="AP595" s="119"/>
      <c r="AQ595" s="119"/>
      <c r="AR595" s="119"/>
      <c r="AS595" s="119"/>
      <c r="AT595" s="119"/>
      <c r="AU595" s="119"/>
      <c r="AV595" s="119"/>
      <c r="AW595" s="119"/>
      <c r="AX595" s="119"/>
      <c r="AY595" s="119"/>
      <c r="AZ595" s="119"/>
      <c r="BA595" s="119"/>
      <c r="BB595" s="107">
        <v>45884</v>
      </c>
    </row>
    <row r="596" spans="1:54" s="207" customFormat="1" ht="13.95" customHeight="1" x14ac:dyDescent="0.25">
      <c r="A596" s="208" t="s">
        <v>1509</v>
      </c>
      <c r="B596" s="209" t="s">
        <v>20420</v>
      </c>
      <c r="C596" s="113" t="s">
        <v>1510</v>
      </c>
      <c r="D596" s="113" t="s">
        <v>22719</v>
      </c>
      <c r="E596" s="210">
        <v>1968</v>
      </c>
      <c r="F596" s="210">
        <v>495</v>
      </c>
      <c r="G596" s="113" t="s">
        <v>1</v>
      </c>
      <c r="H596" s="113">
        <v>0</v>
      </c>
      <c r="I596" s="113">
        <v>0</v>
      </c>
      <c r="J596" s="115">
        <v>0</v>
      </c>
      <c r="K596" s="116" t="s">
        <v>174</v>
      </c>
      <c r="L596" s="115">
        <v>0</v>
      </c>
      <c r="M596" s="115">
        <v>0</v>
      </c>
      <c r="N596" s="115">
        <v>1</v>
      </c>
      <c r="O596" s="115">
        <v>0</v>
      </c>
      <c r="P596" s="115" t="s">
        <v>400</v>
      </c>
      <c r="Q596" s="115" t="s">
        <v>400</v>
      </c>
      <c r="R596" s="115">
        <v>0</v>
      </c>
      <c r="S596" s="115">
        <v>0</v>
      </c>
      <c r="T596" s="115">
        <v>0</v>
      </c>
      <c r="U596" s="119"/>
      <c r="V596" s="119"/>
      <c r="W596" s="119"/>
      <c r="X596" s="119"/>
      <c r="Y596" s="119"/>
      <c r="Z596" s="119"/>
      <c r="AA596" s="119"/>
      <c r="AB596" s="119"/>
      <c r="AC596" s="119"/>
      <c r="AD596" s="119"/>
      <c r="AE596" s="119"/>
      <c r="AF596" s="119"/>
      <c r="AG596" s="119"/>
      <c r="AH596" s="119"/>
      <c r="AI596" s="119"/>
      <c r="AJ596" s="119"/>
      <c r="AK596" s="119"/>
      <c r="AL596" s="119"/>
      <c r="AM596" s="119"/>
      <c r="AN596" s="119"/>
      <c r="AO596" s="119"/>
      <c r="AP596" s="119"/>
      <c r="AQ596" s="119"/>
      <c r="AR596" s="119"/>
      <c r="AS596" s="119"/>
      <c r="AT596" s="119"/>
      <c r="AU596" s="119"/>
      <c r="AV596" s="119"/>
      <c r="AW596" s="119"/>
      <c r="AX596" s="119"/>
      <c r="AY596" s="119"/>
      <c r="AZ596" s="119"/>
      <c r="BA596" s="119"/>
      <c r="BB596" s="107">
        <v>45884</v>
      </c>
    </row>
    <row r="597" spans="1:54" s="207" customFormat="1" ht="13.95" customHeight="1" x14ac:dyDescent="0.25">
      <c r="A597" s="208" t="s">
        <v>1511</v>
      </c>
      <c r="B597" s="209" t="s">
        <v>20420</v>
      </c>
      <c r="C597" s="113" t="s">
        <v>1512</v>
      </c>
      <c r="D597" s="113" t="s">
        <v>22720</v>
      </c>
      <c r="E597" s="210">
        <v>1972</v>
      </c>
      <c r="F597" s="210">
        <v>495</v>
      </c>
      <c r="G597" s="113" t="s">
        <v>1</v>
      </c>
      <c r="H597" s="113">
        <v>0</v>
      </c>
      <c r="I597" s="113">
        <v>0</v>
      </c>
      <c r="J597" s="115">
        <v>1</v>
      </c>
      <c r="K597" s="116" t="s">
        <v>174</v>
      </c>
      <c r="L597" s="115">
        <v>0</v>
      </c>
      <c r="M597" s="115">
        <v>0</v>
      </c>
      <c r="N597" s="115">
        <v>1</v>
      </c>
      <c r="O597" s="115">
        <v>1</v>
      </c>
      <c r="P597" s="115">
        <v>1</v>
      </c>
      <c r="Q597" s="115" t="s">
        <v>400</v>
      </c>
      <c r="R597" s="115">
        <v>0</v>
      </c>
      <c r="S597" s="115">
        <v>0</v>
      </c>
      <c r="T597" s="115">
        <v>0</v>
      </c>
      <c r="U597" s="119"/>
      <c r="V597" s="119"/>
      <c r="W597" s="119"/>
      <c r="X597" s="119"/>
      <c r="Y597" s="119"/>
      <c r="Z597" s="119"/>
      <c r="AA597" s="119"/>
      <c r="AB597" s="119"/>
      <c r="AC597" s="119"/>
      <c r="AD597" s="119"/>
      <c r="AE597" s="119"/>
      <c r="AF597" s="119"/>
      <c r="AG597" s="119"/>
      <c r="AH597" s="119"/>
      <c r="AI597" s="119"/>
      <c r="AJ597" s="119"/>
      <c r="AK597" s="119"/>
      <c r="AL597" s="119"/>
      <c r="AM597" s="119"/>
      <c r="AN597" s="119"/>
      <c r="AO597" s="119"/>
      <c r="AP597" s="119"/>
      <c r="AQ597" s="119"/>
      <c r="AR597" s="119"/>
      <c r="AS597" s="119"/>
      <c r="AT597" s="119"/>
      <c r="AU597" s="119"/>
      <c r="AV597" s="119"/>
      <c r="AW597" s="119"/>
      <c r="AX597" s="119"/>
      <c r="AY597" s="119"/>
      <c r="AZ597" s="119"/>
      <c r="BA597" s="119"/>
      <c r="BB597" s="107">
        <v>45884</v>
      </c>
    </row>
    <row r="598" spans="1:54" s="207" customFormat="1" ht="13.95" customHeight="1" x14ac:dyDescent="0.25">
      <c r="A598" s="208" t="s">
        <v>1513</v>
      </c>
      <c r="B598" s="209" t="s">
        <v>20420</v>
      </c>
      <c r="C598" s="113" t="s">
        <v>1514</v>
      </c>
      <c r="D598" s="113" t="s">
        <v>1515</v>
      </c>
      <c r="E598" s="210">
        <v>1979</v>
      </c>
      <c r="F598" s="210">
        <v>392</v>
      </c>
      <c r="G598" s="113" t="s">
        <v>1</v>
      </c>
      <c r="H598" s="113">
        <v>0</v>
      </c>
      <c r="I598" s="113">
        <v>0</v>
      </c>
      <c r="J598" s="115">
        <v>1</v>
      </c>
      <c r="K598" s="211">
        <v>1</v>
      </c>
      <c r="L598" s="115">
        <v>1</v>
      </c>
      <c r="M598" s="115">
        <v>0</v>
      </c>
      <c r="N598" s="115">
        <v>0</v>
      </c>
      <c r="O598" s="115">
        <v>0</v>
      </c>
      <c r="P598" s="115">
        <v>1</v>
      </c>
      <c r="Q598" s="115">
        <v>1</v>
      </c>
      <c r="R598" s="115">
        <v>0</v>
      </c>
      <c r="S598" s="115">
        <v>0</v>
      </c>
      <c r="T598" s="115">
        <v>0</v>
      </c>
      <c r="U598" s="119"/>
      <c r="V598" s="119"/>
      <c r="W598" s="119"/>
      <c r="X598" s="119"/>
      <c r="Y598" s="119"/>
      <c r="Z598" s="119"/>
      <c r="AA598" s="119"/>
      <c r="AB598" s="119"/>
      <c r="AC598" s="119"/>
      <c r="AD598" s="119"/>
      <c r="AE598" s="119"/>
      <c r="AF598" s="119"/>
      <c r="AG598" s="119"/>
      <c r="AH598" s="119"/>
      <c r="AI598" s="119"/>
      <c r="AJ598" s="119"/>
      <c r="AK598" s="119"/>
      <c r="AL598" s="119"/>
      <c r="AM598" s="119"/>
      <c r="AN598" s="119"/>
      <c r="AO598" s="119"/>
      <c r="AP598" s="119"/>
      <c r="AQ598" s="119"/>
      <c r="AR598" s="119"/>
      <c r="AS598" s="119"/>
      <c r="AT598" s="119"/>
      <c r="AU598" s="119"/>
      <c r="AV598" s="119"/>
      <c r="AW598" s="119"/>
      <c r="AX598" s="119"/>
      <c r="AY598" s="119"/>
      <c r="AZ598" s="119"/>
      <c r="BA598" s="119"/>
      <c r="BB598" s="107">
        <v>45884</v>
      </c>
    </row>
    <row r="599" spans="1:54" s="207" customFormat="1" ht="13.95" customHeight="1" x14ac:dyDescent="0.25">
      <c r="A599" s="208" t="s">
        <v>1516</v>
      </c>
      <c r="B599" s="209" t="s">
        <v>20420</v>
      </c>
      <c r="C599" s="113" t="s">
        <v>1517</v>
      </c>
      <c r="D599" s="113" t="s">
        <v>22721</v>
      </c>
      <c r="E599" s="210">
        <v>1991</v>
      </c>
      <c r="F599" s="210">
        <v>498</v>
      </c>
      <c r="G599" s="113" t="s">
        <v>1</v>
      </c>
      <c r="H599" s="113">
        <v>0</v>
      </c>
      <c r="I599" s="113">
        <v>0</v>
      </c>
      <c r="J599" s="115">
        <v>1</v>
      </c>
      <c r="K599" s="116" t="s">
        <v>174</v>
      </c>
      <c r="L599" s="115">
        <v>0</v>
      </c>
      <c r="M599" s="115">
        <v>1</v>
      </c>
      <c r="N599" s="115">
        <v>0</v>
      </c>
      <c r="O599" s="115">
        <v>0</v>
      </c>
      <c r="P599" s="115" t="s">
        <v>400</v>
      </c>
      <c r="Q599" s="115" t="s">
        <v>400</v>
      </c>
      <c r="R599" s="115">
        <v>0</v>
      </c>
      <c r="S599" s="115">
        <v>0</v>
      </c>
      <c r="T599" s="115">
        <v>0</v>
      </c>
      <c r="U599" s="119"/>
      <c r="V599" s="119"/>
      <c r="W599" s="119"/>
      <c r="X599" s="119"/>
      <c r="Y599" s="119"/>
      <c r="Z599" s="119"/>
      <c r="AA599" s="119"/>
      <c r="AB599" s="119"/>
      <c r="AC599" s="119"/>
      <c r="AD599" s="119"/>
      <c r="AE599" s="119"/>
      <c r="AF599" s="119"/>
      <c r="AG599" s="119"/>
      <c r="AH599" s="119"/>
      <c r="AI599" s="119"/>
      <c r="AJ599" s="119"/>
      <c r="AK599" s="119"/>
      <c r="AL599" s="119"/>
      <c r="AM599" s="119"/>
      <c r="AN599" s="119"/>
      <c r="AO599" s="119"/>
      <c r="AP599" s="119"/>
      <c r="AQ599" s="119"/>
      <c r="AR599" s="119"/>
      <c r="AS599" s="119"/>
      <c r="AT599" s="119"/>
      <c r="AU599" s="119"/>
      <c r="AV599" s="119"/>
      <c r="AW599" s="119"/>
      <c r="AX599" s="119"/>
      <c r="AY599" s="119"/>
      <c r="AZ599" s="119"/>
      <c r="BA599" s="119"/>
      <c r="BB599" s="107">
        <v>45884</v>
      </c>
    </row>
    <row r="600" spans="1:54" s="207" customFormat="1" ht="13.95" customHeight="1" x14ac:dyDescent="0.25">
      <c r="A600" s="208" t="s">
        <v>1518</v>
      </c>
      <c r="B600" s="209" t="s">
        <v>20420</v>
      </c>
      <c r="C600" s="113" t="s">
        <v>1519</v>
      </c>
      <c r="D600" s="113" t="s">
        <v>22722</v>
      </c>
      <c r="E600" s="210">
        <v>1973</v>
      </c>
      <c r="F600" s="210">
        <v>499</v>
      </c>
      <c r="G600" s="113" t="s">
        <v>1</v>
      </c>
      <c r="H600" s="113">
        <v>0</v>
      </c>
      <c r="I600" s="113">
        <v>0</v>
      </c>
      <c r="J600" s="115">
        <v>1</v>
      </c>
      <c r="K600" s="116" t="s">
        <v>174</v>
      </c>
      <c r="L600" s="115">
        <v>1</v>
      </c>
      <c r="M600" s="115">
        <v>0</v>
      </c>
      <c r="N600" s="115">
        <v>0</v>
      </c>
      <c r="O600" s="115">
        <v>1</v>
      </c>
      <c r="P600" s="115" t="s">
        <v>400</v>
      </c>
      <c r="Q600" s="115" t="s">
        <v>400</v>
      </c>
      <c r="R600" s="115">
        <v>1</v>
      </c>
      <c r="S600" s="115">
        <v>0</v>
      </c>
      <c r="T600" s="115">
        <v>0</v>
      </c>
      <c r="U600" s="119"/>
      <c r="V600" s="119"/>
      <c r="W600" s="119"/>
      <c r="X600" s="119"/>
      <c r="Y600" s="119"/>
      <c r="Z600" s="119"/>
      <c r="AA600" s="119"/>
      <c r="AB600" s="119"/>
      <c r="AC600" s="119"/>
      <c r="AD600" s="119"/>
      <c r="AE600" s="119"/>
      <c r="AF600" s="119"/>
      <c r="AG600" s="119"/>
      <c r="AH600" s="119"/>
      <c r="AI600" s="119"/>
      <c r="AJ600" s="119"/>
      <c r="AK600" s="119"/>
      <c r="AL600" s="119"/>
      <c r="AM600" s="119"/>
      <c r="AN600" s="119"/>
      <c r="AO600" s="119"/>
      <c r="AP600" s="119"/>
      <c r="AQ600" s="119"/>
      <c r="AR600" s="119"/>
      <c r="AS600" s="119"/>
      <c r="AT600" s="119"/>
      <c r="AU600" s="119"/>
      <c r="AV600" s="119"/>
      <c r="AW600" s="119"/>
      <c r="AX600" s="119"/>
      <c r="AY600" s="119"/>
      <c r="AZ600" s="119"/>
      <c r="BA600" s="119"/>
      <c r="BB600" s="107">
        <v>45884</v>
      </c>
    </row>
    <row r="601" spans="1:54" s="207" customFormat="1" ht="13.95" customHeight="1" x14ac:dyDescent="0.25">
      <c r="A601" s="208" t="s">
        <v>1520</v>
      </c>
      <c r="B601" s="209" t="s">
        <v>20420</v>
      </c>
      <c r="C601" s="113" t="s">
        <v>1521</v>
      </c>
      <c r="D601" s="113" t="s">
        <v>1522</v>
      </c>
      <c r="E601" s="210">
        <v>1984</v>
      </c>
      <c r="F601" s="210">
        <v>500</v>
      </c>
      <c r="G601" s="113" t="s">
        <v>1</v>
      </c>
      <c r="H601" s="113">
        <v>0</v>
      </c>
      <c r="I601" s="113">
        <v>0</v>
      </c>
      <c r="J601" s="115">
        <v>1</v>
      </c>
      <c r="K601" s="116" t="s">
        <v>174</v>
      </c>
      <c r="L601" s="115">
        <v>1</v>
      </c>
      <c r="M601" s="115">
        <v>0</v>
      </c>
      <c r="N601" s="115">
        <v>0</v>
      </c>
      <c r="O601" s="115">
        <v>1</v>
      </c>
      <c r="P601" s="115">
        <v>1</v>
      </c>
      <c r="Q601" s="115" t="s">
        <v>400</v>
      </c>
      <c r="R601" s="115">
        <v>1</v>
      </c>
      <c r="S601" s="115">
        <v>0</v>
      </c>
      <c r="T601" s="115">
        <v>0</v>
      </c>
      <c r="U601" s="119"/>
      <c r="V601" s="119"/>
      <c r="W601" s="119"/>
      <c r="X601" s="119"/>
      <c r="Y601" s="119"/>
      <c r="Z601" s="119"/>
      <c r="AA601" s="119"/>
      <c r="AB601" s="119"/>
      <c r="AC601" s="119"/>
      <c r="AD601" s="119"/>
      <c r="AE601" s="119"/>
      <c r="AF601" s="119"/>
      <c r="AG601" s="119"/>
      <c r="AH601" s="119"/>
      <c r="AI601" s="119"/>
      <c r="AJ601" s="119"/>
      <c r="AK601" s="119"/>
      <c r="AL601" s="119"/>
      <c r="AM601" s="119"/>
      <c r="AN601" s="119"/>
      <c r="AO601" s="119"/>
      <c r="AP601" s="119"/>
      <c r="AQ601" s="119"/>
      <c r="AR601" s="119"/>
      <c r="AS601" s="119"/>
      <c r="AT601" s="119"/>
      <c r="AU601" s="119"/>
      <c r="AV601" s="119"/>
      <c r="AW601" s="119"/>
      <c r="AX601" s="119"/>
      <c r="AY601" s="119"/>
      <c r="AZ601" s="119"/>
      <c r="BA601" s="119"/>
      <c r="BB601" s="107">
        <v>45884</v>
      </c>
    </row>
    <row r="602" spans="1:54" s="207" customFormat="1" ht="13.95" customHeight="1" x14ac:dyDescent="0.25">
      <c r="A602" s="208" t="s">
        <v>1523</v>
      </c>
      <c r="B602" s="209" t="s">
        <v>20420</v>
      </c>
      <c r="C602" s="113" t="s">
        <v>1524</v>
      </c>
      <c r="D602" s="113" t="s">
        <v>22723</v>
      </c>
      <c r="E602" s="210">
        <v>1988</v>
      </c>
      <c r="F602" s="210">
        <v>501</v>
      </c>
      <c r="G602" s="113" t="s">
        <v>1</v>
      </c>
      <c r="H602" s="113">
        <v>0</v>
      </c>
      <c r="I602" s="113">
        <v>0</v>
      </c>
      <c r="J602" s="115">
        <v>1</v>
      </c>
      <c r="K602" s="116" t="s">
        <v>174</v>
      </c>
      <c r="L602" s="115">
        <v>0</v>
      </c>
      <c r="M602" s="115">
        <v>1</v>
      </c>
      <c r="N602" s="115">
        <v>0</v>
      </c>
      <c r="O602" s="115">
        <v>0</v>
      </c>
      <c r="P602" s="115" t="s">
        <v>400</v>
      </c>
      <c r="Q602" s="115" t="s">
        <v>400</v>
      </c>
      <c r="R602" s="115">
        <v>0</v>
      </c>
      <c r="S602" s="115">
        <v>0</v>
      </c>
      <c r="T602" s="115">
        <v>0</v>
      </c>
      <c r="U602" s="119"/>
      <c r="V602" s="119"/>
      <c r="W602" s="119"/>
      <c r="X602" s="119"/>
      <c r="Y602" s="119"/>
      <c r="Z602" s="119"/>
      <c r="AA602" s="119"/>
      <c r="AB602" s="119"/>
      <c r="AC602" s="119"/>
      <c r="AD602" s="119"/>
      <c r="AE602" s="119"/>
      <c r="AF602" s="119"/>
      <c r="AG602" s="119"/>
      <c r="AH602" s="119"/>
      <c r="AI602" s="119"/>
      <c r="AJ602" s="119"/>
      <c r="AK602" s="119"/>
      <c r="AL602" s="119"/>
      <c r="AM602" s="119"/>
      <c r="AN602" s="119"/>
      <c r="AO602" s="119"/>
      <c r="AP602" s="119"/>
      <c r="AQ602" s="119"/>
      <c r="AR602" s="119"/>
      <c r="AS602" s="119"/>
      <c r="AT602" s="119"/>
      <c r="AU602" s="119"/>
      <c r="AV602" s="119"/>
      <c r="AW602" s="119"/>
      <c r="AX602" s="119"/>
      <c r="AY602" s="119"/>
      <c r="AZ602" s="119"/>
      <c r="BA602" s="119"/>
      <c r="BB602" s="107">
        <v>45884</v>
      </c>
    </row>
    <row r="603" spans="1:54" s="207" customFormat="1" ht="13.95" customHeight="1" x14ac:dyDescent="0.25">
      <c r="A603" s="208" t="s">
        <v>1525</v>
      </c>
      <c r="B603" s="209" t="s">
        <v>20420</v>
      </c>
      <c r="C603" s="113" t="s">
        <v>1526</v>
      </c>
      <c r="D603" s="113" t="s">
        <v>22724</v>
      </c>
      <c r="E603" s="210">
        <v>1992</v>
      </c>
      <c r="F603" s="210">
        <v>501</v>
      </c>
      <c r="G603" s="113" t="s">
        <v>1</v>
      </c>
      <c r="H603" s="113">
        <v>0</v>
      </c>
      <c r="I603" s="113">
        <v>0</v>
      </c>
      <c r="J603" s="115">
        <v>1</v>
      </c>
      <c r="K603" s="116" t="s">
        <v>174</v>
      </c>
      <c r="L603" s="115">
        <v>0</v>
      </c>
      <c r="M603" s="115">
        <v>0</v>
      </c>
      <c r="N603" s="115">
        <v>0</v>
      </c>
      <c r="O603" s="115">
        <v>1</v>
      </c>
      <c r="P603" s="115" t="s">
        <v>400</v>
      </c>
      <c r="Q603" s="115" t="s">
        <v>400</v>
      </c>
      <c r="R603" s="115">
        <v>1</v>
      </c>
      <c r="S603" s="115">
        <v>0</v>
      </c>
      <c r="T603" s="115">
        <v>0</v>
      </c>
      <c r="U603" s="119"/>
      <c r="V603" s="119"/>
      <c r="W603" s="119"/>
      <c r="X603" s="119"/>
      <c r="Y603" s="119"/>
      <c r="Z603" s="119"/>
      <c r="AA603" s="119"/>
      <c r="AB603" s="119"/>
      <c r="AC603" s="119"/>
      <c r="AD603" s="119"/>
      <c r="AE603" s="119"/>
      <c r="AF603" s="119"/>
      <c r="AG603" s="119"/>
      <c r="AH603" s="119"/>
      <c r="AI603" s="119"/>
      <c r="AJ603" s="119"/>
      <c r="AK603" s="119"/>
      <c r="AL603" s="119"/>
      <c r="AM603" s="119"/>
      <c r="AN603" s="119"/>
      <c r="AO603" s="119"/>
      <c r="AP603" s="119"/>
      <c r="AQ603" s="119"/>
      <c r="AR603" s="119"/>
      <c r="AS603" s="119"/>
      <c r="AT603" s="119"/>
      <c r="AU603" s="119"/>
      <c r="AV603" s="119"/>
      <c r="AW603" s="119"/>
      <c r="AX603" s="119"/>
      <c r="AY603" s="119"/>
      <c r="AZ603" s="119"/>
      <c r="BA603" s="119"/>
      <c r="BB603" s="107">
        <v>45884</v>
      </c>
    </row>
    <row r="604" spans="1:54" s="207" customFormat="1" ht="13.95" customHeight="1" x14ac:dyDescent="0.25">
      <c r="A604" s="208" t="s">
        <v>1527</v>
      </c>
      <c r="B604" s="209" t="s">
        <v>20420</v>
      </c>
      <c r="C604" s="113" t="s">
        <v>1528</v>
      </c>
      <c r="D604" s="113" t="s">
        <v>22725</v>
      </c>
      <c r="E604" s="210">
        <v>1986</v>
      </c>
      <c r="F604" s="210">
        <v>502</v>
      </c>
      <c r="G604" s="113" t="s">
        <v>1</v>
      </c>
      <c r="H604" s="113">
        <v>0</v>
      </c>
      <c r="I604" s="113">
        <v>0</v>
      </c>
      <c r="J604" s="115">
        <v>1</v>
      </c>
      <c r="K604" s="116" t="s">
        <v>174</v>
      </c>
      <c r="L604" s="115">
        <v>0</v>
      </c>
      <c r="M604" s="115">
        <v>0</v>
      </c>
      <c r="N604" s="115">
        <v>0</v>
      </c>
      <c r="O604" s="115">
        <v>1</v>
      </c>
      <c r="P604" s="115">
        <v>1</v>
      </c>
      <c r="Q604" s="115" t="s">
        <v>400</v>
      </c>
      <c r="R604" s="115">
        <v>1</v>
      </c>
      <c r="S604" s="115">
        <v>0</v>
      </c>
      <c r="T604" s="115">
        <v>0</v>
      </c>
      <c r="U604" s="119"/>
      <c r="V604" s="119"/>
      <c r="W604" s="119"/>
      <c r="X604" s="119"/>
      <c r="Y604" s="119"/>
      <c r="Z604" s="119"/>
      <c r="AA604" s="119"/>
      <c r="AB604" s="119"/>
      <c r="AC604" s="119"/>
      <c r="AD604" s="119"/>
      <c r="AE604" s="119"/>
      <c r="AF604" s="119"/>
      <c r="AG604" s="119"/>
      <c r="AH604" s="119"/>
      <c r="AI604" s="119"/>
      <c r="AJ604" s="119"/>
      <c r="AK604" s="119"/>
      <c r="AL604" s="119"/>
      <c r="AM604" s="119"/>
      <c r="AN604" s="119"/>
      <c r="AO604" s="119"/>
      <c r="AP604" s="119"/>
      <c r="AQ604" s="119"/>
      <c r="AR604" s="119"/>
      <c r="AS604" s="119"/>
      <c r="AT604" s="119"/>
      <c r="AU604" s="119"/>
      <c r="AV604" s="119"/>
      <c r="AW604" s="119"/>
      <c r="AX604" s="119"/>
      <c r="AY604" s="119"/>
      <c r="AZ604" s="119"/>
      <c r="BA604" s="119"/>
      <c r="BB604" s="107">
        <v>45884</v>
      </c>
    </row>
    <row r="605" spans="1:54" s="207" customFormat="1" ht="13.95" customHeight="1" x14ac:dyDescent="0.25">
      <c r="A605" s="208" t="s">
        <v>1529</v>
      </c>
      <c r="B605" s="209" t="s">
        <v>20420</v>
      </c>
      <c r="C605" s="113" t="s">
        <v>1530</v>
      </c>
      <c r="D605" s="113" t="s">
        <v>22726</v>
      </c>
      <c r="E605" s="210">
        <v>1975</v>
      </c>
      <c r="F605" s="210">
        <v>504</v>
      </c>
      <c r="G605" s="113" t="s">
        <v>1</v>
      </c>
      <c r="H605" s="113">
        <v>0</v>
      </c>
      <c r="I605" s="113">
        <v>0</v>
      </c>
      <c r="J605" s="115">
        <v>1</v>
      </c>
      <c r="K605" s="116" t="s">
        <v>174</v>
      </c>
      <c r="L605" s="115">
        <v>1</v>
      </c>
      <c r="M605" s="115">
        <v>0</v>
      </c>
      <c r="N605" s="115">
        <v>0</v>
      </c>
      <c r="O605" s="115">
        <v>1</v>
      </c>
      <c r="P605" s="115">
        <v>1</v>
      </c>
      <c r="Q605" s="115" t="s">
        <v>400</v>
      </c>
      <c r="R605" s="115">
        <v>1</v>
      </c>
      <c r="S605" s="115">
        <v>0</v>
      </c>
      <c r="T605" s="115">
        <v>0</v>
      </c>
      <c r="U605" s="119"/>
      <c r="V605" s="119"/>
      <c r="W605" s="119"/>
      <c r="X605" s="119"/>
      <c r="Y605" s="119"/>
      <c r="Z605" s="119"/>
      <c r="AA605" s="119"/>
      <c r="AB605" s="119"/>
      <c r="AC605" s="119"/>
      <c r="AD605" s="119"/>
      <c r="AE605" s="119"/>
      <c r="AF605" s="119"/>
      <c r="AG605" s="119"/>
      <c r="AH605" s="119"/>
      <c r="AI605" s="119"/>
      <c r="AJ605" s="119"/>
      <c r="AK605" s="119"/>
      <c r="AL605" s="119"/>
      <c r="AM605" s="119"/>
      <c r="AN605" s="119"/>
      <c r="AO605" s="119"/>
      <c r="AP605" s="119"/>
      <c r="AQ605" s="119"/>
      <c r="AR605" s="119"/>
      <c r="AS605" s="119"/>
      <c r="AT605" s="119"/>
      <c r="AU605" s="119"/>
      <c r="AV605" s="119"/>
      <c r="AW605" s="119"/>
      <c r="AX605" s="119"/>
      <c r="AY605" s="119"/>
      <c r="AZ605" s="119"/>
      <c r="BA605" s="119"/>
      <c r="BB605" s="107">
        <v>45884</v>
      </c>
    </row>
    <row r="606" spans="1:54" s="207" customFormat="1" ht="13.95" customHeight="1" x14ac:dyDescent="0.25">
      <c r="A606" s="208" t="s">
        <v>1531</v>
      </c>
      <c r="B606" s="209" t="s">
        <v>20420</v>
      </c>
      <c r="C606" s="113" t="s">
        <v>1532</v>
      </c>
      <c r="D606" s="113" t="s">
        <v>22727</v>
      </c>
      <c r="E606" s="210">
        <v>1995</v>
      </c>
      <c r="F606" s="210">
        <v>505</v>
      </c>
      <c r="G606" s="113" t="s">
        <v>1</v>
      </c>
      <c r="H606" s="113">
        <v>0</v>
      </c>
      <c r="I606" s="113">
        <v>0</v>
      </c>
      <c r="J606" s="115">
        <v>1</v>
      </c>
      <c r="K606" s="116" t="s">
        <v>174</v>
      </c>
      <c r="L606" s="115">
        <v>1</v>
      </c>
      <c r="M606" s="115">
        <v>0</v>
      </c>
      <c r="N606" s="115">
        <v>1</v>
      </c>
      <c r="O606" s="115">
        <v>0</v>
      </c>
      <c r="P606" s="115" t="s">
        <v>400</v>
      </c>
      <c r="Q606" s="115" t="s">
        <v>400</v>
      </c>
      <c r="R606" s="115">
        <v>0</v>
      </c>
      <c r="S606" s="115">
        <v>0</v>
      </c>
      <c r="T606" s="115">
        <v>0</v>
      </c>
      <c r="U606" s="119"/>
      <c r="V606" s="119"/>
      <c r="W606" s="119"/>
      <c r="X606" s="119"/>
      <c r="Y606" s="119"/>
      <c r="Z606" s="119"/>
      <c r="AA606" s="119"/>
      <c r="AB606" s="119"/>
      <c r="AC606" s="119"/>
      <c r="AD606" s="119"/>
      <c r="AE606" s="119"/>
      <c r="AF606" s="119"/>
      <c r="AG606" s="119"/>
      <c r="AH606" s="119"/>
      <c r="AI606" s="119"/>
      <c r="AJ606" s="119"/>
      <c r="AK606" s="119"/>
      <c r="AL606" s="119"/>
      <c r="AM606" s="119"/>
      <c r="AN606" s="119"/>
      <c r="AO606" s="119"/>
      <c r="AP606" s="119"/>
      <c r="AQ606" s="119"/>
      <c r="AR606" s="119"/>
      <c r="AS606" s="119"/>
      <c r="AT606" s="119"/>
      <c r="AU606" s="119"/>
      <c r="AV606" s="119"/>
      <c r="AW606" s="119"/>
      <c r="AX606" s="119"/>
      <c r="AY606" s="119"/>
      <c r="AZ606" s="119"/>
      <c r="BA606" s="119"/>
      <c r="BB606" s="107">
        <v>45884</v>
      </c>
    </row>
    <row r="607" spans="1:54" s="207" customFormat="1" ht="13.95" customHeight="1" x14ac:dyDescent="0.25">
      <c r="A607" s="208" t="s">
        <v>1533</v>
      </c>
      <c r="B607" s="209" t="s">
        <v>20420</v>
      </c>
      <c r="C607" s="113" t="s">
        <v>1534</v>
      </c>
      <c r="D607" s="113" t="s">
        <v>22728</v>
      </c>
      <c r="E607" s="210">
        <v>1976</v>
      </c>
      <c r="F607" s="210">
        <v>506</v>
      </c>
      <c r="G607" s="113" t="s">
        <v>1</v>
      </c>
      <c r="H607" s="113">
        <v>0</v>
      </c>
      <c r="I607" s="113">
        <v>0</v>
      </c>
      <c r="J607" s="115">
        <v>0</v>
      </c>
      <c r="K607" s="116" t="s">
        <v>174</v>
      </c>
      <c r="L607" s="115">
        <v>0</v>
      </c>
      <c r="M607" s="115">
        <v>0</v>
      </c>
      <c r="N607" s="115">
        <v>0</v>
      </c>
      <c r="O607" s="115">
        <v>1</v>
      </c>
      <c r="P607" s="115" t="s">
        <v>400</v>
      </c>
      <c r="Q607" s="115" t="s">
        <v>400</v>
      </c>
      <c r="R607" s="115">
        <v>0</v>
      </c>
      <c r="S607" s="115">
        <v>0</v>
      </c>
      <c r="T607" s="115">
        <v>0</v>
      </c>
      <c r="U607" s="119"/>
      <c r="V607" s="119"/>
      <c r="W607" s="119"/>
      <c r="X607" s="119"/>
      <c r="Y607" s="119"/>
      <c r="Z607" s="119"/>
      <c r="AA607" s="119"/>
      <c r="AB607" s="119"/>
      <c r="AC607" s="119"/>
      <c r="AD607" s="119"/>
      <c r="AE607" s="119"/>
      <c r="AF607" s="119"/>
      <c r="AG607" s="119"/>
      <c r="AH607" s="119"/>
      <c r="AI607" s="119"/>
      <c r="AJ607" s="119"/>
      <c r="AK607" s="119"/>
      <c r="AL607" s="119"/>
      <c r="AM607" s="119"/>
      <c r="AN607" s="119"/>
      <c r="AO607" s="119"/>
      <c r="AP607" s="119"/>
      <c r="AQ607" s="119"/>
      <c r="AR607" s="119"/>
      <c r="AS607" s="119"/>
      <c r="AT607" s="119"/>
      <c r="AU607" s="119"/>
      <c r="AV607" s="119"/>
      <c r="AW607" s="119"/>
      <c r="AX607" s="119"/>
      <c r="AY607" s="119"/>
      <c r="AZ607" s="119"/>
      <c r="BA607" s="119"/>
      <c r="BB607" s="107">
        <v>45884</v>
      </c>
    </row>
    <row r="608" spans="1:54" s="207" customFormat="1" ht="13.95" customHeight="1" x14ac:dyDescent="0.25">
      <c r="A608" s="208" t="s">
        <v>1535</v>
      </c>
      <c r="B608" s="209" t="s">
        <v>20420</v>
      </c>
      <c r="C608" s="113" t="s">
        <v>1536</v>
      </c>
      <c r="D608" s="113" t="s">
        <v>1537</v>
      </c>
      <c r="E608" s="210">
        <v>2006</v>
      </c>
      <c r="F608" s="210">
        <v>506</v>
      </c>
      <c r="G608" s="113" t="s">
        <v>1</v>
      </c>
      <c r="H608" s="113">
        <v>0</v>
      </c>
      <c r="I608" s="113">
        <v>0</v>
      </c>
      <c r="J608" s="115">
        <v>1</v>
      </c>
      <c r="K608" s="211">
        <v>1</v>
      </c>
      <c r="L608" s="115">
        <v>1</v>
      </c>
      <c r="M608" s="115">
        <v>1</v>
      </c>
      <c r="N608" s="115">
        <v>0</v>
      </c>
      <c r="O608" s="115">
        <v>0</v>
      </c>
      <c r="P608" s="115" t="s">
        <v>400</v>
      </c>
      <c r="Q608" s="115" t="s">
        <v>400</v>
      </c>
      <c r="R608" s="115">
        <v>0</v>
      </c>
      <c r="S608" s="115">
        <v>0</v>
      </c>
      <c r="T608" s="115">
        <v>0</v>
      </c>
      <c r="U608" s="119"/>
      <c r="V608" s="119"/>
      <c r="W608" s="119"/>
      <c r="X608" s="119"/>
      <c r="Y608" s="119"/>
      <c r="Z608" s="119"/>
      <c r="AA608" s="119"/>
      <c r="AB608" s="119"/>
      <c r="AC608" s="119"/>
      <c r="AD608" s="119"/>
      <c r="AE608" s="119"/>
      <c r="AF608" s="119"/>
      <c r="AG608" s="119"/>
      <c r="AH608" s="119"/>
      <c r="AI608" s="119"/>
      <c r="AJ608" s="119"/>
      <c r="AK608" s="119"/>
      <c r="AL608" s="119"/>
      <c r="AM608" s="119"/>
      <c r="AN608" s="119"/>
      <c r="AO608" s="119"/>
      <c r="AP608" s="119"/>
      <c r="AQ608" s="119"/>
      <c r="AR608" s="119"/>
      <c r="AS608" s="119"/>
      <c r="AT608" s="119"/>
      <c r="AU608" s="119"/>
      <c r="AV608" s="119"/>
      <c r="AW608" s="119"/>
      <c r="AX608" s="119"/>
      <c r="AY608" s="119"/>
      <c r="AZ608" s="119"/>
      <c r="BA608" s="119"/>
      <c r="BB608" s="107">
        <v>45884</v>
      </c>
    </row>
    <row r="609" spans="1:54" s="207" customFormat="1" ht="13.95" customHeight="1" x14ac:dyDescent="0.25">
      <c r="A609" s="208" t="s">
        <v>1538</v>
      </c>
      <c r="B609" s="209" t="s">
        <v>20420</v>
      </c>
      <c r="C609" s="113" t="s">
        <v>1539</v>
      </c>
      <c r="D609" s="113" t="s">
        <v>22729</v>
      </c>
      <c r="E609" s="210">
        <v>1998</v>
      </c>
      <c r="F609" s="210">
        <v>506</v>
      </c>
      <c r="G609" s="113" t="s">
        <v>1</v>
      </c>
      <c r="H609" s="113">
        <v>0</v>
      </c>
      <c r="I609" s="113">
        <v>0</v>
      </c>
      <c r="J609" s="115">
        <v>1</v>
      </c>
      <c r="K609" s="116" t="s">
        <v>174</v>
      </c>
      <c r="L609" s="115">
        <v>1</v>
      </c>
      <c r="M609" s="115">
        <v>0</v>
      </c>
      <c r="N609" s="115">
        <v>1</v>
      </c>
      <c r="O609" s="115">
        <v>0</v>
      </c>
      <c r="P609" s="115" t="s">
        <v>400</v>
      </c>
      <c r="Q609" s="115" t="s">
        <v>400</v>
      </c>
      <c r="R609" s="115">
        <v>1</v>
      </c>
      <c r="S609" s="115">
        <v>0</v>
      </c>
      <c r="T609" s="115">
        <v>0</v>
      </c>
      <c r="U609" s="119"/>
      <c r="V609" s="119"/>
      <c r="W609" s="119"/>
      <c r="X609" s="119"/>
      <c r="Y609" s="119"/>
      <c r="Z609" s="119"/>
      <c r="AA609" s="119"/>
      <c r="AB609" s="119"/>
      <c r="AC609" s="119"/>
      <c r="AD609" s="119"/>
      <c r="AE609" s="119"/>
      <c r="AF609" s="119"/>
      <c r="AG609" s="119"/>
      <c r="AH609" s="119"/>
      <c r="AI609" s="119"/>
      <c r="AJ609" s="119"/>
      <c r="AK609" s="119"/>
      <c r="AL609" s="119"/>
      <c r="AM609" s="119"/>
      <c r="AN609" s="119"/>
      <c r="AO609" s="119"/>
      <c r="AP609" s="119"/>
      <c r="AQ609" s="119"/>
      <c r="AR609" s="119"/>
      <c r="AS609" s="119"/>
      <c r="AT609" s="119"/>
      <c r="AU609" s="119"/>
      <c r="AV609" s="119"/>
      <c r="AW609" s="119"/>
      <c r="AX609" s="119"/>
      <c r="AY609" s="119"/>
      <c r="AZ609" s="119"/>
      <c r="BA609" s="119"/>
      <c r="BB609" s="107">
        <v>45884</v>
      </c>
    </row>
    <row r="610" spans="1:54" s="207" customFormat="1" ht="13.95" customHeight="1" x14ac:dyDescent="0.25">
      <c r="A610" s="208" t="s">
        <v>1540</v>
      </c>
      <c r="B610" s="209" t="s">
        <v>20420</v>
      </c>
      <c r="C610" s="113" t="s">
        <v>1541</v>
      </c>
      <c r="D610" s="113" t="s">
        <v>22730</v>
      </c>
      <c r="E610" s="210">
        <v>1977</v>
      </c>
      <c r="F610" s="210">
        <v>507</v>
      </c>
      <c r="G610" s="113" t="s">
        <v>1</v>
      </c>
      <c r="H610" s="113">
        <v>0</v>
      </c>
      <c r="I610" s="113">
        <v>0</v>
      </c>
      <c r="J610" s="115">
        <v>1</v>
      </c>
      <c r="K610" s="116" t="s">
        <v>174</v>
      </c>
      <c r="L610" s="115">
        <v>1</v>
      </c>
      <c r="M610" s="115">
        <v>1</v>
      </c>
      <c r="N610" s="115">
        <v>0</v>
      </c>
      <c r="O610" s="115">
        <v>1</v>
      </c>
      <c r="P610" s="115" t="s">
        <v>400</v>
      </c>
      <c r="Q610" s="115" t="s">
        <v>400</v>
      </c>
      <c r="R610" s="115">
        <v>1</v>
      </c>
      <c r="S610" s="115">
        <v>0</v>
      </c>
      <c r="T610" s="115">
        <v>0</v>
      </c>
      <c r="U610" s="119"/>
      <c r="V610" s="119"/>
      <c r="W610" s="119"/>
      <c r="X610" s="119"/>
      <c r="Y610" s="119"/>
      <c r="Z610" s="119"/>
      <c r="AA610" s="119"/>
      <c r="AB610" s="119"/>
      <c r="AC610" s="119"/>
      <c r="AD610" s="119"/>
      <c r="AE610" s="119"/>
      <c r="AF610" s="119"/>
      <c r="AG610" s="119"/>
      <c r="AH610" s="119"/>
      <c r="AI610" s="119"/>
      <c r="AJ610" s="119"/>
      <c r="AK610" s="119"/>
      <c r="AL610" s="119"/>
      <c r="AM610" s="119"/>
      <c r="AN610" s="119"/>
      <c r="AO610" s="119"/>
      <c r="AP610" s="119"/>
      <c r="AQ610" s="119"/>
      <c r="AR610" s="119"/>
      <c r="AS610" s="119"/>
      <c r="AT610" s="119"/>
      <c r="AU610" s="119"/>
      <c r="AV610" s="119"/>
      <c r="AW610" s="119"/>
      <c r="AX610" s="119"/>
      <c r="AY610" s="119"/>
      <c r="AZ610" s="119"/>
      <c r="BA610" s="119"/>
      <c r="BB610" s="107">
        <v>45884</v>
      </c>
    </row>
    <row r="611" spans="1:54" s="207" customFormat="1" ht="13.95" customHeight="1" x14ac:dyDescent="0.25">
      <c r="A611" s="208" t="s">
        <v>1542</v>
      </c>
      <c r="B611" s="209" t="s">
        <v>20420</v>
      </c>
      <c r="C611" s="113" t="s">
        <v>1543</v>
      </c>
      <c r="D611" s="113" t="s">
        <v>22731</v>
      </c>
      <c r="E611" s="210">
        <v>1988</v>
      </c>
      <c r="F611" s="210">
        <v>508</v>
      </c>
      <c r="G611" s="113" t="s">
        <v>1</v>
      </c>
      <c r="H611" s="113">
        <v>0</v>
      </c>
      <c r="I611" s="113">
        <v>0</v>
      </c>
      <c r="J611" s="115">
        <v>1</v>
      </c>
      <c r="K611" s="116" t="s">
        <v>174</v>
      </c>
      <c r="L611" s="115">
        <v>0</v>
      </c>
      <c r="M611" s="115">
        <v>0</v>
      </c>
      <c r="N611" s="115">
        <v>1</v>
      </c>
      <c r="O611" s="115">
        <v>0</v>
      </c>
      <c r="P611" s="115">
        <v>1</v>
      </c>
      <c r="Q611" s="115">
        <v>1</v>
      </c>
      <c r="R611" s="115">
        <v>0</v>
      </c>
      <c r="S611" s="115">
        <v>0</v>
      </c>
      <c r="T611" s="115">
        <v>0</v>
      </c>
      <c r="U611" s="119"/>
      <c r="V611" s="119"/>
      <c r="W611" s="119"/>
      <c r="X611" s="119"/>
      <c r="Y611" s="119"/>
      <c r="Z611" s="119"/>
      <c r="AA611" s="119"/>
      <c r="AB611" s="119"/>
      <c r="AC611" s="119"/>
      <c r="AD611" s="119"/>
      <c r="AE611" s="119"/>
      <c r="AF611" s="119"/>
      <c r="AG611" s="119"/>
      <c r="AH611" s="119"/>
      <c r="AI611" s="119"/>
      <c r="AJ611" s="119"/>
      <c r="AK611" s="119"/>
      <c r="AL611" s="119"/>
      <c r="AM611" s="119"/>
      <c r="AN611" s="119"/>
      <c r="AO611" s="119"/>
      <c r="AP611" s="119"/>
      <c r="AQ611" s="119"/>
      <c r="AR611" s="119"/>
      <c r="AS611" s="119"/>
      <c r="AT611" s="119"/>
      <c r="AU611" s="119"/>
      <c r="AV611" s="119"/>
      <c r="AW611" s="119"/>
      <c r="AX611" s="119"/>
      <c r="AY611" s="119"/>
      <c r="AZ611" s="119"/>
      <c r="BA611" s="119"/>
      <c r="BB611" s="107">
        <v>45884</v>
      </c>
    </row>
    <row r="612" spans="1:54" s="207" customFormat="1" ht="13.95" customHeight="1" x14ac:dyDescent="0.25">
      <c r="A612" s="208" t="s">
        <v>1544</v>
      </c>
      <c r="B612" s="209" t="s">
        <v>20420</v>
      </c>
      <c r="C612" s="113" t="s">
        <v>1545</v>
      </c>
      <c r="D612" s="113" t="s">
        <v>1546</v>
      </c>
      <c r="E612" s="210">
        <v>1971</v>
      </c>
      <c r="F612" s="210">
        <v>508</v>
      </c>
      <c r="G612" s="113" t="s">
        <v>1</v>
      </c>
      <c r="H612" s="113">
        <v>0</v>
      </c>
      <c r="I612" s="113">
        <v>0</v>
      </c>
      <c r="J612" s="115">
        <v>1</v>
      </c>
      <c r="K612" s="211">
        <v>1</v>
      </c>
      <c r="L612" s="115">
        <v>1</v>
      </c>
      <c r="M612" s="115">
        <v>0</v>
      </c>
      <c r="N612" s="115">
        <v>0</v>
      </c>
      <c r="O612" s="115">
        <v>1</v>
      </c>
      <c r="P612" s="115" t="s">
        <v>400</v>
      </c>
      <c r="Q612" s="115" t="s">
        <v>400</v>
      </c>
      <c r="R612" s="115">
        <v>1</v>
      </c>
      <c r="S612" s="115">
        <v>0</v>
      </c>
      <c r="T612" s="115">
        <v>0</v>
      </c>
      <c r="U612" s="119"/>
      <c r="V612" s="119"/>
      <c r="W612" s="119"/>
      <c r="X612" s="119"/>
      <c r="Y612" s="119"/>
      <c r="Z612" s="119"/>
      <c r="AA612" s="119"/>
      <c r="AB612" s="119"/>
      <c r="AC612" s="119"/>
      <c r="AD612" s="119"/>
      <c r="AE612" s="119"/>
      <c r="AF612" s="119"/>
      <c r="AG612" s="119"/>
      <c r="AH612" s="119"/>
      <c r="AI612" s="119"/>
      <c r="AJ612" s="119"/>
      <c r="AK612" s="119"/>
      <c r="AL612" s="119"/>
      <c r="AM612" s="119"/>
      <c r="AN612" s="119"/>
      <c r="AO612" s="119"/>
      <c r="AP612" s="119"/>
      <c r="AQ612" s="119"/>
      <c r="AR612" s="119"/>
      <c r="AS612" s="119"/>
      <c r="AT612" s="119"/>
      <c r="AU612" s="119"/>
      <c r="AV612" s="119"/>
      <c r="AW612" s="119"/>
      <c r="AX612" s="119"/>
      <c r="AY612" s="119"/>
      <c r="AZ612" s="119"/>
      <c r="BA612" s="119"/>
      <c r="BB612" s="107">
        <v>45884</v>
      </c>
    </row>
    <row r="613" spans="1:54" s="207" customFormat="1" ht="13.95" customHeight="1" x14ac:dyDescent="0.25">
      <c r="A613" s="208" t="s">
        <v>1547</v>
      </c>
      <c r="B613" s="209" t="s">
        <v>20420</v>
      </c>
      <c r="C613" s="113" t="s">
        <v>1548</v>
      </c>
      <c r="D613" s="113" t="s">
        <v>22732</v>
      </c>
      <c r="E613" s="210">
        <v>2004</v>
      </c>
      <c r="F613" s="210">
        <v>509</v>
      </c>
      <c r="G613" s="113" t="s">
        <v>5</v>
      </c>
      <c r="H613" s="113">
        <v>0</v>
      </c>
      <c r="I613" s="113">
        <v>0</v>
      </c>
      <c r="J613" s="115">
        <v>1</v>
      </c>
      <c r="K613" s="116" t="s">
        <v>174</v>
      </c>
      <c r="L613" s="115">
        <v>0</v>
      </c>
      <c r="M613" s="115">
        <v>0</v>
      </c>
      <c r="N613" s="115">
        <v>0</v>
      </c>
      <c r="O613" s="115">
        <v>0</v>
      </c>
      <c r="P613" s="115" t="s">
        <v>400</v>
      </c>
      <c r="Q613" s="115" t="s">
        <v>400</v>
      </c>
      <c r="R613" s="115">
        <v>0</v>
      </c>
      <c r="S613" s="115">
        <v>0</v>
      </c>
      <c r="T613" s="115">
        <v>0</v>
      </c>
      <c r="U613" s="119"/>
      <c r="V613" s="119"/>
      <c r="W613" s="119"/>
      <c r="X613" s="119"/>
      <c r="Y613" s="119"/>
      <c r="Z613" s="119"/>
      <c r="AA613" s="119"/>
      <c r="AB613" s="119"/>
      <c r="AC613" s="119"/>
      <c r="AD613" s="119"/>
      <c r="AE613" s="119"/>
      <c r="AF613" s="119"/>
      <c r="AG613" s="119"/>
      <c r="AH613" s="119"/>
      <c r="AI613" s="119"/>
      <c r="AJ613" s="119"/>
      <c r="AK613" s="119"/>
      <c r="AL613" s="119"/>
      <c r="AM613" s="119"/>
      <c r="AN613" s="119"/>
      <c r="AO613" s="119"/>
      <c r="AP613" s="119"/>
      <c r="AQ613" s="119"/>
      <c r="AR613" s="119"/>
      <c r="AS613" s="119"/>
      <c r="AT613" s="119"/>
      <c r="AU613" s="119"/>
      <c r="AV613" s="119"/>
      <c r="AW613" s="119"/>
      <c r="AX613" s="119"/>
      <c r="AY613" s="119"/>
      <c r="AZ613" s="119"/>
      <c r="BA613" s="119"/>
      <c r="BB613" s="107">
        <v>45884</v>
      </c>
    </row>
    <row r="614" spans="1:54" s="207" customFormat="1" ht="13.95" customHeight="1" x14ac:dyDescent="0.25">
      <c r="A614" s="208" t="s">
        <v>1549</v>
      </c>
      <c r="B614" s="209" t="s">
        <v>20420</v>
      </c>
      <c r="C614" s="113" t="s">
        <v>1550</v>
      </c>
      <c r="D614" s="113" t="s">
        <v>1551</v>
      </c>
      <c r="E614" s="210">
        <v>1979</v>
      </c>
      <c r="F614" s="210">
        <v>510</v>
      </c>
      <c r="G614" s="113" t="s">
        <v>1</v>
      </c>
      <c r="H614" s="113">
        <v>0</v>
      </c>
      <c r="I614" s="113">
        <v>0</v>
      </c>
      <c r="J614" s="115">
        <v>1</v>
      </c>
      <c r="K614" s="116" t="s">
        <v>174</v>
      </c>
      <c r="L614" s="115">
        <v>1</v>
      </c>
      <c r="M614" s="115">
        <v>0</v>
      </c>
      <c r="N614" s="115">
        <v>0</v>
      </c>
      <c r="O614" s="115">
        <v>1</v>
      </c>
      <c r="P614" s="115">
        <v>1</v>
      </c>
      <c r="Q614" s="115" t="s">
        <v>400</v>
      </c>
      <c r="R614" s="115">
        <v>0</v>
      </c>
      <c r="S614" s="115">
        <v>0</v>
      </c>
      <c r="T614" s="115">
        <v>0</v>
      </c>
      <c r="U614" s="119"/>
      <c r="V614" s="119"/>
      <c r="W614" s="119"/>
      <c r="X614" s="119"/>
      <c r="Y614" s="119"/>
      <c r="Z614" s="119"/>
      <c r="AA614" s="119"/>
      <c r="AB614" s="119"/>
      <c r="AC614" s="119"/>
      <c r="AD614" s="119"/>
      <c r="AE614" s="119"/>
      <c r="AF614" s="119"/>
      <c r="AG614" s="119"/>
      <c r="AH614" s="119"/>
      <c r="AI614" s="119"/>
      <c r="AJ614" s="119"/>
      <c r="AK614" s="119"/>
      <c r="AL614" s="119"/>
      <c r="AM614" s="119"/>
      <c r="AN614" s="119"/>
      <c r="AO614" s="119"/>
      <c r="AP614" s="119"/>
      <c r="AQ614" s="119"/>
      <c r="AR614" s="119"/>
      <c r="AS614" s="119"/>
      <c r="AT614" s="119"/>
      <c r="AU614" s="119"/>
      <c r="AV614" s="119"/>
      <c r="AW614" s="119"/>
      <c r="AX614" s="119"/>
      <c r="AY614" s="119"/>
      <c r="AZ614" s="119"/>
      <c r="BA614" s="119"/>
      <c r="BB614" s="107">
        <v>45884</v>
      </c>
    </row>
    <row r="615" spans="1:54" s="207" customFormat="1" ht="13.95" customHeight="1" x14ac:dyDescent="0.25">
      <c r="A615" s="208" t="s">
        <v>1552</v>
      </c>
      <c r="B615" s="209" t="s">
        <v>20420</v>
      </c>
      <c r="C615" s="113" t="s">
        <v>1553</v>
      </c>
      <c r="D615" s="113" t="s">
        <v>1554</v>
      </c>
      <c r="E615" s="210">
        <v>1976</v>
      </c>
      <c r="F615" s="210">
        <v>510</v>
      </c>
      <c r="G615" s="113" t="s">
        <v>1</v>
      </c>
      <c r="H615" s="113">
        <v>0</v>
      </c>
      <c r="I615" s="113">
        <v>0</v>
      </c>
      <c r="J615" s="115">
        <v>1</v>
      </c>
      <c r="K615" s="116" t="s">
        <v>174</v>
      </c>
      <c r="L615" s="115">
        <v>1</v>
      </c>
      <c r="M615" s="115">
        <v>0</v>
      </c>
      <c r="N615" s="115">
        <v>1</v>
      </c>
      <c r="O615" s="115">
        <v>0</v>
      </c>
      <c r="P615" s="115">
        <v>1</v>
      </c>
      <c r="Q615" s="115" t="s">
        <v>400</v>
      </c>
      <c r="R615" s="115">
        <v>0</v>
      </c>
      <c r="S615" s="115">
        <v>0</v>
      </c>
      <c r="T615" s="115">
        <v>0</v>
      </c>
      <c r="U615" s="119"/>
      <c r="V615" s="119"/>
      <c r="W615" s="119"/>
      <c r="X615" s="119"/>
      <c r="Y615" s="119"/>
      <c r="Z615" s="119"/>
      <c r="AA615" s="119"/>
      <c r="AB615" s="119"/>
      <c r="AC615" s="119"/>
      <c r="AD615" s="119"/>
      <c r="AE615" s="119"/>
      <c r="AF615" s="119"/>
      <c r="AG615" s="119"/>
      <c r="AH615" s="119"/>
      <c r="AI615" s="119"/>
      <c r="AJ615" s="119"/>
      <c r="AK615" s="119"/>
      <c r="AL615" s="119"/>
      <c r="AM615" s="119"/>
      <c r="AN615" s="119"/>
      <c r="AO615" s="119"/>
      <c r="AP615" s="119"/>
      <c r="AQ615" s="119"/>
      <c r="AR615" s="119"/>
      <c r="AS615" s="119"/>
      <c r="AT615" s="119"/>
      <c r="AU615" s="119"/>
      <c r="AV615" s="119"/>
      <c r="AW615" s="119"/>
      <c r="AX615" s="119"/>
      <c r="AY615" s="119"/>
      <c r="AZ615" s="119"/>
      <c r="BA615" s="119"/>
      <c r="BB615" s="107">
        <v>45884</v>
      </c>
    </row>
    <row r="616" spans="1:54" s="207" customFormat="1" ht="13.95" customHeight="1" x14ac:dyDescent="0.25">
      <c r="A616" s="208" t="s">
        <v>1555</v>
      </c>
      <c r="B616" s="209" t="s">
        <v>20420</v>
      </c>
      <c r="C616" s="113" t="s">
        <v>1556</v>
      </c>
      <c r="D616" s="113" t="s">
        <v>22733</v>
      </c>
      <c r="E616" s="210">
        <v>1999</v>
      </c>
      <c r="F616" s="210">
        <v>510</v>
      </c>
      <c r="G616" s="113" t="s">
        <v>1</v>
      </c>
      <c r="H616" s="113">
        <v>0</v>
      </c>
      <c r="I616" s="113">
        <v>0</v>
      </c>
      <c r="J616" s="115">
        <v>1</v>
      </c>
      <c r="K616" s="211">
        <v>1</v>
      </c>
      <c r="L616" s="115">
        <v>0</v>
      </c>
      <c r="M616" s="115">
        <v>1</v>
      </c>
      <c r="N616" s="115">
        <v>0</v>
      </c>
      <c r="O616" s="115">
        <v>0</v>
      </c>
      <c r="P616" s="115" t="s">
        <v>400</v>
      </c>
      <c r="Q616" s="115" t="s">
        <v>400</v>
      </c>
      <c r="R616" s="115">
        <v>0</v>
      </c>
      <c r="S616" s="115">
        <v>0</v>
      </c>
      <c r="T616" s="115">
        <v>0</v>
      </c>
      <c r="U616" s="119"/>
      <c r="V616" s="119"/>
      <c r="W616" s="119"/>
      <c r="X616" s="119"/>
      <c r="Y616" s="119"/>
      <c r="Z616" s="119"/>
      <c r="AA616" s="119"/>
      <c r="AB616" s="119"/>
      <c r="AC616" s="119"/>
      <c r="AD616" s="119"/>
      <c r="AE616" s="119"/>
      <c r="AF616" s="119"/>
      <c r="AG616" s="119"/>
      <c r="AH616" s="119"/>
      <c r="AI616" s="119"/>
      <c r="AJ616" s="119"/>
      <c r="AK616" s="119"/>
      <c r="AL616" s="119"/>
      <c r="AM616" s="119"/>
      <c r="AN616" s="119"/>
      <c r="AO616" s="119"/>
      <c r="AP616" s="119"/>
      <c r="AQ616" s="119"/>
      <c r="AR616" s="119"/>
      <c r="AS616" s="119"/>
      <c r="AT616" s="119"/>
      <c r="AU616" s="119"/>
      <c r="AV616" s="119"/>
      <c r="AW616" s="119"/>
      <c r="AX616" s="119"/>
      <c r="AY616" s="119"/>
      <c r="AZ616" s="119"/>
      <c r="BA616" s="119"/>
      <c r="BB616" s="107">
        <v>45884</v>
      </c>
    </row>
    <row r="617" spans="1:54" s="207" customFormat="1" ht="13.95" customHeight="1" x14ac:dyDescent="0.25">
      <c r="A617" s="208" t="s">
        <v>1557</v>
      </c>
      <c r="B617" s="209" t="s">
        <v>20420</v>
      </c>
      <c r="C617" s="113" t="s">
        <v>1558</v>
      </c>
      <c r="D617" s="113" t="s">
        <v>22734</v>
      </c>
      <c r="E617" s="210">
        <v>1986</v>
      </c>
      <c r="F617" s="210">
        <v>511</v>
      </c>
      <c r="G617" s="113" t="s">
        <v>1</v>
      </c>
      <c r="H617" s="113">
        <v>0</v>
      </c>
      <c r="I617" s="113">
        <v>0</v>
      </c>
      <c r="J617" s="115">
        <v>1</v>
      </c>
      <c r="K617" s="116" t="s">
        <v>174</v>
      </c>
      <c r="L617" s="115">
        <v>1</v>
      </c>
      <c r="M617" s="115">
        <v>0</v>
      </c>
      <c r="N617" s="115">
        <v>0</v>
      </c>
      <c r="O617" s="115">
        <v>1</v>
      </c>
      <c r="P617" s="115" t="s">
        <v>400</v>
      </c>
      <c r="Q617" s="115" t="s">
        <v>400</v>
      </c>
      <c r="R617" s="115">
        <v>1</v>
      </c>
      <c r="S617" s="115">
        <v>0</v>
      </c>
      <c r="T617" s="115">
        <v>0</v>
      </c>
      <c r="U617" s="119"/>
      <c r="V617" s="119"/>
      <c r="W617" s="119"/>
      <c r="X617" s="119"/>
      <c r="Y617" s="119"/>
      <c r="Z617" s="119"/>
      <c r="AA617" s="119"/>
      <c r="AB617" s="119"/>
      <c r="AC617" s="119"/>
      <c r="AD617" s="119"/>
      <c r="AE617" s="119"/>
      <c r="AF617" s="119"/>
      <c r="AG617" s="119"/>
      <c r="AH617" s="119"/>
      <c r="AI617" s="119"/>
      <c r="AJ617" s="119"/>
      <c r="AK617" s="119"/>
      <c r="AL617" s="119"/>
      <c r="AM617" s="119"/>
      <c r="AN617" s="119"/>
      <c r="AO617" s="119"/>
      <c r="AP617" s="119"/>
      <c r="AQ617" s="119"/>
      <c r="AR617" s="119"/>
      <c r="AS617" s="119"/>
      <c r="AT617" s="119"/>
      <c r="AU617" s="119"/>
      <c r="AV617" s="119"/>
      <c r="AW617" s="119"/>
      <c r="AX617" s="119"/>
      <c r="AY617" s="119"/>
      <c r="AZ617" s="119"/>
      <c r="BA617" s="119"/>
      <c r="BB617" s="107">
        <v>45884</v>
      </c>
    </row>
    <row r="618" spans="1:54" s="207" customFormat="1" ht="13.95" customHeight="1" x14ac:dyDescent="0.25">
      <c r="A618" s="208" t="s">
        <v>1559</v>
      </c>
      <c r="B618" s="209" t="s">
        <v>20420</v>
      </c>
      <c r="C618" s="113" t="s">
        <v>1560</v>
      </c>
      <c r="D618" s="113" t="s">
        <v>1561</v>
      </c>
      <c r="E618" s="210">
        <v>1984</v>
      </c>
      <c r="F618" s="210">
        <v>512</v>
      </c>
      <c r="G618" s="113" t="s">
        <v>1</v>
      </c>
      <c r="H618" s="113">
        <v>0</v>
      </c>
      <c r="I618" s="113">
        <v>0</v>
      </c>
      <c r="J618" s="115">
        <v>1</v>
      </c>
      <c r="K618" s="116" t="s">
        <v>174</v>
      </c>
      <c r="L618" s="115">
        <v>1</v>
      </c>
      <c r="M618" s="115">
        <v>1</v>
      </c>
      <c r="N618" s="115">
        <v>0</v>
      </c>
      <c r="O618" s="115">
        <v>0</v>
      </c>
      <c r="P618" s="115" t="s">
        <v>400</v>
      </c>
      <c r="Q618" s="115" t="s">
        <v>400</v>
      </c>
      <c r="R618" s="115">
        <v>1</v>
      </c>
      <c r="S618" s="115">
        <v>0</v>
      </c>
      <c r="T618" s="115">
        <v>0</v>
      </c>
      <c r="U618" s="119"/>
      <c r="V618" s="119"/>
      <c r="W618" s="119"/>
      <c r="X618" s="119"/>
      <c r="Y618" s="119"/>
      <c r="Z618" s="119"/>
      <c r="AA618" s="119"/>
      <c r="AB618" s="119"/>
      <c r="AC618" s="119"/>
      <c r="AD618" s="119"/>
      <c r="AE618" s="119"/>
      <c r="AF618" s="119"/>
      <c r="AG618" s="119"/>
      <c r="AH618" s="119"/>
      <c r="AI618" s="119"/>
      <c r="AJ618" s="119"/>
      <c r="AK618" s="119"/>
      <c r="AL618" s="119"/>
      <c r="AM618" s="119"/>
      <c r="AN618" s="119"/>
      <c r="AO618" s="119"/>
      <c r="AP618" s="119"/>
      <c r="AQ618" s="119"/>
      <c r="AR618" s="119"/>
      <c r="AS618" s="119"/>
      <c r="AT618" s="119"/>
      <c r="AU618" s="119"/>
      <c r="AV618" s="119"/>
      <c r="AW618" s="119"/>
      <c r="AX618" s="119"/>
      <c r="AY618" s="119"/>
      <c r="AZ618" s="119"/>
      <c r="BA618" s="119"/>
      <c r="BB618" s="107">
        <v>45884</v>
      </c>
    </row>
    <row r="619" spans="1:54" s="207" customFormat="1" ht="13.95" customHeight="1" x14ac:dyDescent="0.25">
      <c r="A619" s="208" t="s">
        <v>1562</v>
      </c>
      <c r="B619" s="209" t="s">
        <v>20420</v>
      </c>
      <c r="C619" s="113" t="s">
        <v>1563</v>
      </c>
      <c r="D619" s="113" t="s">
        <v>22735</v>
      </c>
      <c r="E619" s="210">
        <v>1975</v>
      </c>
      <c r="F619" s="210">
        <v>514</v>
      </c>
      <c r="G619" s="113" t="s">
        <v>1</v>
      </c>
      <c r="H619" s="113">
        <v>0</v>
      </c>
      <c r="I619" s="113">
        <v>0</v>
      </c>
      <c r="J619" s="115">
        <v>1</v>
      </c>
      <c r="K619" s="116" t="s">
        <v>174</v>
      </c>
      <c r="L619" s="115">
        <v>1</v>
      </c>
      <c r="M619" s="115">
        <v>1</v>
      </c>
      <c r="N619" s="115">
        <v>1</v>
      </c>
      <c r="O619" s="115">
        <v>0</v>
      </c>
      <c r="P619" s="115" t="s">
        <v>400</v>
      </c>
      <c r="Q619" s="115" t="s">
        <v>400</v>
      </c>
      <c r="R619" s="115">
        <v>1</v>
      </c>
      <c r="S619" s="115">
        <v>0</v>
      </c>
      <c r="T619" s="115">
        <v>0</v>
      </c>
      <c r="U619" s="119"/>
      <c r="V619" s="119"/>
      <c r="W619" s="119"/>
      <c r="X619" s="119"/>
      <c r="Y619" s="119"/>
      <c r="Z619" s="119"/>
      <c r="AA619" s="119"/>
      <c r="AB619" s="119"/>
      <c r="AC619" s="119"/>
      <c r="AD619" s="119"/>
      <c r="AE619" s="119"/>
      <c r="AF619" s="119"/>
      <c r="AG619" s="119"/>
      <c r="AH619" s="119"/>
      <c r="AI619" s="119"/>
      <c r="AJ619" s="119"/>
      <c r="AK619" s="119"/>
      <c r="AL619" s="119"/>
      <c r="AM619" s="119"/>
      <c r="AN619" s="119"/>
      <c r="AO619" s="119"/>
      <c r="AP619" s="119"/>
      <c r="AQ619" s="119"/>
      <c r="AR619" s="119"/>
      <c r="AS619" s="119"/>
      <c r="AT619" s="119"/>
      <c r="AU619" s="119"/>
      <c r="AV619" s="119"/>
      <c r="AW619" s="119"/>
      <c r="AX619" s="119"/>
      <c r="AY619" s="119"/>
      <c r="AZ619" s="119"/>
      <c r="BA619" s="119"/>
      <c r="BB619" s="107">
        <v>45884</v>
      </c>
    </row>
    <row r="620" spans="1:54" s="207" customFormat="1" ht="13.95" customHeight="1" x14ac:dyDescent="0.25">
      <c r="A620" s="208" t="s">
        <v>1564</v>
      </c>
      <c r="B620" s="209" t="s">
        <v>20420</v>
      </c>
      <c r="C620" s="113" t="s">
        <v>1565</v>
      </c>
      <c r="D620" s="113" t="s">
        <v>22736</v>
      </c>
      <c r="E620" s="210">
        <v>1973</v>
      </c>
      <c r="F620" s="210">
        <v>514</v>
      </c>
      <c r="G620" s="113" t="s">
        <v>1</v>
      </c>
      <c r="H620" s="113">
        <v>0</v>
      </c>
      <c r="I620" s="113">
        <v>0</v>
      </c>
      <c r="J620" s="115">
        <v>1</v>
      </c>
      <c r="K620" s="116" t="s">
        <v>174</v>
      </c>
      <c r="L620" s="115">
        <v>0</v>
      </c>
      <c r="M620" s="115">
        <v>0</v>
      </c>
      <c r="N620" s="115">
        <v>0</v>
      </c>
      <c r="O620" s="115">
        <v>0</v>
      </c>
      <c r="P620" s="115">
        <v>1</v>
      </c>
      <c r="Q620" s="115" t="s">
        <v>400</v>
      </c>
      <c r="R620" s="115">
        <v>0</v>
      </c>
      <c r="S620" s="115">
        <v>0</v>
      </c>
      <c r="T620" s="115">
        <v>0</v>
      </c>
      <c r="U620" s="119"/>
      <c r="V620" s="119"/>
      <c r="W620" s="119"/>
      <c r="X620" s="119"/>
      <c r="Y620" s="119"/>
      <c r="Z620" s="119"/>
      <c r="AA620" s="119"/>
      <c r="AB620" s="119"/>
      <c r="AC620" s="119"/>
      <c r="AD620" s="119"/>
      <c r="AE620" s="119"/>
      <c r="AF620" s="119"/>
      <c r="AG620" s="119"/>
      <c r="AH620" s="119"/>
      <c r="AI620" s="119"/>
      <c r="AJ620" s="119"/>
      <c r="AK620" s="119"/>
      <c r="AL620" s="119"/>
      <c r="AM620" s="119"/>
      <c r="AN620" s="119"/>
      <c r="AO620" s="119"/>
      <c r="AP620" s="119"/>
      <c r="AQ620" s="119"/>
      <c r="AR620" s="119"/>
      <c r="AS620" s="119"/>
      <c r="AT620" s="119"/>
      <c r="AU620" s="119"/>
      <c r="AV620" s="119"/>
      <c r="AW620" s="119"/>
      <c r="AX620" s="119"/>
      <c r="AY620" s="119"/>
      <c r="AZ620" s="119"/>
      <c r="BA620" s="119"/>
      <c r="BB620" s="107">
        <v>45884</v>
      </c>
    </row>
    <row r="621" spans="1:54" s="207" customFormat="1" ht="13.95" customHeight="1" x14ac:dyDescent="0.25">
      <c r="A621" s="208" t="s">
        <v>1566</v>
      </c>
      <c r="B621" s="209" t="s">
        <v>20420</v>
      </c>
      <c r="C621" s="113" t="s">
        <v>1567</v>
      </c>
      <c r="D621" s="113" t="s">
        <v>22737</v>
      </c>
      <c r="E621" s="210">
        <v>1991</v>
      </c>
      <c r="F621" s="210">
        <v>515</v>
      </c>
      <c r="G621" s="113" t="s">
        <v>1</v>
      </c>
      <c r="H621" s="113">
        <v>0</v>
      </c>
      <c r="I621" s="113">
        <v>0</v>
      </c>
      <c r="J621" s="115">
        <v>1</v>
      </c>
      <c r="K621" s="116" t="s">
        <v>174</v>
      </c>
      <c r="L621" s="115">
        <v>1</v>
      </c>
      <c r="M621" s="115">
        <v>0</v>
      </c>
      <c r="N621" s="115">
        <v>0</v>
      </c>
      <c r="O621" s="115">
        <v>1</v>
      </c>
      <c r="P621" s="115">
        <v>1</v>
      </c>
      <c r="Q621" s="115" t="s">
        <v>400</v>
      </c>
      <c r="R621" s="115">
        <v>1</v>
      </c>
      <c r="S621" s="115">
        <v>0</v>
      </c>
      <c r="T621" s="115">
        <v>0</v>
      </c>
      <c r="U621" s="119"/>
      <c r="V621" s="119"/>
      <c r="W621" s="119"/>
      <c r="X621" s="119"/>
      <c r="Y621" s="119"/>
      <c r="Z621" s="119"/>
      <c r="AA621" s="119"/>
      <c r="AB621" s="119"/>
      <c r="AC621" s="119"/>
      <c r="AD621" s="119"/>
      <c r="AE621" s="119"/>
      <c r="AF621" s="119"/>
      <c r="AG621" s="119"/>
      <c r="AH621" s="119"/>
      <c r="AI621" s="119"/>
      <c r="AJ621" s="119"/>
      <c r="AK621" s="119"/>
      <c r="AL621" s="119"/>
      <c r="AM621" s="119"/>
      <c r="AN621" s="119"/>
      <c r="AO621" s="119"/>
      <c r="AP621" s="119"/>
      <c r="AQ621" s="119"/>
      <c r="AR621" s="119"/>
      <c r="AS621" s="119"/>
      <c r="AT621" s="119"/>
      <c r="AU621" s="119"/>
      <c r="AV621" s="119"/>
      <c r="AW621" s="119"/>
      <c r="AX621" s="119"/>
      <c r="AY621" s="119"/>
      <c r="AZ621" s="119"/>
      <c r="BA621" s="119"/>
      <c r="BB621" s="107">
        <v>45884</v>
      </c>
    </row>
    <row r="622" spans="1:54" s="207" customFormat="1" ht="13.95" customHeight="1" x14ac:dyDescent="0.25">
      <c r="A622" s="208" t="s">
        <v>1568</v>
      </c>
      <c r="B622" s="209" t="s">
        <v>20420</v>
      </c>
      <c r="C622" s="113" t="s">
        <v>1569</v>
      </c>
      <c r="D622" s="113" t="s">
        <v>22738</v>
      </c>
      <c r="E622" s="210">
        <v>1973</v>
      </c>
      <c r="F622" s="210">
        <v>516</v>
      </c>
      <c r="G622" s="113" t="s">
        <v>1</v>
      </c>
      <c r="H622" s="113">
        <v>0</v>
      </c>
      <c r="I622" s="113">
        <v>0</v>
      </c>
      <c r="J622" s="115">
        <v>1</v>
      </c>
      <c r="K622" s="116" t="s">
        <v>174</v>
      </c>
      <c r="L622" s="115">
        <v>0</v>
      </c>
      <c r="M622" s="115">
        <v>0</v>
      </c>
      <c r="N622" s="115">
        <v>1</v>
      </c>
      <c r="O622" s="115">
        <v>1</v>
      </c>
      <c r="P622" s="115">
        <v>1</v>
      </c>
      <c r="Q622" s="115" t="s">
        <v>400</v>
      </c>
      <c r="R622" s="115">
        <v>0</v>
      </c>
      <c r="S622" s="115">
        <v>0</v>
      </c>
      <c r="T622" s="115">
        <v>0</v>
      </c>
      <c r="U622" s="119"/>
      <c r="V622" s="119"/>
      <c r="W622" s="119"/>
      <c r="X622" s="119"/>
      <c r="Y622" s="119"/>
      <c r="Z622" s="119"/>
      <c r="AA622" s="119"/>
      <c r="AB622" s="119"/>
      <c r="AC622" s="119"/>
      <c r="AD622" s="119"/>
      <c r="AE622" s="119"/>
      <c r="AF622" s="119"/>
      <c r="AG622" s="119"/>
      <c r="AH622" s="119"/>
      <c r="AI622" s="119"/>
      <c r="AJ622" s="119"/>
      <c r="AK622" s="119"/>
      <c r="AL622" s="119"/>
      <c r="AM622" s="119"/>
      <c r="AN622" s="119"/>
      <c r="AO622" s="119"/>
      <c r="AP622" s="119"/>
      <c r="AQ622" s="119"/>
      <c r="AR622" s="119"/>
      <c r="AS622" s="119"/>
      <c r="AT622" s="119"/>
      <c r="AU622" s="119"/>
      <c r="AV622" s="119"/>
      <c r="AW622" s="119"/>
      <c r="AX622" s="119"/>
      <c r="AY622" s="119"/>
      <c r="AZ622" s="119"/>
      <c r="BA622" s="119"/>
      <c r="BB622" s="107">
        <v>45884</v>
      </c>
    </row>
    <row r="623" spans="1:54" s="207" customFormat="1" ht="13.95" customHeight="1" x14ac:dyDescent="0.25">
      <c r="A623" s="208" t="s">
        <v>1570</v>
      </c>
      <c r="B623" s="209" t="s">
        <v>20420</v>
      </c>
      <c r="C623" s="113" t="s">
        <v>1571</v>
      </c>
      <c r="D623" s="113" t="s">
        <v>1572</v>
      </c>
      <c r="E623" s="210">
        <v>1974</v>
      </c>
      <c r="F623" s="210">
        <v>517</v>
      </c>
      <c r="G623" s="113" t="s">
        <v>1</v>
      </c>
      <c r="H623" s="113">
        <v>0</v>
      </c>
      <c r="I623" s="113">
        <v>0</v>
      </c>
      <c r="J623" s="115">
        <v>1</v>
      </c>
      <c r="K623" s="116" t="s">
        <v>174</v>
      </c>
      <c r="L623" s="115">
        <v>0</v>
      </c>
      <c r="M623" s="115">
        <v>0</v>
      </c>
      <c r="N623" s="115">
        <v>1</v>
      </c>
      <c r="O623" s="115">
        <v>1</v>
      </c>
      <c r="P623" s="115" t="s">
        <v>400</v>
      </c>
      <c r="Q623" s="115" t="s">
        <v>400</v>
      </c>
      <c r="R623" s="115">
        <v>1</v>
      </c>
      <c r="S623" s="115">
        <v>0</v>
      </c>
      <c r="T623" s="115">
        <v>0</v>
      </c>
      <c r="U623" s="119"/>
      <c r="V623" s="119"/>
      <c r="W623" s="119"/>
      <c r="X623" s="119"/>
      <c r="Y623" s="119"/>
      <c r="Z623" s="119"/>
      <c r="AA623" s="119"/>
      <c r="AB623" s="119"/>
      <c r="AC623" s="119"/>
      <c r="AD623" s="119"/>
      <c r="AE623" s="119"/>
      <c r="AF623" s="119"/>
      <c r="AG623" s="119"/>
      <c r="AH623" s="119"/>
      <c r="AI623" s="119"/>
      <c r="AJ623" s="119"/>
      <c r="AK623" s="119"/>
      <c r="AL623" s="119"/>
      <c r="AM623" s="119"/>
      <c r="AN623" s="119"/>
      <c r="AO623" s="119"/>
      <c r="AP623" s="119"/>
      <c r="AQ623" s="119"/>
      <c r="AR623" s="119"/>
      <c r="AS623" s="119"/>
      <c r="AT623" s="119"/>
      <c r="AU623" s="119"/>
      <c r="AV623" s="119"/>
      <c r="AW623" s="119"/>
      <c r="AX623" s="119"/>
      <c r="AY623" s="119"/>
      <c r="AZ623" s="119"/>
      <c r="BA623" s="119"/>
      <c r="BB623" s="107">
        <v>45884</v>
      </c>
    </row>
    <row r="624" spans="1:54" s="207" customFormat="1" ht="13.95" customHeight="1" x14ac:dyDescent="0.25">
      <c r="A624" s="208" t="s">
        <v>1573</v>
      </c>
      <c r="B624" s="209" t="s">
        <v>20420</v>
      </c>
      <c r="C624" s="113" t="s">
        <v>1574</v>
      </c>
      <c r="D624" s="113" t="s">
        <v>1575</v>
      </c>
      <c r="E624" s="210">
        <v>1990</v>
      </c>
      <c r="F624" s="210">
        <v>517</v>
      </c>
      <c r="G624" s="113" t="s">
        <v>1</v>
      </c>
      <c r="H624" s="113">
        <v>0</v>
      </c>
      <c r="I624" s="113">
        <v>0</v>
      </c>
      <c r="J624" s="115">
        <v>1</v>
      </c>
      <c r="K624" s="116" t="s">
        <v>174</v>
      </c>
      <c r="L624" s="115">
        <v>1</v>
      </c>
      <c r="M624" s="115">
        <v>0</v>
      </c>
      <c r="N624" s="115">
        <v>0</v>
      </c>
      <c r="O624" s="115">
        <v>0</v>
      </c>
      <c r="P624" s="115">
        <v>1</v>
      </c>
      <c r="Q624" s="115" t="s">
        <v>400</v>
      </c>
      <c r="R624" s="115">
        <v>0</v>
      </c>
      <c r="S624" s="115">
        <v>0</v>
      </c>
      <c r="T624" s="115">
        <v>0</v>
      </c>
      <c r="U624" s="119"/>
      <c r="V624" s="119"/>
      <c r="W624" s="119"/>
      <c r="X624" s="119"/>
      <c r="Y624" s="119"/>
      <c r="Z624" s="119"/>
      <c r="AA624" s="119"/>
      <c r="AB624" s="119"/>
      <c r="AC624" s="119"/>
      <c r="AD624" s="119"/>
      <c r="AE624" s="119"/>
      <c r="AF624" s="119"/>
      <c r="AG624" s="119"/>
      <c r="AH624" s="119"/>
      <c r="AI624" s="119"/>
      <c r="AJ624" s="119"/>
      <c r="AK624" s="119"/>
      <c r="AL624" s="119"/>
      <c r="AM624" s="119"/>
      <c r="AN624" s="119"/>
      <c r="AO624" s="119"/>
      <c r="AP624" s="119"/>
      <c r="AQ624" s="119"/>
      <c r="AR624" s="119"/>
      <c r="AS624" s="119"/>
      <c r="AT624" s="119"/>
      <c r="AU624" s="119"/>
      <c r="AV624" s="119"/>
      <c r="AW624" s="119"/>
      <c r="AX624" s="119"/>
      <c r="AY624" s="119"/>
      <c r="AZ624" s="119"/>
      <c r="BA624" s="119"/>
      <c r="BB624" s="107">
        <v>45884</v>
      </c>
    </row>
    <row r="625" spans="1:54" s="207" customFormat="1" ht="13.95" customHeight="1" x14ac:dyDescent="0.25">
      <c r="A625" s="208" t="s">
        <v>1576</v>
      </c>
      <c r="B625" s="209" t="s">
        <v>20420</v>
      </c>
      <c r="C625" s="113" t="s">
        <v>1577</v>
      </c>
      <c r="D625" s="113" t="s">
        <v>22739</v>
      </c>
      <c r="E625" s="210">
        <v>1987</v>
      </c>
      <c r="F625" s="210">
        <v>518</v>
      </c>
      <c r="G625" s="113" t="s">
        <v>1</v>
      </c>
      <c r="H625" s="113">
        <v>0</v>
      </c>
      <c r="I625" s="113">
        <v>0</v>
      </c>
      <c r="J625" s="115">
        <v>1</v>
      </c>
      <c r="K625" s="116" t="s">
        <v>174</v>
      </c>
      <c r="L625" s="115">
        <v>1</v>
      </c>
      <c r="M625" s="115">
        <v>0</v>
      </c>
      <c r="N625" s="115">
        <v>0</v>
      </c>
      <c r="O625" s="115">
        <v>1</v>
      </c>
      <c r="P625" s="115">
        <v>1</v>
      </c>
      <c r="Q625" s="115" t="s">
        <v>400</v>
      </c>
      <c r="R625" s="115">
        <v>0</v>
      </c>
      <c r="S625" s="115">
        <v>0</v>
      </c>
      <c r="T625" s="115">
        <v>0</v>
      </c>
      <c r="U625" s="119"/>
      <c r="V625" s="119"/>
      <c r="W625" s="119"/>
      <c r="X625" s="119"/>
      <c r="Y625" s="119"/>
      <c r="Z625" s="119"/>
      <c r="AA625" s="119"/>
      <c r="AB625" s="119"/>
      <c r="AC625" s="119"/>
      <c r="AD625" s="119"/>
      <c r="AE625" s="119"/>
      <c r="AF625" s="119"/>
      <c r="AG625" s="119"/>
      <c r="AH625" s="119"/>
      <c r="AI625" s="119"/>
      <c r="AJ625" s="119"/>
      <c r="AK625" s="119"/>
      <c r="AL625" s="119"/>
      <c r="AM625" s="119"/>
      <c r="AN625" s="119"/>
      <c r="AO625" s="119"/>
      <c r="AP625" s="119"/>
      <c r="AQ625" s="119"/>
      <c r="AR625" s="119"/>
      <c r="AS625" s="119"/>
      <c r="AT625" s="119"/>
      <c r="AU625" s="119"/>
      <c r="AV625" s="119"/>
      <c r="AW625" s="119"/>
      <c r="AX625" s="119"/>
      <c r="AY625" s="119"/>
      <c r="AZ625" s="119"/>
      <c r="BA625" s="119"/>
      <c r="BB625" s="107">
        <v>45884</v>
      </c>
    </row>
    <row r="626" spans="1:54" s="207" customFormat="1" ht="13.95" customHeight="1" x14ac:dyDescent="0.25">
      <c r="A626" s="208" t="s">
        <v>1578</v>
      </c>
      <c r="B626" s="209" t="s">
        <v>20420</v>
      </c>
      <c r="C626" s="113" t="s">
        <v>1579</v>
      </c>
      <c r="D626" s="113" t="s">
        <v>22740</v>
      </c>
      <c r="E626" s="210">
        <v>2015</v>
      </c>
      <c r="F626" s="210">
        <v>518</v>
      </c>
      <c r="G626" s="113" t="s">
        <v>1</v>
      </c>
      <c r="H626" s="113">
        <v>0</v>
      </c>
      <c r="I626" s="113">
        <v>0</v>
      </c>
      <c r="J626" s="115">
        <v>0</v>
      </c>
      <c r="K626" s="116" t="s">
        <v>174</v>
      </c>
      <c r="L626" s="115">
        <v>0</v>
      </c>
      <c r="M626" s="115">
        <v>0</v>
      </c>
      <c r="N626" s="115">
        <v>0</v>
      </c>
      <c r="O626" s="115">
        <v>0</v>
      </c>
      <c r="P626" s="115" t="s">
        <v>400</v>
      </c>
      <c r="Q626" s="115" t="s">
        <v>400</v>
      </c>
      <c r="R626" s="115">
        <v>0</v>
      </c>
      <c r="S626" s="115">
        <v>0</v>
      </c>
      <c r="T626" s="115">
        <v>0</v>
      </c>
      <c r="U626" s="119"/>
      <c r="V626" s="119"/>
      <c r="W626" s="119"/>
      <c r="X626" s="119"/>
      <c r="Y626" s="119"/>
      <c r="Z626" s="119"/>
      <c r="AA626" s="119"/>
      <c r="AB626" s="119"/>
      <c r="AC626" s="119"/>
      <c r="AD626" s="119"/>
      <c r="AE626" s="119"/>
      <c r="AF626" s="119"/>
      <c r="AG626" s="119"/>
      <c r="AH626" s="119"/>
      <c r="AI626" s="119"/>
      <c r="AJ626" s="119"/>
      <c r="AK626" s="119"/>
      <c r="AL626" s="119"/>
      <c r="AM626" s="119"/>
      <c r="AN626" s="119"/>
      <c r="AO626" s="119"/>
      <c r="AP626" s="119"/>
      <c r="AQ626" s="119"/>
      <c r="AR626" s="119"/>
      <c r="AS626" s="119"/>
      <c r="AT626" s="119"/>
      <c r="AU626" s="119"/>
      <c r="AV626" s="119"/>
      <c r="AW626" s="119"/>
      <c r="AX626" s="119"/>
      <c r="AY626" s="119"/>
      <c r="AZ626" s="119"/>
      <c r="BA626" s="119"/>
      <c r="BB626" s="107">
        <v>45884</v>
      </c>
    </row>
    <row r="627" spans="1:54" s="207" customFormat="1" ht="13.95" customHeight="1" x14ac:dyDescent="0.25">
      <c r="A627" s="208" t="s">
        <v>1580</v>
      </c>
      <c r="B627" s="209" t="s">
        <v>20420</v>
      </c>
      <c r="C627" s="113" t="s">
        <v>1581</v>
      </c>
      <c r="D627" s="113" t="s">
        <v>1582</v>
      </c>
      <c r="E627" s="210">
        <v>1953</v>
      </c>
      <c r="F627" s="210">
        <v>519</v>
      </c>
      <c r="G627" s="113" t="s">
        <v>1</v>
      </c>
      <c r="H627" s="113">
        <v>0</v>
      </c>
      <c r="I627" s="113">
        <v>0</v>
      </c>
      <c r="J627" s="115">
        <v>1</v>
      </c>
      <c r="K627" s="116" t="s">
        <v>174</v>
      </c>
      <c r="L627" s="115">
        <v>0</v>
      </c>
      <c r="M627" s="115">
        <v>1</v>
      </c>
      <c r="N627" s="115">
        <v>1</v>
      </c>
      <c r="O627" s="115">
        <v>1</v>
      </c>
      <c r="P627" s="115" t="s">
        <v>400</v>
      </c>
      <c r="Q627" s="115" t="s">
        <v>400</v>
      </c>
      <c r="R627" s="115">
        <v>0</v>
      </c>
      <c r="S627" s="115">
        <v>0</v>
      </c>
      <c r="T627" s="115">
        <v>0</v>
      </c>
      <c r="U627" s="119"/>
      <c r="V627" s="119"/>
      <c r="W627" s="119"/>
      <c r="X627" s="119"/>
      <c r="Y627" s="119"/>
      <c r="Z627" s="119"/>
      <c r="AA627" s="119"/>
      <c r="AB627" s="119"/>
      <c r="AC627" s="119"/>
      <c r="AD627" s="119"/>
      <c r="AE627" s="119"/>
      <c r="AF627" s="119"/>
      <c r="AG627" s="119"/>
      <c r="AH627" s="119"/>
      <c r="AI627" s="119"/>
      <c r="AJ627" s="119"/>
      <c r="AK627" s="119"/>
      <c r="AL627" s="119"/>
      <c r="AM627" s="119"/>
      <c r="AN627" s="119"/>
      <c r="AO627" s="119"/>
      <c r="AP627" s="119"/>
      <c r="AQ627" s="119"/>
      <c r="AR627" s="119"/>
      <c r="AS627" s="119"/>
      <c r="AT627" s="119"/>
      <c r="AU627" s="119"/>
      <c r="AV627" s="119"/>
      <c r="AW627" s="119"/>
      <c r="AX627" s="119"/>
      <c r="AY627" s="119"/>
      <c r="AZ627" s="119"/>
      <c r="BA627" s="119"/>
      <c r="BB627" s="107">
        <v>45884</v>
      </c>
    </row>
    <row r="628" spans="1:54" s="207" customFormat="1" ht="13.95" customHeight="1" x14ac:dyDescent="0.25">
      <c r="A628" s="208" t="s">
        <v>1583</v>
      </c>
      <c r="B628" s="209" t="s">
        <v>20420</v>
      </c>
      <c r="C628" s="113" t="s">
        <v>1584</v>
      </c>
      <c r="D628" s="113" t="s">
        <v>22741</v>
      </c>
      <c r="E628" s="210">
        <v>2002</v>
      </c>
      <c r="F628" s="210">
        <v>522</v>
      </c>
      <c r="G628" s="113" t="s">
        <v>1</v>
      </c>
      <c r="H628" s="113">
        <v>0</v>
      </c>
      <c r="I628" s="113">
        <v>0</v>
      </c>
      <c r="J628" s="115">
        <v>1</v>
      </c>
      <c r="K628" s="116" t="s">
        <v>174</v>
      </c>
      <c r="L628" s="115">
        <v>0</v>
      </c>
      <c r="M628" s="115">
        <v>0</v>
      </c>
      <c r="N628" s="115">
        <v>0</v>
      </c>
      <c r="O628" s="115">
        <v>0</v>
      </c>
      <c r="P628" s="115" t="s">
        <v>400</v>
      </c>
      <c r="Q628" s="115" t="s">
        <v>400</v>
      </c>
      <c r="R628" s="115">
        <v>0</v>
      </c>
      <c r="S628" s="115">
        <v>0</v>
      </c>
      <c r="T628" s="115">
        <v>0</v>
      </c>
      <c r="U628" s="119"/>
      <c r="V628" s="119"/>
      <c r="W628" s="119"/>
      <c r="X628" s="119"/>
      <c r="Y628" s="119"/>
      <c r="Z628" s="119"/>
      <c r="AA628" s="119"/>
      <c r="AB628" s="119"/>
      <c r="AC628" s="119"/>
      <c r="AD628" s="119"/>
      <c r="AE628" s="119"/>
      <c r="AF628" s="119"/>
      <c r="AG628" s="119"/>
      <c r="AH628" s="119"/>
      <c r="AI628" s="119"/>
      <c r="AJ628" s="119"/>
      <c r="AK628" s="119"/>
      <c r="AL628" s="119"/>
      <c r="AM628" s="119"/>
      <c r="AN628" s="119"/>
      <c r="AO628" s="119"/>
      <c r="AP628" s="119"/>
      <c r="AQ628" s="119"/>
      <c r="AR628" s="119"/>
      <c r="AS628" s="119"/>
      <c r="AT628" s="119"/>
      <c r="AU628" s="119"/>
      <c r="AV628" s="119"/>
      <c r="AW628" s="119"/>
      <c r="AX628" s="119"/>
      <c r="AY628" s="119"/>
      <c r="AZ628" s="119"/>
      <c r="BA628" s="119"/>
      <c r="BB628" s="107">
        <v>45884</v>
      </c>
    </row>
    <row r="629" spans="1:54" s="207" customFormat="1" ht="13.95" customHeight="1" x14ac:dyDescent="0.25">
      <c r="A629" s="208" t="s">
        <v>1585</v>
      </c>
      <c r="B629" s="209" t="s">
        <v>20420</v>
      </c>
      <c r="C629" s="113" t="s">
        <v>1586</v>
      </c>
      <c r="D629" s="113" t="s">
        <v>22742</v>
      </c>
      <c r="E629" s="210">
        <v>1998</v>
      </c>
      <c r="F629" s="210">
        <v>523</v>
      </c>
      <c r="G629" s="113" t="s">
        <v>1</v>
      </c>
      <c r="H629" s="113">
        <v>0</v>
      </c>
      <c r="I629" s="113">
        <v>0</v>
      </c>
      <c r="J629" s="115">
        <v>1</v>
      </c>
      <c r="K629" s="116" t="s">
        <v>174</v>
      </c>
      <c r="L629" s="115">
        <v>0</v>
      </c>
      <c r="M629" s="115">
        <v>0</v>
      </c>
      <c r="N629" s="115">
        <v>0</v>
      </c>
      <c r="O629" s="115">
        <v>0</v>
      </c>
      <c r="P629" s="115" t="s">
        <v>400</v>
      </c>
      <c r="Q629" s="115" t="s">
        <v>400</v>
      </c>
      <c r="R629" s="115">
        <v>1</v>
      </c>
      <c r="S629" s="115">
        <v>0</v>
      </c>
      <c r="T629" s="115">
        <v>0</v>
      </c>
      <c r="U629" s="119"/>
      <c r="V629" s="119"/>
      <c r="W629" s="119"/>
      <c r="X629" s="119"/>
      <c r="Y629" s="119"/>
      <c r="Z629" s="119"/>
      <c r="AA629" s="119"/>
      <c r="AB629" s="119"/>
      <c r="AC629" s="119"/>
      <c r="AD629" s="119"/>
      <c r="AE629" s="119"/>
      <c r="AF629" s="119"/>
      <c r="AG629" s="119"/>
      <c r="AH629" s="119"/>
      <c r="AI629" s="119"/>
      <c r="AJ629" s="119"/>
      <c r="AK629" s="119"/>
      <c r="AL629" s="119"/>
      <c r="AM629" s="119"/>
      <c r="AN629" s="119"/>
      <c r="AO629" s="119"/>
      <c r="AP629" s="119"/>
      <c r="AQ629" s="119"/>
      <c r="AR629" s="119"/>
      <c r="AS629" s="119"/>
      <c r="AT629" s="119"/>
      <c r="AU629" s="119"/>
      <c r="AV629" s="119"/>
      <c r="AW629" s="119"/>
      <c r="AX629" s="119"/>
      <c r="AY629" s="119"/>
      <c r="AZ629" s="119"/>
      <c r="BA629" s="119"/>
      <c r="BB629" s="107">
        <v>45884</v>
      </c>
    </row>
    <row r="630" spans="1:54" s="207" customFormat="1" ht="13.95" customHeight="1" x14ac:dyDescent="0.25">
      <c r="A630" s="208" t="s">
        <v>1587</v>
      </c>
      <c r="B630" s="209" t="s">
        <v>20420</v>
      </c>
      <c r="C630" s="113" t="s">
        <v>1588</v>
      </c>
      <c r="D630" s="113" t="s">
        <v>22743</v>
      </c>
      <c r="E630" s="210">
        <v>1987</v>
      </c>
      <c r="F630" s="210">
        <v>523</v>
      </c>
      <c r="G630" s="113" t="s">
        <v>1</v>
      </c>
      <c r="H630" s="113">
        <v>0</v>
      </c>
      <c r="I630" s="113">
        <v>0</v>
      </c>
      <c r="J630" s="115">
        <v>1</v>
      </c>
      <c r="K630" s="211">
        <v>1</v>
      </c>
      <c r="L630" s="115">
        <v>1</v>
      </c>
      <c r="M630" s="115">
        <v>0</v>
      </c>
      <c r="N630" s="115">
        <v>0</v>
      </c>
      <c r="O630" s="115">
        <v>1</v>
      </c>
      <c r="P630" s="115">
        <v>1</v>
      </c>
      <c r="Q630" s="115" t="s">
        <v>400</v>
      </c>
      <c r="R630" s="115">
        <v>0</v>
      </c>
      <c r="S630" s="115">
        <v>0</v>
      </c>
      <c r="T630" s="115">
        <v>0</v>
      </c>
      <c r="U630" s="119"/>
      <c r="V630" s="119"/>
      <c r="W630" s="119"/>
      <c r="X630" s="119"/>
      <c r="Y630" s="119"/>
      <c r="Z630" s="119"/>
      <c r="AA630" s="119"/>
      <c r="AB630" s="119"/>
      <c r="AC630" s="119"/>
      <c r="AD630" s="119"/>
      <c r="AE630" s="119"/>
      <c r="AF630" s="119"/>
      <c r="AG630" s="119"/>
      <c r="AH630" s="119"/>
      <c r="AI630" s="119"/>
      <c r="AJ630" s="119"/>
      <c r="AK630" s="119"/>
      <c r="AL630" s="119"/>
      <c r="AM630" s="119"/>
      <c r="AN630" s="119"/>
      <c r="AO630" s="119"/>
      <c r="AP630" s="119"/>
      <c r="AQ630" s="119"/>
      <c r="AR630" s="119"/>
      <c r="AS630" s="119"/>
      <c r="AT630" s="119"/>
      <c r="AU630" s="119"/>
      <c r="AV630" s="119"/>
      <c r="AW630" s="119"/>
      <c r="AX630" s="119"/>
      <c r="AY630" s="119"/>
      <c r="AZ630" s="119"/>
      <c r="BA630" s="119"/>
      <c r="BB630" s="107">
        <v>45884</v>
      </c>
    </row>
    <row r="631" spans="1:54" s="207" customFormat="1" ht="13.95" customHeight="1" x14ac:dyDescent="0.25">
      <c r="A631" s="208" t="s">
        <v>1589</v>
      </c>
      <c r="B631" s="209" t="s">
        <v>20420</v>
      </c>
      <c r="C631" s="113" t="s">
        <v>1590</v>
      </c>
      <c r="D631" s="113" t="s">
        <v>22744</v>
      </c>
      <c r="E631" s="210">
        <v>1977</v>
      </c>
      <c r="F631" s="210">
        <v>524</v>
      </c>
      <c r="G631" s="113" t="s">
        <v>1</v>
      </c>
      <c r="H631" s="113">
        <v>0</v>
      </c>
      <c r="I631" s="113">
        <v>0</v>
      </c>
      <c r="J631" s="115">
        <v>1</v>
      </c>
      <c r="K631" s="116" t="s">
        <v>174</v>
      </c>
      <c r="L631" s="115">
        <v>1</v>
      </c>
      <c r="M631" s="115">
        <v>1</v>
      </c>
      <c r="N631" s="115">
        <v>0</v>
      </c>
      <c r="O631" s="115">
        <v>1</v>
      </c>
      <c r="P631" s="115" t="s">
        <v>400</v>
      </c>
      <c r="Q631" s="115" t="s">
        <v>400</v>
      </c>
      <c r="R631" s="115">
        <v>1</v>
      </c>
      <c r="S631" s="115">
        <v>0</v>
      </c>
      <c r="T631" s="115">
        <v>0</v>
      </c>
      <c r="U631" s="119"/>
      <c r="V631" s="119"/>
      <c r="W631" s="119"/>
      <c r="X631" s="119"/>
      <c r="Y631" s="119"/>
      <c r="Z631" s="119"/>
      <c r="AA631" s="119"/>
      <c r="AB631" s="119"/>
      <c r="AC631" s="119"/>
      <c r="AD631" s="119"/>
      <c r="AE631" s="119"/>
      <c r="AF631" s="119"/>
      <c r="AG631" s="119"/>
      <c r="AH631" s="119"/>
      <c r="AI631" s="119"/>
      <c r="AJ631" s="119"/>
      <c r="AK631" s="119"/>
      <c r="AL631" s="119"/>
      <c r="AM631" s="119"/>
      <c r="AN631" s="119"/>
      <c r="AO631" s="119"/>
      <c r="AP631" s="119"/>
      <c r="AQ631" s="119"/>
      <c r="AR631" s="119"/>
      <c r="AS631" s="119"/>
      <c r="AT631" s="119"/>
      <c r="AU631" s="119"/>
      <c r="AV631" s="119"/>
      <c r="AW631" s="119"/>
      <c r="AX631" s="119"/>
      <c r="AY631" s="119"/>
      <c r="AZ631" s="119"/>
      <c r="BA631" s="119"/>
      <c r="BB631" s="107">
        <v>45884</v>
      </c>
    </row>
    <row r="632" spans="1:54" s="207" customFormat="1" ht="13.95" customHeight="1" x14ac:dyDescent="0.25">
      <c r="A632" s="208" t="s">
        <v>1591</v>
      </c>
      <c r="B632" s="209" t="s">
        <v>20420</v>
      </c>
      <c r="C632" s="113" t="s">
        <v>1592</v>
      </c>
      <c r="D632" s="113" t="s">
        <v>22745</v>
      </c>
      <c r="E632" s="210">
        <v>1995</v>
      </c>
      <c r="F632" s="210">
        <v>524</v>
      </c>
      <c r="G632" s="113" t="s">
        <v>1</v>
      </c>
      <c r="H632" s="113">
        <v>0</v>
      </c>
      <c r="I632" s="113">
        <v>0</v>
      </c>
      <c r="J632" s="115">
        <v>0</v>
      </c>
      <c r="K632" s="116" t="s">
        <v>174</v>
      </c>
      <c r="L632" s="115">
        <v>0</v>
      </c>
      <c r="M632" s="115">
        <v>0</v>
      </c>
      <c r="N632" s="115">
        <v>0</v>
      </c>
      <c r="O632" s="115">
        <v>0</v>
      </c>
      <c r="P632" s="115" t="s">
        <v>400</v>
      </c>
      <c r="Q632" s="115" t="s">
        <v>400</v>
      </c>
      <c r="R632" s="115">
        <v>0</v>
      </c>
      <c r="S632" s="115">
        <v>0</v>
      </c>
      <c r="T632" s="115">
        <v>0</v>
      </c>
      <c r="U632" s="119"/>
      <c r="V632" s="119"/>
      <c r="W632" s="119"/>
      <c r="X632" s="119"/>
      <c r="Y632" s="119"/>
      <c r="Z632" s="119"/>
      <c r="AA632" s="119"/>
      <c r="AB632" s="119"/>
      <c r="AC632" s="119"/>
      <c r="AD632" s="119"/>
      <c r="AE632" s="119"/>
      <c r="AF632" s="119"/>
      <c r="AG632" s="119"/>
      <c r="AH632" s="119"/>
      <c r="AI632" s="119"/>
      <c r="AJ632" s="119"/>
      <c r="AK632" s="119"/>
      <c r="AL632" s="119"/>
      <c r="AM632" s="119"/>
      <c r="AN632" s="119"/>
      <c r="AO632" s="119"/>
      <c r="AP632" s="119"/>
      <c r="AQ632" s="119"/>
      <c r="AR632" s="119"/>
      <c r="AS632" s="119"/>
      <c r="AT632" s="119"/>
      <c r="AU632" s="119"/>
      <c r="AV632" s="119"/>
      <c r="AW632" s="119"/>
      <c r="AX632" s="119"/>
      <c r="AY632" s="119"/>
      <c r="AZ632" s="119"/>
      <c r="BA632" s="119"/>
      <c r="BB632" s="107">
        <v>45884</v>
      </c>
    </row>
    <row r="633" spans="1:54" s="207" customFormat="1" ht="13.95" customHeight="1" x14ac:dyDescent="0.25">
      <c r="A633" s="208" t="s">
        <v>1593</v>
      </c>
      <c r="B633" s="209" t="s">
        <v>20420</v>
      </c>
      <c r="C633" s="113" t="s">
        <v>1594</v>
      </c>
      <c r="D633" s="113" t="s">
        <v>1595</v>
      </c>
      <c r="E633" s="210">
        <v>1970</v>
      </c>
      <c r="F633" s="210">
        <v>525</v>
      </c>
      <c r="G633" s="113" t="s">
        <v>1</v>
      </c>
      <c r="H633" s="113">
        <v>0</v>
      </c>
      <c r="I633" s="113">
        <v>0</v>
      </c>
      <c r="J633" s="115">
        <v>1</v>
      </c>
      <c r="K633" s="116" t="s">
        <v>174</v>
      </c>
      <c r="L633" s="115">
        <v>0</v>
      </c>
      <c r="M633" s="115">
        <v>0</v>
      </c>
      <c r="N633" s="115">
        <v>0</v>
      </c>
      <c r="O633" s="115">
        <v>1</v>
      </c>
      <c r="P633" s="115" t="s">
        <v>400</v>
      </c>
      <c r="Q633" s="115" t="s">
        <v>400</v>
      </c>
      <c r="R633" s="115">
        <v>0</v>
      </c>
      <c r="S633" s="115">
        <v>0</v>
      </c>
      <c r="T633" s="115">
        <v>0</v>
      </c>
      <c r="U633" s="119"/>
      <c r="V633" s="119"/>
      <c r="W633" s="119"/>
      <c r="X633" s="119"/>
      <c r="Y633" s="119"/>
      <c r="Z633" s="119"/>
      <c r="AA633" s="119"/>
      <c r="AB633" s="119"/>
      <c r="AC633" s="119"/>
      <c r="AD633" s="119"/>
      <c r="AE633" s="119"/>
      <c r="AF633" s="119"/>
      <c r="AG633" s="119"/>
      <c r="AH633" s="119"/>
      <c r="AI633" s="119"/>
      <c r="AJ633" s="119"/>
      <c r="AK633" s="119"/>
      <c r="AL633" s="119"/>
      <c r="AM633" s="119"/>
      <c r="AN633" s="119"/>
      <c r="AO633" s="119"/>
      <c r="AP633" s="119"/>
      <c r="AQ633" s="119"/>
      <c r="AR633" s="119"/>
      <c r="AS633" s="119"/>
      <c r="AT633" s="119"/>
      <c r="AU633" s="119"/>
      <c r="AV633" s="119"/>
      <c r="AW633" s="119"/>
      <c r="AX633" s="119"/>
      <c r="AY633" s="119"/>
      <c r="AZ633" s="119"/>
      <c r="BA633" s="119"/>
      <c r="BB633" s="107">
        <v>45884</v>
      </c>
    </row>
    <row r="634" spans="1:54" s="207" customFormat="1" ht="13.95" customHeight="1" x14ac:dyDescent="0.25">
      <c r="A634" s="208" t="s">
        <v>1596</v>
      </c>
      <c r="B634" s="209" t="s">
        <v>20420</v>
      </c>
      <c r="C634" s="113" t="s">
        <v>1597</v>
      </c>
      <c r="D634" s="113" t="s">
        <v>22746</v>
      </c>
      <c r="E634" s="210">
        <v>1996</v>
      </c>
      <c r="F634" s="210">
        <v>525</v>
      </c>
      <c r="G634" s="113" t="s">
        <v>1</v>
      </c>
      <c r="H634" s="113">
        <v>0</v>
      </c>
      <c r="I634" s="113">
        <v>0</v>
      </c>
      <c r="J634" s="115">
        <v>1</v>
      </c>
      <c r="K634" s="211">
        <v>1</v>
      </c>
      <c r="L634" s="115">
        <v>1</v>
      </c>
      <c r="M634" s="115">
        <v>0</v>
      </c>
      <c r="N634" s="115">
        <v>0</v>
      </c>
      <c r="O634" s="115">
        <v>0</v>
      </c>
      <c r="P634" s="115">
        <v>1</v>
      </c>
      <c r="Q634" s="115" t="s">
        <v>400</v>
      </c>
      <c r="R634" s="115">
        <v>0</v>
      </c>
      <c r="S634" s="115">
        <v>0</v>
      </c>
      <c r="T634" s="115">
        <v>0</v>
      </c>
      <c r="U634" s="119"/>
      <c r="V634" s="119"/>
      <c r="W634" s="119"/>
      <c r="X634" s="119"/>
      <c r="Y634" s="119"/>
      <c r="Z634" s="119"/>
      <c r="AA634" s="119"/>
      <c r="AB634" s="119"/>
      <c r="AC634" s="119"/>
      <c r="AD634" s="119"/>
      <c r="AE634" s="119"/>
      <c r="AF634" s="119"/>
      <c r="AG634" s="119"/>
      <c r="AH634" s="119"/>
      <c r="AI634" s="119"/>
      <c r="AJ634" s="119"/>
      <c r="AK634" s="119"/>
      <c r="AL634" s="119"/>
      <c r="AM634" s="119"/>
      <c r="AN634" s="119"/>
      <c r="AO634" s="119"/>
      <c r="AP634" s="119"/>
      <c r="AQ634" s="119"/>
      <c r="AR634" s="119"/>
      <c r="AS634" s="119"/>
      <c r="AT634" s="119"/>
      <c r="AU634" s="119"/>
      <c r="AV634" s="119"/>
      <c r="AW634" s="119"/>
      <c r="AX634" s="119"/>
      <c r="AY634" s="119"/>
      <c r="AZ634" s="119"/>
      <c r="BA634" s="119"/>
      <c r="BB634" s="107">
        <v>45884</v>
      </c>
    </row>
    <row r="635" spans="1:54" s="207" customFormat="1" ht="13.95" customHeight="1" x14ac:dyDescent="0.25">
      <c r="A635" s="208" t="s">
        <v>1598</v>
      </c>
      <c r="B635" s="209" t="s">
        <v>20420</v>
      </c>
      <c r="C635" s="113" t="s">
        <v>1599</v>
      </c>
      <c r="D635" s="113" t="s">
        <v>22747</v>
      </c>
      <c r="E635" s="210">
        <v>1964</v>
      </c>
      <c r="F635" s="210">
        <v>525</v>
      </c>
      <c r="G635" s="113" t="s">
        <v>1</v>
      </c>
      <c r="H635" s="113">
        <v>0</v>
      </c>
      <c r="I635" s="113">
        <v>0</v>
      </c>
      <c r="J635" s="115">
        <v>1</v>
      </c>
      <c r="K635" s="116" t="s">
        <v>174</v>
      </c>
      <c r="L635" s="115">
        <v>1</v>
      </c>
      <c r="M635" s="115">
        <v>0</v>
      </c>
      <c r="N635" s="115">
        <v>0</v>
      </c>
      <c r="O635" s="115">
        <v>1</v>
      </c>
      <c r="P635" s="115">
        <v>1</v>
      </c>
      <c r="Q635" s="115" t="s">
        <v>400</v>
      </c>
      <c r="R635" s="115">
        <v>0</v>
      </c>
      <c r="S635" s="115">
        <v>0</v>
      </c>
      <c r="T635" s="115">
        <v>0</v>
      </c>
      <c r="U635" s="119"/>
      <c r="V635" s="119"/>
      <c r="W635" s="119"/>
      <c r="X635" s="119"/>
      <c r="Y635" s="119"/>
      <c r="Z635" s="119"/>
      <c r="AA635" s="119"/>
      <c r="AB635" s="119"/>
      <c r="AC635" s="119"/>
      <c r="AD635" s="119"/>
      <c r="AE635" s="119"/>
      <c r="AF635" s="119"/>
      <c r="AG635" s="119"/>
      <c r="AH635" s="119"/>
      <c r="AI635" s="119"/>
      <c r="AJ635" s="119"/>
      <c r="AK635" s="119"/>
      <c r="AL635" s="119"/>
      <c r="AM635" s="119"/>
      <c r="AN635" s="119"/>
      <c r="AO635" s="119"/>
      <c r="AP635" s="119"/>
      <c r="AQ635" s="119"/>
      <c r="AR635" s="119"/>
      <c r="AS635" s="119"/>
      <c r="AT635" s="119"/>
      <c r="AU635" s="119"/>
      <c r="AV635" s="119"/>
      <c r="AW635" s="119"/>
      <c r="AX635" s="119"/>
      <c r="AY635" s="119"/>
      <c r="AZ635" s="119"/>
      <c r="BA635" s="119"/>
      <c r="BB635" s="107">
        <v>45884</v>
      </c>
    </row>
    <row r="636" spans="1:54" s="207" customFormat="1" ht="13.95" customHeight="1" x14ac:dyDescent="0.25">
      <c r="A636" s="208" t="s">
        <v>1600</v>
      </c>
      <c r="B636" s="209" t="s">
        <v>20420</v>
      </c>
      <c r="C636" s="113" t="s">
        <v>1601</v>
      </c>
      <c r="D636" s="113" t="s">
        <v>1602</v>
      </c>
      <c r="E636" s="210">
        <v>1996</v>
      </c>
      <c r="F636" s="210">
        <v>525</v>
      </c>
      <c r="G636" s="113" t="s">
        <v>1</v>
      </c>
      <c r="H636" s="113">
        <v>0</v>
      </c>
      <c r="I636" s="113">
        <v>0</v>
      </c>
      <c r="J636" s="115">
        <v>1</v>
      </c>
      <c r="K636" s="116" t="s">
        <v>174</v>
      </c>
      <c r="L636" s="115">
        <v>0</v>
      </c>
      <c r="M636" s="115">
        <v>0</v>
      </c>
      <c r="N636" s="115">
        <v>0</v>
      </c>
      <c r="O636" s="115">
        <v>0</v>
      </c>
      <c r="P636" s="115" t="s">
        <v>400</v>
      </c>
      <c r="Q636" s="115" t="s">
        <v>400</v>
      </c>
      <c r="R636" s="115">
        <v>0</v>
      </c>
      <c r="S636" s="115">
        <v>0</v>
      </c>
      <c r="T636" s="115">
        <v>0</v>
      </c>
      <c r="U636" s="119"/>
      <c r="V636" s="119"/>
      <c r="W636" s="119"/>
      <c r="X636" s="119"/>
      <c r="Y636" s="119"/>
      <c r="Z636" s="119"/>
      <c r="AA636" s="119"/>
      <c r="AB636" s="119"/>
      <c r="AC636" s="119"/>
      <c r="AD636" s="119"/>
      <c r="AE636" s="119"/>
      <c r="AF636" s="119"/>
      <c r="AG636" s="119"/>
      <c r="AH636" s="119"/>
      <c r="AI636" s="119"/>
      <c r="AJ636" s="119"/>
      <c r="AK636" s="119"/>
      <c r="AL636" s="119"/>
      <c r="AM636" s="119"/>
      <c r="AN636" s="119"/>
      <c r="AO636" s="119"/>
      <c r="AP636" s="119"/>
      <c r="AQ636" s="119"/>
      <c r="AR636" s="119"/>
      <c r="AS636" s="119"/>
      <c r="AT636" s="119"/>
      <c r="AU636" s="119"/>
      <c r="AV636" s="119"/>
      <c r="AW636" s="119"/>
      <c r="AX636" s="119"/>
      <c r="AY636" s="119"/>
      <c r="AZ636" s="119"/>
      <c r="BA636" s="119"/>
      <c r="BB636" s="107">
        <v>45884</v>
      </c>
    </row>
    <row r="637" spans="1:54" s="207" customFormat="1" ht="13.95" customHeight="1" x14ac:dyDescent="0.25">
      <c r="A637" s="208" t="s">
        <v>1603</v>
      </c>
      <c r="B637" s="209" t="s">
        <v>20420</v>
      </c>
      <c r="C637" s="113" t="s">
        <v>1604</v>
      </c>
      <c r="D637" s="113" t="s">
        <v>22748</v>
      </c>
      <c r="E637" s="210">
        <v>2009</v>
      </c>
      <c r="F637" s="210">
        <v>526</v>
      </c>
      <c r="G637" s="113" t="s">
        <v>1</v>
      </c>
      <c r="H637" s="113">
        <v>0</v>
      </c>
      <c r="I637" s="113">
        <v>0</v>
      </c>
      <c r="J637" s="115">
        <v>1</v>
      </c>
      <c r="K637" s="116" t="s">
        <v>174</v>
      </c>
      <c r="L637" s="115">
        <v>0</v>
      </c>
      <c r="M637" s="115">
        <v>0</v>
      </c>
      <c r="N637" s="115">
        <v>1</v>
      </c>
      <c r="O637" s="115">
        <v>0</v>
      </c>
      <c r="P637" s="115">
        <v>1</v>
      </c>
      <c r="Q637" s="115" t="s">
        <v>400</v>
      </c>
      <c r="R637" s="115">
        <v>1</v>
      </c>
      <c r="S637" s="115">
        <v>0</v>
      </c>
      <c r="T637" s="115">
        <v>0</v>
      </c>
      <c r="U637" s="119"/>
      <c r="V637" s="119"/>
      <c r="W637" s="119"/>
      <c r="X637" s="119"/>
      <c r="Y637" s="119"/>
      <c r="Z637" s="119"/>
      <c r="AA637" s="119"/>
      <c r="AB637" s="119"/>
      <c r="AC637" s="119"/>
      <c r="AD637" s="119"/>
      <c r="AE637" s="119"/>
      <c r="AF637" s="119"/>
      <c r="AG637" s="119"/>
      <c r="AH637" s="119"/>
      <c r="AI637" s="119"/>
      <c r="AJ637" s="119"/>
      <c r="AK637" s="119"/>
      <c r="AL637" s="119"/>
      <c r="AM637" s="119"/>
      <c r="AN637" s="119"/>
      <c r="AO637" s="119"/>
      <c r="AP637" s="119"/>
      <c r="AQ637" s="119"/>
      <c r="AR637" s="119"/>
      <c r="AS637" s="119"/>
      <c r="AT637" s="119"/>
      <c r="AU637" s="119"/>
      <c r="AV637" s="119"/>
      <c r="AW637" s="119"/>
      <c r="AX637" s="119"/>
      <c r="AY637" s="119"/>
      <c r="AZ637" s="119"/>
      <c r="BA637" s="119"/>
      <c r="BB637" s="107">
        <v>45884</v>
      </c>
    </row>
    <row r="638" spans="1:54" s="207" customFormat="1" ht="13.95" customHeight="1" x14ac:dyDescent="0.25">
      <c r="A638" s="208" t="s">
        <v>1605</v>
      </c>
      <c r="B638" s="209" t="s">
        <v>20420</v>
      </c>
      <c r="C638" s="113" t="s">
        <v>1606</v>
      </c>
      <c r="D638" s="113" t="s">
        <v>22749</v>
      </c>
      <c r="E638" s="210">
        <v>1997</v>
      </c>
      <c r="F638" s="210">
        <v>526</v>
      </c>
      <c r="G638" s="113" t="s">
        <v>1</v>
      </c>
      <c r="H638" s="113">
        <v>0</v>
      </c>
      <c r="I638" s="113">
        <v>0</v>
      </c>
      <c r="J638" s="115">
        <v>1</v>
      </c>
      <c r="K638" s="116" t="s">
        <v>174</v>
      </c>
      <c r="L638" s="115">
        <v>0</v>
      </c>
      <c r="M638" s="115">
        <v>0</v>
      </c>
      <c r="N638" s="115">
        <v>0</v>
      </c>
      <c r="O638" s="115">
        <v>0</v>
      </c>
      <c r="P638" s="115">
        <v>1</v>
      </c>
      <c r="Q638" s="115" t="s">
        <v>400</v>
      </c>
      <c r="R638" s="115">
        <v>1</v>
      </c>
      <c r="S638" s="115">
        <v>0</v>
      </c>
      <c r="T638" s="115">
        <v>0</v>
      </c>
      <c r="U638" s="119"/>
      <c r="V638" s="119"/>
      <c r="W638" s="119"/>
      <c r="X638" s="119"/>
      <c r="Y638" s="119"/>
      <c r="Z638" s="119"/>
      <c r="AA638" s="119"/>
      <c r="AB638" s="119"/>
      <c r="AC638" s="119"/>
      <c r="AD638" s="119"/>
      <c r="AE638" s="119"/>
      <c r="AF638" s="119"/>
      <c r="AG638" s="119"/>
      <c r="AH638" s="119"/>
      <c r="AI638" s="119"/>
      <c r="AJ638" s="119"/>
      <c r="AK638" s="119"/>
      <c r="AL638" s="119"/>
      <c r="AM638" s="119"/>
      <c r="AN638" s="119"/>
      <c r="AO638" s="119"/>
      <c r="AP638" s="119"/>
      <c r="AQ638" s="119"/>
      <c r="AR638" s="119"/>
      <c r="AS638" s="119"/>
      <c r="AT638" s="119"/>
      <c r="AU638" s="119"/>
      <c r="AV638" s="119"/>
      <c r="AW638" s="119"/>
      <c r="AX638" s="119"/>
      <c r="AY638" s="119"/>
      <c r="AZ638" s="119"/>
      <c r="BA638" s="119"/>
      <c r="BB638" s="107">
        <v>45884</v>
      </c>
    </row>
    <row r="639" spans="1:54" s="207" customFormat="1" ht="13.95" customHeight="1" x14ac:dyDescent="0.25">
      <c r="A639" s="208" t="s">
        <v>1607</v>
      </c>
      <c r="B639" s="209" t="s">
        <v>20420</v>
      </c>
      <c r="C639" s="113" t="s">
        <v>1608</v>
      </c>
      <c r="D639" s="113" t="s">
        <v>22750</v>
      </c>
      <c r="E639" s="210">
        <v>1986</v>
      </c>
      <c r="F639" s="210">
        <v>527</v>
      </c>
      <c r="G639" s="113" t="s">
        <v>1</v>
      </c>
      <c r="H639" s="113">
        <v>0</v>
      </c>
      <c r="I639" s="113">
        <v>0</v>
      </c>
      <c r="J639" s="115">
        <v>1</v>
      </c>
      <c r="K639" s="116" t="s">
        <v>174</v>
      </c>
      <c r="L639" s="115">
        <v>1</v>
      </c>
      <c r="M639" s="115">
        <v>0</v>
      </c>
      <c r="N639" s="115">
        <v>0</v>
      </c>
      <c r="O639" s="115">
        <v>0</v>
      </c>
      <c r="P639" s="115">
        <v>1</v>
      </c>
      <c r="Q639" s="115" t="s">
        <v>400</v>
      </c>
      <c r="R639" s="115">
        <v>0</v>
      </c>
      <c r="S639" s="115">
        <v>0</v>
      </c>
      <c r="T639" s="115">
        <v>0</v>
      </c>
      <c r="U639" s="119"/>
      <c r="V639" s="119"/>
      <c r="W639" s="119"/>
      <c r="X639" s="119"/>
      <c r="Y639" s="119"/>
      <c r="Z639" s="119"/>
      <c r="AA639" s="119"/>
      <c r="AB639" s="119"/>
      <c r="AC639" s="119"/>
      <c r="AD639" s="119"/>
      <c r="AE639" s="119"/>
      <c r="AF639" s="119"/>
      <c r="AG639" s="119"/>
      <c r="AH639" s="119"/>
      <c r="AI639" s="119"/>
      <c r="AJ639" s="119"/>
      <c r="AK639" s="119"/>
      <c r="AL639" s="119"/>
      <c r="AM639" s="119"/>
      <c r="AN639" s="119"/>
      <c r="AO639" s="119"/>
      <c r="AP639" s="119"/>
      <c r="AQ639" s="119"/>
      <c r="AR639" s="119"/>
      <c r="AS639" s="119"/>
      <c r="AT639" s="119"/>
      <c r="AU639" s="119"/>
      <c r="AV639" s="119"/>
      <c r="AW639" s="119"/>
      <c r="AX639" s="119"/>
      <c r="AY639" s="119"/>
      <c r="AZ639" s="119"/>
      <c r="BA639" s="119"/>
      <c r="BB639" s="107">
        <v>45884</v>
      </c>
    </row>
    <row r="640" spans="1:54" s="207" customFormat="1" ht="13.95" customHeight="1" x14ac:dyDescent="0.25">
      <c r="A640" s="208" t="s">
        <v>1609</v>
      </c>
      <c r="B640" s="209" t="s">
        <v>20420</v>
      </c>
      <c r="C640" s="113" t="s">
        <v>1610</v>
      </c>
      <c r="D640" s="113" t="s">
        <v>22751</v>
      </c>
      <c r="E640" s="210">
        <v>1997</v>
      </c>
      <c r="F640" s="210">
        <v>528</v>
      </c>
      <c r="G640" s="113" t="s">
        <v>1</v>
      </c>
      <c r="H640" s="113">
        <v>0</v>
      </c>
      <c r="I640" s="113">
        <v>0</v>
      </c>
      <c r="J640" s="115">
        <v>1</v>
      </c>
      <c r="K640" s="211">
        <v>1</v>
      </c>
      <c r="L640" s="115">
        <v>1</v>
      </c>
      <c r="M640" s="115">
        <v>1</v>
      </c>
      <c r="N640" s="115">
        <v>1</v>
      </c>
      <c r="O640" s="115">
        <v>0</v>
      </c>
      <c r="P640" s="115" t="s">
        <v>400</v>
      </c>
      <c r="Q640" s="115" t="s">
        <v>400</v>
      </c>
      <c r="R640" s="115">
        <v>0</v>
      </c>
      <c r="S640" s="115">
        <v>0</v>
      </c>
      <c r="T640" s="115">
        <v>0</v>
      </c>
      <c r="U640" s="119"/>
      <c r="V640" s="119"/>
      <c r="W640" s="119"/>
      <c r="X640" s="119"/>
      <c r="Y640" s="119"/>
      <c r="Z640" s="119"/>
      <c r="AA640" s="119"/>
      <c r="AB640" s="119"/>
      <c r="AC640" s="119"/>
      <c r="AD640" s="119"/>
      <c r="AE640" s="119"/>
      <c r="AF640" s="119"/>
      <c r="AG640" s="119"/>
      <c r="AH640" s="119"/>
      <c r="AI640" s="119"/>
      <c r="AJ640" s="119"/>
      <c r="AK640" s="119"/>
      <c r="AL640" s="119"/>
      <c r="AM640" s="119"/>
      <c r="AN640" s="119"/>
      <c r="AO640" s="119"/>
      <c r="AP640" s="119"/>
      <c r="AQ640" s="119"/>
      <c r="AR640" s="119"/>
      <c r="AS640" s="119"/>
      <c r="AT640" s="119"/>
      <c r="AU640" s="119"/>
      <c r="AV640" s="119"/>
      <c r="AW640" s="119"/>
      <c r="AX640" s="119"/>
      <c r="AY640" s="119"/>
      <c r="AZ640" s="119"/>
      <c r="BA640" s="119"/>
      <c r="BB640" s="107">
        <v>45884</v>
      </c>
    </row>
    <row r="641" spans="1:54" s="207" customFormat="1" ht="13.95" customHeight="1" x14ac:dyDescent="0.25">
      <c r="A641" s="208" t="s">
        <v>1611</v>
      </c>
      <c r="B641" s="209" t="s">
        <v>20420</v>
      </c>
      <c r="C641" s="113" t="s">
        <v>1612</v>
      </c>
      <c r="D641" s="113" t="s">
        <v>22752</v>
      </c>
      <c r="E641" s="210">
        <v>1995</v>
      </c>
      <c r="F641" s="210">
        <v>529</v>
      </c>
      <c r="G641" s="113" t="s">
        <v>1</v>
      </c>
      <c r="H641" s="113">
        <v>0</v>
      </c>
      <c r="I641" s="113">
        <v>0</v>
      </c>
      <c r="J641" s="115">
        <v>1</v>
      </c>
      <c r="K641" s="116" t="s">
        <v>174</v>
      </c>
      <c r="L641" s="115">
        <v>1</v>
      </c>
      <c r="M641" s="115">
        <v>0</v>
      </c>
      <c r="N641" s="115">
        <v>0</v>
      </c>
      <c r="O641" s="115">
        <v>0</v>
      </c>
      <c r="P641" s="115">
        <v>1</v>
      </c>
      <c r="Q641" s="115" t="s">
        <v>400</v>
      </c>
      <c r="R641" s="115">
        <v>0</v>
      </c>
      <c r="S641" s="115">
        <v>0</v>
      </c>
      <c r="T641" s="115">
        <v>0</v>
      </c>
      <c r="U641" s="119"/>
      <c r="V641" s="119"/>
      <c r="W641" s="119"/>
      <c r="X641" s="119"/>
      <c r="Y641" s="119"/>
      <c r="Z641" s="119"/>
      <c r="AA641" s="119"/>
      <c r="AB641" s="119"/>
      <c r="AC641" s="119"/>
      <c r="AD641" s="119"/>
      <c r="AE641" s="119"/>
      <c r="AF641" s="119"/>
      <c r="AG641" s="119"/>
      <c r="AH641" s="119"/>
      <c r="AI641" s="119"/>
      <c r="AJ641" s="119"/>
      <c r="AK641" s="119"/>
      <c r="AL641" s="119"/>
      <c r="AM641" s="119"/>
      <c r="AN641" s="119"/>
      <c r="AO641" s="119"/>
      <c r="AP641" s="119"/>
      <c r="AQ641" s="119"/>
      <c r="AR641" s="119"/>
      <c r="AS641" s="119"/>
      <c r="AT641" s="119"/>
      <c r="AU641" s="119"/>
      <c r="AV641" s="119"/>
      <c r="AW641" s="119"/>
      <c r="AX641" s="119"/>
      <c r="AY641" s="119"/>
      <c r="AZ641" s="119"/>
      <c r="BA641" s="119"/>
      <c r="BB641" s="107">
        <v>45884</v>
      </c>
    </row>
    <row r="642" spans="1:54" s="207" customFormat="1" ht="13.95" customHeight="1" x14ac:dyDescent="0.25">
      <c r="A642" s="208" t="s">
        <v>1613</v>
      </c>
      <c r="B642" s="209" t="s">
        <v>20420</v>
      </c>
      <c r="C642" s="113" t="s">
        <v>1614</v>
      </c>
      <c r="D642" s="113" t="s">
        <v>1615</v>
      </c>
      <c r="E642" s="210">
        <v>1996</v>
      </c>
      <c r="F642" s="210">
        <v>530</v>
      </c>
      <c r="G642" s="113" t="s">
        <v>1</v>
      </c>
      <c r="H642" s="113">
        <v>0</v>
      </c>
      <c r="I642" s="113">
        <v>0</v>
      </c>
      <c r="J642" s="115">
        <v>1</v>
      </c>
      <c r="K642" s="116" t="s">
        <v>174</v>
      </c>
      <c r="L642" s="115">
        <v>1</v>
      </c>
      <c r="M642" s="115">
        <v>0</v>
      </c>
      <c r="N642" s="115">
        <v>0</v>
      </c>
      <c r="O642" s="115">
        <v>1</v>
      </c>
      <c r="P642" s="115">
        <v>1</v>
      </c>
      <c r="Q642" s="115" t="s">
        <v>400</v>
      </c>
      <c r="R642" s="115">
        <v>0</v>
      </c>
      <c r="S642" s="115">
        <v>0</v>
      </c>
      <c r="T642" s="115">
        <v>0</v>
      </c>
      <c r="U642" s="119"/>
      <c r="V642" s="119"/>
      <c r="W642" s="119"/>
      <c r="X642" s="119"/>
      <c r="Y642" s="119"/>
      <c r="Z642" s="119"/>
      <c r="AA642" s="119"/>
      <c r="AB642" s="119"/>
      <c r="AC642" s="119"/>
      <c r="AD642" s="119"/>
      <c r="AE642" s="119"/>
      <c r="AF642" s="119"/>
      <c r="AG642" s="119"/>
      <c r="AH642" s="119"/>
      <c r="AI642" s="119"/>
      <c r="AJ642" s="119"/>
      <c r="AK642" s="119"/>
      <c r="AL642" s="119"/>
      <c r="AM642" s="119"/>
      <c r="AN642" s="119"/>
      <c r="AO642" s="119"/>
      <c r="AP642" s="119"/>
      <c r="AQ642" s="119"/>
      <c r="AR642" s="119"/>
      <c r="AS642" s="119"/>
      <c r="AT642" s="119"/>
      <c r="AU642" s="119"/>
      <c r="AV642" s="119"/>
      <c r="AW642" s="119"/>
      <c r="AX642" s="119"/>
      <c r="AY642" s="119"/>
      <c r="AZ642" s="119"/>
      <c r="BA642" s="119"/>
      <c r="BB642" s="107">
        <v>45884</v>
      </c>
    </row>
    <row r="643" spans="1:54" s="207" customFormat="1" ht="13.95" customHeight="1" x14ac:dyDescent="0.25">
      <c r="A643" s="208" t="s">
        <v>1616</v>
      </c>
      <c r="B643" s="209" t="s">
        <v>20420</v>
      </c>
      <c r="C643" s="113" t="s">
        <v>1617</v>
      </c>
      <c r="D643" s="113" t="s">
        <v>1618</v>
      </c>
      <c r="E643" s="210">
        <v>2008</v>
      </c>
      <c r="F643" s="210">
        <v>530</v>
      </c>
      <c r="G643" s="113" t="s">
        <v>1</v>
      </c>
      <c r="H643" s="113">
        <v>0</v>
      </c>
      <c r="I643" s="113">
        <v>0</v>
      </c>
      <c r="J643" s="115">
        <v>1</v>
      </c>
      <c r="K643" s="116" t="s">
        <v>174</v>
      </c>
      <c r="L643" s="115">
        <v>1</v>
      </c>
      <c r="M643" s="115">
        <v>0</v>
      </c>
      <c r="N643" s="115">
        <v>0</v>
      </c>
      <c r="O643" s="115">
        <v>0</v>
      </c>
      <c r="P643" s="115">
        <v>1</v>
      </c>
      <c r="Q643" s="115" t="s">
        <v>400</v>
      </c>
      <c r="R643" s="115">
        <v>1</v>
      </c>
      <c r="S643" s="115">
        <v>0</v>
      </c>
      <c r="T643" s="115">
        <v>0</v>
      </c>
      <c r="U643" s="119"/>
      <c r="V643" s="119"/>
      <c r="W643" s="119"/>
      <c r="X643" s="119"/>
      <c r="Y643" s="119"/>
      <c r="Z643" s="119"/>
      <c r="AA643" s="119"/>
      <c r="AB643" s="119"/>
      <c r="AC643" s="119"/>
      <c r="AD643" s="119"/>
      <c r="AE643" s="119"/>
      <c r="AF643" s="119"/>
      <c r="AG643" s="119"/>
      <c r="AH643" s="119"/>
      <c r="AI643" s="119"/>
      <c r="AJ643" s="119"/>
      <c r="AK643" s="119"/>
      <c r="AL643" s="119"/>
      <c r="AM643" s="119"/>
      <c r="AN643" s="119"/>
      <c r="AO643" s="119"/>
      <c r="AP643" s="119"/>
      <c r="AQ643" s="119"/>
      <c r="AR643" s="119"/>
      <c r="AS643" s="119"/>
      <c r="AT643" s="119"/>
      <c r="AU643" s="119"/>
      <c r="AV643" s="119"/>
      <c r="AW643" s="119"/>
      <c r="AX643" s="119"/>
      <c r="AY643" s="119"/>
      <c r="AZ643" s="119"/>
      <c r="BA643" s="119"/>
      <c r="BB643" s="107">
        <v>45884</v>
      </c>
    </row>
    <row r="644" spans="1:54" s="207" customFormat="1" ht="13.95" customHeight="1" x14ac:dyDescent="0.25">
      <c r="A644" s="208" t="s">
        <v>1619</v>
      </c>
      <c r="B644" s="209" t="s">
        <v>20420</v>
      </c>
      <c r="C644" s="113" t="s">
        <v>1620</v>
      </c>
      <c r="D644" s="113" t="s">
        <v>22753</v>
      </c>
      <c r="E644" s="210">
        <v>2001</v>
      </c>
      <c r="F644" s="210">
        <v>532</v>
      </c>
      <c r="G644" s="113" t="s">
        <v>1</v>
      </c>
      <c r="H644" s="113">
        <v>0</v>
      </c>
      <c r="I644" s="113">
        <v>0</v>
      </c>
      <c r="J644" s="115">
        <v>0</v>
      </c>
      <c r="K644" s="116" t="s">
        <v>174</v>
      </c>
      <c r="L644" s="115">
        <v>0</v>
      </c>
      <c r="M644" s="115">
        <v>0</v>
      </c>
      <c r="N644" s="115">
        <v>0</v>
      </c>
      <c r="O644" s="115">
        <v>0</v>
      </c>
      <c r="P644" s="115" t="s">
        <v>400</v>
      </c>
      <c r="Q644" s="115" t="s">
        <v>400</v>
      </c>
      <c r="R644" s="115">
        <v>0</v>
      </c>
      <c r="S644" s="115">
        <v>0</v>
      </c>
      <c r="T644" s="115">
        <v>0</v>
      </c>
      <c r="U644" s="119"/>
      <c r="V644" s="119"/>
      <c r="W644" s="119"/>
      <c r="X644" s="119"/>
      <c r="Y644" s="119"/>
      <c r="Z644" s="119"/>
      <c r="AA644" s="119"/>
      <c r="AB644" s="119"/>
      <c r="AC644" s="119"/>
      <c r="AD644" s="119"/>
      <c r="AE644" s="119"/>
      <c r="AF644" s="119"/>
      <c r="AG644" s="119"/>
      <c r="AH644" s="119"/>
      <c r="AI644" s="119"/>
      <c r="AJ644" s="119"/>
      <c r="AK644" s="119"/>
      <c r="AL644" s="119"/>
      <c r="AM644" s="119"/>
      <c r="AN644" s="119"/>
      <c r="AO644" s="119"/>
      <c r="AP644" s="119"/>
      <c r="AQ644" s="119"/>
      <c r="AR644" s="119"/>
      <c r="AS644" s="119"/>
      <c r="AT644" s="119"/>
      <c r="AU644" s="119"/>
      <c r="AV644" s="119"/>
      <c r="AW644" s="119"/>
      <c r="AX644" s="119"/>
      <c r="AY644" s="119"/>
      <c r="AZ644" s="119"/>
      <c r="BA644" s="119"/>
      <c r="BB644" s="107">
        <v>45884</v>
      </c>
    </row>
    <row r="645" spans="1:54" s="207" customFormat="1" ht="13.95" customHeight="1" x14ac:dyDescent="0.25">
      <c r="A645" s="208" t="s">
        <v>1621</v>
      </c>
      <c r="B645" s="209" t="s">
        <v>20420</v>
      </c>
      <c r="C645" s="113" t="s">
        <v>1622</v>
      </c>
      <c r="D645" s="113" t="s">
        <v>22754</v>
      </c>
      <c r="E645" s="210">
        <v>1989</v>
      </c>
      <c r="F645" s="210">
        <v>533</v>
      </c>
      <c r="G645" s="113" t="s">
        <v>1</v>
      </c>
      <c r="H645" s="113">
        <v>0</v>
      </c>
      <c r="I645" s="113">
        <v>0</v>
      </c>
      <c r="J645" s="115">
        <v>1</v>
      </c>
      <c r="K645" s="116" t="s">
        <v>174</v>
      </c>
      <c r="L645" s="115">
        <v>1</v>
      </c>
      <c r="M645" s="115">
        <v>0</v>
      </c>
      <c r="N645" s="115">
        <v>0</v>
      </c>
      <c r="O645" s="115">
        <v>1</v>
      </c>
      <c r="P645" s="115">
        <v>1</v>
      </c>
      <c r="Q645" s="115" t="s">
        <v>400</v>
      </c>
      <c r="R645" s="115">
        <v>0</v>
      </c>
      <c r="S645" s="115">
        <v>0</v>
      </c>
      <c r="T645" s="115">
        <v>0</v>
      </c>
      <c r="U645" s="119"/>
      <c r="V645" s="119"/>
      <c r="W645" s="119"/>
      <c r="X645" s="119"/>
      <c r="Y645" s="119"/>
      <c r="Z645" s="119"/>
      <c r="AA645" s="119"/>
      <c r="AB645" s="119"/>
      <c r="AC645" s="119"/>
      <c r="AD645" s="119"/>
      <c r="AE645" s="119"/>
      <c r="AF645" s="119"/>
      <c r="AG645" s="119"/>
      <c r="AH645" s="119"/>
      <c r="AI645" s="119"/>
      <c r="AJ645" s="119"/>
      <c r="AK645" s="119"/>
      <c r="AL645" s="119"/>
      <c r="AM645" s="119"/>
      <c r="AN645" s="119"/>
      <c r="AO645" s="119"/>
      <c r="AP645" s="119"/>
      <c r="AQ645" s="119"/>
      <c r="AR645" s="119"/>
      <c r="AS645" s="119"/>
      <c r="AT645" s="119"/>
      <c r="AU645" s="119"/>
      <c r="AV645" s="119"/>
      <c r="AW645" s="119"/>
      <c r="AX645" s="119"/>
      <c r="AY645" s="119"/>
      <c r="AZ645" s="119"/>
      <c r="BA645" s="119"/>
      <c r="BB645" s="107">
        <v>45884</v>
      </c>
    </row>
    <row r="646" spans="1:54" s="207" customFormat="1" ht="13.95" customHeight="1" x14ac:dyDescent="0.25">
      <c r="A646" s="208" t="s">
        <v>1623</v>
      </c>
      <c r="B646" s="209" t="s">
        <v>20420</v>
      </c>
      <c r="C646" s="113" t="s">
        <v>1624</v>
      </c>
      <c r="D646" s="113" t="s">
        <v>1625</v>
      </c>
      <c r="E646" s="210">
        <v>2002</v>
      </c>
      <c r="F646" s="210">
        <v>533</v>
      </c>
      <c r="G646" s="113" t="s">
        <v>1</v>
      </c>
      <c r="H646" s="113">
        <v>0</v>
      </c>
      <c r="I646" s="113">
        <v>0</v>
      </c>
      <c r="J646" s="115">
        <v>1</v>
      </c>
      <c r="K646" s="116" t="s">
        <v>174</v>
      </c>
      <c r="L646" s="115">
        <v>0</v>
      </c>
      <c r="M646" s="115">
        <v>1</v>
      </c>
      <c r="N646" s="115">
        <v>0</v>
      </c>
      <c r="O646" s="115">
        <v>0</v>
      </c>
      <c r="P646" s="115" t="s">
        <v>400</v>
      </c>
      <c r="Q646" s="115" t="s">
        <v>400</v>
      </c>
      <c r="R646" s="115">
        <v>0</v>
      </c>
      <c r="S646" s="115">
        <v>0</v>
      </c>
      <c r="T646" s="115">
        <v>0</v>
      </c>
      <c r="U646" s="119"/>
      <c r="V646" s="119"/>
      <c r="W646" s="119"/>
      <c r="X646" s="119"/>
      <c r="Y646" s="119"/>
      <c r="Z646" s="119"/>
      <c r="AA646" s="119"/>
      <c r="AB646" s="119"/>
      <c r="AC646" s="119"/>
      <c r="AD646" s="119"/>
      <c r="AE646" s="119"/>
      <c r="AF646" s="119"/>
      <c r="AG646" s="119"/>
      <c r="AH646" s="119"/>
      <c r="AI646" s="119"/>
      <c r="AJ646" s="119"/>
      <c r="AK646" s="119"/>
      <c r="AL646" s="119"/>
      <c r="AM646" s="119"/>
      <c r="AN646" s="119"/>
      <c r="AO646" s="119"/>
      <c r="AP646" s="119"/>
      <c r="AQ646" s="119"/>
      <c r="AR646" s="119"/>
      <c r="AS646" s="119"/>
      <c r="AT646" s="119"/>
      <c r="AU646" s="119"/>
      <c r="AV646" s="119"/>
      <c r="AW646" s="119"/>
      <c r="AX646" s="119"/>
      <c r="AY646" s="119"/>
      <c r="AZ646" s="119"/>
      <c r="BA646" s="119"/>
      <c r="BB646" s="107">
        <v>45884</v>
      </c>
    </row>
    <row r="647" spans="1:54" s="207" customFormat="1" ht="13.95" customHeight="1" x14ac:dyDescent="0.25">
      <c r="A647" s="208" t="s">
        <v>1626</v>
      </c>
      <c r="B647" s="209" t="s">
        <v>20420</v>
      </c>
      <c r="C647" s="113" t="s">
        <v>1627</v>
      </c>
      <c r="D647" s="113" t="s">
        <v>22755</v>
      </c>
      <c r="E647" s="210">
        <v>2015</v>
      </c>
      <c r="F647" s="210">
        <v>534</v>
      </c>
      <c r="G647" s="113" t="s">
        <v>1</v>
      </c>
      <c r="H647" s="113">
        <v>0</v>
      </c>
      <c r="I647" s="113">
        <v>0</v>
      </c>
      <c r="J647" s="115">
        <v>0</v>
      </c>
      <c r="K647" s="116" t="s">
        <v>174</v>
      </c>
      <c r="L647" s="115">
        <v>0</v>
      </c>
      <c r="M647" s="115">
        <v>0</v>
      </c>
      <c r="N647" s="115">
        <v>0</v>
      </c>
      <c r="O647" s="115">
        <v>0</v>
      </c>
      <c r="P647" s="115" t="s">
        <v>400</v>
      </c>
      <c r="Q647" s="115" t="s">
        <v>400</v>
      </c>
      <c r="R647" s="115">
        <v>0</v>
      </c>
      <c r="S647" s="115">
        <v>0</v>
      </c>
      <c r="T647" s="115">
        <v>0</v>
      </c>
      <c r="U647" s="119"/>
      <c r="V647" s="119"/>
      <c r="W647" s="119"/>
      <c r="X647" s="119"/>
      <c r="Y647" s="119"/>
      <c r="Z647" s="119"/>
      <c r="AA647" s="119"/>
      <c r="AB647" s="119"/>
      <c r="AC647" s="119"/>
      <c r="AD647" s="119"/>
      <c r="AE647" s="119"/>
      <c r="AF647" s="119"/>
      <c r="AG647" s="119"/>
      <c r="AH647" s="119"/>
      <c r="AI647" s="119"/>
      <c r="AJ647" s="119"/>
      <c r="AK647" s="119"/>
      <c r="AL647" s="119"/>
      <c r="AM647" s="119"/>
      <c r="AN647" s="119"/>
      <c r="AO647" s="119"/>
      <c r="AP647" s="119"/>
      <c r="AQ647" s="119"/>
      <c r="AR647" s="119"/>
      <c r="AS647" s="119"/>
      <c r="AT647" s="119"/>
      <c r="AU647" s="119"/>
      <c r="AV647" s="119"/>
      <c r="AW647" s="119"/>
      <c r="AX647" s="119"/>
      <c r="AY647" s="119"/>
      <c r="AZ647" s="119"/>
      <c r="BA647" s="119"/>
      <c r="BB647" s="107">
        <v>45884</v>
      </c>
    </row>
    <row r="648" spans="1:54" s="207" customFormat="1" ht="13.95" customHeight="1" x14ac:dyDescent="0.25">
      <c r="A648" s="208" t="s">
        <v>1628</v>
      </c>
      <c r="B648" s="209" t="s">
        <v>20420</v>
      </c>
      <c r="C648" s="113" t="s">
        <v>1629</v>
      </c>
      <c r="D648" s="113" t="s">
        <v>1630</v>
      </c>
      <c r="E648" s="210">
        <v>1988</v>
      </c>
      <c r="F648" s="210">
        <v>534</v>
      </c>
      <c r="G648" s="113" t="s">
        <v>1</v>
      </c>
      <c r="H648" s="113">
        <v>0</v>
      </c>
      <c r="I648" s="113">
        <v>0</v>
      </c>
      <c r="J648" s="115">
        <v>1</v>
      </c>
      <c r="K648" s="116" t="s">
        <v>174</v>
      </c>
      <c r="L648" s="115">
        <v>1</v>
      </c>
      <c r="M648" s="115">
        <v>0</v>
      </c>
      <c r="N648" s="115">
        <v>0</v>
      </c>
      <c r="O648" s="115">
        <v>0</v>
      </c>
      <c r="P648" s="115" t="s">
        <v>400</v>
      </c>
      <c r="Q648" s="115" t="s">
        <v>400</v>
      </c>
      <c r="R648" s="115">
        <v>0</v>
      </c>
      <c r="S648" s="115">
        <v>1</v>
      </c>
      <c r="T648" s="115">
        <v>0</v>
      </c>
      <c r="U648" s="119"/>
      <c r="V648" s="119"/>
      <c r="W648" s="119"/>
      <c r="X648" s="119"/>
      <c r="Y648" s="119"/>
      <c r="Z648" s="119"/>
      <c r="AA648" s="119"/>
      <c r="AB648" s="119"/>
      <c r="AC648" s="119"/>
      <c r="AD648" s="119"/>
      <c r="AE648" s="119"/>
      <c r="AF648" s="119"/>
      <c r="AG648" s="119"/>
      <c r="AH648" s="119"/>
      <c r="AI648" s="119"/>
      <c r="AJ648" s="119"/>
      <c r="AK648" s="119"/>
      <c r="AL648" s="119"/>
      <c r="AM648" s="119"/>
      <c r="AN648" s="119"/>
      <c r="AO648" s="119"/>
      <c r="AP648" s="119"/>
      <c r="AQ648" s="119"/>
      <c r="AR648" s="119"/>
      <c r="AS648" s="119"/>
      <c r="AT648" s="119"/>
      <c r="AU648" s="119"/>
      <c r="AV648" s="119"/>
      <c r="AW648" s="119"/>
      <c r="AX648" s="119"/>
      <c r="AY648" s="119"/>
      <c r="AZ648" s="119"/>
      <c r="BA648" s="119"/>
      <c r="BB648" s="107">
        <v>45884</v>
      </c>
    </row>
    <row r="649" spans="1:54" s="207" customFormat="1" ht="13.95" customHeight="1" x14ac:dyDescent="0.25">
      <c r="A649" s="208" t="s">
        <v>1631</v>
      </c>
      <c r="B649" s="209" t="s">
        <v>20420</v>
      </c>
      <c r="C649" s="113" t="s">
        <v>1632</v>
      </c>
      <c r="D649" s="113" t="s">
        <v>22756</v>
      </c>
      <c r="E649" s="210">
        <v>1985</v>
      </c>
      <c r="F649" s="210">
        <v>534</v>
      </c>
      <c r="G649" s="113" t="s">
        <v>1</v>
      </c>
      <c r="H649" s="113">
        <v>0</v>
      </c>
      <c r="I649" s="113">
        <v>0</v>
      </c>
      <c r="J649" s="115">
        <v>1</v>
      </c>
      <c r="K649" s="116" t="s">
        <v>174</v>
      </c>
      <c r="L649" s="115">
        <v>1</v>
      </c>
      <c r="M649" s="115">
        <v>0</v>
      </c>
      <c r="N649" s="115">
        <v>0</v>
      </c>
      <c r="O649" s="115">
        <v>1</v>
      </c>
      <c r="P649" s="115">
        <v>1</v>
      </c>
      <c r="Q649" s="115" t="s">
        <v>400</v>
      </c>
      <c r="R649" s="115">
        <v>0</v>
      </c>
      <c r="S649" s="115">
        <v>0</v>
      </c>
      <c r="T649" s="115">
        <v>0</v>
      </c>
      <c r="U649" s="119"/>
      <c r="V649" s="119"/>
      <c r="W649" s="119"/>
      <c r="X649" s="119"/>
      <c r="Y649" s="119"/>
      <c r="Z649" s="119"/>
      <c r="AA649" s="119"/>
      <c r="AB649" s="119"/>
      <c r="AC649" s="119"/>
      <c r="AD649" s="119"/>
      <c r="AE649" s="119"/>
      <c r="AF649" s="119"/>
      <c r="AG649" s="119"/>
      <c r="AH649" s="119"/>
      <c r="AI649" s="119"/>
      <c r="AJ649" s="119"/>
      <c r="AK649" s="119"/>
      <c r="AL649" s="119"/>
      <c r="AM649" s="119"/>
      <c r="AN649" s="119"/>
      <c r="AO649" s="119"/>
      <c r="AP649" s="119"/>
      <c r="AQ649" s="119"/>
      <c r="AR649" s="119"/>
      <c r="AS649" s="119"/>
      <c r="AT649" s="119"/>
      <c r="AU649" s="119"/>
      <c r="AV649" s="119"/>
      <c r="AW649" s="119"/>
      <c r="AX649" s="119"/>
      <c r="AY649" s="119"/>
      <c r="AZ649" s="119"/>
      <c r="BA649" s="119"/>
      <c r="BB649" s="107">
        <v>45884</v>
      </c>
    </row>
    <row r="650" spans="1:54" s="207" customFormat="1" ht="13.95" customHeight="1" x14ac:dyDescent="0.25">
      <c r="A650" s="208" t="s">
        <v>1633</v>
      </c>
      <c r="B650" s="209" t="s">
        <v>20420</v>
      </c>
      <c r="C650" s="113" t="s">
        <v>1634</v>
      </c>
      <c r="D650" s="113" t="s">
        <v>1635</v>
      </c>
      <c r="E650" s="210">
        <v>2000</v>
      </c>
      <c r="F650" s="210">
        <v>535</v>
      </c>
      <c r="G650" s="113" t="s">
        <v>1</v>
      </c>
      <c r="H650" s="113">
        <v>0</v>
      </c>
      <c r="I650" s="113">
        <v>0</v>
      </c>
      <c r="J650" s="115">
        <v>1</v>
      </c>
      <c r="K650" s="211">
        <v>1</v>
      </c>
      <c r="L650" s="115">
        <v>0</v>
      </c>
      <c r="M650" s="115">
        <v>1</v>
      </c>
      <c r="N650" s="115">
        <v>0</v>
      </c>
      <c r="O650" s="115">
        <v>0</v>
      </c>
      <c r="P650" s="115" t="s">
        <v>400</v>
      </c>
      <c r="Q650" s="115" t="s">
        <v>400</v>
      </c>
      <c r="R650" s="115">
        <v>1</v>
      </c>
      <c r="S650" s="115">
        <v>0</v>
      </c>
      <c r="T650" s="115">
        <v>0</v>
      </c>
      <c r="U650" s="119"/>
      <c r="V650" s="119"/>
      <c r="W650" s="119"/>
      <c r="X650" s="119"/>
      <c r="Y650" s="119"/>
      <c r="Z650" s="119"/>
      <c r="AA650" s="119"/>
      <c r="AB650" s="119"/>
      <c r="AC650" s="119"/>
      <c r="AD650" s="119"/>
      <c r="AE650" s="119"/>
      <c r="AF650" s="119"/>
      <c r="AG650" s="119"/>
      <c r="AH650" s="119"/>
      <c r="AI650" s="119"/>
      <c r="AJ650" s="119"/>
      <c r="AK650" s="119"/>
      <c r="AL650" s="119"/>
      <c r="AM650" s="119"/>
      <c r="AN650" s="119"/>
      <c r="AO650" s="119"/>
      <c r="AP650" s="119"/>
      <c r="AQ650" s="119"/>
      <c r="AR650" s="119"/>
      <c r="AS650" s="119"/>
      <c r="AT650" s="119"/>
      <c r="AU650" s="119"/>
      <c r="AV650" s="119"/>
      <c r="AW650" s="119"/>
      <c r="AX650" s="119"/>
      <c r="AY650" s="119"/>
      <c r="AZ650" s="119"/>
      <c r="BA650" s="119"/>
      <c r="BB650" s="107">
        <v>45884</v>
      </c>
    </row>
    <row r="651" spans="1:54" s="207" customFormat="1" ht="13.95" customHeight="1" x14ac:dyDescent="0.25">
      <c r="A651" s="208" t="s">
        <v>1636</v>
      </c>
      <c r="B651" s="209" t="s">
        <v>20420</v>
      </c>
      <c r="C651" s="113" t="s">
        <v>1637</v>
      </c>
      <c r="D651" s="113" t="s">
        <v>1638</v>
      </c>
      <c r="E651" s="210">
        <v>1991</v>
      </c>
      <c r="F651" s="210">
        <v>536</v>
      </c>
      <c r="G651" s="113" t="s">
        <v>1</v>
      </c>
      <c r="H651" s="113">
        <v>0</v>
      </c>
      <c r="I651" s="113">
        <v>0</v>
      </c>
      <c r="J651" s="115">
        <v>1</v>
      </c>
      <c r="K651" s="116" t="s">
        <v>174</v>
      </c>
      <c r="L651" s="115">
        <v>1</v>
      </c>
      <c r="M651" s="115">
        <v>0</v>
      </c>
      <c r="N651" s="115">
        <v>0</v>
      </c>
      <c r="O651" s="115">
        <v>1</v>
      </c>
      <c r="P651" s="115" t="s">
        <v>400</v>
      </c>
      <c r="Q651" s="115" t="s">
        <v>400</v>
      </c>
      <c r="R651" s="115">
        <v>1</v>
      </c>
      <c r="S651" s="115">
        <v>0</v>
      </c>
      <c r="T651" s="115">
        <v>0</v>
      </c>
      <c r="U651" s="119"/>
      <c r="V651" s="119"/>
      <c r="W651" s="119"/>
      <c r="X651" s="119"/>
      <c r="Y651" s="119"/>
      <c r="Z651" s="119"/>
      <c r="AA651" s="119"/>
      <c r="AB651" s="119"/>
      <c r="AC651" s="119"/>
      <c r="AD651" s="119"/>
      <c r="AE651" s="119"/>
      <c r="AF651" s="119"/>
      <c r="AG651" s="119"/>
      <c r="AH651" s="119"/>
      <c r="AI651" s="119"/>
      <c r="AJ651" s="119"/>
      <c r="AK651" s="119"/>
      <c r="AL651" s="119"/>
      <c r="AM651" s="119"/>
      <c r="AN651" s="119"/>
      <c r="AO651" s="119"/>
      <c r="AP651" s="119"/>
      <c r="AQ651" s="119"/>
      <c r="AR651" s="119"/>
      <c r="AS651" s="119"/>
      <c r="AT651" s="119"/>
      <c r="AU651" s="119"/>
      <c r="AV651" s="119"/>
      <c r="AW651" s="119"/>
      <c r="AX651" s="119"/>
      <c r="AY651" s="119"/>
      <c r="AZ651" s="119"/>
      <c r="BA651" s="119"/>
      <c r="BB651" s="107">
        <v>45884</v>
      </c>
    </row>
    <row r="652" spans="1:54" s="207" customFormat="1" ht="13.95" customHeight="1" x14ac:dyDescent="0.25">
      <c r="A652" s="208" t="s">
        <v>1639</v>
      </c>
      <c r="B652" s="209" t="s">
        <v>20420</v>
      </c>
      <c r="C652" s="113" t="s">
        <v>1640</v>
      </c>
      <c r="D652" s="113" t="s">
        <v>22757</v>
      </c>
      <c r="E652" s="210">
        <v>1989</v>
      </c>
      <c r="F652" s="210">
        <v>536</v>
      </c>
      <c r="G652" s="113" t="s">
        <v>1</v>
      </c>
      <c r="H652" s="113">
        <v>0</v>
      </c>
      <c r="I652" s="113">
        <v>0</v>
      </c>
      <c r="J652" s="115">
        <v>1</v>
      </c>
      <c r="K652" s="116" t="s">
        <v>174</v>
      </c>
      <c r="L652" s="115">
        <v>0</v>
      </c>
      <c r="M652" s="115">
        <v>1</v>
      </c>
      <c r="N652" s="115">
        <v>0</v>
      </c>
      <c r="O652" s="115">
        <v>1</v>
      </c>
      <c r="P652" s="115" t="s">
        <v>400</v>
      </c>
      <c r="Q652" s="115" t="s">
        <v>400</v>
      </c>
      <c r="R652" s="115">
        <v>0</v>
      </c>
      <c r="S652" s="115">
        <v>0</v>
      </c>
      <c r="T652" s="115">
        <v>0</v>
      </c>
      <c r="U652" s="119"/>
      <c r="V652" s="119"/>
      <c r="W652" s="119"/>
      <c r="X652" s="119"/>
      <c r="Y652" s="119"/>
      <c r="Z652" s="119"/>
      <c r="AA652" s="119"/>
      <c r="AB652" s="119"/>
      <c r="AC652" s="119"/>
      <c r="AD652" s="119"/>
      <c r="AE652" s="119"/>
      <c r="AF652" s="119"/>
      <c r="AG652" s="119"/>
      <c r="AH652" s="119"/>
      <c r="AI652" s="119"/>
      <c r="AJ652" s="119"/>
      <c r="AK652" s="119"/>
      <c r="AL652" s="119"/>
      <c r="AM652" s="119"/>
      <c r="AN652" s="119"/>
      <c r="AO652" s="119"/>
      <c r="AP652" s="119"/>
      <c r="AQ652" s="119"/>
      <c r="AR652" s="119"/>
      <c r="AS652" s="119"/>
      <c r="AT652" s="119"/>
      <c r="AU652" s="119"/>
      <c r="AV652" s="119"/>
      <c r="AW652" s="119"/>
      <c r="AX652" s="119"/>
      <c r="AY652" s="119"/>
      <c r="AZ652" s="119"/>
      <c r="BA652" s="119"/>
      <c r="BB652" s="107">
        <v>45884</v>
      </c>
    </row>
    <row r="653" spans="1:54" s="207" customFormat="1" ht="13.95" customHeight="1" x14ac:dyDescent="0.25">
      <c r="A653" s="208" t="s">
        <v>1641</v>
      </c>
      <c r="B653" s="209" t="s">
        <v>20420</v>
      </c>
      <c r="C653" s="113" t="s">
        <v>1642</v>
      </c>
      <c r="D653" s="113" t="s">
        <v>22758</v>
      </c>
      <c r="E653" s="210">
        <v>1972</v>
      </c>
      <c r="F653" s="210">
        <v>537</v>
      </c>
      <c r="G653" s="113" t="s">
        <v>1</v>
      </c>
      <c r="H653" s="113">
        <v>0</v>
      </c>
      <c r="I653" s="113">
        <v>0</v>
      </c>
      <c r="J653" s="115">
        <v>1</v>
      </c>
      <c r="K653" s="116" t="s">
        <v>174</v>
      </c>
      <c r="L653" s="115">
        <v>1</v>
      </c>
      <c r="M653" s="115">
        <v>0</v>
      </c>
      <c r="N653" s="115">
        <v>0</v>
      </c>
      <c r="O653" s="115">
        <v>1</v>
      </c>
      <c r="P653" s="115">
        <v>1</v>
      </c>
      <c r="Q653" s="115" t="s">
        <v>400</v>
      </c>
      <c r="R653" s="115">
        <v>0</v>
      </c>
      <c r="S653" s="115">
        <v>0</v>
      </c>
      <c r="T653" s="115">
        <v>0</v>
      </c>
      <c r="U653" s="119"/>
      <c r="V653" s="119"/>
      <c r="W653" s="119"/>
      <c r="X653" s="119"/>
      <c r="Y653" s="119"/>
      <c r="Z653" s="119"/>
      <c r="AA653" s="119"/>
      <c r="AB653" s="119"/>
      <c r="AC653" s="119"/>
      <c r="AD653" s="119"/>
      <c r="AE653" s="119"/>
      <c r="AF653" s="119"/>
      <c r="AG653" s="119"/>
      <c r="AH653" s="119"/>
      <c r="AI653" s="119"/>
      <c r="AJ653" s="119"/>
      <c r="AK653" s="119"/>
      <c r="AL653" s="119"/>
      <c r="AM653" s="119"/>
      <c r="AN653" s="119"/>
      <c r="AO653" s="119"/>
      <c r="AP653" s="119"/>
      <c r="AQ653" s="119"/>
      <c r="AR653" s="119"/>
      <c r="AS653" s="119"/>
      <c r="AT653" s="119"/>
      <c r="AU653" s="119"/>
      <c r="AV653" s="119"/>
      <c r="AW653" s="119"/>
      <c r="AX653" s="119"/>
      <c r="AY653" s="119"/>
      <c r="AZ653" s="119"/>
      <c r="BA653" s="119"/>
      <c r="BB653" s="107">
        <v>45884</v>
      </c>
    </row>
    <row r="654" spans="1:54" s="207" customFormat="1" ht="13.95" customHeight="1" x14ac:dyDescent="0.25">
      <c r="A654" s="208" t="s">
        <v>1643</v>
      </c>
      <c r="B654" s="209" t="s">
        <v>20420</v>
      </c>
      <c r="C654" s="113" t="s">
        <v>1644</v>
      </c>
      <c r="D654" s="113" t="s">
        <v>1645</v>
      </c>
      <c r="E654" s="210">
        <v>2004</v>
      </c>
      <c r="F654" s="210">
        <v>537</v>
      </c>
      <c r="G654" s="113" t="s">
        <v>1</v>
      </c>
      <c r="H654" s="113">
        <v>0</v>
      </c>
      <c r="I654" s="113">
        <v>0</v>
      </c>
      <c r="J654" s="115">
        <v>1</v>
      </c>
      <c r="K654" s="211">
        <v>1</v>
      </c>
      <c r="L654" s="115">
        <v>1</v>
      </c>
      <c r="M654" s="115">
        <v>1</v>
      </c>
      <c r="N654" s="115">
        <v>0</v>
      </c>
      <c r="O654" s="115">
        <v>0</v>
      </c>
      <c r="P654" s="115" t="s">
        <v>400</v>
      </c>
      <c r="Q654" s="115" t="s">
        <v>400</v>
      </c>
      <c r="R654" s="115">
        <v>0</v>
      </c>
      <c r="S654" s="115">
        <v>0</v>
      </c>
      <c r="T654" s="115">
        <v>0</v>
      </c>
      <c r="U654" s="119"/>
      <c r="V654" s="119"/>
      <c r="W654" s="119"/>
      <c r="X654" s="119"/>
      <c r="Y654" s="119"/>
      <c r="Z654" s="119"/>
      <c r="AA654" s="119"/>
      <c r="AB654" s="119"/>
      <c r="AC654" s="119"/>
      <c r="AD654" s="119"/>
      <c r="AE654" s="119"/>
      <c r="AF654" s="119"/>
      <c r="AG654" s="119"/>
      <c r="AH654" s="119"/>
      <c r="AI654" s="119"/>
      <c r="AJ654" s="119"/>
      <c r="AK654" s="119"/>
      <c r="AL654" s="119"/>
      <c r="AM654" s="119"/>
      <c r="AN654" s="119"/>
      <c r="AO654" s="119"/>
      <c r="AP654" s="119"/>
      <c r="AQ654" s="119"/>
      <c r="AR654" s="119"/>
      <c r="AS654" s="119"/>
      <c r="AT654" s="119"/>
      <c r="AU654" s="119"/>
      <c r="AV654" s="119"/>
      <c r="AW654" s="119"/>
      <c r="AX654" s="119"/>
      <c r="AY654" s="119"/>
      <c r="AZ654" s="119"/>
      <c r="BA654" s="119"/>
      <c r="BB654" s="107">
        <v>45884</v>
      </c>
    </row>
    <row r="655" spans="1:54" s="207" customFormat="1" ht="13.95" customHeight="1" x14ac:dyDescent="0.25">
      <c r="A655" s="208" t="s">
        <v>1646</v>
      </c>
      <c r="B655" s="209" t="s">
        <v>20420</v>
      </c>
      <c r="C655" s="113" t="s">
        <v>1647</v>
      </c>
      <c r="D655" s="113" t="s">
        <v>1648</v>
      </c>
      <c r="E655" s="210">
        <v>1974</v>
      </c>
      <c r="F655" s="210">
        <v>539</v>
      </c>
      <c r="G655" s="113" t="s">
        <v>1</v>
      </c>
      <c r="H655" s="113">
        <v>0</v>
      </c>
      <c r="I655" s="113">
        <v>0</v>
      </c>
      <c r="J655" s="115">
        <v>1</v>
      </c>
      <c r="K655" s="116" t="s">
        <v>174</v>
      </c>
      <c r="L655" s="115">
        <v>1</v>
      </c>
      <c r="M655" s="115">
        <v>0</v>
      </c>
      <c r="N655" s="115">
        <v>0</v>
      </c>
      <c r="O655" s="115">
        <v>1</v>
      </c>
      <c r="P655" s="115">
        <v>1</v>
      </c>
      <c r="Q655" s="115" t="s">
        <v>400</v>
      </c>
      <c r="R655" s="115">
        <v>0</v>
      </c>
      <c r="S655" s="115">
        <v>0</v>
      </c>
      <c r="T655" s="115">
        <v>0</v>
      </c>
      <c r="U655" s="119"/>
      <c r="V655" s="119"/>
      <c r="W655" s="119"/>
      <c r="X655" s="119"/>
      <c r="Y655" s="119"/>
      <c r="Z655" s="119"/>
      <c r="AA655" s="119"/>
      <c r="AB655" s="119"/>
      <c r="AC655" s="119"/>
      <c r="AD655" s="119"/>
      <c r="AE655" s="119"/>
      <c r="AF655" s="119"/>
      <c r="AG655" s="119"/>
      <c r="AH655" s="119"/>
      <c r="AI655" s="119"/>
      <c r="AJ655" s="119"/>
      <c r="AK655" s="119"/>
      <c r="AL655" s="119"/>
      <c r="AM655" s="119"/>
      <c r="AN655" s="119"/>
      <c r="AO655" s="119"/>
      <c r="AP655" s="119"/>
      <c r="AQ655" s="119"/>
      <c r="AR655" s="119"/>
      <c r="AS655" s="119"/>
      <c r="AT655" s="119"/>
      <c r="AU655" s="119"/>
      <c r="AV655" s="119"/>
      <c r="AW655" s="119"/>
      <c r="AX655" s="119"/>
      <c r="AY655" s="119"/>
      <c r="AZ655" s="119"/>
      <c r="BA655" s="119"/>
      <c r="BB655" s="107">
        <v>45884</v>
      </c>
    </row>
    <row r="656" spans="1:54" s="207" customFormat="1" ht="13.95" customHeight="1" x14ac:dyDescent="0.25">
      <c r="A656" s="208" t="s">
        <v>1649</v>
      </c>
      <c r="B656" s="209" t="s">
        <v>20420</v>
      </c>
      <c r="C656" s="113" t="s">
        <v>1650</v>
      </c>
      <c r="D656" s="113" t="s">
        <v>22759</v>
      </c>
      <c r="E656" s="210">
        <v>1993</v>
      </c>
      <c r="F656" s="210">
        <v>539</v>
      </c>
      <c r="G656" s="113" t="s">
        <v>1</v>
      </c>
      <c r="H656" s="113">
        <v>0</v>
      </c>
      <c r="I656" s="113">
        <v>0</v>
      </c>
      <c r="J656" s="115">
        <v>1</v>
      </c>
      <c r="K656" s="116" t="s">
        <v>174</v>
      </c>
      <c r="L656" s="115">
        <v>1</v>
      </c>
      <c r="M656" s="115">
        <v>0</v>
      </c>
      <c r="N656" s="115">
        <v>0</v>
      </c>
      <c r="O656" s="115">
        <v>1</v>
      </c>
      <c r="P656" s="115" t="s">
        <v>400</v>
      </c>
      <c r="Q656" s="115" t="s">
        <v>400</v>
      </c>
      <c r="R656" s="115">
        <v>1</v>
      </c>
      <c r="S656" s="115">
        <v>0</v>
      </c>
      <c r="T656" s="115">
        <v>0</v>
      </c>
      <c r="U656" s="119"/>
      <c r="V656" s="119"/>
      <c r="W656" s="119"/>
      <c r="X656" s="119"/>
      <c r="Y656" s="119"/>
      <c r="Z656" s="119"/>
      <c r="AA656" s="119"/>
      <c r="AB656" s="119"/>
      <c r="AC656" s="119"/>
      <c r="AD656" s="119"/>
      <c r="AE656" s="119"/>
      <c r="AF656" s="119"/>
      <c r="AG656" s="119"/>
      <c r="AH656" s="119"/>
      <c r="AI656" s="119"/>
      <c r="AJ656" s="119"/>
      <c r="AK656" s="119"/>
      <c r="AL656" s="119"/>
      <c r="AM656" s="119"/>
      <c r="AN656" s="119"/>
      <c r="AO656" s="119"/>
      <c r="AP656" s="119"/>
      <c r="AQ656" s="119"/>
      <c r="AR656" s="119"/>
      <c r="AS656" s="119"/>
      <c r="AT656" s="119"/>
      <c r="AU656" s="119"/>
      <c r="AV656" s="119"/>
      <c r="AW656" s="119"/>
      <c r="AX656" s="119"/>
      <c r="AY656" s="119"/>
      <c r="AZ656" s="119"/>
      <c r="BA656" s="119"/>
      <c r="BB656" s="107">
        <v>45884</v>
      </c>
    </row>
    <row r="657" spans="1:54" s="207" customFormat="1" ht="13.95" customHeight="1" x14ac:dyDescent="0.25">
      <c r="A657" s="208" t="s">
        <v>1651</v>
      </c>
      <c r="B657" s="209" t="s">
        <v>20420</v>
      </c>
      <c r="C657" s="113" t="s">
        <v>1652</v>
      </c>
      <c r="D657" s="113" t="s">
        <v>22760</v>
      </c>
      <c r="E657" s="210">
        <v>1962</v>
      </c>
      <c r="F657" s="210">
        <v>540</v>
      </c>
      <c r="G657" s="113" t="s">
        <v>1</v>
      </c>
      <c r="H657" s="113">
        <v>0</v>
      </c>
      <c r="I657" s="113">
        <v>0</v>
      </c>
      <c r="J657" s="115">
        <v>1</v>
      </c>
      <c r="K657" s="116" t="s">
        <v>174</v>
      </c>
      <c r="L657" s="115">
        <v>1</v>
      </c>
      <c r="M657" s="115">
        <v>0</v>
      </c>
      <c r="N657" s="115">
        <v>0</v>
      </c>
      <c r="O657" s="115">
        <v>1</v>
      </c>
      <c r="P657" s="115">
        <v>1</v>
      </c>
      <c r="Q657" s="115" t="s">
        <v>400</v>
      </c>
      <c r="R657" s="115">
        <v>1</v>
      </c>
      <c r="S657" s="115">
        <v>0</v>
      </c>
      <c r="T657" s="115">
        <v>0</v>
      </c>
      <c r="U657" s="119"/>
      <c r="V657" s="119"/>
      <c r="W657" s="119"/>
      <c r="X657" s="119"/>
      <c r="Y657" s="119"/>
      <c r="Z657" s="119"/>
      <c r="AA657" s="119"/>
      <c r="AB657" s="119"/>
      <c r="AC657" s="119"/>
      <c r="AD657" s="119"/>
      <c r="AE657" s="119"/>
      <c r="AF657" s="119"/>
      <c r="AG657" s="119"/>
      <c r="AH657" s="119"/>
      <c r="AI657" s="119"/>
      <c r="AJ657" s="119"/>
      <c r="AK657" s="119"/>
      <c r="AL657" s="119"/>
      <c r="AM657" s="119"/>
      <c r="AN657" s="119"/>
      <c r="AO657" s="119"/>
      <c r="AP657" s="119"/>
      <c r="AQ657" s="119"/>
      <c r="AR657" s="119"/>
      <c r="AS657" s="119"/>
      <c r="AT657" s="119"/>
      <c r="AU657" s="119"/>
      <c r="AV657" s="119"/>
      <c r="AW657" s="119"/>
      <c r="AX657" s="119"/>
      <c r="AY657" s="119"/>
      <c r="AZ657" s="119"/>
      <c r="BA657" s="119"/>
      <c r="BB657" s="107">
        <v>45884</v>
      </c>
    </row>
    <row r="658" spans="1:54" s="207" customFormat="1" ht="13.95" customHeight="1" x14ac:dyDescent="0.25">
      <c r="A658" s="208" t="s">
        <v>1653</v>
      </c>
      <c r="B658" s="209" t="s">
        <v>20420</v>
      </c>
      <c r="C658" s="113" t="s">
        <v>1654</v>
      </c>
      <c r="D658" s="113" t="s">
        <v>22761</v>
      </c>
      <c r="E658" s="210">
        <v>1968</v>
      </c>
      <c r="F658" s="210">
        <v>540</v>
      </c>
      <c r="G658" s="113" t="s">
        <v>1</v>
      </c>
      <c r="H658" s="113">
        <v>0</v>
      </c>
      <c r="I658" s="113">
        <v>0</v>
      </c>
      <c r="J658" s="115">
        <v>1</v>
      </c>
      <c r="K658" s="116" t="s">
        <v>174</v>
      </c>
      <c r="L658" s="115">
        <v>1</v>
      </c>
      <c r="M658" s="115">
        <v>0</v>
      </c>
      <c r="N658" s="115">
        <v>0</v>
      </c>
      <c r="O658" s="115">
        <v>0</v>
      </c>
      <c r="P658" s="115">
        <v>1</v>
      </c>
      <c r="Q658" s="115" t="s">
        <v>400</v>
      </c>
      <c r="R658" s="115">
        <v>0</v>
      </c>
      <c r="S658" s="115">
        <v>0</v>
      </c>
      <c r="T658" s="115">
        <v>0</v>
      </c>
      <c r="U658" s="119"/>
      <c r="V658" s="119"/>
      <c r="W658" s="119"/>
      <c r="X658" s="119"/>
      <c r="Y658" s="119"/>
      <c r="Z658" s="119"/>
      <c r="AA658" s="119"/>
      <c r="AB658" s="119"/>
      <c r="AC658" s="119"/>
      <c r="AD658" s="119"/>
      <c r="AE658" s="119"/>
      <c r="AF658" s="119"/>
      <c r="AG658" s="119"/>
      <c r="AH658" s="119"/>
      <c r="AI658" s="119"/>
      <c r="AJ658" s="119"/>
      <c r="AK658" s="119"/>
      <c r="AL658" s="119"/>
      <c r="AM658" s="119"/>
      <c r="AN658" s="119"/>
      <c r="AO658" s="119"/>
      <c r="AP658" s="119"/>
      <c r="AQ658" s="119"/>
      <c r="AR658" s="119"/>
      <c r="AS658" s="119"/>
      <c r="AT658" s="119"/>
      <c r="AU658" s="119"/>
      <c r="AV658" s="119"/>
      <c r="AW658" s="119"/>
      <c r="AX658" s="119"/>
      <c r="AY658" s="119"/>
      <c r="AZ658" s="119"/>
      <c r="BA658" s="119"/>
      <c r="BB658" s="107">
        <v>45884</v>
      </c>
    </row>
    <row r="659" spans="1:54" s="207" customFormat="1" ht="13.95" customHeight="1" x14ac:dyDescent="0.25">
      <c r="A659" s="208" t="s">
        <v>1655</v>
      </c>
      <c r="B659" s="209" t="s">
        <v>20420</v>
      </c>
      <c r="C659" s="113" t="s">
        <v>1656</v>
      </c>
      <c r="D659" s="113" t="s">
        <v>1657</v>
      </c>
      <c r="E659" s="210">
        <v>1972</v>
      </c>
      <c r="F659" s="210">
        <v>542</v>
      </c>
      <c r="G659" s="113" t="s">
        <v>1</v>
      </c>
      <c r="H659" s="113">
        <v>0</v>
      </c>
      <c r="I659" s="113">
        <v>0</v>
      </c>
      <c r="J659" s="115">
        <v>1</v>
      </c>
      <c r="K659" s="211">
        <v>1</v>
      </c>
      <c r="L659" s="115">
        <v>0</v>
      </c>
      <c r="M659" s="115">
        <v>0</v>
      </c>
      <c r="N659" s="115">
        <v>1</v>
      </c>
      <c r="O659" s="115">
        <v>0</v>
      </c>
      <c r="P659" s="115" t="s">
        <v>400</v>
      </c>
      <c r="Q659" s="115" t="s">
        <v>400</v>
      </c>
      <c r="R659" s="115">
        <v>0</v>
      </c>
      <c r="S659" s="115">
        <v>0</v>
      </c>
      <c r="T659" s="115">
        <v>0</v>
      </c>
      <c r="U659" s="119"/>
      <c r="V659" s="119"/>
      <c r="W659" s="119"/>
      <c r="X659" s="119"/>
      <c r="Y659" s="119"/>
      <c r="Z659" s="119"/>
      <c r="AA659" s="119"/>
      <c r="AB659" s="119"/>
      <c r="AC659" s="119"/>
      <c r="AD659" s="119"/>
      <c r="AE659" s="119"/>
      <c r="AF659" s="119"/>
      <c r="AG659" s="119"/>
      <c r="AH659" s="119"/>
      <c r="AI659" s="119"/>
      <c r="AJ659" s="119"/>
      <c r="AK659" s="119"/>
      <c r="AL659" s="119"/>
      <c r="AM659" s="119"/>
      <c r="AN659" s="119"/>
      <c r="AO659" s="119"/>
      <c r="AP659" s="119"/>
      <c r="AQ659" s="119"/>
      <c r="AR659" s="119"/>
      <c r="AS659" s="119"/>
      <c r="AT659" s="119"/>
      <c r="AU659" s="119"/>
      <c r="AV659" s="119"/>
      <c r="AW659" s="119"/>
      <c r="AX659" s="119"/>
      <c r="AY659" s="119"/>
      <c r="AZ659" s="119"/>
      <c r="BA659" s="119"/>
      <c r="BB659" s="107">
        <v>45884</v>
      </c>
    </row>
    <row r="660" spans="1:54" s="207" customFormat="1" ht="13.95" customHeight="1" x14ac:dyDescent="0.25">
      <c r="A660" s="208" t="s">
        <v>1658</v>
      </c>
      <c r="B660" s="209" t="s">
        <v>20420</v>
      </c>
      <c r="C660" s="113" t="s">
        <v>1659</v>
      </c>
      <c r="D660" s="113" t="s">
        <v>22762</v>
      </c>
      <c r="E660" s="210">
        <v>2003</v>
      </c>
      <c r="F660" s="210">
        <v>543</v>
      </c>
      <c r="G660" s="113" t="s">
        <v>1</v>
      </c>
      <c r="H660" s="113">
        <v>0</v>
      </c>
      <c r="I660" s="113">
        <v>0</v>
      </c>
      <c r="J660" s="115">
        <v>1</v>
      </c>
      <c r="K660" s="211">
        <v>1</v>
      </c>
      <c r="L660" s="115">
        <v>1</v>
      </c>
      <c r="M660" s="115">
        <v>1</v>
      </c>
      <c r="N660" s="115">
        <v>0</v>
      </c>
      <c r="O660" s="115">
        <v>0</v>
      </c>
      <c r="P660" s="115" t="s">
        <v>400</v>
      </c>
      <c r="Q660" s="115" t="s">
        <v>400</v>
      </c>
      <c r="R660" s="115">
        <v>1</v>
      </c>
      <c r="S660" s="115">
        <v>0</v>
      </c>
      <c r="T660" s="115">
        <v>0</v>
      </c>
      <c r="U660" s="119"/>
      <c r="V660" s="119"/>
      <c r="W660" s="119"/>
      <c r="X660" s="119"/>
      <c r="Y660" s="119"/>
      <c r="Z660" s="119"/>
      <c r="AA660" s="119"/>
      <c r="AB660" s="119"/>
      <c r="AC660" s="119"/>
      <c r="AD660" s="119"/>
      <c r="AE660" s="119"/>
      <c r="AF660" s="119"/>
      <c r="AG660" s="119"/>
      <c r="AH660" s="119"/>
      <c r="AI660" s="119"/>
      <c r="AJ660" s="119"/>
      <c r="AK660" s="119"/>
      <c r="AL660" s="119"/>
      <c r="AM660" s="119"/>
      <c r="AN660" s="119"/>
      <c r="AO660" s="119"/>
      <c r="AP660" s="119"/>
      <c r="AQ660" s="119"/>
      <c r="AR660" s="119"/>
      <c r="AS660" s="119"/>
      <c r="AT660" s="119"/>
      <c r="AU660" s="119"/>
      <c r="AV660" s="119"/>
      <c r="AW660" s="119"/>
      <c r="AX660" s="119"/>
      <c r="AY660" s="119"/>
      <c r="AZ660" s="119"/>
      <c r="BA660" s="119"/>
      <c r="BB660" s="107">
        <v>45884</v>
      </c>
    </row>
    <row r="661" spans="1:54" s="207" customFormat="1" ht="13.95" customHeight="1" x14ac:dyDescent="0.25">
      <c r="A661" s="208" t="s">
        <v>1660</v>
      </c>
      <c r="B661" s="209" t="s">
        <v>20420</v>
      </c>
      <c r="C661" s="113" t="s">
        <v>1661</v>
      </c>
      <c r="D661" s="113" t="s">
        <v>1662</v>
      </c>
      <c r="E661" s="210">
        <v>1978</v>
      </c>
      <c r="F661" s="210">
        <v>543</v>
      </c>
      <c r="G661" s="113" t="s">
        <v>1</v>
      </c>
      <c r="H661" s="113">
        <v>0</v>
      </c>
      <c r="I661" s="113">
        <v>0</v>
      </c>
      <c r="J661" s="115">
        <v>1</v>
      </c>
      <c r="K661" s="116" t="s">
        <v>174</v>
      </c>
      <c r="L661" s="115">
        <v>1</v>
      </c>
      <c r="M661" s="115">
        <v>0</v>
      </c>
      <c r="N661" s="115">
        <v>0</v>
      </c>
      <c r="O661" s="115">
        <v>1</v>
      </c>
      <c r="P661" s="115" t="s">
        <v>400</v>
      </c>
      <c r="Q661" s="115" t="s">
        <v>400</v>
      </c>
      <c r="R661" s="115">
        <v>0</v>
      </c>
      <c r="S661" s="115">
        <v>0</v>
      </c>
      <c r="T661" s="115">
        <v>0</v>
      </c>
      <c r="U661" s="119"/>
      <c r="V661" s="119"/>
      <c r="W661" s="119"/>
      <c r="X661" s="119"/>
      <c r="Y661" s="119"/>
      <c r="Z661" s="119"/>
      <c r="AA661" s="119"/>
      <c r="AB661" s="119"/>
      <c r="AC661" s="119"/>
      <c r="AD661" s="119"/>
      <c r="AE661" s="119"/>
      <c r="AF661" s="119"/>
      <c r="AG661" s="119"/>
      <c r="AH661" s="119"/>
      <c r="AI661" s="119"/>
      <c r="AJ661" s="119"/>
      <c r="AK661" s="119"/>
      <c r="AL661" s="119"/>
      <c r="AM661" s="119"/>
      <c r="AN661" s="119"/>
      <c r="AO661" s="119"/>
      <c r="AP661" s="119"/>
      <c r="AQ661" s="119"/>
      <c r="AR661" s="119"/>
      <c r="AS661" s="119"/>
      <c r="AT661" s="119"/>
      <c r="AU661" s="119"/>
      <c r="AV661" s="119"/>
      <c r="AW661" s="119"/>
      <c r="AX661" s="119"/>
      <c r="AY661" s="119"/>
      <c r="AZ661" s="119"/>
      <c r="BA661" s="119"/>
      <c r="BB661" s="107">
        <v>45884</v>
      </c>
    </row>
    <row r="662" spans="1:54" s="207" customFormat="1" ht="13.95" customHeight="1" x14ac:dyDescent="0.25">
      <c r="A662" s="208" t="s">
        <v>1663</v>
      </c>
      <c r="B662" s="209" t="s">
        <v>20420</v>
      </c>
      <c r="C662" s="113" t="s">
        <v>1664</v>
      </c>
      <c r="D662" s="113" t="s">
        <v>1665</v>
      </c>
      <c r="E662" s="210">
        <v>1971</v>
      </c>
      <c r="F662" s="210">
        <v>545</v>
      </c>
      <c r="G662" s="113" t="s">
        <v>1</v>
      </c>
      <c r="H662" s="113">
        <v>0</v>
      </c>
      <c r="I662" s="113">
        <v>0</v>
      </c>
      <c r="J662" s="115">
        <v>1</v>
      </c>
      <c r="K662" s="116" t="s">
        <v>174</v>
      </c>
      <c r="L662" s="115">
        <v>0</v>
      </c>
      <c r="M662" s="115">
        <v>0</v>
      </c>
      <c r="N662" s="115">
        <v>0</v>
      </c>
      <c r="O662" s="115">
        <v>0</v>
      </c>
      <c r="P662" s="115" t="s">
        <v>400</v>
      </c>
      <c r="Q662" s="115" t="s">
        <v>400</v>
      </c>
      <c r="R662" s="115">
        <v>0</v>
      </c>
      <c r="S662" s="115">
        <v>0</v>
      </c>
      <c r="T662" s="115">
        <v>0</v>
      </c>
      <c r="U662" s="119"/>
      <c r="V662" s="119"/>
      <c r="W662" s="119"/>
      <c r="X662" s="119"/>
      <c r="Y662" s="119"/>
      <c r="Z662" s="119"/>
      <c r="AA662" s="119"/>
      <c r="AB662" s="119"/>
      <c r="AC662" s="119"/>
      <c r="AD662" s="119"/>
      <c r="AE662" s="119"/>
      <c r="AF662" s="119"/>
      <c r="AG662" s="119"/>
      <c r="AH662" s="119"/>
      <c r="AI662" s="119"/>
      <c r="AJ662" s="119"/>
      <c r="AK662" s="119"/>
      <c r="AL662" s="119"/>
      <c r="AM662" s="119"/>
      <c r="AN662" s="119"/>
      <c r="AO662" s="119"/>
      <c r="AP662" s="119"/>
      <c r="AQ662" s="119"/>
      <c r="AR662" s="119"/>
      <c r="AS662" s="119"/>
      <c r="AT662" s="119"/>
      <c r="AU662" s="119"/>
      <c r="AV662" s="119"/>
      <c r="AW662" s="119"/>
      <c r="AX662" s="119"/>
      <c r="AY662" s="119"/>
      <c r="AZ662" s="119"/>
      <c r="BA662" s="119"/>
      <c r="BB662" s="107">
        <v>45884</v>
      </c>
    </row>
    <row r="663" spans="1:54" s="207" customFormat="1" ht="13.95" customHeight="1" x14ac:dyDescent="0.25">
      <c r="A663" s="208" t="s">
        <v>1666</v>
      </c>
      <c r="B663" s="209" t="s">
        <v>20420</v>
      </c>
      <c r="C663" s="113" t="s">
        <v>1667</v>
      </c>
      <c r="D663" s="113" t="s">
        <v>22763</v>
      </c>
      <c r="E663" s="210">
        <v>1978</v>
      </c>
      <c r="F663" s="210">
        <v>546</v>
      </c>
      <c r="G663" s="113" t="s">
        <v>1</v>
      </c>
      <c r="H663" s="113">
        <v>0</v>
      </c>
      <c r="I663" s="113">
        <v>0</v>
      </c>
      <c r="J663" s="115">
        <v>1</v>
      </c>
      <c r="K663" s="116" t="s">
        <v>174</v>
      </c>
      <c r="L663" s="115">
        <v>0</v>
      </c>
      <c r="M663" s="115">
        <v>0</v>
      </c>
      <c r="N663" s="115">
        <v>0</v>
      </c>
      <c r="O663" s="115">
        <v>0</v>
      </c>
      <c r="P663" s="115">
        <v>1</v>
      </c>
      <c r="Q663" s="115" t="s">
        <v>400</v>
      </c>
      <c r="R663" s="115">
        <v>1</v>
      </c>
      <c r="S663" s="115">
        <v>0</v>
      </c>
      <c r="T663" s="115">
        <v>0</v>
      </c>
      <c r="U663" s="119"/>
      <c r="V663" s="119"/>
      <c r="W663" s="119"/>
      <c r="X663" s="119"/>
      <c r="Y663" s="119"/>
      <c r="Z663" s="119"/>
      <c r="AA663" s="119"/>
      <c r="AB663" s="119"/>
      <c r="AC663" s="119"/>
      <c r="AD663" s="119"/>
      <c r="AE663" s="119"/>
      <c r="AF663" s="119"/>
      <c r="AG663" s="119"/>
      <c r="AH663" s="119"/>
      <c r="AI663" s="119"/>
      <c r="AJ663" s="119"/>
      <c r="AK663" s="119"/>
      <c r="AL663" s="119"/>
      <c r="AM663" s="119"/>
      <c r="AN663" s="119"/>
      <c r="AO663" s="119"/>
      <c r="AP663" s="119"/>
      <c r="AQ663" s="119"/>
      <c r="AR663" s="119"/>
      <c r="AS663" s="119"/>
      <c r="AT663" s="119"/>
      <c r="AU663" s="119"/>
      <c r="AV663" s="119"/>
      <c r="AW663" s="119"/>
      <c r="AX663" s="119"/>
      <c r="AY663" s="119"/>
      <c r="AZ663" s="119"/>
      <c r="BA663" s="119"/>
      <c r="BB663" s="107">
        <v>45884</v>
      </c>
    </row>
    <row r="664" spans="1:54" s="207" customFormat="1" ht="13.95" customHeight="1" x14ac:dyDescent="0.25">
      <c r="A664" s="208" t="s">
        <v>1668</v>
      </c>
      <c r="B664" s="209" t="s">
        <v>20420</v>
      </c>
      <c r="C664" s="113" t="s">
        <v>1669</v>
      </c>
      <c r="D664" s="113" t="s">
        <v>22764</v>
      </c>
      <c r="E664" s="210">
        <v>1996</v>
      </c>
      <c r="F664" s="210">
        <v>547</v>
      </c>
      <c r="G664" s="113" t="s">
        <v>1</v>
      </c>
      <c r="H664" s="113">
        <v>0</v>
      </c>
      <c r="I664" s="113">
        <v>0</v>
      </c>
      <c r="J664" s="115">
        <v>1</v>
      </c>
      <c r="K664" s="211">
        <v>1</v>
      </c>
      <c r="L664" s="115">
        <v>1</v>
      </c>
      <c r="M664" s="115">
        <v>0</v>
      </c>
      <c r="N664" s="115">
        <v>0</v>
      </c>
      <c r="O664" s="115">
        <v>0</v>
      </c>
      <c r="P664" s="115">
        <v>1</v>
      </c>
      <c r="Q664" s="115" t="s">
        <v>400</v>
      </c>
      <c r="R664" s="115">
        <v>0</v>
      </c>
      <c r="S664" s="115">
        <v>0</v>
      </c>
      <c r="T664" s="115">
        <v>0</v>
      </c>
      <c r="U664" s="119"/>
      <c r="V664" s="119"/>
      <c r="W664" s="119"/>
      <c r="X664" s="119"/>
      <c r="Y664" s="119"/>
      <c r="Z664" s="119"/>
      <c r="AA664" s="119"/>
      <c r="AB664" s="119"/>
      <c r="AC664" s="119"/>
      <c r="AD664" s="119"/>
      <c r="AE664" s="119"/>
      <c r="AF664" s="119"/>
      <c r="AG664" s="119"/>
      <c r="AH664" s="119"/>
      <c r="AI664" s="119"/>
      <c r="AJ664" s="119"/>
      <c r="AK664" s="119"/>
      <c r="AL664" s="119"/>
      <c r="AM664" s="119"/>
      <c r="AN664" s="119"/>
      <c r="AO664" s="119"/>
      <c r="AP664" s="119"/>
      <c r="AQ664" s="119"/>
      <c r="AR664" s="119"/>
      <c r="AS664" s="119"/>
      <c r="AT664" s="119"/>
      <c r="AU664" s="119"/>
      <c r="AV664" s="119"/>
      <c r="AW664" s="119"/>
      <c r="AX664" s="119"/>
      <c r="AY664" s="119"/>
      <c r="AZ664" s="119"/>
      <c r="BA664" s="119"/>
      <c r="BB664" s="107">
        <v>45884</v>
      </c>
    </row>
    <row r="665" spans="1:54" s="207" customFormat="1" ht="13.95" customHeight="1" x14ac:dyDescent="0.25">
      <c r="A665" s="208" t="s">
        <v>1670</v>
      </c>
      <c r="B665" s="209" t="s">
        <v>20420</v>
      </c>
      <c r="C665" s="113" t="s">
        <v>1671</v>
      </c>
      <c r="D665" s="113" t="s">
        <v>1672</v>
      </c>
      <c r="E665" s="210">
        <v>2008</v>
      </c>
      <c r="F665" s="210">
        <v>548</v>
      </c>
      <c r="G665" s="113" t="s">
        <v>1</v>
      </c>
      <c r="H665" s="113">
        <v>0</v>
      </c>
      <c r="I665" s="113">
        <v>0</v>
      </c>
      <c r="J665" s="115">
        <v>1</v>
      </c>
      <c r="K665" s="116" t="s">
        <v>174</v>
      </c>
      <c r="L665" s="115">
        <v>1</v>
      </c>
      <c r="M665" s="115">
        <v>0</v>
      </c>
      <c r="N665" s="115">
        <v>0</v>
      </c>
      <c r="O665" s="115">
        <v>0</v>
      </c>
      <c r="P665" s="115" t="s">
        <v>400</v>
      </c>
      <c r="Q665" s="115" t="s">
        <v>400</v>
      </c>
      <c r="R665" s="115">
        <v>0</v>
      </c>
      <c r="S665" s="115">
        <v>0</v>
      </c>
      <c r="T665" s="115">
        <v>0</v>
      </c>
      <c r="U665" s="119"/>
      <c r="V665" s="119"/>
      <c r="W665" s="119"/>
      <c r="X665" s="119"/>
      <c r="Y665" s="119"/>
      <c r="Z665" s="119"/>
      <c r="AA665" s="119"/>
      <c r="AB665" s="119"/>
      <c r="AC665" s="119"/>
      <c r="AD665" s="119"/>
      <c r="AE665" s="119"/>
      <c r="AF665" s="119"/>
      <c r="AG665" s="119"/>
      <c r="AH665" s="119"/>
      <c r="AI665" s="119"/>
      <c r="AJ665" s="119"/>
      <c r="AK665" s="119"/>
      <c r="AL665" s="119"/>
      <c r="AM665" s="119"/>
      <c r="AN665" s="119"/>
      <c r="AO665" s="119"/>
      <c r="AP665" s="119"/>
      <c r="AQ665" s="119"/>
      <c r="AR665" s="119"/>
      <c r="AS665" s="119"/>
      <c r="AT665" s="119"/>
      <c r="AU665" s="119"/>
      <c r="AV665" s="119"/>
      <c r="AW665" s="119"/>
      <c r="AX665" s="119"/>
      <c r="AY665" s="119"/>
      <c r="AZ665" s="119"/>
      <c r="BA665" s="119"/>
      <c r="BB665" s="107">
        <v>45884</v>
      </c>
    </row>
    <row r="666" spans="1:54" s="207" customFormat="1" ht="13.95" customHeight="1" x14ac:dyDescent="0.25">
      <c r="A666" s="208" t="s">
        <v>1673</v>
      </c>
      <c r="B666" s="209" t="s">
        <v>20420</v>
      </c>
      <c r="C666" s="113" t="s">
        <v>1674</v>
      </c>
      <c r="D666" s="113" t="s">
        <v>1675</v>
      </c>
      <c r="E666" s="210">
        <v>1993</v>
      </c>
      <c r="F666" s="210">
        <v>548</v>
      </c>
      <c r="G666" s="113" t="s">
        <v>1</v>
      </c>
      <c r="H666" s="113">
        <v>0</v>
      </c>
      <c r="I666" s="113">
        <v>0</v>
      </c>
      <c r="J666" s="115">
        <v>1</v>
      </c>
      <c r="K666" s="116" t="s">
        <v>174</v>
      </c>
      <c r="L666" s="115">
        <v>1</v>
      </c>
      <c r="M666" s="115">
        <v>0</v>
      </c>
      <c r="N666" s="115">
        <v>0</v>
      </c>
      <c r="O666" s="115">
        <v>1</v>
      </c>
      <c r="P666" s="115">
        <v>1</v>
      </c>
      <c r="Q666" s="115" t="s">
        <v>400</v>
      </c>
      <c r="R666" s="115">
        <v>1</v>
      </c>
      <c r="S666" s="115">
        <v>0</v>
      </c>
      <c r="T666" s="115">
        <v>0</v>
      </c>
      <c r="U666" s="119"/>
      <c r="V666" s="119"/>
      <c r="W666" s="119"/>
      <c r="X666" s="119"/>
      <c r="Y666" s="119"/>
      <c r="Z666" s="119"/>
      <c r="AA666" s="119"/>
      <c r="AB666" s="119"/>
      <c r="AC666" s="119"/>
      <c r="AD666" s="119"/>
      <c r="AE666" s="119"/>
      <c r="AF666" s="119"/>
      <c r="AG666" s="119"/>
      <c r="AH666" s="119"/>
      <c r="AI666" s="119"/>
      <c r="AJ666" s="119"/>
      <c r="AK666" s="119"/>
      <c r="AL666" s="119"/>
      <c r="AM666" s="119"/>
      <c r="AN666" s="119"/>
      <c r="AO666" s="119"/>
      <c r="AP666" s="119"/>
      <c r="AQ666" s="119"/>
      <c r="AR666" s="119"/>
      <c r="AS666" s="119"/>
      <c r="AT666" s="119"/>
      <c r="AU666" s="119"/>
      <c r="AV666" s="119"/>
      <c r="AW666" s="119"/>
      <c r="AX666" s="119"/>
      <c r="AY666" s="119"/>
      <c r="AZ666" s="119"/>
      <c r="BA666" s="119"/>
      <c r="BB666" s="107">
        <v>45884</v>
      </c>
    </row>
    <row r="667" spans="1:54" s="207" customFormat="1" ht="13.95" customHeight="1" x14ac:dyDescent="0.25">
      <c r="A667" s="208" t="s">
        <v>1676</v>
      </c>
      <c r="B667" s="209" t="s">
        <v>20420</v>
      </c>
      <c r="C667" s="113" t="s">
        <v>1677</v>
      </c>
      <c r="D667" s="113" t="s">
        <v>22765</v>
      </c>
      <c r="E667" s="210">
        <v>2001</v>
      </c>
      <c r="F667" s="210">
        <v>548</v>
      </c>
      <c r="G667" s="113" t="s">
        <v>1</v>
      </c>
      <c r="H667" s="113">
        <v>0</v>
      </c>
      <c r="I667" s="113">
        <v>0</v>
      </c>
      <c r="J667" s="115">
        <v>1</v>
      </c>
      <c r="K667" s="116" t="s">
        <v>174</v>
      </c>
      <c r="L667" s="115">
        <v>1</v>
      </c>
      <c r="M667" s="115">
        <v>1</v>
      </c>
      <c r="N667" s="115">
        <v>0</v>
      </c>
      <c r="O667" s="115">
        <v>0</v>
      </c>
      <c r="P667" s="115" t="s">
        <v>400</v>
      </c>
      <c r="Q667" s="115" t="s">
        <v>400</v>
      </c>
      <c r="R667" s="115">
        <v>0</v>
      </c>
      <c r="S667" s="115">
        <v>0</v>
      </c>
      <c r="T667" s="115">
        <v>0</v>
      </c>
      <c r="U667" s="119"/>
      <c r="V667" s="119"/>
      <c r="W667" s="119"/>
      <c r="X667" s="119"/>
      <c r="Y667" s="119"/>
      <c r="Z667" s="119"/>
      <c r="AA667" s="119"/>
      <c r="AB667" s="119"/>
      <c r="AC667" s="119"/>
      <c r="AD667" s="119"/>
      <c r="AE667" s="119"/>
      <c r="AF667" s="119"/>
      <c r="AG667" s="119"/>
      <c r="AH667" s="119"/>
      <c r="AI667" s="119"/>
      <c r="AJ667" s="119"/>
      <c r="AK667" s="119"/>
      <c r="AL667" s="119"/>
      <c r="AM667" s="119"/>
      <c r="AN667" s="119"/>
      <c r="AO667" s="119"/>
      <c r="AP667" s="119"/>
      <c r="AQ667" s="119"/>
      <c r="AR667" s="119"/>
      <c r="AS667" s="119"/>
      <c r="AT667" s="119"/>
      <c r="AU667" s="119"/>
      <c r="AV667" s="119"/>
      <c r="AW667" s="119"/>
      <c r="AX667" s="119"/>
      <c r="AY667" s="119"/>
      <c r="AZ667" s="119"/>
      <c r="BA667" s="119"/>
      <c r="BB667" s="107">
        <v>45884</v>
      </c>
    </row>
    <row r="668" spans="1:54" s="207" customFormat="1" ht="13.95" customHeight="1" x14ac:dyDescent="0.25">
      <c r="A668" s="208" t="s">
        <v>1678</v>
      </c>
      <c r="B668" s="209" t="s">
        <v>20420</v>
      </c>
      <c r="C668" s="113" t="s">
        <v>1679</v>
      </c>
      <c r="D668" s="113" t="s">
        <v>22766</v>
      </c>
      <c r="E668" s="210">
        <v>2004</v>
      </c>
      <c r="F668" s="210">
        <v>548</v>
      </c>
      <c r="G668" s="113" t="s">
        <v>1</v>
      </c>
      <c r="H668" s="113">
        <v>0</v>
      </c>
      <c r="I668" s="113">
        <v>0</v>
      </c>
      <c r="J668" s="115">
        <v>1</v>
      </c>
      <c r="K668" s="116" t="s">
        <v>174</v>
      </c>
      <c r="L668" s="115">
        <v>0</v>
      </c>
      <c r="M668" s="115">
        <v>1</v>
      </c>
      <c r="N668" s="115">
        <v>0</v>
      </c>
      <c r="O668" s="115">
        <v>0</v>
      </c>
      <c r="P668" s="115" t="s">
        <v>400</v>
      </c>
      <c r="Q668" s="115" t="s">
        <v>400</v>
      </c>
      <c r="R668" s="115">
        <v>0</v>
      </c>
      <c r="S668" s="115">
        <v>0</v>
      </c>
      <c r="T668" s="115">
        <v>0</v>
      </c>
      <c r="U668" s="119"/>
      <c r="V668" s="119"/>
      <c r="W668" s="119"/>
      <c r="X668" s="119"/>
      <c r="Y668" s="119"/>
      <c r="Z668" s="119"/>
      <c r="AA668" s="119"/>
      <c r="AB668" s="119"/>
      <c r="AC668" s="119"/>
      <c r="AD668" s="119"/>
      <c r="AE668" s="119"/>
      <c r="AF668" s="119"/>
      <c r="AG668" s="119"/>
      <c r="AH668" s="119"/>
      <c r="AI668" s="119"/>
      <c r="AJ668" s="119"/>
      <c r="AK668" s="119"/>
      <c r="AL668" s="119"/>
      <c r="AM668" s="119"/>
      <c r="AN668" s="119"/>
      <c r="AO668" s="119"/>
      <c r="AP668" s="119"/>
      <c r="AQ668" s="119"/>
      <c r="AR668" s="119"/>
      <c r="AS668" s="119"/>
      <c r="AT668" s="119"/>
      <c r="AU668" s="119"/>
      <c r="AV668" s="119"/>
      <c r="AW668" s="119"/>
      <c r="AX668" s="119"/>
      <c r="AY668" s="119"/>
      <c r="AZ668" s="119"/>
      <c r="BA668" s="119"/>
      <c r="BB668" s="107">
        <v>45884</v>
      </c>
    </row>
    <row r="669" spans="1:54" s="207" customFormat="1" ht="13.95" customHeight="1" x14ac:dyDescent="0.25">
      <c r="A669" s="208" t="s">
        <v>1680</v>
      </c>
      <c r="B669" s="209" t="s">
        <v>20420</v>
      </c>
      <c r="C669" s="113" t="s">
        <v>1681</v>
      </c>
      <c r="D669" s="113" t="s">
        <v>1682</v>
      </c>
      <c r="E669" s="210">
        <v>2003</v>
      </c>
      <c r="F669" s="210">
        <v>549</v>
      </c>
      <c r="G669" s="113" t="s">
        <v>1</v>
      </c>
      <c r="H669" s="113">
        <v>0</v>
      </c>
      <c r="I669" s="113">
        <v>0</v>
      </c>
      <c r="J669" s="115">
        <v>1</v>
      </c>
      <c r="K669" s="211">
        <v>1</v>
      </c>
      <c r="L669" s="115">
        <v>1</v>
      </c>
      <c r="M669" s="115">
        <v>0</v>
      </c>
      <c r="N669" s="115">
        <v>0</v>
      </c>
      <c r="O669" s="115">
        <v>0</v>
      </c>
      <c r="P669" s="115" t="s">
        <v>400</v>
      </c>
      <c r="Q669" s="115" t="s">
        <v>400</v>
      </c>
      <c r="R669" s="115">
        <v>0</v>
      </c>
      <c r="S669" s="115">
        <v>0</v>
      </c>
      <c r="T669" s="115">
        <v>0</v>
      </c>
      <c r="U669" s="119"/>
      <c r="V669" s="119"/>
      <c r="W669" s="119"/>
      <c r="X669" s="119"/>
      <c r="Y669" s="119"/>
      <c r="Z669" s="119"/>
      <c r="AA669" s="119"/>
      <c r="AB669" s="119"/>
      <c r="AC669" s="119"/>
      <c r="AD669" s="119"/>
      <c r="AE669" s="119"/>
      <c r="AF669" s="119"/>
      <c r="AG669" s="119"/>
      <c r="AH669" s="119"/>
      <c r="AI669" s="119"/>
      <c r="AJ669" s="119"/>
      <c r="AK669" s="119"/>
      <c r="AL669" s="119"/>
      <c r="AM669" s="119"/>
      <c r="AN669" s="119"/>
      <c r="AO669" s="119"/>
      <c r="AP669" s="119"/>
      <c r="AQ669" s="119"/>
      <c r="AR669" s="119"/>
      <c r="AS669" s="119"/>
      <c r="AT669" s="119"/>
      <c r="AU669" s="119"/>
      <c r="AV669" s="119"/>
      <c r="AW669" s="119"/>
      <c r="AX669" s="119"/>
      <c r="AY669" s="119"/>
      <c r="AZ669" s="119"/>
      <c r="BA669" s="119"/>
      <c r="BB669" s="107">
        <v>45884</v>
      </c>
    </row>
    <row r="670" spans="1:54" s="207" customFormat="1" ht="13.95" customHeight="1" x14ac:dyDescent="0.25">
      <c r="A670" s="208" t="s">
        <v>1683</v>
      </c>
      <c r="B670" s="209" t="s">
        <v>20420</v>
      </c>
      <c r="C670" s="113" t="s">
        <v>1684</v>
      </c>
      <c r="D670" s="113" t="s">
        <v>22767</v>
      </c>
      <c r="E670" s="210">
        <v>1973</v>
      </c>
      <c r="F670" s="210">
        <v>549</v>
      </c>
      <c r="G670" s="113" t="s">
        <v>1</v>
      </c>
      <c r="H670" s="113">
        <v>0</v>
      </c>
      <c r="I670" s="113">
        <v>0</v>
      </c>
      <c r="J670" s="115">
        <v>1</v>
      </c>
      <c r="K670" s="116" t="s">
        <v>174</v>
      </c>
      <c r="L670" s="115">
        <v>0</v>
      </c>
      <c r="M670" s="115">
        <v>1</v>
      </c>
      <c r="N670" s="115">
        <v>0</v>
      </c>
      <c r="O670" s="115">
        <v>0</v>
      </c>
      <c r="P670" s="115" t="s">
        <v>400</v>
      </c>
      <c r="Q670" s="115" t="s">
        <v>400</v>
      </c>
      <c r="R670" s="115">
        <v>0</v>
      </c>
      <c r="S670" s="115">
        <v>0</v>
      </c>
      <c r="T670" s="115">
        <v>0</v>
      </c>
      <c r="U670" s="119"/>
      <c r="V670" s="119"/>
      <c r="W670" s="119"/>
      <c r="X670" s="119"/>
      <c r="Y670" s="119"/>
      <c r="Z670" s="119"/>
      <c r="AA670" s="119"/>
      <c r="AB670" s="119"/>
      <c r="AC670" s="119"/>
      <c r="AD670" s="119"/>
      <c r="AE670" s="119"/>
      <c r="AF670" s="119"/>
      <c r="AG670" s="119"/>
      <c r="AH670" s="119"/>
      <c r="AI670" s="119"/>
      <c r="AJ670" s="119"/>
      <c r="AK670" s="119"/>
      <c r="AL670" s="119"/>
      <c r="AM670" s="119"/>
      <c r="AN670" s="119"/>
      <c r="AO670" s="119"/>
      <c r="AP670" s="119"/>
      <c r="AQ670" s="119"/>
      <c r="AR670" s="119"/>
      <c r="AS670" s="119"/>
      <c r="AT670" s="119"/>
      <c r="AU670" s="119"/>
      <c r="AV670" s="119"/>
      <c r="AW670" s="119"/>
      <c r="AX670" s="119"/>
      <c r="AY670" s="119"/>
      <c r="AZ670" s="119"/>
      <c r="BA670" s="119"/>
      <c r="BB670" s="107">
        <v>45884</v>
      </c>
    </row>
    <row r="671" spans="1:54" s="207" customFormat="1" ht="13.95" customHeight="1" x14ac:dyDescent="0.25">
      <c r="A671" s="208" t="s">
        <v>1685</v>
      </c>
      <c r="B671" s="209" t="s">
        <v>20420</v>
      </c>
      <c r="C671" s="113" t="s">
        <v>1686</v>
      </c>
      <c r="D671" s="113" t="s">
        <v>22768</v>
      </c>
      <c r="E671" s="210">
        <v>1967</v>
      </c>
      <c r="F671" s="210">
        <v>552</v>
      </c>
      <c r="G671" s="113" t="s">
        <v>1</v>
      </c>
      <c r="H671" s="113">
        <v>0</v>
      </c>
      <c r="I671" s="113">
        <v>0</v>
      </c>
      <c r="J671" s="115">
        <v>1</v>
      </c>
      <c r="K671" s="211">
        <v>1</v>
      </c>
      <c r="L671" s="115">
        <v>0</v>
      </c>
      <c r="M671" s="115">
        <v>0</v>
      </c>
      <c r="N671" s="115">
        <v>0</v>
      </c>
      <c r="O671" s="115">
        <v>1</v>
      </c>
      <c r="P671" s="115">
        <v>1</v>
      </c>
      <c r="Q671" s="115" t="s">
        <v>400</v>
      </c>
      <c r="R671" s="115">
        <v>1</v>
      </c>
      <c r="S671" s="115">
        <v>0</v>
      </c>
      <c r="T671" s="115">
        <v>0</v>
      </c>
      <c r="U671" s="119"/>
      <c r="V671" s="119"/>
      <c r="W671" s="119"/>
      <c r="X671" s="119"/>
      <c r="Y671" s="119"/>
      <c r="Z671" s="119"/>
      <c r="AA671" s="119"/>
      <c r="AB671" s="119"/>
      <c r="AC671" s="119"/>
      <c r="AD671" s="119"/>
      <c r="AE671" s="119"/>
      <c r="AF671" s="119"/>
      <c r="AG671" s="119"/>
      <c r="AH671" s="119"/>
      <c r="AI671" s="119"/>
      <c r="AJ671" s="119"/>
      <c r="AK671" s="119"/>
      <c r="AL671" s="119"/>
      <c r="AM671" s="119"/>
      <c r="AN671" s="119"/>
      <c r="AO671" s="119"/>
      <c r="AP671" s="119"/>
      <c r="AQ671" s="119"/>
      <c r="AR671" s="119"/>
      <c r="AS671" s="119"/>
      <c r="AT671" s="119"/>
      <c r="AU671" s="119"/>
      <c r="AV671" s="119"/>
      <c r="AW671" s="119"/>
      <c r="AX671" s="119"/>
      <c r="AY671" s="119"/>
      <c r="AZ671" s="119"/>
      <c r="BA671" s="119"/>
      <c r="BB671" s="107">
        <v>45884</v>
      </c>
    </row>
    <row r="672" spans="1:54" s="207" customFormat="1" ht="13.95" customHeight="1" x14ac:dyDescent="0.25">
      <c r="A672" s="208" t="s">
        <v>1687</v>
      </c>
      <c r="B672" s="209" t="s">
        <v>20420</v>
      </c>
      <c r="C672" s="113" t="s">
        <v>1688</v>
      </c>
      <c r="D672" s="113" t="s">
        <v>22769</v>
      </c>
      <c r="E672" s="210">
        <v>1967</v>
      </c>
      <c r="F672" s="210">
        <v>552</v>
      </c>
      <c r="G672" s="113" t="s">
        <v>1</v>
      </c>
      <c r="H672" s="113">
        <v>0</v>
      </c>
      <c r="I672" s="113">
        <v>0</v>
      </c>
      <c r="J672" s="115">
        <v>1</v>
      </c>
      <c r="K672" s="211">
        <v>1</v>
      </c>
      <c r="L672" s="115">
        <v>0</v>
      </c>
      <c r="M672" s="115">
        <v>0</v>
      </c>
      <c r="N672" s="115">
        <v>0</v>
      </c>
      <c r="O672" s="115">
        <v>1</v>
      </c>
      <c r="P672" s="115">
        <v>1</v>
      </c>
      <c r="Q672" s="115" t="s">
        <v>400</v>
      </c>
      <c r="R672" s="115">
        <v>1</v>
      </c>
      <c r="S672" s="115">
        <v>0</v>
      </c>
      <c r="T672" s="115">
        <v>0</v>
      </c>
      <c r="U672" s="119"/>
      <c r="V672" s="119"/>
      <c r="W672" s="119"/>
      <c r="X672" s="119"/>
      <c r="Y672" s="119"/>
      <c r="Z672" s="119"/>
      <c r="AA672" s="119"/>
      <c r="AB672" s="119"/>
      <c r="AC672" s="119"/>
      <c r="AD672" s="119"/>
      <c r="AE672" s="119"/>
      <c r="AF672" s="119"/>
      <c r="AG672" s="119"/>
      <c r="AH672" s="119"/>
      <c r="AI672" s="119"/>
      <c r="AJ672" s="119"/>
      <c r="AK672" s="119"/>
      <c r="AL672" s="119"/>
      <c r="AM672" s="119"/>
      <c r="AN672" s="119"/>
      <c r="AO672" s="119"/>
      <c r="AP672" s="119"/>
      <c r="AQ672" s="119"/>
      <c r="AR672" s="119"/>
      <c r="AS672" s="119"/>
      <c r="AT672" s="119"/>
      <c r="AU672" s="119"/>
      <c r="AV672" s="119"/>
      <c r="AW672" s="119"/>
      <c r="AX672" s="119"/>
      <c r="AY672" s="119"/>
      <c r="AZ672" s="119"/>
      <c r="BA672" s="119"/>
      <c r="BB672" s="107">
        <v>45884</v>
      </c>
    </row>
    <row r="673" spans="1:54" s="207" customFormat="1" ht="13.95" customHeight="1" x14ac:dyDescent="0.25">
      <c r="A673" s="208" t="s">
        <v>1689</v>
      </c>
      <c r="B673" s="209" t="s">
        <v>20420</v>
      </c>
      <c r="C673" s="113" t="s">
        <v>1690</v>
      </c>
      <c r="D673" s="113" t="s">
        <v>22770</v>
      </c>
      <c r="E673" s="210">
        <v>1974</v>
      </c>
      <c r="F673" s="210">
        <v>553</v>
      </c>
      <c r="G673" s="113" t="s">
        <v>1</v>
      </c>
      <c r="H673" s="113">
        <v>0</v>
      </c>
      <c r="I673" s="113">
        <v>0</v>
      </c>
      <c r="J673" s="115">
        <v>1</v>
      </c>
      <c r="K673" s="116" t="s">
        <v>174</v>
      </c>
      <c r="L673" s="115">
        <v>1</v>
      </c>
      <c r="M673" s="115">
        <v>1</v>
      </c>
      <c r="N673" s="115">
        <v>0</v>
      </c>
      <c r="O673" s="115">
        <v>1</v>
      </c>
      <c r="P673" s="115" t="s">
        <v>400</v>
      </c>
      <c r="Q673" s="115" t="s">
        <v>400</v>
      </c>
      <c r="R673" s="115">
        <v>1</v>
      </c>
      <c r="S673" s="115">
        <v>0</v>
      </c>
      <c r="T673" s="115">
        <v>0</v>
      </c>
      <c r="U673" s="119"/>
      <c r="V673" s="119"/>
      <c r="W673" s="119"/>
      <c r="X673" s="119"/>
      <c r="Y673" s="119"/>
      <c r="Z673" s="119"/>
      <c r="AA673" s="119"/>
      <c r="AB673" s="119"/>
      <c r="AC673" s="119"/>
      <c r="AD673" s="119"/>
      <c r="AE673" s="119"/>
      <c r="AF673" s="119"/>
      <c r="AG673" s="119"/>
      <c r="AH673" s="119"/>
      <c r="AI673" s="119"/>
      <c r="AJ673" s="119"/>
      <c r="AK673" s="119"/>
      <c r="AL673" s="119"/>
      <c r="AM673" s="119"/>
      <c r="AN673" s="119"/>
      <c r="AO673" s="119"/>
      <c r="AP673" s="119"/>
      <c r="AQ673" s="119"/>
      <c r="AR673" s="119"/>
      <c r="AS673" s="119"/>
      <c r="AT673" s="119"/>
      <c r="AU673" s="119"/>
      <c r="AV673" s="119"/>
      <c r="AW673" s="119"/>
      <c r="AX673" s="119"/>
      <c r="AY673" s="119"/>
      <c r="AZ673" s="119"/>
      <c r="BA673" s="119"/>
      <c r="BB673" s="107">
        <v>45884</v>
      </c>
    </row>
    <row r="674" spans="1:54" s="207" customFormat="1" ht="13.95" customHeight="1" x14ac:dyDescent="0.25">
      <c r="A674" s="208" t="s">
        <v>1691</v>
      </c>
      <c r="B674" s="209" t="s">
        <v>20420</v>
      </c>
      <c r="C674" s="113" t="s">
        <v>1692</v>
      </c>
      <c r="D674" s="113" t="s">
        <v>22771</v>
      </c>
      <c r="E674" s="210">
        <v>2011</v>
      </c>
      <c r="F674" s="210">
        <v>554</v>
      </c>
      <c r="G674" s="113" t="s">
        <v>1</v>
      </c>
      <c r="H674" s="113">
        <v>0</v>
      </c>
      <c r="I674" s="113">
        <v>0</v>
      </c>
      <c r="J674" s="115">
        <v>1</v>
      </c>
      <c r="K674" s="116" t="s">
        <v>174</v>
      </c>
      <c r="L674" s="115">
        <v>1</v>
      </c>
      <c r="M674" s="115">
        <v>1</v>
      </c>
      <c r="N674" s="115">
        <v>0</v>
      </c>
      <c r="O674" s="115">
        <v>0</v>
      </c>
      <c r="P674" s="115" t="s">
        <v>400</v>
      </c>
      <c r="Q674" s="115" t="s">
        <v>400</v>
      </c>
      <c r="R674" s="115">
        <v>0</v>
      </c>
      <c r="S674" s="115">
        <v>0</v>
      </c>
      <c r="T674" s="115">
        <v>0</v>
      </c>
      <c r="U674" s="119"/>
      <c r="V674" s="119"/>
      <c r="W674" s="119"/>
      <c r="X674" s="119"/>
      <c r="Y674" s="119"/>
      <c r="Z674" s="119"/>
      <c r="AA674" s="119"/>
      <c r="AB674" s="119"/>
      <c r="AC674" s="119"/>
      <c r="AD674" s="119"/>
      <c r="AE674" s="119"/>
      <c r="AF674" s="119"/>
      <c r="AG674" s="119"/>
      <c r="AH674" s="119"/>
      <c r="AI674" s="119"/>
      <c r="AJ674" s="119"/>
      <c r="AK674" s="119"/>
      <c r="AL674" s="119"/>
      <c r="AM674" s="119"/>
      <c r="AN674" s="119"/>
      <c r="AO674" s="119"/>
      <c r="AP674" s="119"/>
      <c r="AQ674" s="119"/>
      <c r="AR674" s="119"/>
      <c r="AS674" s="119"/>
      <c r="AT674" s="119"/>
      <c r="AU674" s="119"/>
      <c r="AV674" s="119"/>
      <c r="AW674" s="119"/>
      <c r="AX674" s="119"/>
      <c r="AY674" s="119"/>
      <c r="AZ674" s="119"/>
      <c r="BA674" s="119"/>
      <c r="BB674" s="107">
        <v>45884</v>
      </c>
    </row>
    <row r="675" spans="1:54" s="207" customFormat="1" ht="13.95" customHeight="1" x14ac:dyDescent="0.25">
      <c r="A675" s="208" t="s">
        <v>1693</v>
      </c>
      <c r="B675" s="209" t="s">
        <v>20420</v>
      </c>
      <c r="C675" s="113" t="s">
        <v>1694</v>
      </c>
      <c r="D675" s="113" t="s">
        <v>1695</v>
      </c>
      <c r="E675" s="210">
        <v>2001</v>
      </c>
      <c r="F675" s="210">
        <v>554</v>
      </c>
      <c r="G675" s="113" t="s">
        <v>1</v>
      </c>
      <c r="H675" s="113">
        <v>0</v>
      </c>
      <c r="I675" s="113">
        <v>0</v>
      </c>
      <c r="J675" s="115">
        <v>1</v>
      </c>
      <c r="K675" s="116" t="s">
        <v>174</v>
      </c>
      <c r="L675" s="115">
        <v>1</v>
      </c>
      <c r="M675" s="115">
        <v>1</v>
      </c>
      <c r="N675" s="115">
        <v>0</v>
      </c>
      <c r="O675" s="115">
        <v>0</v>
      </c>
      <c r="P675" s="115" t="s">
        <v>400</v>
      </c>
      <c r="Q675" s="115" t="s">
        <v>400</v>
      </c>
      <c r="R675" s="115">
        <v>0</v>
      </c>
      <c r="S675" s="115">
        <v>0</v>
      </c>
      <c r="T675" s="115">
        <v>0</v>
      </c>
      <c r="U675" s="119"/>
      <c r="V675" s="119"/>
      <c r="W675" s="119"/>
      <c r="X675" s="119"/>
      <c r="Y675" s="119"/>
      <c r="Z675" s="119"/>
      <c r="AA675" s="119"/>
      <c r="AB675" s="119"/>
      <c r="AC675" s="119"/>
      <c r="AD675" s="119"/>
      <c r="AE675" s="119"/>
      <c r="AF675" s="119"/>
      <c r="AG675" s="119"/>
      <c r="AH675" s="119"/>
      <c r="AI675" s="119"/>
      <c r="AJ675" s="119"/>
      <c r="AK675" s="119"/>
      <c r="AL675" s="119"/>
      <c r="AM675" s="119"/>
      <c r="AN675" s="119"/>
      <c r="AO675" s="119"/>
      <c r="AP675" s="119"/>
      <c r="AQ675" s="119"/>
      <c r="AR675" s="119"/>
      <c r="AS675" s="119"/>
      <c r="AT675" s="119"/>
      <c r="AU675" s="119"/>
      <c r="AV675" s="119"/>
      <c r="AW675" s="119"/>
      <c r="AX675" s="119"/>
      <c r="AY675" s="119"/>
      <c r="AZ675" s="119"/>
      <c r="BA675" s="119"/>
      <c r="BB675" s="107">
        <v>45884</v>
      </c>
    </row>
    <row r="676" spans="1:54" s="207" customFormat="1" ht="13.95" customHeight="1" x14ac:dyDescent="0.25">
      <c r="A676" s="208" t="s">
        <v>1696</v>
      </c>
      <c r="B676" s="209" t="s">
        <v>20420</v>
      </c>
      <c r="C676" s="113" t="s">
        <v>1697</v>
      </c>
      <c r="D676" s="113" t="s">
        <v>1698</v>
      </c>
      <c r="E676" s="210">
        <v>2000</v>
      </c>
      <c r="F676" s="210">
        <v>555</v>
      </c>
      <c r="G676" s="113" t="s">
        <v>1</v>
      </c>
      <c r="H676" s="113">
        <v>0</v>
      </c>
      <c r="I676" s="113">
        <v>0</v>
      </c>
      <c r="J676" s="115">
        <v>0</v>
      </c>
      <c r="K676" s="116" t="s">
        <v>174</v>
      </c>
      <c r="L676" s="115">
        <v>0</v>
      </c>
      <c r="M676" s="115">
        <v>1</v>
      </c>
      <c r="N676" s="115">
        <v>0</v>
      </c>
      <c r="O676" s="115">
        <v>0</v>
      </c>
      <c r="P676" s="115" t="s">
        <v>400</v>
      </c>
      <c r="Q676" s="115" t="s">
        <v>400</v>
      </c>
      <c r="R676" s="115">
        <v>1</v>
      </c>
      <c r="S676" s="115">
        <v>0</v>
      </c>
      <c r="T676" s="115">
        <v>0</v>
      </c>
      <c r="U676" s="119"/>
      <c r="V676" s="119"/>
      <c r="W676" s="119"/>
      <c r="X676" s="119"/>
      <c r="Y676" s="119"/>
      <c r="Z676" s="119"/>
      <c r="AA676" s="119"/>
      <c r="AB676" s="119"/>
      <c r="AC676" s="119"/>
      <c r="AD676" s="119"/>
      <c r="AE676" s="119"/>
      <c r="AF676" s="119"/>
      <c r="AG676" s="119"/>
      <c r="AH676" s="119"/>
      <c r="AI676" s="119"/>
      <c r="AJ676" s="119"/>
      <c r="AK676" s="119"/>
      <c r="AL676" s="119"/>
      <c r="AM676" s="119"/>
      <c r="AN676" s="119"/>
      <c r="AO676" s="119"/>
      <c r="AP676" s="119"/>
      <c r="AQ676" s="119"/>
      <c r="AR676" s="119"/>
      <c r="AS676" s="119"/>
      <c r="AT676" s="119"/>
      <c r="AU676" s="119"/>
      <c r="AV676" s="119"/>
      <c r="AW676" s="119"/>
      <c r="AX676" s="119"/>
      <c r="AY676" s="119"/>
      <c r="AZ676" s="119"/>
      <c r="BA676" s="119"/>
      <c r="BB676" s="107">
        <v>45884</v>
      </c>
    </row>
    <row r="677" spans="1:54" s="207" customFormat="1" ht="13.95" customHeight="1" x14ac:dyDescent="0.25">
      <c r="A677" s="208" t="s">
        <v>1699</v>
      </c>
      <c r="B677" s="209" t="s">
        <v>20420</v>
      </c>
      <c r="C677" s="113" t="s">
        <v>1700</v>
      </c>
      <c r="D677" s="113" t="s">
        <v>22772</v>
      </c>
      <c r="E677" s="210">
        <v>1995</v>
      </c>
      <c r="F677" s="210">
        <v>556</v>
      </c>
      <c r="G677" s="113" t="s">
        <v>1</v>
      </c>
      <c r="H677" s="113">
        <v>0</v>
      </c>
      <c r="I677" s="113">
        <v>0</v>
      </c>
      <c r="J677" s="115">
        <v>1</v>
      </c>
      <c r="K677" s="116" t="s">
        <v>174</v>
      </c>
      <c r="L677" s="115">
        <v>1</v>
      </c>
      <c r="M677" s="115">
        <v>0</v>
      </c>
      <c r="N677" s="115">
        <v>0</v>
      </c>
      <c r="O677" s="115">
        <v>0</v>
      </c>
      <c r="P677" s="115" t="s">
        <v>400</v>
      </c>
      <c r="Q677" s="115" t="s">
        <v>400</v>
      </c>
      <c r="R677" s="115">
        <v>0</v>
      </c>
      <c r="S677" s="115">
        <v>0</v>
      </c>
      <c r="T677" s="115">
        <v>0</v>
      </c>
      <c r="U677" s="119"/>
      <c r="V677" s="119"/>
      <c r="W677" s="119"/>
      <c r="X677" s="119"/>
      <c r="Y677" s="119"/>
      <c r="Z677" s="119"/>
      <c r="AA677" s="119"/>
      <c r="AB677" s="119"/>
      <c r="AC677" s="119"/>
      <c r="AD677" s="119"/>
      <c r="AE677" s="119"/>
      <c r="AF677" s="119"/>
      <c r="AG677" s="119"/>
      <c r="AH677" s="119"/>
      <c r="AI677" s="119"/>
      <c r="AJ677" s="119"/>
      <c r="AK677" s="119"/>
      <c r="AL677" s="119"/>
      <c r="AM677" s="119"/>
      <c r="AN677" s="119"/>
      <c r="AO677" s="119"/>
      <c r="AP677" s="119"/>
      <c r="AQ677" s="119"/>
      <c r="AR677" s="119"/>
      <c r="AS677" s="119"/>
      <c r="AT677" s="119"/>
      <c r="AU677" s="119"/>
      <c r="AV677" s="119"/>
      <c r="AW677" s="119"/>
      <c r="AX677" s="119"/>
      <c r="AY677" s="119"/>
      <c r="AZ677" s="119"/>
      <c r="BA677" s="119"/>
      <c r="BB677" s="107">
        <v>45884</v>
      </c>
    </row>
    <row r="678" spans="1:54" s="207" customFormat="1" ht="13.95" customHeight="1" x14ac:dyDescent="0.25">
      <c r="A678" s="208" t="s">
        <v>1701</v>
      </c>
      <c r="B678" s="209" t="s">
        <v>20420</v>
      </c>
      <c r="C678" s="113" t="s">
        <v>1702</v>
      </c>
      <c r="D678" s="113" t="s">
        <v>22773</v>
      </c>
      <c r="E678" s="210">
        <v>2005</v>
      </c>
      <c r="F678" s="210">
        <v>556</v>
      </c>
      <c r="G678" s="113" t="s">
        <v>1</v>
      </c>
      <c r="H678" s="113">
        <v>0</v>
      </c>
      <c r="I678" s="113">
        <v>0</v>
      </c>
      <c r="J678" s="115">
        <v>1</v>
      </c>
      <c r="K678" s="116" t="s">
        <v>174</v>
      </c>
      <c r="L678" s="115">
        <v>1</v>
      </c>
      <c r="M678" s="115">
        <v>0</v>
      </c>
      <c r="N678" s="115">
        <v>0</v>
      </c>
      <c r="O678" s="115">
        <v>0</v>
      </c>
      <c r="P678" s="115">
        <v>1</v>
      </c>
      <c r="Q678" s="115" t="s">
        <v>400</v>
      </c>
      <c r="R678" s="115">
        <v>0</v>
      </c>
      <c r="S678" s="115">
        <v>0</v>
      </c>
      <c r="T678" s="115">
        <v>0</v>
      </c>
      <c r="U678" s="119"/>
      <c r="V678" s="119"/>
      <c r="W678" s="119"/>
      <c r="X678" s="119"/>
      <c r="Y678" s="119"/>
      <c r="Z678" s="119"/>
      <c r="AA678" s="119"/>
      <c r="AB678" s="119"/>
      <c r="AC678" s="119"/>
      <c r="AD678" s="119"/>
      <c r="AE678" s="119"/>
      <c r="AF678" s="119"/>
      <c r="AG678" s="119"/>
      <c r="AH678" s="119"/>
      <c r="AI678" s="119"/>
      <c r="AJ678" s="119"/>
      <c r="AK678" s="119"/>
      <c r="AL678" s="119"/>
      <c r="AM678" s="119"/>
      <c r="AN678" s="119"/>
      <c r="AO678" s="119"/>
      <c r="AP678" s="119"/>
      <c r="AQ678" s="119"/>
      <c r="AR678" s="119"/>
      <c r="AS678" s="119"/>
      <c r="AT678" s="119"/>
      <c r="AU678" s="119"/>
      <c r="AV678" s="119"/>
      <c r="AW678" s="119"/>
      <c r="AX678" s="119"/>
      <c r="AY678" s="119"/>
      <c r="AZ678" s="119"/>
      <c r="BA678" s="119"/>
      <c r="BB678" s="107">
        <v>45884</v>
      </c>
    </row>
    <row r="679" spans="1:54" s="207" customFormat="1" ht="13.95" customHeight="1" x14ac:dyDescent="0.25">
      <c r="A679" s="208" t="s">
        <v>1703</v>
      </c>
      <c r="B679" s="209" t="s">
        <v>20420</v>
      </c>
      <c r="C679" s="113" t="s">
        <v>1704</v>
      </c>
      <c r="D679" s="113" t="s">
        <v>22774</v>
      </c>
      <c r="E679" s="210">
        <v>1977</v>
      </c>
      <c r="F679" s="210">
        <v>557</v>
      </c>
      <c r="G679" s="113" t="s">
        <v>1</v>
      </c>
      <c r="H679" s="113">
        <v>0</v>
      </c>
      <c r="I679" s="113">
        <v>0</v>
      </c>
      <c r="J679" s="115">
        <v>1</v>
      </c>
      <c r="K679" s="116" t="s">
        <v>174</v>
      </c>
      <c r="L679" s="115">
        <v>0</v>
      </c>
      <c r="M679" s="115">
        <v>0</v>
      </c>
      <c r="N679" s="115">
        <v>1</v>
      </c>
      <c r="O679" s="115">
        <v>0</v>
      </c>
      <c r="P679" s="115" t="s">
        <v>400</v>
      </c>
      <c r="Q679" s="115" t="s">
        <v>400</v>
      </c>
      <c r="R679" s="115">
        <v>0</v>
      </c>
      <c r="S679" s="115">
        <v>0</v>
      </c>
      <c r="T679" s="115">
        <v>0</v>
      </c>
      <c r="U679" s="119"/>
      <c r="V679" s="119"/>
      <c r="W679" s="119"/>
      <c r="X679" s="119"/>
      <c r="Y679" s="119"/>
      <c r="Z679" s="119"/>
      <c r="AA679" s="119"/>
      <c r="AB679" s="119"/>
      <c r="AC679" s="119"/>
      <c r="AD679" s="119"/>
      <c r="AE679" s="119"/>
      <c r="AF679" s="119"/>
      <c r="AG679" s="119"/>
      <c r="AH679" s="119"/>
      <c r="AI679" s="119"/>
      <c r="AJ679" s="119"/>
      <c r="AK679" s="119"/>
      <c r="AL679" s="119"/>
      <c r="AM679" s="119"/>
      <c r="AN679" s="119"/>
      <c r="AO679" s="119"/>
      <c r="AP679" s="119"/>
      <c r="AQ679" s="119"/>
      <c r="AR679" s="119"/>
      <c r="AS679" s="119"/>
      <c r="AT679" s="119"/>
      <c r="AU679" s="119"/>
      <c r="AV679" s="119"/>
      <c r="AW679" s="119"/>
      <c r="AX679" s="119"/>
      <c r="AY679" s="119"/>
      <c r="AZ679" s="119"/>
      <c r="BA679" s="119"/>
      <c r="BB679" s="107">
        <v>45884</v>
      </c>
    </row>
    <row r="680" spans="1:54" s="207" customFormat="1" ht="13.95" customHeight="1" x14ac:dyDescent="0.25">
      <c r="A680" s="208" t="s">
        <v>1705</v>
      </c>
      <c r="B680" s="209" t="s">
        <v>20420</v>
      </c>
      <c r="C680" s="113" t="s">
        <v>1706</v>
      </c>
      <c r="D680" s="113" t="s">
        <v>22775</v>
      </c>
      <c r="E680" s="210">
        <v>1998</v>
      </c>
      <c r="F680" s="210">
        <v>557</v>
      </c>
      <c r="G680" s="113" t="s">
        <v>1</v>
      </c>
      <c r="H680" s="113">
        <v>0</v>
      </c>
      <c r="I680" s="113">
        <v>0</v>
      </c>
      <c r="J680" s="115">
        <v>1</v>
      </c>
      <c r="K680" s="116" t="s">
        <v>174</v>
      </c>
      <c r="L680" s="115">
        <v>1</v>
      </c>
      <c r="M680" s="115">
        <v>0</v>
      </c>
      <c r="N680" s="115">
        <v>0</v>
      </c>
      <c r="O680" s="115">
        <v>1</v>
      </c>
      <c r="P680" s="115" t="s">
        <v>400</v>
      </c>
      <c r="Q680" s="115" t="s">
        <v>400</v>
      </c>
      <c r="R680" s="115">
        <v>1</v>
      </c>
      <c r="S680" s="115">
        <v>0</v>
      </c>
      <c r="T680" s="115">
        <v>0</v>
      </c>
      <c r="U680" s="119"/>
      <c r="V680" s="119"/>
      <c r="W680" s="119"/>
      <c r="X680" s="119"/>
      <c r="Y680" s="119"/>
      <c r="Z680" s="119"/>
      <c r="AA680" s="119"/>
      <c r="AB680" s="119"/>
      <c r="AC680" s="119"/>
      <c r="AD680" s="119"/>
      <c r="AE680" s="119"/>
      <c r="AF680" s="119"/>
      <c r="AG680" s="119"/>
      <c r="AH680" s="119"/>
      <c r="AI680" s="119"/>
      <c r="AJ680" s="119"/>
      <c r="AK680" s="119"/>
      <c r="AL680" s="119"/>
      <c r="AM680" s="119"/>
      <c r="AN680" s="119"/>
      <c r="AO680" s="119"/>
      <c r="AP680" s="119"/>
      <c r="AQ680" s="119"/>
      <c r="AR680" s="119"/>
      <c r="AS680" s="119"/>
      <c r="AT680" s="119"/>
      <c r="AU680" s="119"/>
      <c r="AV680" s="119"/>
      <c r="AW680" s="119"/>
      <c r="AX680" s="119"/>
      <c r="AY680" s="119"/>
      <c r="AZ680" s="119"/>
      <c r="BA680" s="119"/>
      <c r="BB680" s="107">
        <v>45884</v>
      </c>
    </row>
    <row r="681" spans="1:54" s="207" customFormat="1" ht="13.95" customHeight="1" x14ac:dyDescent="0.25">
      <c r="A681" s="208" t="s">
        <v>1707</v>
      </c>
      <c r="B681" s="209" t="s">
        <v>20420</v>
      </c>
      <c r="C681" s="113" t="s">
        <v>1708</v>
      </c>
      <c r="D681" s="113" t="s">
        <v>1709</v>
      </c>
      <c r="E681" s="210">
        <v>2000</v>
      </c>
      <c r="F681" s="210">
        <v>558</v>
      </c>
      <c r="G681" s="113" t="s">
        <v>1</v>
      </c>
      <c r="H681" s="113">
        <v>0</v>
      </c>
      <c r="I681" s="113">
        <v>0</v>
      </c>
      <c r="J681" s="115">
        <v>1</v>
      </c>
      <c r="K681" s="211">
        <v>1</v>
      </c>
      <c r="L681" s="115">
        <v>1</v>
      </c>
      <c r="M681" s="115">
        <v>0</v>
      </c>
      <c r="N681" s="115">
        <v>0</v>
      </c>
      <c r="O681" s="115">
        <v>0</v>
      </c>
      <c r="P681" s="115">
        <v>1</v>
      </c>
      <c r="Q681" s="115" t="s">
        <v>400</v>
      </c>
      <c r="R681" s="115">
        <v>0</v>
      </c>
      <c r="S681" s="115">
        <v>0</v>
      </c>
      <c r="T681" s="115">
        <v>0</v>
      </c>
      <c r="U681" s="119"/>
      <c r="V681" s="119"/>
      <c r="W681" s="119"/>
      <c r="X681" s="119"/>
      <c r="Y681" s="119"/>
      <c r="Z681" s="119"/>
      <c r="AA681" s="119"/>
      <c r="AB681" s="119"/>
      <c r="AC681" s="119"/>
      <c r="AD681" s="119"/>
      <c r="AE681" s="119"/>
      <c r="AF681" s="119"/>
      <c r="AG681" s="119"/>
      <c r="AH681" s="119"/>
      <c r="AI681" s="119"/>
      <c r="AJ681" s="119"/>
      <c r="AK681" s="119"/>
      <c r="AL681" s="119"/>
      <c r="AM681" s="119"/>
      <c r="AN681" s="119"/>
      <c r="AO681" s="119"/>
      <c r="AP681" s="119"/>
      <c r="AQ681" s="119"/>
      <c r="AR681" s="119"/>
      <c r="AS681" s="119"/>
      <c r="AT681" s="119"/>
      <c r="AU681" s="119"/>
      <c r="AV681" s="119"/>
      <c r="AW681" s="119"/>
      <c r="AX681" s="119"/>
      <c r="AY681" s="119"/>
      <c r="AZ681" s="119"/>
      <c r="BA681" s="119"/>
      <c r="BB681" s="107">
        <v>45884</v>
      </c>
    </row>
    <row r="682" spans="1:54" s="207" customFormat="1" ht="13.95" customHeight="1" x14ac:dyDescent="0.25">
      <c r="A682" s="208" t="s">
        <v>1710</v>
      </c>
      <c r="B682" s="209" t="s">
        <v>20420</v>
      </c>
      <c r="C682" s="113" t="s">
        <v>1711</v>
      </c>
      <c r="D682" s="113" t="s">
        <v>1712</v>
      </c>
      <c r="E682" s="210">
        <v>1999</v>
      </c>
      <c r="F682" s="210">
        <v>561</v>
      </c>
      <c r="G682" s="113" t="s">
        <v>1</v>
      </c>
      <c r="H682" s="113">
        <v>0</v>
      </c>
      <c r="I682" s="113">
        <v>0</v>
      </c>
      <c r="J682" s="115">
        <v>1</v>
      </c>
      <c r="K682" s="211">
        <v>1</v>
      </c>
      <c r="L682" s="115">
        <v>1</v>
      </c>
      <c r="M682" s="115">
        <v>1</v>
      </c>
      <c r="N682" s="115">
        <v>0</v>
      </c>
      <c r="O682" s="115">
        <v>0</v>
      </c>
      <c r="P682" s="115" t="s">
        <v>400</v>
      </c>
      <c r="Q682" s="115" t="s">
        <v>400</v>
      </c>
      <c r="R682" s="115">
        <v>0</v>
      </c>
      <c r="S682" s="115">
        <v>0</v>
      </c>
      <c r="T682" s="115">
        <v>0</v>
      </c>
      <c r="U682" s="119"/>
      <c r="V682" s="119"/>
      <c r="W682" s="119"/>
      <c r="X682" s="119"/>
      <c r="Y682" s="119"/>
      <c r="Z682" s="119"/>
      <c r="AA682" s="119"/>
      <c r="AB682" s="119"/>
      <c r="AC682" s="119"/>
      <c r="AD682" s="119"/>
      <c r="AE682" s="119"/>
      <c r="AF682" s="119"/>
      <c r="AG682" s="119"/>
      <c r="AH682" s="119"/>
      <c r="AI682" s="119"/>
      <c r="AJ682" s="119"/>
      <c r="AK682" s="119"/>
      <c r="AL682" s="119"/>
      <c r="AM682" s="119"/>
      <c r="AN682" s="119"/>
      <c r="AO682" s="119"/>
      <c r="AP682" s="119"/>
      <c r="AQ682" s="119"/>
      <c r="AR682" s="119"/>
      <c r="AS682" s="119"/>
      <c r="AT682" s="119"/>
      <c r="AU682" s="119"/>
      <c r="AV682" s="119"/>
      <c r="AW682" s="119"/>
      <c r="AX682" s="119"/>
      <c r="AY682" s="119"/>
      <c r="AZ682" s="119"/>
      <c r="BA682" s="119"/>
      <c r="BB682" s="107">
        <v>45884</v>
      </c>
    </row>
    <row r="683" spans="1:54" s="207" customFormat="1" ht="13.95" customHeight="1" x14ac:dyDescent="0.25">
      <c r="A683" s="208" t="s">
        <v>1713</v>
      </c>
      <c r="B683" s="209" t="s">
        <v>20420</v>
      </c>
      <c r="C683" s="113" t="s">
        <v>1714</v>
      </c>
      <c r="D683" s="113" t="s">
        <v>22776</v>
      </c>
      <c r="E683" s="210">
        <v>1960</v>
      </c>
      <c r="F683" s="210">
        <v>561</v>
      </c>
      <c r="G683" s="113" t="s">
        <v>1</v>
      </c>
      <c r="H683" s="113">
        <v>0</v>
      </c>
      <c r="I683" s="113">
        <v>0</v>
      </c>
      <c r="J683" s="115">
        <v>1</v>
      </c>
      <c r="K683" s="116" t="s">
        <v>174</v>
      </c>
      <c r="L683" s="115">
        <v>0</v>
      </c>
      <c r="M683" s="115">
        <v>0</v>
      </c>
      <c r="N683" s="115">
        <v>1</v>
      </c>
      <c r="O683" s="115">
        <v>0</v>
      </c>
      <c r="P683" s="115">
        <v>1</v>
      </c>
      <c r="Q683" s="115" t="s">
        <v>400</v>
      </c>
      <c r="R683" s="115">
        <v>0</v>
      </c>
      <c r="S683" s="115">
        <v>0</v>
      </c>
      <c r="T683" s="115">
        <v>0</v>
      </c>
      <c r="U683" s="119"/>
      <c r="V683" s="119"/>
      <c r="W683" s="119"/>
      <c r="X683" s="119"/>
      <c r="Y683" s="119"/>
      <c r="Z683" s="119"/>
      <c r="AA683" s="119"/>
      <c r="AB683" s="119"/>
      <c r="AC683" s="119"/>
      <c r="AD683" s="119"/>
      <c r="AE683" s="119"/>
      <c r="AF683" s="119"/>
      <c r="AG683" s="119"/>
      <c r="AH683" s="119"/>
      <c r="AI683" s="119"/>
      <c r="AJ683" s="119"/>
      <c r="AK683" s="119"/>
      <c r="AL683" s="119"/>
      <c r="AM683" s="119"/>
      <c r="AN683" s="119"/>
      <c r="AO683" s="119"/>
      <c r="AP683" s="119"/>
      <c r="AQ683" s="119"/>
      <c r="AR683" s="119"/>
      <c r="AS683" s="119"/>
      <c r="AT683" s="119"/>
      <c r="AU683" s="119"/>
      <c r="AV683" s="119"/>
      <c r="AW683" s="119"/>
      <c r="AX683" s="119"/>
      <c r="AY683" s="119"/>
      <c r="AZ683" s="119"/>
      <c r="BA683" s="119"/>
      <c r="BB683" s="107">
        <v>45884</v>
      </c>
    </row>
    <row r="684" spans="1:54" s="207" customFormat="1" ht="13.95" customHeight="1" x14ac:dyDescent="0.25">
      <c r="A684" s="208" t="s">
        <v>1715</v>
      </c>
      <c r="B684" s="209" t="s">
        <v>20420</v>
      </c>
      <c r="C684" s="113" t="s">
        <v>1716</v>
      </c>
      <c r="D684" s="113" t="s">
        <v>1717</v>
      </c>
      <c r="E684" s="210">
        <v>1992</v>
      </c>
      <c r="F684" s="210">
        <v>563</v>
      </c>
      <c r="G684" s="113" t="s">
        <v>1</v>
      </c>
      <c r="H684" s="113">
        <v>0</v>
      </c>
      <c r="I684" s="113">
        <v>0</v>
      </c>
      <c r="J684" s="115">
        <v>1</v>
      </c>
      <c r="K684" s="211">
        <v>1</v>
      </c>
      <c r="L684" s="115">
        <v>1</v>
      </c>
      <c r="M684" s="115">
        <v>1</v>
      </c>
      <c r="N684" s="115">
        <v>0</v>
      </c>
      <c r="O684" s="115">
        <v>0</v>
      </c>
      <c r="P684" s="115" t="s">
        <v>400</v>
      </c>
      <c r="Q684" s="115" t="s">
        <v>400</v>
      </c>
      <c r="R684" s="115">
        <v>1</v>
      </c>
      <c r="S684" s="115">
        <v>0</v>
      </c>
      <c r="T684" s="115">
        <v>0</v>
      </c>
      <c r="U684" s="119"/>
      <c r="V684" s="119"/>
      <c r="W684" s="119"/>
      <c r="X684" s="119"/>
      <c r="Y684" s="119"/>
      <c r="Z684" s="119"/>
      <c r="AA684" s="119"/>
      <c r="AB684" s="119"/>
      <c r="AC684" s="119"/>
      <c r="AD684" s="119"/>
      <c r="AE684" s="119"/>
      <c r="AF684" s="119"/>
      <c r="AG684" s="119"/>
      <c r="AH684" s="119"/>
      <c r="AI684" s="119"/>
      <c r="AJ684" s="119"/>
      <c r="AK684" s="119"/>
      <c r="AL684" s="119"/>
      <c r="AM684" s="119"/>
      <c r="AN684" s="119"/>
      <c r="AO684" s="119"/>
      <c r="AP684" s="119"/>
      <c r="AQ684" s="119"/>
      <c r="AR684" s="119"/>
      <c r="AS684" s="119"/>
      <c r="AT684" s="119"/>
      <c r="AU684" s="119"/>
      <c r="AV684" s="119"/>
      <c r="AW684" s="119"/>
      <c r="AX684" s="119"/>
      <c r="AY684" s="119"/>
      <c r="AZ684" s="119"/>
      <c r="BA684" s="119"/>
      <c r="BB684" s="107">
        <v>45884</v>
      </c>
    </row>
    <row r="685" spans="1:54" s="207" customFormat="1" ht="13.95" customHeight="1" x14ac:dyDescent="0.25">
      <c r="A685" s="208" t="s">
        <v>1718</v>
      </c>
      <c r="B685" s="209" t="s">
        <v>20420</v>
      </c>
      <c r="C685" s="113" t="s">
        <v>1719</v>
      </c>
      <c r="D685" s="113" t="s">
        <v>1720</v>
      </c>
      <c r="E685" s="210">
        <v>1991</v>
      </c>
      <c r="F685" s="210">
        <v>564</v>
      </c>
      <c r="G685" s="113" t="s">
        <v>1</v>
      </c>
      <c r="H685" s="113">
        <v>0</v>
      </c>
      <c r="I685" s="113">
        <v>0</v>
      </c>
      <c r="J685" s="115">
        <v>1</v>
      </c>
      <c r="K685" s="116" t="s">
        <v>174</v>
      </c>
      <c r="L685" s="115">
        <v>0</v>
      </c>
      <c r="M685" s="115">
        <v>0</v>
      </c>
      <c r="N685" s="115">
        <v>0</v>
      </c>
      <c r="O685" s="115">
        <v>1</v>
      </c>
      <c r="P685" s="115">
        <v>1</v>
      </c>
      <c r="Q685" s="115" t="s">
        <v>400</v>
      </c>
      <c r="R685" s="115">
        <v>1</v>
      </c>
      <c r="S685" s="115">
        <v>0</v>
      </c>
      <c r="T685" s="115">
        <v>0</v>
      </c>
      <c r="U685" s="119"/>
      <c r="V685" s="119"/>
      <c r="W685" s="119"/>
      <c r="X685" s="119"/>
      <c r="Y685" s="119"/>
      <c r="Z685" s="119"/>
      <c r="AA685" s="119"/>
      <c r="AB685" s="119"/>
      <c r="AC685" s="119"/>
      <c r="AD685" s="119"/>
      <c r="AE685" s="119"/>
      <c r="AF685" s="119"/>
      <c r="AG685" s="119"/>
      <c r="AH685" s="119"/>
      <c r="AI685" s="119"/>
      <c r="AJ685" s="119"/>
      <c r="AK685" s="119"/>
      <c r="AL685" s="119"/>
      <c r="AM685" s="119"/>
      <c r="AN685" s="119"/>
      <c r="AO685" s="119"/>
      <c r="AP685" s="119"/>
      <c r="AQ685" s="119"/>
      <c r="AR685" s="119"/>
      <c r="AS685" s="119"/>
      <c r="AT685" s="119"/>
      <c r="AU685" s="119"/>
      <c r="AV685" s="119"/>
      <c r="AW685" s="119"/>
      <c r="AX685" s="119"/>
      <c r="AY685" s="119"/>
      <c r="AZ685" s="119"/>
      <c r="BA685" s="119"/>
      <c r="BB685" s="107">
        <v>45884</v>
      </c>
    </row>
    <row r="686" spans="1:54" s="207" customFormat="1" ht="13.95" customHeight="1" x14ac:dyDescent="0.25">
      <c r="A686" s="208" t="s">
        <v>1721</v>
      </c>
      <c r="B686" s="209" t="s">
        <v>20420</v>
      </c>
      <c r="C686" s="113" t="s">
        <v>1722</v>
      </c>
      <c r="D686" s="113" t="s">
        <v>22777</v>
      </c>
      <c r="E686" s="210">
        <v>1996</v>
      </c>
      <c r="F686" s="210">
        <v>567</v>
      </c>
      <c r="G686" s="113" t="s">
        <v>1</v>
      </c>
      <c r="H686" s="113">
        <v>0</v>
      </c>
      <c r="I686" s="113">
        <v>0</v>
      </c>
      <c r="J686" s="115">
        <v>1</v>
      </c>
      <c r="K686" s="116" t="s">
        <v>174</v>
      </c>
      <c r="L686" s="115">
        <v>0</v>
      </c>
      <c r="M686" s="115">
        <v>0</v>
      </c>
      <c r="N686" s="115">
        <v>0</v>
      </c>
      <c r="O686" s="115">
        <v>0</v>
      </c>
      <c r="P686" s="115" t="s">
        <v>400</v>
      </c>
      <c r="Q686" s="115" t="s">
        <v>400</v>
      </c>
      <c r="R686" s="115">
        <v>0</v>
      </c>
      <c r="S686" s="115">
        <v>0</v>
      </c>
      <c r="T686" s="115">
        <v>0</v>
      </c>
      <c r="U686" s="119"/>
      <c r="V686" s="119"/>
      <c r="W686" s="119"/>
      <c r="X686" s="119"/>
      <c r="Y686" s="119"/>
      <c r="Z686" s="119"/>
      <c r="AA686" s="119"/>
      <c r="AB686" s="119"/>
      <c r="AC686" s="119"/>
      <c r="AD686" s="119"/>
      <c r="AE686" s="119"/>
      <c r="AF686" s="119"/>
      <c r="AG686" s="119"/>
      <c r="AH686" s="119"/>
      <c r="AI686" s="119"/>
      <c r="AJ686" s="119"/>
      <c r="AK686" s="119"/>
      <c r="AL686" s="119"/>
      <c r="AM686" s="119"/>
      <c r="AN686" s="119"/>
      <c r="AO686" s="119"/>
      <c r="AP686" s="119"/>
      <c r="AQ686" s="119"/>
      <c r="AR686" s="119"/>
      <c r="AS686" s="119"/>
      <c r="AT686" s="119"/>
      <c r="AU686" s="119"/>
      <c r="AV686" s="119"/>
      <c r="AW686" s="119"/>
      <c r="AX686" s="119"/>
      <c r="AY686" s="119"/>
      <c r="AZ686" s="119"/>
      <c r="BA686" s="119"/>
      <c r="BB686" s="107">
        <v>45884</v>
      </c>
    </row>
    <row r="687" spans="1:54" s="207" customFormat="1" ht="13.95" customHeight="1" x14ac:dyDescent="0.25">
      <c r="A687" s="208" t="s">
        <v>1723</v>
      </c>
      <c r="B687" s="209" t="s">
        <v>20420</v>
      </c>
      <c r="C687" s="113" t="s">
        <v>1724</v>
      </c>
      <c r="D687" s="113" t="s">
        <v>1725</v>
      </c>
      <c r="E687" s="210">
        <v>1988</v>
      </c>
      <c r="F687" s="210">
        <v>567</v>
      </c>
      <c r="G687" s="113" t="s">
        <v>1</v>
      </c>
      <c r="H687" s="113">
        <v>0</v>
      </c>
      <c r="I687" s="113">
        <v>0</v>
      </c>
      <c r="J687" s="115">
        <v>1</v>
      </c>
      <c r="K687" s="116" t="s">
        <v>174</v>
      </c>
      <c r="L687" s="115">
        <v>1</v>
      </c>
      <c r="M687" s="115">
        <v>0</v>
      </c>
      <c r="N687" s="115">
        <v>0</v>
      </c>
      <c r="O687" s="115">
        <v>0</v>
      </c>
      <c r="P687" s="115" t="s">
        <v>400</v>
      </c>
      <c r="Q687" s="115" t="s">
        <v>400</v>
      </c>
      <c r="R687" s="115">
        <v>0</v>
      </c>
      <c r="S687" s="115">
        <v>0</v>
      </c>
      <c r="T687" s="115">
        <v>0</v>
      </c>
      <c r="U687" s="119"/>
      <c r="V687" s="119"/>
      <c r="W687" s="119"/>
      <c r="X687" s="119"/>
      <c r="Y687" s="119"/>
      <c r="Z687" s="119"/>
      <c r="AA687" s="119"/>
      <c r="AB687" s="119"/>
      <c r="AC687" s="119"/>
      <c r="AD687" s="119"/>
      <c r="AE687" s="119"/>
      <c r="AF687" s="119"/>
      <c r="AG687" s="119"/>
      <c r="AH687" s="119"/>
      <c r="AI687" s="119"/>
      <c r="AJ687" s="119"/>
      <c r="AK687" s="119"/>
      <c r="AL687" s="119"/>
      <c r="AM687" s="119"/>
      <c r="AN687" s="119"/>
      <c r="AO687" s="119"/>
      <c r="AP687" s="119"/>
      <c r="AQ687" s="119"/>
      <c r="AR687" s="119"/>
      <c r="AS687" s="119"/>
      <c r="AT687" s="119"/>
      <c r="AU687" s="119"/>
      <c r="AV687" s="119"/>
      <c r="AW687" s="119"/>
      <c r="AX687" s="119"/>
      <c r="AY687" s="119"/>
      <c r="AZ687" s="119"/>
      <c r="BA687" s="119"/>
      <c r="BB687" s="107">
        <v>45884</v>
      </c>
    </row>
    <row r="688" spans="1:54" s="207" customFormat="1" ht="13.95" customHeight="1" x14ac:dyDescent="0.25">
      <c r="A688" s="208" t="s">
        <v>1726</v>
      </c>
      <c r="B688" s="209" t="s">
        <v>20420</v>
      </c>
      <c r="C688" s="113" t="s">
        <v>1727</v>
      </c>
      <c r="D688" s="113" t="s">
        <v>1728</v>
      </c>
      <c r="E688" s="210">
        <v>1990</v>
      </c>
      <c r="F688" s="210">
        <v>568</v>
      </c>
      <c r="G688" s="113" t="s">
        <v>1</v>
      </c>
      <c r="H688" s="113">
        <v>0</v>
      </c>
      <c r="I688" s="113">
        <v>0</v>
      </c>
      <c r="J688" s="115">
        <v>1</v>
      </c>
      <c r="K688" s="116" t="s">
        <v>174</v>
      </c>
      <c r="L688" s="115">
        <v>1</v>
      </c>
      <c r="M688" s="115">
        <v>1</v>
      </c>
      <c r="N688" s="115">
        <v>0</v>
      </c>
      <c r="O688" s="115">
        <v>0</v>
      </c>
      <c r="P688" s="115" t="s">
        <v>400</v>
      </c>
      <c r="Q688" s="115" t="s">
        <v>400</v>
      </c>
      <c r="R688" s="115">
        <v>0</v>
      </c>
      <c r="S688" s="115">
        <v>0</v>
      </c>
      <c r="T688" s="115">
        <v>0</v>
      </c>
      <c r="U688" s="119"/>
      <c r="V688" s="119"/>
      <c r="W688" s="119"/>
      <c r="X688" s="119"/>
      <c r="Y688" s="119"/>
      <c r="Z688" s="119"/>
      <c r="AA688" s="119"/>
      <c r="AB688" s="119"/>
      <c r="AC688" s="119"/>
      <c r="AD688" s="119"/>
      <c r="AE688" s="119"/>
      <c r="AF688" s="119"/>
      <c r="AG688" s="119"/>
      <c r="AH688" s="119"/>
      <c r="AI688" s="119"/>
      <c r="AJ688" s="119"/>
      <c r="AK688" s="119"/>
      <c r="AL688" s="119"/>
      <c r="AM688" s="119"/>
      <c r="AN688" s="119"/>
      <c r="AO688" s="119"/>
      <c r="AP688" s="119"/>
      <c r="AQ688" s="119"/>
      <c r="AR688" s="119"/>
      <c r="AS688" s="119"/>
      <c r="AT688" s="119"/>
      <c r="AU688" s="119"/>
      <c r="AV688" s="119"/>
      <c r="AW688" s="119"/>
      <c r="AX688" s="119"/>
      <c r="AY688" s="119"/>
      <c r="AZ688" s="119"/>
      <c r="BA688" s="119"/>
      <c r="BB688" s="107">
        <v>45884</v>
      </c>
    </row>
    <row r="689" spans="1:54" s="207" customFormat="1" ht="13.95" customHeight="1" x14ac:dyDescent="0.25">
      <c r="A689" s="208" t="s">
        <v>1729</v>
      </c>
      <c r="B689" s="209" t="s">
        <v>20420</v>
      </c>
      <c r="C689" s="113" t="s">
        <v>1730</v>
      </c>
      <c r="D689" s="113" t="s">
        <v>22778</v>
      </c>
      <c r="E689" s="210">
        <v>1968</v>
      </c>
      <c r="F689" s="210">
        <v>570</v>
      </c>
      <c r="G689" s="113" t="s">
        <v>1</v>
      </c>
      <c r="H689" s="113">
        <v>0</v>
      </c>
      <c r="I689" s="113">
        <v>0</v>
      </c>
      <c r="J689" s="115">
        <v>1</v>
      </c>
      <c r="K689" s="116" t="s">
        <v>174</v>
      </c>
      <c r="L689" s="115">
        <v>1</v>
      </c>
      <c r="M689" s="115">
        <v>1</v>
      </c>
      <c r="N689" s="115">
        <v>0</v>
      </c>
      <c r="O689" s="115">
        <v>1</v>
      </c>
      <c r="P689" s="115" t="s">
        <v>400</v>
      </c>
      <c r="Q689" s="115" t="s">
        <v>400</v>
      </c>
      <c r="R689" s="115">
        <v>1</v>
      </c>
      <c r="S689" s="115">
        <v>0</v>
      </c>
      <c r="T689" s="115">
        <v>0</v>
      </c>
      <c r="U689" s="119"/>
      <c r="V689" s="119"/>
      <c r="W689" s="119"/>
      <c r="X689" s="119"/>
      <c r="Y689" s="119"/>
      <c r="Z689" s="119"/>
      <c r="AA689" s="119"/>
      <c r="AB689" s="119"/>
      <c r="AC689" s="119"/>
      <c r="AD689" s="119"/>
      <c r="AE689" s="119"/>
      <c r="AF689" s="119"/>
      <c r="AG689" s="119"/>
      <c r="AH689" s="119"/>
      <c r="AI689" s="119"/>
      <c r="AJ689" s="119"/>
      <c r="AK689" s="119"/>
      <c r="AL689" s="119"/>
      <c r="AM689" s="119"/>
      <c r="AN689" s="119"/>
      <c r="AO689" s="119"/>
      <c r="AP689" s="119"/>
      <c r="AQ689" s="119"/>
      <c r="AR689" s="119"/>
      <c r="AS689" s="119"/>
      <c r="AT689" s="119"/>
      <c r="AU689" s="119"/>
      <c r="AV689" s="119"/>
      <c r="AW689" s="119"/>
      <c r="AX689" s="119"/>
      <c r="AY689" s="119"/>
      <c r="AZ689" s="119"/>
      <c r="BA689" s="119"/>
      <c r="BB689" s="107">
        <v>45884</v>
      </c>
    </row>
    <row r="690" spans="1:54" s="207" customFormat="1" ht="13.95" customHeight="1" x14ac:dyDescent="0.25">
      <c r="A690" s="208" t="s">
        <v>1731</v>
      </c>
      <c r="B690" s="209" t="s">
        <v>20420</v>
      </c>
      <c r="C690" s="113" t="s">
        <v>1732</v>
      </c>
      <c r="D690" s="113" t="s">
        <v>1733</v>
      </c>
      <c r="E690" s="210">
        <v>1993</v>
      </c>
      <c r="F690" s="210">
        <v>570</v>
      </c>
      <c r="G690" s="113" t="s">
        <v>1</v>
      </c>
      <c r="H690" s="113">
        <v>0</v>
      </c>
      <c r="I690" s="113">
        <v>0</v>
      </c>
      <c r="J690" s="115">
        <v>1</v>
      </c>
      <c r="K690" s="211">
        <v>1</v>
      </c>
      <c r="L690" s="115">
        <v>1</v>
      </c>
      <c r="M690" s="115">
        <v>0</v>
      </c>
      <c r="N690" s="115">
        <v>0</v>
      </c>
      <c r="O690" s="115">
        <v>1</v>
      </c>
      <c r="P690" s="115">
        <v>1</v>
      </c>
      <c r="Q690" s="115" t="s">
        <v>400</v>
      </c>
      <c r="R690" s="115">
        <v>0</v>
      </c>
      <c r="S690" s="115">
        <v>0</v>
      </c>
      <c r="T690" s="115">
        <v>0</v>
      </c>
      <c r="U690" s="119"/>
      <c r="V690" s="119"/>
      <c r="W690" s="119"/>
      <c r="X690" s="119"/>
      <c r="Y690" s="119"/>
      <c r="Z690" s="119"/>
      <c r="AA690" s="119"/>
      <c r="AB690" s="119"/>
      <c r="AC690" s="119"/>
      <c r="AD690" s="119"/>
      <c r="AE690" s="119"/>
      <c r="AF690" s="119"/>
      <c r="AG690" s="119"/>
      <c r="AH690" s="119"/>
      <c r="AI690" s="119"/>
      <c r="AJ690" s="119"/>
      <c r="AK690" s="119"/>
      <c r="AL690" s="119"/>
      <c r="AM690" s="119"/>
      <c r="AN690" s="119"/>
      <c r="AO690" s="119"/>
      <c r="AP690" s="119"/>
      <c r="AQ690" s="119"/>
      <c r="AR690" s="119"/>
      <c r="AS690" s="119"/>
      <c r="AT690" s="119"/>
      <c r="AU690" s="119"/>
      <c r="AV690" s="119"/>
      <c r="AW690" s="119"/>
      <c r="AX690" s="119"/>
      <c r="AY690" s="119"/>
      <c r="AZ690" s="119"/>
      <c r="BA690" s="119"/>
      <c r="BB690" s="107">
        <v>45884</v>
      </c>
    </row>
    <row r="691" spans="1:54" s="207" customFormat="1" ht="13.95" customHeight="1" x14ac:dyDescent="0.25">
      <c r="A691" s="208" t="s">
        <v>1734</v>
      </c>
      <c r="B691" s="209" t="s">
        <v>20420</v>
      </c>
      <c r="C691" s="113" t="s">
        <v>1735</v>
      </c>
      <c r="D691" s="113" t="s">
        <v>1736</v>
      </c>
      <c r="E691" s="210">
        <v>2006</v>
      </c>
      <c r="F691" s="210">
        <v>570</v>
      </c>
      <c r="G691" s="113" t="s">
        <v>1</v>
      </c>
      <c r="H691" s="113">
        <v>0</v>
      </c>
      <c r="I691" s="113">
        <v>0</v>
      </c>
      <c r="J691" s="115">
        <v>1</v>
      </c>
      <c r="K691" s="116" t="s">
        <v>174</v>
      </c>
      <c r="L691" s="115">
        <v>1</v>
      </c>
      <c r="M691" s="115">
        <v>1</v>
      </c>
      <c r="N691" s="115">
        <v>0</v>
      </c>
      <c r="O691" s="115">
        <v>0</v>
      </c>
      <c r="P691" s="115" t="s">
        <v>400</v>
      </c>
      <c r="Q691" s="115" t="s">
        <v>400</v>
      </c>
      <c r="R691" s="115">
        <v>0</v>
      </c>
      <c r="S691" s="115">
        <v>0</v>
      </c>
      <c r="T691" s="115">
        <v>0</v>
      </c>
      <c r="U691" s="119"/>
      <c r="V691" s="119"/>
      <c r="W691" s="119"/>
      <c r="X691" s="119"/>
      <c r="Y691" s="119"/>
      <c r="Z691" s="119"/>
      <c r="AA691" s="119"/>
      <c r="AB691" s="119"/>
      <c r="AC691" s="119"/>
      <c r="AD691" s="119"/>
      <c r="AE691" s="119"/>
      <c r="AF691" s="119"/>
      <c r="AG691" s="119"/>
      <c r="AH691" s="119"/>
      <c r="AI691" s="119"/>
      <c r="AJ691" s="119"/>
      <c r="AK691" s="119"/>
      <c r="AL691" s="119"/>
      <c r="AM691" s="119"/>
      <c r="AN691" s="119"/>
      <c r="AO691" s="119"/>
      <c r="AP691" s="119"/>
      <c r="AQ691" s="119"/>
      <c r="AR691" s="119"/>
      <c r="AS691" s="119"/>
      <c r="AT691" s="119"/>
      <c r="AU691" s="119"/>
      <c r="AV691" s="119"/>
      <c r="AW691" s="119"/>
      <c r="AX691" s="119"/>
      <c r="AY691" s="119"/>
      <c r="AZ691" s="119"/>
      <c r="BA691" s="119"/>
      <c r="BB691" s="107">
        <v>45884</v>
      </c>
    </row>
    <row r="692" spans="1:54" s="207" customFormat="1" ht="13.95" customHeight="1" x14ac:dyDescent="0.25">
      <c r="A692" s="208" t="s">
        <v>1737</v>
      </c>
      <c r="B692" s="209" t="s">
        <v>20420</v>
      </c>
      <c r="C692" s="113" t="s">
        <v>1738</v>
      </c>
      <c r="D692" s="113" t="s">
        <v>22779</v>
      </c>
      <c r="E692" s="210">
        <v>1973</v>
      </c>
      <c r="F692" s="210">
        <v>572</v>
      </c>
      <c r="G692" s="113" t="s">
        <v>1</v>
      </c>
      <c r="H692" s="113">
        <v>0</v>
      </c>
      <c r="I692" s="113">
        <v>0</v>
      </c>
      <c r="J692" s="115">
        <v>1</v>
      </c>
      <c r="K692" s="116" t="s">
        <v>174</v>
      </c>
      <c r="L692" s="115">
        <v>1</v>
      </c>
      <c r="M692" s="115">
        <v>0</v>
      </c>
      <c r="N692" s="115">
        <v>0</v>
      </c>
      <c r="O692" s="115">
        <v>1</v>
      </c>
      <c r="P692" s="115">
        <v>1</v>
      </c>
      <c r="Q692" s="115" t="s">
        <v>400</v>
      </c>
      <c r="R692" s="115">
        <v>1</v>
      </c>
      <c r="S692" s="115">
        <v>0</v>
      </c>
      <c r="T692" s="115">
        <v>0</v>
      </c>
      <c r="U692" s="119"/>
      <c r="V692" s="119"/>
      <c r="W692" s="119"/>
      <c r="X692" s="119"/>
      <c r="Y692" s="119"/>
      <c r="Z692" s="119"/>
      <c r="AA692" s="119"/>
      <c r="AB692" s="119"/>
      <c r="AC692" s="119"/>
      <c r="AD692" s="119"/>
      <c r="AE692" s="119"/>
      <c r="AF692" s="119"/>
      <c r="AG692" s="119"/>
      <c r="AH692" s="119"/>
      <c r="AI692" s="119"/>
      <c r="AJ692" s="119"/>
      <c r="AK692" s="119"/>
      <c r="AL692" s="119"/>
      <c r="AM692" s="119"/>
      <c r="AN692" s="119"/>
      <c r="AO692" s="119"/>
      <c r="AP692" s="119"/>
      <c r="AQ692" s="119"/>
      <c r="AR692" s="119"/>
      <c r="AS692" s="119"/>
      <c r="AT692" s="119"/>
      <c r="AU692" s="119"/>
      <c r="AV692" s="119"/>
      <c r="AW692" s="119"/>
      <c r="AX692" s="119"/>
      <c r="AY692" s="119"/>
      <c r="AZ692" s="119"/>
      <c r="BA692" s="119"/>
      <c r="BB692" s="107">
        <v>45884</v>
      </c>
    </row>
    <row r="693" spans="1:54" s="207" customFormat="1" ht="13.95" customHeight="1" x14ac:dyDescent="0.25">
      <c r="A693" s="208" t="s">
        <v>1739</v>
      </c>
      <c r="B693" s="209" t="s">
        <v>20420</v>
      </c>
      <c r="C693" s="113" t="s">
        <v>1740</v>
      </c>
      <c r="D693" s="113" t="s">
        <v>22780</v>
      </c>
      <c r="E693" s="210">
        <v>2000</v>
      </c>
      <c r="F693" s="210">
        <v>572</v>
      </c>
      <c r="G693" s="113" t="s">
        <v>1</v>
      </c>
      <c r="H693" s="113">
        <v>0</v>
      </c>
      <c r="I693" s="113">
        <v>0</v>
      </c>
      <c r="J693" s="115">
        <v>1</v>
      </c>
      <c r="K693" s="116" t="s">
        <v>174</v>
      </c>
      <c r="L693" s="115">
        <v>0</v>
      </c>
      <c r="M693" s="115">
        <v>1</v>
      </c>
      <c r="N693" s="115">
        <v>0</v>
      </c>
      <c r="O693" s="115">
        <v>1</v>
      </c>
      <c r="P693" s="115" t="s">
        <v>400</v>
      </c>
      <c r="Q693" s="115" t="s">
        <v>400</v>
      </c>
      <c r="R693" s="115">
        <v>0</v>
      </c>
      <c r="S693" s="115">
        <v>0</v>
      </c>
      <c r="T693" s="115">
        <v>0</v>
      </c>
      <c r="U693" s="119"/>
      <c r="V693" s="119"/>
      <c r="W693" s="119"/>
      <c r="X693" s="119"/>
      <c r="Y693" s="119"/>
      <c r="Z693" s="119"/>
      <c r="AA693" s="119"/>
      <c r="AB693" s="119"/>
      <c r="AC693" s="119"/>
      <c r="AD693" s="119"/>
      <c r="AE693" s="119"/>
      <c r="AF693" s="119"/>
      <c r="AG693" s="119"/>
      <c r="AH693" s="119"/>
      <c r="AI693" s="119"/>
      <c r="AJ693" s="119"/>
      <c r="AK693" s="119"/>
      <c r="AL693" s="119"/>
      <c r="AM693" s="119"/>
      <c r="AN693" s="119"/>
      <c r="AO693" s="119"/>
      <c r="AP693" s="119"/>
      <c r="AQ693" s="119"/>
      <c r="AR693" s="119"/>
      <c r="AS693" s="119"/>
      <c r="AT693" s="119"/>
      <c r="AU693" s="119"/>
      <c r="AV693" s="119"/>
      <c r="AW693" s="119"/>
      <c r="AX693" s="119"/>
      <c r="AY693" s="119"/>
      <c r="AZ693" s="119"/>
      <c r="BA693" s="119"/>
      <c r="BB693" s="107">
        <v>45884</v>
      </c>
    </row>
    <row r="694" spans="1:54" s="207" customFormat="1" ht="13.95" customHeight="1" x14ac:dyDescent="0.25">
      <c r="A694" s="208" t="s">
        <v>1741</v>
      </c>
      <c r="B694" s="209" t="s">
        <v>20420</v>
      </c>
      <c r="C694" s="113" t="s">
        <v>1742</v>
      </c>
      <c r="D694" s="113" t="s">
        <v>1743</v>
      </c>
      <c r="E694" s="210">
        <v>1974</v>
      </c>
      <c r="F694" s="210">
        <v>572</v>
      </c>
      <c r="G694" s="113" t="s">
        <v>1</v>
      </c>
      <c r="H694" s="113">
        <v>0</v>
      </c>
      <c r="I694" s="113">
        <v>0</v>
      </c>
      <c r="J694" s="115">
        <v>1</v>
      </c>
      <c r="K694" s="116" t="s">
        <v>174</v>
      </c>
      <c r="L694" s="115">
        <v>0</v>
      </c>
      <c r="M694" s="115">
        <v>0</v>
      </c>
      <c r="N694" s="115">
        <v>1</v>
      </c>
      <c r="O694" s="115">
        <v>0</v>
      </c>
      <c r="P694" s="115">
        <v>1</v>
      </c>
      <c r="Q694" s="115" t="s">
        <v>400</v>
      </c>
      <c r="R694" s="115">
        <v>1</v>
      </c>
      <c r="S694" s="115">
        <v>0</v>
      </c>
      <c r="T694" s="115">
        <v>0</v>
      </c>
      <c r="U694" s="119"/>
      <c r="V694" s="119"/>
      <c r="W694" s="119"/>
      <c r="X694" s="119"/>
      <c r="Y694" s="119"/>
      <c r="Z694" s="119"/>
      <c r="AA694" s="119"/>
      <c r="AB694" s="119"/>
      <c r="AC694" s="119"/>
      <c r="AD694" s="119"/>
      <c r="AE694" s="119"/>
      <c r="AF694" s="119"/>
      <c r="AG694" s="119"/>
      <c r="AH694" s="119"/>
      <c r="AI694" s="119"/>
      <c r="AJ694" s="119"/>
      <c r="AK694" s="119"/>
      <c r="AL694" s="119"/>
      <c r="AM694" s="119"/>
      <c r="AN694" s="119"/>
      <c r="AO694" s="119"/>
      <c r="AP694" s="119"/>
      <c r="AQ694" s="119"/>
      <c r="AR694" s="119"/>
      <c r="AS694" s="119"/>
      <c r="AT694" s="119"/>
      <c r="AU694" s="119"/>
      <c r="AV694" s="119"/>
      <c r="AW694" s="119"/>
      <c r="AX694" s="119"/>
      <c r="AY694" s="119"/>
      <c r="AZ694" s="119"/>
      <c r="BA694" s="119"/>
      <c r="BB694" s="107">
        <v>45884</v>
      </c>
    </row>
    <row r="695" spans="1:54" s="207" customFormat="1" ht="13.95" customHeight="1" x14ac:dyDescent="0.25">
      <c r="A695" s="208" t="s">
        <v>1744</v>
      </c>
      <c r="B695" s="209" t="s">
        <v>20420</v>
      </c>
      <c r="C695" s="113" t="s">
        <v>1745</v>
      </c>
      <c r="D695" s="113" t="s">
        <v>1746</v>
      </c>
      <c r="E695" s="210">
        <v>1975</v>
      </c>
      <c r="F695" s="210">
        <v>575</v>
      </c>
      <c r="G695" s="113" t="s">
        <v>1</v>
      </c>
      <c r="H695" s="113">
        <v>0</v>
      </c>
      <c r="I695" s="113">
        <v>0</v>
      </c>
      <c r="J695" s="115">
        <v>1</v>
      </c>
      <c r="K695" s="116" t="s">
        <v>174</v>
      </c>
      <c r="L695" s="115">
        <v>1</v>
      </c>
      <c r="M695" s="115">
        <v>1</v>
      </c>
      <c r="N695" s="115">
        <v>0</v>
      </c>
      <c r="O695" s="115">
        <v>0</v>
      </c>
      <c r="P695" s="115" t="s">
        <v>400</v>
      </c>
      <c r="Q695" s="115" t="s">
        <v>400</v>
      </c>
      <c r="R695" s="115">
        <v>1</v>
      </c>
      <c r="S695" s="115">
        <v>0</v>
      </c>
      <c r="T695" s="115">
        <v>0</v>
      </c>
      <c r="U695" s="119"/>
      <c r="V695" s="119"/>
      <c r="W695" s="119"/>
      <c r="X695" s="119"/>
      <c r="Y695" s="119"/>
      <c r="Z695" s="119"/>
      <c r="AA695" s="119"/>
      <c r="AB695" s="119"/>
      <c r="AC695" s="119"/>
      <c r="AD695" s="119"/>
      <c r="AE695" s="119"/>
      <c r="AF695" s="119"/>
      <c r="AG695" s="119"/>
      <c r="AH695" s="119"/>
      <c r="AI695" s="119"/>
      <c r="AJ695" s="119"/>
      <c r="AK695" s="119"/>
      <c r="AL695" s="119"/>
      <c r="AM695" s="119"/>
      <c r="AN695" s="119"/>
      <c r="AO695" s="119"/>
      <c r="AP695" s="119"/>
      <c r="AQ695" s="119"/>
      <c r="AR695" s="119"/>
      <c r="AS695" s="119"/>
      <c r="AT695" s="119"/>
      <c r="AU695" s="119"/>
      <c r="AV695" s="119"/>
      <c r="AW695" s="119"/>
      <c r="AX695" s="119"/>
      <c r="AY695" s="119"/>
      <c r="AZ695" s="119"/>
      <c r="BA695" s="119"/>
      <c r="BB695" s="107">
        <v>45884</v>
      </c>
    </row>
    <row r="696" spans="1:54" s="207" customFormat="1" ht="13.95" customHeight="1" x14ac:dyDescent="0.25">
      <c r="A696" s="208" t="s">
        <v>1747</v>
      </c>
      <c r="B696" s="209" t="s">
        <v>20420</v>
      </c>
      <c r="C696" s="113" t="s">
        <v>1748</v>
      </c>
      <c r="D696" s="113" t="s">
        <v>22781</v>
      </c>
      <c r="E696" s="210">
        <v>1973</v>
      </c>
      <c r="F696" s="210">
        <v>576</v>
      </c>
      <c r="G696" s="113" t="s">
        <v>1</v>
      </c>
      <c r="H696" s="113">
        <v>0</v>
      </c>
      <c r="I696" s="113">
        <v>0</v>
      </c>
      <c r="J696" s="115">
        <v>1</v>
      </c>
      <c r="K696" s="211">
        <v>1</v>
      </c>
      <c r="L696" s="115">
        <v>0</v>
      </c>
      <c r="M696" s="115">
        <v>0</v>
      </c>
      <c r="N696" s="115">
        <v>0</v>
      </c>
      <c r="O696" s="115">
        <v>1</v>
      </c>
      <c r="P696" s="115">
        <v>1</v>
      </c>
      <c r="Q696" s="115" t="s">
        <v>400</v>
      </c>
      <c r="R696" s="115">
        <v>0</v>
      </c>
      <c r="S696" s="115">
        <v>0</v>
      </c>
      <c r="T696" s="115">
        <v>0</v>
      </c>
      <c r="U696" s="119"/>
      <c r="V696" s="119"/>
      <c r="W696" s="119"/>
      <c r="X696" s="119"/>
      <c r="Y696" s="119"/>
      <c r="Z696" s="119"/>
      <c r="AA696" s="119"/>
      <c r="AB696" s="119"/>
      <c r="AC696" s="119"/>
      <c r="AD696" s="119"/>
      <c r="AE696" s="119"/>
      <c r="AF696" s="119"/>
      <c r="AG696" s="119"/>
      <c r="AH696" s="119"/>
      <c r="AI696" s="119"/>
      <c r="AJ696" s="119"/>
      <c r="AK696" s="119"/>
      <c r="AL696" s="119"/>
      <c r="AM696" s="119"/>
      <c r="AN696" s="119"/>
      <c r="AO696" s="119"/>
      <c r="AP696" s="119"/>
      <c r="AQ696" s="119"/>
      <c r="AR696" s="119"/>
      <c r="AS696" s="119"/>
      <c r="AT696" s="119"/>
      <c r="AU696" s="119"/>
      <c r="AV696" s="119"/>
      <c r="AW696" s="119"/>
      <c r="AX696" s="119"/>
      <c r="AY696" s="119"/>
      <c r="AZ696" s="119"/>
      <c r="BA696" s="119"/>
      <c r="BB696" s="107">
        <v>45884</v>
      </c>
    </row>
    <row r="697" spans="1:54" s="207" customFormat="1" ht="13.95" customHeight="1" x14ac:dyDescent="0.25">
      <c r="A697" s="208" t="s">
        <v>1749</v>
      </c>
      <c r="B697" s="209" t="s">
        <v>20420</v>
      </c>
      <c r="C697" s="113" t="s">
        <v>1750</v>
      </c>
      <c r="D697" s="113" t="s">
        <v>22782</v>
      </c>
      <c r="E697" s="210">
        <v>1975</v>
      </c>
      <c r="F697" s="210">
        <v>579</v>
      </c>
      <c r="G697" s="113" t="s">
        <v>1</v>
      </c>
      <c r="H697" s="113">
        <v>0</v>
      </c>
      <c r="I697" s="113">
        <v>0</v>
      </c>
      <c r="J697" s="115">
        <v>1</v>
      </c>
      <c r="K697" s="211">
        <v>1</v>
      </c>
      <c r="L697" s="115">
        <v>1</v>
      </c>
      <c r="M697" s="115">
        <v>0</v>
      </c>
      <c r="N697" s="115">
        <v>0</v>
      </c>
      <c r="O697" s="115">
        <v>1</v>
      </c>
      <c r="P697" s="115">
        <v>1</v>
      </c>
      <c r="Q697" s="115" t="s">
        <v>400</v>
      </c>
      <c r="R697" s="115">
        <v>0</v>
      </c>
      <c r="S697" s="115">
        <v>0</v>
      </c>
      <c r="T697" s="115">
        <v>0</v>
      </c>
      <c r="U697" s="119"/>
      <c r="V697" s="119"/>
      <c r="W697" s="119"/>
      <c r="X697" s="119"/>
      <c r="Y697" s="119"/>
      <c r="Z697" s="119"/>
      <c r="AA697" s="119"/>
      <c r="AB697" s="119"/>
      <c r="AC697" s="119"/>
      <c r="AD697" s="119"/>
      <c r="AE697" s="119"/>
      <c r="AF697" s="119"/>
      <c r="AG697" s="119"/>
      <c r="AH697" s="119"/>
      <c r="AI697" s="119"/>
      <c r="AJ697" s="119"/>
      <c r="AK697" s="119"/>
      <c r="AL697" s="119"/>
      <c r="AM697" s="119"/>
      <c r="AN697" s="119"/>
      <c r="AO697" s="119"/>
      <c r="AP697" s="119"/>
      <c r="AQ697" s="119"/>
      <c r="AR697" s="119"/>
      <c r="AS697" s="119"/>
      <c r="AT697" s="119"/>
      <c r="AU697" s="119"/>
      <c r="AV697" s="119"/>
      <c r="AW697" s="119"/>
      <c r="AX697" s="119"/>
      <c r="AY697" s="119"/>
      <c r="AZ697" s="119"/>
      <c r="BA697" s="119"/>
      <c r="BB697" s="107">
        <v>45884</v>
      </c>
    </row>
    <row r="698" spans="1:54" s="207" customFormat="1" ht="13.95" customHeight="1" x14ac:dyDescent="0.25">
      <c r="A698" s="208" t="s">
        <v>1751</v>
      </c>
      <c r="B698" s="209" t="s">
        <v>20420</v>
      </c>
      <c r="C698" s="113" t="s">
        <v>1752</v>
      </c>
      <c r="D698" s="113" t="s">
        <v>1753</v>
      </c>
      <c r="E698" s="210">
        <v>1977</v>
      </c>
      <c r="F698" s="210">
        <v>580</v>
      </c>
      <c r="G698" s="113" t="s">
        <v>1</v>
      </c>
      <c r="H698" s="113">
        <v>0</v>
      </c>
      <c r="I698" s="113">
        <v>0</v>
      </c>
      <c r="J698" s="115">
        <v>1</v>
      </c>
      <c r="K698" s="211">
        <v>1</v>
      </c>
      <c r="L698" s="115">
        <v>1</v>
      </c>
      <c r="M698" s="115">
        <v>1</v>
      </c>
      <c r="N698" s="115">
        <v>0</v>
      </c>
      <c r="O698" s="115">
        <v>0</v>
      </c>
      <c r="P698" s="115" t="s">
        <v>400</v>
      </c>
      <c r="Q698" s="115" t="s">
        <v>400</v>
      </c>
      <c r="R698" s="115">
        <v>0</v>
      </c>
      <c r="S698" s="115">
        <v>0</v>
      </c>
      <c r="T698" s="115">
        <v>0</v>
      </c>
      <c r="U698" s="119"/>
      <c r="V698" s="119"/>
      <c r="W698" s="119"/>
      <c r="X698" s="119"/>
      <c r="Y698" s="119"/>
      <c r="Z698" s="119"/>
      <c r="AA698" s="119"/>
      <c r="AB698" s="119"/>
      <c r="AC698" s="119"/>
      <c r="AD698" s="119"/>
      <c r="AE698" s="119"/>
      <c r="AF698" s="119"/>
      <c r="AG698" s="119"/>
      <c r="AH698" s="119"/>
      <c r="AI698" s="119"/>
      <c r="AJ698" s="119"/>
      <c r="AK698" s="119"/>
      <c r="AL698" s="119"/>
      <c r="AM698" s="119"/>
      <c r="AN698" s="119"/>
      <c r="AO698" s="119"/>
      <c r="AP698" s="119"/>
      <c r="AQ698" s="119"/>
      <c r="AR698" s="119"/>
      <c r="AS698" s="119"/>
      <c r="AT698" s="119"/>
      <c r="AU698" s="119"/>
      <c r="AV698" s="119"/>
      <c r="AW698" s="119"/>
      <c r="AX698" s="119"/>
      <c r="AY698" s="119"/>
      <c r="AZ698" s="119"/>
      <c r="BA698" s="119"/>
      <c r="BB698" s="107">
        <v>45884</v>
      </c>
    </row>
    <row r="699" spans="1:54" s="207" customFormat="1" ht="13.95" customHeight="1" x14ac:dyDescent="0.25">
      <c r="A699" s="208" t="s">
        <v>1754</v>
      </c>
      <c r="B699" s="209" t="s">
        <v>20420</v>
      </c>
      <c r="C699" s="113" t="s">
        <v>1755</v>
      </c>
      <c r="D699" s="113" t="s">
        <v>1756</v>
      </c>
      <c r="E699" s="210">
        <v>1991</v>
      </c>
      <c r="F699" s="210">
        <v>580</v>
      </c>
      <c r="G699" s="113" t="s">
        <v>1</v>
      </c>
      <c r="H699" s="113">
        <v>0</v>
      </c>
      <c r="I699" s="113">
        <v>0</v>
      </c>
      <c r="J699" s="115">
        <v>1</v>
      </c>
      <c r="K699" s="116" t="s">
        <v>174</v>
      </c>
      <c r="L699" s="115">
        <v>1</v>
      </c>
      <c r="M699" s="115">
        <v>0</v>
      </c>
      <c r="N699" s="115">
        <v>0</v>
      </c>
      <c r="O699" s="115">
        <v>0</v>
      </c>
      <c r="P699" s="115">
        <v>1</v>
      </c>
      <c r="Q699" s="115" t="s">
        <v>400</v>
      </c>
      <c r="R699" s="115">
        <v>1</v>
      </c>
      <c r="S699" s="115">
        <v>0</v>
      </c>
      <c r="T699" s="115">
        <v>0</v>
      </c>
      <c r="U699" s="119"/>
      <c r="V699" s="119"/>
      <c r="W699" s="119"/>
      <c r="X699" s="119"/>
      <c r="Y699" s="119"/>
      <c r="Z699" s="119"/>
      <c r="AA699" s="119"/>
      <c r="AB699" s="119"/>
      <c r="AC699" s="119"/>
      <c r="AD699" s="119"/>
      <c r="AE699" s="119"/>
      <c r="AF699" s="119"/>
      <c r="AG699" s="119"/>
      <c r="AH699" s="119"/>
      <c r="AI699" s="119"/>
      <c r="AJ699" s="119"/>
      <c r="AK699" s="119"/>
      <c r="AL699" s="119"/>
      <c r="AM699" s="119"/>
      <c r="AN699" s="119"/>
      <c r="AO699" s="119"/>
      <c r="AP699" s="119"/>
      <c r="AQ699" s="119"/>
      <c r="AR699" s="119"/>
      <c r="AS699" s="119"/>
      <c r="AT699" s="119"/>
      <c r="AU699" s="119"/>
      <c r="AV699" s="119"/>
      <c r="AW699" s="119"/>
      <c r="AX699" s="119"/>
      <c r="AY699" s="119"/>
      <c r="AZ699" s="119"/>
      <c r="BA699" s="119"/>
      <c r="BB699" s="107">
        <v>45884</v>
      </c>
    </row>
    <row r="700" spans="1:54" s="207" customFormat="1" ht="13.95" customHeight="1" x14ac:dyDescent="0.25">
      <c r="A700" s="208" t="s">
        <v>1757</v>
      </c>
      <c r="B700" s="209" t="s">
        <v>20420</v>
      </c>
      <c r="C700" s="113" t="s">
        <v>1758</v>
      </c>
      <c r="D700" s="113" t="s">
        <v>22783</v>
      </c>
      <c r="E700" s="210">
        <v>1984</v>
      </c>
      <c r="F700" s="210">
        <v>580</v>
      </c>
      <c r="G700" s="113" t="s">
        <v>1</v>
      </c>
      <c r="H700" s="113">
        <v>0</v>
      </c>
      <c r="I700" s="113">
        <v>0</v>
      </c>
      <c r="J700" s="115">
        <v>1</v>
      </c>
      <c r="K700" s="116" t="s">
        <v>174</v>
      </c>
      <c r="L700" s="115">
        <v>0</v>
      </c>
      <c r="M700" s="115">
        <v>0</v>
      </c>
      <c r="N700" s="115">
        <v>1</v>
      </c>
      <c r="O700" s="115">
        <v>1</v>
      </c>
      <c r="P700" s="115" t="s">
        <v>400</v>
      </c>
      <c r="Q700" s="115" t="s">
        <v>400</v>
      </c>
      <c r="R700" s="115">
        <v>1</v>
      </c>
      <c r="S700" s="115">
        <v>0</v>
      </c>
      <c r="T700" s="115">
        <v>0</v>
      </c>
      <c r="U700" s="119"/>
      <c r="V700" s="119"/>
      <c r="W700" s="119"/>
      <c r="X700" s="119"/>
      <c r="Y700" s="119"/>
      <c r="Z700" s="119"/>
      <c r="AA700" s="119"/>
      <c r="AB700" s="119"/>
      <c r="AC700" s="119"/>
      <c r="AD700" s="119"/>
      <c r="AE700" s="119"/>
      <c r="AF700" s="119"/>
      <c r="AG700" s="119"/>
      <c r="AH700" s="119"/>
      <c r="AI700" s="119"/>
      <c r="AJ700" s="119"/>
      <c r="AK700" s="119"/>
      <c r="AL700" s="119"/>
      <c r="AM700" s="119"/>
      <c r="AN700" s="119"/>
      <c r="AO700" s="119"/>
      <c r="AP700" s="119"/>
      <c r="AQ700" s="119"/>
      <c r="AR700" s="119"/>
      <c r="AS700" s="119"/>
      <c r="AT700" s="119"/>
      <c r="AU700" s="119"/>
      <c r="AV700" s="119"/>
      <c r="AW700" s="119"/>
      <c r="AX700" s="119"/>
      <c r="AY700" s="119"/>
      <c r="AZ700" s="119"/>
      <c r="BA700" s="119"/>
      <c r="BB700" s="107">
        <v>45884</v>
      </c>
    </row>
    <row r="701" spans="1:54" s="207" customFormat="1" ht="13.95" customHeight="1" x14ac:dyDescent="0.25">
      <c r="A701" s="208" t="s">
        <v>1759</v>
      </c>
      <c r="B701" s="209" t="s">
        <v>20420</v>
      </c>
      <c r="C701" s="113" t="s">
        <v>1760</v>
      </c>
      <c r="D701" s="113" t="s">
        <v>22784</v>
      </c>
      <c r="E701" s="210">
        <v>1987</v>
      </c>
      <c r="F701" s="210">
        <v>583</v>
      </c>
      <c r="G701" s="113" t="s">
        <v>1</v>
      </c>
      <c r="H701" s="113">
        <v>0</v>
      </c>
      <c r="I701" s="113">
        <v>0</v>
      </c>
      <c r="J701" s="115">
        <v>1</v>
      </c>
      <c r="K701" s="116" t="s">
        <v>174</v>
      </c>
      <c r="L701" s="115">
        <v>1</v>
      </c>
      <c r="M701" s="115">
        <v>0</v>
      </c>
      <c r="N701" s="115">
        <v>0</v>
      </c>
      <c r="O701" s="115">
        <v>0</v>
      </c>
      <c r="P701" s="115">
        <v>1</v>
      </c>
      <c r="Q701" s="115" t="s">
        <v>400</v>
      </c>
      <c r="R701" s="115">
        <v>0</v>
      </c>
      <c r="S701" s="115">
        <v>0</v>
      </c>
      <c r="T701" s="115">
        <v>0</v>
      </c>
      <c r="U701" s="119"/>
      <c r="V701" s="119"/>
      <c r="W701" s="119"/>
      <c r="X701" s="119"/>
      <c r="Y701" s="119"/>
      <c r="Z701" s="119"/>
      <c r="AA701" s="119"/>
      <c r="AB701" s="119"/>
      <c r="AC701" s="119"/>
      <c r="AD701" s="119"/>
      <c r="AE701" s="119"/>
      <c r="AF701" s="119"/>
      <c r="AG701" s="119"/>
      <c r="AH701" s="119"/>
      <c r="AI701" s="119"/>
      <c r="AJ701" s="119"/>
      <c r="AK701" s="119"/>
      <c r="AL701" s="119"/>
      <c r="AM701" s="119"/>
      <c r="AN701" s="119"/>
      <c r="AO701" s="119"/>
      <c r="AP701" s="119"/>
      <c r="AQ701" s="119"/>
      <c r="AR701" s="119"/>
      <c r="AS701" s="119"/>
      <c r="AT701" s="119"/>
      <c r="AU701" s="119"/>
      <c r="AV701" s="119"/>
      <c r="AW701" s="119"/>
      <c r="AX701" s="119"/>
      <c r="AY701" s="119"/>
      <c r="AZ701" s="119"/>
      <c r="BA701" s="119"/>
      <c r="BB701" s="107">
        <v>45884</v>
      </c>
    </row>
    <row r="702" spans="1:54" s="207" customFormat="1" ht="13.95" customHeight="1" x14ac:dyDescent="0.25">
      <c r="A702" s="208" t="s">
        <v>1761</v>
      </c>
      <c r="B702" s="209" t="s">
        <v>20420</v>
      </c>
      <c r="C702" s="113" t="s">
        <v>1762</v>
      </c>
      <c r="D702" s="113" t="s">
        <v>22785</v>
      </c>
      <c r="E702" s="210">
        <v>1978</v>
      </c>
      <c r="F702" s="210">
        <v>584</v>
      </c>
      <c r="G702" s="113" t="s">
        <v>1</v>
      </c>
      <c r="H702" s="113">
        <v>0</v>
      </c>
      <c r="I702" s="113">
        <v>0</v>
      </c>
      <c r="J702" s="115">
        <v>1</v>
      </c>
      <c r="K702" s="211">
        <v>1</v>
      </c>
      <c r="L702" s="115">
        <v>0</v>
      </c>
      <c r="M702" s="115">
        <v>0</v>
      </c>
      <c r="N702" s="115">
        <v>1</v>
      </c>
      <c r="O702" s="115">
        <v>0</v>
      </c>
      <c r="P702" s="115">
        <v>1</v>
      </c>
      <c r="Q702" s="115" t="s">
        <v>400</v>
      </c>
      <c r="R702" s="115">
        <v>1</v>
      </c>
      <c r="S702" s="115">
        <v>0</v>
      </c>
      <c r="T702" s="115">
        <v>0</v>
      </c>
      <c r="U702" s="119"/>
      <c r="V702" s="119"/>
      <c r="W702" s="119"/>
      <c r="X702" s="119"/>
      <c r="Y702" s="119"/>
      <c r="Z702" s="119"/>
      <c r="AA702" s="119"/>
      <c r="AB702" s="119"/>
      <c r="AC702" s="119"/>
      <c r="AD702" s="119"/>
      <c r="AE702" s="119"/>
      <c r="AF702" s="119"/>
      <c r="AG702" s="119"/>
      <c r="AH702" s="119"/>
      <c r="AI702" s="119"/>
      <c r="AJ702" s="119"/>
      <c r="AK702" s="119"/>
      <c r="AL702" s="119"/>
      <c r="AM702" s="119"/>
      <c r="AN702" s="119"/>
      <c r="AO702" s="119"/>
      <c r="AP702" s="119"/>
      <c r="AQ702" s="119"/>
      <c r="AR702" s="119"/>
      <c r="AS702" s="119"/>
      <c r="AT702" s="119"/>
      <c r="AU702" s="119"/>
      <c r="AV702" s="119"/>
      <c r="AW702" s="119"/>
      <c r="AX702" s="119"/>
      <c r="AY702" s="119"/>
      <c r="AZ702" s="119"/>
      <c r="BA702" s="119"/>
      <c r="BB702" s="107">
        <v>45884</v>
      </c>
    </row>
    <row r="703" spans="1:54" s="207" customFormat="1" ht="13.95" customHeight="1" x14ac:dyDescent="0.25">
      <c r="A703" s="208" t="s">
        <v>1763</v>
      </c>
      <c r="B703" s="209" t="s">
        <v>20420</v>
      </c>
      <c r="C703" s="113" t="s">
        <v>1764</v>
      </c>
      <c r="D703" s="113" t="s">
        <v>22786</v>
      </c>
      <c r="E703" s="210">
        <v>1992</v>
      </c>
      <c r="F703" s="210">
        <v>585</v>
      </c>
      <c r="G703" s="113" t="s">
        <v>1</v>
      </c>
      <c r="H703" s="113">
        <v>0</v>
      </c>
      <c r="I703" s="113">
        <v>0</v>
      </c>
      <c r="J703" s="115">
        <v>1</v>
      </c>
      <c r="K703" s="116" t="s">
        <v>174</v>
      </c>
      <c r="L703" s="115">
        <v>1</v>
      </c>
      <c r="M703" s="115">
        <v>1</v>
      </c>
      <c r="N703" s="115">
        <v>0</v>
      </c>
      <c r="O703" s="115">
        <v>0</v>
      </c>
      <c r="P703" s="115" t="s">
        <v>400</v>
      </c>
      <c r="Q703" s="115" t="s">
        <v>400</v>
      </c>
      <c r="R703" s="115">
        <v>1</v>
      </c>
      <c r="S703" s="115">
        <v>0</v>
      </c>
      <c r="T703" s="115">
        <v>0</v>
      </c>
      <c r="U703" s="119"/>
      <c r="V703" s="119"/>
      <c r="W703" s="119"/>
      <c r="X703" s="119"/>
      <c r="Y703" s="119"/>
      <c r="Z703" s="119"/>
      <c r="AA703" s="119"/>
      <c r="AB703" s="119"/>
      <c r="AC703" s="119"/>
      <c r="AD703" s="119"/>
      <c r="AE703" s="119"/>
      <c r="AF703" s="119"/>
      <c r="AG703" s="119"/>
      <c r="AH703" s="119"/>
      <c r="AI703" s="119"/>
      <c r="AJ703" s="119"/>
      <c r="AK703" s="119"/>
      <c r="AL703" s="119"/>
      <c r="AM703" s="119"/>
      <c r="AN703" s="119"/>
      <c r="AO703" s="119"/>
      <c r="AP703" s="119"/>
      <c r="AQ703" s="119"/>
      <c r="AR703" s="119"/>
      <c r="AS703" s="119"/>
      <c r="AT703" s="119"/>
      <c r="AU703" s="119"/>
      <c r="AV703" s="119"/>
      <c r="AW703" s="119"/>
      <c r="AX703" s="119"/>
      <c r="AY703" s="119"/>
      <c r="AZ703" s="119"/>
      <c r="BA703" s="119"/>
      <c r="BB703" s="107">
        <v>45884</v>
      </c>
    </row>
    <row r="704" spans="1:54" s="207" customFormat="1" ht="13.95" customHeight="1" x14ac:dyDescent="0.25">
      <c r="A704" s="208" t="s">
        <v>1765</v>
      </c>
      <c r="B704" s="209" t="s">
        <v>20420</v>
      </c>
      <c r="C704" s="113" t="s">
        <v>1766</v>
      </c>
      <c r="D704" s="113" t="s">
        <v>22787</v>
      </c>
      <c r="E704" s="210">
        <v>1995</v>
      </c>
      <c r="F704" s="210">
        <v>585</v>
      </c>
      <c r="G704" s="113" t="s">
        <v>1</v>
      </c>
      <c r="H704" s="113">
        <v>0</v>
      </c>
      <c r="I704" s="113">
        <v>0</v>
      </c>
      <c r="J704" s="115">
        <v>1</v>
      </c>
      <c r="K704" s="116" t="s">
        <v>174</v>
      </c>
      <c r="L704" s="115">
        <v>1</v>
      </c>
      <c r="M704" s="115">
        <v>0</v>
      </c>
      <c r="N704" s="115">
        <v>0</v>
      </c>
      <c r="O704" s="115">
        <v>1</v>
      </c>
      <c r="P704" s="115">
        <v>1</v>
      </c>
      <c r="Q704" s="115" t="s">
        <v>400</v>
      </c>
      <c r="R704" s="115">
        <v>1</v>
      </c>
      <c r="S704" s="115">
        <v>0</v>
      </c>
      <c r="T704" s="115">
        <v>0</v>
      </c>
      <c r="U704" s="119"/>
      <c r="V704" s="119"/>
      <c r="W704" s="119"/>
      <c r="X704" s="119"/>
      <c r="Y704" s="119"/>
      <c r="Z704" s="119"/>
      <c r="AA704" s="119"/>
      <c r="AB704" s="119"/>
      <c r="AC704" s="119"/>
      <c r="AD704" s="119"/>
      <c r="AE704" s="119"/>
      <c r="AF704" s="119"/>
      <c r="AG704" s="119"/>
      <c r="AH704" s="119"/>
      <c r="AI704" s="119"/>
      <c r="AJ704" s="119"/>
      <c r="AK704" s="119"/>
      <c r="AL704" s="119"/>
      <c r="AM704" s="119"/>
      <c r="AN704" s="119"/>
      <c r="AO704" s="119"/>
      <c r="AP704" s="119"/>
      <c r="AQ704" s="119"/>
      <c r="AR704" s="119"/>
      <c r="AS704" s="119"/>
      <c r="AT704" s="119"/>
      <c r="AU704" s="119"/>
      <c r="AV704" s="119"/>
      <c r="AW704" s="119"/>
      <c r="AX704" s="119"/>
      <c r="AY704" s="119"/>
      <c r="AZ704" s="119"/>
      <c r="BA704" s="119"/>
      <c r="BB704" s="107">
        <v>45884</v>
      </c>
    </row>
    <row r="705" spans="1:54" s="207" customFormat="1" ht="13.95" customHeight="1" x14ac:dyDescent="0.25">
      <c r="A705" s="208" t="s">
        <v>1767</v>
      </c>
      <c r="B705" s="209" t="s">
        <v>20420</v>
      </c>
      <c r="C705" s="113" t="s">
        <v>1768</v>
      </c>
      <c r="D705" s="113" t="s">
        <v>22788</v>
      </c>
      <c r="E705" s="210">
        <v>1989</v>
      </c>
      <c r="F705" s="210">
        <v>587</v>
      </c>
      <c r="G705" s="113" t="s">
        <v>1</v>
      </c>
      <c r="H705" s="113">
        <v>0</v>
      </c>
      <c r="I705" s="113">
        <v>0</v>
      </c>
      <c r="J705" s="115">
        <v>1</v>
      </c>
      <c r="K705" s="211">
        <v>1</v>
      </c>
      <c r="L705" s="115">
        <v>1</v>
      </c>
      <c r="M705" s="115">
        <v>1</v>
      </c>
      <c r="N705" s="115">
        <v>0</v>
      </c>
      <c r="O705" s="115">
        <v>0</v>
      </c>
      <c r="P705" s="115" t="s">
        <v>400</v>
      </c>
      <c r="Q705" s="115" t="s">
        <v>400</v>
      </c>
      <c r="R705" s="115">
        <v>0</v>
      </c>
      <c r="S705" s="115">
        <v>0</v>
      </c>
      <c r="T705" s="115">
        <v>0</v>
      </c>
      <c r="U705" s="119"/>
      <c r="V705" s="119"/>
      <c r="W705" s="119"/>
      <c r="X705" s="119"/>
      <c r="Y705" s="119"/>
      <c r="Z705" s="119"/>
      <c r="AA705" s="119"/>
      <c r="AB705" s="119"/>
      <c r="AC705" s="119"/>
      <c r="AD705" s="119"/>
      <c r="AE705" s="119"/>
      <c r="AF705" s="119"/>
      <c r="AG705" s="119"/>
      <c r="AH705" s="119"/>
      <c r="AI705" s="119"/>
      <c r="AJ705" s="119"/>
      <c r="AK705" s="119"/>
      <c r="AL705" s="119"/>
      <c r="AM705" s="119"/>
      <c r="AN705" s="119"/>
      <c r="AO705" s="119"/>
      <c r="AP705" s="119"/>
      <c r="AQ705" s="119"/>
      <c r="AR705" s="119"/>
      <c r="AS705" s="119"/>
      <c r="AT705" s="119"/>
      <c r="AU705" s="119"/>
      <c r="AV705" s="119"/>
      <c r="AW705" s="119"/>
      <c r="AX705" s="119"/>
      <c r="AY705" s="119"/>
      <c r="AZ705" s="119"/>
      <c r="BA705" s="119"/>
      <c r="BB705" s="107">
        <v>45884</v>
      </c>
    </row>
    <row r="706" spans="1:54" s="207" customFormat="1" ht="13.95" customHeight="1" x14ac:dyDescent="0.25">
      <c r="A706" s="208" t="s">
        <v>1769</v>
      </c>
      <c r="B706" s="209" t="s">
        <v>20420</v>
      </c>
      <c r="C706" s="113" t="s">
        <v>1770</v>
      </c>
      <c r="D706" s="113" t="s">
        <v>22789</v>
      </c>
      <c r="E706" s="210">
        <v>1988</v>
      </c>
      <c r="F706" s="210">
        <v>587</v>
      </c>
      <c r="G706" s="113" t="s">
        <v>1</v>
      </c>
      <c r="H706" s="113">
        <v>0</v>
      </c>
      <c r="I706" s="113">
        <v>0</v>
      </c>
      <c r="J706" s="115">
        <v>1</v>
      </c>
      <c r="K706" s="211">
        <v>1</v>
      </c>
      <c r="L706" s="115">
        <v>1</v>
      </c>
      <c r="M706" s="120">
        <v>0</v>
      </c>
      <c r="N706" s="115">
        <v>0</v>
      </c>
      <c r="O706" s="115">
        <v>0</v>
      </c>
      <c r="P706" s="120">
        <v>1</v>
      </c>
      <c r="Q706" s="115" t="s">
        <v>400</v>
      </c>
      <c r="R706" s="115">
        <v>1</v>
      </c>
      <c r="S706" s="115">
        <v>0</v>
      </c>
      <c r="T706" s="115">
        <v>0</v>
      </c>
      <c r="U706" s="119"/>
      <c r="V706" s="119"/>
      <c r="W706" s="119"/>
      <c r="X706" s="119"/>
      <c r="Y706" s="119"/>
      <c r="Z706" s="119"/>
      <c r="AA706" s="119"/>
      <c r="AB706" s="119"/>
      <c r="AC706" s="119"/>
      <c r="AD706" s="119"/>
      <c r="AE706" s="119"/>
      <c r="AF706" s="119"/>
      <c r="AG706" s="119"/>
      <c r="AH706" s="119"/>
      <c r="AI706" s="119"/>
      <c r="AJ706" s="119"/>
      <c r="AK706" s="119"/>
      <c r="AL706" s="119"/>
      <c r="AM706" s="119"/>
      <c r="AN706" s="119"/>
      <c r="AO706" s="119"/>
      <c r="AP706" s="119"/>
      <c r="AQ706" s="119"/>
      <c r="AR706" s="119"/>
      <c r="AS706" s="119"/>
      <c r="AT706" s="119"/>
      <c r="AU706" s="119"/>
      <c r="AV706" s="119"/>
      <c r="AW706" s="119"/>
      <c r="AX706" s="119"/>
      <c r="AY706" s="119"/>
      <c r="AZ706" s="119"/>
      <c r="BA706" s="119"/>
      <c r="BB706" s="107">
        <v>45884</v>
      </c>
    </row>
    <row r="707" spans="1:54" s="207" customFormat="1" ht="13.95" customHeight="1" x14ac:dyDescent="0.25">
      <c r="A707" s="208" t="s">
        <v>1771</v>
      </c>
      <c r="B707" s="209" t="s">
        <v>20420</v>
      </c>
      <c r="C707" s="113" t="s">
        <v>1772</v>
      </c>
      <c r="D707" s="113" t="s">
        <v>22790</v>
      </c>
      <c r="E707" s="210">
        <v>2002</v>
      </c>
      <c r="F707" s="210">
        <v>587</v>
      </c>
      <c r="G707" s="113" t="s">
        <v>1</v>
      </c>
      <c r="H707" s="113">
        <v>0</v>
      </c>
      <c r="I707" s="113">
        <v>0</v>
      </c>
      <c r="J707" s="115">
        <v>1</v>
      </c>
      <c r="K707" s="116" t="s">
        <v>174</v>
      </c>
      <c r="L707" s="115">
        <v>1</v>
      </c>
      <c r="M707" s="115">
        <v>1</v>
      </c>
      <c r="N707" s="115">
        <v>0</v>
      </c>
      <c r="O707" s="115">
        <v>0</v>
      </c>
      <c r="P707" s="115" t="s">
        <v>400</v>
      </c>
      <c r="Q707" s="115">
        <v>1</v>
      </c>
      <c r="R707" s="115">
        <v>1</v>
      </c>
      <c r="S707" s="115">
        <v>0</v>
      </c>
      <c r="T707" s="115">
        <v>0</v>
      </c>
      <c r="U707" s="119"/>
      <c r="V707" s="119"/>
      <c r="W707" s="119"/>
      <c r="X707" s="119"/>
      <c r="Y707" s="119"/>
      <c r="Z707" s="119"/>
      <c r="AA707" s="119"/>
      <c r="AB707" s="119"/>
      <c r="AC707" s="119"/>
      <c r="AD707" s="119"/>
      <c r="AE707" s="119"/>
      <c r="AF707" s="119"/>
      <c r="AG707" s="119"/>
      <c r="AH707" s="119"/>
      <c r="AI707" s="119"/>
      <c r="AJ707" s="119"/>
      <c r="AK707" s="119"/>
      <c r="AL707" s="119"/>
      <c r="AM707" s="119"/>
      <c r="AN707" s="119"/>
      <c r="AO707" s="119"/>
      <c r="AP707" s="119"/>
      <c r="AQ707" s="119"/>
      <c r="AR707" s="119"/>
      <c r="AS707" s="119"/>
      <c r="AT707" s="119"/>
      <c r="AU707" s="119"/>
      <c r="AV707" s="119"/>
      <c r="AW707" s="119"/>
      <c r="AX707" s="119"/>
      <c r="AY707" s="119"/>
      <c r="AZ707" s="119"/>
      <c r="BA707" s="119"/>
      <c r="BB707" s="107">
        <v>45884</v>
      </c>
    </row>
    <row r="708" spans="1:54" s="207" customFormat="1" ht="13.95" customHeight="1" x14ac:dyDescent="0.25">
      <c r="A708" s="208" t="s">
        <v>1773</v>
      </c>
      <c r="B708" s="209" t="s">
        <v>20420</v>
      </c>
      <c r="C708" s="113" t="s">
        <v>1774</v>
      </c>
      <c r="D708" s="113" t="s">
        <v>22791</v>
      </c>
      <c r="E708" s="210">
        <v>2001</v>
      </c>
      <c r="F708" s="210">
        <v>588</v>
      </c>
      <c r="G708" s="113" t="s">
        <v>1</v>
      </c>
      <c r="H708" s="113">
        <v>0</v>
      </c>
      <c r="I708" s="113">
        <v>0</v>
      </c>
      <c r="J708" s="115">
        <v>1</v>
      </c>
      <c r="K708" s="116" t="s">
        <v>174</v>
      </c>
      <c r="L708" s="115">
        <v>1</v>
      </c>
      <c r="M708" s="115">
        <v>1</v>
      </c>
      <c r="N708" s="115">
        <v>0</v>
      </c>
      <c r="O708" s="115">
        <v>0</v>
      </c>
      <c r="P708" s="115" t="s">
        <v>400</v>
      </c>
      <c r="Q708" s="115" t="s">
        <v>400</v>
      </c>
      <c r="R708" s="115">
        <v>0</v>
      </c>
      <c r="S708" s="115">
        <v>0</v>
      </c>
      <c r="T708" s="115">
        <v>0</v>
      </c>
      <c r="U708" s="119"/>
      <c r="V708" s="119"/>
      <c r="W708" s="119"/>
      <c r="X708" s="119"/>
      <c r="Y708" s="119"/>
      <c r="Z708" s="119"/>
      <c r="AA708" s="119"/>
      <c r="AB708" s="119"/>
      <c r="AC708" s="119"/>
      <c r="AD708" s="119"/>
      <c r="AE708" s="119"/>
      <c r="AF708" s="119"/>
      <c r="AG708" s="119"/>
      <c r="AH708" s="119"/>
      <c r="AI708" s="119"/>
      <c r="AJ708" s="119"/>
      <c r="AK708" s="119"/>
      <c r="AL708" s="119"/>
      <c r="AM708" s="119"/>
      <c r="AN708" s="119"/>
      <c r="AO708" s="119"/>
      <c r="AP708" s="119"/>
      <c r="AQ708" s="119"/>
      <c r="AR708" s="119"/>
      <c r="AS708" s="119"/>
      <c r="AT708" s="119"/>
      <c r="AU708" s="119"/>
      <c r="AV708" s="119"/>
      <c r="AW708" s="119"/>
      <c r="AX708" s="119"/>
      <c r="AY708" s="119"/>
      <c r="AZ708" s="119"/>
      <c r="BA708" s="119"/>
      <c r="BB708" s="107">
        <v>45884</v>
      </c>
    </row>
    <row r="709" spans="1:54" s="207" customFormat="1" ht="13.95" customHeight="1" x14ac:dyDescent="0.25">
      <c r="A709" s="208" t="s">
        <v>1775</v>
      </c>
      <c r="B709" s="209" t="s">
        <v>20420</v>
      </c>
      <c r="C709" s="113" t="s">
        <v>1776</v>
      </c>
      <c r="D709" s="113" t="s">
        <v>1777</v>
      </c>
      <c r="E709" s="210">
        <v>1988</v>
      </c>
      <c r="F709" s="210">
        <v>589</v>
      </c>
      <c r="G709" s="113" t="s">
        <v>1</v>
      </c>
      <c r="H709" s="113">
        <v>0</v>
      </c>
      <c r="I709" s="113">
        <v>0</v>
      </c>
      <c r="J709" s="115">
        <v>1</v>
      </c>
      <c r="K709" s="116" t="s">
        <v>174</v>
      </c>
      <c r="L709" s="115">
        <v>0</v>
      </c>
      <c r="M709" s="115">
        <v>0</v>
      </c>
      <c r="N709" s="115">
        <v>0</v>
      </c>
      <c r="O709" s="115">
        <v>0</v>
      </c>
      <c r="P709" s="115">
        <v>1</v>
      </c>
      <c r="Q709" s="115">
        <v>1</v>
      </c>
      <c r="R709" s="115">
        <v>1</v>
      </c>
      <c r="S709" s="115">
        <v>0</v>
      </c>
      <c r="T709" s="115">
        <v>0</v>
      </c>
      <c r="U709" s="119"/>
      <c r="V709" s="119"/>
      <c r="W709" s="119"/>
      <c r="X709" s="119"/>
      <c r="Y709" s="119"/>
      <c r="Z709" s="119"/>
      <c r="AA709" s="119"/>
      <c r="AB709" s="119"/>
      <c r="AC709" s="119"/>
      <c r="AD709" s="119"/>
      <c r="AE709" s="119"/>
      <c r="AF709" s="119"/>
      <c r="AG709" s="119"/>
      <c r="AH709" s="119"/>
      <c r="AI709" s="119"/>
      <c r="AJ709" s="119"/>
      <c r="AK709" s="119"/>
      <c r="AL709" s="119"/>
      <c r="AM709" s="119"/>
      <c r="AN709" s="119"/>
      <c r="AO709" s="119"/>
      <c r="AP709" s="119"/>
      <c r="AQ709" s="119"/>
      <c r="AR709" s="119"/>
      <c r="AS709" s="119"/>
      <c r="AT709" s="119"/>
      <c r="AU709" s="119"/>
      <c r="AV709" s="119"/>
      <c r="AW709" s="119"/>
      <c r="AX709" s="119"/>
      <c r="AY709" s="119"/>
      <c r="AZ709" s="119"/>
      <c r="BA709" s="119"/>
      <c r="BB709" s="107">
        <v>45884</v>
      </c>
    </row>
    <row r="710" spans="1:54" s="207" customFormat="1" ht="13.95" customHeight="1" x14ac:dyDescent="0.25">
      <c r="A710" s="208" t="s">
        <v>1778</v>
      </c>
      <c r="B710" s="209" t="s">
        <v>20420</v>
      </c>
      <c r="C710" s="113" t="s">
        <v>1779</v>
      </c>
      <c r="D710" s="113" t="s">
        <v>22792</v>
      </c>
      <c r="E710" s="210">
        <v>1974</v>
      </c>
      <c r="F710" s="210">
        <v>589</v>
      </c>
      <c r="G710" s="113" t="s">
        <v>1</v>
      </c>
      <c r="H710" s="113">
        <v>0</v>
      </c>
      <c r="I710" s="113">
        <v>0</v>
      </c>
      <c r="J710" s="115">
        <v>1</v>
      </c>
      <c r="K710" s="211">
        <v>1</v>
      </c>
      <c r="L710" s="115">
        <v>1</v>
      </c>
      <c r="M710" s="115">
        <v>0</v>
      </c>
      <c r="N710" s="115">
        <v>0</v>
      </c>
      <c r="O710" s="115">
        <v>1</v>
      </c>
      <c r="P710" s="115">
        <v>1</v>
      </c>
      <c r="Q710" s="115" t="s">
        <v>400</v>
      </c>
      <c r="R710" s="115">
        <v>1</v>
      </c>
      <c r="S710" s="115">
        <v>0</v>
      </c>
      <c r="T710" s="115">
        <v>0</v>
      </c>
      <c r="U710" s="119"/>
      <c r="V710" s="119"/>
      <c r="W710" s="119"/>
      <c r="X710" s="119"/>
      <c r="Y710" s="119"/>
      <c r="Z710" s="119"/>
      <c r="AA710" s="119"/>
      <c r="AB710" s="119"/>
      <c r="AC710" s="119"/>
      <c r="AD710" s="119"/>
      <c r="AE710" s="119"/>
      <c r="AF710" s="119"/>
      <c r="AG710" s="119"/>
      <c r="AH710" s="119"/>
      <c r="AI710" s="119"/>
      <c r="AJ710" s="119"/>
      <c r="AK710" s="119"/>
      <c r="AL710" s="119"/>
      <c r="AM710" s="119"/>
      <c r="AN710" s="119"/>
      <c r="AO710" s="119"/>
      <c r="AP710" s="119"/>
      <c r="AQ710" s="119"/>
      <c r="AR710" s="119"/>
      <c r="AS710" s="119"/>
      <c r="AT710" s="119"/>
      <c r="AU710" s="119"/>
      <c r="AV710" s="119"/>
      <c r="AW710" s="119"/>
      <c r="AX710" s="119"/>
      <c r="AY710" s="119"/>
      <c r="AZ710" s="119"/>
      <c r="BA710" s="119"/>
      <c r="BB710" s="107">
        <v>45884</v>
      </c>
    </row>
    <row r="711" spans="1:54" s="207" customFormat="1" ht="13.95" customHeight="1" x14ac:dyDescent="0.25">
      <c r="A711" s="208" t="s">
        <v>1780</v>
      </c>
      <c r="B711" s="209" t="s">
        <v>20420</v>
      </c>
      <c r="C711" s="113" t="s">
        <v>1781</v>
      </c>
      <c r="D711" s="113" t="s">
        <v>1782</v>
      </c>
      <c r="E711" s="210">
        <v>1973</v>
      </c>
      <c r="F711" s="210">
        <v>589</v>
      </c>
      <c r="G711" s="113" t="s">
        <v>1</v>
      </c>
      <c r="H711" s="113">
        <v>0</v>
      </c>
      <c r="I711" s="113">
        <v>0</v>
      </c>
      <c r="J711" s="115">
        <v>1</v>
      </c>
      <c r="K711" s="116" t="s">
        <v>174</v>
      </c>
      <c r="L711" s="115">
        <v>0</v>
      </c>
      <c r="M711" s="115">
        <v>0</v>
      </c>
      <c r="N711" s="115">
        <v>1</v>
      </c>
      <c r="O711" s="115">
        <v>1</v>
      </c>
      <c r="P711" s="115">
        <v>1</v>
      </c>
      <c r="Q711" s="115" t="s">
        <v>400</v>
      </c>
      <c r="R711" s="115">
        <v>1</v>
      </c>
      <c r="S711" s="115">
        <v>0</v>
      </c>
      <c r="T711" s="115">
        <v>0</v>
      </c>
      <c r="U711" s="119"/>
      <c r="V711" s="119"/>
      <c r="W711" s="119"/>
      <c r="X711" s="119"/>
      <c r="Y711" s="119"/>
      <c r="Z711" s="119"/>
      <c r="AA711" s="119"/>
      <c r="AB711" s="119"/>
      <c r="AC711" s="119"/>
      <c r="AD711" s="119"/>
      <c r="AE711" s="119"/>
      <c r="AF711" s="119"/>
      <c r="AG711" s="119"/>
      <c r="AH711" s="119"/>
      <c r="AI711" s="119"/>
      <c r="AJ711" s="119"/>
      <c r="AK711" s="119"/>
      <c r="AL711" s="119"/>
      <c r="AM711" s="119"/>
      <c r="AN711" s="119"/>
      <c r="AO711" s="119"/>
      <c r="AP711" s="119"/>
      <c r="AQ711" s="119"/>
      <c r="AR711" s="119"/>
      <c r="AS711" s="119"/>
      <c r="AT711" s="119"/>
      <c r="AU711" s="119"/>
      <c r="AV711" s="119"/>
      <c r="AW711" s="119"/>
      <c r="AX711" s="119"/>
      <c r="AY711" s="119"/>
      <c r="AZ711" s="119"/>
      <c r="BA711" s="119"/>
      <c r="BB711" s="107">
        <v>45884</v>
      </c>
    </row>
    <row r="712" spans="1:54" s="207" customFormat="1" ht="13.95" customHeight="1" x14ac:dyDescent="0.25">
      <c r="A712" s="208" t="s">
        <v>1783</v>
      </c>
      <c r="B712" s="209" t="s">
        <v>20420</v>
      </c>
      <c r="C712" s="113" t="s">
        <v>1784</v>
      </c>
      <c r="D712" s="113" t="s">
        <v>1785</v>
      </c>
      <c r="E712" s="210">
        <v>2002</v>
      </c>
      <c r="F712" s="210">
        <v>589</v>
      </c>
      <c r="G712" s="113" t="s">
        <v>1</v>
      </c>
      <c r="H712" s="113">
        <v>0</v>
      </c>
      <c r="I712" s="113">
        <v>0</v>
      </c>
      <c r="J712" s="115">
        <v>0</v>
      </c>
      <c r="K712" s="116" t="s">
        <v>174</v>
      </c>
      <c r="L712" s="115">
        <v>0</v>
      </c>
      <c r="M712" s="115">
        <v>0</v>
      </c>
      <c r="N712" s="115">
        <v>0</v>
      </c>
      <c r="O712" s="115">
        <v>0</v>
      </c>
      <c r="P712" s="115" t="s">
        <v>400</v>
      </c>
      <c r="Q712" s="115" t="s">
        <v>400</v>
      </c>
      <c r="R712" s="115">
        <v>0</v>
      </c>
      <c r="S712" s="115">
        <v>0</v>
      </c>
      <c r="T712" s="115">
        <v>0</v>
      </c>
      <c r="U712" s="119"/>
      <c r="V712" s="119"/>
      <c r="W712" s="119"/>
      <c r="X712" s="119"/>
      <c r="Y712" s="119"/>
      <c r="Z712" s="119"/>
      <c r="AA712" s="119"/>
      <c r="AB712" s="119"/>
      <c r="AC712" s="119"/>
      <c r="AD712" s="119"/>
      <c r="AE712" s="119"/>
      <c r="AF712" s="119"/>
      <c r="AG712" s="119"/>
      <c r="AH712" s="119"/>
      <c r="AI712" s="119"/>
      <c r="AJ712" s="119"/>
      <c r="AK712" s="119"/>
      <c r="AL712" s="119"/>
      <c r="AM712" s="119"/>
      <c r="AN712" s="119"/>
      <c r="AO712" s="119"/>
      <c r="AP712" s="119"/>
      <c r="AQ712" s="119"/>
      <c r="AR712" s="119"/>
      <c r="AS712" s="119"/>
      <c r="AT712" s="119"/>
      <c r="AU712" s="119"/>
      <c r="AV712" s="119"/>
      <c r="AW712" s="119"/>
      <c r="AX712" s="119"/>
      <c r="AY712" s="119"/>
      <c r="AZ712" s="119"/>
      <c r="BA712" s="119"/>
      <c r="BB712" s="107">
        <v>45884</v>
      </c>
    </row>
    <row r="713" spans="1:54" s="207" customFormat="1" ht="13.95" customHeight="1" x14ac:dyDescent="0.25">
      <c r="A713" s="208" t="s">
        <v>1786</v>
      </c>
      <c r="B713" s="209" t="s">
        <v>20420</v>
      </c>
      <c r="C713" s="113" t="s">
        <v>1787</v>
      </c>
      <c r="D713" s="113" t="s">
        <v>22793</v>
      </c>
      <c r="E713" s="210">
        <v>2006</v>
      </c>
      <c r="F713" s="210">
        <v>589</v>
      </c>
      <c r="G713" s="113" t="s">
        <v>1</v>
      </c>
      <c r="H713" s="113">
        <v>0</v>
      </c>
      <c r="I713" s="113">
        <v>0</v>
      </c>
      <c r="J713" s="115">
        <v>1</v>
      </c>
      <c r="K713" s="211">
        <v>1</v>
      </c>
      <c r="L713" s="115">
        <v>1</v>
      </c>
      <c r="M713" s="115">
        <v>1</v>
      </c>
      <c r="N713" s="115">
        <v>1</v>
      </c>
      <c r="O713" s="115">
        <v>0</v>
      </c>
      <c r="P713" s="115" t="s">
        <v>400</v>
      </c>
      <c r="Q713" s="115" t="s">
        <v>400</v>
      </c>
      <c r="R713" s="115">
        <v>0</v>
      </c>
      <c r="S713" s="115">
        <v>0</v>
      </c>
      <c r="T713" s="115">
        <v>0</v>
      </c>
      <c r="U713" s="119"/>
      <c r="V713" s="119"/>
      <c r="W713" s="119"/>
      <c r="X713" s="119"/>
      <c r="Y713" s="119"/>
      <c r="Z713" s="119"/>
      <c r="AA713" s="119"/>
      <c r="AB713" s="119"/>
      <c r="AC713" s="119"/>
      <c r="AD713" s="119"/>
      <c r="AE713" s="119"/>
      <c r="AF713" s="119"/>
      <c r="AG713" s="119"/>
      <c r="AH713" s="119"/>
      <c r="AI713" s="119"/>
      <c r="AJ713" s="119"/>
      <c r="AK713" s="119"/>
      <c r="AL713" s="119"/>
      <c r="AM713" s="119"/>
      <c r="AN713" s="119"/>
      <c r="AO713" s="119"/>
      <c r="AP713" s="119"/>
      <c r="AQ713" s="119"/>
      <c r="AR713" s="119"/>
      <c r="AS713" s="119"/>
      <c r="AT713" s="119"/>
      <c r="AU713" s="119"/>
      <c r="AV713" s="119"/>
      <c r="AW713" s="119"/>
      <c r="AX713" s="119"/>
      <c r="AY713" s="119"/>
      <c r="AZ713" s="119"/>
      <c r="BA713" s="119"/>
      <c r="BB713" s="107">
        <v>45884</v>
      </c>
    </row>
    <row r="714" spans="1:54" s="207" customFormat="1" ht="13.95" customHeight="1" x14ac:dyDescent="0.25">
      <c r="A714" s="208" t="s">
        <v>1788</v>
      </c>
      <c r="B714" s="209" t="s">
        <v>20420</v>
      </c>
      <c r="C714" s="113" t="s">
        <v>1789</v>
      </c>
      <c r="D714" s="113" t="s">
        <v>22794</v>
      </c>
      <c r="E714" s="210">
        <v>1992</v>
      </c>
      <c r="F714" s="210">
        <v>1339</v>
      </c>
      <c r="G714" s="113" t="s">
        <v>1</v>
      </c>
      <c r="H714" s="113">
        <v>0</v>
      </c>
      <c r="I714" s="113">
        <v>0</v>
      </c>
      <c r="J714" s="115">
        <v>1</v>
      </c>
      <c r="K714" s="116" t="s">
        <v>174</v>
      </c>
      <c r="L714" s="115">
        <v>0</v>
      </c>
      <c r="M714" s="115">
        <v>1</v>
      </c>
      <c r="N714" s="115">
        <v>0</v>
      </c>
      <c r="O714" s="115">
        <v>1</v>
      </c>
      <c r="P714" s="115" t="s">
        <v>400</v>
      </c>
      <c r="Q714" s="115" t="s">
        <v>400</v>
      </c>
      <c r="R714" s="115">
        <v>0</v>
      </c>
      <c r="S714" s="115">
        <v>0</v>
      </c>
      <c r="T714" s="115">
        <v>0</v>
      </c>
      <c r="U714" s="119"/>
      <c r="V714" s="119"/>
      <c r="W714" s="119"/>
      <c r="X714" s="119"/>
      <c r="Y714" s="119"/>
      <c r="Z714" s="119"/>
      <c r="AA714" s="119"/>
      <c r="AB714" s="119"/>
      <c r="AC714" s="119"/>
      <c r="AD714" s="119"/>
      <c r="AE714" s="119"/>
      <c r="AF714" s="119"/>
      <c r="AG714" s="119"/>
      <c r="AH714" s="119"/>
      <c r="AI714" s="119"/>
      <c r="AJ714" s="119"/>
      <c r="AK714" s="119"/>
      <c r="AL714" s="119"/>
      <c r="AM714" s="119"/>
      <c r="AN714" s="119"/>
      <c r="AO714" s="119"/>
      <c r="AP714" s="119"/>
      <c r="AQ714" s="119"/>
      <c r="AR714" s="119"/>
      <c r="AS714" s="119"/>
      <c r="AT714" s="119"/>
      <c r="AU714" s="119"/>
      <c r="AV714" s="119"/>
      <c r="AW714" s="119"/>
      <c r="AX714" s="119"/>
      <c r="AY714" s="119"/>
      <c r="AZ714" s="119"/>
      <c r="BA714" s="119"/>
      <c r="BB714" s="107">
        <v>45884</v>
      </c>
    </row>
    <row r="715" spans="1:54" s="207" customFormat="1" ht="13.95" customHeight="1" x14ac:dyDescent="0.25">
      <c r="A715" s="208" t="s">
        <v>1790</v>
      </c>
      <c r="B715" s="209" t="s">
        <v>20420</v>
      </c>
      <c r="C715" s="113" t="s">
        <v>1791</v>
      </c>
      <c r="D715" s="113" t="s">
        <v>22795</v>
      </c>
      <c r="E715" s="210">
        <v>1975</v>
      </c>
      <c r="F715" s="210">
        <v>590</v>
      </c>
      <c r="G715" s="113" t="s">
        <v>1</v>
      </c>
      <c r="H715" s="113">
        <v>0</v>
      </c>
      <c r="I715" s="113">
        <v>0</v>
      </c>
      <c r="J715" s="115">
        <v>1</v>
      </c>
      <c r="K715" s="211">
        <v>1</v>
      </c>
      <c r="L715" s="115">
        <v>0</v>
      </c>
      <c r="M715" s="115">
        <v>0</v>
      </c>
      <c r="N715" s="115">
        <v>0</v>
      </c>
      <c r="O715" s="115">
        <v>1</v>
      </c>
      <c r="P715" s="115">
        <v>1</v>
      </c>
      <c r="Q715" s="115" t="s">
        <v>400</v>
      </c>
      <c r="R715" s="115">
        <v>1</v>
      </c>
      <c r="S715" s="115">
        <v>0</v>
      </c>
      <c r="T715" s="115">
        <v>0</v>
      </c>
      <c r="U715" s="119"/>
      <c r="V715" s="119"/>
      <c r="W715" s="119"/>
      <c r="X715" s="119"/>
      <c r="Y715" s="119"/>
      <c r="Z715" s="119"/>
      <c r="AA715" s="119"/>
      <c r="AB715" s="119"/>
      <c r="AC715" s="119"/>
      <c r="AD715" s="119"/>
      <c r="AE715" s="119"/>
      <c r="AF715" s="119"/>
      <c r="AG715" s="119"/>
      <c r="AH715" s="119"/>
      <c r="AI715" s="119"/>
      <c r="AJ715" s="119"/>
      <c r="AK715" s="119"/>
      <c r="AL715" s="119"/>
      <c r="AM715" s="119"/>
      <c r="AN715" s="119"/>
      <c r="AO715" s="119"/>
      <c r="AP715" s="119"/>
      <c r="AQ715" s="119"/>
      <c r="AR715" s="119"/>
      <c r="AS715" s="119"/>
      <c r="AT715" s="119"/>
      <c r="AU715" s="119"/>
      <c r="AV715" s="119"/>
      <c r="AW715" s="119"/>
      <c r="AX715" s="119"/>
      <c r="AY715" s="119"/>
      <c r="AZ715" s="119"/>
      <c r="BA715" s="119"/>
      <c r="BB715" s="107">
        <v>45884</v>
      </c>
    </row>
    <row r="716" spans="1:54" s="207" customFormat="1" ht="13.95" customHeight="1" x14ac:dyDescent="0.25">
      <c r="A716" s="208" t="s">
        <v>1792</v>
      </c>
      <c r="B716" s="209" t="s">
        <v>20420</v>
      </c>
      <c r="C716" s="113" t="s">
        <v>1793</v>
      </c>
      <c r="D716" s="113" t="s">
        <v>22796</v>
      </c>
      <c r="E716" s="210">
        <v>1959</v>
      </c>
      <c r="F716" s="210">
        <v>592</v>
      </c>
      <c r="G716" s="113" t="s">
        <v>1</v>
      </c>
      <c r="H716" s="113">
        <v>0</v>
      </c>
      <c r="I716" s="113">
        <v>0</v>
      </c>
      <c r="J716" s="115">
        <v>1</v>
      </c>
      <c r="K716" s="116" t="s">
        <v>174</v>
      </c>
      <c r="L716" s="115">
        <v>1</v>
      </c>
      <c r="M716" s="115">
        <v>0</v>
      </c>
      <c r="N716" s="115">
        <v>0</v>
      </c>
      <c r="O716" s="115">
        <v>1</v>
      </c>
      <c r="P716" s="115">
        <v>1</v>
      </c>
      <c r="Q716" s="115" t="s">
        <v>400</v>
      </c>
      <c r="R716" s="115">
        <v>1</v>
      </c>
      <c r="S716" s="115">
        <v>0</v>
      </c>
      <c r="T716" s="115">
        <v>0</v>
      </c>
      <c r="U716" s="119"/>
      <c r="V716" s="119"/>
      <c r="W716" s="119"/>
      <c r="X716" s="119"/>
      <c r="Y716" s="119"/>
      <c r="Z716" s="119"/>
      <c r="AA716" s="119"/>
      <c r="AB716" s="119"/>
      <c r="AC716" s="119"/>
      <c r="AD716" s="119"/>
      <c r="AE716" s="119"/>
      <c r="AF716" s="119"/>
      <c r="AG716" s="119"/>
      <c r="AH716" s="119"/>
      <c r="AI716" s="119"/>
      <c r="AJ716" s="119"/>
      <c r="AK716" s="119"/>
      <c r="AL716" s="119"/>
      <c r="AM716" s="119"/>
      <c r="AN716" s="119"/>
      <c r="AO716" s="119"/>
      <c r="AP716" s="119"/>
      <c r="AQ716" s="119"/>
      <c r="AR716" s="119"/>
      <c r="AS716" s="119"/>
      <c r="AT716" s="119"/>
      <c r="AU716" s="119"/>
      <c r="AV716" s="119"/>
      <c r="AW716" s="119"/>
      <c r="AX716" s="119"/>
      <c r="AY716" s="119"/>
      <c r="AZ716" s="119"/>
      <c r="BA716" s="119"/>
      <c r="BB716" s="107">
        <v>45884</v>
      </c>
    </row>
    <row r="717" spans="1:54" s="207" customFormat="1" ht="13.95" customHeight="1" x14ac:dyDescent="0.25">
      <c r="A717" s="208" t="s">
        <v>1794</v>
      </c>
      <c r="B717" s="209" t="s">
        <v>20420</v>
      </c>
      <c r="C717" s="113" t="s">
        <v>1795</v>
      </c>
      <c r="D717" s="113" t="s">
        <v>22797</v>
      </c>
      <c r="E717" s="210">
        <v>2001</v>
      </c>
      <c r="F717" s="210">
        <v>594</v>
      </c>
      <c r="G717" s="113" t="s">
        <v>1</v>
      </c>
      <c r="H717" s="113">
        <v>0</v>
      </c>
      <c r="I717" s="113">
        <v>0</v>
      </c>
      <c r="J717" s="115">
        <v>1</v>
      </c>
      <c r="K717" s="116" t="s">
        <v>174</v>
      </c>
      <c r="L717" s="115">
        <v>1</v>
      </c>
      <c r="M717" s="115">
        <v>0</v>
      </c>
      <c r="N717" s="115">
        <v>0</v>
      </c>
      <c r="O717" s="115">
        <v>0</v>
      </c>
      <c r="P717" s="115">
        <v>1</v>
      </c>
      <c r="Q717" s="115" t="s">
        <v>400</v>
      </c>
      <c r="R717" s="115">
        <v>1</v>
      </c>
      <c r="S717" s="115">
        <v>0</v>
      </c>
      <c r="T717" s="115">
        <v>0</v>
      </c>
      <c r="U717" s="119"/>
      <c r="V717" s="119"/>
      <c r="W717" s="119"/>
      <c r="X717" s="119"/>
      <c r="Y717" s="119"/>
      <c r="Z717" s="119"/>
      <c r="AA717" s="119"/>
      <c r="AB717" s="119"/>
      <c r="AC717" s="119"/>
      <c r="AD717" s="119"/>
      <c r="AE717" s="119"/>
      <c r="AF717" s="119"/>
      <c r="AG717" s="119"/>
      <c r="AH717" s="119"/>
      <c r="AI717" s="119"/>
      <c r="AJ717" s="119"/>
      <c r="AK717" s="119"/>
      <c r="AL717" s="119"/>
      <c r="AM717" s="119"/>
      <c r="AN717" s="119"/>
      <c r="AO717" s="119"/>
      <c r="AP717" s="119"/>
      <c r="AQ717" s="119"/>
      <c r="AR717" s="119"/>
      <c r="AS717" s="119"/>
      <c r="AT717" s="119"/>
      <c r="AU717" s="119"/>
      <c r="AV717" s="119"/>
      <c r="AW717" s="119"/>
      <c r="AX717" s="119"/>
      <c r="AY717" s="119"/>
      <c r="AZ717" s="119"/>
      <c r="BA717" s="119"/>
      <c r="BB717" s="107">
        <v>45884</v>
      </c>
    </row>
    <row r="718" spans="1:54" s="207" customFormat="1" ht="13.95" customHeight="1" x14ac:dyDescent="0.25">
      <c r="A718" s="208" t="s">
        <v>1796</v>
      </c>
      <c r="B718" s="209" t="s">
        <v>20420</v>
      </c>
      <c r="C718" s="113" t="s">
        <v>1797</v>
      </c>
      <c r="D718" s="113" t="s">
        <v>22798</v>
      </c>
      <c r="E718" s="210">
        <v>1991</v>
      </c>
      <c r="F718" s="210">
        <v>594</v>
      </c>
      <c r="G718" s="113" t="s">
        <v>1</v>
      </c>
      <c r="H718" s="113">
        <v>0</v>
      </c>
      <c r="I718" s="113">
        <v>0</v>
      </c>
      <c r="J718" s="115">
        <v>1</v>
      </c>
      <c r="K718" s="116" t="s">
        <v>174</v>
      </c>
      <c r="L718" s="115">
        <v>1</v>
      </c>
      <c r="M718" s="115">
        <v>0</v>
      </c>
      <c r="N718" s="115">
        <v>0</v>
      </c>
      <c r="O718" s="115">
        <v>1</v>
      </c>
      <c r="P718" s="115">
        <v>1</v>
      </c>
      <c r="Q718" s="115">
        <v>1</v>
      </c>
      <c r="R718" s="115">
        <v>1</v>
      </c>
      <c r="S718" s="115">
        <v>0</v>
      </c>
      <c r="T718" s="115">
        <v>0</v>
      </c>
      <c r="U718" s="119"/>
      <c r="V718" s="119"/>
      <c r="W718" s="119"/>
      <c r="X718" s="119"/>
      <c r="Y718" s="119"/>
      <c r="Z718" s="119"/>
      <c r="AA718" s="119"/>
      <c r="AB718" s="119"/>
      <c r="AC718" s="119"/>
      <c r="AD718" s="119"/>
      <c r="AE718" s="119"/>
      <c r="AF718" s="119"/>
      <c r="AG718" s="119"/>
      <c r="AH718" s="119"/>
      <c r="AI718" s="119"/>
      <c r="AJ718" s="119"/>
      <c r="AK718" s="119"/>
      <c r="AL718" s="119"/>
      <c r="AM718" s="119"/>
      <c r="AN718" s="119"/>
      <c r="AO718" s="119"/>
      <c r="AP718" s="119"/>
      <c r="AQ718" s="119"/>
      <c r="AR718" s="119"/>
      <c r="AS718" s="119"/>
      <c r="AT718" s="119"/>
      <c r="AU718" s="119"/>
      <c r="AV718" s="119"/>
      <c r="AW718" s="119"/>
      <c r="AX718" s="119"/>
      <c r="AY718" s="119"/>
      <c r="AZ718" s="119"/>
      <c r="BA718" s="119"/>
      <c r="BB718" s="107">
        <v>45884</v>
      </c>
    </row>
    <row r="719" spans="1:54" s="207" customFormat="1" ht="13.95" customHeight="1" x14ac:dyDescent="0.25">
      <c r="A719" s="208" t="s">
        <v>1798</v>
      </c>
      <c r="B719" s="209" t="s">
        <v>20420</v>
      </c>
      <c r="C719" s="113" t="s">
        <v>1799</v>
      </c>
      <c r="D719" s="113" t="s">
        <v>22799</v>
      </c>
      <c r="E719" s="210">
        <v>2009</v>
      </c>
      <c r="F719" s="210">
        <v>595</v>
      </c>
      <c r="G719" s="113" t="s">
        <v>1</v>
      </c>
      <c r="H719" s="113">
        <v>0</v>
      </c>
      <c r="I719" s="113">
        <v>0</v>
      </c>
      <c r="J719" s="115">
        <v>1</v>
      </c>
      <c r="K719" s="116" t="s">
        <v>174</v>
      </c>
      <c r="L719" s="115">
        <v>1</v>
      </c>
      <c r="M719" s="115">
        <v>0</v>
      </c>
      <c r="N719" s="115">
        <v>0</v>
      </c>
      <c r="O719" s="115">
        <v>0</v>
      </c>
      <c r="P719" s="115">
        <v>1</v>
      </c>
      <c r="Q719" s="115" t="s">
        <v>400</v>
      </c>
      <c r="R719" s="115">
        <v>1</v>
      </c>
      <c r="S719" s="115">
        <v>0</v>
      </c>
      <c r="T719" s="115">
        <v>0</v>
      </c>
      <c r="U719" s="119"/>
      <c r="V719" s="119"/>
      <c r="W719" s="119"/>
      <c r="X719" s="119"/>
      <c r="Y719" s="119"/>
      <c r="Z719" s="119"/>
      <c r="AA719" s="119"/>
      <c r="AB719" s="119"/>
      <c r="AC719" s="119"/>
      <c r="AD719" s="119"/>
      <c r="AE719" s="119"/>
      <c r="AF719" s="119"/>
      <c r="AG719" s="119"/>
      <c r="AH719" s="119"/>
      <c r="AI719" s="119"/>
      <c r="AJ719" s="119"/>
      <c r="AK719" s="119"/>
      <c r="AL719" s="119"/>
      <c r="AM719" s="119"/>
      <c r="AN719" s="119"/>
      <c r="AO719" s="119"/>
      <c r="AP719" s="119"/>
      <c r="AQ719" s="119"/>
      <c r="AR719" s="119"/>
      <c r="AS719" s="119"/>
      <c r="AT719" s="119"/>
      <c r="AU719" s="119"/>
      <c r="AV719" s="119"/>
      <c r="AW719" s="119"/>
      <c r="AX719" s="119"/>
      <c r="AY719" s="119"/>
      <c r="AZ719" s="119"/>
      <c r="BA719" s="119"/>
      <c r="BB719" s="107">
        <v>45884</v>
      </c>
    </row>
    <row r="720" spans="1:54" s="207" customFormat="1" ht="13.95" customHeight="1" x14ac:dyDescent="0.25">
      <c r="A720" s="208" t="s">
        <v>1800</v>
      </c>
      <c r="B720" s="209" t="s">
        <v>20420</v>
      </c>
      <c r="C720" s="113" t="s">
        <v>1801</v>
      </c>
      <c r="D720" s="113" t="s">
        <v>22800</v>
      </c>
      <c r="E720" s="210">
        <v>1961</v>
      </c>
      <c r="F720" s="210">
        <v>595</v>
      </c>
      <c r="G720" s="113" t="s">
        <v>1</v>
      </c>
      <c r="H720" s="113">
        <v>0</v>
      </c>
      <c r="I720" s="113">
        <v>0</v>
      </c>
      <c r="J720" s="115">
        <v>1</v>
      </c>
      <c r="K720" s="116" t="s">
        <v>174</v>
      </c>
      <c r="L720" s="115">
        <v>1</v>
      </c>
      <c r="M720" s="115">
        <v>0</v>
      </c>
      <c r="N720" s="115">
        <v>0</v>
      </c>
      <c r="O720" s="115">
        <v>1</v>
      </c>
      <c r="P720" s="115">
        <v>1</v>
      </c>
      <c r="Q720" s="115">
        <v>1</v>
      </c>
      <c r="R720" s="115">
        <v>1</v>
      </c>
      <c r="S720" s="115">
        <v>0</v>
      </c>
      <c r="T720" s="115">
        <v>0</v>
      </c>
      <c r="U720" s="119"/>
      <c r="V720" s="119"/>
      <c r="W720" s="119"/>
      <c r="X720" s="119"/>
      <c r="Y720" s="119"/>
      <c r="Z720" s="119"/>
      <c r="AA720" s="119"/>
      <c r="AB720" s="119"/>
      <c r="AC720" s="119"/>
      <c r="AD720" s="119"/>
      <c r="AE720" s="119"/>
      <c r="AF720" s="119"/>
      <c r="AG720" s="119"/>
      <c r="AH720" s="119"/>
      <c r="AI720" s="119"/>
      <c r="AJ720" s="119"/>
      <c r="AK720" s="119"/>
      <c r="AL720" s="119"/>
      <c r="AM720" s="119"/>
      <c r="AN720" s="119"/>
      <c r="AO720" s="119"/>
      <c r="AP720" s="119"/>
      <c r="AQ720" s="119"/>
      <c r="AR720" s="119"/>
      <c r="AS720" s="119"/>
      <c r="AT720" s="119"/>
      <c r="AU720" s="119"/>
      <c r="AV720" s="119"/>
      <c r="AW720" s="119"/>
      <c r="AX720" s="119"/>
      <c r="AY720" s="119"/>
      <c r="AZ720" s="119"/>
      <c r="BA720" s="119"/>
      <c r="BB720" s="107">
        <v>45884</v>
      </c>
    </row>
    <row r="721" spans="1:54" s="207" customFormat="1" ht="13.95" customHeight="1" x14ac:dyDescent="0.25">
      <c r="A721" s="208" t="s">
        <v>1802</v>
      </c>
      <c r="B721" s="209" t="s">
        <v>20420</v>
      </c>
      <c r="C721" s="113" t="s">
        <v>1803</v>
      </c>
      <c r="D721" s="113" t="s">
        <v>22801</v>
      </c>
      <c r="E721" s="210">
        <v>1992</v>
      </c>
      <c r="F721" s="210">
        <v>596</v>
      </c>
      <c r="G721" s="113" t="s">
        <v>1</v>
      </c>
      <c r="H721" s="113">
        <v>0</v>
      </c>
      <c r="I721" s="113">
        <v>0</v>
      </c>
      <c r="J721" s="115">
        <v>1</v>
      </c>
      <c r="K721" s="211">
        <v>1</v>
      </c>
      <c r="L721" s="115">
        <v>1</v>
      </c>
      <c r="M721" s="115">
        <v>1</v>
      </c>
      <c r="N721" s="115">
        <v>0</v>
      </c>
      <c r="O721" s="115">
        <v>0</v>
      </c>
      <c r="P721" s="115" t="s">
        <v>400</v>
      </c>
      <c r="Q721" s="115" t="s">
        <v>400</v>
      </c>
      <c r="R721" s="115">
        <v>1</v>
      </c>
      <c r="S721" s="115">
        <v>0</v>
      </c>
      <c r="T721" s="115">
        <v>0</v>
      </c>
      <c r="U721" s="119"/>
      <c r="V721" s="119"/>
      <c r="W721" s="119"/>
      <c r="X721" s="119"/>
      <c r="Y721" s="119"/>
      <c r="Z721" s="119"/>
      <c r="AA721" s="119"/>
      <c r="AB721" s="119"/>
      <c r="AC721" s="119"/>
      <c r="AD721" s="119"/>
      <c r="AE721" s="119"/>
      <c r="AF721" s="119"/>
      <c r="AG721" s="119"/>
      <c r="AH721" s="119"/>
      <c r="AI721" s="119"/>
      <c r="AJ721" s="119"/>
      <c r="AK721" s="119"/>
      <c r="AL721" s="119"/>
      <c r="AM721" s="119"/>
      <c r="AN721" s="119"/>
      <c r="AO721" s="119"/>
      <c r="AP721" s="119"/>
      <c r="AQ721" s="119"/>
      <c r="AR721" s="119"/>
      <c r="AS721" s="119"/>
      <c r="AT721" s="119"/>
      <c r="AU721" s="119"/>
      <c r="AV721" s="119"/>
      <c r="AW721" s="119"/>
      <c r="AX721" s="119"/>
      <c r="AY721" s="119"/>
      <c r="AZ721" s="119"/>
      <c r="BA721" s="119"/>
      <c r="BB721" s="107">
        <v>45884</v>
      </c>
    </row>
    <row r="722" spans="1:54" s="207" customFormat="1" ht="13.95" customHeight="1" x14ac:dyDescent="0.25">
      <c r="A722" s="208" t="s">
        <v>1804</v>
      </c>
      <c r="B722" s="209" t="s">
        <v>20420</v>
      </c>
      <c r="C722" s="113" t="s">
        <v>1805</v>
      </c>
      <c r="D722" s="113" t="s">
        <v>22802</v>
      </c>
      <c r="E722" s="210">
        <v>1978</v>
      </c>
      <c r="F722" s="210">
        <v>597</v>
      </c>
      <c r="G722" s="113" t="s">
        <v>1</v>
      </c>
      <c r="H722" s="113">
        <v>0</v>
      </c>
      <c r="I722" s="113">
        <v>0</v>
      </c>
      <c r="J722" s="115">
        <v>1</v>
      </c>
      <c r="K722" s="211">
        <v>1</v>
      </c>
      <c r="L722" s="115">
        <v>1</v>
      </c>
      <c r="M722" s="115">
        <v>0</v>
      </c>
      <c r="N722" s="115">
        <v>0</v>
      </c>
      <c r="O722" s="115">
        <v>1</v>
      </c>
      <c r="P722" s="115">
        <v>1</v>
      </c>
      <c r="Q722" s="115" t="s">
        <v>400</v>
      </c>
      <c r="R722" s="115">
        <v>1</v>
      </c>
      <c r="S722" s="115">
        <v>0</v>
      </c>
      <c r="T722" s="115">
        <v>0</v>
      </c>
      <c r="U722" s="119"/>
      <c r="V722" s="119"/>
      <c r="W722" s="119"/>
      <c r="X722" s="119"/>
      <c r="Y722" s="119"/>
      <c r="Z722" s="119"/>
      <c r="AA722" s="119"/>
      <c r="AB722" s="119"/>
      <c r="AC722" s="119"/>
      <c r="AD722" s="119"/>
      <c r="AE722" s="119"/>
      <c r="AF722" s="119"/>
      <c r="AG722" s="119"/>
      <c r="AH722" s="119"/>
      <c r="AI722" s="119"/>
      <c r="AJ722" s="119"/>
      <c r="AK722" s="119"/>
      <c r="AL722" s="119"/>
      <c r="AM722" s="119"/>
      <c r="AN722" s="119"/>
      <c r="AO722" s="119"/>
      <c r="AP722" s="119"/>
      <c r="AQ722" s="119"/>
      <c r="AR722" s="119"/>
      <c r="AS722" s="119"/>
      <c r="AT722" s="119"/>
      <c r="AU722" s="119"/>
      <c r="AV722" s="119"/>
      <c r="AW722" s="119"/>
      <c r="AX722" s="119"/>
      <c r="AY722" s="119"/>
      <c r="AZ722" s="119"/>
      <c r="BA722" s="119"/>
      <c r="BB722" s="107">
        <v>45884</v>
      </c>
    </row>
    <row r="723" spans="1:54" s="207" customFormat="1" ht="13.95" customHeight="1" x14ac:dyDescent="0.25">
      <c r="A723" s="208" t="s">
        <v>1806</v>
      </c>
      <c r="B723" s="209" t="s">
        <v>20420</v>
      </c>
      <c r="C723" s="113" t="s">
        <v>1807</v>
      </c>
      <c r="D723" s="113" t="s">
        <v>1808</v>
      </c>
      <c r="E723" s="210">
        <v>1995</v>
      </c>
      <c r="F723" s="210">
        <v>598</v>
      </c>
      <c r="G723" s="113" t="s">
        <v>1</v>
      </c>
      <c r="H723" s="113">
        <v>0</v>
      </c>
      <c r="I723" s="113">
        <v>0</v>
      </c>
      <c r="J723" s="115">
        <v>1</v>
      </c>
      <c r="K723" s="116" t="s">
        <v>174</v>
      </c>
      <c r="L723" s="115">
        <v>0</v>
      </c>
      <c r="M723" s="115">
        <v>0</v>
      </c>
      <c r="N723" s="115">
        <v>0</v>
      </c>
      <c r="O723" s="115">
        <v>0</v>
      </c>
      <c r="P723" s="115" t="s">
        <v>400</v>
      </c>
      <c r="Q723" s="115" t="s">
        <v>400</v>
      </c>
      <c r="R723" s="115">
        <v>0</v>
      </c>
      <c r="S723" s="115">
        <v>0</v>
      </c>
      <c r="T723" s="115">
        <v>0</v>
      </c>
      <c r="U723" s="119"/>
      <c r="V723" s="119"/>
      <c r="W723" s="119"/>
      <c r="X723" s="119"/>
      <c r="Y723" s="119"/>
      <c r="Z723" s="119"/>
      <c r="AA723" s="119"/>
      <c r="AB723" s="119"/>
      <c r="AC723" s="119"/>
      <c r="AD723" s="119"/>
      <c r="AE723" s="119"/>
      <c r="AF723" s="119"/>
      <c r="AG723" s="119"/>
      <c r="AH723" s="119"/>
      <c r="AI723" s="119"/>
      <c r="AJ723" s="119"/>
      <c r="AK723" s="119"/>
      <c r="AL723" s="119"/>
      <c r="AM723" s="119"/>
      <c r="AN723" s="119"/>
      <c r="AO723" s="119"/>
      <c r="AP723" s="119"/>
      <c r="AQ723" s="119"/>
      <c r="AR723" s="119"/>
      <c r="AS723" s="119"/>
      <c r="AT723" s="119"/>
      <c r="AU723" s="119"/>
      <c r="AV723" s="119"/>
      <c r="AW723" s="119"/>
      <c r="AX723" s="119"/>
      <c r="AY723" s="119"/>
      <c r="AZ723" s="119"/>
      <c r="BA723" s="119"/>
      <c r="BB723" s="107">
        <v>45884</v>
      </c>
    </row>
    <row r="724" spans="1:54" s="207" customFormat="1" ht="13.95" customHeight="1" x14ac:dyDescent="0.25">
      <c r="A724" s="208" t="s">
        <v>1809</v>
      </c>
      <c r="B724" s="209" t="s">
        <v>20420</v>
      </c>
      <c r="C724" s="113" t="s">
        <v>1810</v>
      </c>
      <c r="D724" s="113" t="s">
        <v>22803</v>
      </c>
      <c r="E724" s="210">
        <v>1990</v>
      </c>
      <c r="F724" s="210">
        <v>598</v>
      </c>
      <c r="G724" s="113" t="s">
        <v>1</v>
      </c>
      <c r="H724" s="113">
        <v>0</v>
      </c>
      <c r="I724" s="113">
        <v>0</v>
      </c>
      <c r="J724" s="115">
        <v>1</v>
      </c>
      <c r="K724" s="116" t="s">
        <v>174</v>
      </c>
      <c r="L724" s="115">
        <v>1</v>
      </c>
      <c r="M724" s="115">
        <v>0</v>
      </c>
      <c r="N724" s="115">
        <v>0</v>
      </c>
      <c r="O724" s="115">
        <v>1</v>
      </c>
      <c r="P724" s="115">
        <v>1</v>
      </c>
      <c r="Q724" s="115" t="s">
        <v>400</v>
      </c>
      <c r="R724" s="115">
        <v>1</v>
      </c>
      <c r="S724" s="115">
        <v>0</v>
      </c>
      <c r="T724" s="115">
        <v>0</v>
      </c>
      <c r="U724" s="119"/>
      <c r="V724" s="119"/>
      <c r="W724" s="119"/>
      <c r="X724" s="119"/>
      <c r="Y724" s="119"/>
      <c r="Z724" s="119"/>
      <c r="AA724" s="119"/>
      <c r="AB724" s="119"/>
      <c r="AC724" s="119"/>
      <c r="AD724" s="119"/>
      <c r="AE724" s="119"/>
      <c r="AF724" s="119"/>
      <c r="AG724" s="119"/>
      <c r="AH724" s="119"/>
      <c r="AI724" s="119"/>
      <c r="AJ724" s="119"/>
      <c r="AK724" s="119"/>
      <c r="AL724" s="119"/>
      <c r="AM724" s="119"/>
      <c r="AN724" s="119"/>
      <c r="AO724" s="119"/>
      <c r="AP724" s="119"/>
      <c r="AQ724" s="119"/>
      <c r="AR724" s="119"/>
      <c r="AS724" s="119"/>
      <c r="AT724" s="119"/>
      <c r="AU724" s="119"/>
      <c r="AV724" s="119"/>
      <c r="AW724" s="119"/>
      <c r="AX724" s="119"/>
      <c r="AY724" s="119"/>
      <c r="AZ724" s="119"/>
      <c r="BA724" s="119"/>
      <c r="BB724" s="107">
        <v>45884</v>
      </c>
    </row>
    <row r="725" spans="1:54" s="207" customFormat="1" ht="13.95" customHeight="1" x14ac:dyDescent="0.25">
      <c r="A725" s="208" t="s">
        <v>1811</v>
      </c>
      <c r="B725" s="209" t="s">
        <v>20420</v>
      </c>
      <c r="C725" s="113" t="s">
        <v>1812</v>
      </c>
      <c r="D725" s="113" t="s">
        <v>1813</v>
      </c>
      <c r="E725" s="210">
        <v>2008</v>
      </c>
      <c r="F725" s="210">
        <v>600</v>
      </c>
      <c r="G725" s="113" t="s">
        <v>1</v>
      </c>
      <c r="H725" s="113">
        <v>0</v>
      </c>
      <c r="I725" s="113">
        <v>0</v>
      </c>
      <c r="J725" s="115">
        <v>1</v>
      </c>
      <c r="K725" s="116" t="s">
        <v>174</v>
      </c>
      <c r="L725" s="115">
        <v>1</v>
      </c>
      <c r="M725" s="115">
        <v>0</v>
      </c>
      <c r="N725" s="115">
        <v>0</v>
      </c>
      <c r="O725" s="115">
        <v>1</v>
      </c>
      <c r="P725" s="115">
        <v>1</v>
      </c>
      <c r="Q725" s="115" t="s">
        <v>400</v>
      </c>
      <c r="R725" s="115">
        <v>1</v>
      </c>
      <c r="S725" s="115">
        <v>0</v>
      </c>
      <c r="T725" s="115">
        <v>0</v>
      </c>
      <c r="U725" s="119"/>
      <c r="V725" s="119"/>
      <c r="W725" s="119"/>
      <c r="X725" s="119"/>
      <c r="Y725" s="119"/>
      <c r="Z725" s="119"/>
      <c r="AA725" s="119"/>
      <c r="AB725" s="119"/>
      <c r="AC725" s="119"/>
      <c r="AD725" s="119"/>
      <c r="AE725" s="119"/>
      <c r="AF725" s="119"/>
      <c r="AG725" s="119"/>
      <c r="AH725" s="119"/>
      <c r="AI725" s="119"/>
      <c r="AJ725" s="119"/>
      <c r="AK725" s="119"/>
      <c r="AL725" s="119"/>
      <c r="AM725" s="119"/>
      <c r="AN725" s="119"/>
      <c r="AO725" s="119"/>
      <c r="AP725" s="119"/>
      <c r="AQ725" s="119"/>
      <c r="AR725" s="119"/>
      <c r="AS725" s="119"/>
      <c r="AT725" s="119"/>
      <c r="AU725" s="119"/>
      <c r="AV725" s="119"/>
      <c r="AW725" s="119"/>
      <c r="AX725" s="119"/>
      <c r="AY725" s="119"/>
      <c r="AZ725" s="119"/>
      <c r="BA725" s="119"/>
      <c r="BB725" s="107">
        <v>45884</v>
      </c>
    </row>
    <row r="726" spans="1:54" s="207" customFormat="1" ht="13.95" customHeight="1" x14ac:dyDescent="0.25">
      <c r="A726" s="208" t="s">
        <v>1814</v>
      </c>
      <c r="B726" s="209" t="s">
        <v>20420</v>
      </c>
      <c r="C726" s="113" t="s">
        <v>1815</v>
      </c>
      <c r="D726" s="113" t="s">
        <v>22804</v>
      </c>
      <c r="E726" s="210">
        <v>2007</v>
      </c>
      <c r="F726" s="210">
        <v>603</v>
      </c>
      <c r="G726" s="113" t="s">
        <v>1</v>
      </c>
      <c r="H726" s="113">
        <v>0</v>
      </c>
      <c r="I726" s="113">
        <v>0</v>
      </c>
      <c r="J726" s="115">
        <v>1</v>
      </c>
      <c r="K726" s="211">
        <v>1</v>
      </c>
      <c r="L726" s="115">
        <v>1</v>
      </c>
      <c r="M726" s="115">
        <v>0</v>
      </c>
      <c r="N726" s="115">
        <v>0</v>
      </c>
      <c r="O726" s="115">
        <v>0</v>
      </c>
      <c r="P726" s="115">
        <v>1</v>
      </c>
      <c r="Q726" s="115" t="s">
        <v>400</v>
      </c>
      <c r="R726" s="115">
        <v>1</v>
      </c>
      <c r="S726" s="115">
        <v>0</v>
      </c>
      <c r="T726" s="115">
        <v>0</v>
      </c>
      <c r="U726" s="119"/>
      <c r="V726" s="119"/>
      <c r="W726" s="119"/>
      <c r="X726" s="119"/>
      <c r="Y726" s="119"/>
      <c r="Z726" s="119"/>
      <c r="AA726" s="119"/>
      <c r="AB726" s="119"/>
      <c r="AC726" s="119"/>
      <c r="AD726" s="119"/>
      <c r="AE726" s="119"/>
      <c r="AF726" s="119"/>
      <c r="AG726" s="119"/>
      <c r="AH726" s="119"/>
      <c r="AI726" s="119"/>
      <c r="AJ726" s="119"/>
      <c r="AK726" s="119"/>
      <c r="AL726" s="119"/>
      <c r="AM726" s="119"/>
      <c r="AN726" s="119"/>
      <c r="AO726" s="119"/>
      <c r="AP726" s="119"/>
      <c r="AQ726" s="119"/>
      <c r="AR726" s="119"/>
      <c r="AS726" s="119"/>
      <c r="AT726" s="119"/>
      <c r="AU726" s="119"/>
      <c r="AV726" s="119"/>
      <c r="AW726" s="119"/>
      <c r="AX726" s="119"/>
      <c r="AY726" s="119"/>
      <c r="AZ726" s="119"/>
      <c r="BA726" s="119"/>
      <c r="BB726" s="107">
        <v>45884</v>
      </c>
    </row>
    <row r="727" spans="1:54" s="207" customFormat="1" ht="13.95" customHeight="1" x14ac:dyDescent="0.25">
      <c r="A727" s="208" t="s">
        <v>1816</v>
      </c>
      <c r="B727" s="209" t="s">
        <v>20420</v>
      </c>
      <c r="C727" s="113" t="s">
        <v>1817</v>
      </c>
      <c r="D727" s="113" t="s">
        <v>22805</v>
      </c>
      <c r="E727" s="210">
        <v>1974</v>
      </c>
      <c r="F727" s="210">
        <v>604</v>
      </c>
      <c r="G727" s="113" t="s">
        <v>1</v>
      </c>
      <c r="H727" s="113">
        <v>0</v>
      </c>
      <c r="I727" s="113">
        <v>0</v>
      </c>
      <c r="J727" s="115">
        <v>1</v>
      </c>
      <c r="K727" s="116" t="s">
        <v>174</v>
      </c>
      <c r="L727" s="115">
        <v>1</v>
      </c>
      <c r="M727" s="115">
        <v>1</v>
      </c>
      <c r="N727" s="115">
        <v>0</v>
      </c>
      <c r="O727" s="115">
        <v>1</v>
      </c>
      <c r="P727" s="115" t="s">
        <v>400</v>
      </c>
      <c r="Q727" s="115" t="s">
        <v>400</v>
      </c>
      <c r="R727" s="115">
        <v>0</v>
      </c>
      <c r="S727" s="115">
        <v>0</v>
      </c>
      <c r="T727" s="115">
        <v>0</v>
      </c>
      <c r="U727" s="119"/>
      <c r="V727" s="119"/>
      <c r="W727" s="119"/>
      <c r="X727" s="119"/>
      <c r="Y727" s="119"/>
      <c r="Z727" s="119"/>
      <c r="AA727" s="119"/>
      <c r="AB727" s="119"/>
      <c r="AC727" s="119"/>
      <c r="AD727" s="119"/>
      <c r="AE727" s="119"/>
      <c r="AF727" s="119"/>
      <c r="AG727" s="119"/>
      <c r="AH727" s="119"/>
      <c r="AI727" s="119"/>
      <c r="AJ727" s="119"/>
      <c r="AK727" s="119"/>
      <c r="AL727" s="119"/>
      <c r="AM727" s="119"/>
      <c r="AN727" s="119"/>
      <c r="AO727" s="119"/>
      <c r="AP727" s="119"/>
      <c r="AQ727" s="119"/>
      <c r="AR727" s="119"/>
      <c r="AS727" s="119"/>
      <c r="AT727" s="119"/>
      <c r="AU727" s="119"/>
      <c r="AV727" s="119"/>
      <c r="AW727" s="119"/>
      <c r="AX727" s="119"/>
      <c r="AY727" s="119"/>
      <c r="AZ727" s="119"/>
      <c r="BA727" s="119"/>
      <c r="BB727" s="107">
        <v>45884</v>
      </c>
    </row>
    <row r="728" spans="1:54" s="207" customFormat="1" ht="13.95" customHeight="1" x14ac:dyDescent="0.25">
      <c r="A728" s="208" t="s">
        <v>1818</v>
      </c>
      <c r="B728" s="209" t="s">
        <v>20420</v>
      </c>
      <c r="C728" s="113" t="s">
        <v>1819</v>
      </c>
      <c r="D728" s="113" t="s">
        <v>22806</v>
      </c>
      <c r="E728" s="210">
        <v>1981</v>
      </c>
      <c r="F728" s="210">
        <v>607</v>
      </c>
      <c r="G728" s="113" t="s">
        <v>1</v>
      </c>
      <c r="H728" s="113">
        <v>0</v>
      </c>
      <c r="I728" s="113">
        <v>0</v>
      </c>
      <c r="J728" s="115">
        <v>1</v>
      </c>
      <c r="K728" s="116" t="s">
        <v>174</v>
      </c>
      <c r="L728" s="115">
        <v>1</v>
      </c>
      <c r="M728" s="115">
        <v>0</v>
      </c>
      <c r="N728" s="115">
        <v>0</v>
      </c>
      <c r="O728" s="115">
        <v>1</v>
      </c>
      <c r="P728" s="115">
        <v>1</v>
      </c>
      <c r="Q728" s="115" t="s">
        <v>400</v>
      </c>
      <c r="R728" s="115">
        <v>1</v>
      </c>
      <c r="S728" s="115">
        <v>0</v>
      </c>
      <c r="T728" s="115">
        <v>0</v>
      </c>
      <c r="U728" s="119"/>
      <c r="V728" s="119"/>
      <c r="W728" s="119"/>
      <c r="X728" s="119"/>
      <c r="Y728" s="119"/>
      <c r="Z728" s="119"/>
      <c r="AA728" s="119"/>
      <c r="AB728" s="119"/>
      <c r="AC728" s="119"/>
      <c r="AD728" s="119"/>
      <c r="AE728" s="119"/>
      <c r="AF728" s="119"/>
      <c r="AG728" s="119"/>
      <c r="AH728" s="119"/>
      <c r="AI728" s="119"/>
      <c r="AJ728" s="119"/>
      <c r="AK728" s="119"/>
      <c r="AL728" s="119"/>
      <c r="AM728" s="119"/>
      <c r="AN728" s="119"/>
      <c r="AO728" s="119"/>
      <c r="AP728" s="119"/>
      <c r="AQ728" s="119"/>
      <c r="AR728" s="119"/>
      <c r="AS728" s="119"/>
      <c r="AT728" s="119"/>
      <c r="AU728" s="119"/>
      <c r="AV728" s="119"/>
      <c r="AW728" s="119"/>
      <c r="AX728" s="119"/>
      <c r="AY728" s="119"/>
      <c r="AZ728" s="119"/>
      <c r="BA728" s="119"/>
      <c r="BB728" s="107">
        <v>45884</v>
      </c>
    </row>
    <row r="729" spans="1:54" s="207" customFormat="1" ht="13.95" customHeight="1" x14ac:dyDescent="0.25">
      <c r="A729" s="208" t="s">
        <v>1820</v>
      </c>
      <c r="B729" s="209" t="s">
        <v>20420</v>
      </c>
      <c r="C729" s="113" t="s">
        <v>1821</v>
      </c>
      <c r="D729" s="113" t="s">
        <v>22807</v>
      </c>
      <c r="E729" s="210">
        <v>1998</v>
      </c>
      <c r="F729" s="210">
        <v>607</v>
      </c>
      <c r="G729" s="113" t="s">
        <v>1</v>
      </c>
      <c r="H729" s="113">
        <v>0</v>
      </c>
      <c r="I729" s="113">
        <v>0</v>
      </c>
      <c r="J729" s="115">
        <v>0</v>
      </c>
      <c r="K729" s="116" t="s">
        <v>174</v>
      </c>
      <c r="L729" s="115">
        <v>0</v>
      </c>
      <c r="M729" s="115">
        <v>0</v>
      </c>
      <c r="N729" s="115">
        <v>0</v>
      </c>
      <c r="O729" s="115">
        <v>1</v>
      </c>
      <c r="P729" s="115" t="s">
        <v>400</v>
      </c>
      <c r="Q729" s="115" t="s">
        <v>400</v>
      </c>
      <c r="R729" s="115">
        <v>0</v>
      </c>
      <c r="S729" s="115">
        <v>0</v>
      </c>
      <c r="T729" s="115">
        <v>0</v>
      </c>
      <c r="U729" s="119"/>
      <c r="V729" s="119"/>
      <c r="W729" s="119"/>
      <c r="X729" s="119"/>
      <c r="Y729" s="119"/>
      <c r="Z729" s="119"/>
      <c r="AA729" s="119"/>
      <c r="AB729" s="119"/>
      <c r="AC729" s="119"/>
      <c r="AD729" s="119"/>
      <c r="AE729" s="119"/>
      <c r="AF729" s="119"/>
      <c r="AG729" s="119"/>
      <c r="AH729" s="119"/>
      <c r="AI729" s="119"/>
      <c r="AJ729" s="119"/>
      <c r="AK729" s="119"/>
      <c r="AL729" s="119"/>
      <c r="AM729" s="119"/>
      <c r="AN729" s="119"/>
      <c r="AO729" s="119"/>
      <c r="AP729" s="119"/>
      <c r="AQ729" s="119"/>
      <c r="AR729" s="119"/>
      <c r="AS729" s="119"/>
      <c r="AT729" s="119"/>
      <c r="AU729" s="119"/>
      <c r="AV729" s="119"/>
      <c r="AW729" s="119"/>
      <c r="AX729" s="119"/>
      <c r="AY729" s="119"/>
      <c r="AZ729" s="119"/>
      <c r="BA729" s="119"/>
      <c r="BB729" s="107">
        <v>45884</v>
      </c>
    </row>
    <row r="730" spans="1:54" s="207" customFormat="1" ht="13.95" customHeight="1" x14ac:dyDescent="0.25">
      <c r="A730" s="208" t="s">
        <v>1822</v>
      </c>
      <c r="B730" s="209" t="s">
        <v>20420</v>
      </c>
      <c r="C730" s="113" t="s">
        <v>1823</v>
      </c>
      <c r="D730" s="113" t="s">
        <v>22808</v>
      </c>
      <c r="E730" s="210">
        <v>1973</v>
      </c>
      <c r="F730" s="210">
        <v>607</v>
      </c>
      <c r="G730" s="113" t="s">
        <v>1</v>
      </c>
      <c r="H730" s="113">
        <v>0</v>
      </c>
      <c r="I730" s="113">
        <v>0</v>
      </c>
      <c r="J730" s="115">
        <v>1</v>
      </c>
      <c r="K730" s="116" t="s">
        <v>174</v>
      </c>
      <c r="L730" s="115">
        <v>1</v>
      </c>
      <c r="M730" s="115">
        <v>0</v>
      </c>
      <c r="N730" s="115">
        <v>0</v>
      </c>
      <c r="O730" s="115">
        <v>1</v>
      </c>
      <c r="P730" s="115">
        <v>1</v>
      </c>
      <c r="Q730" s="115" t="s">
        <v>400</v>
      </c>
      <c r="R730" s="115">
        <v>0</v>
      </c>
      <c r="S730" s="115">
        <v>0</v>
      </c>
      <c r="T730" s="115">
        <v>0</v>
      </c>
      <c r="U730" s="119"/>
      <c r="V730" s="119"/>
      <c r="W730" s="119"/>
      <c r="X730" s="119"/>
      <c r="Y730" s="119"/>
      <c r="Z730" s="119"/>
      <c r="AA730" s="119"/>
      <c r="AB730" s="119"/>
      <c r="AC730" s="119"/>
      <c r="AD730" s="119"/>
      <c r="AE730" s="119"/>
      <c r="AF730" s="119"/>
      <c r="AG730" s="119"/>
      <c r="AH730" s="119"/>
      <c r="AI730" s="119"/>
      <c r="AJ730" s="119"/>
      <c r="AK730" s="119"/>
      <c r="AL730" s="119"/>
      <c r="AM730" s="119"/>
      <c r="AN730" s="119"/>
      <c r="AO730" s="119"/>
      <c r="AP730" s="119"/>
      <c r="AQ730" s="119"/>
      <c r="AR730" s="119"/>
      <c r="AS730" s="119"/>
      <c r="AT730" s="119"/>
      <c r="AU730" s="119"/>
      <c r="AV730" s="119"/>
      <c r="AW730" s="119"/>
      <c r="AX730" s="119"/>
      <c r="AY730" s="119"/>
      <c r="AZ730" s="119"/>
      <c r="BA730" s="119"/>
      <c r="BB730" s="107">
        <v>45884</v>
      </c>
    </row>
    <row r="731" spans="1:54" s="207" customFormat="1" ht="13.95" customHeight="1" x14ac:dyDescent="0.25">
      <c r="A731" s="208" t="s">
        <v>1824</v>
      </c>
      <c r="B731" s="209" t="s">
        <v>20420</v>
      </c>
      <c r="C731" s="113" t="s">
        <v>1825</v>
      </c>
      <c r="D731" s="113" t="s">
        <v>22809</v>
      </c>
      <c r="E731" s="210">
        <v>1998</v>
      </c>
      <c r="F731" s="210">
        <v>608</v>
      </c>
      <c r="G731" s="113" t="s">
        <v>1</v>
      </c>
      <c r="H731" s="113">
        <v>0</v>
      </c>
      <c r="I731" s="113">
        <v>0</v>
      </c>
      <c r="J731" s="115">
        <v>1</v>
      </c>
      <c r="K731" s="116" t="s">
        <v>174</v>
      </c>
      <c r="L731" s="115">
        <v>0</v>
      </c>
      <c r="M731" s="115">
        <v>0</v>
      </c>
      <c r="N731" s="115">
        <v>0</v>
      </c>
      <c r="O731" s="115">
        <v>0</v>
      </c>
      <c r="P731" s="115" t="s">
        <v>400</v>
      </c>
      <c r="Q731" s="115" t="s">
        <v>400</v>
      </c>
      <c r="R731" s="115">
        <v>0</v>
      </c>
      <c r="S731" s="115">
        <v>0</v>
      </c>
      <c r="T731" s="115">
        <v>0</v>
      </c>
      <c r="U731" s="119"/>
      <c r="V731" s="119"/>
      <c r="W731" s="119"/>
      <c r="X731" s="119"/>
      <c r="Y731" s="119"/>
      <c r="Z731" s="119"/>
      <c r="AA731" s="119"/>
      <c r="AB731" s="119"/>
      <c r="AC731" s="119"/>
      <c r="AD731" s="119"/>
      <c r="AE731" s="119"/>
      <c r="AF731" s="119"/>
      <c r="AG731" s="119"/>
      <c r="AH731" s="119"/>
      <c r="AI731" s="119"/>
      <c r="AJ731" s="119"/>
      <c r="AK731" s="119"/>
      <c r="AL731" s="119"/>
      <c r="AM731" s="119"/>
      <c r="AN731" s="119"/>
      <c r="AO731" s="119"/>
      <c r="AP731" s="119"/>
      <c r="AQ731" s="119"/>
      <c r="AR731" s="119"/>
      <c r="AS731" s="119"/>
      <c r="AT731" s="119"/>
      <c r="AU731" s="119"/>
      <c r="AV731" s="119"/>
      <c r="AW731" s="119"/>
      <c r="AX731" s="119"/>
      <c r="AY731" s="119"/>
      <c r="AZ731" s="119"/>
      <c r="BA731" s="119"/>
      <c r="BB731" s="107">
        <v>45884</v>
      </c>
    </row>
    <row r="732" spans="1:54" s="207" customFormat="1" ht="13.95" customHeight="1" x14ac:dyDescent="0.25">
      <c r="A732" s="208" t="s">
        <v>1826</v>
      </c>
      <c r="B732" s="209" t="s">
        <v>20420</v>
      </c>
      <c r="C732" s="113" t="s">
        <v>1827</v>
      </c>
      <c r="D732" s="113" t="s">
        <v>22810</v>
      </c>
      <c r="E732" s="210">
        <v>1989</v>
      </c>
      <c r="F732" s="210">
        <v>609</v>
      </c>
      <c r="G732" s="113" t="s">
        <v>1</v>
      </c>
      <c r="H732" s="113">
        <v>0</v>
      </c>
      <c r="I732" s="113">
        <v>0</v>
      </c>
      <c r="J732" s="115">
        <v>1</v>
      </c>
      <c r="K732" s="116" t="s">
        <v>174</v>
      </c>
      <c r="L732" s="115">
        <v>1</v>
      </c>
      <c r="M732" s="115">
        <v>1</v>
      </c>
      <c r="N732" s="115">
        <v>0</v>
      </c>
      <c r="O732" s="115">
        <v>1</v>
      </c>
      <c r="P732" s="115" t="s">
        <v>400</v>
      </c>
      <c r="Q732" s="115" t="s">
        <v>400</v>
      </c>
      <c r="R732" s="115">
        <v>0</v>
      </c>
      <c r="S732" s="115">
        <v>0</v>
      </c>
      <c r="T732" s="115">
        <v>0</v>
      </c>
      <c r="U732" s="119"/>
      <c r="V732" s="119"/>
      <c r="W732" s="119"/>
      <c r="X732" s="119"/>
      <c r="Y732" s="119"/>
      <c r="Z732" s="119"/>
      <c r="AA732" s="119"/>
      <c r="AB732" s="119"/>
      <c r="AC732" s="119"/>
      <c r="AD732" s="119"/>
      <c r="AE732" s="119"/>
      <c r="AF732" s="119"/>
      <c r="AG732" s="119"/>
      <c r="AH732" s="119"/>
      <c r="AI732" s="119"/>
      <c r="AJ732" s="119"/>
      <c r="AK732" s="119"/>
      <c r="AL732" s="119"/>
      <c r="AM732" s="119"/>
      <c r="AN732" s="119"/>
      <c r="AO732" s="119"/>
      <c r="AP732" s="119"/>
      <c r="AQ732" s="119"/>
      <c r="AR732" s="119"/>
      <c r="AS732" s="119"/>
      <c r="AT732" s="119"/>
      <c r="AU732" s="119"/>
      <c r="AV732" s="119"/>
      <c r="AW732" s="119"/>
      <c r="AX732" s="119"/>
      <c r="AY732" s="119"/>
      <c r="AZ732" s="119"/>
      <c r="BA732" s="119"/>
      <c r="BB732" s="107">
        <v>45884</v>
      </c>
    </row>
    <row r="733" spans="1:54" s="207" customFormat="1" ht="13.95" customHeight="1" x14ac:dyDescent="0.25">
      <c r="A733" s="208" t="s">
        <v>1828</v>
      </c>
      <c r="B733" s="209" t="s">
        <v>20420</v>
      </c>
      <c r="C733" s="113" t="s">
        <v>1829</v>
      </c>
      <c r="D733" s="113" t="s">
        <v>1830</v>
      </c>
      <c r="E733" s="210">
        <v>1975</v>
      </c>
      <c r="F733" s="210">
        <v>609</v>
      </c>
      <c r="G733" s="113" t="s">
        <v>1</v>
      </c>
      <c r="H733" s="113">
        <v>0</v>
      </c>
      <c r="I733" s="113">
        <v>0</v>
      </c>
      <c r="J733" s="115">
        <v>1</v>
      </c>
      <c r="K733" s="116" t="s">
        <v>174</v>
      </c>
      <c r="L733" s="115">
        <v>0</v>
      </c>
      <c r="M733" s="115">
        <v>0</v>
      </c>
      <c r="N733" s="115">
        <v>0</v>
      </c>
      <c r="O733" s="115">
        <v>1</v>
      </c>
      <c r="P733" s="115">
        <v>1</v>
      </c>
      <c r="Q733" s="115" t="s">
        <v>400</v>
      </c>
      <c r="R733" s="115">
        <v>1</v>
      </c>
      <c r="S733" s="115">
        <v>0</v>
      </c>
      <c r="T733" s="115">
        <v>0</v>
      </c>
      <c r="U733" s="119"/>
      <c r="V733" s="119"/>
      <c r="W733" s="119"/>
      <c r="X733" s="119"/>
      <c r="Y733" s="119"/>
      <c r="Z733" s="119"/>
      <c r="AA733" s="119"/>
      <c r="AB733" s="119"/>
      <c r="AC733" s="119"/>
      <c r="AD733" s="119"/>
      <c r="AE733" s="119"/>
      <c r="AF733" s="119"/>
      <c r="AG733" s="119"/>
      <c r="AH733" s="119"/>
      <c r="AI733" s="119"/>
      <c r="AJ733" s="119"/>
      <c r="AK733" s="119"/>
      <c r="AL733" s="119"/>
      <c r="AM733" s="119"/>
      <c r="AN733" s="119"/>
      <c r="AO733" s="119"/>
      <c r="AP733" s="119"/>
      <c r="AQ733" s="119"/>
      <c r="AR733" s="119"/>
      <c r="AS733" s="119"/>
      <c r="AT733" s="119"/>
      <c r="AU733" s="119"/>
      <c r="AV733" s="119"/>
      <c r="AW733" s="119"/>
      <c r="AX733" s="119"/>
      <c r="AY733" s="119"/>
      <c r="AZ733" s="119"/>
      <c r="BA733" s="119"/>
      <c r="BB733" s="107">
        <v>45884</v>
      </c>
    </row>
    <row r="734" spans="1:54" s="207" customFormat="1" ht="13.95" customHeight="1" x14ac:dyDescent="0.25">
      <c r="A734" s="208" t="s">
        <v>1831</v>
      </c>
      <c r="B734" s="209" t="s">
        <v>20420</v>
      </c>
      <c r="C734" s="113" t="s">
        <v>1832</v>
      </c>
      <c r="D734" s="113" t="s">
        <v>1833</v>
      </c>
      <c r="E734" s="210">
        <v>1998</v>
      </c>
      <c r="F734" s="210">
        <v>610</v>
      </c>
      <c r="G734" s="113" t="s">
        <v>1</v>
      </c>
      <c r="H734" s="113">
        <v>0</v>
      </c>
      <c r="I734" s="113">
        <v>0</v>
      </c>
      <c r="J734" s="115">
        <v>1</v>
      </c>
      <c r="K734" s="116" t="s">
        <v>174</v>
      </c>
      <c r="L734" s="115">
        <v>0</v>
      </c>
      <c r="M734" s="115">
        <v>0</v>
      </c>
      <c r="N734" s="115">
        <v>0</v>
      </c>
      <c r="O734" s="115">
        <v>0</v>
      </c>
      <c r="P734" s="115">
        <v>1</v>
      </c>
      <c r="Q734" s="115" t="s">
        <v>400</v>
      </c>
      <c r="R734" s="115">
        <v>1</v>
      </c>
      <c r="S734" s="115">
        <v>0</v>
      </c>
      <c r="T734" s="115">
        <v>0</v>
      </c>
      <c r="U734" s="119"/>
      <c r="V734" s="119"/>
      <c r="W734" s="119"/>
      <c r="X734" s="119"/>
      <c r="Y734" s="119"/>
      <c r="Z734" s="119"/>
      <c r="AA734" s="119"/>
      <c r="AB734" s="119"/>
      <c r="AC734" s="119"/>
      <c r="AD734" s="119"/>
      <c r="AE734" s="119"/>
      <c r="AF734" s="119"/>
      <c r="AG734" s="119"/>
      <c r="AH734" s="119"/>
      <c r="AI734" s="119"/>
      <c r="AJ734" s="119"/>
      <c r="AK734" s="119"/>
      <c r="AL734" s="119"/>
      <c r="AM734" s="119"/>
      <c r="AN734" s="119"/>
      <c r="AO734" s="119"/>
      <c r="AP734" s="119"/>
      <c r="AQ734" s="119"/>
      <c r="AR734" s="119"/>
      <c r="AS734" s="119"/>
      <c r="AT734" s="119"/>
      <c r="AU734" s="119"/>
      <c r="AV734" s="119"/>
      <c r="AW734" s="119"/>
      <c r="AX734" s="119"/>
      <c r="AY734" s="119"/>
      <c r="AZ734" s="119"/>
      <c r="BA734" s="119"/>
      <c r="BB734" s="107">
        <v>45884</v>
      </c>
    </row>
    <row r="735" spans="1:54" s="207" customFormat="1" ht="13.95" customHeight="1" x14ac:dyDescent="0.25">
      <c r="A735" s="208" t="s">
        <v>1834</v>
      </c>
      <c r="B735" s="209" t="s">
        <v>20420</v>
      </c>
      <c r="C735" s="113" t="s">
        <v>1835</v>
      </c>
      <c r="D735" s="113" t="s">
        <v>22811</v>
      </c>
      <c r="E735" s="210">
        <v>1980</v>
      </c>
      <c r="F735" s="210">
        <v>610</v>
      </c>
      <c r="G735" s="113" t="s">
        <v>1</v>
      </c>
      <c r="H735" s="113">
        <v>0</v>
      </c>
      <c r="I735" s="113">
        <v>0</v>
      </c>
      <c r="J735" s="115">
        <v>1</v>
      </c>
      <c r="K735" s="116" t="s">
        <v>174</v>
      </c>
      <c r="L735" s="115">
        <v>0</v>
      </c>
      <c r="M735" s="115">
        <v>1</v>
      </c>
      <c r="N735" s="115">
        <v>1</v>
      </c>
      <c r="O735" s="115">
        <v>0</v>
      </c>
      <c r="P735" s="115" t="s">
        <v>400</v>
      </c>
      <c r="Q735" s="115" t="s">
        <v>400</v>
      </c>
      <c r="R735" s="115">
        <v>1</v>
      </c>
      <c r="S735" s="115">
        <v>0</v>
      </c>
      <c r="T735" s="115">
        <v>0</v>
      </c>
      <c r="U735" s="119"/>
      <c r="V735" s="119"/>
      <c r="W735" s="119"/>
      <c r="X735" s="119"/>
      <c r="Y735" s="119"/>
      <c r="Z735" s="119"/>
      <c r="AA735" s="119"/>
      <c r="AB735" s="119"/>
      <c r="AC735" s="119"/>
      <c r="AD735" s="119"/>
      <c r="AE735" s="119"/>
      <c r="AF735" s="119"/>
      <c r="AG735" s="119"/>
      <c r="AH735" s="119"/>
      <c r="AI735" s="119"/>
      <c r="AJ735" s="119"/>
      <c r="AK735" s="119"/>
      <c r="AL735" s="119"/>
      <c r="AM735" s="119"/>
      <c r="AN735" s="119"/>
      <c r="AO735" s="119"/>
      <c r="AP735" s="119"/>
      <c r="AQ735" s="119"/>
      <c r="AR735" s="119"/>
      <c r="AS735" s="119"/>
      <c r="AT735" s="119"/>
      <c r="AU735" s="119"/>
      <c r="AV735" s="119"/>
      <c r="AW735" s="119"/>
      <c r="AX735" s="119"/>
      <c r="AY735" s="119"/>
      <c r="AZ735" s="119"/>
      <c r="BA735" s="119"/>
      <c r="BB735" s="107">
        <v>45884</v>
      </c>
    </row>
    <row r="736" spans="1:54" s="207" customFormat="1" ht="13.95" customHeight="1" x14ac:dyDescent="0.25">
      <c r="A736" s="208" t="s">
        <v>1836</v>
      </c>
      <c r="B736" s="209" t="s">
        <v>20420</v>
      </c>
      <c r="C736" s="113" t="s">
        <v>1837</v>
      </c>
      <c r="D736" s="113" t="s">
        <v>1838</v>
      </c>
      <c r="E736" s="210">
        <v>1974</v>
      </c>
      <c r="F736" s="210">
        <v>610</v>
      </c>
      <c r="G736" s="113" t="s">
        <v>1</v>
      </c>
      <c r="H736" s="113">
        <v>0</v>
      </c>
      <c r="I736" s="113">
        <v>0</v>
      </c>
      <c r="J736" s="115">
        <v>1</v>
      </c>
      <c r="K736" s="116" t="s">
        <v>174</v>
      </c>
      <c r="L736" s="115">
        <v>0</v>
      </c>
      <c r="M736" s="115">
        <v>1</v>
      </c>
      <c r="N736" s="120">
        <v>1</v>
      </c>
      <c r="O736" s="115">
        <v>1</v>
      </c>
      <c r="P736" s="115" t="s">
        <v>400</v>
      </c>
      <c r="Q736" s="115" t="s">
        <v>400</v>
      </c>
      <c r="R736" s="115">
        <v>1</v>
      </c>
      <c r="S736" s="115">
        <v>0</v>
      </c>
      <c r="T736" s="115">
        <v>0</v>
      </c>
      <c r="U736" s="119"/>
      <c r="V736" s="119"/>
      <c r="W736" s="119"/>
      <c r="X736" s="119"/>
      <c r="Y736" s="119"/>
      <c r="Z736" s="119"/>
      <c r="AA736" s="119"/>
      <c r="AB736" s="119"/>
      <c r="AC736" s="119"/>
      <c r="AD736" s="119"/>
      <c r="AE736" s="119"/>
      <c r="AF736" s="119"/>
      <c r="AG736" s="119"/>
      <c r="AH736" s="119"/>
      <c r="AI736" s="119"/>
      <c r="AJ736" s="119"/>
      <c r="AK736" s="119"/>
      <c r="AL736" s="119"/>
      <c r="AM736" s="119"/>
      <c r="AN736" s="119"/>
      <c r="AO736" s="119"/>
      <c r="AP736" s="119"/>
      <c r="AQ736" s="119"/>
      <c r="AR736" s="119"/>
      <c r="AS736" s="119"/>
      <c r="AT736" s="119"/>
      <c r="AU736" s="119"/>
      <c r="AV736" s="119"/>
      <c r="AW736" s="119"/>
      <c r="AX736" s="119"/>
      <c r="AY736" s="119"/>
      <c r="AZ736" s="119"/>
      <c r="BA736" s="119"/>
      <c r="BB736" s="107">
        <v>45884</v>
      </c>
    </row>
    <row r="737" spans="1:54" s="207" customFormat="1" ht="13.95" customHeight="1" x14ac:dyDescent="0.25">
      <c r="A737" s="208" t="s">
        <v>1839</v>
      </c>
      <c r="B737" s="209" t="s">
        <v>20420</v>
      </c>
      <c r="C737" s="113" t="s">
        <v>1840</v>
      </c>
      <c r="D737" s="113" t="s">
        <v>22812</v>
      </c>
      <c r="E737" s="210">
        <v>1996</v>
      </c>
      <c r="F737" s="210">
        <v>613</v>
      </c>
      <c r="G737" s="113" t="s">
        <v>1</v>
      </c>
      <c r="H737" s="113">
        <v>0</v>
      </c>
      <c r="I737" s="113">
        <v>0</v>
      </c>
      <c r="J737" s="115">
        <v>1</v>
      </c>
      <c r="K737" s="116" t="s">
        <v>174</v>
      </c>
      <c r="L737" s="115">
        <v>1</v>
      </c>
      <c r="M737" s="115">
        <v>0</v>
      </c>
      <c r="N737" s="115">
        <v>0</v>
      </c>
      <c r="O737" s="115">
        <v>1</v>
      </c>
      <c r="P737" s="115">
        <v>1</v>
      </c>
      <c r="Q737" s="115" t="s">
        <v>400</v>
      </c>
      <c r="R737" s="115">
        <v>0</v>
      </c>
      <c r="S737" s="115">
        <v>0</v>
      </c>
      <c r="T737" s="115">
        <v>0</v>
      </c>
      <c r="U737" s="119"/>
      <c r="V737" s="119"/>
      <c r="W737" s="119"/>
      <c r="X737" s="119"/>
      <c r="Y737" s="119"/>
      <c r="Z737" s="119"/>
      <c r="AA737" s="119"/>
      <c r="AB737" s="119"/>
      <c r="AC737" s="119"/>
      <c r="AD737" s="119"/>
      <c r="AE737" s="119"/>
      <c r="AF737" s="119"/>
      <c r="AG737" s="119"/>
      <c r="AH737" s="119"/>
      <c r="AI737" s="119"/>
      <c r="AJ737" s="119"/>
      <c r="AK737" s="119"/>
      <c r="AL737" s="119"/>
      <c r="AM737" s="119"/>
      <c r="AN737" s="119"/>
      <c r="AO737" s="119"/>
      <c r="AP737" s="119"/>
      <c r="AQ737" s="119"/>
      <c r="AR737" s="119"/>
      <c r="AS737" s="119"/>
      <c r="AT737" s="119"/>
      <c r="AU737" s="119"/>
      <c r="AV737" s="119"/>
      <c r="AW737" s="119"/>
      <c r="AX737" s="119"/>
      <c r="AY737" s="119"/>
      <c r="AZ737" s="119"/>
      <c r="BA737" s="119"/>
      <c r="BB737" s="107">
        <v>45884</v>
      </c>
    </row>
    <row r="738" spans="1:54" s="207" customFormat="1" ht="13.95" customHeight="1" x14ac:dyDescent="0.25">
      <c r="A738" s="208" t="s">
        <v>1841</v>
      </c>
      <c r="B738" s="209" t="s">
        <v>20420</v>
      </c>
      <c r="C738" s="113" t="s">
        <v>1842</v>
      </c>
      <c r="D738" s="113" t="s">
        <v>1843</v>
      </c>
      <c r="E738" s="210">
        <v>1985</v>
      </c>
      <c r="F738" s="210">
        <v>614</v>
      </c>
      <c r="G738" s="113" t="s">
        <v>1</v>
      </c>
      <c r="H738" s="113">
        <v>0</v>
      </c>
      <c r="I738" s="113">
        <v>0</v>
      </c>
      <c r="J738" s="115">
        <v>1</v>
      </c>
      <c r="K738" s="116" t="s">
        <v>174</v>
      </c>
      <c r="L738" s="115">
        <v>1</v>
      </c>
      <c r="M738" s="115">
        <v>0</v>
      </c>
      <c r="N738" s="115">
        <v>0</v>
      </c>
      <c r="O738" s="115">
        <v>1</v>
      </c>
      <c r="P738" s="115">
        <v>1</v>
      </c>
      <c r="Q738" s="115" t="s">
        <v>400</v>
      </c>
      <c r="R738" s="115">
        <v>0</v>
      </c>
      <c r="S738" s="115">
        <v>0</v>
      </c>
      <c r="T738" s="115">
        <v>0</v>
      </c>
      <c r="U738" s="119"/>
      <c r="V738" s="119"/>
      <c r="W738" s="119"/>
      <c r="X738" s="119"/>
      <c r="Y738" s="119"/>
      <c r="Z738" s="119"/>
      <c r="AA738" s="119"/>
      <c r="AB738" s="119"/>
      <c r="AC738" s="119"/>
      <c r="AD738" s="119"/>
      <c r="AE738" s="119"/>
      <c r="AF738" s="119"/>
      <c r="AG738" s="119"/>
      <c r="AH738" s="119"/>
      <c r="AI738" s="119"/>
      <c r="AJ738" s="119"/>
      <c r="AK738" s="119"/>
      <c r="AL738" s="119"/>
      <c r="AM738" s="119"/>
      <c r="AN738" s="119"/>
      <c r="AO738" s="119"/>
      <c r="AP738" s="119"/>
      <c r="AQ738" s="119"/>
      <c r="AR738" s="119"/>
      <c r="AS738" s="119"/>
      <c r="AT738" s="119"/>
      <c r="AU738" s="119"/>
      <c r="AV738" s="119"/>
      <c r="AW738" s="119"/>
      <c r="AX738" s="119"/>
      <c r="AY738" s="119"/>
      <c r="AZ738" s="119"/>
      <c r="BA738" s="119"/>
      <c r="BB738" s="107">
        <v>45884</v>
      </c>
    </row>
    <row r="739" spans="1:54" s="207" customFormat="1" ht="13.95" customHeight="1" x14ac:dyDescent="0.25">
      <c r="A739" s="208" t="s">
        <v>1844</v>
      </c>
      <c r="B739" s="209" t="s">
        <v>20420</v>
      </c>
      <c r="C739" s="113" t="s">
        <v>1845</v>
      </c>
      <c r="D739" s="113" t="s">
        <v>22813</v>
      </c>
      <c r="E739" s="210">
        <v>1952</v>
      </c>
      <c r="F739" s="210">
        <v>614</v>
      </c>
      <c r="G739" s="113" t="s">
        <v>1</v>
      </c>
      <c r="H739" s="113">
        <v>0</v>
      </c>
      <c r="I739" s="113">
        <v>0</v>
      </c>
      <c r="J739" s="115">
        <v>1</v>
      </c>
      <c r="K739" s="116" t="s">
        <v>174</v>
      </c>
      <c r="L739" s="115">
        <v>1</v>
      </c>
      <c r="M739" s="115">
        <v>0</v>
      </c>
      <c r="N739" s="115">
        <v>0</v>
      </c>
      <c r="O739" s="115">
        <v>1</v>
      </c>
      <c r="P739" s="115">
        <v>1</v>
      </c>
      <c r="Q739" s="115" t="s">
        <v>400</v>
      </c>
      <c r="R739" s="115">
        <v>1</v>
      </c>
      <c r="S739" s="115">
        <v>0</v>
      </c>
      <c r="T739" s="115">
        <v>0</v>
      </c>
      <c r="U739" s="119"/>
      <c r="V739" s="119"/>
      <c r="W739" s="119"/>
      <c r="X739" s="119"/>
      <c r="Y739" s="119"/>
      <c r="Z739" s="119"/>
      <c r="AA739" s="119"/>
      <c r="AB739" s="119"/>
      <c r="AC739" s="119"/>
      <c r="AD739" s="119"/>
      <c r="AE739" s="119"/>
      <c r="AF739" s="119"/>
      <c r="AG739" s="119"/>
      <c r="AH739" s="119"/>
      <c r="AI739" s="119"/>
      <c r="AJ739" s="119"/>
      <c r="AK739" s="119"/>
      <c r="AL739" s="119"/>
      <c r="AM739" s="119"/>
      <c r="AN739" s="119"/>
      <c r="AO739" s="119"/>
      <c r="AP739" s="119"/>
      <c r="AQ739" s="119"/>
      <c r="AR739" s="119"/>
      <c r="AS739" s="119"/>
      <c r="AT739" s="119"/>
      <c r="AU739" s="119"/>
      <c r="AV739" s="119"/>
      <c r="AW739" s="119"/>
      <c r="AX739" s="119"/>
      <c r="AY739" s="119"/>
      <c r="AZ739" s="119"/>
      <c r="BA739" s="119"/>
      <c r="BB739" s="107">
        <v>45884</v>
      </c>
    </row>
    <row r="740" spans="1:54" s="207" customFormat="1" ht="13.95" customHeight="1" x14ac:dyDescent="0.25">
      <c r="A740" s="208" t="s">
        <v>1846</v>
      </c>
      <c r="B740" s="209" t="s">
        <v>20420</v>
      </c>
      <c r="C740" s="113" t="s">
        <v>1847</v>
      </c>
      <c r="D740" s="113" t="s">
        <v>1848</v>
      </c>
      <c r="E740" s="210">
        <v>1989</v>
      </c>
      <c r="F740" s="210">
        <v>614</v>
      </c>
      <c r="G740" s="113" t="s">
        <v>1</v>
      </c>
      <c r="H740" s="113">
        <v>0</v>
      </c>
      <c r="I740" s="113">
        <v>0</v>
      </c>
      <c r="J740" s="115">
        <v>1</v>
      </c>
      <c r="K740" s="116" t="s">
        <v>174</v>
      </c>
      <c r="L740" s="115">
        <v>0</v>
      </c>
      <c r="M740" s="115">
        <v>0</v>
      </c>
      <c r="N740" s="115">
        <v>0</v>
      </c>
      <c r="O740" s="115">
        <v>1</v>
      </c>
      <c r="P740" s="115">
        <v>1</v>
      </c>
      <c r="Q740" s="115" t="s">
        <v>400</v>
      </c>
      <c r="R740" s="115">
        <v>1</v>
      </c>
      <c r="S740" s="115">
        <v>0</v>
      </c>
      <c r="T740" s="115">
        <v>0</v>
      </c>
      <c r="U740" s="119"/>
      <c r="V740" s="119"/>
      <c r="W740" s="119"/>
      <c r="X740" s="119"/>
      <c r="Y740" s="119"/>
      <c r="Z740" s="119"/>
      <c r="AA740" s="119"/>
      <c r="AB740" s="119"/>
      <c r="AC740" s="119"/>
      <c r="AD740" s="119"/>
      <c r="AE740" s="119"/>
      <c r="AF740" s="119"/>
      <c r="AG740" s="119"/>
      <c r="AH740" s="119"/>
      <c r="AI740" s="119"/>
      <c r="AJ740" s="119"/>
      <c r="AK740" s="119"/>
      <c r="AL740" s="119"/>
      <c r="AM740" s="119"/>
      <c r="AN740" s="119"/>
      <c r="AO740" s="119"/>
      <c r="AP740" s="119"/>
      <c r="AQ740" s="119"/>
      <c r="AR740" s="119"/>
      <c r="AS740" s="119"/>
      <c r="AT740" s="119"/>
      <c r="AU740" s="119"/>
      <c r="AV740" s="119"/>
      <c r="AW740" s="119"/>
      <c r="AX740" s="119"/>
      <c r="AY740" s="119"/>
      <c r="AZ740" s="119"/>
      <c r="BA740" s="119"/>
      <c r="BB740" s="107">
        <v>45884</v>
      </c>
    </row>
    <row r="741" spans="1:54" s="207" customFormat="1" ht="13.95" customHeight="1" x14ac:dyDescent="0.25">
      <c r="A741" s="208" t="s">
        <v>1849</v>
      </c>
      <c r="B741" s="209" t="s">
        <v>20420</v>
      </c>
      <c r="C741" s="113" t="s">
        <v>1850</v>
      </c>
      <c r="D741" s="113" t="s">
        <v>22814</v>
      </c>
      <c r="E741" s="210">
        <v>1989</v>
      </c>
      <c r="F741" s="210">
        <v>614</v>
      </c>
      <c r="G741" s="113" t="s">
        <v>1</v>
      </c>
      <c r="H741" s="113">
        <v>0</v>
      </c>
      <c r="I741" s="113">
        <v>0</v>
      </c>
      <c r="J741" s="115">
        <v>1</v>
      </c>
      <c r="K741" s="211">
        <v>1</v>
      </c>
      <c r="L741" s="115">
        <v>1</v>
      </c>
      <c r="M741" s="115">
        <v>0</v>
      </c>
      <c r="N741" s="115">
        <v>0</v>
      </c>
      <c r="O741" s="115">
        <v>1</v>
      </c>
      <c r="P741" s="115">
        <v>1</v>
      </c>
      <c r="Q741" s="115" t="s">
        <v>400</v>
      </c>
      <c r="R741" s="115">
        <v>0</v>
      </c>
      <c r="S741" s="115">
        <v>0</v>
      </c>
      <c r="T741" s="115">
        <v>0</v>
      </c>
      <c r="U741" s="119"/>
      <c r="V741" s="119"/>
      <c r="W741" s="119"/>
      <c r="X741" s="119"/>
      <c r="Y741" s="119"/>
      <c r="Z741" s="119"/>
      <c r="AA741" s="119"/>
      <c r="AB741" s="119"/>
      <c r="AC741" s="119"/>
      <c r="AD741" s="119"/>
      <c r="AE741" s="119"/>
      <c r="AF741" s="119"/>
      <c r="AG741" s="119"/>
      <c r="AH741" s="119"/>
      <c r="AI741" s="119"/>
      <c r="AJ741" s="119"/>
      <c r="AK741" s="119"/>
      <c r="AL741" s="119"/>
      <c r="AM741" s="119"/>
      <c r="AN741" s="119"/>
      <c r="AO741" s="119"/>
      <c r="AP741" s="119"/>
      <c r="AQ741" s="119"/>
      <c r="AR741" s="119"/>
      <c r="AS741" s="119"/>
      <c r="AT741" s="119"/>
      <c r="AU741" s="119"/>
      <c r="AV741" s="119"/>
      <c r="AW741" s="119"/>
      <c r="AX741" s="119"/>
      <c r="AY741" s="119"/>
      <c r="AZ741" s="119"/>
      <c r="BA741" s="119"/>
      <c r="BB741" s="107">
        <v>45884</v>
      </c>
    </row>
    <row r="742" spans="1:54" s="207" customFormat="1" ht="13.95" customHeight="1" x14ac:dyDescent="0.25">
      <c r="A742" s="208" t="s">
        <v>1851</v>
      </c>
      <c r="B742" s="209" t="s">
        <v>20420</v>
      </c>
      <c r="C742" s="113" t="s">
        <v>1852</v>
      </c>
      <c r="D742" s="113" t="s">
        <v>22815</v>
      </c>
      <c r="E742" s="210">
        <v>1985</v>
      </c>
      <c r="F742" s="210">
        <v>617</v>
      </c>
      <c r="G742" s="113" t="s">
        <v>1</v>
      </c>
      <c r="H742" s="113">
        <v>0</v>
      </c>
      <c r="I742" s="113">
        <v>0</v>
      </c>
      <c r="J742" s="115">
        <v>1</v>
      </c>
      <c r="K742" s="116" t="s">
        <v>174</v>
      </c>
      <c r="L742" s="115">
        <v>1</v>
      </c>
      <c r="M742" s="115">
        <v>0</v>
      </c>
      <c r="N742" s="115">
        <v>0</v>
      </c>
      <c r="O742" s="115">
        <v>1</v>
      </c>
      <c r="P742" s="115">
        <v>1</v>
      </c>
      <c r="Q742" s="115" t="s">
        <v>400</v>
      </c>
      <c r="R742" s="115">
        <v>0</v>
      </c>
      <c r="S742" s="115">
        <v>0</v>
      </c>
      <c r="T742" s="115">
        <v>0</v>
      </c>
      <c r="U742" s="119"/>
      <c r="V742" s="119"/>
      <c r="W742" s="119"/>
      <c r="X742" s="119"/>
      <c r="Y742" s="119"/>
      <c r="Z742" s="119"/>
      <c r="AA742" s="119"/>
      <c r="AB742" s="119"/>
      <c r="AC742" s="119"/>
      <c r="AD742" s="119"/>
      <c r="AE742" s="119"/>
      <c r="AF742" s="119"/>
      <c r="AG742" s="119"/>
      <c r="AH742" s="119"/>
      <c r="AI742" s="119"/>
      <c r="AJ742" s="119"/>
      <c r="AK742" s="119"/>
      <c r="AL742" s="119"/>
      <c r="AM742" s="119"/>
      <c r="AN742" s="119"/>
      <c r="AO742" s="119"/>
      <c r="AP742" s="119"/>
      <c r="AQ742" s="119"/>
      <c r="AR742" s="119"/>
      <c r="AS742" s="119"/>
      <c r="AT742" s="119"/>
      <c r="AU742" s="119"/>
      <c r="AV742" s="119"/>
      <c r="AW742" s="119"/>
      <c r="AX742" s="119"/>
      <c r="AY742" s="119"/>
      <c r="AZ742" s="119"/>
      <c r="BA742" s="119"/>
      <c r="BB742" s="107">
        <v>45884</v>
      </c>
    </row>
    <row r="743" spans="1:54" s="207" customFormat="1" ht="13.95" customHeight="1" x14ac:dyDescent="0.25">
      <c r="A743" s="208" t="s">
        <v>1853</v>
      </c>
      <c r="B743" s="209" t="s">
        <v>20420</v>
      </c>
      <c r="C743" s="113" t="s">
        <v>1854</v>
      </c>
      <c r="D743" s="113" t="s">
        <v>22816</v>
      </c>
      <c r="E743" s="210">
        <v>1998</v>
      </c>
      <c r="F743" s="210">
        <v>617</v>
      </c>
      <c r="G743" s="113" t="s">
        <v>8</v>
      </c>
      <c r="H743" s="113">
        <v>0</v>
      </c>
      <c r="I743" s="113">
        <v>0</v>
      </c>
      <c r="J743" s="115">
        <v>0</v>
      </c>
      <c r="K743" s="116" t="s">
        <v>174</v>
      </c>
      <c r="L743" s="115">
        <v>0</v>
      </c>
      <c r="M743" s="115">
        <v>0</v>
      </c>
      <c r="N743" s="115">
        <v>0</v>
      </c>
      <c r="O743" s="115">
        <v>0</v>
      </c>
      <c r="P743" s="115" t="s">
        <v>400</v>
      </c>
      <c r="Q743" s="115" t="s">
        <v>400</v>
      </c>
      <c r="R743" s="115">
        <v>0</v>
      </c>
      <c r="S743" s="115">
        <v>0</v>
      </c>
      <c r="T743" s="115">
        <v>0</v>
      </c>
      <c r="U743" s="113" t="s">
        <v>174</v>
      </c>
      <c r="V743" s="113" t="s">
        <v>174</v>
      </c>
      <c r="W743" s="113" t="s">
        <v>174</v>
      </c>
      <c r="X743" s="113" t="s">
        <v>174</v>
      </c>
      <c r="Y743" s="113" t="s">
        <v>174</v>
      </c>
      <c r="Z743" s="113" t="s">
        <v>174</v>
      </c>
      <c r="AA743" s="113" t="s">
        <v>174</v>
      </c>
      <c r="AB743" s="113" t="s">
        <v>174</v>
      </c>
      <c r="AC743" s="113" t="s">
        <v>174</v>
      </c>
      <c r="AD743" s="113" t="s">
        <v>174</v>
      </c>
      <c r="AE743" s="113" t="s">
        <v>174</v>
      </c>
      <c r="AF743" s="113" t="s">
        <v>174</v>
      </c>
      <c r="AG743" s="113" t="s">
        <v>174</v>
      </c>
      <c r="AH743" s="113" t="s">
        <v>174</v>
      </c>
      <c r="AI743" s="113" t="s">
        <v>174</v>
      </c>
      <c r="AJ743" s="113" t="s">
        <v>174</v>
      </c>
      <c r="AK743" s="113" t="s">
        <v>174</v>
      </c>
      <c r="AL743" s="113" t="s">
        <v>174</v>
      </c>
      <c r="AM743" s="113" t="s">
        <v>174</v>
      </c>
      <c r="AN743" s="113" t="s">
        <v>174</v>
      </c>
      <c r="AO743" s="113" t="s">
        <v>174</v>
      </c>
      <c r="AP743" s="113" t="s">
        <v>174</v>
      </c>
      <c r="AQ743" s="113" t="s">
        <v>174</v>
      </c>
      <c r="AR743" s="113" t="s">
        <v>174</v>
      </c>
      <c r="AS743" s="113" t="s">
        <v>174</v>
      </c>
      <c r="AT743" s="121" t="s">
        <v>174</v>
      </c>
      <c r="AU743" s="113" t="s">
        <v>174</v>
      </c>
      <c r="AV743" s="113" t="s">
        <v>174</v>
      </c>
      <c r="AW743" s="113" t="s">
        <v>174</v>
      </c>
      <c r="AX743" s="113"/>
      <c r="AY743" s="113"/>
      <c r="AZ743" s="113"/>
      <c r="BA743" s="113"/>
      <c r="BB743" s="107">
        <v>45884</v>
      </c>
    </row>
    <row r="744" spans="1:54" s="207" customFormat="1" ht="13.95" customHeight="1" x14ac:dyDescent="0.25">
      <c r="A744" s="208" t="s">
        <v>1855</v>
      </c>
      <c r="B744" s="209" t="s">
        <v>20420</v>
      </c>
      <c r="C744" s="113" t="s">
        <v>1856</v>
      </c>
      <c r="D744" s="113" t="s">
        <v>22817</v>
      </c>
      <c r="E744" s="210">
        <v>1997</v>
      </c>
      <c r="F744" s="210">
        <v>618</v>
      </c>
      <c r="G744" s="113" t="s">
        <v>1</v>
      </c>
      <c r="H744" s="113">
        <v>0</v>
      </c>
      <c r="I744" s="113">
        <v>0</v>
      </c>
      <c r="J744" s="115">
        <v>1</v>
      </c>
      <c r="K744" s="211">
        <v>1</v>
      </c>
      <c r="L744" s="115">
        <v>1</v>
      </c>
      <c r="M744" s="115">
        <v>1</v>
      </c>
      <c r="N744" s="115">
        <v>0</v>
      </c>
      <c r="O744" s="115">
        <v>1</v>
      </c>
      <c r="P744" s="115" t="s">
        <v>400</v>
      </c>
      <c r="Q744" s="115" t="s">
        <v>400</v>
      </c>
      <c r="R744" s="115">
        <v>1</v>
      </c>
      <c r="S744" s="115">
        <v>0</v>
      </c>
      <c r="T744" s="115">
        <v>0</v>
      </c>
      <c r="U744" s="119"/>
      <c r="V744" s="119"/>
      <c r="W744" s="119"/>
      <c r="X744" s="119"/>
      <c r="Y744" s="119"/>
      <c r="Z744" s="119"/>
      <c r="AA744" s="119"/>
      <c r="AB744" s="119"/>
      <c r="AC744" s="119"/>
      <c r="AD744" s="119"/>
      <c r="AE744" s="119"/>
      <c r="AF744" s="119"/>
      <c r="AG744" s="119"/>
      <c r="AH744" s="119"/>
      <c r="AI744" s="119"/>
      <c r="AJ744" s="119"/>
      <c r="AK744" s="119"/>
      <c r="AL744" s="119"/>
      <c r="AM744" s="119"/>
      <c r="AN744" s="119"/>
      <c r="AO744" s="119"/>
      <c r="AP744" s="119"/>
      <c r="AQ744" s="119"/>
      <c r="AR744" s="119"/>
      <c r="AS744" s="119"/>
      <c r="AT744" s="119"/>
      <c r="AU744" s="119"/>
      <c r="AV744" s="119"/>
      <c r="AW744" s="119"/>
      <c r="AX744" s="119"/>
      <c r="AY744" s="119"/>
      <c r="AZ744" s="119"/>
      <c r="BA744" s="119"/>
      <c r="BB744" s="107">
        <v>45884</v>
      </c>
    </row>
    <row r="745" spans="1:54" s="207" customFormat="1" ht="13.95" customHeight="1" x14ac:dyDescent="0.25">
      <c r="A745" s="208" t="s">
        <v>1857</v>
      </c>
      <c r="B745" s="209" t="s">
        <v>20420</v>
      </c>
      <c r="C745" s="113" t="s">
        <v>1858</v>
      </c>
      <c r="D745" s="113" t="s">
        <v>22818</v>
      </c>
      <c r="E745" s="210">
        <v>1973</v>
      </c>
      <c r="F745" s="210">
        <v>618</v>
      </c>
      <c r="G745" s="113" t="s">
        <v>1</v>
      </c>
      <c r="H745" s="113">
        <v>0</v>
      </c>
      <c r="I745" s="113">
        <v>0</v>
      </c>
      <c r="J745" s="115">
        <v>1</v>
      </c>
      <c r="K745" s="116" t="s">
        <v>174</v>
      </c>
      <c r="L745" s="115">
        <v>1</v>
      </c>
      <c r="M745" s="115">
        <v>0</v>
      </c>
      <c r="N745" s="115">
        <v>0</v>
      </c>
      <c r="O745" s="115">
        <v>1</v>
      </c>
      <c r="P745" s="115">
        <v>1</v>
      </c>
      <c r="Q745" s="115" t="s">
        <v>400</v>
      </c>
      <c r="R745" s="115">
        <v>0</v>
      </c>
      <c r="S745" s="115">
        <v>0</v>
      </c>
      <c r="T745" s="115">
        <v>0</v>
      </c>
      <c r="U745" s="119"/>
      <c r="V745" s="119"/>
      <c r="W745" s="119"/>
      <c r="X745" s="119"/>
      <c r="Y745" s="119"/>
      <c r="Z745" s="119"/>
      <c r="AA745" s="119"/>
      <c r="AB745" s="119"/>
      <c r="AC745" s="119"/>
      <c r="AD745" s="119"/>
      <c r="AE745" s="119"/>
      <c r="AF745" s="119"/>
      <c r="AG745" s="119"/>
      <c r="AH745" s="119"/>
      <c r="AI745" s="119"/>
      <c r="AJ745" s="119"/>
      <c r="AK745" s="119"/>
      <c r="AL745" s="119"/>
      <c r="AM745" s="119"/>
      <c r="AN745" s="119"/>
      <c r="AO745" s="119"/>
      <c r="AP745" s="119"/>
      <c r="AQ745" s="119"/>
      <c r="AR745" s="119"/>
      <c r="AS745" s="119"/>
      <c r="AT745" s="119"/>
      <c r="AU745" s="119"/>
      <c r="AV745" s="119"/>
      <c r="AW745" s="119"/>
      <c r="AX745" s="119"/>
      <c r="AY745" s="119"/>
      <c r="AZ745" s="119"/>
      <c r="BA745" s="119"/>
      <c r="BB745" s="107">
        <v>45884</v>
      </c>
    </row>
    <row r="746" spans="1:54" s="207" customFormat="1" ht="13.95" customHeight="1" x14ac:dyDescent="0.25">
      <c r="A746" s="208" t="s">
        <v>1859</v>
      </c>
      <c r="B746" s="209" t="s">
        <v>20420</v>
      </c>
      <c r="C746" s="113" t="s">
        <v>1860</v>
      </c>
      <c r="D746" s="113" t="s">
        <v>1861</v>
      </c>
      <c r="E746" s="210">
        <v>1985</v>
      </c>
      <c r="F746" s="210">
        <v>618</v>
      </c>
      <c r="G746" s="113" t="s">
        <v>1</v>
      </c>
      <c r="H746" s="113">
        <v>0</v>
      </c>
      <c r="I746" s="113">
        <v>0</v>
      </c>
      <c r="J746" s="115">
        <v>1</v>
      </c>
      <c r="K746" s="116" t="s">
        <v>174</v>
      </c>
      <c r="L746" s="115">
        <v>1</v>
      </c>
      <c r="M746" s="115">
        <v>0</v>
      </c>
      <c r="N746" s="115">
        <v>0</v>
      </c>
      <c r="O746" s="115">
        <v>1</v>
      </c>
      <c r="P746" s="115">
        <v>1</v>
      </c>
      <c r="Q746" s="115" t="s">
        <v>400</v>
      </c>
      <c r="R746" s="115">
        <v>1</v>
      </c>
      <c r="S746" s="115">
        <v>0</v>
      </c>
      <c r="T746" s="115">
        <v>0</v>
      </c>
      <c r="U746" s="119"/>
      <c r="V746" s="119"/>
      <c r="W746" s="119"/>
      <c r="X746" s="119"/>
      <c r="Y746" s="119"/>
      <c r="Z746" s="119"/>
      <c r="AA746" s="119"/>
      <c r="AB746" s="119"/>
      <c r="AC746" s="119"/>
      <c r="AD746" s="119"/>
      <c r="AE746" s="119"/>
      <c r="AF746" s="119"/>
      <c r="AG746" s="119"/>
      <c r="AH746" s="119"/>
      <c r="AI746" s="119"/>
      <c r="AJ746" s="119"/>
      <c r="AK746" s="119"/>
      <c r="AL746" s="119"/>
      <c r="AM746" s="119"/>
      <c r="AN746" s="119"/>
      <c r="AO746" s="119"/>
      <c r="AP746" s="119"/>
      <c r="AQ746" s="119"/>
      <c r="AR746" s="119"/>
      <c r="AS746" s="119"/>
      <c r="AT746" s="119"/>
      <c r="AU746" s="119"/>
      <c r="AV746" s="119"/>
      <c r="AW746" s="119"/>
      <c r="AX746" s="119"/>
      <c r="AY746" s="119"/>
      <c r="AZ746" s="119"/>
      <c r="BA746" s="119"/>
      <c r="BB746" s="107">
        <v>45884</v>
      </c>
    </row>
    <row r="747" spans="1:54" s="207" customFormat="1" ht="13.95" customHeight="1" x14ac:dyDescent="0.25">
      <c r="A747" s="208" t="s">
        <v>1862</v>
      </c>
      <c r="B747" s="209" t="s">
        <v>20420</v>
      </c>
      <c r="C747" s="113" t="s">
        <v>1863</v>
      </c>
      <c r="D747" s="113" t="s">
        <v>1864</v>
      </c>
      <c r="E747" s="210">
        <v>1978</v>
      </c>
      <c r="F747" s="210">
        <v>619</v>
      </c>
      <c r="G747" s="113" t="s">
        <v>1</v>
      </c>
      <c r="H747" s="113">
        <v>0</v>
      </c>
      <c r="I747" s="113">
        <v>0</v>
      </c>
      <c r="J747" s="115">
        <v>1</v>
      </c>
      <c r="K747" s="116" t="s">
        <v>174</v>
      </c>
      <c r="L747" s="115">
        <v>0</v>
      </c>
      <c r="M747" s="115">
        <v>1</v>
      </c>
      <c r="N747" s="115">
        <v>1</v>
      </c>
      <c r="O747" s="115">
        <v>0</v>
      </c>
      <c r="P747" s="115" t="s">
        <v>400</v>
      </c>
      <c r="Q747" s="115" t="s">
        <v>400</v>
      </c>
      <c r="R747" s="115">
        <v>1</v>
      </c>
      <c r="S747" s="115">
        <v>0</v>
      </c>
      <c r="T747" s="115">
        <v>0</v>
      </c>
      <c r="U747" s="119"/>
      <c r="V747" s="119"/>
      <c r="W747" s="119"/>
      <c r="X747" s="119"/>
      <c r="Y747" s="119"/>
      <c r="Z747" s="119"/>
      <c r="AA747" s="119"/>
      <c r="AB747" s="119"/>
      <c r="AC747" s="119"/>
      <c r="AD747" s="119"/>
      <c r="AE747" s="119"/>
      <c r="AF747" s="119"/>
      <c r="AG747" s="119"/>
      <c r="AH747" s="119"/>
      <c r="AI747" s="119"/>
      <c r="AJ747" s="119"/>
      <c r="AK747" s="119"/>
      <c r="AL747" s="119"/>
      <c r="AM747" s="119"/>
      <c r="AN747" s="119"/>
      <c r="AO747" s="119"/>
      <c r="AP747" s="119"/>
      <c r="AQ747" s="119"/>
      <c r="AR747" s="119"/>
      <c r="AS747" s="119"/>
      <c r="AT747" s="119"/>
      <c r="AU747" s="119"/>
      <c r="AV747" s="119"/>
      <c r="AW747" s="119"/>
      <c r="AX747" s="119"/>
      <c r="AY747" s="119"/>
      <c r="AZ747" s="119"/>
      <c r="BA747" s="119"/>
      <c r="BB747" s="107">
        <v>45884</v>
      </c>
    </row>
    <row r="748" spans="1:54" s="207" customFormat="1" ht="13.95" customHeight="1" x14ac:dyDescent="0.25">
      <c r="A748" s="208" t="s">
        <v>1865</v>
      </c>
      <c r="B748" s="209" t="s">
        <v>20420</v>
      </c>
      <c r="C748" s="113" t="s">
        <v>1866</v>
      </c>
      <c r="D748" s="113" t="s">
        <v>1867</v>
      </c>
      <c r="E748" s="210">
        <v>2009</v>
      </c>
      <c r="F748" s="210">
        <v>619</v>
      </c>
      <c r="G748" s="113" t="s">
        <v>1</v>
      </c>
      <c r="H748" s="113">
        <v>0</v>
      </c>
      <c r="I748" s="113">
        <v>0</v>
      </c>
      <c r="J748" s="115">
        <v>1</v>
      </c>
      <c r="K748" s="116" t="s">
        <v>174</v>
      </c>
      <c r="L748" s="115">
        <v>1</v>
      </c>
      <c r="M748" s="115">
        <v>0</v>
      </c>
      <c r="N748" s="115">
        <v>0</v>
      </c>
      <c r="O748" s="115">
        <v>0</v>
      </c>
      <c r="P748" s="115">
        <v>1</v>
      </c>
      <c r="Q748" s="115" t="s">
        <v>400</v>
      </c>
      <c r="R748" s="115">
        <v>1</v>
      </c>
      <c r="S748" s="115">
        <v>0</v>
      </c>
      <c r="T748" s="115">
        <v>0</v>
      </c>
      <c r="U748" s="119"/>
      <c r="V748" s="119"/>
      <c r="W748" s="119"/>
      <c r="X748" s="119"/>
      <c r="Y748" s="119"/>
      <c r="Z748" s="119"/>
      <c r="AA748" s="119"/>
      <c r="AB748" s="119"/>
      <c r="AC748" s="119"/>
      <c r="AD748" s="119"/>
      <c r="AE748" s="119"/>
      <c r="AF748" s="119"/>
      <c r="AG748" s="119"/>
      <c r="AH748" s="119"/>
      <c r="AI748" s="119"/>
      <c r="AJ748" s="119"/>
      <c r="AK748" s="119"/>
      <c r="AL748" s="119"/>
      <c r="AM748" s="119"/>
      <c r="AN748" s="119"/>
      <c r="AO748" s="119"/>
      <c r="AP748" s="119"/>
      <c r="AQ748" s="119"/>
      <c r="AR748" s="119"/>
      <c r="AS748" s="119"/>
      <c r="AT748" s="119"/>
      <c r="AU748" s="119"/>
      <c r="AV748" s="119"/>
      <c r="AW748" s="119"/>
      <c r="AX748" s="119"/>
      <c r="AY748" s="119"/>
      <c r="AZ748" s="119"/>
      <c r="BA748" s="119"/>
      <c r="BB748" s="107">
        <v>45884</v>
      </c>
    </row>
    <row r="749" spans="1:54" s="207" customFormat="1" ht="13.95" customHeight="1" x14ac:dyDescent="0.25">
      <c r="A749" s="208" t="s">
        <v>1868</v>
      </c>
      <c r="B749" s="209" t="s">
        <v>20420</v>
      </c>
      <c r="C749" s="113" t="s">
        <v>1869</v>
      </c>
      <c r="D749" s="113" t="s">
        <v>22819</v>
      </c>
      <c r="E749" s="210">
        <v>1994</v>
      </c>
      <c r="F749" s="210">
        <v>624</v>
      </c>
      <c r="G749" s="113" t="s">
        <v>1</v>
      </c>
      <c r="H749" s="113">
        <v>0</v>
      </c>
      <c r="I749" s="113">
        <v>0</v>
      </c>
      <c r="J749" s="115">
        <v>1</v>
      </c>
      <c r="K749" s="211">
        <v>1</v>
      </c>
      <c r="L749" s="115">
        <v>1</v>
      </c>
      <c r="M749" s="115">
        <v>1</v>
      </c>
      <c r="N749" s="115">
        <v>0</v>
      </c>
      <c r="O749" s="115">
        <v>1</v>
      </c>
      <c r="P749" s="115" t="s">
        <v>400</v>
      </c>
      <c r="Q749" s="115" t="s">
        <v>400</v>
      </c>
      <c r="R749" s="115">
        <v>1</v>
      </c>
      <c r="S749" s="115">
        <v>0</v>
      </c>
      <c r="T749" s="115">
        <v>0</v>
      </c>
      <c r="U749" s="119"/>
      <c r="V749" s="119"/>
      <c r="W749" s="119"/>
      <c r="X749" s="119"/>
      <c r="Y749" s="119"/>
      <c r="Z749" s="119"/>
      <c r="AA749" s="119"/>
      <c r="AB749" s="119"/>
      <c r="AC749" s="119"/>
      <c r="AD749" s="119"/>
      <c r="AE749" s="119"/>
      <c r="AF749" s="119"/>
      <c r="AG749" s="119"/>
      <c r="AH749" s="119"/>
      <c r="AI749" s="119"/>
      <c r="AJ749" s="119"/>
      <c r="AK749" s="119"/>
      <c r="AL749" s="119"/>
      <c r="AM749" s="119"/>
      <c r="AN749" s="119"/>
      <c r="AO749" s="119"/>
      <c r="AP749" s="119"/>
      <c r="AQ749" s="119"/>
      <c r="AR749" s="119"/>
      <c r="AS749" s="119"/>
      <c r="AT749" s="119"/>
      <c r="AU749" s="119"/>
      <c r="AV749" s="119"/>
      <c r="AW749" s="119"/>
      <c r="AX749" s="119"/>
      <c r="AY749" s="119"/>
      <c r="AZ749" s="119"/>
      <c r="BA749" s="119"/>
      <c r="BB749" s="107">
        <v>45884</v>
      </c>
    </row>
    <row r="750" spans="1:54" s="207" customFormat="1" ht="13.95" customHeight="1" x14ac:dyDescent="0.25">
      <c r="A750" s="208" t="s">
        <v>1870</v>
      </c>
      <c r="B750" s="209" t="s">
        <v>20420</v>
      </c>
      <c r="C750" s="113" t="s">
        <v>1871</v>
      </c>
      <c r="D750" s="113" t="s">
        <v>22820</v>
      </c>
      <c r="E750" s="210">
        <v>1985</v>
      </c>
      <c r="F750" s="210">
        <v>621</v>
      </c>
      <c r="G750" s="113" t="s">
        <v>1</v>
      </c>
      <c r="H750" s="113">
        <v>0</v>
      </c>
      <c r="I750" s="113">
        <v>0</v>
      </c>
      <c r="J750" s="115">
        <v>1</v>
      </c>
      <c r="K750" s="116" t="s">
        <v>174</v>
      </c>
      <c r="L750" s="115">
        <v>1</v>
      </c>
      <c r="M750" s="115">
        <v>0</v>
      </c>
      <c r="N750" s="115">
        <v>0</v>
      </c>
      <c r="O750" s="115">
        <v>1</v>
      </c>
      <c r="P750" s="115">
        <v>1</v>
      </c>
      <c r="Q750" s="115" t="s">
        <v>400</v>
      </c>
      <c r="R750" s="115">
        <v>0</v>
      </c>
      <c r="S750" s="115">
        <v>0</v>
      </c>
      <c r="T750" s="115">
        <v>0</v>
      </c>
      <c r="U750" s="119"/>
      <c r="V750" s="119"/>
      <c r="W750" s="119"/>
      <c r="X750" s="119"/>
      <c r="Y750" s="119"/>
      <c r="Z750" s="119"/>
      <c r="AA750" s="119"/>
      <c r="AB750" s="119"/>
      <c r="AC750" s="119"/>
      <c r="AD750" s="119"/>
      <c r="AE750" s="119"/>
      <c r="AF750" s="119"/>
      <c r="AG750" s="119"/>
      <c r="AH750" s="119"/>
      <c r="AI750" s="119"/>
      <c r="AJ750" s="119"/>
      <c r="AK750" s="119"/>
      <c r="AL750" s="119"/>
      <c r="AM750" s="119"/>
      <c r="AN750" s="119"/>
      <c r="AO750" s="119"/>
      <c r="AP750" s="119"/>
      <c r="AQ750" s="119"/>
      <c r="AR750" s="119"/>
      <c r="AS750" s="119"/>
      <c r="AT750" s="119"/>
      <c r="AU750" s="119"/>
      <c r="AV750" s="119"/>
      <c r="AW750" s="119"/>
      <c r="AX750" s="119"/>
      <c r="AY750" s="119"/>
      <c r="AZ750" s="119"/>
      <c r="BA750" s="119"/>
      <c r="BB750" s="107">
        <v>45884</v>
      </c>
    </row>
    <row r="751" spans="1:54" s="207" customFormat="1" ht="13.95" customHeight="1" x14ac:dyDescent="0.25">
      <c r="A751" s="208" t="s">
        <v>1872</v>
      </c>
      <c r="B751" s="209" t="s">
        <v>20420</v>
      </c>
      <c r="C751" s="113" t="s">
        <v>1873</v>
      </c>
      <c r="D751" s="113" t="s">
        <v>22821</v>
      </c>
      <c r="E751" s="210">
        <v>1975</v>
      </c>
      <c r="F751" s="210">
        <v>622</v>
      </c>
      <c r="G751" s="113" t="s">
        <v>1</v>
      </c>
      <c r="H751" s="113">
        <v>0</v>
      </c>
      <c r="I751" s="113">
        <v>0</v>
      </c>
      <c r="J751" s="115">
        <v>1</v>
      </c>
      <c r="K751" s="116" t="s">
        <v>174</v>
      </c>
      <c r="L751" s="115">
        <v>0</v>
      </c>
      <c r="M751" s="115">
        <v>0</v>
      </c>
      <c r="N751" s="115">
        <v>0</v>
      </c>
      <c r="O751" s="115">
        <v>1</v>
      </c>
      <c r="P751" s="115">
        <v>1</v>
      </c>
      <c r="Q751" s="115" t="s">
        <v>400</v>
      </c>
      <c r="R751" s="115">
        <v>1</v>
      </c>
      <c r="S751" s="115">
        <v>0</v>
      </c>
      <c r="T751" s="115">
        <v>0</v>
      </c>
      <c r="U751" s="119"/>
      <c r="V751" s="119"/>
      <c r="W751" s="119"/>
      <c r="X751" s="119"/>
      <c r="Y751" s="119"/>
      <c r="Z751" s="119"/>
      <c r="AA751" s="119"/>
      <c r="AB751" s="119"/>
      <c r="AC751" s="119"/>
      <c r="AD751" s="119"/>
      <c r="AE751" s="119"/>
      <c r="AF751" s="119"/>
      <c r="AG751" s="119"/>
      <c r="AH751" s="119"/>
      <c r="AI751" s="119"/>
      <c r="AJ751" s="119"/>
      <c r="AK751" s="119"/>
      <c r="AL751" s="119"/>
      <c r="AM751" s="119"/>
      <c r="AN751" s="119"/>
      <c r="AO751" s="119"/>
      <c r="AP751" s="119"/>
      <c r="AQ751" s="119"/>
      <c r="AR751" s="119"/>
      <c r="AS751" s="119"/>
      <c r="AT751" s="119"/>
      <c r="AU751" s="119"/>
      <c r="AV751" s="119"/>
      <c r="AW751" s="119"/>
      <c r="AX751" s="119"/>
      <c r="AY751" s="119"/>
      <c r="AZ751" s="119"/>
      <c r="BA751" s="119"/>
      <c r="BB751" s="107">
        <v>45884</v>
      </c>
    </row>
    <row r="752" spans="1:54" s="207" customFormat="1" ht="13.95" customHeight="1" x14ac:dyDescent="0.25">
      <c r="A752" s="208" t="s">
        <v>1874</v>
      </c>
      <c r="B752" s="209" t="s">
        <v>20420</v>
      </c>
      <c r="C752" s="113" t="s">
        <v>1875</v>
      </c>
      <c r="D752" s="95" t="s">
        <v>24459</v>
      </c>
      <c r="E752" s="210">
        <v>1995</v>
      </c>
      <c r="F752" s="210">
        <v>629</v>
      </c>
      <c r="G752" s="113" t="s">
        <v>1</v>
      </c>
      <c r="H752" s="113">
        <v>0</v>
      </c>
      <c r="I752" s="113">
        <v>0</v>
      </c>
      <c r="J752" s="115">
        <v>1</v>
      </c>
      <c r="K752" s="116" t="s">
        <v>174</v>
      </c>
      <c r="L752" s="115">
        <v>1</v>
      </c>
      <c r="M752" s="115">
        <v>1</v>
      </c>
      <c r="N752" s="115">
        <v>0</v>
      </c>
      <c r="O752" s="115">
        <v>1</v>
      </c>
      <c r="P752" s="115" t="s">
        <v>400</v>
      </c>
      <c r="Q752" s="115" t="s">
        <v>400</v>
      </c>
      <c r="R752" s="115">
        <v>0</v>
      </c>
      <c r="S752" s="115">
        <v>0</v>
      </c>
      <c r="T752" s="115">
        <v>0</v>
      </c>
      <c r="U752" s="119"/>
      <c r="V752" s="119"/>
      <c r="W752" s="119"/>
      <c r="X752" s="119"/>
      <c r="Y752" s="119"/>
      <c r="Z752" s="119"/>
      <c r="AA752" s="119"/>
      <c r="AB752" s="119"/>
      <c r="AC752" s="119"/>
      <c r="AD752" s="119"/>
      <c r="AE752" s="119"/>
      <c r="AF752" s="119"/>
      <c r="AG752" s="119"/>
      <c r="AH752" s="119"/>
      <c r="AI752" s="119"/>
      <c r="AJ752" s="119"/>
      <c r="AK752" s="119"/>
      <c r="AL752" s="119"/>
      <c r="AM752" s="119"/>
      <c r="AN752" s="119"/>
      <c r="AO752" s="119"/>
      <c r="AP752" s="119"/>
      <c r="AQ752" s="119"/>
      <c r="AR752" s="119"/>
      <c r="AS752" s="119"/>
      <c r="AT752" s="119"/>
      <c r="AU752" s="119"/>
      <c r="AV752" s="119"/>
      <c r="AW752" s="119"/>
      <c r="AX752" s="119"/>
      <c r="AY752" s="119"/>
      <c r="AZ752" s="119"/>
      <c r="BA752" s="119"/>
      <c r="BB752" s="107">
        <v>45884</v>
      </c>
    </row>
    <row r="753" spans="1:54" s="207" customFormat="1" ht="13.95" customHeight="1" x14ac:dyDescent="0.25">
      <c r="A753" s="208" t="s">
        <v>1876</v>
      </c>
      <c r="B753" s="209" t="s">
        <v>20420</v>
      </c>
      <c r="C753" s="113" t="s">
        <v>1877</v>
      </c>
      <c r="D753" s="113" t="s">
        <v>22822</v>
      </c>
      <c r="E753" s="210">
        <v>1986</v>
      </c>
      <c r="F753" s="210">
        <v>624</v>
      </c>
      <c r="G753" s="113" t="s">
        <v>1</v>
      </c>
      <c r="H753" s="113">
        <v>0</v>
      </c>
      <c r="I753" s="113">
        <v>0</v>
      </c>
      <c r="J753" s="115">
        <v>1</v>
      </c>
      <c r="K753" s="116" t="s">
        <v>174</v>
      </c>
      <c r="L753" s="115">
        <v>1</v>
      </c>
      <c r="M753" s="115">
        <v>0</v>
      </c>
      <c r="N753" s="115">
        <v>0</v>
      </c>
      <c r="O753" s="115">
        <v>1</v>
      </c>
      <c r="P753" s="115" t="s">
        <v>400</v>
      </c>
      <c r="Q753" s="115" t="s">
        <v>400</v>
      </c>
      <c r="R753" s="115">
        <v>1</v>
      </c>
      <c r="S753" s="115">
        <v>0</v>
      </c>
      <c r="T753" s="115">
        <v>0</v>
      </c>
      <c r="U753" s="119"/>
      <c r="V753" s="119"/>
      <c r="W753" s="119"/>
      <c r="X753" s="119"/>
      <c r="Y753" s="119"/>
      <c r="Z753" s="119"/>
      <c r="AA753" s="119"/>
      <c r="AB753" s="119"/>
      <c r="AC753" s="119"/>
      <c r="AD753" s="119"/>
      <c r="AE753" s="119"/>
      <c r="AF753" s="119"/>
      <c r="AG753" s="119"/>
      <c r="AH753" s="119"/>
      <c r="AI753" s="119"/>
      <c r="AJ753" s="119"/>
      <c r="AK753" s="119"/>
      <c r="AL753" s="119"/>
      <c r="AM753" s="119"/>
      <c r="AN753" s="119"/>
      <c r="AO753" s="119"/>
      <c r="AP753" s="119"/>
      <c r="AQ753" s="119"/>
      <c r="AR753" s="119"/>
      <c r="AS753" s="119"/>
      <c r="AT753" s="119"/>
      <c r="AU753" s="119"/>
      <c r="AV753" s="119"/>
      <c r="AW753" s="119"/>
      <c r="AX753" s="119"/>
      <c r="AY753" s="119"/>
      <c r="AZ753" s="119"/>
      <c r="BA753" s="119"/>
      <c r="BB753" s="107">
        <v>45884</v>
      </c>
    </row>
    <row r="754" spans="1:54" s="207" customFormat="1" ht="13.95" customHeight="1" x14ac:dyDescent="0.25">
      <c r="A754" s="208" t="s">
        <v>1878</v>
      </c>
      <c r="B754" s="209" t="s">
        <v>20420</v>
      </c>
      <c r="C754" s="113" t="s">
        <v>1879</v>
      </c>
      <c r="D754" s="113" t="s">
        <v>22823</v>
      </c>
      <c r="E754" s="210">
        <v>1986</v>
      </c>
      <c r="F754" s="210">
        <v>627</v>
      </c>
      <c r="G754" s="113" t="s">
        <v>1</v>
      </c>
      <c r="H754" s="113">
        <v>0</v>
      </c>
      <c r="I754" s="113">
        <v>0</v>
      </c>
      <c r="J754" s="115">
        <v>1</v>
      </c>
      <c r="K754" s="116" t="s">
        <v>174</v>
      </c>
      <c r="L754" s="115">
        <v>0</v>
      </c>
      <c r="M754" s="115">
        <v>0</v>
      </c>
      <c r="N754" s="115">
        <v>0</v>
      </c>
      <c r="O754" s="115">
        <v>1</v>
      </c>
      <c r="P754" s="115">
        <v>1</v>
      </c>
      <c r="Q754" s="115" t="s">
        <v>400</v>
      </c>
      <c r="R754" s="115">
        <v>1</v>
      </c>
      <c r="S754" s="115">
        <v>0</v>
      </c>
      <c r="T754" s="115">
        <v>0</v>
      </c>
      <c r="U754" s="119"/>
      <c r="V754" s="119"/>
      <c r="W754" s="119"/>
      <c r="X754" s="119"/>
      <c r="Y754" s="119"/>
      <c r="Z754" s="119"/>
      <c r="AA754" s="119"/>
      <c r="AB754" s="119"/>
      <c r="AC754" s="119"/>
      <c r="AD754" s="119"/>
      <c r="AE754" s="119"/>
      <c r="AF754" s="119"/>
      <c r="AG754" s="119"/>
      <c r="AH754" s="119"/>
      <c r="AI754" s="119"/>
      <c r="AJ754" s="119"/>
      <c r="AK754" s="119"/>
      <c r="AL754" s="119"/>
      <c r="AM754" s="119"/>
      <c r="AN754" s="119"/>
      <c r="AO754" s="119"/>
      <c r="AP754" s="119"/>
      <c r="AQ754" s="119"/>
      <c r="AR754" s="119"/>
      <c r="AS754" s="119"/>
      <c r="AT754" s="119"/>
      <c r="AU754" s="119"/>
      <c r="AV754" s="119"/>
      <c r="AW754" s="119"/>
      <c r="AX754" s="119"/>
      <c r="AY754" s="119"/>
      <c r="AZ754" s="119"/>
      <c r="BA754" s="119"/>
      <c r="BB754" s="107">
        <v>45884</v>
      </c>
    </row>
    <row r="755" spans="1:54" s="207" customFormat="1" ht="13.95" customHeight="1" x14ac:dyDescent="0.25">
      <c r="A755" s="208" t="s">
        <v>1880</v>
      </c>
      <c r="B755" s="209" t="s">
        <v>20420</v>
      </c>
      <c r="C755" s="113" t="s">
        <v>1881</v>
      </c>
      <c r="D755" s="113" t="s">
        <v>1882</v>
      </c>
      <c r="E755" s="210">
        <v>1976</v>
      </c>
      <c r="F755" s="210">
        <v>628</v>
      </c>
      <c r="G755" s="113" t="s">
        <v>1</v>
      </c>
      <c r="H755" s="113">
        <v>0</v>
      </c>
      <c r="I755" s="113">
        <v>0</v>
      </c>
      <c r="J755" s="115">
        <v>1</v>
      </c>
      <c r="K755" s="116" t="s">
        <v>174</v>
      </c>
      <c r="L755" s="115">
        <v>1</v>
      </c>
      <c r="M755" s="115">
        <v>1</v>
      </c>
      <c r="N755" s="115">
        <v>1</v>
      </c>
      <c r="O755" s="115">
        <v>0</v>
      </c>
      <c r="P755" s="115" t="s">
        <v>400</v>
      </c>
      <c r="Q755" s="115" t="s">
        <v>400</v>
      </c>
      <c r="R755" s="115">
        <v>0</v>
      </c>
      <c r="S755" s="115">
        <v>0</v>
      </c>
      <c r="T755" s="115">
        <v>0</v>
      </c>
      <c r="U755" s="119"/>
      <c r="V755" s="119"/>
      <c r="W755" s="119"/>
      <c r="X755" s="119"/>
      <c r="Y755" s="119"/>
      <c r="Z755" s="119"/>
      <c r="AA755" s="119"/>
      <c r="AB755" s="119"/>
      <c r="AC755" s="119"/>
      <c r="AD755" s="119"/>
      <c r="AE755" s="119"/>
      <c r="AF755" s="119"/>
      <c r="AG755" s="119"/>
      <c r="AH755" s="119"/>
      <c r="AI755" s="119"/>
      <c r="AJ755" s="119"/>
      <c r="AK755" s="119"/>
      <c r="AL755" s="119"/>
      <c r="AM755" s="119"/>
      <c r="AN755" s="119"/>
      <c r="AO755" s="119"/>
      <c r="AP755" s="119"/>
      <c r="AQ755" s="119"/>
      <c r="AR755" s="119"/>
      <c r="AS755" s="119"/>
      <c r="AT755" s="119"/>
      <c r="AU755" s="119"/>
      <c r="AV755" s="119"/>
      <c r="AW755" s="119"/>
      <c r="AX755" s="119"/>
      <c r="AY755" s="119"/>
      <c r="AZ755" s="119"/>
      <c r="BA755" s="119"/>
      <c r="BB755" s="107">
        <v>45884</v>
      </c>
    </row>
    <row r="756" spans="1:54" s="207" customFormat="1" ht="13.95" customHeight="1" x14ac:dyDescent="0.25">
      <c r="A756" s="208" t="s">
        <v>1883</v>
      </c>
      <c r="B756" s="209" t="s">
        <v>20420</v>
      </c>
      <c r="C756" s="113" t="s">
        <v>1884</v>
      </c>
      <c r="D756" s="113" t="s">
        <v>1885</v>
      </c>
      <c r="E756" s="210">
        <v>1978</v>
      </c>
      <c r="F756" s="210">
        <v>629</v>
      </c>
      <c r="G756" s="113" t="s">
        <v>1</v>
      </c>
      <c r="H756" s="113">
        <v>0</v>
      </c>
      <c r="I756" s="113">
        <v>0</v>
      </c>
      <c r="J756" s="115">
        <v>1</v>
      </c>
      <c r="K756" s="211">
        <v>1</v>
      </c>
      <c r="L756" s="115">
        <v>1</v>
      </c>
      <c r="M756" s="115">
        <v>0</v>
      </c>
      <c r="N756" s="115">
        <v>0</v>
      </c>
      <c r="O756" s="115">
        <v>1</v>
      </c>
      <c r="P756" s="115" t="s">
        <v>400</v>
      </c>
      <c r="Q756" s="115" t="s">
        <v>400</v>
      </c>
      <c r="R756" s="115">
        <v>0</v>
      </c>
      <c r="S756" s="115">
        <v>0</v>
      </c>
      <c r="T756" s="115">
        <v>0</v>
      </c>
      <c r="U756" s="119"/>
      <c r="V756" s="119"/>
      <c r="W756" s="119"/>
      <c r="X756" s="119"/>
      <c r="Y756" s="119"/>
      <c r="Z756" s="119"/>
      <c r="AA756" s="119"/>
      <c r="AB756" s="119"/>
      <c r="AC756" s="119"/>
      <c r="AD756" s="119"/>
      <c r="AE756" s="119"/>
      <c r="AF756" s="119"/>
      <c r="AG756" s="119"/>
      <c r="AH756" s="119"/>
      <c r="AI756" s="119"/>
      <c r="AJ756" s="119"/>
      <c r="AK756" s="119"/>
      <c r="AL756" s="119"/>
      <c r="AM756" s="119"/>
      <c r="AN756" s="119"/>
      <c r="AO756" s="119"/>
      <c r="AP756" s="119"/>
      <c r="AQ756" s="119"/>
      <c r="AR756" s="119"/>
      <c r="AS756" s="119"/>
      <c r="AT756" s="119"/>
      <c r="AU756" s="119"/>
      <c r="AV756" s="119"/>
      <c r="AW756" s="119"/>
      <c r="AX756" s="119"/>
      <c r="AY756" s="119"/>
      <c r="AZ756" s="119"/>
      <c r="BA756" s="119"/>
      <c r="BB756" s="107">
        <v>45884</v>
      </c>
    </row>
    <row r="757" spans="1:54" s="207" customFormat="1" ht="13.95" customHeight="1" x14ac:dyDescent="0.25">
      <c r="A757" s="208" t="s">
        <v>1886</v>
      </c>
      <c r="B757" s="209" t="s">
        <v>20420</v>
      </c>
      <c r="C757" s="113" t="s">
        <v>1887</v>
      </c>
      <c r="D757" s="113" t="s">
        <v>1888</v>
      </c>
      <c r="E757" s="210">
        <v>1997</v>
      </c>
      <c r="F757" s="210">
        <v>630</v>
      </c>
      <c r="G757" s="113" t="s">
        <v>1</v>
      </c>
      <c r="H757" s="113">
        <v>0</v>
      </c>
      <c r="I757" s="113">
        <v>0</v>
      </c>
      <c r="J757" s="115">
        <v>1</v>
      </c>
      <c r="K757" s="116" t="s">
        <v>174</v>
      </c>
      <c r="L757" s="115">
        <v>1</v>
      </c>
      <c r="M757" s="115">
        <v>0</v>
      </c>
      <c r="N757" s="115">
        <v>0</v>
      </c>
      <c r="O757" s="115">
        <v>1</v>
      </c>
      <c r="P757" s="115">
        <v>1</v>
      </c>
      <c r="Q757" s="115" t="s">
        <v>400</v>
      </c>
      <c r="R757" s="115">
        <v>1</v>
      </c>
      <c r="S757" s="115">
        <v>0</v>
      </c>
      <c r="T757" s="115">
        <v>0</v>
      </c>
      <c r="U757" s="119"/>
      <c r="V757" s="119"/>
      <c r="W757" s="119"/>
      <c r="X757" s="119"/>
      <c r="Y757" s="119"/>
      <c r="Z757" s="119"/>
      <c r="AA757" s="119"/>
      <c r="AB757" s="119"/>
      <c r="AC757" s="119"/>
      <c r="AD757" s="119"/>
      <c r="AE757" s="119"/>
      <c r="AF757" s="119"/>
      <c r="AG757" s="119"/>
      <c r="AH757" s="119"/>
      <c r="AI757" s="119"/>
      <c r="AJ757" s="119"/>
      <c r="AK757" s="119"/>
      <c r="AL757" s="119"/>
      <c r="AM757" s="119"/>
      <c r="AN757" s="119"/>
      <c r="AO757" s="119"/>
      <c r="AP757" s="119"/>
      <c r="AQ757" s="119"/>
      <c r="AR757" s="119"/>
      <c r="AS757" s="119"/>
      <c r="AT757" s="119"/>
      <c r="AU757" s="119"/>
      <c r="AV757" s="119"/>
      <c r="AW757" s="119"/>
      <c r="AX757" s="119"/>
      <c r="AY757" s="119"/>
      <c r="AZ757" s="119"/>
      <c r="BA757" s="119"/>
      <c r="BB757" s="107">
        <v>45884</v>
      </c>
    </row>
    <row r="758" spans="1:54" s="207" customFormat="1" ht="13.95" customHeight="1" x14ac:dyDescent="0.25">
      <c r="A758" s="208" t="s">
        <v>1889</v>
      </c>
      <c r="B758" s="209" t="s">
        <v>20420</v>
      </c>
      <c r="C758" s="113" t="s">
        <v>1890</v>
      </c>
      <c r="D758" s="113" t="s">
        <v>22824</v>
      </c>
      <c r="E758" s="210">
        <v>1983</v>
      </c>
      <c r="F758" s="210">
        <v>630</v>
      </c>
      <c r="G758" s="113" t="s">
        <v>1</v>
      </c>
      <c r="H758" s="113">
        <v>0</v>
      </c>
      <c r="I758" s="113">
        <v>0</v>
      </c>
      <c r="J758" s="115">
        <v>1</v>
      </c>
      <c r="K758" s="116" t="s">
        <v>174</v>
      </c>
      <c r="L758" s="115">
        <v>1</v>
      </c>
      <c r="M758" s="115">
        <v>1</v>
      </c>
      <c r="N758" s="115">
        <v>0</v>
      </c>
      <c r="O758" s="115">
        <v>0</v>
      </c>
      <c r="P758" s="115" t="s">
        <v>400</v>
      </c>
      <c r="Q758" s="115" t="s">
        <v>400</v>
      </c>
      <c r="R758" s="115">
        <v>0</v>
      </c>
      <c r="S758" s="115">
        <v>0</v>
      </c>
      <c r="T758" s="115">
        <v>0</v>
      </c>
      <c r="U758" s="119"/>
      <c r="V758" s="119"/>
      <c r="W758" s="119"/>
      <c r="X758" s="119"/>
      <c r="Y758" s="119"/>
      <c r="Z758" s="119"/>
      <c r="AA758" s="119"/>
      <c r="AB758" s="119"/>
      <c r="AC758" s="119"/>
      <c r="AD758" s="119"/>
      <c r="AE758" s="119"/>
      <c r="AF758" s="119"/>
      <c r="AG758" s="119"/>
      <c r="AH758" s="119"/>
      <c r="AI758" s="119"/>
      <c r="AJ758" s="119"/>
      <c r="AK758" s="119"/>
      <c r="AL758" s="119"/>
      <c r="AM758" s="119"/>
      <c r="AN758" s="119"/>
      <c r="AO758" s="119"/>
      <c r="AP758" s="119"/>
      <c r="AQ758" s="119"/>
      <c r="AR758" s="119"/>
      <c r="AS758" s="119"/>
      <c r="AT758" s="119"/>
      <c r="AU758" s="119"/>
      <c r="AV758" s="119"/>
      <c r="AW758" s="119"/>
      <c r="AX758" s="119"/>
      <c r="AY758" s="119"/>
      <c r="AZ758" s="119"/>
      <c r="BA758" s="119"/>
      <c r="BB758" s="107">
        <v>45884</v>
      </c>
    </row>
    <row r="759" spans="1:54" s="207" customFormat="1" ht="13.95" customHeight="1" x14ac:dyDescent="0.25">
      <c r="A759" s="208" t="s">
        <v>1891</v>
      </c>
      <c r="B759" s="209" t="s">
        <v>20420</v>
      </c>
      <c r="C759" s="113" t="s">
        <v>1892</v>
      </c>
      <c r="D759" s="113" t="s">
        <v>1893</v>
      </c>
      <c r="E759" s="210">
        <v>1996</v>
      </c>
      <c r="F759" s="210">
        <v>633</v>
      </c>
      <c r="G759" s="113" t="s">
        <v>1</v>
      </c>
      <c r="H759" s="113">
        <v>0</v>
      </c>
      <c r="I759" s="113">
        <v>0</v>
      </c>
      <c r="J759" s="115">
        <v>1</v>
      </c>
      <c r="K759" s="116" t="s">
        <v>174</v>
      </c>
      <c r="L759" s="115">
        <v>0</v>
      </c>
      <c r="M759" s="115">
        <v>0</v>
      </c>
      <c r="N759" s="115">
        <v>0</v>
      </c>
      <c r="O759" s="115">
        <v>0</v>
      </c>
      <c r="P759" s="115" t="s">
        <v>400</v>
      </c>
      <c r="Q759" s="115" t="s">
        <v>400</v>
      </c>
      <c r="R759" s="115">
        <v>0</v>
      </c>
      <c r="S759" s="115">
        <v>0</v>
      </c>
      <c r="T759" s="115">
        <v>0</v>
      </c>
      <c r="U759" s="119"/>
      <c r="V759" s="119"/>
      <c r="W759" s="119"/>
      <c r="X759" s="119"/>
      <c r="Y759" s="119"/>
      <c r="Z759" s="119"/>
      <c r="AA759" s="119"/>
      <c r="AB759" s="119"/>
      <c r="AC759" s="119"/>
      <c r="AD759" s="119"/>
      <c r="AE759" s="119"/>
      <c r="AF759" s="119"/>
      <c r="AG759" s="119"/>
      <c r="AH759" s="119"/>
      <c r="AI759" s="119"/>
      <c r="AJ759" s="119"/>
      <c r="AK759" s="119"/>
      <c r="AL759" s="119"/>
      <c r="AM759" s="119"/>
      <c r="AN759" s="119"/>
      <c r="AO759" s="119"/>
      <c r="AP759" s="119"/>
      <c r="AQ759" s="119"/>
      <c r="AR759" s="119"/>
      <c r="AS759" s="119"/>
      <c r="AT759" s="119"/>
      <c r="AU759" s="119"/>
      <c r="AV759" s="119"/>
      <c r="AW759" s="119"/>
      <c r="AX759" s="119"/>
      <c r="AY759" s="119"/>
      <c r="AZ759" s="119"/>
      <c r="BA759" s="119"/>
      <c r="BB759" s="107">
        <v>45884</v>
      </c>
    </row>
    <row r="760" spans="1:54" s="207" customFormat="1" ht="13.95" customHeight="1" x14ac:dyDescent="0.25">
      <c r="A760" s="208" t="s">
        <v>1894</v>
      </c>
      <c r="B760" s="209" t="s">
        <v>20420</v>
      </c>
      <c r="C760" s="113" t="s">
        <v>1895</v>
      </c>
      <c r="D760" s="113" t="s">
        <v>22825</v>
      </c>
      <c r="E760" s="210">
        <v>1991</v>
      </c>
      <c r="F760" s="210">
        <v>634</v>
      </c>
      <c r="G760" s="113" t="s">
        <v>1</v>
      </c>
      <c r="H760" s="113">
        <v>0</v>
      </c>
      <c r="I760" s="113">
        <v>0</v>
      </c>
      <c r="J760" s="115">
        <v>1</v>
      </c>
      <c r="K760" s="211">
        <v>1</v>
      </c>
      <c r="L760" s="115">
        <v>0</v>
      </c>
      <c r="M760" s="115">
        <v>0</v>
      </c>
      <c r="N760" s="115">
        <v>0</v>
      </c>
      <c r="O760" s="115">
        <v>1</v>
      </c>
      <c r="P760" s="115">
        <v>1</v>
      </c>
      <c r="Q760" s="115" t="s">
        <v>400</v>
      </c>
      <c r="R760" s="115">
        <v>0</v>
      </c>
      <c r="S760" s="115">
        <v>0</v>
      </c>
      <c r="T760" s="115">
        <v>0</v>
      </c>
      <c r="U760" s="119"/>
      <c r="V760" s="119"/>
      <c r="W760" s="119"/>
      <c r="X760" s="119"/>
      <c r="Y760" s="119"/>
      <c r="Z760" s="119"/>
      <c r="AA760" s="119"/>
      <c r="AB760" s="119"/>
      <c r="AC760" s="119"/>
      <c r="AD760" s="119"/>
      <c r="AE760" s="119"/>
      <c r="AF760" s="119"/>
      <c r="AG760" s="119"/>
      <c r="AH760" s="119"/>
      <c r="AI760" s="119"/>
      <c r="AJ760" s="119"/>
      <c r="AK760" s="119"/>
      <c r="AL760" s="119"/>
      <c r="AM760" s="119"/>
      <c r="AN760" s="119"/>
      <c r="AO760" s="119"/>
      <c r="AP760" s="119"/>
      <c r="AQ760" s="119"/>
      <c r="AR760" s="119"/>
      <c r="AS760" s="119"/>
      <c r="AT760" s="119"/>
      <c r="AU760" s="119"/>
      <c r="AV760" s="119"/>
      <c r="AW760" s="119"/>
      <c r="AX760" s="119"/>
      <c r="AY760" s="119"/>
      <c r="AZ760" s="119"/>
      <c r="BA760" s="119"/>
      <c r="BB760" s="107">
        <v>45884</v>
      </c>
    </row>
    <row r="761" spans="1:54" s="207" customFormat="1" ht="13.95" customHeight="1" x14ac:dyDescent="0.25">
      <c r="A761" s="208" t="s">
        <v>1896</v>
      </c>
      <c r="B761" s="209" t="s">
        <v>20420</v>
      </c>
      <c r="C761" s="113" t="s">
        <v>1897</v>
      </c>
      <c r="D761" s="113" t="s">
        <v>1898</v>
      </c>
      <c r="E761" s="210">
        <v>1977</v>
      </c>
      <c r="F761" s="210">
        <v>635</v>
      </c>
      <c r="G761" s="113" t="s">
        <v>1</v>
      </c>
      <c r="H761" s="113">
        <v>0</v>
      </c>
      <c r="I761" s="113">
        <v>0</v>
      </c>
      <c r="J761" s="115">
        <v>1</v>
      </c>
      <c r="K761" s="116" t="s">
        <v>174</v>
      </c>
      <c r="L761" s="115">
        <v>1</v>
      </c>
      <c r="M761" s="115">
        <v>1</v>
      </c>
      <c r="N761" s="115">
        <v>1</v>
      </c>
      <c r="O761" s="115">
        <v>0</v>
      </c>
      <c r="P761" s="115" t="s">
        <v>400</v>
      </c>
      <c r="Q761" s="115" t="s">
        <v>400</v>
      </c>
      <c r="R761" s="115">
        <v>1</v>
      </c>
      <c r="S761" s="115">
        <v>0</v>
      </c>
      <c r="T761" s="115">
        <v>0</v>
      </c>
      <c r="U761" s="119"/>
      <c r="V761" s="119"/>
      <c r="W761" s="119"/>
      <c r="X761" s="119"/>
      <c r="Y761" s="119"/>
      <c r="Z761" s="119"/>
      <c r="AA761" s="119"/>
      <c r="AB761" s="119"/>
      <c r="AC761" s="119"/>
      <c r="AD761" s="119"/>
      <c r="AE761" s="119"/>
      <c r="AF761" s="119"/>
      <c r="AG761" s="119"/>
      <c r="AH761" s="119"/>
      <c r="AI761" s="119"/>
      <c r="AJ761" s="119"/>
      <c r="AK761" s="119"/>
      <c r="AL761" s="119"/>
      <c r="AM761" s="119"/>
      <c r="AN761" s="119"/>
      <c r="AO761" s="119"/>
      <c r="AP761" s="119"/>
      <c r="AQ761" s="119"/>
      <c r="AR761" s="119"/>
      <c r="AS761" s="119"/>
      <c r="AT761" s="119"/>
      <c r="AU761" s="119"/>
      <c r="AV761" s="119"/>
      <c r="AW761" s="119"/>
      <c r="AX761" s="119"/>
      <c r="AY761" s="119"/>
      <c r="AZ761" s="119"/>
      <c r="BA761" s="119"/>
      <c r="BB761" s="107">
        <v>45884</v>
      </c>
    </row>
    <row r="762" spans="1:54" s="207" customFormat="1" ht="13.95" customHeight="1" x14ac:dyDescent="0.25">
      <c r="A762" s="208" t="s">
        <v>1899</v>
      </c>
      <c r="B762" s="209" t="s">
        <v>20420</v>
      </c>
      <c r="C762" s="113" t="s">
        <v>1900</v>
      </c>
      <c r="D762" s="113" t="s">
        <v>1901</v>
      </c>
      <c r="E762" s="210">
        <v>1977</v>
      </c>
      <c r="F762" s="210">
        <v>635</v>
      </c>
      <c r="G762" s="113" t="s">
        <v>1</v>
      </c>
      <c r="H762" s="113">
        <v>0</v>
      </c>
      <c r="I762" s="113">
        <v>0</v>
      </c>
      <c r="J762" s="115">
        <v>1</v>
      </c>
      <c r="K762" s="116" t="s">
        <v>174</v>
      </c>
      <c r="L762" s="115">
        <v>1</v>
      </c>
      <c r="M762" s="115">
        <v>0</v>
      </c>
      <c r="N762" s="115">
        <v>0</v>
      </c>
      <c r="O762" s="115">
        <v>1</v>
      </c>
      <c r="P762" s="115">
        <v>1</v>
      </c>
      <c r="Q762" s="115" t="s">
        <v>400</v>
      </c>
      <c r="R762" s="115">
        <v>1</v>
      </c>
      <c r="S762" s="115">
        <v>0</v>
      </c>
      <c r="T762" s="115">
        <v>0</v>
      </c>
      <c r="U762" s="119"/>
      <c r="V762" s="119"/>
      <c r="W762" s="119"/>
      <c r="X762" s="119"/>
      <c r="Y762" s="119"/>
      <c r="Z762" s="119"/>
      <c r="AA762" s="119"/>
      <c r="AB762" s="119"/>
      <c r="AC762" s="119"/>
      <c r="AD762" s="119"/>
      <c r="AE762" s="119"/>
      <c r="AF762" s="119"/>
      <c r="AG762" s="119"/>
      <c r="AH762" s="119"/>
      <c r="AI762" s="119"/>
      <c r="AJ762" s="119"/>
      <c r="AK762" s="119"/>
      <c r="AL762" s="119"/>
      <c r="AM762" s="119"/>
      <c r="AN762" s="119"/>
      <c r="AO762" s="119"/>
      <c r="AP762" s="119"/>
      <c r="AQ762" s="119"/>
      <c r="AR762" s="119"/>
      <c r="AS762" s="119"/>
      <c r="AT762" s="119"/>
      <c r="AU762" s="119"/>
      <c r="AV762" s="119"/>
      <c r="AW762" s="119"/>
      <c r="AX762" s="119"/>
      <c r="AY762" s="119"/>
      <c r="AZ762" s="119"/>
      <c r="BA762" s="119"/>
      <c r="BB762" s="107">
        <v>45884</v>
      </c>
    </row>
    <row r="763" spans="1:54" s="207" customFormat="1" ht="13.95" customHeight="1" x14ac:dyDescent="0.25">
      <c r="A763" s="208" t="s">
        <v>1902</v>
      </c>
      <c r="B763" s="209" t="s">
        <v>20420</v>
      </c>
      <c r="C763" s="113" t="s">
        <v>1903</v>
      </c>
      <c r="D763" s="113" t="s">
        <v>22826</v>
      </c>
      <c r="E763" s="210">
        <v>1992</v>
      </c>
      <c r="F763" s="210">
        <v>641</v>
      </c>
      <c r="G763" s="113" t="s">
        <v>1</v>
      </c>
      <c r="H763" s="113">
        <v>0</v>
      </c>
      <c r="I763" s="113">
        <v>0</v>
      </c>
      <c r="J763" s="115">
        <v>1</v>
      </c>
      <c r="K763" s="116" t="s">
        <v>174</v>
      </c>
      <c r="L763" s="115">
        <v>1</v>
      </c>
      <c r="M763" s="115">
        <v>0</v>
      </c>
      <c r="N763" s="115">
        <v>0</v>
      </c>
      <c r="O763" s="115">
        <v>1</v>
      </c>
      <c r="P763" s="115" t="s">
        <v>400</v>
      </c>
      <c r="Q763" s="115" t="s">
        <v>400</v>
      </c>
      <c r="R763" s="115">
        <v>0</v>
      </c>
      <c r="S763" s="115">
        <v>0</v>
      </c>
      <c r="T763" s="115">
        <v>0</v>
      </c>
      <c r="U763" s="119"/>
      <c r="V763" s="119"/>
      <c r="W763" s="119"/>
      <c r="X763" s="119"/>
      <c r="Y763" s="119"/>
      <c r="Z763" s="119"/>
      <c r="AA763" s="119"/>
      <c r="AB763" s="119"/>
      <c r="AC763" s="119"/>
      <c r="AD763" s="119"/>
      <c r="AE763" s="119"/>
      <c r="AF763" s="119"/>
      <c r="AG763" s="119"/>
      <c r="AH763" s="119"/>
      <c r="AI763" s="119"/>
      <c r="AJ763" s="119"/>
      <c r="AK763" s="119"/>
      <c r="AL763" s="119"/>
      <c r="AM763" s="119"/>
      <c r="AN763" s="119"/>
      <c r="AO763" s="119"/>
      <c r="AP763" s="119"/>
      <c r="AQ763" s="119"/>
      <c r="AR763" s="119"/>
      <c r="AS763" s="119"/>
      <c r="AT763" s="119"/>
      <c r="AU763" s="119"/>
      <c r="AV763" s="119"/>
      <c r="AW763" s="119"/>
      <c r="AX763" s="119"/>
      <c r="AY763" s="119"/>
      <c r="AZ763" s="119"/>
      <c r="BA763" s="119"/>
      <c r="BB763" s="107">
        <v>45884</v>
      </c>
    </row>
    <row r="764" spans="1:54" s="207" customFormat="1" ht="13.95" customHeight="1" x14ac:dyDescent="0.25">
      <c r="A764" s="208" t="s">
        <v>1904</v>
      </c>
      <c r="B764" s="209" t="s">
        <v>20420</v>
      </c>
      <c r="C764" s="113" t="s">
        <v>1905</v>
      </c>
      <c r="D764" s="113" t="s">
        <v>22827</v>
      </c>
      <c r="E764" s="210">
        <v>1986</v>
      </c>
      <c r="F764" s="210">
        <v>642</v>
      </c>
      <c r="G764" s="113" t="s">
        <v>1</v>
      </c>
      <c r="H764" s="113">
        <v>0</v>
      </c>
      <c r="I764" s="113">
        <v>0</v>
      </c>
      <c r="J764" s="115">
        <v>1</v>
      </c>
      <c r="K764" s="116" t="s">
        <v>174</v>
      </c>
      <c r="L764" s="115">
        <v>1</v>
      </c>
      <c r="M764" s="115">
        <v>0</v>
      </c>
      <c r="N764" s="115">
        <v>1</v>
      </c>
      <c r="O764" s="115">
        <v>1</v>
      </c>
      <c r="P764" s="115" t="s">
        <v>400</v>
      </c>
      <c r="Q764" s="115" t="s">
        <v>400</v>
      </c>
      <c r="R764" s="115">
        <v>0</v>
      </c>
      <c r="S764" s="115">
        <v>0</v>
      </c>
      <c r="T764" s="115">
        <v>0</v>
      </c>
      <c r="U764" s="119"/>
      <c r="V764" s="119"/>
      <c r="W764" s="119"/>
      <c r="X764" s="119"/>
      <c r="Y764" s="119"/>
      <c r="Z764" s="119"/>
      <c r="AA764" s="119"/>
      <c r="AB764" s="119"/>
      <c r="AC764" s="119"/>
      <c r="AD764" s="119"/>
      <c r="AE764" s="119"/>
      <c r="AF764" s="119"/>
      <c r="AG764" s="119"/>
      <c r="AH764" s="119"/>
      <c r="AI764" s="119"/>
      <c r="AJ764" s="119"/>
      <c r="AK764" s="119"/>
      <c r="AL764" s="119"/>
      <c r="AM764" s="119"/>
      <c r="AN764" s="119"/>
      <c r="AO764" s="119"/>
      <c r="AP764" s="119"/>
      <c r="AQ764" s="119"/>
      <c r="AR764" s="119"/>
      <c r="AS764" s="119"/>
      <c r="AT764" s="119"/>
      <c r="AU764" s="119"/>
      <c r="AV764" s="119"/>
      <c r="AW764" s="119"/>
      <c r="AX764" s="119"/>
      <c r="AY764" s="119"/>
      <c r="AZ764" s="119"/>
      <c r="BA764" s="119"/>
      <c r="BB764" s="107">
        <v>45884</v>
      </c>
    </row>
    <row r="765" spans="1:54" s="207" customFormat="1" ht="13.95" customHeight="1" x14ac:dyDescent="0.25">
      <c r="A765" s="208" t="s">
        <v>1906</v>
      </c>
      <c r="B765" s="209" t="s">
        <v>20420</v>
      </c>
      <c r="C765" s="113" t="s">
        <v>1907</v>
      </c>
      <c r="D765" s="113" t="s">
        <v>1908</v>
      </c>
      <c r="E765" s="210">
        <v>1975</v>
      </c>
      <c r="F765" s="210">
        <v>644</v>
      </c>
      <c r="G765" s="113" t="s">
        <v>1</v>
      </c>
      <c r="H765" s="113">
        <v>0</v>
      </c>
      <c r="I765" s="113">
        <v>0</v>
      </c>
      <c r="J765" s="115">
        <v>1</v>
      </c>
      <c r="K765" s="116" t="s">
        <v>174</v>
      </c>
      <c r="L765" s="115">
        <v>0</v>
      </c>
      <c r="M765" s="115">
        <v>1</v>
      </c>
      <c r="N765" s="115">
        <v>0</v>
      </c>
      <c r="O765" s="115">
        <v>1</v>
      </c>
      <c r="P765" s="115" t="s">
        <v>400</v>
      </c>
      <c r="Q765" s="115" t="s">
        <v>400</v>
      </c>
      <c r="R765" s="115">
        <v>1</v>
      </c>
      <c r="S765" s="115">
        <v>0</v>
      </c>
      <c r="T765" s="115">
        <v>0</v>
      </c>
      <c r="U765" s="119"/>
      <c r="V765" s="119"/>
      <c r="W765" s="119"/>
      <c r="X765" s="119"/>
      <c r="Y765" s="119"/>
      <c r="Z765" s="119"/>
      <c r="AA765" s="119"/>
      <c r="AB765" s="119"/>
      <c r="AC765" s="119"/>
      <c r="AD765" s="119"/>
      <c r="AE765" s="119"/>
      <c r="AF765" s="119"/>
      <c r="AG765" s="119"/>
      <c r="AH765" s="119"/>
      <c r="AI765" s="119"/>
      <c r="AJ765" s="119"/>
      <c r="AK765" s="119"/>
      <c r="AL765" s="119"/>
      <c r="AM765" s="119"/>
      <c r="AN765" s="119"/>
      <c r="AO765" s="119"/>
      <c r="AP765" s="119"/>
      <c r="AQ765" s="119"/>
      <c r="AR765" s="119"/>
      <c r="AS765" s="119"/>
      <c r="AT765" s="119"/>
      <c r="AU765" s="119"/>
      <c r="AV765" s="119"/>
      <c r="AW765" s="119"/>
      <c r="AX765" s="119"/>
      <c r="AY765" s="119"/>
      <c r="AZ765" s="119"/>
      <c r="BA765" s="119"/>
      <c r="BB765" s="107">
        <v>45884</v>
      </c>
    </row>
    <row r="766" spans="1:54" s="207" customFormat="1" ht="13.95" customHeight="1" x14ac:dyDescent="0.25">
      <c r="A766" s="208" t="s">
        <v>1909</v>
      </c>
      <c r="B766" s="209" t="s">
        <v>20420</v>
      </c>
      <c r="C766" s="113" t="s">
        <v>1910</v>
      </c>
      <c r="D766" s="113" t="s">
        <v>22828</v>
      </c>
      <c r="E766" s="210">
        <v>1991</v>
      </c>
      <c r="F766" s="210">
        <v>644</v>
      </c>
      <c r="G766" s="113" t="s">
        <v>1</v>
      </c>
      <c r="H766" s="113">
        <v>0</v>
      </c>
      <c r="I766" s="113">
        <v>0</v>
      </c>
      <c r="J766" s="115">
        <v>1</v>
      </c>
      <c r="K766" s="116" t="s">
        <v>174</v>
      </c>
      <c r="L766" s="115">
        <v>1</v>
      </c>
      <c r="M766" s="115">
        <v>1</v>
      </c>
      <c r="N766" s="115">
        <v>0</v>
      </c>
      <c r="O766" s="115">
        <v>1</v>
      </c>
      <c r="P766" s="115" t="s">
        <v>400</v>
      </c>
      <c r="Q766" s="115" t="s">
        <v>400</v>
      </c>
      <c r="R766" s="115">
        <v>0</v>
      </c>
      <c r="S766" s="115">
        <v>0</v>
      </c>
      <c r="T766" s="115">
        <v>0</v>
      </c>
      <c r="U766" s="119"/>
      <c r="V766" s="119"/>
      <c r="W766" s="119"/>
      <c r="X766" s="119"/>
      <c r="Y766" s="119"/>
      <c r="Z766" s="119"/>
      <c r="AA766" s="119"/>
      <c r="AB766" s="119"/>
      <c r="AC766" s="119"/>
      <c r="AD766" s="119"/>
      <c r="AE766" s="119"/>
      <c r="AF766" s="119"/>
      <c r="AG766" s="119"/>
      <c r="AH766" s="119"/>
      <c r="AI766" s="119"/>
      <c r="AJ766" s="119"/>
      <c r="AK766" s="119"/>
      <c r="AL766" s="119"/>
      <c r="AM766" s="119"/>
      <c r="AN766" s="119"/>
      <c r="AO766" s="119"/>
      <c r="AP766" s="119"/>
      <c r="AQ766" s="119"/>
      <c r="AR766" s="119"/>
      <c r="AS766" s="119"/>
      <c r="AT766" s="119"/>
      <c r="AU766" s="119"/>
      <c r="AV766" s="119"/>
      <c r="AW766" s="119"/>
      <c r="AX766" s="119"/>
      <c r="AY766" s="119"/>
      <c r="AZ766" s="119"/>
      <c r="BA766" s="119"/>
      <c r="BB766" s="107">
        <v>45884</v>
      </c>
    </row>
    <row r="767" spans="1:54" s="207" customFormat="1" ht="13.95" customHeight="1" x14ac:dyDescent="0.25">
      <c r="A767" s="208" t="s">
        <v>1911</v>
      </c>
      <c r="B767" s="209" t="s">
        <v>20420</v>
      </c>
      <c r="C767" s="113" t="s">
        <v>1912</v>
      </c>
      <c r="D767" s="113" t="s">
        <v>1913</v>
      </c>
      <c r="E767" s="210">
        <v>1971</v>
      </c>
      <c r="F767" s="210">
        <v>646</v>
      </c>
      <c r="G767" s="113" t="s">
        <v>1</v>
      </c>
      <c r="H767" s="113">
        <v>0</v>
      </c>
      <c r="I767" s="113">
        <v>0</v>
      </c>
      <c r="J767" s="115">
        <v>1</v>
      </c>
      <c r="K767" s="116" t="s">
        <v>174</v>
      </c>
      <c r="L767" s="115">
        <v>1</v>
      </c>
      <c r="M767" s="115">
        <v>0</v>
      </c>
      <c r="N767" s="115">
        <v>0</v>
      </c>
      <c r="O767" s="115">
        <v>1</v>
      </c>
      <c r="P767" s="115">
        <v>1</v>
      </c>
      <c r="Q767" s="115" t="s">
        <v>400</v>
      </c>
      <c r="R767" s="115">
        <v>1</v>
      </c>
      <c r="S767" s="115">
        <v>0</v>
      </c>
      <c r="T767" s="115">
        <v>0</v>
      </c>
      <c r="U767" s="119"/>
      <c r="V767" s="119"/>
      <c r="W767" s="119"/>
      <c r="X767" s="119"/>
      <c r="Y767" s="119"/>
      <c r="Z767" s="119"/>
      <c r="AA767" s="119"/>
      <c r="AB767" s="119"/>
      <c r="AC767" s="119"/>
      <c r="AD767" s="119"/>
      <c r="AE767" s="119"/>
      <c r="AF767" s="119"/>
      <c r="AG767" s="119"/>
      <c r="AH767" s="119"/>
      <c r="AI767" s="119"/>
      <c r="AJ767" s="119"/>
      <c r="AK767" s="119"/>
      <c r="AL767" s="119"/>
      <c r="AM767" s="119"/>
      <c r="AN767" s="119"/>
      <c r="AO767" s="119"/>
      <c r="AP767" s="119"/>
      <c r="AQ767" s="119"/>
      <c r="AR767" s="119"/>
      <c r="AS767" s="119"/>
      <c r="AT767" s="119"/>
      <c r="AU767" s="119"/>
      <c r="AV767" s="119"/>
      <c r="AW767" s="119"/>
      <c r="AX767" s="119"/>
      <c r="AY767" s="119"/>
      <c r="AZ767" s="119"/>
      <c r="BA767" s="119"/>
      <c r="BB767" s="107">
        <v>45884</v>
      </c>
    </row>
    <row r="768" spans="1:54" s="207" customFormat="1" ht="13.95" customHeight="1" x14ac:dyDescent="0.25">
      <c r="A768" s="208" t="s">
        <v>1914</v>
      </c>
      <c r="B768" s="209" t="s">
        <v>20420</v>
      </c>
      <c r="C768" s="113" t="s">
        <v>1915</v>
      </c>
      <c r="D768" s="113" t="s">
        <v>1916</v>
      </c>
      <c r="E768" s="210">
        <v>1979</v>
      </c>
      <c r="F768" s="210">
        <v>647</v>
      </c>
      <c r="G768" s="113" t="s">
        <v>1</v>
      </c>
      <c r="H768" s="113">
        <v>0</v>
      </c>
      <c r="I768" s="113">
        <v>0</v>
      </c>
      <c r="J768" s="115">
        <v>1</v>
      </c>
      <c r="K768" s="116" t="s">
        <v>174</v>
      </c>
      <c r="L768" s="115">
        <v>0</v>
      </c>
      <c r="M768" s="115">
        <v>0</v>
      </c>
      <c r="N768" s="115">
        <v>1</v>
      </c>
      <c r="O768" s="115">
        <v>0</v>
      </c>
      <c r="P768" s="115" t="s">
        <v>400</v>
      </c>
      <c r="Q768" s="115" t="s">
        <v>400</v>
      </c>
      <c r="R768" s="115">
        <v>0</v>
      </c>
      <c r="S768" s="115">
        <v>0</v>
      </c>
      <c r="T768" s="115">
        <v>0</v>
      </c>
      <c r="U768" s="119"/>
      <c r="V768" s="119"/>
      <c r="W768" s="119"/>
      <c r="X768" s="119"/>
      <c r="Y768" s="119"/>
      <c r="Z768" s="119"/>
      <c r="AA768" s="119"/>
      <c r="AB768" s="119"/>
      <c r="AC768" s="119"/>
      <c r="AD768" s="119"/>
      <c r="AE768" s="119"/>
      <c r="AF768" s="119"/>
      <c r="AG768" s="119"/>
      <c r="AH768" s="119"/>
      <c r="AI768" s="119"/>
      <c r="AJ768" s="119"/>
      <c r="AK768" s="119"/>
      <c r="AL768" s="119"/>
      <c r="AM768" s="119"/>
      <c r="AN768" s="119"/>
      <c r="AO768" s="119"/>
      <c r="AP768" s="119"/>
      <c r="AQ768" s="119"/>
      <c r="AR768" s="119"/>
      <c r="AS768" s="119"/>
      <c r="AT768" s="119"/>
      <c r="AU768" s="119"/>
      <c r="AV768" s="119"/>
      <c r="AW768" s="119"/>
      <c r="AX768" s="119"/>
      <c r="AY768" s="119"/>
      <c r="AZ768" s="119"/>
      <c r="BA768" s="119"/>
      <c r="BB768" s="107">
        <v>45884</v>
      </c>
    </row>
    <row r="769" spans="1:54" s="207" customFormat="1" ht="13.95" customHeight="1" x14ac:dyDescent="0.25">
      <c r="A769" s="208" t="s">
        <v>1917</v>
      </c>
      <c r="B769" s="209" t="s">
        <v>20420</v>
      </c>
      <c r="C769" s="113" t="s">
        <v>1918</v>
      </c>
      <c r="D769" s="113" t="s">
        <v>22829</v>
      </c>
      <c r="E769" s="210">
        <v>1977</v>
      </c>
      <c r="F769" s="210">
        <v>647</v>
      </c>
      <c r="G769" s="113" t="s">
        <v>1</v>
      </c>
      <c r="H769" s="113">
        <v>0</v>
      </c>
      <c r="I769" s="113">
        <v>0</v>
      </c>
      <c r="J769" s="115">
        <v>1</v>
      </c>
      <c r="K769" s="116" t="s">
        <v>174</v>
      </c>
      <c r="L769" s="115">
        <v>1</v>
      </c>
      <c r="M769" s="115">
        <v>0</v>
      </c>
      <c r="N769" s="115">
        <v>0</v>
      </c>
      <c r="O769" s="115">
        <v>1</v>
      </c>
      <c r="P769" s="115">
        <v>1</v>
      </c>
      <c r="Q769" s="115" t="s">
        <v>400</v>
      </c>
      <c r="R769" s="115">
        <v>1</v>
      </c>
      <c r="S769" s="115">
        <v>0</v>
      </c>
      <c r="T769" s="115">
        <v>0</v>
      </c>
      <c r="U769" s="119"/>
      <c r="V769" s="119"/>
      <c r="W769" s="119"/>
      <c r="X769" s="119"/>
      <c r="Y769" s="119"/>
      <c r="Z769" s="119"/>
      <c r="AA769" s="119"/>
      <c r="AB769" s="119"/>
      <c r="AC769" s="119"/>
      <c r="AD769" s="119"/>
      <c r="AE769" s="119"/>
      <c r="AF769" s="119"/>
      <c r="AG769" s="119"/>
      <c r="AH769" s="119"/>
      <c r="AI769" s="119"/>
      <c r="AJ769" s="119"/>
      <c r="AK769" s="119"/>
      <c r="AL769" s="119"/>
      <c r="AM769" s="119"/>
      <c r="AN769" s="119"/>
      <c r="AO769" s="119"/>
      <c r="AP769" s="119"/>
      <c r="AQ769" s="119"/>
      <c r="AR769" s="119"/>
      <c r="AS769" s="119"/>
      <c r="AT769" s="119"/>
      <c r="AU769" s="119"/>
      <c r="AV769" s="119"/>
      <c r="AW769" s="119"/>
      <c r="AX769" s="119"/>
      <c r="AY769" s="119"/>
      <c r="AZ769" s="119"/>
      <c r="BA769" s="119"/>
      <c r="BB769" s="107">
        <v>45884</v>
      </c>
    </row>
    <row r="770" spans="1:54" s="207" customFormat="1" ht="13.95" customHeight="1" x14ac:dyDescent="0.25">
      <c r="A770" s="208" t="s">
        <v>1919</v>
      </c>
      <c r="B770" s="209" t="s">
        <v>20420</v>
      </c>
      <c r="C770" s="113" t="s">
        <v>1920</v>
      </c>
      <c r="D770" s="113" t="s">
        <v>22830</v>
      </c>
      <c r="E770" s="210">
        <v>1989</v>
      </c>
      <c r="F770" s="210">
        <v>647</v>
      </c>
      <c r="G770" s="113" t="s">
        <v>1</v>
      </c>
      <c r="H770" s="113">
        <v>0</v>
      </c>
      <c r="I770" s="113">
        <v>0</v>
      </c>
      <c r="J770" s="115">
        <v>1</v>
      </c>
      <c r="K770" s="116" t="s">
        <v>174</v>
      </c>
      <c r="L770" s="115">
        <v>1</v>
      </c>
      <c r="M770" s="115">
        <v>0</v>
      </c>
      <c r="N770" s="115">
        <v>0</v>
      </c>
      <c r="O770" s="115">
        <v>1</v>
      </c>
      <c r="P770" s="115">
        <v>1</v>
      </c>
      <c r="Q770" s="115">
        <v>1</v>
      </c>
      <c r="R770" s="115">
        <v>1</v>
      </c>
      <c r="S770" s="115">
        <v>0</v>
      </c>
      <c r="T770" s="115">
        <v>0</v>
      </c>
      <c r="U770" s="119"/>
      <c r="V770" s="119"/>
      <c r="W770" s="119"/>
      <c r="X770" s="119"/>
      <c r="Y770" s="119"/>
      <c r="Z770" s="119"/>
      <c r="AA770" s="119"/>
      <c r="AB770" s="119"/>
      <c r="AC770" s="119"/>
      <c r="AD770" s="119"/>
      <c r="AE770" s="119"/>
      <c r="AF770" s="119"/>
      <c r="AG770" s="119"/>
      <c r="AH770" s="119"/>
      <c r="AI770" s="119"/>
      <c r="AJ770" s="119"/>
      <c r="AK770" s="119"/>
      <c r="AL770" s="119"/>
      <c r="AM770" s="119"/>
      <c r="AN770" s="119"/>
      <c r="AO770" s="119"/>
      <c r="AP770" s="119"/>
      <c r="AQ770" s="119"/>
      <c r="AR770" s="119"/>
      <c r="AS770" s="119"/>
      <c r="AT770" s="119"/>
      <c r="AU770" s="119"/>
      <c r="AV770" s="119"/>
      <c r="AW770" s="119"/>
      <c r="AX770" s="119"/>
      <c r="AY770" s="119"/>
      <c r="AZ770" s="119"/>
      <c r="BA770" s="119"/>
      <c r="BB770" s="107">
        <v>45884</v>
      </c>
    </row>
    <row r="771" spans="1:54" s="207" customFormat="1" ht="13.95" customHeight="1" x14ac:dyDescent="0.25">
      <c r="A771" s="208" t="s">
        <v>1921</v>
      </c>
      <c r="B771" s="209" t="s">
        <v>20420</v>
      </c>
      <c r="C771" s="113" t="s">
        <v>1922</v>
      </c>
      <c r="D771" s="113" t="s">
        <v>22831</v>
      </c>
      <c r="E771" s="210">
        <v>1978</v>
      </c>
      <c r="F771" s="210">
        <v>648</v>
      </c>
      <c r="G771" s="113" t="s">
        <v>1</v>
      </c>
      <c r="H771" s="113">
        <v>0</v>
      </c>
      <c r="I771" s="113">
        <v>0</v>
      </c>
      <c r="J771" s="115">
        <v>1</v>
      </c>
      <c r="K771" s="211">
        <v>1</v>
      </c>
      <c r="L771" s="115">
        <v>0</v>
      </c>
      <c r="M771" s="115">
        <v>1</v>
      </c>
      <c r="N771" s="115">
        <v>0</v>
      </c>
      <c r="O771" s="115">
        <v>0</v>
      </c>
      <c r="P771" s="115" t="s">
        <v>400</v>
      </c>
      <c r="Q771" s="115" t="s">
        <v>400</v>
      </c>
      <c r="R771" s="115">
        <v>0</v>
      </c>
      <c r="S771" s="115">
        <v>0</v>
      </c>
      <c r="T771" s="115">
        <v>0</v>
      </c>
      <c r="U771" s="119"/>
      <c r="V771" s="119"/>
      <c r="W771" s="119"/>
      <c r="X771" s="119"/>
      <c r="Y771" s="119"/>
      <c r="Z771" s="119"/>
      <c r="AA771" s="119"/>
      <c r="AB771" s="119"/>
      <c r="AC771" s="119"/>
      <c r="AD771" s="119"/>
      <c r="AE771" s="119"/>
      <c r="AF771" s="119"/>
      <c r="AG771" s="119"/>
      <c r="AH771" s="119"/>
      <c r="AI771" s="119"/>
      <c r="AJ771" s="119"/>
      <c r="AK771" s="119"/>
      <c r="AL771" s="119"/>
      <c r="AM771" s="119"/>
      <c r="AN771" s="119"/>
      <c r="AO771" s="119"/>
      <c r="AP771" s="119"/>
      <c r="AQ771" s="119"/>
      <c r="AR771" s="119"/>
      <c r="AS771" s="119"/>
      <c r="AT771" s="119"/>
      <c r="AU771" s="119"/>
      <c r="AV771" s="119"/>
      <c r="AW771" s="119"/>
      <c r="AX771" s="119"/>
      <c r="AY771" s="119"/>
      <c r="AZ771" s="119"/>
      <c r="BA771" s="119"/>
      <c r="BB771" s="107">
        <v>45884</v>
      </c>
    </row>
    <row r="772" spans="1:54" s="207" customFormat="1" ht="13.95" customHeight="1" x14ac:dyDescent="0.25">
      <c r="A772" s="208" t="s">
        <v>1923</v>
      </c>
      <c r="B772" s="209" t="s">
        <v>20420</v>
      </c>
      <c r="C772" s="113" t="s">
        <v>1924</v>
      </c>
      <c r="D772" s="113" t="s">
        <v>1925</v>
      </c>
      <c r="E772" s="210">
        <v>1992</v>
      </c>
      <c r="F772" s="210">
        <v>648</v>
      </c>
      <c r="G772" s="113" t="s">
        <v>1</v>
      </c>
      <c r="H772" s="113">
        <v>0</v>
      </c>
      <c r="I772" s="113">
        <v>0</v>
      </c>
      <c r="J772" s="115">
        <v>1</v>
      </c>
      <c r="K772" s="116" t="s">
        <v>174</v>
      </c>
      <c r="L772" s="115">
        <v>0</v>
      </c>
      <c r="M772" s="115">
        <v>1</v>
      </c>
      <c r="N772" s="115">
        <v>0</v>
      </c>
      <c r="O772" s="115">
        <v>0</v>
      </c>
      <c r="P772" s="115" t="s">
        <v>400</v>
      </c>
      <c r="Q772" s="115" t="s">
        <v>400</v>
      </c>
      <c r="R772" s="115">
        <v>0</v>
      </c>
      <c r="S772" s="115">
        <v>0</v>
      </c>
      <c r="T772" s="115">
        <v>0</v>
      </c>
      <c r="U772" s="119"/>
      <c r="V772" s="119"/>
      <c r="W772" s="119"/>
      <c r="X772" s="119"/>
      <c r="Y772" s="119"/>
      <c r="Z772" s="119"/>
      <c r="AA772" s="119"/>
      <c r="AB772" s="119"/>
      <c r="AC772" s="119"/>
      <c r="AD772" s="119"/>
      <c r="AE772" s="119"/>
      <c r="AF772" s="119"/>
      <c r="AG772" s="119"/>
      <c r="AH772" s="119"/>
      <c r="AI772" s="119"/>
      <c r="AJ772" s="119"/>
      <c r="AK772" s="119"/>
      <c r="AL772" s="119"/>
      <c r="AM772" s="119"/>
      <c r="AN772" s="119"/>
      <c r="AO772" s="119"/>
      <c r="AP772" s="119"/>
      <c r="AQ772" s="119"/>
      <c r="AR772" s="119"/>
      <c r="AS772" s="119"/>
      <c r="AT772" s="119"/>
      <c r="AU772" s="119"/>
      <c r="AV772" s="119"/>
      <c r="AW772" s="119"/>
      <c r="AX772" s="119"/>
      <c r="AY772" s="119"/>
      <c r="AZ772" s="119"/>
      <c r="BA772" s="119"/>
      <c r="BB772" s="107">
        <v>45884</v>
      </c>
    </row>
    <row r="773" spans="1:54" s="207" customFormat="1" ht="13.95" customHeight="1" x14ac:dyDescent="0.25">
      <c r="A773" s="208" t="s">
        <v>1926</v>
      </c>
      <c r="B773" s="209" t="s">
        <v>20420</v>
      </c>
      <c r="C773" s="113" t="s">
        <v>1927</v>
      </c>
      <c r="D773" s="113" t="s">
        <v>1928</v>
      </c>
      <c r="E773" s="210">
        <v>1997</v>
      </c>
      <c r="F773" s="210">
        <v>650</v>
      </c>
      <c r="G773" s="113" t="s">
        <v>1</v>
      </c>
      <c r="H773" s="113">
        <v>0</v>
      </c>
      <c r="I773" s="113">
        <v>0</v>
      </c>
      <c r="J773" s="115">
        <v>1</v>
      </c>
      <c r="K773" s="211">
        <v>1</v>
      </c>
      <c r="L773" s="115">
        <v>1</v>
      </c>
      <c r="M773" s="115">
        <v>0</v>
      </c>
      <c r="N773" s="115">
        <v>0</v>
      </c>
      <c r="O773" s="115">
        <v>1</v>
      </c>
      <c r="P773" s="115">
        <v>1</v>
      </c>
      <c r="Q773" s="115" t="s">
        <v>400</v>
      </c>
      <c r="R773" s="115">
        <v>0</v>
      </c>
      <c r="S773" s="115">
        <v>0</v>
      </c>
      <c r="T773" s="115">
        <v>0</v>
      </c>
      <c r="U773" s="119"/>
      <c r="V773" s="119"/>
      <c r="W773" s="119"/>
      <c r="X773" s="119"/>
      <c r="Y773" s="119"/>
      <c r="Z773" s="119"/>
      <c r="AA773" s="119"/>
      <c r="AB773" s="119"/>
      <c r="AC773" s="119"/>
      <c r="AD773" s="119"/>
      <c r="AE773" s="119"/>
      <c r="AF773" s="119"/>
      <c r="AG773" s="119"/>
      <c r="AH773" s="119"/>
      <c r="AI773" s="119"/>
      <c r="AJ773" s="119"/>
      <c r="AK773" s="119"/>
      <c r="AL773" s="119"/>
      <c r="AM773" s="119"/>
      <c r="AN773" s="119"/>
      <c r="AO773" s="119"/>
      <c r="AP773" s="119"/>
      <c r="AQ773" s="119"/>
      <c r="AR773" s="119"/>
      <c r="AS773" s="119"/>
      <c r="AT773" s="119"/>
      <c r="AU773" s="119"/>
      <c r="AV773" s="119"/>
      <c r="AW773" s="119"/>
      <c r="AX773" s="119"/>
      <c r="AY773" s="119"/>
      <c r="AZ773" s="119"/>
      <c r="BA773" s="119"/>
      <c r="BB773" s="107">
        <v>45884</v>
      </c>
    </row>
    <row r="774" spans="1:54" s="207" customFormat="1" ht="13.95" customHeight="1" x14ac:dyDescent="0.25">
      <c r="A774" s="208" t="s">
        <v>1929</v>
      </c>
      <c r="B774" s="209" t="s">
        <v>20420</v>
      </c>
      <c r="C774" s="113" t="s">
        <v>1930</v>
      </c>
      <c r="D774" s="113" t="s">
        <v>22832</v>
      </c>
      <c r="E774" s="210">
        <v>1994</v>
      </c>
      <c r="F774" s="210">
        <v>651</v>
      </c>
      <c r="G774" s="113" t="s">
        <v>1</v>
      </c>
      <c r="H774" s="113">
        <v>0</v>
      </c>
      <c r="I774" s="113">
        <v>0</v>
      </c>
      <c r="J774" s="115">
        <v>1</v>
      </c>
      <c r="K774" s="211">
        <v>1</v>
      </c>
      <c r="L774" s="115">
        <v>1</v>
      </c>
      <c r="M774" s="115">
        <v>1</v>
      </c>
      <c r="N774" s="115">
        <v>0</v>
      </c>
      <c r="O774" s="115">
        <v>0</v>
      </c>
      <c r="P774" s="115" t="s">
        <v>400</v>
      </c>
      <c r="Q774" s="115" t="s">
        <v>400</v>
      </c>
      <c r="R774" s="115">
        <v>0</v>
      </c>
      <c r="S774" s="115">
        <v>0</v>
      </c>
      <c r="T774" s="115">
        <v>0</v>
      </c>
      <c r="U774" s="119"/>
      <c r="V774" s="119"/>
      <c r="W774" s="119"/>
      <c r="X774" s="119"/>
      <c r="Y774" s="119"/>
      <c r="Z774" s="119"/>
      <c r="AA774" s="119"/>
      <c r="AB774" s="119"/>
      <c r="AC774" s="119"/>
      <c r="AD774" s="119"/>
      <c r="AE774" s="119"/>
      <c r="AF774" s="119"/>
      <c r="AG774" s="119"/>
      <c r="AH774" s="119"/>
      <c r="AI774" s="119"/>
      <c r="AJ774" s="119"/>
      <c r="AK774" s="119"/>
      <c r="AL774" s="119"/>
      <c r="AM774" s="119"/>
      <c r="AN774" s="119"/>
      <c r="AO774" s="119"/>
      <c r="AP774" s="119"/>
      <c r="AQ774" s="119"/>
      <c r="AR774" s="119"/>
      <c r="AS774" s="119"/>
      <c r="AT774" s="119"/>
      <c r="AU774" s="119"/>
      <c r="AV774" s="119"/>
      <c r="AW774" s="119"/>
      <c r="AX774" s="119"/>
      <c r="AY774" s="119"/>
      <c r="AZ774" s="119"/>
      <c r="BA774" s="119"/>
      <c r="BB774" s="107">
        <v>45884</v>
      </c>
    </row>
    <row r="775" spans="1:54" s="207" customFormat="1" ht="13.95" customHeight="1" x14ac:dyDescent="0.25">
      <c r="A775" s="208" t="s">
        <v>1931</v>
      </c>
      <c r="B775" s="209" t="s">
        <v>20420</v>
      </c>
      <c r="C775" s="113" t="s">
        <v>1932</v>
      </c>
      <c r="D775" s="113" t="s">
        <v>22833</v>
      </c>
      <c r="E775" s="210">
        <v>1980</v>
      </c>
      <c r="F775" s="210">
        <v>651</v>
      </c>
      <c r="G775" s="113" t="s">
        <v>1</v>
      </c>
      <c r="H775" s="113">
        <v>0</v>
      </c>
      <c r="I775" s="113">
        <v>0</v>
      </c>
      <c r="J775" s="115">
        <v>1</v>
      </c>
      <c r="K775" s="116" t="s">
        <v>174</v>
      </c>
      <c r="L775" s="115">
        <v>1</v>
      </c>
      <c r="M775" s="115">
        <v>0</v>
      </c>
      <c r="N775" s="115">
        <v>0</v>
      </c>
      <c r="O775" s="115">
        <v>1</v>
      </c>
      <c r="P775" s="115">
        <v>1</v>
      </c>
      <c r="Q775" s="115" t="s">
        <v>400</v>
      </c>
      <c r="R775" s="115">
        <v>1</v>
      </c>
      <c r="S775" s="115">
        <v>0</v>
      </c>
      <c r="T775" s="115">
        <v>0</v>
      </c>
      <c r="U775" s="119"/>
      <c r="V775" s="119"/>
      <c r="W775" s="119"/>
      <c r="X775" s="119"/>
      <c r="Y775" s="119"/>
      <c r="Z775" s="119"/>
      <c r="AA775" s="119"/>
      <c r="AB775" s="119"/>
      <c r="AC775" s="119"/>
      <c r="AD775" s="119"/>
      <c r="AE775" s="119"/>
      <c r="AF775" s="119"/>
      <c r="AG775" s="119"/>
      <c r="AH775" s="119"/>
      <c r="AI775" s="119"/>
      <c r="AJ775" s="119"/>
      <c r="AK775" s="119"/>
      <c r="AL775" s="119"/>
      <c r="AM775" s="119"/>
      <c r="AN775" s="119"/>
      <c r="AO775" s="119"/>
      <c r="AP775" s="119"/>
      <c r="AQ775" s="119"/>
      <c r="AR775" s="119"/>
      <c r="AS775" s="119"/>
      <c r="AT775" s="119"/>
      <c r="AU775" s="119"/>
      <c r="AV775" s="119"/>
      <c r="AW775" s="119"/>
      <c r="AX775" s="119"/>
      <c r="AY775" s="119"/>
      <c r="AZ775" s="119"/>
      <c r="BA775" s="119"/>
      <c r="BB775" s="107">
        <v>45884</v>
      </c>
    </row>
    <row r="776" spans="1:54" s="207" customFormat="1" ht="13.95" customHeight="1" x14ac:dyDescent="0.25">
      <c r="A776" s="208" t="s">
        <v>1933</v>
      </c>
      <c r="B776" s="209" t="s">
        <v>20420</v>
      </c>
      <c r="C776" s="113" t="s">
        <v>1934</v>
      </c>
      <c r="D776" s="113" t="s">
        <v>1935</v>
      </c>
      <c r="E776" s="210">
        <v>1979</v>
      </c>
      <c r="F776" s="210">
        <v>651</v>
      </c>
      <c r="G776" s="113" t="s">
        <v>1</v>
      </c>
      <c r="H776" s="113">
        <v>0</v>
      </c>
      <c r="I776" s="113">
        <v>0</v>
      </c>
      <c r="J776" s="115">
        <v>1</v>
      </c>
      <c r="K776" s="116" t="s">
        <v>174</v>
      </c>
      <c r="L776" s="115">
        <v>1</v>
      </c>
      <c r="M776" s="115">
        <v>0</v>
      </c>
      <c r="N776" s="115">
        <v>0</v>
      </c>
      <c r="O776" s="115">
        <v>1</v>
      </c>
      <c r="P776" s="115" t="s">
        <v>400</v>
      </c>
      <c r="Q776" s="115" t="s">
        <v>400</v>
      </c>
      <c r="R776" s="115">
        <v>1</v>
      </c>
      <c r="S776" s="115">
        <v>0</v>
      </c>
      <c r="T776" s="115">
        <v>0</v>
      </c>
      <c r="U776" s="119"/>
      <c r="V776" s="119"/>
      <c r="W776" s="119"/>
      <c r="X776" s="119"/>
      <c r="Y776" s="119"/>
      <c r="Z776" s="119"/>
      <c r="AA776" s="119"/>
      <c r="AB776" s="119"/>
      <c r="AC776" s="119"/>
      <c r="AD776" s="119"/>
      <c r="AE776" s="119"/>
      <c r="AF776" s="119"/>
      <c r="AG776" s="119"/>
      <c r="AH776" s="119"/>
      <c r="AI776" s="119"/>
      <c r="AJ776" s="119"/>
      <c r="AK776" s="119"/>
      <c r="AL776" s="119"/>
      <c r="AM776" s="119"/>
      <c r="AN776" s="119"/>
      <c r="AO776" s="119"/>
      <c r="AP776" s="119"/>
      <c r="AQ776" s="119"/>
      <c r="AR776" s="119"/>
      <c r="AS776" s="119"/>
      <c r="AT776" s="119"/>
      <c r="AU776" s="119"/>
      <c r="AV776" s="119"/>
      <c r="AW776" s="119"/>
      <c r="AX776" s="119"/>
      <c r="AY776" s="119"/>
      <c r="AZ776" s="119"/>
      <c r="BA776" s="119"/>
      <c r="BB776" s="107">
        <v>45884</v>
      </c>
    </row>
    <row r="777" spans="1:54" s="207" customFormat="1" ht="13.95" customHeight="1" x14ac:dyDescent="0.25">
      <c r="A777" s="208" t="s">
        <v>1936</v>
      </c>
      <c r="B777" s="209" t="s">
        <v>20420</v>
      </c>
      <c r="C777" s="113" t="s">
        <v>1937</v>
      </c>
      <c r="D777" s="113" t="s">
        <v>22834</v>
      </c>
      <c r="E777" s="210">
        <v>1970</v>
      </c>
      <c r="F777" s="210">
        <v>653</v>
      </c>
      <c r="G777" s="113" t="s">
        <v>1</v>
      </c>
      <c r="H777" s="113">
        <v>0</v>
      </c>
      <c r="I777" s="113">
        <v>0</v>
      </c>
      <c r="J777" s="115">
        <v>1</v>
      </c>
      <c r="K777" s="116" t="s">
        <v>174</v>
      </c>
      <c r="L777" s="115">
        <v>1</v>
      </c>
      <c r="M777" s="115">
        <v>0</v>
      </c>
      <c r="N777" s="115">
        <v>0</v>
      </c>
      <c r="O777" s="115">
        <v>1</v>
      </c>
      <c r="P777" s="115" t="s">
        <v>400</v>
      </c>
      <c r="Q777" s="115" t="s">
        <v>400</v>
      </c>
      <c r="R777" s="115">
        <v>1</v>
      </c>
      <c r="S777" s="115">
        <v>0</v>
      </c>
      <c r="T777" s="115">
        <v>0</v>
      </c>
      <c r="U777" s="119"/>
      <c r="V777" s="119"/>
      <c r="W777" s="119"/>
      <c r="X777" s="119"/>
      <c r="Y777" s="119"/>
      <c r="Z777" s="119"/>
      <c r="AA777" s="119"/>
      <c r="AB777" s="119"/>
      <c r="AC777" s="119"/>
      <c r="AD777" s="119"/>
      <c r="AE777" s="119"/>
      <c r="AF777" s="119"/>
      <c r="AG777" s="119"/>
      <c r="AH777" s="119"/>
      <c r="AI777" s="119"/>
      <c r="AJ777" s="119"/>
      <c r="AK777" s="119"/>
      <c r="AL777" s="119"/>
      <c r="AM777" s="119"/>
      <c r="AN777" s="119"/>
      <c r="AO777" s="119"/>
      <c r="AP777" s="119"/>
      <c r="AQ777" s="119"/>
      <c r="AR777" s="119"/>
      <c r="AS777" s="119"/>
      <c r="AT777" s="119"/>
      <c r="AU777" s="119"/>
      <c r="AV777" s="119"/>
      <c r="AW777" s="119"/>
      <c r="AX777" s="119"/>
      <c r="AY777" s="119"/>
      <c r="AZ777" s="119"/>
      <c r="BA777" s="119"/>
      <c r="BB777" s="107">
        <v>45884</v>
      </c>
    </row>
    <row r="778" spans="1:54" s="207" customFormat="1" ht="13.95" customHeight="1" x14ac:dyDescent="0.25">
      <c r="A778" s="208" t="s">
        <v>1938</v>
      </c>
      <c r="B778" s="209" t="s">
        <v>20420</v>
      </c>
      <c r="C778" s="113" t="s">
        <v>1939</v>
      </c>
      <c r="D778" s="113" t="s">
        <v>1940</v>
      </c>
      <c r="E778" s="210">
        <v>1967</v>
      </c>
      <c r="F778" s="210">
        <v>655</v>
      </c>
      <c r="G778" s="113" t="s">
        <v>1</v>
      </c>
      <c r="H778" s="113">
        <v>0</v>
      </c>
      <c r="I778" s="113">
        <v>0</v>
      </c>
      <c r="J778" s="115">
        <v>1</v>
      </c>
      <c r="K778" s="116" t="s">
        <v>174</v>
      </c>
      <c r="L778" s="115">
        <v>1</v>
      </c>
      <c r="M778" s="115">
        <v>0</v>
      </c>
      <c r="N778" s="115">
        <v>0</v>
      </c>
      <c r="O778" s="115">
        <v>1</v>
      </c>
      <c r="P778" s="115">
        <v>1</v>
      </c>
      <c r="Q778" s="115" t="s">
        <v>400</v>
      </c>
      <c r="R778" s="115">
        <v>1</v>
      </c>
      <c r="S778" s="115">
        <v>0</v>
      </c>
      <c r="T778" s="115">
        <v>0</v>
      </c>
      <c r="U778" s="119"/>
      <c r="V778" s="119"/>
      <c r="W778" s="119"/>
      <c r="X778" s="119"/>
      <c r="Y778" s="119"/>
      <c r="Z778" s="119"/>
      <c r="AA778" s="119"/>
      <c r="AB778" s="119"/>
      <c r="AC778" s="119"/>
      <c r="AD778" s="119"/>
      <c r="AE778" s="119"/>
      <c r="AF778" s="119"/>
      <c r="AG778" s="119"/>
      <c r="AH778" s="119"/>
      <c r="AI778" s="119"/>
      <c r="AJ778" s="119"/>
      <c r="AK778" s="119"/>
      <c r="AL778" s="119"/>
      <c r="AM778" s="119"/>
      <c r="AN778" s="119"/>
      <c r="AO778" s="119"/>
      <c r="AP778" s="119"/>
      <c r="AQ778" s="119"/>
      <c r="AR778" s="119"/>
      <c r="AS778" s="119"/>
      <c r="AT778" s="119"/>
      <c r="AU778" s="119"/>
      <c r="AV778" s="119"/>
      <c r="AW778" s="119"/>
      <c r="AX778" s="119"/>
      <c r="AY778" s="119"/>
      <c r="AZ778" s="119"/>
      <c r="BA778" s="119"/>
      <c r="BB778" s="107">
        <v>45884</v>
      </c>
    </row>
    <row r="779" spans="1:54" s="207" customFormat="1" ht="13.95" customHeight="1" x14ac:dyDescent="0.25">
      <c r="A779" s="208" t="s">
        <v>1941</v>
      </c>
      <c r="B779" s="209" t="s">
        <v>20420</v>
      </c>
      <c r="C779" s="113" t="s">
        <v>1942</v>
      </c>
      <c r="D779" s="113" t="s">
        <v>1943</v>
      </c>
      <c r="E779" s="210">
        <v>1976</v>
      </c>
      <c r="F779" s="210">
        <v>656</v>
      </c>
      <c r="G779" s="113" t="s">
        <v>1</v>
      </c>
      <c r="H779" s="113">
        <v>0</v>
      </c>
      <c r="I779" s="113">
        <v>0</v>
      </c>
      <c r="J779" s="115">
        <v>1</v>
      </c>
      <c r="K779" s="116" t="s">
        <v>174</v>
      </c>
      <c r="L779" s="115">
        <v>1</v>
      </c>
      <c r="M779" s="115">
        <v>0</v>
      </c>
      <c r="N779" s="115">
        <v>0</v>
      </c>
      <c r="O779" s="115">
        <v>1</v>
      </c>
      <c r="P779" s="115">
        <v>1</v>
      </c>
      <c r="Q779" s="115" t="s">
        <v>400</v>
      </c>
      <c r="R779" s="115">
        <v>1</v>
      </c>
      <c r="S779" s="115">
        <v>0</v>
      </c>
      <c r="T779" s="115">
        <v>0</v>
      </c>
      <c r="U779" s="119"/>
      <c r="V779" s="119"/>
      <c r="W779" s="119"/>
      <c r="X779" s="119"/>
      <c r="Y779" s="119"/>
      <c r="Z779" s="119"/>
      <c r="AA779" s="119"/>
      <c r="AB779" s="119"/>
      <c r="AC779" s="119"/>
      <c r="AD779" s="119"/>
      <c r="AE779" s="119"/>
      <c r="AF779" s="119"/>
      <c r="AG779" s="119"/>
      <c r="AH779" s="119"/>
      <c r="AI779" s="119"/>
      <c r="AJ779" s="119"/>
      <c r="AK779" s="119"/>
      <c r="AL779" s="119"/>
      <c r="AM779" s="119"/>
      <c r="AN779" s="119"/>
      <c r="AO779" s="119"/>
      <c r="AP779" s="119"/>
      <c r="AQ779" s="119"/>
      <c r="AR779" s="119"/>
      <c r="AS779" s="119"/>
      <c r="AT779" s="119"/>
      <c r="AU779" s="119"/>
      <c r="AV779" s="119"/>
      <c r="AW779" s="119"/>
      <c r="AX779" s="119"/>
      <c r="AY779" s="119"/>
      <c r="AZ779" s="119"/>
      <c r="BA779" s="119"/>
      <c r="BB779" s="107">
        <v>45884</v>
      </c>
    </row>
    <row r="780" spans="1:54" s="207" customFormat="1" ht="13.95" customHeight="1" x14ac:dyDescent="0.25">
      <c r="A780" s="208" t="s">
        <v>1944</v>
      </c>
      <c r="B780" s="209" t="s">
        <v>20420</v>
      </c>
      <c r="C780" s="113" t="s">
        <v>1945</v>
      </c>
      <c r="D780" s="113" t="s">
        <v>22835</v>
      </c>
      <c r="E780" s="210">
        <v>1994</v>
      </c>
      <c r="F780" s="210">
        <v>657</v>
      </c>
      <c r="G780" s="113" t="s">
        <v>1</v>
      </c>
      <c r="H780" s="113">
        <v>0</v>
      </c>
      <c r="I780" s="113">
        <v>0</v>
      </c>
      <c r="J780" s="115">
        <v>1</v>
      </c>
      <c r="K780" s="116" t="s">
        <v>174</v>
      </c>
      <c r="L780" s="115">
        <v>1</v>
      </c>
      <c r="M780" s="115">
        <v>1</v>
      </c>
      <c r="N780" s="115">
        <v>0</v>
      </c>
      <c r="O780" s="115">
        <v>0</v>
      </c>
      <c r="P780" s="115" t="s">
        <v>400</v>
      </c>
      <c r="Q780" s="115" t="s">
        <v>400</v>
      </c>
      <c r="R780" s="115">
        <v>0</v>
      </c>
      <c r="S780" s="115">
        <v>0</v>
      </c>
      <c r="T780" s="115">
        <v>0</v>
      </c>
      <c r="U780" s="119"/>
      <c r="V780" s="119"/>
      <c r="W780" s="119"/>
      <c r="X780" s="119"/>
      <c r="Y780" s="119"/>
      <c r="Z780" s="119"/>
      <c r="AA780" s="119"/>
      <c r="AB780" s="119"/>
      <c r="AC780" s="119"/>
      <c r="AD780" s="119"/>
      <c r="AE780" s="119"/>
      <c r="AF780" s="119"/>
      <c r="AG780" s="119"/>
      <c r="AH780" s="119"/>
      <c r="AI780" s="119"/>
      <c r="AJ780" s="119"/>
      <c r="AK780" s="119"/>
      <c r="AL780" s="119"/>
      <c r="AM780" s="119"/>
      <c r="AN780" s="119"/>
      <c r="AO780" s="119"/>
      <c r="AP780" s="119"/>
      <c r="AQ780" s="119"/>
      <c r="AR780" s="119"/>
      <c r="AS780" s="119"/>
      <c r="AT780" s="119"/>
      <c r="AU780" s="119"/>
      <c r="AV780" s="119"/>
      <c r="AW780" s="119"/>
      <c r="AX780" s="119"/>
      <c r="AY780" s="119"/>
      <c r="AZ780" s="119"/>
      <c r="BA780" s="119"/>
      <c r="BB780" s="107">
        <v>45884</v>
      </c>
    </row>
    <row r="781" spans="1:54" s="207" customFormat="1" ht="13.95" customHeight="1" x14ac:dyDescent="0.25">
      <c r="A781" s="208" t="s">
        <v>1946</v>
      </c>
      <c r="B781" s="209" t="s">
        <v>20420</v>
      </c>
      <c r="C781" s="113" t="s">
        <v>1947</v>
      </c>
      <c r="D781" s="113" t="s">
        <v>22836</v>
      </c>
      <c r="E781" s="210">
        <v>1981</v>
      </c>
      <c r="F781" s="210">
        <v>658</v>
      </c>
      <c r="G781" s="113" t="s">
        <v>1</v>
      </c>
      <c r="H781" s="113">
        <v>0</v>
      </c>
      <c r="I781" s="113">
        <v>0</v>
      </c>
      <c r="J781" s="115">
        <v>1</v>
      </c>
      <c r="K781" s="116" t="s">
        <v>174</v>
      </c>
      <c r="L781" s="115">
        <v>0</v>
      </c>
      <c r="M781" s="115">
        <v>1</v>
      </c>
      <c r="N781" s="115">
        <v>0</v>
      </c>
      <c r="O781" s="115">
        <v>0</v>
      </c>
      <c r="P781" s="115" t="s">
        <v>400</v>
      </c>
      <c r="Q781" s="115" t="s">
        <v>400</v>
      </c>
      <c r="R781" s="115">
        <v>1</v>
      </c>
      <c r="S781" s="115">
        <v>0</v>
      </c>
      <c r="T781" s="115">
        <v>0</v>
      </c>
      <c r="U781" s="119"/>
      <c r="V781" s="119"/>
      <c r="W781" s="119"/>
      <c r="X781" s="119"/>
      <c r="Y781" s="119"/>
      <c r="Z781" s="119"/>
      <c r="AA781" s="119"/>
      <c r="AB781" s="119"/>
      <c r="AC781" s="119"/>
      <c r="AD781" s="119"/>
      <c r="AE781" s="119"/>
      <c r="AF781" s="119"/>
      <c r="AG781" s="119"/>
      <c r="AH781" s="119"/>
      <c r="AI781" s="119"/>
      <c r="AJ781" s="119"/>
      <c r="AK781" s="119"/>
      <c r="AL781" s="119"/>
      <c r="AM781" s="119"/>
      <c r="AN781" s="119"/>
      <c r="AO781" s="119"/>
      <c r="AP781" s="119"/>
      <c r="AQ781" s="119"/>
      <c r="AR781" s="119"/>
      <c r="AS781" s="119"/>
      <c r="AT781" s="119"/>
      <c r="AU781" s="119"/>
      <c r="AV781" s="119"/>
      <c r="AW781" s="119"/>
      <c r="AX781" s="119"/>
      <c r="AY781" s="119"/>
      <c r="AZ781" s="119"/>
      <c r="BA781" s="119"/>
      <c r="BB781" s="107">
        <v>45884</v>
      </c>
    </row>
    <row r="782" spans="1:54" s="207" customFormat="1" ht="13.95" customHeight="1" x14ac:dyDescent="0.25">
      <c r="A782" s="208" t="s">
        <v>1948</v>
      </c>
      <c r="B782" s="209" t="s">
        <v>20420</v>
      </c>
      <c r="C782" s="113" t="s">
        <v>1949</v>
      </c>
      <c r="D782" s="113" t="s">
        <v>22837</v>
      </c>
      <c r="E782" s="210">
        <v>1996</v>
      </c>
      <c r="F782" s="210">
        <v>661</v>
      </c>
      <c r="G782" s="113" t="s">
        <v>1</v>
      </c>
      <c r="H782" s="113">
        <v>0</v>
      </c>
      <c r="I782" s="113">
        <v>0</v>
      </c>
      <c r="J782" s="115">
        <v>1</v>
      </c>
      <c r="K782" s="211">
        <v>1</v>
      </c>
      <c r="L782" s="115">
        <v>0</v>
      </c>
      <c r="M782" s="115">
        <v>0</v>
      </c>
      <c r="N782" s="115">
        <v>0</v>
      </c>
      <c r="O782" s="115">
        <v>0</v>
      </c>
      <c r="P782" s="115">
        <v>1</v>
      </c>
      <c r="Q782" s="115" t="s">
        <v>400</v>
      </c>
      <c r="R782" s="115">
        <v>1</v>
      </c>
      <c r="S782" s="115">
        <v>0</v>
      </c>
      <c r="T782" s="115">
        <v>0</v>
      </c>
      <c r="U782" s="119"/>
      <c r="V782" s="119"/>
      <c r="W782" s="119"/>
      <c r="X782" s="119"/>
      <c r="Y782" s="119"/>
      <c r="Z782" s="119"/>
      <c r="AA782" s="119"/>
      <c r="AB782" s="119"/>
      <c r="AC782" s="119"/>
      <c r="AD782" s="119"/>
      <c r="AE782" s="119"/>
      <c r="AF782" s="119"/>
      <c r="AG782" s="119"/>
      <c r="AH782" s="119"/>
      <c r="AI782" s="119"/>
      <c r="AJ782" s="119"/>
      <c r="AK782" s="119"/>
      <c r="AL782" s="119"/>
      <c r="AM782" s="119"/>
      <c r="AN782" s="119"/>
      <c r="AO782" s="119"/>
      <c r="AP782" s="119"/>
      <c r="AQ782" s="119"/>
      <c r="AR782" s="119"/>
      <c r="AS782" s="119"/>
      <c r="AT782" s="119"/>
      <c r="AU782" s="119"/>
      <c r="AV782" s="119"/>
      <c r="AW782" s="119"/>
      <c r="AX782" s="119"/>
      <c r="AY782" s="119"/>
      <c r="AZ782" s="119"/>
      <c r="BA782" s="119"/>
      <c r="BB782" s="107">
        <v>45884</v>
      </c>
    </row>
    <row r="783" spans="1:54" s="207" customFormat="1" ht="13.95" customHeight="1" x14ac:dyDescent="0.25">
      <c r="A783" s="208" t="s">
        <v>1950</v>
      </c>
      <c r="B783" s="209" t="s">
        <v>20420</v>
      </c>
      <c r="C783" s="113" t="s">
        <v>1951</v>
      </c>
      <c r="D783" s="113" t="s">
        <v>22838</v>
      </c>
      <c r="E783" s="210">
        <v>1987</v>
      </c>
      <c r="F783" s="210">
        <v>661</v>
      </c>
      <c r="G783" s="113" t="s">
        <v>1</v>
      </c>
      <c r="H783" s="113">
        <v>0</v>
      </c>
      <c r="I783" s="113">
        <v>0</v>
      </c>
      <c r="J783" s="115">
        <v>1</v>
      </c>
      <c r="K783" s="116" t="s">
        <v>174</v>
      </c>
      <c r="L783" s="115">
        <v>1</v>
      </c>
      <c r="M783" s="115">
        <v>0</v>
      </c>
      <c r="N783" s="115">
        <v>0</v>
      </c>
      <c r="O783" s="115">
        <v>1</v>
      </c>
      <c r="P783" s="115">
        <v>1</v>
      </c>
      <c r="Q783" s="115" t="s">
        <v>400</v>
      </c>
      <c r="R783" s="115">
        <v>1</v>
      </c>
      <c r="S783" s="115">
        <v>0</v>
      </c>
      <c r="T783" s="115">
        <v>0</v>
      </c>
      <c r="U783" s="119"/>
      <c r="V783" s="119"/>
      <c r="W783" s="119"/>
      <c r="X783" s="119"/>
      <c r="Y783" s="119"/>
      <c r="Z783" s="119"/>
      <c r="AA783" s="119"/>
      <c r="AB783" s="119"/>
      <c r="AC783" s="119"/>
      <c r="AD783" s="119"/>
      <c r="AE783" s="119"/>
      <c r="AF783" s="119"/>
      <c r="AG783" s="119"/>
      <c r="AH783" s="119"/>
      <c r="AI783" s="119"/>
      <c r="AJ783" s="119"/>
      <c r="AK783" s="119"/>
      <c r="AL783" s="119"/>
      <c r="AM783" s="119"/>
      <c r="AN783" s="119"/>
      <c r="AO783" s="119"/>
      <c r="AP783" s="119"/>
      <c r="AQ783" s="119"/>
      <c r="AR783" s="119"/>
      <c r="AS783" s="119"/>
      <c r="AT783" s="119"/>
      <c r="AU783" s="119"/>
      <c r="AV783" s="119"/>
      <c r="AW783" s="119"/>
      <c r="AX783" s="119"/>
      <c r="AY783" s="119"/>
      <c r="AZ783" s="119"/>
      <c r="BA783" s="119"/>
      <c r="BB783" s="107">
        <v>45884</v>
      </c>
    </row>
    <row r="784" spans="1:54" s="207" customFormat="1" ht="13.95" customHeight="1" x14ac:dyDescent="0.25">
      <c r="A784" s="208" t="s">
        <v>1952</v>
      </c>
      <c r="B784" s="209" t="s">
        <v>20420</v>
      </c>
      <c r="C784" s="113" t="s">
        <v>1953</v>
      </c>
      <c r="D784" s="113" t="s">
        <v>22839</v>
      </c>
      <c r="E784" s="210">
        <v>1986</v>
      </c>
      <c r="F784" s="210">
        <v>662</v>
      </c>
      <c r="G784" s="113" t="s">
        <v>1</v>
      </c>
      <c r="H784" s="113">
        <v>0</v>
      </c>
      <c r="I784" s="113">
        <v>0</v>
      </c>
      <c r="J784" s="115">
        <v>1</v>
      </c>
      <c r="K784" s="116" t="s">
        <v>174</v>
      </c>
      <c r="L784" s="115">
        <v>1</v>
      </c>
      <c r="M784" s="115">
        <v>0</v>
      </c>
      <c r="N784" s="115">
        <v>0</v>
      </c>
      <c r="O784" s="115">
        <v>1</v>
      </c>
      <c r="P784" s="115">
        <v>1</v>
      </c>
      <c r="Q784" s="115" t="s">
        <v>400</v>
      </c>
      <c r="R784" s="115">
        <v>1</v>
      </c>
      <c r="S784" s="115">
        <v>0</v>
      </c>
      <c r="T784" s="115">
        <v>0</v>
      </c>
      <c r="U784" s="119"/>
      <c r="V784" s="119"/>
      <c r="W784" s="119"/>
      <c r="X784" s="119"/>
      <c r="Y784" s="119"/>
      <c r="Z784" s="119"/>
      <c r="AA784" s="119"/>
      <c r="AB784" s="119"/>
      <c r="AC784" s="119"/>
      <c r="AD784" s="119"/>
      <c r="AE784" s="119"/>
      <c r="AF784" s="119"/>
      <c r="AG784" s="119"/>
      <c r="AH784" s="119"/>
      <c r="AI784" s="119"/>
      <c r="AJ784" s="119"/>
      <c r="AK784" s="119"/>
      <c r="AL784" s="119"/>
      <c r="AM784" s="119"/>
      <c r="AN784" s="119"/>
      <c r="AO784" s="119"/>
      <c r="AP784" s="119"/>
      <c r="AQ784" s="119"/>
      <c r="AR784" s="119"/>
      <c r="AS784" s="119"/>
      <c r="AT784" s="119"/>
      <c r="AU784" s="119"/>
      <c r="AV784" s="119"/>
      <c r="AW784" s="119"/>
      <c r="AX784" s="119"/>
      <c r="AY784" s="119"/>
      <c r="AZ784" s="119"/>
      <c r="BA784" s="119"/>
      <c r="BB784" s="107">
        <v>45884</v>
      </c>
    </row>
    <row r="785" spans="1:54" s="207" customFormat="1" ht="13.95" customHeight="1" x14ac:dyDescent="0.25">
      <c r="A785" s="208" t="s">
        <v>1954</v>
      </c>
      <c r="B785" s="209" t="s">
        <v>20420</v>
      </c>
      <c r="C785" s="113" t="s">
        <v>1955</v>
      </c>
      <c r="D785" s="113" t="s">
        <v>1956</v>
      </c>
      <c r="E785" s="210">
        <v>1974</v>
      </c>
      <c r="F785" s="210">
        <v>663</v>
      </c>
      <c r="G785" s="113" t="s">
        <v>1</v>
      </c>
      <c r="H785" s="113">
        <v>0</v>
      </c>
      <c r="I785" s="113">
        <v>0</v>
      </c>
      <c r="J785" s="115">
        <v>1</v>
      </c>
      <c r="K785" s="211">
        <v>1</v>
      </c>
      <c r="L785" s="115">
        <v>1</v>
      </c>
      <c r="M785" s="115">
        <v>0</v>
      </c>
      <c r="N785" s="115">
        <v>0</v>
      </c>
      <c r="O785" s="115">
        <v>1</v>
      </c>
      <c r="P785" s="115">
        <v>1</v>
      </c>
      <c r="Q785" s="115" t="s">
        <v>400</v>
      </c>
      <c r="R785" s="115">
        <v>1</v>
      </c>
      <c r="S785" s="115">
        <v>0</v>
      </c>
      <c r="T785" s="115">
        <v>0</v>
      </c>
      <c r="U785" s="119"/>
      <c r="V785" s="119"/>
      <c r="W785" s="119"/>
      <c r="X785" s="119"/>
      <c r="Y785" s="119"/>
      <c r="Z785" s="119"/>
      <c r="AA785" s="119"/>
      <c r="AB785" s="119"/>
      <c r="AC785" s="119"/>
      <c r="AD785" s="119"/>
      <c r="AE785" s="119"/>
      <c r="AF785" s="119"/>
      <c r="AG785" s="119"/>
      <c r="AH785" s="119"/>
      <c r="AI785" s="119"/>
      <c r="AJ785" s="119"/>
      <c r="AK785" s="119"/>
      <c r="AL785" s="119"/>
      <c r="AM785" s="119"/>
      <c r="AN785" s="119"/>
      <c r="AO785" s="119"/>
      <c r="AP785" s="119"/>
      <c r="AQ785" s="119"/>
      <c r="AR785" s="119"/>
      <c r="AS785" s="119"/>
      <c r="AT785" s="119"/>
      <c r="AU785" s="119"/>
      <c r="AV785" s="119"/>
      <c r="AW785" s="119"/>
      <c r="AX785" s="119"/>
      <c r="AY785" s="119"/>
      <c r="AZ785" s="119"/>
      <c r="BA785" s="119"/>
      <c r="BB785" s="107">
        <v>45884</v>
      </c>
    </row>
    <row r="786" spans="1:54" s="207" customFormat="1" ht="13.95" customHeight="1" x14ac:dyDescent="0.25">
      <c r="A786" s="208" t="s">
        <v>1957</v>
      </c>
      <c r="B786" s="209" t="s">
        <v>20420</v>
      </c>
      <c r="C786" s="113" t="s">
        <v>1958</v>
      </c>
      <c r="D786" s="113" t="s">
        <v>22840</v>
      </c>
      <c r="E786" s="210">
        <v>1983</v>
      </c>
      <c r="F786" s="210">
        <v>667</v>
      </c>
      <c r="G786" s="113" t="s">
        <v>1</v>
      </c>
      <c r="H786" s="113">
        <v>0</v>
      </c>
      <c r="I786" s="113">
        <v>0</v>
      </c>
      <c r="J786" s="115">
        <v>1</v>
      </c>
      <c r="K786" s="116" t="s">
        <v>174</v>
      </c>
      <c r="L786" s="115">
        <v>0</v>
      </c>
      <c r="M786" s="115">
        <v>0</v>
      </c>
      <c r="N786" s="115">
        <v>0</v>
      </c>
      <c r="O786" s="115">
        <v>0</v>
      </c>
      <c r="P786" s="115" t="s">
        <v>400</v>
      </c>
      <c r="Q786" s="115" t="s">
        <v>400</v>
      </c>
      <c r="R786" s="115">
        <v>0</v>
      </c>
      <c r="S786" s="115">
        <v>0</v>
      </c>
      <c r="T786" s="115">
        <v>0</v>
      </c>
      <c r="U786" s="119"/>
      <c r="V786" s="119"/>
      <c r="W786" s="119"/>
      <c r="X786" s="119"/>
      <c r="Y786" s="119"/>
      <c r="Z786" s="119"/>
      <c r="AA786" s="119"/>
      <c r="AB786" s="119"/>
      <c r="AC786" s="119"/>
      <c r="AD786" s="119"/>
      <c r="AE786" s="119"/>
      <c r="AF786" s="119"/>
      <c r="AG786" s="119"/>
      <c r="AH786" s="119"/>
      <c r="AI786" s="119"/>
      <c r="AJ786" s="119"/>
      <c r="AK786" s="119"/>
      <c r="AL786" s="119"/>
      <c r="AM786" s="119"/>
      <c r="AN786" s="119"/>
      <c r="AO786" s="119"/>
      <c r="AP786" s="119"/>
      <c r="AQ786" s="119"/>
      <c r="AR786" s="119"/>
      <c r="AS786" s="119"/>
      <c r="AT786" s="119"/>
      <c r="AU786" s="119"/>
      <c r="AV786" s="119"/>
      <c r="AW786" s="119"/>
      <c r="AX786" s="119"/>
      <c r="AY786" s="119"/>
      <c r="AZ786" s="119"/>
      <c r="BA786" s="119"/>
      <c r="BB786" s="107">
        <v>45884</v>
      </c>
    </row>
    <row r="787" spans="1:54" s="207" customFormat="1" ht="13.95" customHeight="1" x14ac:dyDescent="0.25">
      <c r="A787" s="208" t="s">
        <v>1959</v>
      </c>
      <c r="B787" s="209" t="s">
        <v>20420</v>
      </c>
      <c r="C787" s="113" t="s">
        <v>1960</v>
      </c>
      <c r="D787" s="113" t="s">
        <v>22841</v>
      </c>
      <c r="E787" s="210">
        <v>2007</v>
      </c>
      <c r="F787" s="210">
        <v>667</v>
      </c>
      <c r="G787" s="113" t="s">
        <v>1</v>
      </c>
      <c r="H787" s="113">
        <v>0</v>
      </c>
      <c r="I787" s="113">
        <v>0</v>
      </c>
      <c r="J787" s="115">
        <v>1</v>
      </c>
      <c r="K787" s="116" t="s">
        <v>174</v>
      </c>
      <c r="L787" s="115">
        <v>0</v>
      </c>
      <c r="M787" s="115">
        <v>0</v>
      </c>
      <c r="N787" s="115">
        <v>1</v>
      </c>
      <c r="O787" s="115">
        <v>0</v>
      </c>
      <c r="P787" s="115" t="s">
        <v>400</v>
      </c>
      <c r="Q787" s="115" t="s">
        <v>400</v>
      </c>
      <c r="R787" s="115">
        <v>0</v>
      </c>
      <c r="S787" s="115">
        <v>0</v>
      </c>
      <c r="T787" s="115">
        <v>0</v>
      </c>
      <c r="U787" s="119"/>
      <c r="V787" s="119"/>
      <c r="W787" s="119"/>
      <c r="X787" s="119"/>
      <c r="Y787" s="119"/>
      <c r="Z787" s="119"/>
      <c r="AA787" s="119"/>
      <c r="AB787" s="119"/>
      <c r="AC787" s="119"/>
      <c r="AD787" s="119"/>
      <c r="AE787" s="119"/>
      <c r="AF787" s="119"/>
      <c r="AG787" s="119"/>
      <c r="AH787" s="119"/>
      <c r="AI787" s="119"/>
      <c r="AJ787" s="119"/>
      <c r="AK787" s="119"/>
      <c r="AL787" s="119"/>
      <c r="AM787" s="119"/>
      <c r="AN787" s="119"/>
      <c r="AO787" s="119"/>
      <c r="AP787" s="119"/>
      <c r="AQ787" s="119"/>
      <c r="AR787" s="119"/>
      <c r="AS787" s="119"/>
      <c r="AT787" s="119"/>
      <c r="AU787" s="119"/>
      <c r="AV787" s="119"/>
      <c r="AW787" s="119"/>
      <c r="AX787" s="119"/>
      <c r="AY787" s="119"/>
      <c r="AZ787" s="119"/>
      <c r="BA787" s="119"/>
      <c r="BB787" s="107">
        <v>45884</v>
      </c>
    </row>
    <row r="788" spans="1:54" s="207" customFormat="1" ht="13.95" customHeight="1" x14ac:dyDescent="0.25">
      <c r="A788" s="208" t="s">
        <v>1961</v>
      </c>
      <c r="B788" s="209" t="s">
        <v>20420</v>
      </c>
      <c r="C788" s="113" t="s">
        <v>1962</v>
      </c>
      <c r="D788" s="113" t="s">
        <v>22842</v>
      </c>
      <c r="E788" s="210">
        <v>1976</v>
      </c>
      <c r="F788" s="210">
        <v>668</v>
      </c>
      <c r="G788" s="113" t="s">
        <v>1</v>
      </c>
      <c r="H788" s="113">
        <v>0</v>
      </c>
      <c r="I788" s="113">
        <v>0</v>
      </c>
      <c r="J788" s="115">
        <v>1</v>
      </c>
      <c r="K788" s="116" t="s">
        <v>174</v>
      </c>
      <c r="L788" s="115">
        <v>0</v>
      </c>
      <c r="M788" s="115">
        <v>0</v>
      </c>
      <c r="N788" s="115">
        <v>1</v>
      </c>
      <c r="O788" s="115">
        <v>0</v>
      </c>
      <c r="P788" s="115" t="s">
        <v>400</v>
      </c>
      <c r="Q788" s="115" t="s">
        <v>400</v>
      </c>
      <c r="R788" s="115">
        <v>0</v>
      </c>
      <c r="S788" s="115">
        <v>0</v>
      </c>
      <c r="T788" s="115">
        <v>0</v>
      </c>
      <c r="U788" s="119"/>
      <c r="V788" s="119"/>
      <c r="W788" s="119"/>
      <c r="X788" s="119"/>
      <c r="Y788" s="119"/>
      <c r="Z788" s="119"/>
      <c r="AA788" s="119"/>
      <c r="AB788" s="119"/>
      <c r="AC788" s="119"/>
      <c r="AD788" s="119"/>
      <c r="AE788" s="119"/>
      <c r="AF788" s="119"/>
      <c r="AG788" s="119"/>
      <c r="AH788" s="119"/>
      <c r="AI788" s="119"/>
      <c r="AJ788" s="119"/>
      <c r="AK788" s="119"/>
      <c r="AL788" s="119"/>
      <c r="AM788" s="119"/>
      <c r="AN788" s="119"/>
      <c r="AO788" s="119"/>
      <c r="AP788" s="119"/>
      <c r="AQ788" s="119"/>
      <c r="AR788" s="119"/>
      <c r="AS788" s="119"/>
      <c r="AT788" s="119"/>
      <c r="AU788" s="119"/>
      <c r="AV788" s="119"/>
      <c r="AW788" s="119"/>
      <c r="AX788" s="119"/>
      <c r="AY788" s="119"/>
      <c r="AZ788" s="119"/>
      <c r="BA788" s="119"/>
      <c r="BB788" s="107">
        <v>45884</v>
      </c>
    </row>
    <row r="789" spans="1:54" s="207" customFormat="1" ht="13.95" customHeight="1" x14ac:dyDescent="0.25">
      <c r="A789" s="208" t="s">
        <v>1963</v>
      </c>
      <c r="B789" s="209" t="s">
        <v>20420</v>
      </c>
      <c r="C789" s="113" t="s">
        <v>1964</v>
      </c>
      <c r="D789" s="113" t="s">
        <v>1965</v>
      </c>
      <c r="E789" s="210">
        <v>1974</v>
      </c>
      <c r="F789" s="210">
        <v>672</v>
      </c>
      <c r="G789" s="113" t="s">
        <v>1</v>
      </c>
      <c r="H789" s="113">
        <v>0</v>
      </c>
      <c r="I789" s="113">
        <v>0</v>
      </c>
      <c r="J789" s="115">
        <v>1</v>
      </c>
      <c r="K789" s="116" t="s">
        <v>174</v>
      </c>
      <c r="L789" s="115">
        <v>1</v>
      </c>
      <c r="M789" s="115">
        <v>0</v>
      </c>
      <c r="N789" s="115">
        <v>0</v>
      </c>
      <c r="O789" s="115">
        <v>1</v>
      </c>
      <c r="P789" s="115">
        <v>1</v>
      </c>
      <c r="Q789" s="115" t="s">
        <v>400</v>
      </c>
      <c r="R789" s="115">
        <v>1</v>
      </c>
      <c r="S789" s="115">
        <v>0</v>
      </c>
      <c r="T789" s="115">
        <v>0</v>
      </c>
      <c r="U789" s="119"/>
      <c r="V789" s="119"/>
      <c r="W789" s="119"/>
      <c r="X789" s="119"/>
      <c r="Y789" s="119"/>
      <c r="Z789" s="119"/>
      <c r="AA789" s="119"/>
      <c r="AB789" s="119"/>
      <c r="AC789" s="119"/>
      <c r="AD789" s="119"/>
      <c r="AE789" s="119"/>
      <c r="AF789" s="119"/>
      <c r="AG789" s="119"/>
      <c r="AH789" s="119"/>
      <c r="AI789" s="119"/>
      <c r="AJ789" s="119"/>
      <c r="AK789" s="119"/>
      <c r="AL789" s="119"/>
      <c r="AM789" s="119"/>
      <c r="AN789" s="119"/>
      <c r="AO789" s="119"/>
      <c r="AP789" s="119"/>
      <c r="AQ789" s="119"/>
      <c r="AR789" s="119"/>
      <c r="AS789" s="119"/>
      <c r="AT789" s="119"/>
      <c r="AU789" s="119"/>
      <c r="AV789" s="119"/>
      <c r="AW789" s="119"/>
      <c r="AX789" s="119"/>
      <c r="AY789" s="119"/>
      <c r="AZ789" s="119"/>
      <c r="BA789" s="119"/>
      <c r="BB789" s="107">
        <v>45884</v>
      </c>
    </row>
    <row r="790" spans="1:54" s="207" customFormat="1" ht="13.95" customHeight="1" x14ac:dyDescent="0.25">
      <c r="A790" s="208" t="s">
        <v>1966</v>
      </c>
      <c r="B790" s="209" t="s">
        <v>20420</v>
      </c>
      <c r="C790" s="113" t="s">
        <v>1967</v>
      </c>
      <c r="D790" s="113" t="s">
        <v>22843</v>
      </c>
      <c r="E790" s="210">
        <v>1984</v>
      </c>
      <c r="F790" s="210">
        <v>673</v>
      </c>
      <c r="G790" s="113" t="s">
        <v>1</v>
      </c>
      <c r="H790" s="113">
        <v>0</v>
      </c>
      <c r="I790" s="113">
        <v>0</v>
      </c>
      <c r="J790" s="115">
        <v>1</v>
      </c>
      <c r="K790" s="116" t="s">
        <v>174</v>
      </c>
      <c r="L790" s="115">
        <v>0</v>
      </c>
      <c r="M790" s="115">
        <v>0</v>
      </c>
      <c r="N790" s="115">
        <v>1</v>
      </c>
      <c r="O790" s="115">
        <v>1</v>
      </c>
      <c r="P790" s="115">
        <v>1</v>
      </c>
      <c r="Q790" s="115" t="s">
        <v>400</v>
      </c>
      <c r="R790" s="115">
        <v>0</v>
      </c>
      <c r="S790" s="115">
        <v>0</v>
      </c>
      <c r="T790" s="115">
        <v>0</v>
      </c>
      <c r="U790" s="119"/>
      <c r="V790" s="119"/>
      <c r="W790" s="119"/>
      <c r="X790" s="119"/>
      <c r="Y790" s="119"/>
      <c r="Z790" s="119"/>
      <c r="AA790" s="119"/>
      <c r="AB790" s="119"/>
      <c r="AC790" s="119"/>
      <c r="AD790" s="119"/>
      <c r="AE790" s="119"/>
      <c r="AF790" s="119"/>
      <c r="AG790" s="119"/>
      <c r="AH790" s="119"/>
      <c r="AI790" s="119"/>
      <c r="AJ790" s="119"/>
      <c r="AK790" s="119"/>
      <c r="AL790" s="119"/>
      <c r="AM790" s="119"/>
      <c r="AN790" s="119"/>
      <c r="AO790" s="119"/>
      <c r="AP790" s="119"/>
      <c r="AQ790" s="119"/>
      <c r="AR790" s="119"/>
      <c r="AS790" s="119"/>
      <c r="AT790" s="119"/>
      <c r="AU790" s="119"/>
      <c r="AV790" s="119"/>
      <c r="AW790" s="119"/>
      <c r="AX790" s="119"/>
      <c r="AY790" s="119"/>
      <c r="AZ790" s="119"/>
      <c r="BA790" s="119"/>
      <c r="BB790" s="107">
        <v>45884</v>
      </c>
    </row>
    <row r="791" spans="1:54" s="207" customFormat="1" ht="13.95" customHeight="1" x14ac:dyDescent="0.25">
      <c r="A791" s="208" t="s">
        <v>1968</v>
      </c>
      <c r="B791" s="209" t="s">
        <v>20420</v>
      </c>
      <c r="C791" s="113" t="s">
        <v>1969</v>
      </c>
      <c r="D791" s="113" t="s">
        <v>22844</v>
      </c>
      <c r="E791" s="210">
        <v>1965</v>
      </c>
      <c r="F791" s="210">
        <v>673</v>
      </c>
      <c r="G791" s="113" t="s">
        <v>1</v>
      </c>
      <c r="H791" s="113">
        <v>0</v>
      </c>
      <c r="I791" s="113">
        <v>0</v>
      </c>
      <c r="J791" s="115">
        <v>1</v>
      </c>
      <c r="K791" s="116" t="s">
        <v>174</v>
      </c>
      <c r="L791" s="115">
        <v>0</v>
      </c>
      <c r="M791" s="115">
        <v>0</v>
      </c>
      <c r="N791" s="115">
        <v>0</v>
      </c>
      <c r="O791" s="115">
        <v>1</v>
      </c>
      <c r="P791" s="115">
        <v>1</v>
      </c>
      <c r="Q791" s="115" t="s">
        <v>400</v>
      </c>
      <c r="R791" s="115">
        <v>1</v>
      </c>
      <c r="S791" s="115">
        <v>0</v>
      </c>
      <c r="T791" s="115">
        <v>0</v>
      </c>
      <c r="U791" s="119"/>
      <c r="V791" s="119"/>
      <c r="W791" s="119"/>
      <c r="X791" s="119"/>
      <c r="Y791" s="119"/>
      <c r="Z791" s="119"/>
      <c r="AA791" s="119"/>
      <c r="AB791" s="119"/>
      <c r="AC791" s="119"/>
      <c r="AD791" s="119"/>
      <c r="AE791" s="119"/>
      <c r="AF791" s="119"/>
      <c r="AG791" s="119"/>
      <c r="AH791" s="119"/>
      <c r="AI791" s="119"/>
      <c r="AJ791" s="119"/>
      <c r="AK791" s="119"/>
      <c r="AL791" s="119"/>
      <c r="AM791" s="119"/>
      <c r="AN791" s="119"/>
      <c r="AO791" s="119"/>
      <c r="AP791" s="119"/>
      <c r="AQ791" s="119"/>
      <c r="AR791" s="119"/>
      <c r="AS791" s="119"/>
      <c r="AT791" s="119"/>
      <c r="AU791" s="119"/>
      <c r="AV791" s="119"/>
      <c r="AW791" s="119"/>
      <c r="AX791" s="119"/>
      <c r="AY791" s="119"/>
      <c r="AZ791" s="119"/>
      <c r="BA791" s="119"/>
      <c r="BB791" s="107">
        <v>45884</v>
      </c>
    </row>
    <row r="792" spans="1:54" s="207" customFormat="1" ht="13.95" customHeight="1" x14ac:dyDescent="0.25">
      <c r="A792" s="208" t="s">
        <v>1970</v>
      </c>
      <c r="B792" s="209" t="s">
        <v>20420</v>
      </c>
      <c r="C792" s="113" t="s">
        <v>1971</v>
      </c>
      <c r="D792" s="113" t="s">
        <v>22845</v>
      </c>
      <c r="E792" s="210">
        <v>1988</v>
      </c>
      <c r="F792" s="210">
        <v>673</v>
      </c>
      <c r="G792" s="113" t="s">
        <v>1</v>
      </c>
      <c r="H792" s="113">
        <v>0</v>
      </c>
      <c r="I792" s="113">
        <v>0</v>
      </c>
      <c r="J792" s="115">
        <v>1</v>
      </c>
      <c r="K792" s="116" t="s">
        <v>174</v>
      </c>
      <c r="L792" s="115">
        <v>1</v>
      </c>
      <c r="M792" s="115">
        <v>0</v>
      </c>
      <c r="N792" s="115">
        <v>0</v>
      </c>
      <c r="O792" s="115">
        <v>1</v>
      </c>
      <c r="P792" s="115">
        <v>1</v>
      </c>
      <c r="Q792" s="115" t="s">
        <v>400</v>
      </c>
      <c r="R792" s="115">
        <v>0</v>
      </c>
      <c r="S792" s="115">
        <v>0</v>
      </c>
      <c r="T792" s="115">
        <v>0</v>
      </c>
      <c r="U792" s="119"/>
      <c r="V792" s="119"/>
      <c r="W792" s="119"/>
      <c r="X792" s="119"/>
      <c r="Y792" s="119"/>
      <c r="Z792" s="119"/>
      <c r="AA792" s="119"/>
      <c r="AB792" s="119"/>
      <c r="AC792" s="119"/>
      <c r="AD792" s="119"/>
      <c r="AE792" s="119"/>
      <c r="AF792" s="119"/>
      <c r="AG792" s="119"/>
      <c r="AH792" s="119"/>
      <c r="AI792" s="119"/>
      <c r="AJ792" s="119"/>
      <c r="AK792" s="119"/>
      <c r="AL792" s="119"/>
      <c r="AM792" s="119"/>
      <c r="AN792" s="119"/>
      <c r="AO792" s="119"/>
      <c r="AP792" s="119"/>
      <c r="AQ792" s="119"/>
      <c r="AR792" s="119"/>
      <c r="AS792" s="119"/>
      <c r="AT792" s="119"/>
      <c r="AU792" s="119"/>
      <c r="AV792" s="119"/>
      <c r="AW792" s="119"/>
      <c r="AX792" s="119"/>
      <c r="AY792" s="119"/>
      <c r="AZ792" s="119"/>
      <c r="BA792" s="119"/>
      <c r="BB792" s="107">
        <v>45884</v>
      </c>
    </row>
    <row r="793" spans="1:54" s="207" customFormat="1" ht="13.95" customHeight="1" x14ac:dyDescent="0.25">
      <c r="A793" s="208" t="s">
        <v>1972</v>
      </c>
      <c r="B793" s="209" t="s">
        <v>20420</v>
      </c>
      <c r="C793" s="113" t="s">
        <v>1973</v>
      </c>
      <c r="D793" s="113" t="s">
        <v>22846</v>
      </c>
      <c r="E793" s="210">
        <v>1983</v>
      </c>
      <c r="F793" s="210">
        <v>673</v>
      </c>
      <c r="G793" s="113" t="s">
        <v>1</v>
      </c>
      <c r="H793" s="113">
        <v>0</v>
      </c>
      <c r="I793" s="113">
        <v>0</v>
      </c>
      <c r="J793" s="115">
        <v>1</v>
      </c>
      <c r="K793" s="116" t="s">
        <v>174</v>
      </c>
      <c r="L793" s="115">
        <v>1</v>
      </c>
      <c r="M793" s="115">
        <v>0</v>
      </c>
      <c r="N793" s="115">
        <v>0</v>
      </c>
      <c r="O793" s="115">
        <v>1</v>
      </c>
      <c r="P793" s="115">
        <v>1</v>
      </c>
      <c r="Q793" s="115" t="s">
        <v>400</v>
      </c>
      <c r="R793" s="115">
        <v>1</v>
      </c>
      <c r="S793" s="115">
        <v>0</v>
      </c>
      <c r="T793" s="115">
        <v>0</v>
      </c>
      <c r="U793" s="119"/>
      <c r="V793" s="119"/>
      <c r="W793" s="119"/>
      <c r="X793" s="119"/>
      <c r="Y793" s="119"/>
      <c r="Z793" s="119"/>
      <c r="AA793" s="119"/>
      <c r="AB793" s="119"/>
      <c r="AC793" s="119"/>
      <c r="AD793" s="119"/>
      <c r="AE793" s="119"/>
      <c r="AF793" s="119"/>
      <c r="AG793" s="119"/>
      <c r="AH793" s="119"/>
      <c r="AI793" s="119"/>
      <c r="AJ793" s="119"/>
      <c r="AK793" s="119"/>
      <c r="AL793" s="119"/>
      <c r="AM793" s="119"/>
      <c r="AN793" s="119"/>
      <c r="AO793" s="119"/>
      <c r="AP793" s="119"/>
      <c r="AQ793" s="119"/>
      <c r="AR793" s="119"/>
      <c r="AS793" s="119"/>
      <c r="AT793" s="119"/>
      <c r="AU793" s="119"/>
      <c r="AV793" s="119"/>
      <c r="AW793" s="119"/>
      <c r="AX793" s="119"/>
      <c r="AY793" s="119"/>
      <c r="AZ793" s="119"/>
      <c r="BA793" s="119"/>
      <c r="BB793" s="107">
        <v>45884</v>
      </c>
    </row>
    <row r="794" spans="1:54" s="207" customFormat="1" ht="13.95" customHeight="1" x14ac:dyDescent="0.25">
      <c r="A794" s="208" t="s">
        <v>1974</v>
      </c>
      <c r="B794" s="209" t="s">
        <v>20420</v>
      </c>
      <c r="C794" s="113" t="s">
        <v>1975</v>
      </c>
      <c r="D794" s="113" t="s">
        <v>22847</v>
      </c>
      <c r="E794" s="210">
        <v>1984</v>
      </c>
      <c r="F794" s="210">
        <v>674</v>
      </c>
      <c r="G794" s="113" t="s">
        <v>1</v>
      </c>
      <c r="H794" s="113">
        <v>0</v>
      </c>
      <c r="I794" s="113">
        <v>0</v>
      </c>
      <c r="J794" s="115">
        <v>1</v>
      </c>
      <c r="K794" s="116" t="s">
        <v>174</v>
      </c>
      <c r="L794" s="115">
        <v>1</v>
      </c>
      <c r="M794" s="115">
        <v>0</v>
      </c>
      <c r="N794" s="115">
        <v>0</v>
      </c>
      <c r="O794" s="115">
        <v>1</v>
      </c>
      <c r="P794" s="115" t="s">
        <v>400</v>
      </c>
      <c r="Q794" s="115" t="s">
        <v>400</v>
      </c>
      <c r="R794" s="115">
        <v>0</v>
      </c>
      <c r="S794" s="115">
        <v>0</v>
      </c>
      <c r="T794" s="115">
        <v>0</v>
      </c>
      <c r="U794" s="119"/>
      <c r="V794" s="119"/>
      <c r="W794" s="119"/>
      <c r="X794" s="119"/>
      <c r="Y794" s="119"/>
      <c r="Z794" s="119"/>
      <c r="AA794" s="119"/>
      <c r="AB794" s="119"/>
      <c r="AC794" s="119"/>
      <c r="AD794" s="119"/>
      <c r="AE794" s="119"/>
      <c r="AF794" s="119"/>
      <c r="AG794" s="119"/>
      <c r="AH794" s="119"/>
      <c r="AI794" s="119"/>
      <c r="AJ794" s="119"/>
      <c r="AK794" s="119"/>
      <c r="AL794" s="119"/>
      <c r="AM794" s="119"/>
      <c r="AN794" s="119"/>
      <c r="AO794" s="119"/>
      <c r="AP794" s="119"/>
      <c r="AQ794" s="119"/>
      <c r="AR794" s="119"/>
      <c r="AS794" s="119"/>
      <c r="AT794" s="119"/>
      <c r="AU794" s="119"/>
      <c r="AV794" s="119"/>
      <c r="AW794" s="119"/>
      <c r="AX794" s="119"/>
      <c r="AY794" s="119"/>
      <c r="AZ794" s="119"/>
      <c r="BA794" s="119"/>
      <c r="BB794" s="107">
        <v>45884</v>
      </c>
    </row>
    <row r="795" spans="1:54" s="207" customFormat="1" ht="13.95" customHeight="1" x14ac:dyDescent="0.25">
      <c r="A795" s="208" t="s">
        <v>1976</v>
      </c>
      <c r="B795" s="209" t="s">
        <v>20420</v>
      </c>
      <c r="C795" s="113" t="s">
        <v>1977</v>
      </c>
      <c r="D795" s="113" t="s">
        <v>1978</v>
      </c>
      <c r="E795" s="210">
        <v>1952</v>
      </c>
      <c r="F795" s="210">
        <v>674</v>
      </c>
      <c r="G795" s="113" t="s">
        <v>1</v>
      </c>
      <c r="H795" s="113">
        <v>0</v>
      </c>
      <c r="I795" s="113">
        <v>0</v>
      </c>
      <c r="J795" s="115">
        <v>1</v>
      </c>
      <c r="K795" s="116" t="s">
        <v>174</v>
      </c>
      <c r="L795" s="115">
        <v>0</v>
      </c>
      <c r="M795" s="115">
        <v>0</v>
      </c>
      <c r="N795" s="115">
        <v>0</v>
      </c>
      <c r="O795" s="115">
        <v>1</v>
      </c>
      <c r="P795" s="115">
        <v>1</v>
      </c>
      <c r="Q795" s="115" t="s">
        <v>400</v>
      </c>
      <c r="R795" s="115">
        <v>1</v>
      </c>
      <c r="S795" s="115">
        <v>0</v>
      </c>
      <c r="T795" s="115">
        <v>0</v>
      </c>
      <c r="U795" s="119"/>
      <c r="V795" s="119"/>
      <c r="W795" s="119"/>
      <c r="X795" s="119"/>
      <c r="Y795" s="119"/>
      <c r="Z795" s="119"/>
      <c r="AA795" s="119"/>
      <c r="AB795" s="119"/>
      <c r="AC795" s="119"/>
      <c r="AD795" s="119"/>
      <c r="AE795" s="119"/>
      <c r="AF795" s="119"/>
      <c r="AG795" s="119"/>
      <c r="AH795" s="119"/>
      <c r="AI795" s="119"/>
      <c r="AJ795" s="119"/>
      <c r="AK795" s="119"/>
      <c r="AL795" s="119"/>
      <c r="AM795" s="119"/>
      <c r="AN795" s="119"/>
      <c r="AO795" s="119"/>
      <c r="AP795" s="119"/>
      <c r="AQ795" s="119"/>
      <c r="AR795" s="119"/>
      <c r="AS795" s="119"/>
      <c r="AT795" s="119"/>
      <c r="AU795" s="119"/>
      <c r="AV795" s="119"/>
      <c r="AW795" s="119"/>
      <c r="AX795" s="119"/>
      <c r="AY795" s="119"/>
      <c r="AZ795" s="119"/>
      <c r="BA795" s="119"/>
      <c r="BB795" s="107">
        <v>45884</v>
      </c>
    </row>
    <row r="796" spans="1:54" s="207" customFormat="1" ht="13.95" customHeight="1" x14ac:dyDescent="0.25">
      <c r="A796" s="208" t="s">
        <v>1979</v>
      </c>
      <c r="B796" s="209" t="s">
        <v>20420</v>
      </c>
      <c r="C796" s="113" t="s">
        <v>1980</v>
      </c>
      <c r="D796" s="113" t="s">
        <v>1981</v>
      </c>
      <c r="E796" s="210">
        <v>1984</v>
      </c>
      <c r="F796" s="210">
        <v>676</v>
      </c>
      <c r="G796" s="113" t="s">
        <v>1</v>
      </c>
      <c r="H796" s="113">
        <v>0</v>
      </c>
      <c r="I796" s="113">
        <v>0</v>
      </c>
      <c r="J796" s="115">
        <v>1</v>
      </c>
      <c r="K796" s="116" t="s">
        <v>174</v>
      </c>
      <c r="L796" s="115">
        <v>0</v>
      </c>
      <c r="M796" s="115">
        <v>0</v>
      </c>
      <c r="N796" s="115">
        <v>1</v>
      </c>
      <c r="O796" s="115">
        <v>0</v>
      </c>
      <c r="P796" s="115" t="s">
        <v>400</v>
      </c>
      <c r="Q796" s="115" t="s">
        <v>400</v>
      </c>
      <c r="R796" s="115">
        <v>0</v>
      </c>
      <c r="S796" s="115">
        <v>0</v>
      </c>
      <c r="T796" s="115">
        <v>0</v>
      </c>
      <c r="U796" s="119"/>
      <c r="V796" s="119"/>
      <c r="W796" s="119"/>
      <c r="X796" s="119"/>
      <c r="Y796" s="119"/>
      <c r="Z796" s="119"/>
      <c r="AA796" s="119"/>
      <c r="AB796" s="119"/>
      <c r="AC796" s="119"/>
      <c r="AD796" s="119"/>
      <c r="AE796" s="119"/>
      <c r="AF796" s="119"/>
      <c r="AG796" s="119"/>
      <c r="AH796" s="119"/>
      <c r="AI796" s="119"/>
      <c r="AJ796" s="119"/>
      <c r="AK796" s="119"/>
      <c r="AL796" s="119"/>
      <c r="AM796" s="119"/>
      <c r="AN796" s="119"/>
      <c r="AO796" s="119"/>
      <c r="AP796" s="119"/>
      <c r="AQ796" s="119"/>
      <c r="AR796" s="119"/>
      <c r="AS796" s="119"/>
      <c r="AT796" s="119"/>
      <c r="AU796" s="119"/>
      <c r="AV796" s="119"/>
      <c r="AW796" s="119"/>
      <c r="AX796" s="119"/>
      <c r="AY796" s="119"/>
      <c r="AZ796" s="119"/>
      <c r="BA796" s="119"/>
      <c r="BB796" s="107">
        <v>45884</v>
      </c>
    </row>
    <row r="797" spans="1:54" s="207" customFormat="1" ht="13.95" customHeight="1" x14ac:dyDescent="0.25">
      <c r="A797" s="208" t="s">
        <v>1982</v>
      </c>
      <c r="B797" s="209" t="s">
        <v>20420</v>
      </c>
      <c r="C797" s="113" t="s">
        <v>1983</v>
      </c>
      <c r="D797" s="113" t="s">
        <v>22848</v>
      </c>
      <c r="E797" s="210">
        <v>1976</v>
      </c>
      <c r="F797" s="210">
        <v>677</v>
      </c>
      <c r="G797" s="113" t="s">
        <v>1</v>
      </c>
      <c r="H797" s="113">
        <v>0</v>
      </c>
      <c r="I797" s="113">
        <v>0</v>
      </c>
      <c r="J797" s="115">
        <v>1</v>
      </c>
      <c r="K797" s="116" t="s">
        <v>174</v>
      </c>
      <c r="L797" s="115">
        <v>1</v>
      </c>
      <c r="M797" s="115">
        <v>1</v>
      </c>
      <c r="N797" s="115">
        <v>0</v>
      </c>
      <c r="O797" s="115">
        <v>1</v>
      </c>
      <c r="P797" s="115" t="s">
        <v>400</v>
      </c>
      <c r="Q797" s="115" t="s">
        <v>400</v>
      </c>
      <c r="R797" s="115">
        <v>1</v>
      </c>
      <c r="S797" s="115">
        <v>0</v>
      </c>
      <c r="T797" s="115">
        <v>0</v>
      </c>
      <c r="U797" s="119"/>
      <c r="V797" s="119"/>
      <c r="W797" s="119"/>
      <c r="X797" s="119"/>
      <c r="Y797" s="119"/>
      <c r="Z797" s="119"/>
      <c r="AA797" s="119"/>
      <c r="AB797" s="119"/>
      <c r="AC797" s="119"/>
      <c r="AD797" s="119"/>
      <c r="AE797" s="119"/>
      <c r="AF797" s="119"/>
      <c r="AG797" s="119"/>
      <c r="AH797" s="119"/>
      <c r="AI797" s="119"/>
      <c r="AJ797" s="119"/>
      <c r="AK797" s="119"/>
      <c r="AL797" s="119"/>
      <c r="AM797" s="119"/>
      <c r="AN797" s="119"/>
      <c r="AO797" s="119"/>
      <c r="AP797" s="119"/>
      <c r="AQ797" s="119"/>
      <c r="AR797" s="119"/>
      <c r="AS797" s="119"/>
      <c r="AT797" s="119"/>
      <c r="AU797" s="119"/>
      <c r="AV797" s="119"/>
      <c r="AW797" s="119"/>
      <c r="AX797" s="119"/>
      <c r="AY797" s="119"/>
      <c r="AZ797" s="119"/>
      <c r="BA797" s="119"/>
      <c r="BB797" s="107">
        <v>45884</v>
      </c>
    </row>
    <row r="798" spans="1:54" s="207" customFormat="1" ht="13.95" customHeight="1" x14ac:dyDescent="0.25">
      <c r="A798" s="208" t="s">
        <v>1984</v>
      </c>
      <c r="B798" s="209" t="s">
        <v>20420</v>
      </c>
      <c r="C798" s="113" t="s">
        <v>1985</v>
      </c>
      <c r="D798" s="113" t="s">
        <v>1986</v>
      </c>
      <c r="E798" s="210">
        <v>1985</v>
      </c>
      <c r="F798" s="210">
        <v>678</v>
      </c>
      <c r="G798" s="113" t="s">
        <v>1</v>
      </c>
      <c r="H798" s="113">
        <v>0</v>
      </c>
      <c r="I798" s="113">
        <v>0</v>
      </c>
      <c r="J798" s="115">
        <v>1</v>
      </c>
      <c r="K798" s="116" t="s">
        <v>174</v>
      </c>
      <c r="L798" s="115">
        <v>1</v>
      </c>
      <c r="M798" s="115">
        <v>1</v>
      </c>
      <c r="N798" s="115">
        <v>0</v>
      </c>
      <c r="O798" s="115">
        <v>1</v>
      </c>
      <c r="P798" s="115" t="s">
        <v>400</v>
      </c>
      <c r="Q798" s="115" t="s">
        <v>400</v>
      </c>
      <c r="R798" s="115">
        <v>0</v>
      </c>
      <c r="S798" s="115">
        <v>0</v>
      </c>
      <c r="T798" s="115">
        <v>0</v>
      </c>
      <c r="U798" s="119"/>
      <c r="V798" s="119"/>
      <c r="W798" s="119"/>
      <c r="X798" s="119"/>
      <c r="Y798" s="119"/>
      <c r="Z798" s="119"/>
      <c r="AA798" s="119"/>
      <c r="AB798" s="119"/>
      <c r="AC798" s="119"/>
      <c r="AD798" s="119"/>
      <c r="AE798" s="119"/>
      <c r="AF798" s="119"/>
      <c r="AG798" s="119"/>
      <c r="AH798" s="119"/>
      <c r="AI798" s="119"/>
      <c r="AJ798" s="119"/>
      <c r="AK798" s="119"/>
      <c r="AL798" s="119"/>
      <c r="AM798" s="119"/>
      <c r="AN798" s="119"/>
      <c r="AO798" s="119"/>
      <c r="AP798" s="119"/>
      <c r="AQ798" s="119"/>
      <c r="AR798" s="119"/>
      <c r="AS798" s="119"/>
      <c r="AT798" s="119"/>
      <c r="AU798" s="119"/>
      <c r="AV798" s="119"/>
      <c r="AW798" s="119"/>
      <c r="AX798" s="119"/>
      <c r="AY798" s="119"/>
      <c r="AZ798" s="119"/>
      <c r="BA798" s="119"/>
      <c r="BB798" s="107">
        <v>45884</v>
      </c>
    </row>
    <row r="799" spans="1:54" s="207" customFormat="1" ht="13.95" customHeight="1" x14ac:dyDescent="0.25">
      <c r="A799" s="208" t="s">
        <v>1987</v>
      </c>
      <c r="B799" s="209" t="s">
        <v>20420</v>
      </c>
      <c r="C799" s="113" t="s">
        <v>1988</v>
      </c>
      <c r="D799" s="113" t="s">
        <v>1989</v>
      </c>
      <c r="E799" s="210">
        <v>1968</v>
      </c>
      <c r="F799" s="210">
        <v>680</v>
      </c>
      <c r="G799" s="113" t="s">
        <v>1</v>
      </c>
      <c r="H799" s="113">
        <v>0</v>
      </c>
      <c r="I799" s="113">
        <v>0</v>
      </c>
      <c r="J799" s="115">
        <v>1</v>
      </c>
      <c r="K799" s="116" t="s">
        <v>174</v>
      </c>
      <c r="L799" s="115">
        <v>1</v>
      </c>
      <c r="M799" s="115">
        <v>0</v>
      </c>
      <c r="N799" s="115">
        <v>0</v>
      </c>
      <c r="O799" s="115">
        <v>1</v>
      </c>
      <c r="P799" s="115">
        <v>1</v>
      </c>
      <c r="Q799" s="115" t="s">
        <v>400</v>
      </c>
      <c r="R799" s="115">
        <v>1</v>
      </c>
      <c r="S799" s="115">
        <v>0</v>
      </c>
      <c r="T799" s="115">
        <v>0</v>
      </c>
      <c r="U799" s="119"/>
      <c r="V799" s="119"/>
      <c r="W799" s="119"/>
      <c r="X799" s="119"/>
      <c r="Y799" s="119"/>
      <c r="Z799" s="119"/>
      <c r="AA799" s="119"/>
      <c r="AB799" s="119"/>
      <c r="AC799" s="119"/>
      <c r="AD799" s="119"/>
      <c r="AE799" s="119"/>
      <c r="AF799" s="119"/>
      <c r="AG799" s="119"/>
      <c r="AH799" s="119"/>
      <c r="AI799" s="119"/>
      <c r="AJ799" s="119"/>
      <c r="AK799" s="119"/>
      <c r="AL799" s="119"/>
      <c r="AM799" s="119"/>
      <c r="AN799" s="119"/>
      <c r="AO799" s="119"/>
      <c r="AP799" s="119"/>
      <c r="AQ799" s="119"/>
      <c r="AR799" s="119"/>
      <c r="AS799" s="119"/>
      <c r="AT799" s="119"/>
      <c r="AU799" s="119"/>
      <c r="AV799" s="119"/>
      <c r="AW799" s="119"/>
      <c r="AX799" s="119"/>
      <c r="AY799" s="119"/>
      <c r="AZ799" s="119"/>
      <c r="BA799" s="119"/>
      <c r="BB799" s="107">
        <v>45884</v>
      </c>
    </row>
    <row r="800" spans="1:54" s="207" customFormat="1" ht="13.95" customHeight="1" x14ac:dyDescent="0.25">
      <c r="A800" s="208" t="s">
        <v>1990</v>
      </c>
      <c r="B800" s="209" t="s">
        <v>20420</v>
      </c>
      <c r="C800" s="113" t="s">
        <v>1991</v>
      </c>
      <c r="D800" s="113" t="s">
        <v>22849</v>
      </c>
      <c r="E800" s="210">
        <v>2002</v>
      </c>
      <c r="F800" s="210">
        <v>681</v>
      </c>
      <c r="G800" s="113" t="s">
        <v>1</v>
      </c>
      <c r="H800" s="113">
        <v>0</v>
      </c>
      <c r="I800" s="113">
        <v>0</v>
      </c>
      <c r="J800" s="115">
        <v>1</v>
      </c>
      <c r="K800" s="116" t="s">
        <v>174</v>
      </c>
      <c r="L800" s="115">
        <v>0</v>
      </c>
      <c r="M800" s="115">
        <v>0</v>
      </c>
      <c r="N800" s="115">
        <v>0</v>
      </c>
      <c r="O800" s="115">
        <v>0</v>
      </c>
      <c r="P800" s="115">
        <v>1</v>
      </c>
      <c r="Q800" s="115" t="s">
        <v>400</v>
      </c>
      <c r="R800" s="115">
        <v>1</v>
      </c>
      <c r="S800" s="115">
        <v>0</v>
      </c>
      <c r="T800" s="115">
        <v>0</v>
      </c>
      <c r="U800" s="119"/>
      <c r="V800" s="119"/>
      <c r="W800" s="119"/>
      <c r="X800" s="119"/>
      <c r="Y800" s="119"/>
      <c r="Z800" s="119"/>
      <c r="AA800" s="119"/>
      <c r="AB800" s="119"/>
      <c r="AC800" s="119"/>
      <c r="AD800" s="119"/>
      <c r="AE800" s="119"/>
      <c r="AF800" s="119"/>
      <c r="AG800" s="119"/>
      <c r="AH800" s="119"/>
      <c r="AI800" s="119"/>
      <c r="AJ800" s="119"/>
      <c r="AK800" s="119"/>
      <c r="AL800" s="119"/>
      <c r="AM800" s="119"/>
      <c r="AN800" s="119"/>
      <c r="AO800" s="119"/>
      <c r="AP800" s="119"/>
      <c r="AQ800" s="119"/>
      <c r="AR800" s="119"/>
      <c r="AS800" s="119"/>
      <c r="AT800" s="119"/>
      <c r="AU800" s="119"/>
      <c r="AV800" s="119"/>
      <c r="AW800" s="119"/>
      <c r="AX800" s="119"/>
      <c r="AY800" s="119"/>
      <c r="AZ800" s="119"/>
      <c r="BA800" s="119"/>
      <c r="BB800" s="107">
        <v>45884</v>
      </c>
    </row>
    <row r="801" spans="1:54" s="207" customFormat="1" ht="13.95" customHeight="1" x14ac:dyDescent="0.25">
      <c r="A801" s="208" t="s">
        <v>1992</v>
      </c>
      <c r="B801" s="209" t="s">
        <v>20420</v>
      </c>
      <c r="C801" s="113" t="s">
        <v>1993</v>
      </c>
      <c r="D801" s="113" t="s">
        <v>1994</v>
      </c>
      <c r="E801" s="210">
        <v>2005</v>
      </c>
      <c r="F801" s="210">
        <v>682</v>
      </c>
      <c r="G801" s="113" t="s">
        <v>1</v>
      </c>
      <c r="H801" s="113">
        <v>0</v>
      </c>
      <c r="I801" s="113">
        <v>0</v>
      </c>
      <c r="J801" s="115">
        <v>1</v>
      </c>
      <c r="K801" s="116" t="s">
        <v>174</v>
      </c>
      <c r="L801" s="115">
        <v>0</v>
      </c>
      <c r="M801" s="115">
        <v>0</v>
      </c>
      <c r="N801" s="115">
        <v>0</v>
      </c>
      <c r="O801" s="115">
        <v>0</v>
      </c>
      <c r="P801" s="115" t="s">
        <v>400</v>
      </c>
      <c r="Q801" s="115" t="s">
        <v>400</v>
      </c>
      <c r="R801" s="115">
        <v>1</v>
      </c>
      <c r="S801" s="115">
        <v>0</v>
      </c>
      <c r="T801" s="115">
        <v>0</v>
      </c>
      <c r="U801" s="119"/>
      <c r="V801" s="119"/>
      <c r="W801" s="119"/>
      <c r="X801" s="119"/>
      <c r="Y801" s="119"/>
      <c r="Z801" s="119"/>
      <c r="AA801" s="119"/>
      <c r="AB801" s="119"/>
      <c r="AC801" s="119"/>
      <c r="AD801" s="119"/>
      <c r="AE801" s="119"/>
      <c r="AF801" s="119"/>
      <c r="AG801" s="119"/>
      <c r="AH801" s="119"/>
      <c r="AI801" s="119"/>
      <c r="AJ801" s="119"/>
      <c r="AK801" s="119"/>
      <c r="AL801" s="119"/>
      <c r="AM801" s="119"/>
      <c r="AN801" s="119"/>
      <c r="AO801" s="119"/>
      <c r="AP801" s="119"/>
      <c r="AQ801" s="119"/>
      <c r="AR801" s="119"/>
      <c r="AS801" s="119"/>
      <c r="AT801" s="119"/>
      <c r="AU801" s="119"/>
      <c r="AV801" s="119"/>
      <c r="AW801" s="119"/>
      <c r="AX801" s="119"/>
      <c r="AY801" s="119"/>
      <c r="AZ801" s="119"/>
      <c r="BA801" s="119"/>
      <c r="BB801" s="107">
        <v>45884</v>
      </c>
    </row>
    <row r="802" spans="1:54" s="207" customFormat="1" ht="13.95" customHeight="1" x14ac:dyDescent="0.25">
      <c r="A802" s="208" t="s">
        <v>1995</v>
      </c>
      <c r="B802" s="209" t="s">
        <v>20420</v>
      </c>
      <c r="C802" s="113" t="s">
        <v>1996</v>
      </c>
      <c r="D802" s="113" t="s">
        <v>1997</v>
      </c>
      <c r="E802" s="210">
        <v>1996</v>
      </c>
      <c r="F802" s="210">
        <v>683</v>
      </c>
      <c r="G802" s="113" t="s">
        <v>1</v>
      </c>
      <c r="H802" s="113">
        <v>0</v>
      </c>
      <c r="I802" s="113">
        <v>0</v>
      </c>
      <c r="J802" s="115">
        <v>1</v>
      </c>
      <c r="K802" s="116" t="s">
        <v>174</v>
      </c>
      <c r="L802" s="115">
        <v>1</v>
      </c>
      <c r="M802" s="115">
        <v>0</v>
      </c>
      <c r="N802" s="115">
        <v>0</v>
      </c>
      <c r="O802" s="115">
        <v>0</v>
      </c>
      <c r="P802" s="115">
        <v>1</v>
      </c>
      <c r="Q802" s="115" t="s">
        <v>400</v>
      </c>
      <c r="R802" s="115">
        <v>1</v>
      </c>
      <c r="S802" s="115">
        <v>0</v>
      </c>
      <c r="T802" s="115">
        <v>0</v>
      </c>
      <c r="U802" s="119"/>
      <c r="V802" s="119"/>
      <c r="W802" s="119"/>
      <c r="X802" s="119"/>
      <c r="Y802" s="119"/>
      <c r="Z802" s="119"/>
      <c r="AA802" s="119"/>
      <c r="AB802" s="119"/>
      <c r="AC802" s="119"/>
      <c r="AD802" s="119"/>
      <c r="AE802" s="119"/>
      <c r="AF802" s="119"/>
      <c r="AG802" s="119"/>
      <c r="AH802" s="119"/>
      <c r="AI802" s="119"/>
      <c r="AJ802" s="119"/>
      <c r="AK802" s="119"/>
      <c r="AL802" s="119"/>
      <c r="AM802" s="119"/>
      <c r="AN802" s="119"/>
      <c r="AO802" s="119"/>
      <c r="AP802" s="119"/>
      <c r="AQ802" s="119"/>
      <c r="AR802" s="119"/>
      <c r="AS802" s="119"/>
      <c r="AT802" s="119"/>
      <c r="AU802" s="119"/>
      <c r="AV802" s="119"/>
      <c r="AW802" s="119"/>
      <c r="AX802" s="119"/>
      <c r="AY802" s="119"/>
      <c r="AZ802" s="119"/>
      <c r="BA802" s="119"/>
      <c r="BB802" s="107">
        <v>45884</v>
      </c>
    </row>
    <row r="803" spans="1:54" s="207" customFormat="1" ht="13.95" customHeight="1" x14ac:dyDescent="0.25">
      <c r="A803" s="208" t="s">
        <v>1998</v>
      </c>
      <c r="B803" s="209" t="s">
        <v>20420</v>
      </c>
      <c r="C803" s="113" t="s">
        <v>1999</v>
      </c>
      <c r="D803" s="113" t="s">
        <v>22850</v>
      </c>
      <c r="E803" s="210">
        <v>1986</v>
      </c>
      <c r="F803" s="210">
        <v>683</v>
      </c>
      <c r="G803" s="113" t="s">
        <v>1</v>
      </c>
      <c r="H803" s="113">
        <v>0</v>
      </c>
      <c r="I803" s="113">
        <v>0</v>
      </c>
      <c r="J803" s="115">
        <v>1</v>
      </c>
      <c r="K803" s="116" t="s">
        <v>174</v>
      </c>
      <c r="L803" s="115">
        <v>1</v>
      </c>
      <c r="M803" s="115">
        <v>0</v>
      </c>
      <c r="N803" s="115">
        <v>0</v>
      </c>
      <c r="O803" s="115">
        <v>1</v>
      </c>
      <c r="P803" s="115">
        <v>1</v>
      </c>
      <c r="Q803" s="115" t="s">
        <v>400</v>
      </c>
      <c r="R803" s="115">
        <v>0</v>
      </c>
      <c r="S803" s="115">
        <v>0</v>
      </c>
      <c r="T803" s="115">
        <v>0</v>
      </c>
      <c r="U803" s="119"/>
      <c r="V803" s="119"/>
      <c r="W803" s="119"/>
      <c r="X803" s="119"/>
      <c r="Y803" s="119"/>
      <c r="Z803" s="119"/>
      <c r="AA803" s="119"/>
      <c r="AB803" s="119"/>
      <c r="AC803" s="119"/>
      <c r="AD803" s="119"/>
      <c r="AE803" s="119"/>
      <c r="AF803" s="119"/>
      <c r="AG803" s="119"/>
      <c r="AH803" s="119"/>
      <c r="AI803" s="119"/>
      <c r="AJ803" s="119"/>
      <c r="AK803" s="119"/>
      <c r="AL803" s="119"/>
      <c r="AM803" s="119"/>
      <c r="AN803" s="119"/>
      <c r="AO803" s="119"/>
      <c r="AP803" s="119"/>
      <c r="AQ803" s="119"/>
      <c r="AR803" s="119"/>
      <c r="AS803" s="119"/>
      <c r="AT803" s="119"/>
      <c r="AU803" s="119"/>
      <c r="AV803" s="119"/>
      <c r="AW803" s="119"/>
      <c r="AX803" s="119"/>
      <c r="AY803" s="119"/>
      <c r="AZ803" s="119"/>
      <c r="BA803" s="119"/>
      <c r="BB803" s="107">
        <v>45884</v>
      </c>
    </row>
    <row r="804" spans="1:54" s="207" customFormat="1" ht="13.95" customHeight="1" x14ac:dyDescent="0.25">
      <c r="A804" s="208" t="s">
        <v>2000</v>
      </c>
      <c r="B804" s="209" t="s">
        <v>20420</v>
      </c>
      <c r="C804" s="113" t="s">
        <v>2001</v>
      </c>
      <c r="D804" s="113" t="s">
        <v>22851</v>
      </c>
      <c r="E804" s="210">
        <v>1994</v>
      </c>
      <c r="F804" s="210">
        <v>683</v>
      </c>
      <c r="G804" s="113" t="s">
        <v>1</v>
      </c>
      <c r="H804" s="113">
        <v>0</v>
      </c>
      <c r="I804" s="113">
        <v>0</v>
      </c>
      <c r="J804" s="115">
        <v>1</v>
      </c>
      <c r="K804" s="116" t="s">
        <v>174</v>
      </c>
      <c r="L804" s="115">
        <v>1</v>
      </c>
      <c r="M804" s="115">
        <v>0</v>
      </c>
      <c r="N804" s="115">
        <v>0</v>
      </c>
      <c r="O804" s="115">
        <v>1</v>
      </c>
      <c r="P804" s="115">
        <v>1</v>
      </c>
      <c r="Q804" s="115">
        <v>1</v>
      </c>
      <c r="R804" s="115">
        <v>1</v>
      </c>
      <c r="S804" s="115">
        <v>0</v>
      </c>
      <c r="T804" s="115">
        <v>0</v>
      </c>
      <c r="U804" s="119"/>
      <c r="V804" s="119"/>
      <c r="W804" s="119"/>
      <c r="X804" s="119"/>
      <c r="Y804" s="119"/>
      <c r="Z804" s="119"/>
      <c r="AA804" s="119"/>
      <c r="AB804" s="119"/>
      <c r="AC804" s="119"/>
      <c r="AD804" s="119"/>
      <c r="AE804" s="119"/>
      <c r="AF804" s="119"/>
      <c r="AG804" s="119"/>
      <c r="AH804" s="119"/>
      <c r="AI804" s="119"/>
      <c r="AJ804" s="119"/>
      <c r="AK804" s="119"/>
      <c r="AL804" s="119"/>
      <c r="AM804" s="119"/>
      <c r="AN804" s="119"/>
      <c r="AO804" s="119"/>
      <c r="AP804" s="119"/>
      <c r="AQ804" s="119"/>
      <c r="AR804" s="119"/>
      <c r="AS804" s="119"/>
      <c r="AT804" s="119"/>
      <c r="AU804" s="119"/>
      <c r="AV804" s="119"/>
      <c r="AW804" s="119"/>
      <c r="AX804" s="119"/>
      <c r="AY804" s="119"/>
      <c r="AZ804" s="119"/>
      <c r="BA804" s="119"/>
      <c r="BB804" s="107">
        <v>45884</v>
      </c>
    </row>
    <row r="805" spans="1:54" s="207" customFormat="1" ht="13.95" customHeight="1" x14ac:dyDescent="0.25">
      <c r="A805" s="208" t="s">
        <v>2002</v>
      </c>
      <c r="B805" s="209" t="s">
        <v>20420</v>
      </c>
      <c r="C805" s="113" t="s">
        <v>2003</v>
      </c>
      <c r="D805" s="113" t="s">
        <v>22763</v>
      </c>
      <c r="E805" s="210">
        <v>1977</v>
      </c>
      <c r="F805" s="210">
        <v>683</v>
      </c>
      <c r="G805" s="113" t="s">
        <v>1</v>
      </c>
      <c r="H805" s="113">
        <v>0</v>
      </c>
      <c r="I805" s="113">
        <v>0</v>
      </c>
      <c r="J805" s="115">
        <v>1</v>
      </c>
      <c r="K805" s="116" t="s">
        <v>174</v>
      </c>
      <c r="L805" s="115">
        <v>1</v>
      </c>
      <c r="M805" s="115">
        <v>1</v>
      </c>
      <c r="N805" s="115">
        <v>0</v>
      </c>
      <c r="O805" s="115">
        <v>1</v>
      </c>
      <c r="P805" s="115" t="s">
        <v>400</v>
      </c>
      <c r="Q805" s="115" t="s">
        <v>400</v>
      </c>
      <c r="R805" s="115">
        <v>0</v>
      </c>
      <c r="S805" s="115">
        <v>0</v>
      </c>
      <c r="T805" s="115">
        <v>0</v>
      </c>
      <c r="U805" s="119"/>
      <c r="V805" s="119"/>
      <c r="W805" s="119"/>
      <c r="X805" s="119"/>
      <c r="Y805" s="119"/>
      <c r="Z805" s="119"/>
      <c r="AA805" s="119"/>
      <c r="AB805" s="119"/>
      <c r="AC805" s="119"/>
      <c r="AD805" s="119"/>
      <c r="AE805" s="119"/>
      <c r="AF805" s="119"/>
      <c r="AG805" s="119"/>
      <c r="AH805" s="119"/>
      <c r="AI805" s="119"/>
      <c r="AJ805" s="119"/>
      <c r="AK805" s="119"/>
      <c r="AL805" s="119"/>
      <c r="AM805" s="119"/>
      <c r="AN805" s="119"/>
      <c r="AO805" s="119"/>
      <c r="AP805" s="119"/>
      <c r="AQ805" s="119"/>
      <c r="AR805" s="119"/>
      <c r="AS805" s="119"/>
      <c r="AT805" s="119"/>
      <c r="AU805" s="119"/>
      <c r="AV805" s="119"/>
      <c r="AW805" s="119"/>
      <c r="AX805" s="119"/>
      <c r="AY805" s="119"/>
      <c r="AZ805" s="119"/>
      <c r="BA805" s="119"/>
      <c r="BB805" s="107">
        <v>45884</v>
      </c>
    </row>
    <row r="806" spans="1:54" s="207" customFormat="1" ht="13.95" customHeight="1" x14ac:dyDescent="0.25">
      <c r="A806" s="208" t="s">
        <v>2004</v>
      </c>
      <c r="B806" s="209" t="s">
        <v>20420</v>
      </c>
      <c r="C806" s="113" t="s">
        <v>2005</v>
      </c>
      <c r="D806" s="113" t="s">
        <v>22852</v>
      </c>
      <c r="E806" s="210">
        <v>1978</v>
      </c>
      <c r="F806" s="210">
        <v>685</v>
      </c>
      <c r="G806" s="113" t="s">
        <v>1</v>
      </c>
      <c r="H806" s="113">
        <v>0</v>
      </c>
      <c r="I806" s="113">
        <v>0</v>
      </c>
      <c r="J806" s="115">
        <v>1</v>
      </c>
      <c r="K806" s="116" t="s">
        <v>174</v>
      </c>
      <c r="L806" s="115">
        <v>1</v>
      </c>
      <c r="M806" s="115">
        <v>0</v>
      </c>
      <c r="N806" s="115">
        <v>0</v>
      </c>
      <c r="O806" s="115">
        <v>1</v>
      </c>
      <c r="P806" s="115">
        <v>1</v>
      </c>
      <c r="Q806" s="115" t="s">
        <v>400</v>
      </c>
      <c r="R806" s="115">
        <v>0</v>
      </c>
      <c r="S806" s="115">
        <v>0</v>
      </c>
      <c r="T806" s="115">
        <v>0</v>
      </c>
      <c r="U806" s="119"/>
      <c r="V806" s="119"/>
      <c r="W806" s="119"/>
      <c r="X806" s="119"/>
      <c r="Y806" s="119"/>
      <c r="Z806" s="119"/>
      <c r="AA806" s="119"/>
      <c r="AB806" s="119"/>
      <c r="AC806" s="119"/>
      <c r="AD806" s="119"/>
      <c r="AE806" s="119"/>
      <c r="AF806" s="119"/>
      <c r="AG806" s="119"/>
      <c r="AH806" s="119"/>
      <c r="AI806" s="119"/>
      <c r="AJ806" s="119"/>
      <c r="AK806" s="119"/>
      <c r="AL806" s="119"/>
      <c r="AM806" s="119"/>
      <c r="AN806" s="119"/>
      <c r="AO806" s="119"/>
      <c r="AP806" s="119"/>
      <c r="AQ806" s="119"/>
      <c r="AR806" s="119"/>
      <c r="AS806" s="119"/>
      <c r="AT806" s="119"/>
      <c r="AU806" s="119"/>
      <c r="AV806" s="119"/>
      <c r="AW806" s="119"/>
      <c r="AX806" s="119"/>
      <c r="AY806" s="119"/>
      <c r="AZ806" s="119"/>
      <c r="BA806" s="119"/>
      <c r="BB806" s="107">
        <v>45884</v>
      </c>
    </row>
    <row r="807" spans="1:54" s="207" customFormat="1" ht="13.95" customHeight="1" x14ac:dyDescent="0.25">
      <c r="A807" s="208" t="s">
        <v>2006</v>
      </c>
      <c r="B807" s="209" t="s">
        <v>20420</v>
      </c>
      <c r="C807" s="113" t="s">
        <v>2007</v>
      </c>
      <c r="D807" s="113" t="s">
        <v>2008</v>
      </c>
      <c r="E807" s="210">
        <v>1996</v>
      </c>
      <c r="F807" s="210">
        <v>687</v>
      </c>
      <c r="G807" s="113" t="s">
        <v>1</v>
      </c>
      <c r="H807" s="113">
        <v>0</v>
      </c>
      <c r="I807" s="113">
        <v>0</v>
      </c>
      <c r="J807" s="115">
        <v>0</v>
      </c>
      <c r="K807" s="116" t="s">
        <v>174</v>
      </c>
      <c r="L807" s="115">
        <v>0</v>
      </c>
      <c r="M807" s="115">
        <v>0</v>
      </c>
      <c r="N807" s="115">
        <v>1</v>
      </c>
      <c r="O807" s="115">
        <v>0</v>
      </c>
      <c r="P807" s="115" t="s">
        <v>400</v>
      </c>
      <c r="Q807" s="115" t="s">
        <v>400</v>
      </c>
      <c r="R807" s="115">
        <v>0</v>
      </c>
      <c r="S807" s="115">
        <v>0</v>
      </c>
      <c r="T807" s="115">
        <v>0</v>
      </c>
      <c r="U807" s="119"/>
      <c r="V807" s="119"/>
      <c r="W807" s="119"/>
      <c r="X807" s="119"/>
      <c r="Y807" s="119"/>
      <c r="Z807" s="119"/>
      <c r="AA807" s="119"/>
      <c r="AB807" s="119"/>
      <c r="AC807" s="119"/>
      <c r="AD807" s="119"/>
      <c r="AE807" s="119"/>
      <c r="AF807" s="119"/>
      <c r="AG807" s="119"/>
      <c r="AH807" s="119"/>
      <c r="AI807" s="119"/>
      <c r="AJ807" s="119"/>
      <c r="AK807" s="119"/>
      <c r="AL807" s="119"/>
      <c r="AM807" s="119"/>
      <c r="AN807" s="119"/>
      <c r="AO807" s="119"/>
      <c r="AP807" s="119"/>
      <c r="AQ807" s="119"/>
      <c r="AR807" s="119"/>
      <c r="AS807" s="119"/>
      <c r="AT807" s="119"/>
      <c r="AU807" s="119"/>
      <c r="AV807" s="119"/>
      <c r="AW807" s="119"/>
      <c r="AX807" s="119"/>
      <c r="AY807" s="119"/>
      <c r="AZ807" s="119"/>
      <c r="BA807" s="119"/>
      <c r="BB807" s="107">
        <v>45884</v>
      </c>
    </row>
    <row r="808" spans="1:54" s="207" customFormat="1" ht="13.95" customHeight="1" x14ac:dyDescent="0.25">
      <c r="A808" s="208" t="s">
        <v>2009</v>
      </c>
      <c r="B808" s="209" t="s">
        <v>20420</v>
      </c>
      <c r="C808" s="113" t="s">
        <v>2010</v>
      </c>
      <c r="D808" s="113" t="s">
        <v>22853</v>
      </c>
      <c r="E808" s="210">
        <v>1985</v>
      </c>
      <c r="F808" s="210">
        <v>687</v>
      </c>
      <c r="G808" s="113" t="s">
        <v>1</v>
      </c>
      <c r="H808" s="113">
        <v>0</v>
      </c>
      <c r="I808" s="113">
        <v>0</v>
      </c>
      <c r="J808" s="115">
        <v>1</v>
      </c>
      <c r="K808" s="116" t="s">
        <v>174</v>
      </c>
      <c r="L808" s="115">
        <v>1</v>
      </c>
      <c r="M808" s="115">
        <v>0</v>
      </c>
      <c r="N808" s="115">
        <v>0</v>
      </c>
      <c r="O808" s="115">
        <v>1</v>
      </c>
      <c r="P808" s="115">
        <v>1</v>
      </c>
      <c r="Q808" s="115" t="s">
        <v>400</v>
      </c>
      <c r="R808" s="115">
        <v>1</v>
      </c>
      <c r="S808" s="115">
        <v>0</v>
      </c>
      <c r="T808" s="115">
        <v>0</v>
      </c>
      <c r="U808" s="119"/>
      <c r="V808" s="119"/>
      <c r="W808" s="119"/>
      <c r="X808" s="119"/>
      <c r="Y808" s="119"/>
      <c r="Z808" s="119"/>
      <c r="AA808" s="119"/>
      <c r="AB808" s="119"/>
      <c r="AC808" s="119"/>
      <c r="AD808" s="119"/>
      <c r="AE808" s="119"/>
      <c r="AF808" s="119"/>
      <c r="AG808" s="119"/>
      <c r="AH808" s="119"/>
      <c r="AI808" s="119"/>
      <c r="AJ808" s="119"/>
      <c r="AK808" s="119"/>
      <c r="AL808" s="119"/>
      <c r="AM808" s="119"/>
      <c r="AN808" s="119"/>
      <c r="AO808" s="119"/>
      <c r="AP808" s="119"/>
      <c r="AQ808" s="119"/>
      <c r="AR808" s="119"/>
      <c r="AS808" s="119"/>
      <c r="AT808" s="119"/>
      <c r="AU808" s="119"/>
      <c r="AV808" s="119"/>
      <c r="AW808" s="119"/>
      <c r="AX808" s="119"/>
      <c r="AY808" s="119"/>
      <c r="AZ808" s="119"/>
      <c r="BA808" s="119"/>
      <c r="BB808" s="107">
        <v>45884</v>
      </c>
    </row>
    <row r="809" spans="1:54" s="207" customFormat="1" ht="13.95" customHeight="1" x14ac:dyDescent="0.25">
      <c r="A809" s="208" t="s">
        <v>2011</v>
      </c>
      <c r="B809" s="209" t="s">
        <v>20420</v>
      </c>
      <c r="C809" s="113" t="s">
        <v>2012</v>
      </c>
      <c r="D809" s="113" t="s">
        <v>2013</v>
      </c>
      <c r="E809" s="210">
        <v>2003</v>
      </c>
      <c r="F809" s="210">
        <v>687</v>
      </c>
      <c r="G809" s="113" t="s">
        <v>1</v>
      </c>
      <c r="H809" s="113">
        <v>0</v>
      </c>
      <c r="I809" s="113">
        <v>0</v>
      </c>
      <c r="J809" s="115">
        <v>1</v>
      </c>
      <c r="K809" s="116" t="s">
        <v>174</v>
      </c>
      <c r="L809" s="115">
        <v>1</v>
      </c>
      <c r="M809" s="115">
        <v>1</v>
      </c>
      <c r="N809" s="115">
        <v>0</v>
      </c>
      <c r="O809" s="115">
        <v>0</v>
      </c>
      <c r="P809" s="115" t="s">
        <v>400</v>
      </c>
      <c r="Q809" s="115" t="s">
        <v>400</v>
      </c>
      <c r="R809" s="115">
        <v>0</v>
      </c>
      <c r="S809" s="115">
        <v>0</v>
      </c>
      <c r="T809" s="115">
        <v>0</v>
      </c>
      <c r="U809" s="119"/>
      <c r="V809" s="119"/>
      <c r="W809" s="119"/>
      <c r="X809" s="119"/>
      <c r="Y809" s="119"/>
      <c r="Z809" s="119"/>
      <c r="AA809" s="119"/>
      <c r="AB809" s="119"/>
      <c r="AC809" s="119"/>
      <c r="AD809" s="119"/>
      <c r="AE809" s="119"/>
      <c r="AF809" s="119"/>
      <c r="AG809" s="119"/>
      <c r="AH809" s="119"/>
      <c r="AI809" s="119"/>
      <c r="AJ809" s="119"/>
      <c r="AK809" s="119"/>
      <c r="AL809" s="119"/>
      <c r="AM809" s="119"/>
      <c r="AN809" s="119"/>
      <c r="AO809" s="119"/>
      <c r="AP809" s="119"/>
      <c r="AQ809" s="119"/>
      <c r="AR809" s="119"/>
      <c r="AS809" s="119"/>
      <c r="AT809" s="119"/>
      <c r="AU809" s="119"/>
      <c r="AV809" s="119"/>
      <c r="AW809" s="119"/>
      <c r="AX809" s="119"/>
      <c r="AY809" s="119"/>
      <c r="AZ809" s="119"/>
      <c r="BA809" s="119"/>
      <c r="BB809" s="107">
        <v>45884</v>
      </c>
    </row>
    <row r="810" spans="1:54" s="207" customFormat="1" ht="13.95" customHeight="1" x14ac:dyDescent="0.25">
      <c r="A810" s="208" t="s">
        <v>2014</v>
      </c>
      <c r="B810" s="209" t="s">
        <v>20420</v>
      </c>
      <c r="C810" s="113" t="s">
        <v>2015</v>
      </c>
      <c r="D810" s="113" t="s">
        <v>2016</v>
      </c>
      <c r="E810" s="210">
        <v>1996</v>
      </c>
      <c r="F810" s="210">
        <v>690</v>
      </c>
      <c r="G810" s="113" t="s">
        <v>1</v>
      </c>
      <c r="H810" s="113">
        <v>0</v>
      </c>
      <c r="I810" s="113">
        <v>0</v>
      </c>
      <c r="J810" s="115">
        <v>1</v>
      </c>
      <c r="K810" s="116" t="s">
        <v>174</v>
      </c>
      <c r="L810" s="115">
        <v>1</v>
      </c>
      <c r="M810" s="115">
        <v>1</v>
      </c>
      <c r="N810" s="115">
        <v>0</v>
      </c>
      <c r="O810" s="115">
        <v>0</v>
      </c>
      <c r="P810" s="115" t="s">
        <v>400</v>
      </c>
      <c r="Q810" s="115" t="s">
        <v>400</v>
      </c>
      <c r="R810" s="115">
        <v>0</v>
      </c>
      <c r="S810" s="115">
        <v>0</v>
      </c>
      <c r="T810" s="115">
        <v>0</v>
      </c>
      <c r="U810" s="119"/>
      <c r="V810" s="119"/>
      <c r="W810" s="119"/>
      <c r="X810" s="119"/>
      <c r="Y810" s="119"/>
      <c r="Z810" s="119"/>
      <c r="AA810" s="119"/>
      <c r="AB810" s="119"/>
      <c r="AC810" s="119"/>
      <c r="AD810" s="119"/>
      <c r="AE810" s="119"/>
      <c r="AF810" s="119"/>
      <c r="AG810" s="119"/>
      <c r="AH810" s="119"/>
      <c r="AI810" s="119"/>
      <c r="AJ810" s="119"/>
      <c r="AK810" s="119"/>
      <c r="AL810" s="119"/>
      <c r="AM810" s="119"/>
      <c r="AN810" s="119"/>
      <c r="AO810" s="119"/>
      <c r="AP810" s="119"/>
      <c r="AQ810" s="119"/>
      <c r="AR810" s="119"/>
      <c r="AS810" s="119"/>
      <c r="AT810" s="119"/>
      <c r="AU810" s="119"/>
      <c r="AV810" s="119"/>
      <c r="AW810" s="119"/>
      <c r="AX810" s="119"/>
      <c r="AY810" s="119"/>
      <c r="AZ810" s="119"/>
      <c r="BA810" s="119"/>
      <c r="BB810" s="107">
        <v>45884</v>
      </c>
    </row>
    <row r="811" spans="1:54" s="207" customFormat="1" ht="13.95" customHeight="1" x14ac:dyDescent="0.25">
      <c r="A811" s="208" t="s">
        <v>2017</v>
      </c>
      <c r="B811" s="209" t="s">
        <v>20420</v>
      </c>
      <c r="C811" s="113" t="s">
        <v>2018</v>
      </c>
      <c r="D811" s="113" t="s">
        <v>22854</v>
      </c>
      <c r="E811" s="210">
        <v>1966</v>
      </c>
      <c r="F811" s="210">
        <v>690</v>
      </c>
      <c r="G811" s="113" t="s">
        <v>1</v>
      </c>
      <c r="H811" s="113">
        <v>0</v>
      </c>
      <c r="I811" s="113">
        <v>0</v>
      </c>
      <c r="J811" s="115">
        <v>1</v>
      </c>
      <c r="K811" s="116" t="s">
        <v>174</v>
      </c>
      <c r="L811" s="115">
        <v>0</v>
      </c>
      <c r="M811" s="115">
        <v>0</v>
      </c>
      <c r="N811" s="115">
        <v>0</v>
      </c>
      <c r="O811" s="115">
        <v>1</v>
      </c>
      <c r="P811" s="115" t="s">
        <v>400</v>
      </c>
      <c r="Q811" s="115" t="s">
        <v>400</v>
      </c>
      <c r="R811" s="115">
        <v>0</v>
      </c>
      <c r="S811" s="115">
        <v>0</v>
      </c>
      <c r="T811" s="115">
        <v>0</v>
      </c>
      <c r="U811" s="119"/>
      <c r="V811" s="119"/>
      <c r="W811" s="119"/>
      <c r="X811" s="119"/>
      <c r="Y811" s="119"/>
      <c r="Z811" s="119"/>
      <c r="AA811" s="119"/>
      <c r="AB811" s="119"/>
      <c r="AC811" s="119"/>
      <c r="AD811" s="119"/>
      <c r="AE811" s="119"/>
      <c r="AF811" s="119"/>
      <c r="AG811" s="119"/>
      <c r="AH811" s="119"/>
      <c r="AI811" s="119"/>
      <c r="AJ811" s="119"/>
      <c r="AK811" s="119"/>
      <c r="AL811" s="119"/>
      <c r="AM811" s="119"/>
      <c r="AN811" s="119"/>
      <c r="AO811" s="119"/>
      <c r="AP811" s="119"/>
      <c r="AQ811" s="119"/>
      <c r="AR811" s="119"/>
      <c r="AS811" s="119"/>
      <c r="AT811" s="119"/>
      <c r="AU811" s="119"/>
      <c r="AV811" s="119"/>
      <c r="AW811" s="119"/>
      <c r="AX811" s="119"/>
      <c r="AY811" s="119"/>
      <c r="AZ811" s="119"/>
      <c r="BA811" s="119"/>
      <c r="BB811" s="107">
        <v>45884</v>
      </c>
    </row>
    <row r="812" spans="1:54" s="207" customFormat="1" ht="13.95" customHeight="1" x14ac:dyDescent="0.25">
      <c r="A812" s="208" t="s">
        <v>2019</v>
      </c>
      <c r="B812" s="209" t="s">
        <v>20420</v>
      </c>
      <c r="C812" s="113" t="s">
        <v>2020</v>
      </c>
      <c r="D812" s="113" t="s">
        <v>2021</v>
      </c>
      <c r="E812" s="210">
        <v>1993</v>
      </c>
      <c r="F812" s="210">
        <v>691</v>
      </c>
      <c r="G812" s="113" t="s">
        <v>1</v>
      </c>
      <c r="H812" s="113">
        <v>0</v>
      </c>
      <c r="I812" s="113">
        <v>0</v>
      </c>
      <c r="J812" s="115">
        <v>1</v>
      </c>
      <c r="K812" s="116" t="s">
        <v>174</v>
      </c>
      <c r="L812" s="115">
        <v>1</v>
      </c>
      <c r="M812" s="115">
        <v>0</v>
      </c>
      <c r="N812" s="115">
        <v>0</v>
      </c>
      <c r="O812" s="115">
        <v>0</v>
      </c>
      <c r="P812" s="115" t="s">
        <v>400</v>
      </c>
      <c r="Q812" s="115" t="s">
        <v>400</v>
      </c>
      <c r="R812" s="115">
        <v>1</v>
      </c>
      <c r="S812" s="115">
        <v>0</v>
      </c>
      <c r="T812" s="115">
        <v>0</v>
      </c>
      <c r="U812" s="119"/>
      <c r="V812" s="119"/>
      <c r="W812" s="119"/>
      <c r="X812" s="119"/>
      <c r="Y812" s="119"/>
      <c r="Z812" s="119"/>
      <c r="AA812" s="119"/>
      <c r="AB812" s="119"/>
      <c r="AC812" s="119"/>
      <c r="AD812" s="119"/>
      <c r="AE812" s="119"/>
      <c r="AF812" s="119"/>
      <c r="AG812" s="119"/>
      <c r="AH812" s="119"/>
      <c r="AI812" s="119"/>
      <c r="AJ812" s="119"/>
      <c r="AK812" s="119"/>
      <c r="AL812" s="119"/>
      <c r="AM812" s="119"/>
      <c r="AN812" s="119"/>
      <c r="AO812" s="119"/>
      <c r="AP812" s="119"/>
      <c r="AQ812" s="119"/>
      <c r="AR812" s="119"/>
      <c r="AS812" s="119"/>
      <c r="AT812" s="119"/>
      <c r="AU812" s="119"/>
      <c r="AV812" s="119"/>
      <c r="AW812" s="119"/>
      <c r="AX812" s="119"/>
      <c r="AY812" s="119"/>
      <c r="AZ812" s="119"/>
      <c r="BA812" s="119"/>
      <c r="BB812" s="107">
        <v>45884</v>
      </c>
    </row>
    <row r="813" spans="1:54" s="207" customFormat="1" ht="13.95" customHeight="1" x14ac:dyDescent="0.25">
      <c r="A813" s="208" t="s">
        <v>2022</v>
      </c>
      <c r="B813" s="209" t="s">
        <v>20420</v>
      </c>
      <c r="C813" s="113" t="s">
        <v>2023</v>
      </c>
      <c r="D813" s="113" t="s">
        <v>22855</v>
      </c>
      <c r="E813" s="210">
        <v>1979</v>
      </c>
      <c r="F813" s="210">
        <v>695</v>
      </c>
      <c r="G813" s="113" t="s">
        <v>1</v>
      </c>
      <c r="H813" s="113">
        <v>0</v>
      </c>
      <c r="I813" s="113">
        <v>0</v>
      </c>
      <c r="J813" s="115">
        <v>1</v>
      </c>
      <c r="K813" s="116" t="s">
        <v>174</v>
      </c>
      <c r="L813" s="115">
        <v>1</v>
      </c>
      <c r="M813" s="115">
        <v>1</v>
      </c>
      <c r="N813" s="115">
        <v>0</v>
      </c>
      <c r="O813" s="115">
        <v>0</v>
      </c>
      <c r="P813" s="115" t="s">
        <v>400</v>
      </c>
      <c r="Q813" s="115" t="s">
        <v>400</v>
      </c>
      <c r="R813" s="115">
        <v>0</v>
      </c>
      <c r="S813" s="115">
        <v>0</v>
      </c>
      <c r="T813" s="115">
        <v>0</v>
      </c>
      <c r="U813" s="119"/>
      <c r="V813" s="119"/>
      <c r="W813" s="119"/>
      <c r="X813" s="119"/>
      <c r="Y813" s="119"/>
      <c r="Z813" s="119"/>
      <c r="AA813" s="119"/>
      <c r="AB813" s="119"/>
      <c r="AC813" s="119"/>
      <c r="AD813" s="119"/>
      <c r="AE813" s="119"/>
      <c r="AF813" s="119"/>
      <c r="AG813" s="119"/>
      <c r="AH813" s="119"/>
      <c r="AI813" s="119"/>
      <c r="AJ813" s="119"/>
      <c r="AK813" s="119"/>
      <c r="AL813" s="119"/>
      <c r="AM813" s="119"/>
      <c r="AN813" s="119"/>
      <c r="AO813" s="119"/>
      <c r="AP813" s="119"/>
      <c r="AQ813" s="119"/>
      <c r="AR813" s="119"/>
      <c r="AS813" s="119"/>
      <c r="AT813" s="119"/>
      <c r="AU813" s="119"/>
      <c r="AV813" s="119"/>
      <c r="AW813" s="119"/>
      <c r="AX813" s="119"/>
      <c r="AY813" s="119"/>
      <c r="AZ813" s="119"/>
      <c r="BA813" s="119"/>
      <c r="BB813" s="107">
        <v>45884</v>
      </c>
    </row>
    <row r="814" spans="1:54" s="207" customFormat="1" ht="13.95" customHeight="1" x14ac:dyDescent="0.25">
      <c r="A814" s="208" t="s">
        <v>2024</v>
      </c>
      <c r="B814" s="209" t="s">
        <v>20420</v>
      </c>
      <c r="C814" s="113" t="s">
        <v>2025</v>
      </c>
      <c r="D814" s="113" t="s">
        <v>22856</v>
      </c>
      <c r="E814" s="210">
        <v>1999</v>
      </c>
      <c r="F814" s="210">
        <v>697</v>
      </c>
      <c r="G814" s="113" t="s">
        <v>1</v>
      </c>
      <c r="H814" s="113">
        <v>0</v>
      </c>
      <c r="I814" s="113">
        <v>0</v>
      </c>
      <c r="J814" s="115">
        <v>1</v>
      </c>
      <c r="K814" s="116" t="s">
        <v>174</v>
      </c>
      <c r="L814" s="115">
        <v>1</v>
      </c>
      <c r="M814" s="115">
        <v>1</v>
      </c>
      <c r="N814" s="115">
        <v>0</v>
      </c>
      <c r="O814" s="115">
        <v>0</v>
      </c>
      <c r="P814" s="115" t="s">
        <v>400</v>
      </c>
      <c r="Q814" s="115" t="s">
        <v>400</v>
      </c>
      <c r="R814" s="115">
        <v>1</v>
      </c>
      <c r="S814" s="115">
        <v>0</v>
      </c>
      <c r="T814" s="115">
        <v>0</v>
      </c>
      <c r="U814" s="119"/>
      <c r="V814" s="119"/>
      <c r="W814" s="119"/>
      <c r="X814" s="119"/>
      <c r="Y814" s="119"/>
      <c r="Z814" s="119"/>
      <c r="AA814" s="119"/>
      <c r="AB814" s="119"/>
      <c r="AC814" s="119"/>
      <c r="AD814" s="119"/>
      <c r="AE814" s="119"/>
      <c r="AF814" s="119"/>
      <c r="AG814" s="119"/>
      <c r="AH814" s="119"/>
      <c r="AI814" s="119"/>
      <c r="AJ814" s="119"/>
      <c r="AK814" s="119"/>
      <c r="AL814" s="119"/>
      <c r="AM814" s="119"/>
      <c r="AN814" s="119"/>
      <c r="AO814" s="119"/>
      <c r="AP814" s="119"/>
      <c r="AQ814" s="119"/>
      <c r="AR814" s="119"/>
      <c r="AS814" s="119"/>
      <c r="AT814" s="119"/>
      <c r="AU814" s="119"/>
      <c r="AV814" s="119"/>
      <c r="AW814" s="119"/>
      <c r="AX814" s="119"/>
      <c r="AY814" s="119"/>
      <c r="AZ814" s="119"/>
      <c r="BA814" s="119"/>
      <c r="BB814" s="107">
        <v>45884</v>
      </c>
    </row>
    <row r="815" spans="1:54" s="207" customFormat="1" ht="13.95" customHeight="1" x14ac:dyDescent="0.25">
      <c r="A815" s="208" t="s">
        <v>2026</v>
      </c>
      <c r="B815" s="209" t="s">
        <v>20420</v>
      </c>
      <c r="C815" s="113" t="s">
        <v>2027</v>
      </c>
      <c r="D815" s="113" t="s">
        <v>2028</v>
      </c>
      <c r="E815" s="210">
        <v>1994</v>
      </c>
      <c r="F815" s="210">
        <v>697</v>
      </c>
      <c r="G815" s="113" t="s">
        <v>1</v>
      </c>
      <c r="H815" s="113">
        <v>0</v>
      </c>
      <c r="I815" s="113">
        <v>0</v>
      </c>
      <c r="J815" s="115">
        <v>1</v>
      </c>
      <c r="K815" s="116" t="s">
        <v>174</v>
      </c>
      <c r="L815" s="115">
        <v>1</v>
      </c>
      <c r="M815" s="115">
        <v>0</v>
      </c>
      <c r="N815" s="115">
        <v>0</v>
      </c>
      <c r="O815" s="115">
        <v>1</v>
      </c>
      <c r="P815" s="115">
        <v>1</v>
      </c>
      <c r="Q815" s="115" t="s">
        <v>400</v>
      </c>
      <c r="R815" s="115">
        <v>1</v>
      </c>
      <c r="S815" s="115">
        <v>0</v>
      </c>
      <c r="T815" s="115">
        <v>0</v>
      </c>
      <c r="U815" s="119"/>
      <c r="V815" s="119"/>
      <c r="W815" s="119"/>
      <c r="X815" s="119"/>
      <c r="Y815" s="119"/>
      <c r="Z815" s="119"/>
      <c r="AA815" s="119"/>
      <c r="AB815" s="119"/>
      <c r="AC815" s="119"/>
      <c r="AD815" s="119"/>
      <c r="AE815" s="119"/>
      <c r="AF815" s="119"/>
      <c r="AG815" s="119"/>
      <c r="AH815" s="119"/>
      <c r="AI815" s="119"/>
      <c r="AJ815" s="119"/>
      <c r="AK815" s="119"/>
      <c r="AL815" s="119"/>
      <c r="AM815" s="119"/>
      <c r="AN815" s="119"/>
      <c r="AO815" s="119"/>
      <c r="AP815" s="119"/>
      <c r="AQ815" s="119"/>
      <c r="AR815" s="119"/>
      <c r="AS815" s="119"/>
      <c r="AT815" s="119"/>
      <c r="AU815" s="119"/>
      <c r="AV815" s="119"/>
      <c r="AW815" s="119"/>
      <c r="AX815" s="119"/>
      <c r="AY815" s="119"/>
      <c r="AZ815" s="119"/>
      <c r="BA815" s="119"/>
      <c r="BB815" s="107">
        <v>45884</v>
      </c>
    </row>
    <row r="816" spans="1:54" s="207" customFormat="1" ht="13.95" customHeight="1" x14ac:dyDescent="0.25">
      <c r="A816" s="208" t="s">
        <v>2029</v>
      </c>
      <c r="B816" s="209" t="s">
        <v>20420</v>
      </c>
      <c r="C816" s="113" t="s">
        <v>2030</v>
      </c>
      <c r="D816" s="113" t="s">
        <v>22857</v>
      </c>
      <c r="E816" s="210">
        <v>1983</v>
      </c>
      <c r="F816" s="210">
        <v>697</v>
      </c>
      <c r="G816" s="113" t="s">
        <v>1</v>
      </c>
      <c r="H816" s="113">
        <v>0</v>
      </c>
      <c r="I816" s="113">
        <v>0</v>
      </c>
      <c r="J816" s="115">
        <v>1</v>
      </c>
      <c r="K816" s="116" t="s">
        <v>174</v>
      </c>
      <c r="L816" s="115">
        <v>0</v>
      </c>
      <c r="M816" s="115">
        <v>0</v>
      </c>
      <c r="N816" s="115">
        <v>0</v>
      </c>
      <c r="O816" s="115">
        <v>1</v>
      </c>
      <c r="P816" s="115">
        <v>1</v>
      </c>
      <c r="Q816" s="115" t="s">
        <v>400</v>
      </c>
      <c r="R816" s="115">
        <v>1</v>
      </c>
      <c r="S816" s="115">
        <v>0</v>
      </c>
      <c r="T816" s="115">
        <v>0</v>
      </c>
      <c r="U816" s="119"/>
      <c r="V816" s="119"/>
      <c r="W816" s="119"/>
      <c r="X816" s="119"/>
      <c r="Y816" s="119"/>
      <c r="Z816" s="119"/>
      <c r="AA816" s="119"/>
      <c r="AB816" s="119"/>
      <c r="AC816" s="119"/>
      <c r="AD816" s="119"/>
      <c r="AE816" s="119"/>
      <c r="AF816" s="119"/>
      <c r="AG816" s="119"/>
      <c r="AH816" s="119"/>
      <c r="AI816" s="119"/>
      <c r="AJ816" s="119"/>
      <c r="AK816" s="119"/>
      <c r="AL816" s="119"/>
      <c r="AM816" s="119"/>
      <c r="AN816" s="119"/>
      <c r="AO816" s="119"/>
      <c r="AP816" s="119"/>
      <c r="AQ816" s="119"/>
      <c r="AR816" s="119"/>
      <c r="AS816" s="119"/>
      <c r="AT816" s="119"/>
      <c r="AU816" s="119"/>
      <c r="AV816" s="119"/>
      <c r="AW816" s="119"/>
      <c r="AX816" s="119"/>
      <c r="AY816" s="119"/>
      <c r="AZ816" s="119"/>
      <c r="BA816" s="119"/>
      <c r="BB816" s="107">
        <v>45884</v>
      </c>
    </row>
    <row r="817" spans="1:54" s="207" customFormat="1" ht="13.95" customHeight="1" x14ac:dyDescent="0.25">
      <c r="A817" s="208" t="s">
        <v>2031</v>
      </c>
      <c r="B817" s="209" t="s">
        <v>20420</v>
      </c>
      <c r="C817" s="113" t="s">
        <v>2032</v>
      </c>
      <c r="D817" s="113" t="s">
        <v>22858</v>
      </c>
      <c r="E817" s="210">
        <v>1986</v>
      </c>
      <c r="F817" s="210">
        <v>698</v>
      </c>
      <c r="G817" s="113" t="s">
        <v>1</v>
      </c>
      <c r="H817" s="113">
        <v>0</v>
      </c>
      <c r="I817" s="113">
        <v>0</v>
      </c>
      <c r="J817" s="115">
        <v>1</v>
      </c>
      <c r="K817" s="116" t="s">
        <v>174</v>
      </c>
      <c r="L817" s="115">
        <v>1</v>
      </c>
      <c r="M817" s="115">
        <v>0</v>
      </c>
      <c r="N817" s="115">
        <v>0</v>
      </c>
      <c r="O817" s="115">
        <v>1</v>
      </c>
      <c r="P817" s="115">
        <v>1</v>
      </c>
      <c r="Q817" s="115" t="s">
        <v>400</v>
      </c>
      <c r="R817" s="115">
        <v>0</v>
      </c>
      <c r="S817" s="115">
        <v>0</v>
      </c>
      <c r="T817" s="115">
        <v>0</v>
      </c>
      <c r="U817" s="119"/>
      <c r="V817" s="119"/>
      <c r="W817" s="119"/>
      <c r="X817" s="119"/>
      <c r="Y817" s="119"/>
      <c r="Z817" s="119"/>
      <c r="AA817" s="119"/>
      <c r="AB817" s="119"/>
      <c r="AC817" s="119"/>
      <c r="AD817" s="119"/>
      <c r="AE817" s="119"/>
      <c r="AF817" s="119"/>
      <c r="AG817" s="119"/>
      <c r="AH817" s="119"/>
      <c r="AI817" s="119"/>
      <c r="AJ817" s="119"/>
      <c r="AK817" s="119"/>
      <c r="AL817" s="119"/>
      <c r="AM817" s="119"/>
      <c r="AN817" s="119"/>
      <c r="AO817" s="119"/>
      <c r="AP817" s="119"/>
      <c r="AQ817" s="119"/>
      <c r="AR817" s="119"/>
      <c r="AS817" s="119"/>
      <c r="AT817" s="119"/>
      <c r="AU817" s="119"/>
      <c r="AV817" s="119"/>
      <c r="AW817" s="119"/>
      <c r="AX817" s="119"/>
      <c r="AY817" s="119"/>
      <c r="AZ817" s="119"/>
      <c r="BA817" s="119"/>
      <c r="BB817" s="107">
        <v>45884</v>
      </c>
    </row>
    <row r="818" spans="1:54" s="207" customFormat="1" ht="13.95" customHeight="1" x14ac:dyDescent="0.25">
      <c r="A818" s="208" t="s">
        <v>2033</v>
      </c>
      <c r="B818" s="209" t="s">
        <v>20420</v>
      </c>
      <c r="C818" s="113" t="s">
        <v>2034</v>
      </c>
      <c r="D818" s="113" t="s">
        <v>22859</v>
      </c>
      <c r="E818" s="210">
        <v>1987</v>
      </c>
      <c r="F818" s="210">
        <v>700</v>
      </c>
      <c r="G818" s="113" t="s">
        <v>1</v>
      </c>
      <c r="H818" s="113">
        <v>0</v>
      </c>
      <c r="I818" s="113">
        <v>0</v>
      </c>
      <c r="J818" s="115">
        <v>1</v>
      </c>
      <c r="K818" s="116" t="s">
        <v>174</v>
      </c>
      <c r="L818" s="115">
        <v>1</v>
      </c>
      <c r="M818" s="115">
        <v>0</v>
      </c>
      <c r="N818" s="115">
        <v>0</v>
      </c>
      <c r="O818" s="115">
        <v>1</v>
      </c>
      <c r="P818" s="115">
        <v>1</v>
      </c>
      <c r="Q818" s="115" t="s">
        <v>400</v>
      </c>
      <c r="R818" s="115">
        <v>0</v>
      </c>
      <c r="S818" s="115">
        <v>0</v>
      </c>
      <c r="T818" s="115">
        <v>0</v>
      </c>
      <c r="U818" s="119"/>
      <c r="V818" s="119"/>
      <c r="W818" s="119"/>
      <c r="X818" s="119"/>
      <c r="Y818" s="119"/>
      <c r="Z818" s="119"/>
      <c r="AA818" s="119"/>
      <c r="AB818" s="119"/>
      <c r="AC818" s="119"/>
      <c r="AD818" s="119"/>
      <c r="AE818" s="119"/>
      <c r="AF818" s="119"/>
      <c r="AG818" s="119"/>
      <c r="AH818" s="119"/>
      <c r="AI818" s="119"/>
      <c r="AJ818" s="119"/>
      <c r="AK818" s="119"/>
      <c r="AL818" s="119"/>
      <c r="AM818" s="119"/>
      <c r="AN818" s="119"/>
      <c r="AO818" s="119"/>
      <c r="AP818" s="119"/>
      <c r="AQ818" s="119"/>
      <c r="AR818" s="119"/>
      <c r="AS818" s="119"/>
      <c r="AT818" s="119"/>
      <c r="AU818" s="119"/>
      <c r="AV818" s="119"/>
      <c r="AW818" s="119"/>
      <c r="AX818" s="119"/>
      <c r="AY818" s="119"/>
      <c r="AZ818" s="119"/>
      <c r="BA818" s="119"/>
      <c r="BB818" s="107">
        <v>45884</v>
      </c>
    </row>
    <row r="819" spans="1:54" s="207" customFormat="1" ht="13.95" customHeight="1" x14ac:dyDescent="0.25">
      <c r="A819" s="208" t="s">
        <v>2035</v>
      </c>
      <c r="B819" s="209" t="s">
        <v>20420</v>
      </c>
      <c r="C819" s="113" t="s">
        <v>2036</v>
      </c>
      <c r="D819" s="113" t="s">
        <v>2037</v>
      </c>
      <c r="E819" s="210">
        <v>1989</v>
      </c>
      <c r="F819" s="210">
        <v>700</v>
      </c>
      <c r="G819" s="113" t="s">
        <v>1</v>
      </c>
      <c r="H819" s="113">
        <v>0</v>
      </c>
      <c r="I819" s="113">
        <v>0</v>
      </c>
      <c r="J819" s="115">
        <v>1</v>
      </c>
      <c r="K819" s="116" t="s">
        <v>174</v>
      </c>
      <c r="L819" s="115">
        <v>0</v>
      </c>
      <c r="M819" s="115">
        <v>0</v>
      </c>
      <c r="N819" s="115">
        <v>0</v>
      </c>
      <c r="O819" s="115">
        <v>0</v>
      </c>
      <c r="P819" s="115" t="s">
        <v>400</v>
      </c>
      <c r="Q819" s="115" t="s">
        <v>400</v>
      </c>
      <c r="R819" s="115">
        <v>0</v>
      </c>
      <c r="S819" s="115">
        <v>0</v>
      </c>
      <c r="T819" s="115">
        <v>0</v>
      </c>
      <c r="U819" s="119"/>
      <c r="V819" s="119"/>
      <c r="W819" s="119"/>
      <c r="X819" s="119"/>
      <c r="Y819" s="119"/>
      <c r="Z819" s="119"/>
      <c r="AA819" s="119"/>
      <c r="AB819" s="119"/>
      <c r="AC819" s="119"/>
      <c r="AD819" s="119"/>
      <c r="AE819" s="119"/>
      <c r="AF819" s="119"/>
      <c r="AG819" s="119"/>
      <c r="AH819" s="119"/>
      <c r="AI819" s="119"/>
      <c r="AJ819" s="119"/>
      <c r="AK819" s="119"/>
      <c r="AL819" s="119"/>
      <c r="AM819" s="119"/>
      <c r="AN819" s="119"/>
      <c r="AO819" s="119"/>
      <c r="AP819" s="119"/>
      <c r="AQ819" s="119"/>
      <c r="AR819" s="119"/>
      <c r="AS819" s="119"/>
      <c r="AT819" s="119"/>
      <c r="AU819" s="119"/>
      <c r="AV819" s="119"/>
      <c r="AW819" s="119"/>
      <c r="AX819" s="119"/>
      <c r="AY819" s="119"/>
      <c r="AZ819" s="119"/>
      <c r="BA819" s="119"/>
      <c r="BB819" s="107">
        <v>45884</v>
      </c>
    </row>
    <row r="820" spans="1:54" s="207" customFormat="1" ht="13.95" customHeight="1" x14ac:dyDescent="0.25">
      <c r="A820" s="208" t="s">
        <v>2038</v>
      </c>
      <c r="B820" s="209" t="s">
        <v>20420</v>
      </c>
      <c r="C820" s="113" t="s">
        <v>2039</v>
      </c>
      <c r="D820" s="113" t="s">
        <v>2040</v>
      </c>
      <c r="E820" s="210">
        <v>1995</v>
      </c>
      <c r="F820" s="210">
        <v>702</v>
      </c>
      <c r="G820" s="113" t="s">
        <v>1</v>
      </c>
      <c r="H820" s="113">
        <v>0</v>
      </c>
      <c r="I820" s="113">
        <v>0</v>
      </c>
      <c r="J820" s="115">
        <v>1</v>
      </c>
      <c r="K820" s="116" t="s">
        <v>174</v>
      </c>
      <c r="L820" s="115">
        <v>1</v>
      </c>
      <c r="M820" s="115">
        <v>1</v>
      </c>
      <c r="N820" s="115">
        <v>0</v>
      </c>
      <c r="O820" s="115">
        <v>0</v>
      </c>
      <c r="P820" s="115" t="s">
        <v>400</v>
      </c>
      <c r="Q820" s="115">
        <v>1</v>
      </c>
      <c r="R820" s="115">
        <v>0</v>
      </c>
      <c r="S820" s="115">
        <v>0</v>
      </c>
      <c r="T820" s="115">
        <v>0</v>
      </c>
      <c r="U820" s="119"/>
      <c r="V820" s="119"/>
      <c r="W820" s="119"/>
      <c r="X820" s="119"/>
      <c r="Y820" s="119"/>
      <c r="Z820" s="119"/>
      <c r="AA820" s="119"/>
      <c r="AB820" s="119"/>
      <c r="AC820" s="119"/>
      <c r="AD820" s="119"/>
      <c r="AE820" s="119"/>
      <c r="AF820" s="119"/>
      <c r="AG820" s="119"/>
      <c r="AH820" s="119"/>
      <c r="AI820" s="119"/>
      <c r="AJ820" s="119"/>
      <c r="AK820" s="119"/>
      <c r="AL820" s="119"/>
      <c r="AM820" s="119"/>
      <c r="AN820" s="119"/>
      <c r="AO820" s="119"/>
      <c r="AP820" s="119"/>
      <c r="AQ820" s="119"/>
      <c r="AR820" s="119"/>
      <c r="AS820" s="119"/>
      <c r="AT820" s="119"/>
      <c r="AU820" s="119"/>
      <c r="AV820" s="119"/>
      <c r="AW820" s="119"/>
      <c r="AX820" s="119"/>
      <c r="AY820" s="119"/>
      <c r="AZ820" s="119"/>
      <c r="BA820" s="119"/>
      <c r="BB820" s="107">
        <v>45884</v>
      </c>
    </row>
    <row r="821" spans="1:54" s="207" customFormat="1" ht="13.95" customHeight="1" x14ac:dyDescent="0.25">
      <c r="A821" s="208" t="s">
        <v>2041</v>
      </c>
      <c r="B821" s="209" t="s">
        <v>20420</v>
      </c>
      <c r="C821" s="113" t="s">
        <v>2042</v>
      </c>
      <c r="D821" s="113" t="s">
        <v>2043</v>
      </c>
      <c r="E821" s="210">
        <v>1998</v>
      </c>
      <c r="F821" s="210">
        <v>702</v>
      </c>
      <c r="G821" s="113" t="s">
        <v>1</v>
      </c>
      <c r="H821" s="113">
        <v>0</v>
      </c>
      <c r="I821" s="113">
        <v>0</v>
      </c>
      <c r="J821" s="115">
        <v>1</v>
      </c>
      <c r="K821" s="211">
        <v>1</v>
      </c>
      <c r="L821" s="115">
        <v>0</v>
      </c>
      <c r="M821" s="115">
        <v>1</v>
      </c>
      <c r="N821" s="115">
        <v>0</v>
      </c>
      <c r="O821" s="115">
        <v>0</v>
      </c>
      <c r="P821" s="115" t="s">
        <v>400</v>
      </c>
      <c r="Q821" s="115" t="s">
        <v>400</v>
      </c>
      <c r="R821" s="115">
        <v>0</v>
      </c>
      <c r="S821" s="115">
        <v>0</v>
      </c>
      <c r="T821" s="115">
        <v>0</v>
      </c>
      <c r="U821" s="119"/>
      <c r="V821" s="119"/>
      <c r="W821" s="119"/>
      <c r="X821" s="119"/>
      <c r="Y821" s="119"/>
      <c r="Z821" s="119"/>
      <c r="AA821" s="119"/>
      <c r="AB821" s="119"/>
      <c r="AC821" s="119"/>
      <c r="AD821" s="119"/>
      <c r="AE821" s="119"/>
      <c r="AF821" s="119"/>
      <c r="AG821" s="119"/>
      <c r="AH821" s="119"/>
      <c r="AI821" s="119"/>
      <c r="AJ821" s="119"/>
      <c r="AK821" s="119"/>
      <c r="AL821" s="119"/>
      <c r="AM821" s="119"/>
      <c r="AN821" s="119"/>
      <c r="AO821" s="119"/>
      <c r="AP821" s="119"/>
      <c r="AQ821" s="119"/>
      <c r="AR821" s="119"/>
      <c r="AS821" s="119"/>
      <c r="AT821" s="119"/>
      <c r="AU821" s="119"/>
      <c r="AV821" s="119"/>
      <c r="AW821" s="119"/>
      <c r="AX821" s="119"/>
      <c r="AY821" s="119"/>
      <c r="AZ821" s="119"/>
      <c r="BA821" s="119"/>
      <c r="BB821" s="107">
        <v>45884</v>
      </c>
    </row>
    <row r="822" spans="1:54" s="207" customFormat="1" ht="13.95" customHeight="1" x14ac:dyDescent="0.25">
      <c r="A822" s="208" t="s">
        <v>2044</v>
      </c>
      <c r="B822" s="209" t="s">
        <v>20420</v>
      </c>
      <c r="C822" s="113" t="s">
        <v>2045</v>
      </c>
      <c r="D822" s="113" t="s">
        <v>22860</v>
      </c>
      <c r="E822" s="210">
        <v>1976</v>
      </c>
      <c r="F822" s="210">
        <v>704</v>
      </c>
      <c r="G822" s="113" t="s">
        <v>1</v>
      </c>
      <c r="H822" s="113">
        <v>0</v>
      </c>
      <c r="I822" s="113">
        <v>0</v>
      </c>
      <c r="J822" s="115">
        <v>1</v>
      </c>
      <c r="K822" s="211">
        <v>1</v>
      </c>
      <c r="L822" s="115">
        <v>1</v>
      </c>
      <c r="M822" s="115">
        <v>1</v>
      </c>
      <c r="N822" s="115">
        <v>0</v>
      </c>
      <c r="O822" s="115">
        <v>0</v>
      </c>
      <c r="P822" s="115" t="s">
        <v>400</v>
      </c>
      <c r="Q822" s="115" t="s">
        <v>400</v>
      </c>
      <c r="R822" s="115">
        <v>1</v>
      </c>
      <c r="S822" s="115">
        <v>0</v>
      </c>
      <c r="T822" s="115">
        <v>0</v>
      </c>
      <c r="U822" s="119"/>
      <c r="V822" s="119"/>
      <c r="W822" s="119"/>
      <c r="X822" s="119"/>
      <c r="Y822" s="119"/>
      <c r="Z822" s="119"/>
      <c r="AA822" s="119"/>
      <c r="AB822" s="119"/>
      <c r="AC822" s="119"/>
      <c r="AD822" s="119"/>
      <c r="AE822" s="119"/>
      <c r="AF822" s="119"/>
      <c r="AG822" s="119"/>
      <c r="AH822" s="119"/>
      <c r="AI822" s="119"/>
      <c r="AJ822" s="119"/>
      <c r="AK822" s="119"/>
      <c r="AL822" s="119"/>
      <c r="AM822" s="119"/>
      <c r="AN822" s="119"/>
      <c r="AO822" s="119"/>
      <c r="AP822" s="119"/>
      <c r="AQ822" s="119"/>
      <c r="AR822" s="119"/>
      <c r="AS822" s="119"/>
      <c r="AT822" s="119"/>
      <c r="AU822" s="119"/>
      <c r="AV822" s="119"/>
      <c r="AW822" s="119"/>
      <c r="AX822" s="119"/>
      <c r="AY822" s="119"/>
      <c r="AZ822" s="119"/>
      <c r="BA822" s="119"/>
      <c r="BB822" s="107">
        <v>45884</v>
      </c>
    </row>
    <row r="823" spans="1:54" s="207" customFormat="1" ht="13.95" customHeight="1" x14ac:dyDescent="0.25">
      <c r="A823" s="208" t="s">
        <v>2046</v>
      </c>
      <c r="B823" s="209" t="s">
        <v>20420</v>
      </c>
      <c r="C823" s="113" t="s">
        <v>2047</v>
      </c>
      <c r="D823" s="113" t="s">
        <v>2048</v>
      </c>
      <c r="E823" s="210">
        <v>2000</v>
      </c>
      <c r="F823" s="210">
        <v>704</v>
      </c>
      <c r="G823" s="113" t="s">
        <v>1</v>
      </c>
      <c r="H823" s="113">
        <v>0</v>
      </c>
      <c r="I823" s="113">
        <v>0</v>
      </c>
      <c r="J823" s="115">
        <v>1</v>
      </c>
      <c r="K823" s="116" t="s">
        <v>174</v>
      </c>
      <c r="L823" s="115">
        <v>0</v>
      </c>
      <c r="M823" s="115">
        <v>0</v>
      </c>
      <c r="N823" s="115">
        <v>1</v>
      </c>
      <c r="O823" s="115">
        <v>0</v>
      </c>
      <c r="P823" s="115" t="s">
        <v>400</v>
      </c>
      <c r="Q823" s="115" t="s">
        <v>400</v>
      </c>
      <c r="R823" s="115">
        <v>0</v>
      </c>
      <c r="S823" s="115">
        <v>0</v>
      </c>
      <c r="T823" s="115">
        <v>0</v>
      </c>
      <c r="U823" s="119"/>
      <c r="V823" s="119"/>
      <c r="W823" s="119"/>
      <c r="X823" s="119"/>
      <c r="Y823" s="119"/>
      <c r="Z823" s="119"/>
      <c r="AA823" s="119"/>
      <c r="AB823" s="119"/>
      <c r="AC823" s="119"/>
      <c r="AD823" s="119"/>
      <c r="AE823" s="119"/>
      <c r="AF823" s="119"/>
      <c r="AG823" s="119"/>
      <c r="AH823" s="119"/>
      <c r="AI823" s="119"/>
      <c r="AJ823" s="119"/>
      <c r="AK823" s="119"/>
      <c r="AL823" s="119"/>
      <c r="AM823" s="119"/>
      <c r="AN823" s="119"/>
      <c r="AO823" s="119"/>
      <c r="AP823" s="119"/>
      <c r="AQ823" s="119"/>
      <c r="AR823" s="119"/>
      <c r="AS823" s="119"/>
      <c r="AT823" s="119"/>
      <c r="AU823" s="119"/>
      <c r="AV823" s="119"/>
      <c r="AW823" s="119"/>
      <c r="AX823" s="119"/>
      <c r="AY823" s="119"/>
      <c r="AZ823" s="119"/>
      <c r="BA823" s="119"/>
      <c r="BB823" s="107">
        <v>45884</v>
      </c>
    </row>
    <row r="824" spans="1:54" s="207" customFormat="1" ht="13.95" customHeight="1" x14ac:dyDescent="0.25">
      <c r="A824" s="208" t="s">
        <v>2049</v>
      </c>
      <c r="B824" s="209" t="s">
        <v>20420</v>
      </c>
      <c r="C824" s="113" t="s">
        <v>2050</v>
      </c>
      <c r="D824" s="113" t="s">
        <v>2051</v>
      </c>
      <c r="E824" s="210">
        <v>1974</v>
      </c>
      <c r="F824" s="210">
        <v>704</v>
      </c>
      <c r="G824" s="113" t="s">
        <v>1</v>
      </c>
      <c r="H824" s="113">
        <v>0</v>
      </c>
      <c r="I824" s="113">
        <v>0</v>
      </c>
      <c r="J824" s="115">
        <v>1</v>
      </c>
      <c r="K824" s="116" t="s">
        <v>174</v>
      </c>
      <c r="L824" s="115">
        <v>1</v>
      </c>
      <c r="M824" s="120">
        <v>0</v>
      </c>
      <c r="N824" s="115">
        <v>0</v>
      </c>
      <c r="O824" s="115">
        <v>1</v>
      </c>
      <c r="P824" s="120">
        <v>1</v>
      </c>
      <c r="Q824" s="115" t="s">
        <v>400</v>
      </c>
      <c r="R824" s="115">
        <v>1</v>
      </c>
      <c r="S824" s="115">
        <v>0</v>
      </c>
      <c r="T824" s="115">
        <v>0</v>
      </c>
      <c r="U824" s="119"/>
      <c r="V824" s="119"/>
      <c r="W824" s="119"/>
      <c r="X824" s="119"/>
      <c r="Y824" s="119"/>
      <c r="Z824" s="119"/>
      <c r="AA824" s="119"/>
      <c r="AB824" s="119"/>
      <c r="AC824" s="119"/>
      <c r="AD824" s="119"/>
      <c r="AE824" s="119"/>
      <c r="AF824" s="119"/>
      <c r="AG824" s="119"/>
      <c r="AH824" s="119"/>
      <c r="AI824" s="119"/>
      <c r="AJ824" s="119"/>
      <c r="AK824" s="119"/>
      <c r="AL824" s="119"/>
      <c r="AM824" s="119"/>
      <c r="AN824" s="119"/>
      <c r="AO824" s="119"/>
      <c r="AP824" s="119"/>
      <c r="AQ824" s="119"/>
      <c r="AR824" s="119"/>
      <c r="AS824" s="119"/>
      <c r="AT824" s="119"/>
      <c r="AU824" s="119"/>
      <c r="AV824" s="119"/>
      <c r="AW824" s="119"/>
      <c r="AX824" s="119"/>
      <c r="AY824" s="119"/>
      <c r="AZ824" s="119"/>
      <c r="BA824" s="119"/>
      <c r="BB824" s="107">
        <v>45884</v>
      </c>
    </row>
    <row r="825" spans="1:54" s="207" customFormat="1" ht="13.95" customHeight="1" x14ac:dyDescent="0.25">
      <c r="A825" s="208" t="s">
        <v>2052</v>
      </c>
      <c r="B825" s="209" t="s">
        <v>20420</v>
      </c>
      <c r="C825" s="113" t="s">
        <v>2053</v>
      </c>
      <c r="D825" s="113" t="s">
        <v>2054</v>
      </c>
      <c r="E825" s="210">
        <v>1967</v>
      </c>
      <c r="F825" s="210">
        <v>705</v>
      </c>
      <c r="G825" s="113" t="s">
        <v>1</v>
      </c>
      <c r="H825" s="113">
        <v>0</v>
      </c>
      <c r="I825" s="113">
        <v>0</v>
      </c>
      <c r="J825" s="115">
        <v>1</v>
      </c>
      <c r="K825" s="116" t="s">
        <v>174</v>
      </c>
      <c r="L825" s="115">
        <v>0</v>
      </c>
      <c r="M825" s="115">
        <v>0</v>
      </c>
      <c r="N825" s="115">
        <v>0</v>
      </c>
      <c r="O825" s="115">
        <v>0</v>
      </c>
      <c r="P825" s="115">
        <v>1</v>
      </c>
      <c r="Q825" s="115" t="s">
        <v>400</v>
      </c>
      <c r="R825" s="115">
        <v>1</v>
      </c>
      <c r="S825" s="115">
        <v>0</v>
      </c>
      <c r="T825" s="115">
        <v>0</v>
      </c>
      <c r="U825" s="119"/>
      <c r="V825" s="119"/>
      <c r="W825" s="119"/>
      <c r="X825" s="119"/>
      <c r="Y825" s="119"/>
      <c r="Z825" s="119"/>
      <c r="AA825" s="119"/>
      <c r="AB825" s="119"/>
      <c r="AC825" s="119"/>
      <c r="AD825" s="119"/>
      <c r="AE825" s="119"/>
      <c r="AF825" s="119"/>
      <c r="AG825" s="119"/>
      <c r="AH825" s="119"/>
      <c r="AI825" s="119"/>
      <c r="AJ825" s="119"/>
      <c r="AK825" s="119"/>
      <c r="AL825" s="119"/>
      <c r="AM825" s="119"/>
      <c r="AN825" s="119"/>
      <c r="AO825" s="119"/>
      <c r="AP825" s="119"/>
      <c r="AQ825" s="119"/>
      <c r="AR825" s="119"/>
      <c r="AS825" s="119"/>
      <c r="AT825" s="119"/>
      <c r="AU825" s="119"/>
      <c r="AV825" s="119"/>
      <c r="AW825" s="119"/>
      <c r="AX825" s="119"/>
      <c r="AY825" s="119"/>
      <c r="AZ825" s="119"/>
      <c r="BA825" s="119"/>
      <c r="BB825" s="107">
        <v>45884</v>
      </c>
    </row>
    <row r="826" spans="1:54" s="207" customFormat="1" ht="13.95" customHeight="1" x14ac:dyDescent="0.25">
      <c r="A826" s="208" t="s">
        <v>2055</v>
      </c>
      <c r="B826" s="209" t="s">
        <v>20420</v>
      </c>
      <c r="C826" s="113" t="s">
        <v>2056</v>
      </c>
      <c r="D826" s="113" t="s">
        <v>22861</v>
      </c>
      <c r="E826" s="210">
        <v>2002</v>
      </c>
      <c r="F826" s="210">
        <v>708</v>
      </c>
      <c r="G826" s="113" t="s">
        <v>1</v>
      </c>
      <c r="H826" s="113">
        <v>0</v>
      </c>
      <c r="I826" s="113">
        <v>0</v>
      </c>
      <c r="J826" s="115">
        <v>1</v>
      </c>
      <c r="K826" s="116" t="s">
        <v>174</v>
      </c>
      <c r="L826" s="115">
        <v>1</v>
      </c>
      <c r="M826" s="115">
        <v>0</v>
      </c>
      <c r="N826" s="115">
        <v>0</v>
      </c>
      <c r="O826" s="115">
        <v>0</v>
      </c>
      <c r="P826" s="115">
        <v>1</v>
      </c>
      <c r="Q826" s="115" t="s">
        <v>400</v>
      </c>
      <c r="R826" s="115">
        <v>1</v>
      </c>
      <c r="S826" s="115">
        <v>0</v>
      </c>
      <c r="T826" s="115">
        <v>0</v>
      </c>
      <c r="U826" s="119"/>
      <c r="V826" s="119"/>
      <c r="W826" s="119"/>
      <c r="X826" s="119"/>
      <c r="Y826" s="119"/>
      <c r="Z826" s="119"/>
      <c r="AA826" s="119"/>
      <c r="AB826" s="119"/>
      <c r="AC826" s="119"/>
      <c r="AD826" s="119"/>
      <c r="AE826" s="119"/>
      <c r="AF826" s="119"/>
      <c r="AG826" s="119"/>
      <c r="AH826" s="119"/>
      <c r="AI826" s="119"/>
      <c r="AJ826" s="119"/>
      <c r="AK826" s="119"/>
      <c r="AL826" s="119"/>
      <c r="AM826" s="119"/>
      <c r="AN826" s="119"/>
      <c r="AO826" s="119"/>
      <c r="AP826" s="119"/>
      <c r="AQ826" s="119"/>
      <c r="AR826" s="119"/>
      <c r="AS826" s="119"/>
      <c r="AT826" s="119"/>
      <c r="AU826" s="119"/>
      <c r="AV826" s="119"/>
      <c r="AW826" s="119"/>
      <c r="AX826" s="119"/>
      <c r="AY826" s="119"/>
      <c r="AZ826" s="119"/>
      <c r="BA826" s="119"/>
      <c r="BB826" s="107">
        <v>45884</v>
      </c>
    </row>
    <row r="827" spans="1:54" s="207" customFormat="1" ht="13.95" customHeight="1" x14ac:dyDescent="0.25">
      <c r="A827" s="208" t="s">
        <v>2057</v>
      </c>
      <c r="B827" s="209" t="s">
        <v>20420</v>
      </c>
      <c r="C827" s="113" t="s">
        <v>2058</v>
      </c>
      <c r="D827" s="113" t="s">
        <v>2059</v>
      </c>
      <c r="E827" s="210">
        <v>1966</v>
      </c>
      <c r="F827" s="210">
        <v>709</v>
      </c>
      <c r="G827" s="113" t="s">
        <v>1</v>
      </c>
      <c r="H827" s="113">
        <v>0</v>
      </c>
      <c r="I827" s="113">
        <v>0</v>
      </c>
      <c r="J827" s="115">
        <v>1</v>
      </c>
      <c r="K827" s="116" t="s">
        <v>174</v>
      </c>
      <c r="L827" s="115">
        <v>1</v>
      </c>
      <c r="M827" s="115">
        <v>1</v>
      </c>
      <c r="N827" s="115">
        <v>0</v>
      </c>
      <c r="O827" s="115">
        <v>1</v>
      </c>
      <c r="P827" s="115" t="s">
        <v>400</v>
      </c>
      <c r="Q827" s="115" t="s">
        <v>400</v>
      </c>
      <c r="R827" s="115">
        <v>1</v>
      </c>
      <c r="S827" s="115">
        <v>0</v>
      </c>
      <c r="T827" s="115">
        <v>0</v>
      </c>
      <c r="U827" s="119"/>
      <c r="V827" s="119"/>
      <c r="W827" s="119"/>
      <c r="X827" s="119"/>
      <c r="Y827" s="119"/>
      <c r="Z827" s="119"/>
      <c r="AA827" s="119"/>
      <c r="AB827" s="119"/>
      <c r="AC827" s="119"/>
      <c r="AD827" s="119"/>
      <c r="AE827" s="119"/>
      <c r="AF827" s="119"/>
      <c r="AG827" s="119"/>
      <c r="AH827" s="119"/>
      <c r="AI827" s="119"/>
      <c r="AJ827" s="119"/>
      <c r="AK827" s="119"/>
      <c r="AL827" s="119"/>
      <c r="AM827" s="119"/>
      <c r="AN827" s="119"/>
      <c r="AO827" s="119"/>
      <c r="AP827" s="119"/>
      <c r="AQ827" s="119"/>
      <c r="AR827" s="119"/>
      <c r="AS827" s="119"/>
      <c r="AT827" s="119"/>
      <c r="AU827" s="119"/>
      <c r="AV827" s="119"/>
      <c r="AW827" s="119"/>
      <c r="AX827" s="119"/>
      <c r="AY827" s="119"/>
      <c r="AZ827" s="119"/>
      <c r="BA827" s="119"/>
      <c r="BB827" s="107">
        <v>45884</v>
      </c>
    </row>
    <row r="828" spans="1:54" s="207" customFormat="1" ht="13.95" customHeight="1" x14ac:dyDescent="0.25">
      <c r="A828" s="208" t="s">
        <v>2060</v>
      </c>
      <c r="B828" s="209" t="s">
        <v>20420</v>
      </c>
      <c r="C828" s="113" t="s">
        <v>2061</v>
      </c>
      <c r="D828" s="113" t="s">
        <v>2062</v>
      </c>
      <c r="E828" s="210">
        <v>1976</v>
      </c>
      <c r="F828" s="210">
        <v>709</v>
      </c>
      <c r="G828" s="113" t="s">
        <v>1</v>
      </c>
      <c r="H828" s="113">
        <v>0</v>
      </c>
      <c r="I828" s="113">
        <v>0</v>
      </c>
      <c r="J828" s="115">
        <v>1</v>
      </c>
      <c r="K828" s="116" t="s">
        <v>174</v>
      </c>
      <c r="L828" s="115">
        <v>1</v>
      </c>
      <c r="M828" s="115">
        <v>0</v>
      </c>
      <c r="N828" s="115">
        <v>0</v>
      </c>
      <c r="O828" s="115">
        <v>1</v>
      </c>
      <c r="P828" s="115">
        <v>1</v>
      </c>
      <c r="Q828" s="115" t="s">
        <v>400</v>
      </c>
      <c r="R828" s="115">
        <v>1</v>
      </c>
      <c r="S828" s="115">
        <v>0</v>
      </c>
      <c r="T828" s="115">
        <v>0</v>
      </c>
      <c r="U828" s="119"/>
      <c r="V828" s="119"/>
      <c r="W828" s="119"/>
      <c r="X828" s="119"/>
      <c r="Y828" s="119"/>
      <c r="Z828" s="119"/>
      <c r="AA828" s="119"/>
      <c r="AB828" s="119"/>
      <c r="AC828" s="119"/>
      <c r="AD828" s="119"/>
      <c r="AE828" s="119"/>
      <c r="AF828" s="119"/>
      <c r="AG828" s="119"/>
      <c r="AH828" s="119"/>
      <c r="AI828" s="119"/>
      <c r="AJ828" s="119"/>
      <c r="AK828" s="119"/>
      <c r="AL828" s="119"/>
      <c r="AM828" s="119"/>
      <c r="AN828" s="119"/>
      <c r="AO828" s="119"/>
      <c r="AP828" s="119"/>
      <c r="AQ828" s="119"/>
      <c r="AR828" s="119"/>
      <c r="AS828" s="119"/>
      <c r="AT828" s="119"/>
      <c r="AU828" s="119"/>
      <c r="AV828" s="119"/>
      <c r="AW828" s="119"/>
      <c r="AX828" s="119"/>
      <c r="AY828" s="119"/>
      <c r="AZ828" s="119"/>
      <c r="BA828" s="119"/>
      <c r="BB828" s="107">
        <v>45884</v>
      </c>
    </row>
    <row r="829" spans="1:54" s="207" customFormat="1" ht="13.95" customHeight="1" x14ac:dyDescent="0.25">
      <c r="A829" s="208" t="s">
        <v>2063</v>
      </c>
      <c r="B829" s="209" t="s">
        <v>20420</v>
      </c>
      <c r="C829" s="113" t="s">
        <v>2064</v>
      </c>
      <c r="D829" s="113" t="s">
        <v>2065</v>
      </c>
      <c r="E829" s="210">
        <v>1970</v>
      </c>
      <c r="F829" s="210">
        <v>710</v>
      </c>
      <c r="G829" s="113" t="s">
        <v>1</v>
      </c>
      <c r="H829" s="113">
        <v>0</v>
      </c>
      <c r="I829" s="113">
        <v>0</v>
      </c>
      <c r="J829" s="115">
        <v>1</v>
      </c>
      <c r="K829" s="116" t="s">
        <v>174</v>
      </c>
      <c r="L829" s="115">
        <v>1</v>
      </c>
      <c r="M829" s="115">
        <v>1</v>
      </c>
      <c r="N829" s="115">
        <v>1</v>
      </c>
      <c r="O829" s="115">
        <v>1</v>
      </c>
      <c r="P829" s="115" t="s">
        <v>400</v>
      </c>
      <c r="Q829" s="115" t="s">
        <v>400</v>
      </c>
      <c r="R829" s="115">
        <v>1</v>
      </c>
      <c r="S829" s="115">
        <v>0</v>
      </c>
      <c r="T829" s="115">
        <v>0</v>
      </c>
      <c r="U829" s="119"/>
      <c r="V829" s="119"/>
      <c r="W829" s="119"/>
      <c r="X829" s="119"/>
      <c r="Y829" s="119"/>
      <c r="Z829" s="119"/>
      <c r="AA829" s="119"/>
      <c r="AB829" s="119"/>
      <c r="AC829" s="119"/>
      <c r="AD829" s="119"/>
      <c r="AE829" s="119"/>
      <c r="AF829" s="119"/>
      <c r="AG829" s="119"/>
      <c r="AH829" s="119"/>
      <c r="AI829" s="119"/>
      <c r="AJ829" s="119"/>
      <c r="AK829" s="119"/>
      <c r="AL829" s="119"/>
      <c r="AM829" s="119"/>
      <c r="AN829" s="119"/>
      <c r="AO829" s="119"/>
      <c r="AP829" s="119"/>
      <c r="AQ829" s="119"/>
      <c r="AR829" s="119"/>
      <c r="AS829" s="119"/>
      <c r="AT829" s="119"/>
      <c r="AU829" s="119"/>
      <c r="AV829" s="119"/>
      <c r="AW829" s="119"/>
      <c r="AX829" s="119"/>
      <c r="AY829" s="119"/>
      <c r="AZ829" s="119"/>
      <c r="BA829" s="119"/>
      <c r="BB829" s="107">
        <v>45884</v>
      </c>
    </row>
    <row r="830" spans="1:54" s="207" customFormat="1" ht="13.95" customHeight="1" x14ac:dyDescent="0.25">
      <c r="A830" s="208" t="s">
        <v>2066</v>
      </c>
      <c r="B830" s="209" t="s">
        <v>20420</v>
      </c>
      <c r="C830" s="113" t="s">
        <v>2067</v>
      </c>
      <c r="D830" s="113" t="s">
        <v>2068</v>
      </c>
      <c r="E830" s="210">
        <v>1976</v>
      </c>
      <c r="F830" s="210">
        <v>712</v>
      </c>
      <c r="G830" s="113" t="s">
        <v>1</v>
      </c>
      <c r="H830" s="113">
        <v>0</v>
      </c>
      <c r="I830" s="113">
        <v>0</v>
      </c>
      <c r="J830" s="115">
        <v>1</v>
      </c>
      <c r="K830" s="211">
        <v>1</v>
      </c>
      <c r="L830" s="115">
        <v>0</v>
      </c>
      <c r="M830" s="115">
        <v>1</v>
      </c>
      <c r="N830" s="115">
        <v>0</v>
      </c>
      <c r="O830" s="115">
        <v>0</v>
      </c>
      <c r="P830" s="115" t="s">
        <v>400</v>
      </c>
      <c r="Q830" s="115" t="s">
        <v>400</v>
      </c>
      <c r="R830" s="115">
        <v>0</v>
      </c>
      <c r="S830" s="115">
        <v>0</v>
      </c>
      <c r="T830" s="115">
        <v>0</v>
      </c>
      <c r="U830" s="119"/>
      <c r="V830" s="119"/>
      <c r="W830" s="119"/>
      <c r="X830" s="119"/>
      <c r="Y830" s="119"/>
      <c r="Z830" s="119"/>
      <c r="AA830" s="119"/>
      <c r="AB830" s="119"/>
      <c r="AC830" s="119"/>
      <c r="AD830" s="119"/>
      <c r="AE830" s="119"/>
      <c r="AF830" s="119"/>
      <c r="AG830" s="119"/>
      <c r="AH830" s="119"/>
      <c r="AI830" s="119"/>
      <c r="AJ830" s="119"/>
      <c r="AK830" s="119"/>
      <c r="AL830" s="119"/>
      <c r="AM830" s="119"/>
      <c r="AN830" s="119"/>
      <c r="AO830" s="119"/>
      <c r="AP830" s="119"/>
      <c r="AQ830" s="119"/>
      <c r="AR830" s="119"/>
      <c r="AS830" s="119"/>
      <c r="AT830" s="119"/>
      <c r="AU830" s="119"/>
      <c r="AV830" s="119"/>
      <c r="AW830" s="119"/>
      <c r="AX830" s="119"/>
      <c r="AY830" s="119"/>
      <c r="AZ830" s="119"/>
      <c r="BA830" s="119"/>
      <c r="BB830" s="107">
        <v>45884</v>
      </c>
    </row>
    <row r="831" spans="1:54" s="207" customFormat="1" ht="13.95" customHeight="1" x14ac:dyDescent="0.25">
      <c r="A831" s="208" t="s">
        <v>2069</v>
      </c>
      <c r="B831" s="209" t="s">
        <v>20420</v>
      </c>
      <c r="C831" s="113" t="s">
        <v>2070</v>
      </c>
      <c r="D831" s="113" t="s">
        <v>2071</v>
      </c>
      <c r="E831" s="210">
        <v>1986</v>
      </c>
      <c r="F831" s="210">
        <v>712</v>
      </c>
      <c r="G831" s="113" t="s">
        <v>1</v>
      </c>
      <c r="H831" s="113">
        <v>0</v>
      </c>
      <c r="I831" s="113">
        <v>0</v>
      </c>
      <c r="J831" s="115">
        <v>1</v>
      </c>
      <c r="K831" s="116" t="s">
        <v>174</v>
      </c>
      <c r="L831" s="115">
        <v>1</v>
      </c>
      <c r="M831" s="115">
        <v>0</v>
      </c>
      <c r="N831" s="115">
        <v>0</v>
      </c>
      <c r="O831" s="115">
        <v>1</v>
      </c>
      <c r="P831" s="115">
        <v>1</v>
      </c>
      <c r="Q831" s="115" t="s">
        <v>400</v>
      </c>
      <c r="R831" s="115">
        <v>0</v>
      </c>
      <c r="S831" s="115">
        <v>0</v>
      </c>
      <c r="T831" s="115">
        <v>0</v>
      </c>
      <c r="U831" s="119"/>
      <c r="V831" s="119"/>
      <c r="W831" s="119"/>
      <c r="X831" s="119"/>
      <c r="Y831" s="119"/>
      <c r="Z831" s="119"/>
      <c r="AA831" s="119"/>
      <c r="AB831" s="119"/>
      <c r="AC831" s="119"/>
      <c r="AD831" s="119"/>
      <c r="AE831" s="119"/>
      <c r="AF831" s="119"/>
      <c r="AG831" s="119"/>
      <c r="AH831" s="119"/>
      <c r="AI831" s="119"/>
      <c r="AJ831" s="119"/>
      <c r="AK831" s="119"/>
      <c r="AL831" s="119"/>
      <c r="AM831" s="119"/>
      <c r="AN831" s="119"/>
      <c r="AO831" s="119"/>
      <c r="AP831" s="119"/>
      <c r="AQ831" s="119"/>
      <c r="AR831" s="119"/>
      <c r="AS831" s="119"/>
      <c r="AT831" s="119"/>
      <c r="AU831" s="119"/>
      <c r="AV831" s="119"/>
      <c r="AW831" s="119"/>
      <c r="AX831" s="119"/>
      <c r="AY831" s="119"/>
      <c r="AZ831" s="119"/>
      <c r="BA831" s="119"/>
      <c r="BB831" s="107">
        <v>45884</v>
      </c>
    </row>
    <row r="832" spans="1:54" s="207" customFormat="1" ht="13.95" customHeight="1" x14ac:dyDescent="0.25">
      <c r="A832" s="208" t="s">
        <v>2072</v>
      </c>
      <c r="B832" s="209" t="s">
        <v>20420</v>
      </c>
      <c r="C832" s="113" t="s">
        <v>2073</v>
      </c>
      <c r="D832" s="113" t="s">
        <v>22862</v>
      </c>
      <c r="E832" s="210">
        <v>2012</v>
      </c>
      <c r="F832" s="210">
        <v>715</v>
      </c>
      <c r="G832" s="113" t="s">
        <v>1</v>
      </c>
      <c r="H832" s="113">
        <v>0</v>
      </c>
      <c r="I832" s="113">
        <v>0</v>
      </c>
      <c r="J832" s="115">
        <v>1</v>
      </c>
      <c r="K832" s="116" t="s">
        <v>174</v>
      </c>
      <c r="L832" s="115">
        <v>1</v>
      </c>
      <c r="M832" s="115">
        <v>0</v>
      </c>
      <c r="N832" s="115">
        <v>0</v>
      </c>
      <c r="O832" s="115">
        <v>0</v>
      </c>
      <c r="P832" s="115">
        <v>1</v>
      </c>
      <c r="Q832" s="115" t="s">
        <v>400</v>
      </c>
      <c r="R832" s="115">
        <v>0</v>
      </c>
      <c r="S832" s="115">
        <v>0</v>
      </c>
      <c r="T832" s="115">
        <v>0</v>
      </c>
      <c r="U832" s="119"/>
      <c r="V832" s="119"/>
      <c r="W832" s="119"/>
      <c r="X832" s="119"/>
      <c r="Y832" s="119"/>
      <c r="Z832" s="119"/>
      <c r="AA832" s="119"/>
      <c r="AB832" s="119"/>
      <c r="AC832" s="119"/>
      <c r="AD832" s="119"/>
      <c r="AE832" s="119"/>
      <c r="AF832" s="119"/>
      <c r="AG832" s="119"/>
      <c r="AH832" s="119"/>
      <c r="AI832" s="119"/>
      <c r="AJ832" s="119"/>
      <c r="AK832" s="119"/>
      <c r="AL832" s="119"/>
      <c r="AM832" s="119"/>
      <c r="AN832" s="119"/>
      <c r="AO832" s="119"/>
      <c r="AP832" s="119"/>
      <c r="AQ832" s="119"/>
      <c r="AR832" s="119"/>
      <c r="AS832" s="119"/>
      <c r="AT832" s="119"/>
      <c r="AU832" s="119"/>
      <c r="AV832" s="119"/>
      <c r="AW832" s="119"/>
      <c r="AX832" s="119"/>
      <c r="AY832" s="119"/>
      <c r="AZ832" s="119"/>
      <c r="BA832" s="119"/>
      <c r="BB832" s="107">
        <v>45884</v>
      </c>
    </row>
    <row r="833" spans="1:54" s="207" customFormat="1" ht="13.95" customHeight="1" x14ac:dyDescent="0.25">
      <c r="A833" s="208" t="s">
        <v>2074</v>
      </c>
      <c r="B833" s="209" t="s">
        <v>20420</v>
      </c>
      <c r="C833" s="113" t="s">
        <v>2075</v>
      </c>
      <c r="D833" s="113" t="s">
        <v>22863</v>
      </c>
      <c r="E833" s="210">
        <v>2013</v>
      </c>
      <c r="F833" s="210">
        <v>716</v>
      </c>
      <c r="G833" s="113" t="s">
        <v>1</v>
      </c>
      <c r="H833" s="113">
        <v>0</v>
      </c>
      <c r="I833" s="113">
        <v>0</v>
      </c>
      <c r="J833" s="115">
        <v>1</v>
      </c>
      <c r="K833" s="116" t="s">
        <v>174</v>
      </c>
      <c r="L833" s="115">
        <v>0</v>
      </c>
      <c r="M833" s="115">
        <v>1</v>
      </c>
      <c r="N833" s="115">
        <v>0</v>
      </c>
      <c r="O833" s="115">
        <v>0</v>
      </c>
      <c r="P833" s="115" t="s">
        <v>400</v>
      </c>
      <c r="Q833" s="115" t="s">
        <v>400</v>
      </c>
      <c r="R833" s="115">
        <v>0</v>
      </c>
      <c r="S833" s="115">
        <v>0</v>
      </c>
      <c r="T833" s="115">
        <v>0</v>
      </c>
      <c r="U833" s="119"/>
      <c r="V833" s="119"/>
      <c r="W833" s="119"/>
      <c r="X833" s="119"/>
      <c r="Y833" s="119"/>
      <c r="Z833" s="119"/>
      <c r="AA833" s="119"/>
      <c r="AB833" s="119"/>
      <c r="AC833" s="119"/>
      <c r="AD833" s="119"/>
      <c r="AE833" s="119"/>
      <c r="AF833" s="119"/>
      <c r="AG833" s="119"/>
      <c r="AH833" s="119"/>
      <c r="AI833" s="119"/>
      <c r="AJ833" s="119"/>
      <c r="AK833" s="119"/>
      <c r="AL833" s="119"/>
      <c r="AM833" s="119"/>
      <c r="AN833" s="119"/>
      <c r="AO833" s="119"/>
      <c r="AP833" s="119"/>
      <c r="AQ833" s="119"/>
      <c r="AR833" s="119"/>
      <c r="AS833" s="119"/>
      <c r="AT833" s="119"/>
      <c r="AU833" s="119"/>
      <c r="AV833" s="119"/>
      <c r="AW833" s="119"/>
      <c r="AX833" s="119"/>
      <c r="AY833" s="119"/>
      <c r="AZ833" s="119"/>
      <c r="BA833" s="119"/>
      <c r="BB833" s="107">
        <v>45884</v>
      </c>
    </row>
    <row r="834" spans="1:54" s="207" customFormat="1" ht="13.95" customHeight="1" x14ac:dyDescent="0.25">
      <c r="A834" s="208" t="s">
        <v>2076</v>
      </c>
      <c r="B834" s="209" t="s">
        <v>20420</v>
      </c>
      <c r="C834" s="113" t="s">
        <v>2077</v>
      </c>
      <c r="D834" s="113" t="s">
        <v>2078</v>
      </c>
      <c r="E834" s="210">
        <v>1970</v>
      </c>
      <c r="F834" s="210">
        <v>717</v>
      </c>
      <c r="G834" s="113" t="s">
        <v>1</v>
      </c>
      <c r="H834" s="113">
        <v>0</v>
      </c>
      <c r="I834" s="113">
        <v>0</v>
      </c>
      <c r="J834" s="115">
        <v>1</v>
      </c>
      <c r="K834" s="116" t="s">
        <v>174</v>
      </c>
      <c r="L834" s="115">
        <v>1</v>
      </c>
      <c r="M834" s="115">
        <v>0</v>
      </c>
      <c r="N834" s="115">
        <v>0</v>
      </c>
      <c r="O834" s="115">
        <v>1</v>
      </c>
      <c r="P834" s="115">
        <v>1</v>
      </c>
      <c r="Q834" s="115" t="s">
        <v>400</v>
      </c>
      <c r="R834" s="115">
        <v>1</v>
      </c>
      <c r="S834" s="115">
        <v>0</v>
      </c>
      <c r="T834" s="115">
        <v>0</v>
      </c>
      <c r="U834" s="119"/>
      <c r="V834" s="119"/>
      <c r="W834" s="119"/>
      <c r="X834" s="119"/>
      <c r="Y834" s="119"/>
      <c r="Z834" s="119"/>
      <c r="AA834" s="119"/>
      <c r="AB834" s="119"/>
      <c r="AC834" s="119"/>
      <c r="AD834" s="119"/>
      <c r="AE834" s="119"/>
      <c r="AF834" s="119"/>
      <c r="AG834" s="119"/>
      <c r="AH834" s="119"/>
      <c r="AI834" s="119"/>
      <c r="AJ834" s="119"/>
      <c r="AK834" s="119"/>
      <c r="AL834" s="119"/>
      <c r="AM834" s="119"/>
      <c r="AN834" s="119"/>
      <c r="AO834" s="119"/>
      <c r="AP834" s="119"/>
      <c r="AQ834" s="119"/>
      <c r="AR834" s="119"/>
      <c r="AS834" s="119"/>
      <c r="AT834" s="119"/>
      <c r="AU834" s="119"/>
      <c r="AV834" s="119"/>
      <c r="AW834" s="119"/>
      <c r="AX834" s="119"/>
      <c r="AY834" s="119"/>
      <c r="AZ834" s="119"/>
      <c r="BA834" s="119"/>
      <c r="BB834" s="107">
        <v>45884</v>
      </c>
    </row>
    <row r="835" spans="1:54" s="207" customFormat="1" ht="13.95" customHeight="1" x14ac:dyDescent="0.25">
      <c r="A835" s="208" t="s">
        <v>2079</v>
      </c>
      <c r="B835" s="209" t="s">
        <v>20420</v>
      </c>
      <c r="C835" s="113" t="s">
        <v>2080</v>
      </c>
      <c r="D835" s="113" t="s">
        <v>22864</v>
      </c>
      <c r="E835" s="210">
        <v>1965</v>
      </c>
      <c r="F835" s="210">
        <v>717</v>
      </c>
      <c r="G835" s="113" t="s">
        <v>1</v>
      </c>
      <c r="H835" s="113">
        <v>0</v>
      </c>
      <c r="I835" s="113">
        <v>0</v>
      </c>
      <c r="J835" s="115">
        <v>1</v>
      </c>
      <c r="K835" s="116" t="s">
        <v>174</v>
      </c>
      <c r="L835" s="115">
        <v>0</v>
      </c>
      <c r="M835" s="115">
        <v>0</v>
      </c>
      <c r="N835" s="115">
        <v>0</v>
      </c>
      <c r="O835" s="115">
        <v>1</v>
      </c>
      <c r="P835" s="115">
        <v>1</v>
      </c>
      <c r="Q835" s="115" t="s">
        <v>400</v>
      </c>
      <c r="R835" s="115">
        <v>1</v>
      </c>
      <c r="S835" s="115">
        <v>0</v>
      </c>
      <c r="T835" s="115">
        <v>0</v>
      </c>
      <c r="U835" s="119"/>
      <c r="V835" s="119"/>
      <c r="W835" s="119"/>
      <c r="X835" s="119"/>
      <c r="Y835" s="119"/>
      <c r="Z835" s="119"/>
      <c r="AA835" s="119"/>
      <c r="AB835" s="119"/>
      <c r="AC835" s="119"/>
      <c r="AD835" s="119"/>
      <c r="AE835" s="119"/>
      <c r="AF835" s="119"/>
      <c r="AG835" s="119"/>
      <c r="AH835" s="119"/>
      <c r="AI835" s="119"/>
      <c r="AJ835" s="119"/>
      <c r="AK835" s="119"/>
      <c r="AL835" s="119"/>
      <c r="AM835" s="119"/>
      <c r="AN835" s="119"/>
      <c r="AO835" s="119"/>
      <c r="AP835" s="119"/>
      <c r="AQ835" s="119"/>
      <c r="AR835" s="119"/>
      <c r="AS835" s="119"/>
      <c r="AT835" s="119"/>
      <c r="AU835" s="119"/>
      <c r="AV835" s="119"/>
      <c r="AW835" s="119"/>
      <c r="AX835" s="119"/>
      <c r="AY835" s="119"/>
      <c r="AZ835" s="119"/>
      <c r="BA835" s="119"/>
      <c r="BB835" s="107">
        <v>45884</v>
      </c>
    </row>
    <row r="836" spans="1:54" s="207" customFormat="1" ht="13.95" customHeight="1" x14ac:dyDescent="0.25">
      <c r="A836" s="208" t="s">
        <v>2081</v>
      </c>
      <c r="B836" s="209" t="s">
        <v>20420</v>
      </c>
      <c r="C836" s="113" t="s">
        <v>2082</v>
      </c>
      <c r="D836" s="113" t="s">
        <v>22865</v>
      </c>
      <c r="E836" s="210">
        <v>1988</v>
      </c>
      <c r="F836" s="210">
        <v>717</v>
      </c>
      <c r="G836" s="113" t="s">
        <v>1</v>
      </c>
      <c r="H836" s="113">
        <v>0</v>
      </c>
      <c r="I836" s="113">
        <v>0</v>
      </c>
      <c r="J836" s="115">
        <v>1</v>
      </c>
      <c r="K836" s="116" t="s">
        <v>174</v>
      </c>
      <c r="L836" s="115">
        <v>0</v>
      </c>
      <c r="M836" s="115">
        <v>0</v>
      </c>
      <c r="N836" s="115">
        <v>0</v>
      </c>
      <c r="O836" s="115">
        <v>1</v>
      </c>
      <c r="P836" s="115" t="s">
        <v>400</v>
      </c>
      <c r="Q836" s="115" t="s">
        <v>400</v>
      </c>
      <c r="R836" s="115">
        <v>1</v>
      </c>
      <c r="S836" s="115">
        <v>0</v>
      </c>
      <c r="T836" s="115">
        <v>0</v>
      </c>
      <c r="U836" s="119"/>
      <c r="V836" s="119"/>
      <c r="W836" s="119"/>
      <c r="X836" s="119"/>
      <c r="Y836" s="119"/>
      <c r="Z836" s="119"/>
      <c r="AA836" s="119"/>
      <c r="AB836" s="119"/>
      <c r="AC836" s="119"/>
      <c r="AD836" s="119"/>
      <c r="AE836" s="119"/>
      <c r="AF836" s="119"/>
      <c r="AG836" s="119"/>
      <c r="AH836" s="119"/>
      <c r="AI836" s="119"/>
      <c r="AJ836" s="119"/>
      <c r="AK836" s="119"/>
      <c r="AL836" s="119"/>
      <c r="AM836" s="119"/>
      <c r="AN836" s="119"/>
      <c r="AO836" s="119"/>
      <c r="AP836" s="119"/>
      <c r="AQ836" s="119"/>
      <c r="AR836" s="119"/>
      <c r="AS836" s="119"/>
      <c r="AT836" s="119"/>
      <c r="AU836" s="119"/>
      <c r="AV836" s="119"/>
      <c r="AW836" s="119"/>
      <c r="AX836" s="119"/>
      <c r="AY836" s="119"/>
      <c r="AZ836" s="119"/>
      <c r="BA836" s="119"/>
      <c r="BB836" s="107">
        <v>45884</v>
      </c>
    </row>
    <row r="837" spans="1:54" s="207" customFormat="1" ht="13.95" customHeight="1" x14ac:dyDescent="0.25">
      <c r="A837" s="208" t="s">
        <v>2083</v>
      </c>
      <c r="B837" s="209" t="s">
        <v>20420</v>
      </c>
      <c r="C837" s="113" t="s">
        <v>2084</v>
      </c>
      <c r="D837" s="113" t="s">
        <v>22866</v>
      </c>
      <c r="E837" s="210">
        <v>1976</v>
      </c>
      <c r="F837" s="210">
        <v>718</v>
      </c>
      <c r="G837" s="113" t="s">
        <v>1</v>
      </c>
      <c r="H837" s="113">
        <v>0</v>
      </c>
      <c r="I837" s="113">
        <v>0</v>
      </c>
      <c r="J837" s="115">
        <v>1</v>
      </c>
      <c r="K837" s="116" t="s">
        <v>174</v>
      </c>
      <c r="L837" s="115">
        <v>1</v>
      </c>
      <c r="M837" s="115">
        <v>0</v>
      </c>
      <c r="N837" s="115">
        <v>0</v>
      </c>
      <c r="O837" s="115">
        <v>1</v>
      </c>
      <c r="P837" s="115" t="s">
        <v>400</v>
      </c>
      <c r="Q837" s="115" t="s">
        <v>400</v>
      </c>
      <c r="R837" s="115">
        <v>1</v>
      </c>
      <c r="S837" s="115">
        <v>0</v>
      </c>
      <c r="T837" s="115">
        <v>0</v>
      </c>
      <c r="U837" s="119"/>
      <c r="V837" s="119"/>
      <c r="W837" s="119"/>
      <c r="X837" s="119"/>
      <c r="Y837" s="119"/>
      <c r="Z837" s="119"/>
      <c r="AA837" s="119"/>
      <c r="AB837" s="119"/>
      <c r="AC837" s="119"/>
      <c r="AD837" s="119"/>
      <c r="AE837" s="119"/>
      <c r="AF837" s="119"/>
      <c r="AG837" s="119"/>
      <c r="AH837" s="119"/>
      <c r="AI837" s="119"/>
      <c r="AJ837" s="119"/>
      <c r="AK837" s="119"/>
      <c r="AL837" s="119"/>
      <c r="AM837" s="119"/>
      <c r="AN837" s="119"/>
      <c r="AO837" s="119"/>
      <c r="AP837" s="119"/>
      <c r="AQ837" s="119"/>
      <c r="AR837" s="119"/>
      <c r="AS837" s="119"/>
      <c r="AT837" s="119"/>
      <c r="AU837" s="119"/>
      <c r="AV837" s="119"/>
      <c r="AW837" s="119"/>
      <c r="AX837" s="119"/>
      <c r="AY837" s="119"/>
      <c r="AZ837" s="119"/>
      <c r="BA837" s="119"/>
      <c r="BB837" s="107">
        <v>45884</v>
      </c>
    </row>
    <row r="838" spans="1:54" s="207" customFormat="1" ht="13.95" customHeight="1" x14ac:dyDescent="0.25">
      <c r="A838" s="208" t="s">
        <v>2085</v>
      </c>
      <c r="B838" s="209" t="s">
        <v>20420</v>
      </c>
      <c r="C838" s="113" t="s">
        <v>2086</v>
      </c>
      <c r="D838" s="113" t="s">
        <v>2087</v>
      </c>
      <c r="E838" s="210">
        <v>1976</v>
      </c>
      <c r="F838" s="210">
        <v>719</v>
      </c>
      <c r="G838" s="113" t="s">
        <v>1</v>
      </c>
      <c r="H838" s="113">
        <v>0</v>
      </c>
      <c r="I838" s="113">
        <v>0</v>
      </c>
      <c r="J838" s="115">
        <v>1</v>
      </c>
      <c r="K838" s="211">
        <v>1</v>
      </c>
      <c r="L838" s="115">
        <v>0</v>
      </c>
      <c r="M838" s="115">
        <v>0</v>
      </c>
      <c r="N838" s="115">
        <v>0</v>
      </c>
      <c r="O838" s="115">
        <v>0</v>
      </c>
      <c r="P838" s="115" t="s">
        <v>400</v>
      </c>
      <c r="Q838" s="115" t="s">
        <v>400</v>
      </c>
      <c r="R838" s="115">
        <v>0</v>
      </c>
      <c r="S838" s="115">
        <v>0</v>
      </c>
      <c r="T838" s="115">
        <v>0</v>
      </c>
      <c r="U838" s="119"/>
      <c r="V838" s="119"/>
      <c r="W838" s="119"/>
      <c r="X838" s="119"/>
      <c r="Y838" s="119"/>
      <c r="Z838" s="119"/>
      <c r="AA838" s="119"/>
      <c r="AB838" s="119"/>
      <c r="AC838" s="119"/>
      <c r="AD838" s="119"/>
      <c r="AE838" s="119"/>
      <c r="AF838" s="119"/>
      <c r="AG838" s="119"/>
      <c r="AH838" s="119"/>
      <c r="AI838" s="119"/>
      <c r="AJ838" s="119"/>
      <c r="AK838" s="119"/>
      <c r="AL838" s="119"/>
      <c r="AM838" s="119"/>
      <c r="AN838" s="119"/>
      <c r="AO838" s="119"/>
      <c r="AP838" s="119"/>
      <c r="AQ838" s="119"/>
      <c r="AR838" s="119"/>
      <c r="AS838" s="119"/>
      <c r="AT838" s="119"/>
      <c r="AU838" s="119"/>
      <c r="AV838" s="119"/>
      <c r="AW838" s="119"/>
      <c r="AX838" s="119"/>
      <c r="AY838" s="119"/>
      <c r="AZ838" s="119"/>
      <c r="BA838" s="119"/>
      <c r="BB838" s="107">
        <v>45884</v>
      </c>
    </row>
    <row r="839" spans="1:54" s="207" customFormat="1" ht="13.95" customHeight="1" x14ac:dyDescent="0.25">
      <c r="A839" s="208" t="s">
        <v>2088</v>
      </c>
      <c r="B839" s="209" t="s">
        <v>20420</v>
      </c>
      <c r="C839" s="113" t="s">
        <v>2089</v>
      </c>
      <c r="D839" s="113" t="s">
        <v>22867</v>
      </c>
      <c r="E839" s="210">
        <v>1958</v>
      </c>
      <c r="F839" s="210">
        <v>719</v>
      </c>
      <c r="G839" s="113" t="s">
        <v>1</v>
      </c>
      <c r="H839" s="113">
        <v>0</v>
      </c>
      <c r="I839" s="113">
        <v>0</v>
      </c>
      <c r="J839" s="115">
        <v>1</v>
      </c>
      <c r="K839" s="116" t="s">
        <v>174</v>
      </c>
      <c r="L839" s="115">
        <v>0</v>
      </c>
      <c r="M839" s="115">
        <v>1</v>
      </c>
      <c r="N839" s="115">
        <v>0</v>
      </c>
      <c r="O839" s="115">
        <v>1</v>
      </c>
      <c r="P839" s="115" t="s">
        <v>400</v>
      </c>
      <c r="Q839" s="115" t="s">
        <v>400</v>
      </c>
      <c r="R839" s="115">
        <v>1</v>
      </c>
      <c r="S839" s="115">
        <v>0</v>
      </c>
      <c r="T839" s="115">
        <v>0</v>
      </c>
      <c r="U839" s="119"/>
      <c r="V839" s="119"/>
      <c r="W839" s="119"/>
      <c r="X839" s="119"/>
      <c r="Y839" s="119"/>
      <c r="Z839" s="119"/>
      <c r="AA839" s="119"/>
      <c r="AB839" s="119"/>
      <c r="AC839" s="119"/>
      <c r="AD839" s="119"/>
      <c r="AE839" s="119"/>
      <c r="AF839" s="119"/>
      <c r="AG839" s="119"/>
      <c r="AH839" s="119"/>
      <c r="AI839" s="119"/>
      <c r="AJ839" s="119"/>
      <c r="AK839" s="119"/>
      <c r="AL839" s="119"/>
      <c r="AM839" s="119"/>
      <c r="AN839" s="119"/>
      <c r="AO839" s="119"/>
      <c r="AP839" s="119"/>
      <c r="AQ839" s="119"/>
      <c r="AR839" s="119"/>
      <c r="AS839" s="119"/>
      <c r="AT839" s="119"/>
      <c r="AU839" s="119"/>
      <c r="AV839" s="119"/>
      <c r="AW839" s="119"/>
      <c r="AX839" s="119"/>
      <c r="AY839" s="119"/>
      <c r="AZ839" s="119"/>
      <c r="BA839" s="119"/>
      <c r="BB839" s="107">
        <v>45884</v>
      </c>
    </row>
    <row r="840" spans="1:54" s="207" customFormat="1" ht="13.95" customHeight="1" x14ac:dyDescent="0.25">
      <c r="A840" s="208" t="s">
        <v>2090</v>
      </c>
      <c r="B840" s="209" t="s">
        <v>20420</v>
      </c>
      <c r="C840" s="113" t="s">
        <v>2091</v>
      </c>
      <c r="D840" s="113" t="s">
        <v>22868</v>
      </c>
      <c r="E840" s="210">
        <v>1968</v>
      </c>
      <c r="F840" s="210">
        <v>720</v>
      </c>
      <c r="G840" s="113" t="s">
        <v>1</v>
      </c>
      <c r="H840" s="113">
        <v>0</v>
      </c>
      <c r="I840" s="113">
        <v>0</v>
      </c>
      <c r="J840" s="115">
        <v>1</v>
      </c>
      <c r="K840" s="116" t="s">
        <v>174</v>
      </c>
      <c r="L840" s="115">
        <v>1</v>
      </c>
      <c r="M840" s="115">
        <v>0</v>
      </c>
      <c r="N840" s="115">
        <v>0</v>
      </c>
      <c r="O840" s="115">
        <v>1</v>
      </c>
      <c r="P840" s="115">
        <v>1</v>
      </c>
      <c r="Q840" s="115" t="s">
        <v>400</v>
      </c>
      <c r="R840" s="115">
        <v>0</v>
      </c>
      <c r="S840" s="115">
        <v>0</v>
      </c>
      <c r="T840" s="115">
        <v>0</v>
      </c>
      <c r="U840" s="119"/>
      <c r="V840" s="119"/>
      <c r="W840" s="119"/>
      <c r="X840" s="119"/>
      <c r="Y840" s="119"/>
      <c r="Z840" s="119"/>
      <c r="AA840" s="119"/>
      <c r="AB840" s="119"/>
      <c r="AC840" s="119"/>
      <c r="AD840" s="119"/>
      <c r="AE840" s="119"/>
      <c r="AF840" s="119"/>
      <c r="AG840" s="119"/>
      <c r="AH840" s="119"/>
      <c r="AI840" s="119"/>
      <c r="AJ840" s="119"/>
      <c r="AK840" s="119"/>
      <c r="AL840" s="119"/>
      <c r="AM840" s="119"/>
      <c r="AN840" s="119"/>
      <c r="AO840" s="119"/>
      <c r="AP840" s="119"/>
      <c r="AQ840" s="119"/>
      <c r="AR840" s="119"/>
      <c r="AS840" s="119"/>
      <c r="AT840" s="119"/>
      <c r="AU840" s="119"/>
      <c r="AV840" s="119"/>
      <c r="AW840" s="119"/>
      <c r="AX840" s="119"/>
      <c r="AY840" s="119"/>
      <c r="AZ840" s="119"/>
      <c r="BA840" s="119"/>
      <c r="BB840" s="107">
        <v>45884</v>
      </c>
    </row>
    <row r="841" spans="1:54" s="207" customFormat="1" ht="13.95" customHeight="1" x14ac:dyDescent="0.25">
      <c r="A841" s="208" t="s">
        <v>2092</v>
      </c>
      <c r="B841" s="209" t="s">
        <v>20420</v>
      </c>
      <c r="C841" s="113" t="s">
        <v>2093</v>
      </c>
      <c r="D841" s="113" t="s">
        <v>22869</v>
      </c>
      <c r="E841" s="210">
        <v>1973</v>
      </c>
      <c r="F841" s="210">
        <v>720</v>
      </c>
      <c r="G841" s="113" t="s">
        <v>1</v>
      </c>
      <c r="H841" s="113">
        <v>0</v>
      </c>
      <c r="I841" s="113">
        <v>0</v>
      </c>
      <c r="J841" s="115">
        <v>1</v>
      </c>
      <c r="K841" s="116" t="s">
        <v>174</v>
      </c>
      <c r="L841" s="115">
        <v>1</v>
      </c>
      <c r="M841" s="115">
        <v>0</v>
      </c>
      <c r="N841" s="115">
        <v>0</v>
      </c>
      <c r="O841" s="115">
        <v>1</v>
      </c>
      <c r="P841" s="115">
        <v>1</v>
      </c>
      <c r="Q841" s="115" t="s">
        <v>400</v>
      </c>
      <c r="R841" s="115">
        <v>1</v>
      </c>
      <c r="S841" s="115">
        <v>0</v>
      </c>
      <c r="T841" s="115">
        <v>0</v>
      </c>
      <c r="U841" s="119"/>
      <c r="V841" s="119"/>
      <c r="W841" s="119"/>
      <c r="X841" s="119"/>
      <c r="Y841" s="119"/>
      <c r="Z841" s="119"/>
      <c r="AA841" s="119"/>
      <c r="AB841" s="119"/>
      <c r="AC841" s="119"/>
      <c r="AD841" s="119"/>
      <c r="AE841" s="119"/>
      <c r="AF841" s="119"/>
      <c r="AG841" s="119"/>
      <c r="AH841" s="119"/>
      <c r="AI841" s="119"/>
      <c r="AJ841" s="119"/>
      <c r="AK841" s="119"/>
      <c r="AL841" s="119"/>
      <c r="AM841" s="119"/>
      <c r="AN841" s="119"/>
      <c r="AO841" s="119"/>
      <c r="AP841" s="119"/>
      <c r="AQ841" s="119"/>
      <c r="AR841" s="119"/>
      <c r="AS841" s="119"/>
      <c r="AT841" s="119"/>
      <c r="AU841" s="119"/>
      <c r="AV841" s="119"/>
      <c r="AW841" s="119"/>
      <c r="AX841" s="119"/>
      <c r="AY841" s="119"/>
      <c r="AZ841" s="119"/>
      <c r="BA841" s="119"/>
      <c r="BB841" s="107">
        <v>45884</v>
      </c>
    </row>
    <row r="842" spans="1:54" s="207" customFormat="1" ht="13.95" customHeight="1" x14ac:dyDescent="0.25">
      <c r="A842" s="208" t="s">
        <v>2094</v>
      </c>
      <c r="B842" s="209" t="s">
        <v>20420</v>
      </c>
      <c r="C842" s="113" t="s">
        <v>2095</v>
      </c>
      <c r="D842" s="113" t="s">
        <v>2096</v>
      </c>
      <c r="E842" s="210">
        <v>1977</v>
      </c>
      <c r="F842" s="210">
        <v>721</v>
      </c>
      <c r="G842" s="113" t="s">
        <v>1</v>
      </c>
      <c r="H842" s="113">
        <v>0</v>
      </c>
      <c r="I842" s="113">
        <v>0</v>
      </c>
      <c r="J842" s="115">
        <v>1</v>
      </c>
      <c r="K842" s="116" t="s">
        <v>174</v>
      </c>
      <c r="L842" s="115">
        <v>1</v>
      </c>
      <c r="M842" s="115">
        <v>1</v>
      </c>
      <c r="N842" s="115">
        <v>0</v>
      </c>
      <c r="O842" s="115">
        <v>0</v>
      </c>
      <c r="P842" s="115" t="s">
        <v>400</v>
      </c>
      <c r="Q842" s="115" t="s">
        <v>400</v>
      </c>
      <c r="R842" s="115">
        <v>0</v>
      </c>
      <c r="S842" s="115">
        <v>0</v>
      </c>
      <c r="T842" s="115">
        <v>0</v>
      </c>
      <c r="U842" s="119"/>
      <c r="V842" s="119"/>
      <c r="W842" s="119"/>
      <c r="X842" s="119"/>
      <c r="Y842" s="119"/>
      <c r="Z842" s="119"/>
      <c r="AA842" s="119"/>
      <c r="AB842" s="119"/>
      <c r="AC842" s="119"/>
      <c r="AD842" s="119"/>
      <c r="AE842" s="119"/>
      <c r="AF842" s="119"/>
      <c r="AG842" s="119"/>
      <c r="AH842" s="119"/>
      <c r="AI842" s="119"/>
      <c r="AJ842" s="119"/>
      <c r="AK842" s="119"/>
      <c r="AL842" s="119"/>
      <c r="AM842" s="119"/>
      <c r="AN842" s="119"/>
      <c r="AO842" s="119"/>
      <c r="AP842" s="119"/>
      <c r="AQ842" s="119"/>
      <c r="AR842" s="119"/>
      <c r="AS842" s="119"/>
      <c r="AT842" s="119"/>
      <c r="AU842" s="119"/>
      <c r="AV842" s="119"/>
      <c r="AW842" s="119"/>
      <c r="AX842" s="119"/>
      <c r="AY842" s="119"/>
      <c r="AZ842" s="119"/>
      <c r="BA842" s="119"/>
      <c r="BB842" s="107">
        <v>45884</v>
      </c>
    </row>
    <row r="843" spans="1:54" s="207" customFormat="1" ht="13.95" customHeight="1" x14ac:dyDescent="0.25">
      <c r="A843" s="208" t="s">
        <v>2097</v>
      </c>
      <c r="B843" s="209" t="s">
        <v>20420</v>
      </c>
      <c r="C843" s="113" t="s">
        <v>2098</v>
      </c>
      <c r="D843" s="113" t="s">
        <v>22870</v>
      </c>
      <c r="E843" s="210">
        <v>1969</v>
      </c>
      <c r="F843" s="210">
        <v>723</v>
      </c>
      <c r="G843" s="113" t="s">
        <v>1</v>
      </c>
      <c r="H843" s="113">
        <v>0</v>
      </c>
      <c r="I843" s="113">
        <v>0</v>
      </c>
      <c r="J843" s="115">
        <v>1</v>
      </c>
      <c r="K843" s="116" t="s">
        <v>174</v>
      </c>
      <c r="L843" s="115">
        <v>1</v>
      </c>
      <c r="M843" s="115">
        <v>0</v>
      </c>
      <c r="N843" s="115">
        <v>0</v>
      </c>
      <c r="O843" s="115">
        <v>1</v>
      </c>
      <c r="P843" s="115">
        <v>1</v>
      </c>
      <c r="Q843" s="115" t="s">
        <v>400</v>
      </c>
      <c r="R843" s="115">
        <v>1</v>
      </c>
      <c r="S843" s="115">
        <v>0</v>
      </c>
      <c r="T843" s="115">
        <v>0</v>
      </c>
      <c r="U843" s="119"/>
      <c r="V843" s="119"/>
      <c r="W843" s="119"/>
      <c r="X843" s="119"/>
      <c r="Y843" s="119"/>
      <c r="Z843" s="119"/>
      <c r="AA843" s="119"/>
      <c r="AB843" s="119"/>
      <c r="AC843" s="119"/>
      <c r="AD843" s="119"/>
      <c r="AE843" s="119"/>
      <c r="AF843" s="119"/>
      <c r="AG843" s="119"/>
      <c r="AH843" s="119"/>
      <c r="AI843" s="119"/>
      <c r="AJ843" s="119"/>
      <c r="AK843" s="119"/>
      <c r="AL843" s="119"/>
      <c r="AM843" s="119"/>
      <c r="AN843" s="119"/>
      <c r="AO843" s="119"/>
      <c r="AP843" s="119"/>
      <c r="AQ843" s="119"/>
      <c r="AR843" s="119"/>
      <c r="AS843" s="119"/>
      <c r="AT843" s="119"/>
      <c r="AU843" s="119"/>
      <c r="AV843" s="119"/>
      <c r="AW843" s="119"/>
      <c r="AX843" s="119"/>
      <c r="AY843" s="119"/>
      <c r="AZ843" s="119"/>
      <c r="BA843" s="119"/>
      <c r="BB843" s="107">
        <v>45884</v>
      </c>
    </row>
    <row r="844" spans="1:54" s="207" customFormat="1" ht="13.95" customHeight="1" x14ac:dyDescent="0.25">
      <c r="A844" s="208" t="s">
        <v>2099</v>
      </c>
      <c r="B844" s="209" t="s">
        <v>20420</v>
      </c>
      <c r="C844" s="113" t="s">
        <v>2100</v>
      </c>
      <c r="D844" s="113" t="s">
        <v>2101</v>
      </c>
      <c r="E844" s="210">
        <v>1964</v>
      </c>
      <c r="F844" s="210">
        <v>723</v>
      </c>
      <c r="G844" s="113" t="s">
        <v>1</v>
      </c>
      <c r="H844" s="113">
        <v>0</v>
      </c>
      <c r="I844" s="113">
        <v>0</v>
      </c>
      <c r="J844" s="115">
        <v>1</v>
      </c>
      <c r="K844" s="116" t="s">
        <v>174</v>
      </c>
      <c r="L844" s="115">
        <v>1</v>
      </c>
      <c r="M844" s="115">
        <v>0</v>
      </c>
      <c r="N844" s="115">
        <v>0</v>
      </c>
      <c r="O844" s="115">
        <v>1</v>
      </c>
      <c r="P844" s="115">
        <v>1</v>
      </c>
      <c r="Q844" s="115" t="s">
        <v>400</v>
      </c>
      <c r="R844" s="115">
        <v>0</v>
      </c>
      <c r="S844" s="115">
        <v>0</v>
      </c>
      <c r="T844" s="115">
        <v>0</v>
      </c>
      <c r="U844" s="119"/>
      <c r="V844" s="119"/>
      <c r="W844" s="119"/>
      <c r="X844" s="119"/>
      <c r="Y844" s="119"/>
      <c r="Z844" s="119"/>
      <c r="AA844" s="119"/>
      <c r="AB844" s="119"/>
      <c r="AC844" s="119"/>
      <c r="AD844" s="119"/>
      <c r="AE844" s="119"/>
      <c r="AF844" s="119"/>
      <c r="AG844" s="119"/>
      <c r="AH844" s="119"/>
      <c r="AI844" s="119"/>
      <c r="AJ844" s="119"/>
      <c r="AK844" s="119"/>
      <c r="AL844" s="119"/>
      <c r="AM844" s="119"/>
      <c r="AN844" s="119"/>
      <c r="AO844" s="119"/>
      <c r="AP844" s="119"/>
      <c r="AQ844" s="119"/>
      <c r="AR844" s="119"/>
      <c r="AS844" s="119"/>
      <c r="AT844" s="119"/>
      <c r="AU844" s="119"/>
      <c r="AV844" s="119"/>
      <c r="AW844" s="119"/>
      <c r="AX844" s="119"/>
      <c r="AY844" s="119"/>
      <c r="AZ844" s="119"/>
      <c r="BA844" s="119"/>
      <c r="BB844" s="107">
        <v>45884</v>
      </c>
    </row>
    <row r="845" spans="1:54" s="207" customFormat="1" ht="13.95" customHeight="1" x14ac:dyDescent="0.25">
      <c r="A845" s="208" t="s">
        <v>2102</v>
      </c>
      <c r="B845" s="209" t="s">
        <v>20420</v>
      </c>
      <c r="C845" s="113" t="s">
        <v>2103</v>
      </c>
      <c r="D845" s="113" t="s">
        <v>22871</v>
      </c>
      <c r="E845" s="210">
        <v>2005</v>
      </c>
      <c r="F845" s="210">
        <v>724</v>
      </c>
      <c r="G845" s="113" t="s">
        <v>1</v>
      </c>
      <c r="H845" s="113">
        <v>0</v>
      </c>
      <c r="I845" s="113">
        <v>0</v>
      </c>
      <c r="J845" s="115">
        <v>1</v>
      </c>
      <c r="K845" s="211">
        <v>1</v>
      </c>
      <c r="L845" s="115">
        <v>1</v>
      </c>
      <c r="M845" s="115">
        <v>0</v>
      </c>
      <c r="N845" s="115">
        <v>0</v>
      </c>
      <c r="O845" s="115">
        <v>0</v>
      </c>
      <c r="P845" s="115" t="s">
        <v>400</v>
      </c>
      <c r="Q845" s="115" t="s">
        <v>400</v>
      </c>
      <c r="R845" s="115">
        <v>0</v>
      </c>
      <c r="S845" s="115">
        <v>0</v>
      </c>
      <c r="T845" s="115">
        <v>0</v>
      </c>
      <c r="U845" s="119"/>
      <c r="V845" s="119"/>
      <c r="W845" s="119"/>
      <c r="X845" s="119"/>
      <c r="Y845" s="119"/>
      <c r="Z845" s="119"/>
      <c r="AA845" s="119"/>
      <c r="AB845" s="119"/>
      <c r="AC845" s="119"/>
      <c r="AD845" s="119"/>
      <c r="AE845" s="119"/>
      <c r="AF845" s="119"/>
      <c r="AG845" s="119"/>
      <c r="AH845" s="119"/>
      <c r="AI845" s="119"/>
      <c r="AJ845" s="119"/>
      <c r="AK845" s="119"/>
      <c r="AL845" s="119"/>
      <c r="AM845" s="119"/>
      <c r="AN845" s="119"/>
      <c r="AO845" s="119"/>
      <c r="AP845" s="119"/>
      <c r="AQ845" s="119"/>
      <c r="AR845" s="119"/>
      <c r="AS845" s="119"/>
      <c r="AT845" s="119"/>
      <c r="AU845" s="119"/>
      <c r="AV845" s="119"/>
      <c r="AW845" s="119"/>
      <c r="AX845" s="119"/>
      <c r="AY845" s="119"/>
      <c r="AZ845" s="119"/>
      <c r="BA845" s="119"/>
      <c r="BB845" s="107">
        <v>45884</v>
      </c>
    </row>
    <row r="846" spans="1:54" s="207" customFormat="1" ht="13.95" customHeight="1" x14ac:dyDescent="0.25">
      <c r="A846" s="208" t="s">
        <v>2104</v>
      </c>
      <c r="B846" s="209" t="s">
        <v>20420</v>
      </c>
      <c r="C846" s="113" t="s">
        <v>2105</v>
      </c>
      <c r="D846" s="113" t="s">
        <v>22872</v>
      </c>
      <c r="E846" s="210">
        <v>1960</v>
      </c>
      <c r="F846" s="210">
        <v>725</v>
      </c>
      <c r="G846" s="113" t="s">
        <v>1</v>
      </c>
      <c r="H846" s="113">
        <v>0</v>
      </c>
      <c r="I846" s="113">
        <v>0</v>
      </c>
      <c r="J846" s="115">
        <v>1</v>
      </c>
      <c r="K846" s="211">
        <v>1</v>
      </c>
      <c r="L846" s="115">
        <v>0</v>
      </c>
      <c r="M846" s="115">
        <v>0</v>
      </c>
      <c r="N846" s="115">
        <v>1</v>
      </c>
      <c r="O846" s="115">
        <v>1</v>
      </c>
      <c r="P846" s="115" t="s">
        <v>400</v>
      </c>
      <c r="Q846" s="115" t="s">
        <v>400</v>
      </c>
      <c r="R846" s="115">
        <v>1</v>
      </c>
      <c r="S846" s="115">
        <v>0</v>
      </c>
      <c r="T846" s="115">
        <v>0</v>
      </c>
      <c r="U846" s="119"/>
      <c r="V846" s="119"/>
      <c r="W846" s="119"/>
      <c r="X846" s="119"/>
      <c r="Y846" s="119"/>
      <c r="Z846" s="119"/>
      <c r="AA846" s="119"/>
      <c r="AB846" s="119"/>
      <c r="AC846" s="119"/>
      <c r="AD846" s="119"/>
      <c r="AE846" s="119"/>
      <c r="AF846" s="119"/>
      <c r="AG846" s="119"/>
      <c r="AH846" s="119"/>
      <c r="AI846" s="119"/>
      <c r="AJ846" s="119"/>
      <c r="AK846" s="119"/>
      <c r="AL846" s="119"/>
      <c r="AM846" s="119"/>
      <c r="AN846" s="119"/>
      <c r="AO846" s="119"/>
      <c r="AP846" s="119"/>
      <c r="AQ846" s="119"/>
      <c r="AR846" s="119"/>
      <c r="AS846" s="119"/>
      <c r="AT846" s="119"/>
      <c r="AU846" s="119"/>
      <c r="AV846" s="119"/>
      <c r="AW846" s="119"/>
      <c r="AX846" s="119"/>
      <c r="AY846" s="119"/>
      <c r="AZ846" s="119"/>
      <c r="BA846" s="119"/>
      <c r="BB846" s="107">
        <v>45884</v>
      </c>
    </row>
    <row r="847" spans="1:54" s="207" customFormat="1" ht="13.95" customHeight="1" x14ac:dyDescent="0.25">
      <c r="A847" s="208" t="s">
        <v>2106</v>
      </c>
      <c r="B847" s="209" t="s">
        <v>20420</v>
      </c>
      <c r="C847" s="113" t="s">
        <v>2107</v>
      </c>
      <c r="D847" s="113" t="s">
        <v>22873</v>
      </c>
      <c r="E847" s="210">
        <v>1976</v>
      </c>
      <c r="F847" s="210">
        <v>727</v>
      </c>
      <c r="G847" s="113" t="s">
        <v>1</v>
      </c>
      <c r="H847" s="113">
        <v>0</v>
      </c>
      <c r="I847" s="113">
        <v>0</v>
      </c>
      <c r="J847" s="115">
        <v>1</v>
      </c>
      <c r="K847" s="116" t="s">
        <v>174</v>
      </c>
      <c r="L847" s="115">
        <v>1</v>
      </c>
      <c r="M847" s="115">
        <v>0</v>
      </c>
      <c r="N847" s="115">
        <v>0</v>
      </c>
      <c r="O847" s="115">
        <v>1</v>
      </c>
      <c r="P847" s="115">
        <v>1</v>
      </c>
      <c r="Q847" s="115" t="s">
        <v>400</v>
      </c>
      <c r="R847" s="115">
        <v>1</v>
      </c>
      <c r="S847" s="115">
        <v>0</v>
      </c>
      <c r="T847" s="115">
        <v>0</v>
      </c>
      <c r="U847" s="119"/>
      <c r="V847" s="119"/>
      <c r="W847" s="119"/>
      <c r="X847" s="119"/>
      <c r="Y847" s="119"/>
      <c r="Z847" s="119"/>
      <c r="AA847" s="119"/>
      <c r="AB847" s="119"/>
      <c r="AC847" s="119"/>
      <c r="AD847" s="119"/>
      <c r="AE847" s="119"/>
      <c r="AF847" s="119"/>
      <c r="AG847" s="119"/>
      <c r="AH847" s="119"/>
      <c r="AI847" s="119"/>
      <c r="AJ847" s="119"/>
      <c r="AK847" s="119"/>
      <c r="AL847" s="119"/>
      <c r="AM847" s="119"/>
      <c r="AN847" s="119"/>
      <c r="AO847" s="119"/>
      <c r="AP847" s="119"/>
      <c r="AQ847" s="119"/>
      <c r="AR847" s="119"/>
      <c r="AS847" s="119"/>
      <c r="AT847" s="119"/>
      <c r="AU847" s="119"/>
      <c r="AV847" s="119"/>
      <c r="AW847" s="119"/>
      <c r="AX847" s="119"/>
      <c r="AY847" s="119"/>
      <c r="AZ847" s="119"/>
      <c r="BA847" s="119"/>
      <c r="BB847" s="107">
        <v>45884</v>
      </c>
    </row>
    <row r="848" spans="1:54" s="207" customFormat="1" ht="13.95" customHeight="1" x14ac:dyDescent="0.25">
      <c r="A848" s="208" t="s">
        <v>2108</v>
      </c>
      <c r="B848" s="209" t="s">
        <v>20420</v>
      </c>
      <c r="C848" s="113" t="s">
        <v>2109</v>
      </c>
      <c r="D848" s="113" t="s">
        <v>22874</v>
      </c>
      <c r="E848" s="210">
        <v>1991</v>
      </c>
      <c r="F848" s="210">
        <v>728</v>
      </c>
      <c r="G848" s="113" t="s">
        <v>1</v>
      </c>
      <c r="H848" s="113">
        <v>0</v>
      </c>
      <c r="I848" s="113">
        <v>0</v>
      </c>
      <c r="J848" s="115">
        <v>1</v>
      </c>
      <c r="K848" s="116" t="s">
        <v>174</v>
      </c>
      <c r="L848" s="115">
        <v>1</v>
      </c>
      <c r="M848" s="115">
        <v>1</v>
      </c>
      <c r="N848" s="115">
        <v>0</v>
      </c>
      <c r="O848" s="115">
        <v>0</v>
      </c>
      <c r="P848" s="115" t="s">
        <v>400</v>
      </c>
      <c r="Q848" s="115" t="s">
        <v>400</v>
      </c>
      <c r="R848" s="115">
        <v>1</v>
      </c>
      <c r="S848" s="115">
        <v>0</v>
      </c>
      <c r="T848" s="115">
        <v>0</v>
      </c>
      <c r="U848" s="119"/>
      <c r="V848" s="119"/>
      <c r="W848" s="119"/>
      <c r="X848" s="119"/>
      <c r="Y848" s="119"/>
      <c r="Z848" s="119"/>
      <c r="AA848" s="119"/>
      <c r="AB848" s="119"/>
      <c r="AC848" s="119"/>
      <c r="AD848" s="119"/>
      <c r="AE848" s="119"/>
      <c r="AF848" s="119"/>
      <c r="AG848" s="119"/>
      <c r="AH848" s="119"/>
      <c r="AI848" s="119"/>
      <c r="AJ848" s="119"/>
      <c r="AK848" s="119"/>
      <c r="AL848" s="119"/>
      <c r="AM848" s="119"/>
      <c r="AN848" s="119"/>
      <c r="AO848" s="119"/>
      <c r="AP848" s="119"/>
      <c r="AQ848" s="119"/>
      <c r="AR848" s="119"/>
      <c r="AS848" s="119"/>
      <c r="AT848" s="119"/>
      <c r="AU848" s="119"/>
      <c r="AV848" s="119"/>
      <c r="AW848" s="119"/>
      <c r="AX848" s="119"/>
      <c r="AY848" s="119"/>
      <c r="AZ848" s="119"/>
      <c r="BA848" s="119"/>
      <c r="BB848" s="107">
        <v>45884</v>
      </c>
    </row>
    <row r="849" spans="1:54" s="207" customFormat="1" ht="13.95" customHeight="1" x14ac:dyDescent="0.25">
      <c r="A849" s="208" t="s">
        <v>2110</v>
      </c>
      <c r="B849" s="209" t="s">
        <v>20420</v>
      </c>
      <c r="C849" s="113" t="s">
        <v>2111</v>
      </c>
      <c r="D849" s="113" t="s">
        <v>22875</v>
      </c>
      <c r="E849" s="210">
        <v>1992</v>
      </c>
      <c r="F849" s="210">
        <v>733</v>
      </c>
      <c r="G849" s="113" t="s">
        <v>1</v>
      </c>
      <c r="H849" s="113">
        <v>0</v>
      </c>
      <c r="I849" s="113">
        <v>0</v>
      </c>
      <c r="J849" s="115">
        <v>1</v>
      </c>
      <c r="K849" s="116" t="s">
        <v>174</v>
      </c>
      <c r="L849" s="115">
        <v>1</v>
      </c>
      <c r="M849" s="115">
        <v>0</v>
      </c>
      <c r="N849" s="115">
        <v>1</v>
      </c>
      <c r="O849" s="115">
        <v>0</v>
      </c>
      <c r="P849" s="115" t="s">
        <v>400</v>
      </c>
      <c r="Q849" s="115" t="s">
        <v>400</v>
      </c>
      <c r="R849" s="115">
        <v>0</v>
      </c>
      <c r="S849" s="115">
        <v>0</v>
      </c>
      <c r="T849" s="115">
        <v>0</v>
      </c>
      <c r="U849" s="119"/>
      <c r="V849" s="119"/>
      <c r="W849" s="119"/>
      <c r="X849" s="119"/>
      <c r="Y849" s="119"/>
      <c r="Z849" s="119"/>
      <c r="AA849" s="119"/>
      <c r="AB849" s="119"/>
      <c r="AC849" s="119"/>
      <c r="AD849" s="119"/>
      <c r="AE849" s="119"/>
      <c r="AF849" s="119"/>
      <c r="AG849" s="119"/>
      <c r="AH849" s="119"/>
      <c r="AI849" s="119"/>
      <c r="AJ849" s="119"/>
      <c r="AK849" s="119"/>
      <c r="AL849" s="119"/>
      <c r="AM849" s="119"/>
      <c r="AN849" s="119"/>
      <c r="AO849" s="119"/>
      <c r="AP849" s="119"/>
      <c r="AQ849" s="119"/>
      <c r="AR849" s="119"/>
      <c r="AS849" s="119"/>
      <c r="AT849" s="119"/>
      <c r="AU849" s="119"/>
      <c r="AV849" s="119"/>
      <c r="AW849" s="119"/>
      <c r="AX849" s="119"/>
      <c r="AY849" s="119"/>
      <c r="AZ849" s="119"/>
      <c r="BA849" s="119"/>
      <c r="BB849" s="107">
        <v>45884</v>
      </c>
    </row>
    <row r="850" spans="1:54" s="207" customFormat="1" ht="13.95" customHeight="1" x14ac:dyDescent="0.25">
      <c r="A850" s="208" t="s">
        <v>2112</v>
      </c>
      <c r="B850" s="209" t="s">
        <v>20420</v>
      </c>
      <c r="C850" s="113" t="s">
        <v>2113</v>
      </c>
      <c r="D850" s="113" t="s">
        <v>22876</v>
      </c>
      <c r="E850" s="210">
        <v>1975</v>
      </c>
      <c r="F850" s="210">
        <v>734</v>
      </c>
      <c r="G850" s="113" t="s">
        <v>1</v>
      </c>
      <c r="H850" s="113">
        <v>0</v>
      </c>
      <c r="I850" s="113">
        <v>0</v>
      </c>
      <c r="J850" s="115">
        <v>1</v>
      </c>
      <c r="K850" s="116" t="s">
        <v>174</v>
      </c>
      <c r="L850" s="115">
        <v>1</v>
      </c>
      <c r="M850" s="115">
        <v>1</v>
      </c>
      <c r="N850" s="115">
        <v>0</v>
      </c>
      <c r="O850" s="115">
        <v>1</v>
      </c>
      <c r="P850" s="115" t="s">
        <v>400</v>
      </c>
      <c r="Q850" s="115" t="s">
        <v>400</v>
      </c>
      <c r="R850" s="115">
        <v>0</v>
      </c>
      <c r="S850" s="115">
        <v>0</v>
      </c>
      <c r="T850" s="115">
        <v>0</v>
      </c>
      <c r="U850" s="119"/>
      <c r="V850" s="119"/>
      <c r="W850" s="119"/>
      <c r="X850" s="119"/>
      <c r="Y850" s="119"/>
      <c r="Z850" s="119"/>
      <c r="AA850" s="119"/>
      <c r="AB850" s="119"/>
      <c r="AC850" s="119"/>
      <c r="AD850" s="119"/>
      <c r="AE850" s="119"/>
      <c r="AF850" s="119"/>
      <c r="AG850" s="119"/>
      <c r="AH850" s="119"/>
      <c r="AI850" s="119"/>
      <c r="AJ850" s="119"/>
      <c r="AK850" s="119"/>
      <c r="AL850" s="119"/>
      <c r="AM850" s="119"/>
      <c r="AN850" s="119"/>
      <c r="AO850" s="119"/>
      <c r="AP850" s="119"/>
      <c r="AQ850" s="119"/>
      <c r="AR850" s="119"/>
      <c r="AS850" s="119"/>
      <c r="AT850" s="119"/>
      <c r="AU850" s="119"/>
      <c r="AV850" s="119"/>
      <c r="AW850" s="119"/>
      <c r="AX850" s="119"/>
      <c r="AY850" s="119"/>
      <c r="AZ850" s="119"/>
      <c r="BA850" s="119"/>
      <c r="BB850" s="107">
        <v>45884</v>
      </c>
    </row>
    <row r="851" spans="1:54" s="207" customFormat="1" ht="13.95" customHeight="1" x14ac:dyDescent="0.25">
      <c r="A851" s="208" t="s">
        <v>2114</v>
      </c>
      <c r="B851" s="209" t="s">
        <v>20420</v>
      </c>
      <c r="C851" s="113" t="s">
        <v>2115</v>
      </c>
      <c r="D851" s="113" t="s">
        <v>22877</v>
      </c>
      <c r="E851" s="210">
        <v>1998</v>
      </c>
      <c r="F851" s="210">
        <v>734</v>
      </c>
      <c r="G851" s="113" t="s">
        <v>1</v>
      </c>
      <c r="H851" s="113">
        <v>0</v>
      </c>
      <c r="I851" s="113">
        <v>0</v>
      </c>
      <c r="J851" s="115">
        <v>1</v>
      </c>
      <c r="K851" s="211">
        <v>1</v>
      </c>
      <c r="L851" s="115">
        <v>0</v>
      </c>
      <c r="M851" s="115">
        <v>0</v>
      </c>
      <c r="N851" s="115">
        <v>0</v>
      </c>
      <c r="O851" s="115">
        <v>0</v>
      </c>
      <c r="P851" s="115">
        <v>0</v>
      </c>
      <c r="Q851" s="115" t="s">
        <v>400</v>
      </c>
      <c r="R851" s="115">
        <v>1</v>
      </c>
      <c r="S851" s="115">
        <v>1</v>
      </c>
      <c r="T851" s="115">
        <v>0</v>
      </c>
      <c r="U851" s="119"/>
      <c r="V851" s="119"/>
      <c r="W851" s="119"/>
      <c r="X851" s="119"/>
      <c r="Y851" s="119"/>
      <c r="Z851" s="119"/>
      <c r="AA851" s="119"/>
      <c r="AB851" s="119"/>
      <c r="AC851" s="119"/>
      <c r="AD851" s="119"/>
      <c r="AE851" s="119"/>
      <c r="AF851" s="119"/>
      <c r="AG851" s="119"/>
      <c r="AH851" s="119"/>
      <c r="AI851" s="119"/>
      <c r="AJ851" s="119"/>
      <c r="AK851" s="119"/>
      <c r="AL851" s="119"/>
      <c r="AM851" s="119"/>
      <c r="AN851" s="119"/>
      <c r="AO851" s="119"/>
      <c r="AP851" s="119"/>
      <c r="AQ851" s="119"/>
      <c r="AR851" s="119"/>
      <c r="AS851" s="119"/>
      <c r="AT851" s="119"/>
      <c r="AU851" s="119"/>
      <c r="AV851" s="119"/>
      <c r="AW851" s="119"/>
      <c r="AX851" s="119"/>
      <c r="AY851" s="119"/>
      <c r="AZ851" s="119"/>
      <c r="BA851" s="119"/>
      <c r="BB851" s="107">
        <v>45884</v>
      </c>
    </row>
    <row r="852" spans="1:54" s="207" customFormat="1" ht="13.95" customHeight="1" x14ac:dyDescent="0.25">
      <c r="A852" s="208" t="s">
        <v>2116</v>
      </c>
      <c r="B852" s="209" t="s">
        <v>20420</v>
      </c>
      <c r="C852" s="113" t="s">
        <v>2117</v>
      </c>
      <c r="D852" s="113" t="s">
        <v>22878</v>
      </c>
      <c r="E852" s="210">
        <v>1997</v>
      </c>
      <c r="F852" s="210">
        <v>734</v>
      </c>
      <c r="G852" s="113" t="s">
        <v>1</v>
      </c>
      <c r="H852" s="113">
        <v>0</v>
      </c>
      <c r="I852" s="113">
        <v>0</v>
      </c>
      <c r="J852" s="115">
        <v>1</v>
      </c>
      <c r="K852" s="116" t="s">
        <v>174</v>
      </c>
      <c r="L852" s="115">
        <v>0</v>
      </c>
      <c r="M852" s="115">
        <v>0</v>
      </c>
      <c r="N852" s="115">
        <v>0</v>
      </c>
      <c r="O852" s="115">
        <v>0</v>
      </c>
      <c r="P852" s="115">
        <v>1</v>
      </c>
      <c r="Q852" s="115" t="s">
        <v>400</v>
      </c>
      <c r="R852" s="115">
        <v>0</v>
      </c>
      <c r="S852" s="115">
        <v>0</v>
      </c>
      <c r="T852" s="115">
        <v>0</v>
      </c>
      <c r="U852" s="119"/>
      <c r="V852" s="119"/>
      <c r="W852" s="119"/>
      <c r="X852" s="119"/>
      <c r="Y852" s="119"/>
      <c r="Z852" s="119"/>
      <c r="AA852" s="119"/>
      <c r="AB852" s="119"/>
      <c r="AC852" s="119"/>
      <c r="AD852" s="119"/>
      <c r="AE852" s="119"/>
      <c r="AF852" s="119"/>
      <c r="AG852" s="119"/>
      <c r="AH852" s="119"/>
      <c r="AI852" s="119"/>
      <c r="AJ852" s="119"/>
      <c r="AK852" s="119"/>
      <c r="AL852" s="119"/>
      <c r="AM852" s="119"/>
      <c r="AN852" s="119"/>
      <c r="AO852" s="119"/>
      <c r="AP852" s="119"/>
      <c r="AQ852" s="119"/>
      <c r="AR852" s="119"/>
      <c r="AS852" s="119"/>
      <c r="AT852" s="119"/>
      <c r="AU852" s="119"/>
      <c r="AV852" s="119"/>
      <c r="AW852" s="119"/>
      <c r="AX852" s="119"/>
      <c r="AY852" s="119"/>
      <c r="AZ852" s="119"/>
      <c r="BA852" s="119"/>
      <c r="BB852" s="107">
        <v>45884</v>
      </c>
    </row>
    <row r="853" spans="1:54" s="207" customFormat="1" ht="13.95" customHeight="1" x14ac:dyDescent="0.25">
      <c r="A853" s="208" t="s">
        <v>2118</v>
      </c>
      <c r="B853" s="209" t="s">
        <v>20420</v>
      </c>
      <c r="C853" s="113" t="s">
        <v>2119</v>
      </c>
      <c r="D853" s="113" t="s">
        <v>2120</v>
      </c>
      <c r="E853" s="210">
        <v>1993</v>
      </c>
      <c r="F853" s="210">
        <v>735</v>
      </c>
      <c r="G853" s="113" t="s">
        <v>1</v>
      </c>
      <c r="H853" s="113">
        <v>0</v>
      </c>
      <c r="I853" s="113">
        <v>0</v>
      </c>
      <c r="J853" s="115">
        <v>1</v>
      </c>
      <c r="K853" s="116" t="s">
        <v>174</v>
      </c>
      <c r="L853" s="115">
        <v>1</v>
      </c>
      <c r="M853" s="115">
        <v>0</v>
      </c>
      <c r="N853" s="115">
        <v>0</v>
      </c>
      <c r="O853" s="115">
        <v>0</v>
      </c>
      <c r="P853" s="115">
        <v>1</v>
      </c>
      <c r="Q853" s="115" t="s">
        <v>400</v>
      </c>
      <c r="R853" s="115">
        <v>1</v>
      </c>
      <c r="S853" s="115">
        <v>0</v>
      </c>
      <c r="T853" s="115">
        <v>0</v>
      </c>
      <c r="U853" s="119"/>
      <c r="V853" s="119"/>
      <c r="W853" s="119"/>
      <c r="X853" s="119"/>
      <c r="Y853" s="119"/>
      <c r="Z853" s="119"/>
      <c r="AA853" s="119"/>
      <c r="AB853" s="119"/>
      <c r="AC853" s="119"/>
      <c r="AD853" s="119"/>
      <c r="AE853" s="119"/>
      <c r="AF853" s="119"/>
      <c r="AG853" s="119"/>
      <c r="AH853" s="119"/>
      <c r="AI853" s="119"/>
      <c r="AJ853" s="119"/>
      <c r="AK853" s="119"/>
      <c r="AL853" s="119"/>
      <c r="AM853" s="119"/>
      <c r="AN853" s="119"/>
      <c r="AO853" s="119"/>
      <c r="AP853" s="119"/>
      <c r="AQ853" s="119"/>
      <c r="AR853" s="119"/>
      <c r="AS853" s="119"/>
      <c r="AT853" s="119"/>
      <c r="AU853" s="119"/>
      <c r="AV853" s="119"/>
      <c r="AW853" s="119"/>
      <c r="AX853" s="119"/>
      <c r="AY853" s="119"/>
      <c r="AZ853" s="119"/>
      <c r="BA853" s="119"/>
      <c r="BB853" s="107">
        <v>45884</v>
      </c>
    </row>
    <row r="854" spans="1:54" s="207" customFormat="1" ht="13.95" customHeight="1" x14ac:dyDescent="0.25">
      <c r="A854" s="208" t="s">
        <v>2121</v>
      </c>
      <c r="B854" s="209" t="s">
        <v>20420</v>
      </c>
      <c r="C854" s="113" t="s">
        <v>2122</v>
      </c>
      <c r="D854" s="113" t="s">
        <v>22879</v>
      </c>
      <c r="E854" s="210">
        <v>1984</v>
      </c>
      <c r="F854" s="210">
        <v>736</v>
      </c>
      <c r="G854" s="113" t="s">
        <v>1</v>
      </c>
      <c r="H854" s="113">
        <v>0</v>
      </c>
      <c r="I854" s="113">
        <v>0</v>
      </c>
      <c r="J854" s="115">
        <v>1</v>
      </c>
      <c r="K854" s="116" t="s">
        <v>174</v>
      </c>
      <c r="L854" s="115">
        <v>1</v>
      </c>
      <c r="M854" s="115">
        <v>0</v>
      </c>
      <c r="N854" s="115">
        <v>0</v>
      </c>
      <c r="O854" s="115">
        <v>1</v>
      </c>
      <c r="P854" s="115">
        <v>1</v>
      </c>
      <c r="Q854" s="115" t="s">
        <v>400</v>
      </c>
      <c r="R854" s="115">
        <v>0</v>
      </c>
      <c r="S854" s="115">
        <v>0</v>
      </c>
      <c r="T854" s="115">
        <v>0</v>
      </c>
      <c r="U854" s="119"/>
      <c r="V854" s="119"/>
      <c r="W854" s="119"/>
      <c r="X854" s="119"/>
      <c r="Y854" s="119"/>
      <c r="Z854" s="119"/>
      <c r="AA854" s="119"/>
      <c r="AB854" s="119"/>
      <c r="AC854" s="119"/>
      <c r="AD854" s="119"/>
      <c r="AE854" s="119"/>
      <c r="AF854" s="119"/>
      <c r="AG854" s="119"/>
      <c r="AH854" s="119"/>
      <c r="AI854" s="119"/>
      <c r="AJ854" s="119"/>
      <c r="AK854" s="119"/>
      <c r="AL854" s="119"/>
      <c r="AM854" s="119"/>
      <c r="AN854" s="119"/>
      <c r="AO854" s="119"/>
      <c r="AP854" s="119"/>
      <c r="AQ854" s="119"/>
      <c r="AR854" s="119"/>
      <c r="AS854" s="119"/>
      <c r="AT854" s="119"/>
      <c r="AU854" s="119"/>
      <c r="AV854" s="119"/>
      <c r="AW854" s="119"/>
      <c r="AX854" s="119"/>
      <c r="AY854" s="119"/>
      <c r="AZ854" s="119"/>
      <c r="BA854" s="119"/>
      <c r="BB854" s="107">
        <v>45884</v>
      </c>
    </row>
    <row r="855" spans="1:54" s="207" customFormat="1" ht="13.95" customHeight="1" x14ac:dyDescent="0.25">
      <c r="A855" s="208" t="s">
        <v>2123</v>
      </c>
      <c r="B855" s="209" t="s">
        <v>20420</v>
      </c>
      <c r="C855" s="113" t="s">
        <v>2124</v>
      </c>
      <c r="D855" s="113" t="s">
        <v>22880</v>
      </c>
      <c r="E855" s="210">
        <v>1989</v>
      </c>
      <c r="F855" s="210">
        <v>739</v>
      </c>
      <c r="G855" s="113" t="s">
        <v>1</v>
      </c>
      <c r="H855" s="113">
        <v>0</v>
      </c>
      <c r="I855" s="113">
        <v>0</v>
      </c>
      <c r="J855" s="115">
        <v>1</v>
      </c>
      <c r="K855" s="116" t="s">
        <v>174</v>
      </c>
      <c r="L855" s="115">
        <v>1</v>
      </c>
      <c r="M855" s="115">
        <v>0</v>
      </c>
      <c r="N855" s="115">
        <v>0</v>
      </c>
      <c r="O855" s="115">
        <v>1</v>
      </c>
      <c r="P855" s="115">
        <v>1</v>
      </c>
      <c r="Q855" s="115" t="s">
        <v>400</v>
      </c>
      <c r="R855" s="115">
        <v>1</v>
      </c>
      <c r="S855" s="115">
        <v>0</v>
      </c>
      <c r="T855" s="115">
        <v>0</v>
      </c>
      <c r="U855" s="119"/>
      <c r="V855" s="119"/>
      <c r="W855" s="119"/>
      <c r="X855" s="119"/>
      <c r="Y855" s="119"/>
      <c r="Z855" s="119"/>
      <c r="AA855" s="119"/>
      <c r="AB855" s="119"/>
      <c r="AC855" s="119"/>
      <c r="AD855" s="119"/>
      <c r="AE855" s="119"/>
      <c r="AF855" s="119"/>
      <c r="AG855" s="119"/>
      <c r="AH855" s="119"/>
      <c r="AI855" s="119"/>
      <c r="AJ855" s="119"/>
      <c r="AK855" s="119"/>
      <c r="AL855" s="119"/>
      <c r="AM855" s="119"/>
      <c r="AN855" s="119"/>
      <c r="AO855" s="119"/>
      <c r="AP855" s="119"/>
      <c r="AQ855" s="119"/>
      <c r="AR855" s="119"/>
      <c r="AS855" s="119"/>
      <c r="AT855" s="119"/>
      <c r="AU855" s="119"/>
      <c r="AV855" s="119"/>
      <c r="AW855" s="119"/>
      <c r="AX855" s="119"/>
      <c r="AY855" s="119"/>
      <c r="AZ855" s="119"/>
      <c r="BA855" s="119"/>
      <c r="BB855" s="107">
        <v>45884</v>
      </c>
    </row>
    <row r="856" spans="1:54" s="207" customFormat="1" ht="13.95" customHeight="1" x14ac:dyDescent="0.25">
      <c r="A856" s="208" t="s">
        <v>2125</v>
      </c>
      <c r="B856" s="209" t="s">
        <v>20420</v>
      </c>
      <c r="C856" s="113" t="s">
        <v>2126</v>
      </c>
      <c r="D856" s="113" t="s">
        <v>2127</v>
      </c>
      <c r="E856" s="210">
        <v>1953</v>
      </c>
      <c r="F856" s="210">
        <v>740</v>
      </c>
      <c r="G856" s="113" t="s">
        <v>1</v>
      </c>
      <c r="H856" s="113">
        <v>0</v>
      </c>
      <c r="I856" s="113">
        <v>0</v>
      </c>
      <c r="J856" s="115">
        <v>1</v>
      </c>
      <c r="K856" s="116" t="s">
        <v>174</v>
      </c>
      <c r="L856" s="115">
        <v>1</v>
      </c>
      <c r="M856" s="115">
        <v>0</v>
      </c>
      <c r="N856" s="120">
        <v>1</v>
      </c>
      <c r="O856" s="115">
        <v>1</v>
      </c>
      <c r="P856" s="115">
        <v>1</v>
      </c>
      <c r="Q856" s="115" t="s">
        <v>400</v>
      </c>
      <c r="R856" s="115">
        <v>1</v>
      </c>
      <c r="S856" s="115">
        <v>0</v>
      </c>
      <c r="T856" s="115">
        <v>0</v>
      </c>
      <c r="U856" s="119"/>
      <c r="V856" s="119"/>
      <c r="W856" s="119"/>
      <c r="X856" s="119"/>
      <c r="Y856" s="119"/>
      <c r="Z856" s="119"/>
      <c r="AA856" s="119"/>
      <c r="AB856" s="119"/>
      <c r="AC856" s="119"/>
      <c r="AD856" s="119"/>
      <c r="AE856" s="119"/>
      <c r="AF856" s="119"/>
      <c r="AG856" s="119"/>
      <c r="AH856" s="119"/>
      <c r="AI856" s="119"/>
      <c r="AJ856" s="119"/>
      <c r="AK856" s="119"/>
      <c r="AL856" s="119"/>
      <c r="AM856" s="119"/>
      <c r="AN856" s="119"/>
      <c r="AO856" s="119"/>
      <c r="AP856" s="119"/>
      <c r="AQ856" s="119"/>
      <c r="AR856" s="119"/>
      <c r="AS856" s="119"/>
      <c r="AT856" s="119"/>
      <c r="AU856" s="119"/>
      <c r="AV856" s="119"/>
      <c r="AW856" s="119"/>
      <c r="AX856" s="119"/>
      <c r="AY856" s="119"/>
      <c r="AZ856" s="119"/>
      <c r="BA856" s="119"/>
      <c r="BB856" s="107">
        <v>45884</v>
      </c>
    </row>
    <row r="857" spans="1:54" s="207" customFormat="1" ht="13.95" customHeight="1" x14ac:dyDescent="0.25">
      <c r="A857" s="208" t="s">
        <v>2128</v>
      </c>
      <c r="B857" s="209" t="s">
        <v>20420</v>
      </c>
      <c r="C857" s="113" t="s">
        <v>2129</v>
      </c>
      <c r="D857" s="113" t="s">
        <v>22881</v>
      </c>
      <c r="E857" s="210">
        <v>1986</v>
      </c>
      <c r="F857" s="210">
        <v>740</v>
      </c>
      <c r="G857" s="113" t="s">
        <v>1</v>
      </c>
      <c r="H857" s="113">
        <v>0</v>
      </c>
      <c r="I857" s="113">
        <v>0</v>
      </c>
      <c r="J857" s="115">
        <v>1</v>
      </c>
      <c r="K857" s="116" t="s">
        <v>174</v>
      </c>
      <c r="L857" s="115">
        <v>1</v>
      </c>
      <c r="M857" s="115">
        <v>1</v>
      </c>
      <c r="N857" s="115">
        <v>0</v>
      </c>
      <c r="O857" s="115">
        <v>0</v>
      </c>
      <c r="P857" s="115" t="s">
        <v>400</v>
      </c>
      <c r="Q857" s="115" t="s">
        <v>400</v>
      </c>
      <c r="R857" s="115">
        <v>0</v>
      </c>
      <c r="S857" s="115">
        <v>0</v>
      </c>
      <c r="T857" s="115">
        <v>0</v>
      </c>
      <c r="U857" s="119"/>
      <c r="V857" s="119"/>
      <c r="W857" s="119"/>
      <c r="X857" s="119"/>
      <c r="Y857" s="119"/>
      <c r="Z857" s="119"/>
      <c r="AA857" s="119"/>
      <c r="AB857" s="119"/>
      <c r="AC857" s="119"/>
      <c r="AD857" s="119"/>
      <c r="AE857" s="119"/>
      <c r="AF857" s="119"/>
      <c r="AG857" s="119"/>
      <c r="AH857" s="119"/>
      <c r="AI857" s="119"/>
      <c r="AJ857" s="119"/>
      <c r="AK857" s="119"/>
      <c r="AL857" s="119"/>
      <c r="AM857" s="119"/>
      <c r="AN857" s="119"/>
      <c r="AO857" s="119"/>
      <c r="AP857" s="119"/>
      <c r="AQ857" s="119"/>
      <c r="AR857" s="119"/>
      <c r="AS857" s="119"/>
      <c r="AT857" s="119"/>
      <c r="AU857" s="119"/>
      <c r="AV857" s="119"/>
      <c r="AW857" s="119"/>
      <c r="AX857" s="119"/>
      <c r="AY857" s="119"/>
      <c r="AZ857" s="119"/>
      <c r="BA857" s="119"/>
      <c r="BB857" s="107">
        <v>45884</v>
      </c>
    </row>
    <row r="858" spans="1:54" s="207" customFormat="1" ht="13.95" customHeight="1" x14ac:dyDescent="0.25">
      <c r="A858" s="208" t="s">
        <v>2130</v>
      </c>
      <c r="B858" s="209" t="s">
        <v>20420</v>
      </c>
      <c r="C858" s="113" t="s">
        <v>2131</v>
      </c>
      <c r="D858" s="113" t="s">
        <v>22882</v>
      </c>
      <c r="E858" s="210">
        <v>1974</v>
      </c>
      <c r="F858" s="210">
        <v>740</v>
      </c>
      <c r="G858" s="113" t="s">
        <v>1</v>
      </c>
      <c r="H858" s="113">
        <v>0</v>
      </c>
      <c r="I858" s="113">
        <v>0</v>
      </c>
      <c r="J858" s="115">
        <v>1</v>
      </c>
      <c r="K858" s="116" t="s">
        <v>174</v>
      </c>
      <c r="L858" s="115">
        <v>1</v>
      </c>
      <c r="M858" s="115">
        <v>0</v>
      </c>
      <c r="N858" s="115">
        <v>0</v>
      </c>
      <c r="O858" s="115">
        <v>1</v>
      </c>
      <c r="P858" s="115">
        <v>1</v>
      </c>
      <c r="Q858" s="115" t="s">
        <v>400</v>
      </c>
      <c r="R858" s="115">
        <v>0</v>
      </c>
      <c r="S858" s="115">
        <v>0</v>
      </c>
      <c r="T858" s="115">
        <v>0</v>
      </c>
      <c r="U858" s="119"/>
      <c r="V858" s="119"/>
      <c r="W858" s="119"/>
      <c r="X858" s="119"/>
      <c r="Y858" s="119"/>
      <c r="Z858" s="119"/>
      <c r="AA858" s="119"/>
      <c r="AB858" s="119"/>
      <c r="AC858" s="119"/>
      <c r="AD858" s="119"/>
      <c r="AE858" s="119"/>
      <c r="AF858" s="119"/>
      <c r="AG858" s="119"/>
      <c r="AH858" s="119"/>
      <c r="AI858" s="119"/>
      <c r="AJ858" s="119"/>
      <c r="AK858" s="119"/>
      <c r="AL858" s="119"/>
      <c r="AM858" s="119"/>
      <c r="AN858" s="119"/>
      <c r="AO858" s="119"/>
      <c r="AP858" s="119"/>
      <c r="AQ858" s="119"/>
      <c r="AR858" s="119"/>
      <c r="AS858" s="119"/>
      <c r="AT858" s="119"/>
      <c r="AU858" s="119"/>
      <c r="AV858" s="119"/>
      <c r="AW858" s="119"/>
      <c r="AX858" s="119"/>
      <c r="AY858" s="119"/>
      <c r="AZ858" s="119"/>
      <c r="BA858" s="119"/>
      <c r="BB858" s="107">
        <v>45884</v>
      </c>
    </row>
    <row r="859" spans="1:54" s="207" customFormat="1" ht="13.95" customHeight="1" x14ac:dyDescent="0.25">
      <c r="A859" s="208" t="s">
        <v>2132</v>
      </c>
      <c r="B859" s="209" t="s">
        <v>20420</v>
      </c>
      <c r="C859" s="113" t="s">
        <v>2133</v>
      </c>
      <c r="D859" s="113" t="s">
        <v>22883</v>
      </c>
      <c r="E859" s="210">
        <v>1996</v>
      </c>
      <c r="F859" s="210">
        <v>740</v>
      </c>
      <c r="G859" s="113" t="s">
        <v>1</v>
      </c>
      <c r="H859" s="113">
        <v>0</v>
      </c>
      <c r="I859" s="113">
        <v>0</v>
      </c>
      <c r="J859" s="115">
        <v>1</v>
      </c>
      <c r="K859" s="116" t="s">
        <v>174</v>
      </c>
      <c r="L859" s="115">
        <v>1</v>
      </c>
      <c r="M859" s="115">
        <v>0</v>
      </c>
      <c r="N859" s="115">
        <v>0</v>
      </c>
      <c r="O859" s="115">
        <v>0</v>
      </c>
      <c r="P859" s="115">
        <v>1</v>
      </c>
      <c r="Q859" s="115">
        <v>1</v>
      </c>
      <c r="R859" s="115">
        <v>1</v>
      </c>
      <c r="S859" s="115">
        <v>0</v>
      </c>
      <c r="T859" s="115">
        <v>0</v>
      </c>
      <c r="U859" s="119"/>
      <c r="V859" s="119"/>
      <c r="W859" s="119"/>
      <c r="X859" s="119"/>
      <c r="Y859" s="119"/>
      <c r="Z859" s="119"/>
      <c r="AA859" s="119"/>
      <c r="AB859" s="119"/>
      <c r="AC859" s="119"/>
      <c r="AD859" s="119"/>
      <c r="AE859" s="119"/>
      <c r="AF859" s="119"/>
      <c r="AG859" s="119"/>
      <c r="AH859" s="119"/>
      <c r="AI859" s="119"/>
      <c r="AJ859" s="119"/>
      <c r="AK859" s="119"/>
      <c r="AL859" s="119"/>
      <c r="AM859" s="119"/>
      <c r="AN859" s="119"/>
      <c r="AO859" s="119"/>
      <c r="AP859" s="119"/>
      <c r="AQ859" s="119"/>
      <c r="AR859" s="119"/>
      <c r="AS859" s="119"/>
      <c r="AT859" s="119"/>
      <c r="AU859" s="119"/>
      <c r="AV859" s="119"/>
      <c r="AW859" s="119"/>
      <c r="AX859" s="119"/>
      <c r="AY859" s="119"/>
      <c r="AZ859" s="119"/>
      <c r="BA859" s="119"/>
      <c r="BB859" s="107">
        <v>45884</v>
      </c>
    </row>
    <row r="860" spans="1:54" s="207" customFormat="1" ht="13.95" customHeight="1" x14ac:dyDescent="0.25">
      <c r="A860" s="208" t="s">
        <v>2134</v>
      </c>
      <c r="B860" s="209" t="s">
        <v>20420</v>
      </c>
      <c r="C860" s="113" t="s">
        <v>2135</v>
      </c>
      <c r="D860" s="113" t="s">
        <v>22884</v>
      </c>
      <c r="E860" s="210">
        <v>1995</v>
      </c>
      <c r="F860" s="210">
        <v>741</v>
      </c>
      <c r="G860" s="113" t="s">
        <v>1</v>
      </c>
      <c r="H860" s="113">
        <v>0</v>
      </c>
      <c r="I860" s="113">
        <v>0</v>
      </c>
      <c r="J860" s="115">
        <v>1</v>
      </c>
      <c r="K860" s="116" t="s">
        <v>174</v>
      </c>
      <c r="L860" s="115">
        <v>1</v>
      </c>
      <c r="M860" s="115">
        <v>0</v>
      </c>
      <c r="N860" s="115">
        <v>0</v>
      </c>
      <c r="O860" s="115">
        <v>0</v>
      </c>
      <c r="P860" s="115">
        <v>1</v>
      </c>
      <c r="Q860" s="115" t="s">
        <v>400</v>
      </c>
      <c r="R860" s="115">
        <v>0</v>
      </c>
      <c r="S860" s="115">
        <v>0</v>
      </c>
      <c r="T860" s="115">
        <v>0</v>
      </c>
      <c r="U860" s="119"/>
      <c r="V860" s="119"/>
      <c r="W860" s="119"/>
      <c r="X860" s="119"/>
      <c r="Y860" s="119"/>
      <c r="Z860" s="119"/>
      <c r="AA860" s="119"/>
      <c r="AB860" s="119"/>
      <c r="AC860" s="119"/>
      <c r="AD860" s="119"/>
      <c r="AE860" s="119"/>
      <c r="AF860" s="119"/>
      <c r="AG860" s="119"/>
      <c r="AH860" s="119"/>
      <c r="AI860" s="119"/>
      <c r="AJ860" s="119"/>
      <c r="AK860" s="119"/>
      <c r="AL860" s="119"/>
      <c r="AM860" s="119"/>
      <c r="AN860" s="119"/>
      <c r="AO860" s="119"/>
      <c r="AP860" s="119"/>
      <c r="AQ860" s="119"/>
      <c r="AR860" s="119"/>
      <c r="AS860" s="119"/>
      <c r="AT860" s="119"/>
      <c r="AU860" s="119"/>
      <c r="AV860" s="119"/>
      <c r="AW860" s="119"/>
      <c r="AX860" s="119"/>
      <c r="AY860" s="119"/>
      <c r="AZ860" s="119"/>
      <c r="BA860" s="119"/>
      <c r="BB860" s="107">
        <v>45884</v>
      </c>
    </row>
    <row r="861" spans="1:54" s="207" customFormat="1" ht="13.95" customHeight="1" x14ac:dyDescent="0.25">
      <c r="A861" s="208" t="s">
        <v>2136</v>
      </c>
      <c r="B861" s="209" t="s">
        <v>20420</v>
      </c>
      <c r="C861" s="113" t="s">
        <v>2137</v>
      </c>
      <c r="D861" s="113" t="s">
        <v>2138</v>
      </c>
      <c r="E861" s="210">
        <v>1994</v>
      </c>
      <c r="F861" s="210">
        <v>744</v>
      </c>
      <c r="G861" s="113" t="s">
        <v>1</v>
      </c>
      <c r="H861" s="113">
        <v>0</v>
      </c>
      <c r="I861" s="113">
        <v>0</v>
      </c>
      <c r="J861" s="115">
        <v>1</v>
      </c>
      <c r="K861" s="116" t="s">
        <v>174</v>
      </c>
      <c r="L861" s="115">
        <v>1</v>
      </c>
      <c r="M861" s="115">
        <v>0</v>
      </c>
      <c r="N861" s="115">
        <v>0</v>
      </c>
      <c r="O861" s="115">
        <v>1</v>
      </c>
      <c r="P861" s="115">
        <v>1</v>
      </c>
      <c r="Q861" s="115" t="s">
        <v>400</v>
      </c>
      <c r="R861" s="115">
        <v>0</v>
      </c>
      <c r="S861" s="115">
        <v>0</v>
      </c>
      <c r="T861" s="115">
        <v>0</v>
      </c>
      <c r="U861" s="119"/>
      <c r="V861" s="119"/>
      <c r="W861" s="119"/>
      <c r="X861" s="119"/>
      <c r="Y861" s="119"/>
      <c r="Z861" s="119"/>
      <c r="AA861" s="119"/>
      <c r="AB861" s="119"/>
      <c r="AC861" s="119"/>
      <c r="AD861" s="119"/>
      <c r="AE861" s="119"/>
      <c r="AF861" s="119"/>
      <c r="AG861" s="119"/>
      <c r="AH861" s="119"/>
      <c r="AI861" s="119"/>
      <c r="AJ861" s="119"/>
      <c r="AK861" s="119"/>
      <c r="AL861" s="119"/>
      <c r="AM861" s="119"/>
      <c r="AN861" s="119"/>
      <c r="AO861" s="119"/>
      <c r="AP861" s="119"/>
      <c r="AQ861" s="119"/>
      <c r="AR861" s="119"/>
      <c r="AS861" s="119"/>
      <c r="AT861" s="119"/>
      <c r="AU861" s="119"/>
      <c r="AV861" s="119"/>
      <c r="AW861" s="119"/>
      <c r="AX861" s="119"/>
      <c r="AY861" s="119"/>
      <c r="AZ861" s="119"/>
      <c r="BA861" s="119"/>
      <c r="BB861" s="107">
        <v>45884</v>
      </c>
    </row>
    <row r="862" spans="1:54" s="207" customFormat="1" ht="13.95" customHeight="1" x14ac:dyDescent="0.25">
      <c r="A862" s="208" t="s">
        <v>2139</v>
      </c>
      <c r="B862" s="209" t="s">
        <v>20420</v>
      </c>
      <c r="C862" s="113" t="s">
        <v>2140</v>
      </c>
      <c r="D862" s="113" t="s">
        <v>22885</v>
      </c>
      <c r="E862" s="210">
        <v>2005</v>
      </c>
      <c r="F862" s="210">
        <v>745</v>
      </c>
      <c r="G862" s="113" t="s">
        <v>1</v>
      </c>
      <c r="H862" s="113">
        <v>0</v>
      </c>
      <c r="I862" s="113">
        <v>0</v>
      </c>
      <c r="J862" s="115">
        <v>1</v>
      </c>
      <c r="K862" s="116" t="s">
        <v>174</v>
      </c>
      <c r="L862" s="115">
        <v>1</v>
      </c>
      <c r="M862" s="115">
        <v>0</v>
      </c>
      <c r="N862" s="115">
        <v>0</v>
      </c>
      <c r="O862" s="115">
        <v>1</v>
      </c>
      <c r="P862" s="115">
        <v>1</v>
      </c>
      <c r="Q862" s="115" t="s">
        <v>400</v>
      </c>
      <c r="R862" s="115">
        <v>1</v>
      </c>
      <c r="S862" s="115">
        <v>0</v>
      </c>
      <c r="T862" s="115">
        <v>0</v>
      </c>
      <c r="U862" s="119"/>
      <c r="V862" s="119"/>
      <c r="W862" s="119"/>
      <c r="X862" s="119"/>
      <c r="Y862" s="119"/>
      <c r="Z862" s="119"/>
      <c r="AA862" s="119"/>
      <c r="AB862" s="119"/>
      <c r="AC862" s="119"/>
      <c r="AD862" s="119"/>
      <c r="AE862" s="119"/>
      <c r="AF862" s="119"/>
      <c r="AG862" s="119"/>
      <c r="AH862" s="119"/>
      <c r="AI862" s="119"/>
      <c r="AJ862" s="119"/>
      <c r="AK862" s="119"/>
      <c r="AL862" s="119"/>
      <c r="AM862" s="119"/>
      <c r="AN862" s="119"/>
      <c r="AO862" s="119"/>
      <c r="AP862" s="119"/>
      <c r="AQ862" s="119"/>
      <c r="AR862" s="119"/>
      <c r="AS862" s="119"/>
      <c r="AT862" s="119"/>
      <c r="AU862" s="119"/>
      <c r="AV862" s="119"/>
      <c r="AW862" s="119"/>
      <c r="AX862" s="119"/>
      <c r="AY862" s="119"/>
      <c r="AZ862" s="119"/>
      <c r="BA862" s="119"/>
      <c r="BB862" s="107">
        <v>45884</v>
      </c>
    </row>
    <row r="863" spans="1:54" s="207" customFormat="1" ht="13.95" customHeight="1" x14ac:dyDescent="0.25">
      <c r="A863" s="208" t="s">
        <v>2141</v>
      </c>
      <c r="B863" s="209" t="s">
        <v>20420</v>
      </c>
      <c r="C863" s="113" t="s">
        <v>2142</v>
      </c>
      <c r="D863" s="113" t="s">
        <v>2143</v>
      </c>
      <c r="E863" s="210">
        <v>1965</v>
      </c>
      <c r="F863" s="210">
        <v>745</v>
      </c>
      <c r="G863" s="113" t="s">
        <v>1</v>
      </c>
      <c r="H863" s="113">
        <v>0</v>
      </c>
      <c r="I863" s="113">
        <v>0</v>
      </c>
      <c r="J863" s="115">
        <v>1</v>
      </c>
      <c r="K863" s="116" t="s">
        <v>174</v>
      </c>
      <c r="L863" s="115">
        <v>1</v>
      </c>
      <c r="M863" s="115">
        <v>0</v>
      </c>
      <c r="N863" s="115">
        <v>0</v>
      </c>
      <c r="O863" s="115">
        <v>1</v>
      </c>
      <c r="P863" s="115">
        <v>1</v>
      </c>
      <c r="Q863" s="115" t="s">
        <v>400</v>
      </c>
      <c r="R863" s="115">
        <v>1</v>
      </c>
      <c r="S863" s="115">
        <v>0</v>
      </c>
      <c r="T863" s="115">
        <v>0</v>
      </c>
      <c r="U863" s="119"/>
      <c r="V863" s="119"/>
      <c r="W863" s="119"/>
      <c r="X863" s="119"/>
      <c r="Y863" s="119"/>
      <c r="Z863" s="119"/>
      <c r="AA863" s="119"/>
      <c r="AB863" s="119"/>
      <c r="AC863" s="119"/>
      <c r="AD863" s="119"/>
      <c r="AE863" s="119"/>
      <c r="AF863" s="119"/>
      <c r="AG863" s="119"/>
      <c r="AH863" s="119"/>
      <c r="AI863" s="119"/>
      <c r="AJ863" s="119"/>
      <c r="AK863" s="119"/>
      <c r="AL863" s="119"/>
      <c r="AM863" s="119"/>
      <c r="AN863" s="119"/>
      <c r="AO863" s="119"/>
      <c r="AP863" s="119"/>
      <c r="AQ863" s="119"/>
      <c r="AR863" s="119"/>
      <c r="AS863" s="119"/>
      <c r="AT863" s="119"/>
      <c r="AU863" s="119"/>
      <c r="AV863" s="119"/>
      <c r="AW863" s="119"/>
      <c r="AX863" s="119"/>
      <c r="AY863" s="119"/>
      <c r="AZ863" s="119"/>
      <c r="BA863" s="119"/>
      <c r="BB863" s="107">
        <v>45884</v>
      </c>
    </row>
    <row r="864" spans="1:54" s="207" customFormat="1" ht="13.95" customHeight="1" x14ac:dyDescent="0.25">
      <c r="A864" s="208" t="s">
        <v>2144</v>
      </c>
      <c r="B864" s="209" t="s">
        <v>20420</v>
      </c>
      <c r="C864" s="113" t="s">
        <v>2145</v>
      </c>
      <c r="D864" s="113" t="s">
        <v>22886</v>
      </c>
      <c r="E864" s="210">
        <v>2003</v>
      </c>
      <c r="F864" s="210">
        <v>745</v>
      </c>
      <c r="G864" s="113" t="s">
        <v>1</v>
      </c>
      <c r="H864" s="113">
        <v>0</v>
      </c>
      <c r="I864" s="113">
        <v>0</v>
      </c>
      <c r="J864" s="115">
        <v>1</v>
      </c>
      <c r="K864" s="211">
        <v>1</v>
      </c>
      <c r="L864" s="115">
        <v>1</v>
      </c>
      <c r="M864" s="115">
        <v>0</v>
      </c>
      <c r="N864" s="115">
        <v>0</v>
      </c>
      <c r="O864" s="115">
        <v>0</v>
      </c>
      <c r="P864" s="115">
        <v>1</v>
      </c>
      <c r="Q864" s="115" t="s">
        <v>400</v>
      </c>
      <c r="R864" s="115">
        <v>0</v>
      </c>
      <c r="S864" s="115">
        <v>0</v>
      </c>
      <c r="T864" s="115">
        <v>0</v>
      </c>
      <c r="U864" s="119"/>
      <c r="V864" s="119"/>
      <c r="W864" s="119"/>
      <c r="X864" s="119"/>
      <c r="Y864" s="119"/>
      <c r="Z864" s="119"/>
      <c r="AA864" s="119"/>
      <c r="AB864" s="119"/>
      <c r="AC864" s="119"/>
      <c r="AD864" s="119"/>
      <c r="AE864" s="119"/>
      <c r="AF864" s="119"/>
      <c r="AG864" s="119"/>
      <c r="AH864" s="119"/>
      <c r="AI864" s="119"/>
      <c r="AJ864" s="119"/>
      <c r="AK864" s="119"/>
      <c r="AL864" s="119"/>
      <c r="AM864" s="119"/>
      <c r="AN864" s="119"/>
      <c r="AO864" s="119"/>
      <c r="AP864" s="119"/>
      <c r="AQ864" s="119"/>
      <c r="AR864" s="119"/>
      <c r="AS864" s="119"/>
      <c r="AT864" s="119"/>
      <c r="AU864" s="119"/>
      <c r="AV864" s="119"/>
      <c r="AW864" s="119"/>
      <c r="AX864" s="119"/>
      <c r="AY864" s="119"/>
      <c r="AZ864" s="119"/>
      <c r="BA864" s="119"/>
      <c r="BB864" s="107">
        <v>45884</v>
      </c>
    </row>
    <row r="865" spans="1:54" s="207" customFormat="1" ht="13.95" customHeight="1" x14ac:dyDescent="0.25">
      <c r="A865" s="208" t="s">
        <v>2146</v>
      </c>
      <c r="B865" s="209" t="s">
        <v>20420</v>
      </c>
      <c r="C865" s="113" t="s">
        <v>2147</v>
      </c>
      <c r="D865" s="113" t="s">
        <v>22887</v>
      </c>
      <c r="E865" s="210">
        <v>1987</v>
      </c>
      <c r="F865" s="210">
        <v>746</v>
      </c>
      <c r="G865" s="113" t="s">
        <v>1</v>
      </c>
      <c r="H865" s="113">
        <v>0</v>
      </c>
      <c r="I865" s="113">
        <v>0</v>
      </c>
      <c r="J865" s="115">
        <v>1</v>
      </c>
      <c r="K865" s="116" t="s">
        <v>174</v>
      </c>
      <c r="L865" s="115">
        <v>1</v>
      </c>
      <c r="M865" s="115">
        <v>0</v>
      </c>
      <c r="N865" s="115">
        <v>0</v>
      </c>
      <c r="O865" s="115">
        <v>1</v>
      </c>
      <c r="P865" s="115">
        <v>1</v>
      </c>
      <c r="Q865" s="115" t="s">
        <v>400</v>
      </c>
      <c r="R865" s="115">
        <v>0</v>
      </c>
      <c r="S865" s="115">
        <v>0</v>
      </c>
      <c r="T865" s="115">
        <v>0</v>
      </c>
      <c r="U865" s="119"/>
      <c r="V865" s="119"/>
      <c r="W865" s="119"/>
      <c r="X865" s="119"/>
      <c r="Y865" s="119"/>
      <c r="Z865" s="119"/>
      <c r="AA865" s="119"/>
      <c r="AB865" s="119"/>
      <c r="AC865" s="119"/>
      <c r="AD865" s="119"/>
      <c r="AE865" s="119"/>
      <c r="AF865" s="119"/>
      <c r="AG865" s="119"/>
      <c r="AH865" s="119"/>
      <c r="AI865" s="119"/>
      <c r="AJ865" s="119"/>
      <c r="AK865" s="119"/>
      <c r="AL865" s="119"/>
      <c r="AM865" s="119"/>
      <c r="AN865" s="119"/>
      <c r="AO865" s="119"/>
      <c r="AP865" s="119"/>
      <c r="AQ865" s="119"/>
      <c r="AR865" s="119"/>
      <c r="AS865" s="119"/>
      <c r="AT865" s="119"/>
      <c r="AU865" s="119"/>
      <c r="AV865" s="119"/>
      <c r="AW865" s="119"/>
      <c r="AX865" s="119"/>
      <c r="AY865" s="119"/>
      <c r="AZ865" s="119"/>
      <c r="BA865" s="119"/>
      <c r="BB865" s="107">
        <v>45884</v>
      </c>
    </row>
    <row r="866" spans="1:54" s="207" customFormat="1" ht="13.95" customHeight="1" x14ac:dyDescent="0.25">
      <c r="A866" s="208" t="s">
        <v>2148</v>
      </c>
      <c r="B866" s="209" t="s">
        <v>20420</v>
      </c>
      <c r="C866" s="113" t="s">
        <v>2149</v>
      </c>
      <c r="D866" s="113" t="s">
        <v>2150</v>
      </c>
      <c r="E866" s="210">
        <v>1998</v>
      </c>
      <c r="F866" s="210">
        <v>750</v>
      </c>
      <c r="G866" s="113" t="s">
        <v>1</v>
      </c>
      <c r="H866" s="113">
        <v>0</v>
      </c>
      <c r="I866" s="113">
        <v>0</v>
      </c>
      <c r="J866" s="115">
        <v>1</v>
      </c>
      <c r="K866" s="116" t="s">
        <v>174</v>
      </c>
      <c r="L866" s="115">
        <v>1</v>
      </c>
      <c r="M866" s="115">
        <v>1</v>
      </c>
      <c r="N866" s="115">
        <v>0</v>
      </c>
      <c r="O866" s="115">
        <v>0</v>
      </c>
      <c r="P866" s="115" t="s">
        <v>400</v>
      </c>
      <c r="Q866" s="115" t="s">
        <v>400</v>
      </c>
      <c r="R866" s="115">
        <v>0</v>
      </c>
      <c r="S866" s="115">
        <v>0</v>
      </c>
      <c r="T866" s="115">
        <v>0</v>
      </c>
      <c r="U866" s="119"/>
      <c r="V866" s="119"/>
      <c r="W866" s="119"/>
      <c r="X866" s="119"/>
      <c r="Y866" s="119"/>
      <c r="Z866" s="119"/>
      <c r="AA866" s="119"/>
      <c r="AB866" s="119"/>
      <c r="AC866" s="119"/>
      <c r="AD866" s="119"/>
      <c r="AE866" s="119"/>
      <c r="AF866" s="119"/>
      <c r="AG866" s="119"/>
      <c r="AH866" s="119"/>
      <c r="AI866" s="119"/>
      <c r="AJ866" s="119"/>
      <c r="AK866" s="119"/>
      <c r="AL866" s="119"/>
      <c r="AM866" s="119"/>
      <c r="AN866" s="119"/>
      <c r="AO866" s="119"/>
      <c r="AP866" s="119"/>
      <c r="AQ866" s="119"/>
      <c r="AR866" s="119"/>
      <c r="AS866" s="119"/>
      <c r="AT866" s="119"/>
      <c r="AU866" s="119"/>
      <c r="AV866" s="119"/>
      <c r="AW866" s="119"/>
      <c r="AX866" s="119"/>
      <c r="AY866" s="119"/>
      <c r="AZ866" s="119"/>
      <c r="BA866" s="119"/>
      <c r="BB866" s="107">
        <v>45884</v>
      </c>
    </row>
    <row r="867" spans="1:54" s="207" customFormat="1" ht="13.95" customHeight="1" x14ac:dyDescent="0.25">
      <c r="A867" s="208" t="s">
        <v>2151</v>
      </c>
      <c r="B867" s="209" t="s">
        <v>20420</v>
      </c>
      <c r="C867" s="113" t="s">
        <v>2152</v>
      </c>
      <c r="D867" s="113" t="s">
        <v>2153</v>
      </c>
      <c r="E867" s="210">
        <v>1987</v>
      </c>
      <c r="F867" s="210">
        <v>750</v>
      </c>
      <c r="G867" s="113" t="s">
        <v>1</v>
      </c>
      <c r="H867" s="113">
        <v>0</v>
      </c>
      <c r="I867" s="113">
        <v>0</v>
      </c>
      <c r="J867" s="115">
        <v>1</v>
      </c>
      <c r="K867" s="116" t="s">
        <v>174</v>
      </c>
      <c r="L867" s="115">
        <v>0</v>
      </c>
      <c r="M867" s="115">
        <v>0</v>
      </c>
      <c r="N867" s="115">
        <v>0</v>
      </c>
      <c r="O867" s="115">
        <v>0</v>
      </c>
      <c r="P867" s="115" t="s">
        <v>400</v>
      </c>
      <c r="Q867" s="115" t="s">
        <v>400</v>
      </c>
      <c r="R867" s="115">
        <v>0</v>
      </c>
      <c r="S867" s="115">
        <v>0</v>
      </c>
      <c r="T867" s="115">
        <v>0</v>
      </c>
      <c r="U867" s="119"/>
      <c r="V867" s="119"/>
      <c r="W867" s="119"/>
      <c r="X867" s="119"/>
      <c r="Y867" s="119"/>
      <c r="Z867" s="119"/>
      <c r="AA867" s="119"/>
      <c r="AB867" s="119"/>
      <c r="AC867" s="119"/>
      <c r="AD867" s="119"/>
      <c r="AE867" s="119"/>
      <c r="AF867" s="119"/>
      <c r="AG867" s="119"/>
      <c r="AH867" s="119"/>
      <c r="AI867" s="119"/>
      <c r="AJ867" s="119"/>
      <c r="AK867" s="119"/>
      <c r="AL867" s="119"/>
      <c r="AM867" s="119"/>
      <c r="AN867" s="119"/>
      <c r="AO867" s="119"/>
      <c r="AP867" s="119"/>
      <c r="AQ867" s="119"/>
      <c r="AR867" s="119"/>
      <c r="AS867" s="119"/>
      <c r="AT867" s="119"/>
      <c r="AU867" s="119"/>
      <c r="AV867" s="119"/>
      <c r="AW867" s="119"/>
      <c r="AX867" s="119"/>
      <c r="AY867" s="119"/>
      <c r="AZ867" s="119"/>
      <c r="BA867" s="119"/>
      <c r="BB867" s="107">
        <v>45884</v>
      </c>
    </row>
    <row r="868" spans="1:54" s="207" customFormat="1" ht="13.95" customHeight="1" x14ac:dyDescent="0.25">
      <c r="A868" s="208" t="s">
        <v>2154</v>
      </c>
      <c r="B868" s="209" t="s">
        <v>20420</v>
      </c>
      <c r="C868" s="113" t="s">
        <v>2155</v>
      </c>
      <c r="D868" s="113" t="s">
        <v>22888</v>
      </c>
      <c r="E868" s="210">
        <v>1962</v>
      </c>
      <c r="F868" s="210">
        <v>753</v>
      </c>
      <c r="G868" s="113" t="s">
        <v>1</v>
      </c>
      <c r="H868" s="113">
        <v>0</v>
      </c>
      <c r="I868" s="113">
        <v>0</v>
      </c>
      <c r="J868" s="115">
        <v>1</v>
      </c>
      <c r="K868" s="116" t="s">
        <v>174</v>
      </c>
      <c r="L868" s="115">
        <v>0</v>
      </c>
      <c r="M868" s="115">
        <v>0</v>
      </c>
      <c r="N868" s="115">
        <v>0</v>
      </c>
      <c r="O868" s="115">
        <v>0</v>
      </c>
      <c r="P868" s="115" t="s">
        <v>400</v>
      </c>
      <c r="Q868" s="115" t="s">
        <v>400</v>
      </c>
      <c r="R868" s="115">
        <v>0</v>
      </c>
      <c r="S868" s="115">
        <v>0</v>
      </c>
      <c r="T868" s="115">
        <v>0</v>
      </c>
      <c r="U868" s="119"/>
      <c r="V868" s="119"/>
      <c r="W868" s="119"/>
      <c r="X868" s="119"/>
      <c r="Y868" s="119"/>
      <c r="Z868" s="119"/>
      <c r="AA868" s="119"/>
      <c r="AB868" s="119"/>
      <c r="AC868" s="119"/>
      <c r="AD868" s="119"/>
      <c r="AE868" s="119"/>
      <c r="AF868" s="119"/>
      <c r="AG868" s="119"/>
      <c r="AH868" s="119"/>
      <c r="AI868" s="119"/>
      <c r="AJ868" s="119"/>
      <c r="AK868" s="119"/>
      <c r="AL868" s="119"/>
      <c r="AM868" s="119"/>
      <c r="AN868" s="119"/>
      <c r="AO868" s="119"/>
      <c r="AP868" s="119"/>
      <c r="AQ868" s="119"/>
      <c r="AR868" s="119"/>
      <c r="AS868" s="119"/>
      <c r="AT868" s="119"/>
      <c r="AU868" s="119"/>
      <c r="AV868" s="119"/>
      <c r="AW868" s="119"/>
      <c r="AX868" s="119"/>
      <c r="AY868" s="119"/>
      <c r="AZ868" s="119"/>
      <c r="BA868" s="119"/>
      <c r="BB868" s="107">
        <v>45884</v>
      </c>
    </row>
    <row r="869" spans="1:54" s="207" customFormat="1" ht="13.95" customHeight="1" x14ac:dyDescent="0.25">
      <c r="A869" s="208" t="s">
        <v>2156</v>
      </c>
      <c r="B869" s="209" t="s">
        <v>20420</v>
      </c>
      <c r="C869" s="113" t="s">
        <v>2157</v>
      </c>
      <c r="D869" s="113" t="s">
        <v>22889</v>
      </c>
      <c r="E869" s="210">
        <v>2004</v>
      </c>
      <c r="F869" s="210">
        <v>758</v>
      </c>
      <c r="G869" s="113" t="s">
        <v>1</v>
      </c>
      <c r="H869" s="113">
        <v>0</v>
      </c>
      <c r="I869" s="113">
        <v>0</v>
      </c>
      <c r="J869" s="115">
        <v>1</v>
      </c>
      <c r="K869" s="116" t="s">
        <v>174</v>
      </c>
      <c r="L869" s="115">
        <v>1</v>
      </c>
      <c r="M869" s="115">
        <v>1</v>
      </c>
      <c r="N869" s="115">
        <v>0</v>
      </c>
      <c r="O869" s="115">
        <v>1</v>
      </c>
      <c r="P869" s="212">
        <v>0</v>
      </c>
      <c r="Q869" s="115" t="s">
        <v>400</v>
      </c>
      <c r="R869" s="115">
        <v>1</v>
      </c>
      <c r="S869" s="115">
        <v>0</v>
      </c>
      <c r="T869" s="115">
        <v>0</v>
      </c>
      <c r="U869" s="119"/>
      <c r="V869" s="119"/>
      <c r="W869" s="119"/>
      <c r="X869" s="119"/>
      <c r="Y869" s="119"/>
      <c r="Z869" s="119"/>
      <c r="AA869" s="119"/>
      <c r="AB869" s="119"/>
      <c r="AC869" s="119"/>
      <c r="AD869" s="119"/>
      <c r="AE869" s="119"/>
      <c r="AF869" s="119"/>
      <c r="AG869" s="119"/>
      <c r="AH869" s="119"/>
      <c r="AI869" s="119"/>
      <c r="AJ869" s="119"/>
      <c r="AK869" s="119"/>
      <c r="AL869" s="119"/>
      <c r="AM869" s="119"/>
      <c r="AN869" s="119"/>
      <c r="AO869" s="119"/>
      <c r="AP869" s="119"/>
      <c r="AQ869" s="119"/>
      <c r="AR869" s="119"/>
      <c r="AS869" s="119"/>
      <c r="AT869" s="119"/>
      <c r="AU869" s="119"/>
      <c r="AV869" s="119"/>
      <c r="AW869" s="119"/>
      <c r="AX869" s="119"/>
      <c r="AY869" s="119"/>
      <c r="AZ869" s="119"/>
      <c r="BA869" s="119"/>
      <c r="BB869" s="107">
        <v>45884</v>
      </c>
    </row>
    <row r="870" spans="1:54" s="207" customFormat="1" ht="13.95" customHeight="1" x14ac:dyDescent="0.25">
      <c r="A870" s="208" t="s">
        <v>2158</v>
      </c>
      <c r="B870" s="209" t="s">
        <v>20420</v>
      </c>
      <c r="C870" s="113" t="s">
        <v>2159</v>
      </c>
      <c r="D870" s="113" t="s">
        <v>22890</v>
      </c>
      <c r="E870" s="210">
        <v>1958</v>
      </c>
      <c r="F870" s="210">
        <v>759</v>
      </c>
      <c r="G870" s="113" t="s">
        <v>1</v>
      </c>
      <c r="H870" s="113">
        <v>0</v>
      </c>
      <c r="I870" s="113">
        <v>0</v>
      </c>
      <c r="J870" s="115">
        <v>1</v>
      </c>
      <c r="K870" s="116" t="s">
        <v>174</v>
      </c>
      <c r="L870" s="115">
        <v>1</v>
      </c>
      <c r="M870" s="115">
        <v>0</v>
      </c>
      <c r="N870" s="115">
        <v>0</v>
      </c>
      <c r="O870" s="115">
        <v>1</v>
      </c>
      <c r="P870" s="115">
        <v>1</v>
      </c>
      <c r="Q870" s="115" t="s">
        <v>400</v>
      </c>
      <c r="R870" s="115">
        <v>1</v>
      </c>
      <c r="S870" s="115">
        <v>0</v>
      </c>
      <c r="T870" s="115">
        <v>0</v>
      </c>
      <c r="U870" s="119"/>
      <c r="V870" s="119"/>
      <c r="W870" s="119"/>
      <c r="X870" s="119"/>
      <c r="Y870" s="119"/>
      <c r="Z870" s="119"/>
      <c r="AA870" s="119"/>
      <c r="AB870" s="119"/>
      <c r="AC870" s="119"/>
      <c r="AD870" s="119"/>
      <c r="AE870" s="119"/>
      <c r="AF870" s="119"/>
      <c r="AG870" s="119"/>
      <c r="AH870" s="119"/>
      <c r="AI870" s="119"/>
      <c r="AJ870" s="119"/>
      <c r="AK870" s="119"/>
      <c r="AL870" s="119"/>
      <c r="AM870" s="119"/>
      <c r="AN870" s="119"/>
      <c r="AO870" s="119"/>
      <c r="AP870" s="119"/>
      <c r="AQ870" s="119"/>
      <c r="AR870" s="119"/>
      <c r="AS870" s="119"/>
      <c r="AT870" s="119"/>
      <c r="AU870" s="119"/>
      <c r="AV870" s="119"/>
      <c r="AW870" s="119"/>
      <c r="AX870" s="119"/>
      <c r="AY870" s="119"/>
      <c r="AZ870" s="119"/>
      <c r="BA870" s="119"/>
      <c r="BB870" s="107">
        <v>45884</v>
      </c>
    </row>
    <row r="871" spans="1:54" s="207" customFormat="1" ht="13.95" customHeight="1" x14ac:dyDescent="0.25">
      <c r="A871" s="208" t="s">
        <v>2160</v>
      </c>
      <c r="B871" s="209" t="s">
        <v>20420</v>
      </c>
      <c r="C871" s="113" t="s">
        <v>2161</v>
      </c>
      <c r="D871" s="113" t="s">
        <v>2162</v>
      </c>
      <c r="E871" s="210">
        <v>1994</v>
      </c>
      <c r="F871" s="210">
        <v>760</v>
      </c>
      <c r="G871" s="113" t="s">
        <v>1</v>
      </c>
      <c r="H871" s="113">
        <v>0</v>
      </c>
      <c r="I871" s="113">
        <v>0</v>
      </c>
      <c r="J871" s="115">
        <v>1</v>
      </c>
      <c r="K871" s="116" t="s">
        <v>174</v>
      </c>
      <c r="L871" s="115">
        <v>1</v>
      </c>
      <c r="M871" s="115">
        <v>1</v>
      </c>
      <c r="N871" s="115">
        <v>0</v>
      </c>
      <c r="O871" s="115">
        <v>0</v>
      </c>
      <c r="P871" s="115" t="s">
        <v>400</v>
      </c>
      <c r="Q871" s="115" t="s">
        <v>400</v>
      </c>
      <c r="R871" s="115">
        <v>0</v>
      </c>
      <c r="S871" s="115">
        <v>0</v>
      </c>
      <c r="T871" s="115">
        <v>0</v>
      </c>
      <c r="U871" s="119"/>
      <c r="V871" s="119"/>
      <c r="W871" s="119"/>
      <c r="X871" s="119"/>
      <c r="Y871" s="119"/>
      <c r="Z871" s="119"/>
      <c r="AA871" s="119"/>
      <c r="AB871" s="119"/>
      <c r="AC871" s="119"/>
      <c r="AD871" s="119"/>
      <c r="AE871" s="119"/>
      <c r="AF871" s="119"/>
      <c r="AG871" s="119"/>
      <c r="AH871" s="119"/>
      <c r="AI871" s="119"/>
      <c r="AJ871" s="119"/>
      <c r="AK871" s="119"/>
      <c r="AL871" s="119"/>
      <c r="AM871" s="119"/>
      <c r="AN871" s="119"/>
      <c r="AO871" s="119"/>
      <c r="AP871" s="119"/>
      <c r="AQ871" s="119"/>
      <c r="AR871" s="119"/>
      <c r="AS871" s="119"/>
      <c r="AT871" s="119"/>
      <c r="AU871" s="119"/>
      <c r="AV871" s="119"/>
      <c r="AW871" s="119"/>
      <c r="AX871" s="119"/>
      <c r="AY871" s="119"/>
      <c r="AZ871" s="119"/>
      <c r="BA871" s="119"/>
      <c r="BB871" s="107">
        <v>45884</v>
      </c>
    </row>
    <row r="872" spans="1:54" s="207" customFormat="1" ht="13.95" customHeight="1" x14ac:dyDescent="0.25">
      <c r="A872" s="208" t="s">
        <v>2163</v>
      </c>
      <c r="B872" s="209" t="s">
        <v>20420</v>
      </c>
      <c r="C872" s="113" t="s">
        <v>2164</v>
      </c>
      <c r="D872" s="113" t="s">
        <v>22891</v>
      </c>
      <c r="E872" s="210">
        <v>1949</v>
      </c>
      <c r="F872" s="210">
        <v>760</v>
      </c>
      <c r="G872" s="113" t="s">
        <v>1</v>
      </c>
      <c r="H872" s="113">
        <v>0</v>
      </c>
      <c r="I872" s="113">
        <v>0</v>
      </c>
      <c r="J872" s="115">
        <v>1</v>
      </c>
      <c r="K872" s="116" t="s">
        <v>174</v>
      </c>
      <c r="L872" s="115">
        <v>1</v>
      </c>
      <c r="M872" s="115">
        <v>1</v>
      </c>
      <c r="N872" s="115">
        <v>0</v>
      </c>
      <c r="O872" s="115">
        <v>1</v>
      </c>
      <c r="P872" s="115" t="s">
        <v>400</v>
      </c>
      <c r="Q872" s="115" t="s">
        <v>400</v>
      </c>
      <c r="R872" s="115">
        <v>1</v>
      </c>
      <c r="S872" s="115">
        <v>0</v>
      </c>
      <c r="T872" s="115">
        <v>0</v>
      </c>
      <c r="U872" s="119"/>
      <c r="V872" s="119"/>
      <c r="W872" s="119"/>
      <c r="X872" s="119"/>
      <c r="Y872" s="119"/>
      <c r="Z872" s="119"/>
      <c r="AA872" s="119"/>
      <c r="AB872" s="119"/>
      <c r="AC872" s="119"/>
      <c r="AD872" s="119"/>
      <c r="AE872" s="119"/>
      <c r="AF872" s="119"/>
      <c r="AG872" s="119"/>
      <c r="AH872" s="119"/>
      <c r="AI872" s="119"/>
      <c r="AJ872" s="119"/>
      <c r="AK872" s="119"/>
      <c r="AL872" s="119"/>
      <c r="AM872" s="119"/>
      <c r="AN872" s="119"/>
      <c r="AO872" s="119"/>
      <c r="AP872" s="119"/>
      <c r="AQ872" s="119"/>
      <c r="AR872" s="119"/>
      <c r="AS872" s="119"/>
      <c r="AT872" s="119"/>
      <c r="AU872" s="119"/>
      <c r="AV872" s="119"/>
      <c r="AW872" s="119"/>
      <c r="AX872" s="119"/>
      <c r="AY872" s="119"/>
      <c r="AZ872" s="119"/>
      <c r="BA872" s="119"/>
      <c r="BB872" s="107">
        <v>45884</v>
      </c>
    </row>
    <row r="873" spans="1:54" s="207" customFormat="1" ht="13.95" customHeight="1" x14ac:dyDescent="0.25">
      <c r="A873" s="208" t="s">
        <v>2165</v>
      </c>
      <c r="B873" s="209" t="s">
        <v>20420</v>
      </c>
      <c r="C873" s="113" t="s">
        <v>2166</v>
      </c>
      <c r="D873" s="113" t="s">
        <v>22892</v>
      </c>
      <c r="E873" s="210">
        <v>1973</v>
      </c>
      <c r="F873" s="210">
        <v>762</v>
      </c>
      <c r="G873" s="113" t="s">
        <v>1</v>
      </c>
      <c r="H873" s="113">
        <v>0</v>
      </c>
      <c r="I873" s="113">
        <v>0</v>
      </c>
      <c r="J873" s="115">
        <v>1</v>
      </c>
      <c r="K873" s="116" t="s">
        <v>174</v>
      </c>
      <c r="L873" s="115">
        <v>1</v>
      </c>
      <c r="M873" s="115">
        <v>1</v>
      </c>
      <c r="N873" s="115">
        <v>0</v>
      </c>
      <c r="O873" s="115">
        <v>1</v>
      </c>
      <c r="P873" s="115" t="s">
        <v>400</v>
      </c>
      <c r="Q873" s="115" t="s">
        <v>400</v>
      </c>
      <c r="R873" s="115">
        <v>1</v>
      </c>
      <c r="S873" s="115">
        <v>0</v>
      </c>
      <c r="T873" s="115">
        <v>0</v>
      </c>
      <c r="U873" s="119"/>
      <c r="V873" s="119"/>
      <c r="W873" s="119"/>
      <c r="X873" s="119"/>
      <c r="Y873" s="119"/>
      <c r="Z873" s="119"/>
      <c r="AA873" s="119"/>
      <c r="AB873" s="119"/>
      <c r="AC873" s="119"/>
      <c r="AD873" s="119"/>
      <c r="AE873" s="119"/>
      <c r="AF873" s="119"/>
      <c r="AG873" s="119"/>
      <c r="AH873" s="119"/>
      <c r="AI873" s="119"/>
      <c r="AJ873" s="119"/>
      <c r="AK873" s="119"/>
      <c r="AL873" s="119"/>
      <c r="AM873" s="119"/>
      <c r="AN873" s="119"/>
      <c r="AO873" s="119"/>
      <c r="AP873" s="119"/>
      <c r="AQ873" s="119"/>
      <c r="AR873" s="119"/>
      <c r="AS873" s="119"/>
      <c r="AT873" s="119"/>
      <c r="AU873" s="119"/>
      <c r="AV873" s="119"/>
      <c r="AW873" s="119"/>
      <c r="AX873" s="119"/>
      <c r="AY873" s="119"/>
      <c r="AZ873" s="119"/>
      <c r="BA873" s="119"/>
      <c r="BB873" s="107">
        <v>45884</v>
      </c>
    </row>
    <row r="874" spans="1:54" s="207" customFormat="1" ht="13.95" customHeight="1" x14ac:dyDescent="0.25">
      <c r="A874" s="208" t="s">
        <v>2167</v>
      </c>
      <c r="B874" s="209" t="s">
        <v>20420</v>
      </c>
      <c r="C874" s="113" t="s">
        <v>2168</v>
      </c>
      <c r="D874" s="113" t="s">
        <v>22893</v>
      </c>
      <c r="E874" s="210">
        <v>1967</v>
      </c>
      <c r="F874" s="210">
        <v>763</v>
      </c>
      <c r="G874" s="113" t="s">
        <v>1</v>
      </c>
      <c r="H874" s="113">
        <v>0</v>
      </c>
      <c r="I874" s="113">
        <v>0</v>
      </c>
      <c r="J874" s="115">
        <v>0</v>
      </c>
      <c r="K874" s="116" t="s">
        <v>174</v>
      </c>
      <c r="L874" s="115">
        <v>0</v>
      </c>
      <c r="M874" s="115">
        <v>0</v>
      </c>
      <c r="N874" s="115">
        <v>0</v>
      </c>
      <c r="O874" s="115">
        <v>0</v>
      </c>
      <c r="P874" s="115" t="s">
        <v>400</v>
      </c>
      <c r="Q874" s="120">
        <v>0</v>
      </c>
      <c r="R874" s="115">
        <v>0</v>
      </c>
      <c r="S874" s="115">
        <v>0</v>
      </c>
      <c r="T874" s="115">
        <v>0</v>
      </c>
      <c r="U874" s="119"/>
      <c r="V874" s="119"/>
      <c r="W874" s="119"/>
      <c r="X874" s="119"/>
      <c r="Y874" s="119"/>
      <c r="Z874" s="119"/>
      <c r="AA874" s="119"/>
      <c r="AB874" s="119"/>
      <c r="AC874" s="119"/>
      <c r="AD874" s="119"/>
      <c r="AE874" s="119"/>
      <c r="AF874" s="119"/>
      <c r="AG874" s="119"/>
      <c r="AH874" s="119"/>
      <c r="AI874" s="119"/>
      <c r="AJ874" s="119"/>
      <c r="AK874" s="119"/>
      <c r="AL874" s="119"/>
      <c r="AM874" s="119"/>
      <c r="AN874" s="119"/>
      <c r="AO874" s="119"/>
      <c r="AP874" s="119"/>
      <c r="AQ874" s="119"/>
      <c r="AR874" s="119"/>
      <c r="AS874" s="119"/>
      <c r="AT874" s="119"/>
      <c r="AU874" s="119"/>
      <c r="AV874" s="119"/>
      <c r="AW874" s="119"/>
      <c r="AX874" s="119"/>
      <c r="AY874" s="119"/>
      <c r="AZ874" s="119"/>
      <c r="BA874" s="119"/>
      <c r="BB874" s="107">
        <v>45884</v>
      </c>
    </row>
    <row r="875" spans="1:54" s="207" customFormat="1" ht="13.95" customHeight="1" x14ac:dyDescent="0.25">
      <c r="A875" s="208" t="s">
        <v>2169</v>
      </c>
      <c r="B875" s="209" t="s">
        <v>20420</v>
      </c>
      <c r="C875" s="113" t="s">
        <v>2170</v>
      </c>
      <c r="D875" s="113" t="s">
        <v>2171</v>
      </c>
      <c r="E875" s="210">
        <v>2004</v>
      </c>
      <c r="F875" s="210">
        <v>764</v>
      </c>
      <c r="G875" s="113" t="s">
        <v>1</v>
      </c>
      <c r="H875" s="113">
        <v>0</v>
      </c>
      <c r="I875" s="113">
        <v>0</v>
      </c>
      <c r="J875" s="115">
        <v>1</v>
      </c>
      <c r="K875" s="211">
        <v>1</v>
      </c>
      <c r="L875" s="115">
        <v>1</v>
      </c>
      <c r="M875" s="115">
        <v>0</v>
      </c>
      <c r="N875" s="115">
        <v>0</v>
      </c>
      <c r="O875" s="115">
        <v>0</v>
      </c>
      <c r="P875" s="115" t="s">
        <v>400</v>
      </c>
      <c r="Q875" s="115" t="s">
        <v>400</v>
      </c>
      <c r="R875" s="115">
        <v>1</v>
      </c>
      <c r="S875" s="115">
        <v>0</v>
      </c>
      <c r="T875" s="115">
        <v>0</v>
      </c>
      <c r="U875" s="119"/>
      <c r="V875" s="119"/>
      <c r="W875" s="119"/>
      <c r="X875" s="119"/>
      <c r="Y875" s="119"/>
      <c r="Z875" s="119"/>
      <c r="AA875" s="119"/>
      <c r="AB875" s="119"/>
      <c r="AC875" s="119"/>
      <c r="AD875" s="119"/>
      <c r="AE875" s="119"/>
      <c r="AF875" s="119"/>
      <c r="AG875" s="119"/>
      <c r="AH875" s="119"/>
      <c r="AI875" s="119"/>
      <c r="AJ875" s="119"/>
      <c r="AK875" s="119"/>
      <c r="AL875" s="119"/>
      <c r="AM875" s="119"/>
      <c r="AN875" s="119"/>
      <c r="AO875" s="119"/>
      <c r="AP875" s="119"/>
      <c r="AQ875" s="119"/>
      <c r="AR875" s="119"/>
      <c r="AS875" s="119"/>
      <c r="AT875" s="119"/>
      <c r="AU875" s="119"/>
      <c r="AV875" s="119"/>
      <c r="AW875" s="119"/>
      <c r="AX875" s="119"/>
      <c r="AY875" s="119"/>
      <c r="AZ875" s="119"/>
      <c r="BA875" s="119"/>
      <c r="BB875" s="107">
        <v>45884</v>
      </c>
    </row>
    <row r="876" spans="1:54" s="207" customFormat="1" ht="13.95" customHeight="1" x14ac:dyDescent="0.25">
      <c r="A876" s="208" t="s">
        <v>2172</v>
      </c>
      <c r="B876" s="209" t="s">
        <v>20420</v>
      </c>
      <c r="C876" s="113" t="s">
        <v>2173</v>
      </c>
      <c r="D876" s="113" t="s">
        <v>22894</v>
      </c>
      <c r="E876" s="210">
        <v>1990</v>
      </c>
      <c r="F876" s="210">
        <v>768</v>
      </c>
      <c r="G876" s="113" t="s">
        <v>1</v>
      </c>
      <c r="H876" s="113">
        <v>0</v>
      </c>
      <c r="I876" s="113">
        <v>0</v>
      </c>
      <c r="J876" s="115">
        <v>1</v>
      </c>
      <c r="K876" s="116" t="s">
        <v>174</v>
      </c>
      <c r="L876" s="115">
        <v>1</v>
      </c>
      <c r="M876" s="115">
        <v>1</v>
      </c>
      <c r="N876" s="115">
        <v>0</v>
      </c>
      <c r="O876" s="115">
        <v>1</v>
      </c>
      <c r="P876" s="115" t="s">
        <v>400</v>
      </c>
      <c r="Q876" s="115" t="s">
        <v>400</v>
      </c>
      <c r="R876" s="115">
        <v>0</v>
      </c>
      <c r="S876" s="115">
        <v>0</v>
      </c>
      <c r="T876" s="115">
        <v>0</v>
      </c>
      <c r="U876" s="119"/>
      <c r="V876" s="119"/>
      <c r="W876" s="119"/>
      <c r="X876" s="119"/>
      <c r="Y876" s="119"/>
      <c r="Z876" s="119"/>
      <c r="AA876" s="119"/>
      <c r="AB876" s="119"/>
      <c r="AC876" s="119"/>
      <c r="AD876" s="119"/>
      <c r="AE876" s="119"/>
      <c r="AF876" s="119"/>
      <c r="AG876" s="119"/>
      <c r="AH876" s="119"/>
      <c r="AI876" s="119"/>
      <c r="AJ876" s="119"/>
      <c r="AK876" s="119"/>
      <c r="AL876" s="119"/>
      <c r="AM876" s="119"/>
      <c r="AN876" s="119"/>
      <c r="AO876" s="119"/>
      <c r="AP876" s="119"/>
      <c r="AQ876" s="119"/>
      <c r="AR876" s="119"/>
      <c r="AS876" s="119"/>
      <c r="AT876" s="119"/>
      <c r="AU876" s="119"/>
      <c r="AV876" s="119"/>
      <c r="AW876" s="119"/>
      <c r="AX876" s="119"/>
      <c r="AY876" s="119"/>
      <c r="AZ876" s="119"/>
      <c r="BA876" s="119"/>
      <c r="BB876" s="107">
        <v>45884</v>
      </c>
    </row>
    <row r="877" spans="1:54" s="207" customFormat="1" ht="13.95" customHeight="1" x14ac:dyDescent="0.25">
      <c r="A877" s="208" t="s">
        <v>2174</v>
      </c>
      <c r="B877" s="209" t="s">
        <v>20420</v>
      </c>
      <c r="C877" s="113" t="s">
        <v>2175</v>
      </c>
      <c r="D877" s="113" t="s">
        <v>22895</v>
      </c>
      <c r="E877" s="210">
        <v>1990</v>
      </c>
      <c r="F877" s="210">
        <v>769</v>
      </c>
      <c r="G877" s="113" t="s">
        <v>1</v>
      </c>
      <c r="H877" s="113">
        <v>0</v>
      </c>
      <c r="I877" s="113">
        <v>0</v>
      </c>
      <c r="J877" s="115">
        <v>1</v>
      </c>
      <c r="K877" s="211">
        <v>1</v>
      </c>
      <c r="L877" s="115">
        <v>1</v>
      </c>
      <c r="M877" s="115">
        <v>0</v>
      </c>
      <c r="N877" s="115">
        <v>0</v>
      </c>
      <c r="O877" s="115">
        <v>1</v>
      </c>
      <c r="P877" s="115">
        <v>1</v>
      </c>
      <c r="Q877" s="115" t="s">
        <v>400</v>
      </c>
      <c r="R877" s="115">
        <v>1</v>
      </c>
      <c r="S877" s="115">
        <v>0</v>
      </c>
      <c r="T877" s="115">
        <v>0</v>
      </c>
      <c r="U877" s="119"/>
      <c r="V877" s="119"/>
      <c r="W877" s="119"/>
      <c r="X877" s="119"/>
      <c r="Y877" s="119"/>
      <c r="Z877" s="119"/>
      <c r="AA877" s="119"/>
      <c r="AB877" s="119"/>
      <c r="AC877" s="119"/>
      <c r="AD877" s="119"/>
      <c r="AE877" s="119"/>
      <c r="AF877" s="119"/>
      <c r="AG877" s="119"/>
      <c r="AH877" s="119"/>
      <c r="AI877" s="119"/>
      <c r="AJ877" s="119"/>
      <c r="AK877" s="119"/>
      <c r="AL877" s="119"/>
      <c r="AM877" s="119"/>
      <c r="AN877" s="119"/>
      <c r="AO877" s="119"/>
      <c r="AP877" s="119"/>
      <c r="AQ877" s="119"/>
      <c r="AR877" s="119"/>
      <c r="AS877" s="119"/>
      <c r="AT877" s="119"/>
      <c r="AU877" s="119"/>
      <c r="AV877" s="119"/>
      <c r="AW877" s="119"/>
      <c r="AX877" s="119"/>
      <c r="AY877" s="119"/>
      <c r="AZ877" s="119"/>
      <c r="BA877" s="119"/>
      <c r="BB877" s="107">
        <v>45884</v>
      </c>
    </row>
    <row r="878" spans="1:54" s="207" customFormat="1" ht="13.95" customHeight="1" x14ac:dyDescent="0.25">
      <c r="A878" s="208" t="s">
        <v>2176</v>
      </c>
      <c r="B878" s="209" t="s">
        <v>20420</v>
      </c>
      <c r="C878" s="113" t="s">
        <v>2177</v>
      </c>
      <c r="D878" s="113" t="s">
        <v>2178</v>
      </c>
      <c r="E878" s="210">
        <v>1957</v>
      </c>
      <c r="F878" s="210">
        <v>770</v>
      </c>
      <c r="G878" s="113" t="s">
        <v>1</v>
      </c>
      <c r="H878" s="113">
        <v>1</v>
      </c>
      <c r="I878" s="113">
        <v>1</v>
      </c>
      <c r="J878" s="115">
        <v>1</v>
      </c>
      <c r="K878" s="211">
        <v>1</v>
      </c>
      <c r="L878" s="115">
        <v>1</v>
      </c>
      <c r="M878" s="115">
        <v>1</v>
      </c>
      <c r="N878" s="115">
        <v>0</v>
      </c>
      <c r="O878" s="115">
        <v>1</v>
      </c>
      <c r="P878" s="115" t="s">
        <v>400</v>
      </c>
      <c r="Q878" s="115" t="s">
        <v>400</v>
      </c>
      <c r="R878" s="115">
        <v>1</v>
      </c>
      <c r="S878" s="115">
        <v>0</v>
      </c>
      <c r="T878" s="115">
        <v>0</v>
      </c>
      <c r="U878" s="119"/>
      <c r="V878" s="119"/>
      <c r="W878" s="119"/>
      <c r="X878" s="119"/>
      <c r="Y878" s="119"/>
      <c r="Z878" s="119"/>
      <c r="AA878" s="119"/>
      <c r="AB878" s="119"/>
      <c r="AC878" s="119"/>
      <c r="AD878" s="119"/>
      <c r="AE878" s="119"/>
      <c r="AF878" s="119"/>
      <c r="AG878" s="119"/>
      <c r="AH878" s="119"/>
      <c r="AI878" s="119"/>
      <c r="AJ878" s="119"/>
      <c r="AK878" s="119"/>
      <c r="AL878" s="119"/>
      <c r="AM878" s="119"/>
      <c r="AN878" s="119"/>
      <c r="AO878" s="119"/>
      <c r="AP878" s="119"/>
      <c r="AQ878" s="119"/>
      <c r="AR878" s="119"/>
      <c r="AS878" s="119"/>
      <c r="AT878" s="119"/>
      <c r="AU878" s="119"/>
      <c r="AV878" s="119"/>
      <c r="AW878" s="119"/>
      <c r="AX878" s="119"/>
      <c r="AY878" s="119"/>
      <c r="AZ878" s="119"/>
      <c r="BA878" s="119"/>
      <c r="BB878" s="107">
        <v>45884</v>
      </c>
    </row>
    <row r="879" spans="1:54" s="207" customFormat="1" ht="13.95" customHeight="1" x14ac:dyDescent="0.25">
      <c r="A879" s="208" t="s">
        <v>2179</v>
      </c>
      <c r="B879" s="209" t="s">
        <v>20420</v>
      </c>
      <c r="C879" s="113" t="s">
        <v>2180</v>
      </c>
      <c r="D879" s="113" t="s">
        <v>22896</v>
      </c>
      <c r="E879" s="210">
        <v>1983</v>
      </c>
      <c r="F879" s="210">
        <v>711</v>
      </c>
      <c r="G879" s="113" t="s">
        <v>1</v>
      </c>
      <c r="H879" s="113">
        <v>0</v>
      </c>
      <c r="I879" s="113">
        <v>0</v>
      </c>
      <c r="J879" s="115">
        <v>1</v>
      </c>
      <c r="K879" s="116" t="s">
        <v>174</v>
      </c>
      <c r="L879" s="115">
        <v>0</v>
      </c>
      <c r="M879" s="115">
        <v>0</v>
      </c>
      <c r="N879" s="115">
        <v>0</v>
      </c>
      <c r="O879" s="115">
        <v>1</v>
      </c>
      <c r="P879" s="115" t="s">
        <v>400</v>
      </c>
      <c r="Q879" s="115" t="s">
        <v>400</v>
      </c>
      <c r="R879" s="115">
        <v>0</v>
      </c>
      <c r="S879" s="115">
        <v>0</v>
      </c>
      <c r="T879" s="115">
        <v>0</v>
      </c>
      <c r="U879" s="119"/>
      <c r="V879" s="119"/>
      <c r="W879" s="119"/>
      <c r="X879" s="119"/>
      <c r="Y879" s="119"/>
      <c r="Z879" s="119"/>
      <c r="AA879" s="119"/>
      <c r="AB879" s="119"/>
      <c r="AC879" s="119"/>
      <c r="AD879" s="119"/>
      <c r="AE879" s="119"/>
      <c r="AF879" s="119"/>
      <c r="AG879" s="119"/>
      <c r="AH879" s="119"/>
      <c r="AI879" s="119"/>
      <c r="AJ879" s="119"/>
      <c r="AK879" s="119"/>
      <c r="AL879" s="119"/>
      <c r="AM879" s="119"/>
      <c r="AN879" s="119"/>
      <c r="AO879" s="119"/>
      <c r="AP879" s="119"/>
      <c r="AQ879" s="119"/>
      <c r="AR879" s="119"/>
      <c r="AS879" s="119"/>
      <c r="AT879" s="119"/>
      <c r="AU879" s="119"/>
      <c r="AV879" s="119"/>
      <c r="AW879" s="119"/>
      <c r="AX879" s="119"/>
      <c r="AY879" s="119"/>
      <c r="AZ879" s="119"/>
      <c r="BA879" s="119"/>
      <c r="BB879" s="107">
        <v>45884</v>
      </c>
    </row>
    <row r="880" spans="1:54" s="207" customFormat="1" ht="13.95" customHeight="1" x14ac:dyDescent="0.25">
      <c r="A880" s="208" t="s">
        <v>2181</v>
      </c>
      <c r="B880" s="209" t="s">
        <v>20420</v>
      </c>
      <c r="C880" s="113" t="s">
        <v>2182</v>
      </c>
      <c r="D880" s="113" t="s">
        <v>22897</v>
      </c>
      <c r="E880" s="210">
        <v>1988</v>
      </c>
      <c r="F880" s="210">
        <v>771</v>
      </c>
      <c r="G880" s="113" t="s">
        <v>1</v>
      </c>
      <c r="H880" s="113">
        <v>0</v>
      </c>
      <c r="I880" s="113">
        <v>0</v>
      </c>
      <c r="J880" s="115">
        <v>1</v>
      </c>
      <c r="K880" s="211">
        <v>1</v>
      </c>
      <c r="L880" s="115">
        <v>1</v>
      </c>
      <c r="M880" s="115">
        <v>1</v>
      </c>
      <c r="N880" s="115">
        <v>0</v>
      </c>
      <c r="O880" s="115">
        <v>1</v>
      </c>
      <c r="P880" s="115" t="s">
        <v>400</v>
      </c>
      <c r="Q880" s="115" t="s">
        <v>400</v>
      </c>
      <c r="R880" s="115">
        <v>0</v>
      </c>
      <c r="S880" s="115">
        <v>0</v>
      </c>
      <c r="T880" s="115">
        <v>0</v>
      </c>
      <c r="U880" s="119"/>
      <c r="V880" s="119"/>
      <c r="W880" s="119"/>
      <c r="X880" s="119"/>
      <c r="Y880" s="119"/>
      <c r="Z880" s="119"/>
      <c r="AA880" s="119"/>
      <c r="AB880" s="119"/>
      <c r="AC880" s="119"/>
      <c r="AD880" s="119"/>
      <c r="AE880" s="119"/>
      <c r="AF880" s="119"/>
      <c r="AG880" s="119"/>
      <c r="AH880" s="119"/>
      <c r="AI880" s="119"/>
      <c r="AJ880" s="119"/>
      <c r="AK880" s="119"/>
      <c r="AL880" s="119"/>
      <c r="AM880" s="119"/>
      <c r="AN880" s="119"/>
      <c r="AO880" s="119"/>
      <c r="AP880" s="119"/>
      <c r="AQ880" s="119"/>
      <c r="AR880" s="119"/>
      <c r="AS880" s="119"/>
      <c r="AT880" s="119"/>
      <c r="AU880" s="119"/>
      <c r="AV880" s="119"/>
      <c r="AW880" s="119"/>
      <c r="AX880" s="119"/>
      <c r="AY880" s="119"/>
      <c r="AZ880" s="119"/>
      <c r="BA880" s="119"/>
      <c r="BB880" s="107">
        <v>45884</v>
      </c>
    </row>
    <row r="881" spans="1:54" s="207" customFormat="1" ht="13.95" customHeight="1" x14ac:dyDescent="0.25">
      <c r="A881" s="208" t="s">
        <v>2183</v>
      </c>
      <c r="B881" s="209" t="s">
        <v>20420</v>
      </c>
      <c r="C881" s="113" t="s">
        <v>2184</v>
      </c>
      <c r="D881" s="113" t="s">
        <v>2185</v>
      </c>
      <c r="E881" s="210">
        <v>1984</v>
      </c>
      <c r="F881" s="210">
        <v>775</v>
      </c>
      <c r="G881" s="113" t="s">
        <v>1</v>
      </c>
      <c r="H881" s="113">
        <v>0</v>
      </c>
      <c r="I881" s="113">
        <v>0</v>
      </c>
      <c r="J881" s="115">
        <v>1</v>
      </c>
      <c r="K881" s="116" t="s">
        <v>174</v>
      </c>
      <c r="L881" s="115">
        <v>1</v>
      </c>
      <c r="M881" s="115">
        <v>0</v>
      </c>
      <c r="N881" s="115">
        <v>1</v>
      </c>
      <c r="O881" s="115">
        <v>1</v>
      </c>
      <c r="P881" s="115">
        <v>1</v>
      </c>
      <c r="Q881" s="115" t="s">
        <v>400</v>
      </c>
      <c r="R881" s="115">
        <v>1</v>
      </c>
      <c r="S881" s="115">
        <v>0</v>
      </c>
      <c r="T881" s="115">
        <v>0</v>
      </c>
      <c r="U881" s="119"/>
      <c r="V881" s="119"/>
      <c r="W881" s="119"/>
      <c r="X881" s="119"/>
      <c r="Y881" s="119"/>
      <c r="Z881" s="119"/>
      <c r="AA881" s="119"/>
      <c r="AB881" s="119"/>
      <c r="AC881" s="119"/>
      <c r="AD881" s="119"/>
      <c r="AE881" s="119"/>
      <c r="AF881" s="119"/>
      <c r="AG881" s="119"/>
      <c r="AH881" s="119"/>
      <c r="AI881" s="119"/>
      <c r="AJ881" s="119"/>
      <c r="AK881" s="119"/>
      <c r="AL881" s="119"/>
      <c r="AM881" s="119"/>
      <c r="AN881" s="119"/>
      <c r="AO881" s="119"/>
      <c r="AP881" s="119"/>
      <c r="AQ881" s="119"/>
      <c r="AR881" s="119"/>
      <c r="AS881" s="119"/>
      <c r="AT881" s="119"/>
      <c r="AU881" s="119"/>
      <c r="AV881" s="119"/>
      <c r="AW881" s="119"/>
      <c r="AX881" s="119"/>
      <c r="AY881" s="119"/>
      <c r="AZ881" s="119"/>
      <c r="BA881" s="119"/>
      <c r="BB881" s="107">
        <v>45884</v>
      </c>
    </row>
    <row r="882" spans="1:54" s="207" customFormat="1" ht="13.95" customHeight="1" x14ac:dyDescent="0.25">
      <c r="A882" s="208" t="s">
        <v>2186</v>
      </c>
      <c r="B882" s="209" t="s">
        <v>20420</v>
      </c>
      <c r="C882" s="113" t="s">
        <v>2187</v>
      </c>
      <c r="D882" s="113" t="s">
        <v>22898</v>
      </c>
      <c r="E882" s="210">
        <v>1995</v>
      </c>
      <c r="F882" s="210">
        <v>775</v>
      </c>
      <c r="G882" s="113" t="s">
        <v>1</v>
      </c>
      <c r="H882" s="113">
        <v>0</v>
      </c>
      <c r="I882" s="113">
        <v>0</v>
      </c>
      <c r="J882" s="115">
        <v>1</v>
      </c>
      <c r="K882" s="116" t="s">
        <v>174</v>
      </c>
      <c r="L882" s="115">
        <v>1</v>
      </c>
      <c r="M882" s="115">
        <v>0</v>
      </c>
      <c r="N882" s="115">
        <v>0</v>
      </c>
      <c r="O882" s="115">
        <v>1</v>
      </c>
      <c r="P882" s="115" t="s">
        <v>400</v>
      </c>
      <c r="Q882" s="115" t="s">
        <v>400</v>
      </c>
      <c r="R882" s="115">
        <v>0</v>
      </c>
      <c r="S882" s="115">
        <v>0</v>
      </c>
      <c r="T882" s="115">
        <v>0</v>
      </c>
      <c r="U882" s="119"/>
      <c r="V882" s="119"/>
      <c r="W882" s="119"/>
      <c r="X882" s="119"/>
      <c r="Y882" s="119"/>
      <c r="Z882" s="119"/>
      <c r="AA882" s="119"/>
      <c r="AB882" s="119"/>
      <c r="AC882" s="119"/>
      <c r="AD882" s="119"/>
      <c r="AE882" s="119"/>
      <c r="AF882" s="119"/>
      <c r="AG882" s="119"/>
      <c r="AH882" s="119"/>
      <c r="AI882" s="119"/>
      <c r="AJ882" s="119"/>
      <c r="AK882" s="119"/>
      <c r="AL882" s="119"/>
      <c r="AM882" s="119"/>
      <c r="AN882" s="119"/>
      <c r="AO882" s="119"/>
      <c r="AP882" s="119"/>
      <c r="AQ882" s="119"/>
      <c r="AR882" s="119"/>
      <c r="AS882" s="119"/>
      <c r="AT882" s="119"/>
      <c r="AU882" s="119"/>
      <c r="AV882" s="119"/>
      <c r="AW882" s="119"/>
      <c r="AX882" s="119"/>
      <c r="AY882" s="119"/>
      <c r="AZ882" s="119"/>
      <c r="BA882" s="119"/>
      <c r="BB882" s="107">
        <v>45884</v>
      </c>
    </row>
    <row r="883" spans="1:54" s="207" customFormat="1" ht="13.95" customHeight="1" x14ac:dyDescent="0.25">
      <c r="A883" s="208" t="s">
        <v>2188</v>
      </c>
      <c r="B883" s="209" t="s">
        <v>20420</v>
      </c>
      <c r="C883" s="113" t="s">
        <v>2189</v>
      </c>
      <c r="D883" s="113" t="s">
        <v>22899</v>
      </c>
      <c r="E883" s="210">
        <v>1991</v>
      </c>
      <c r="F883" s="210">
        <v>775</v>
      </c>
      <c r="G883" s="113" t="s">
        <v>1</v>
      </c>
      <c r="H883" s="113">
        <v>0</v>
      </c>
      <c r="I883" s="113">
        <v>0</v>
      </c>
      <c r="J883" s="115">
        <v>1</v>
      </c>
      <c r="K883" s="116" t="s">
        <v>174</v>
      </c>
      <c r="L883" s="115">
        <v>1</v>
      </c>
      <c r="M883" s="115">
        <v>1</v>
      </c>
      <c r="N883" s="115">
        <v>0</v>
      </c>
      <c r="O883" s="115">
        <v>1</v>
      </c>
      <c r="P883" s="115" t="s">
        <v>400</v>
      </c>
      <c r="Q883" s="115" t="s">
        <v>400</v>
      </c>
      <c r="R883" s="115">
        <v>1</v>
      </c>
      <c r="S883" s="115">
        <v>0</v>
      </c>
      <c r="T883" s="115">
        <v>0</v>
      </c>
      <c r="U883" s="119"/>
      <c r="V883" s="119"/>
      <c r="W883" s="119"/>
      <c r="X883" s="119"/>
      <c r="Y883" s="119"/>
      <c r="Z883" s="119"/>
      <c r="AA883" s="119"/>
      <c r="AB883" s="119"/>
      <c r="AC883" s="119"/>
      <c r="AD883" s="119"/>
      <c r="AE883" s="119"/>
      <c r="AF883" s="119"/>
      <c r="AG883" s="119"/>
      <c r="AH883" s="119"/>
      <c r="AI883" s="119"/>
      <c r="AJ883" s="119"/>
      <c r="AK883" s="119"/>
      <c r="AL883" s="119"/>
      <c r="AM883" s="119"/>
      <c r="AN883" s="119"/>
      <c r="AO883" s="119"/>
      <c r="AP883" s="119"/>
      <c r="AQ883" s="119"/>
      <c r="AR883" s="119"/>
      <c r="AS883" s="119"/>
      <c r="AT883" s="119"/>
      <c r="AU883" s="119"/>
      <c r="AV883" s="119"/>
      <c r="AW883" s="119"/>
      <c r="AX883" s="119"/>
      <c r="AY883" s="119"/>
      <c r="AZ883" s="119"/>
      <c r="BA883" s="119"/>
      <c r="BB883" s="107">
        <v>45884</v>
      </c>
    </row>
    <row r="884" spans="1:54" s="207" customFormat="1" ht="13.95" customHeight="1" x14ac:dyDescent="0.25">
      <c r="A884" s="208" t="s">
        <v>2190</v>
      </c>
      <c r="B884" s="209" t="s">
        <v>20420</v>
      </c>
      <c r="C884" s="113" t="s">
        <v>2191</v>
      </c>
      <c r="D884" s="113" t="s">
        <v>2192</v>
      </c>
      <c r="E884" s="210">
        <v>1996</v>
      </c>
      <c r="F884" s="210">
        <v>778</v>
      </c>
      <c r="G884" s="113" t="s">
        <v>1</v>
      </c>
      <c r="H884" s="113">
        <v>0</v>
      </c>
      <c r="I884" s="113">
        <v>0</v>
      </c>
      <c r="J884" s="115">
        <v>1</v>
      </c>
      <c r="K884" s="116" t="s">
        <v>174</v>
      </c>
      <c r="L884" s="115">
        <v>0</v>
      </c>
      <c r="M884" s="115">
        <v>0</v>
      </c>
      <c r="N884" s="115">
        <v>1</v>
      </c>
      <c r="O884" s="115">
        <v>0</v>
      </c>
      <c r="P884" s="115">
        <v>1</v>
      </c>
      <c r="Q884" s="115" t="s">
        <v>400</v>
      </c>
      <c r="R884" s="115">
        <v>0</v>
      </c>
      <c r="S884" s="115">
        <v>0</v>
      </c>
      <c r="T884" s="115">
        <v>0</v>
      </c>
      <c r="U884" s="119"/>
      <c r="V884" s="119"/>
      <c r="W884" s="119"/>
      <c r="X884" s="119"/>
      <c r="Y884" s="119"/>
      <c r="Z884" s="119"/>
      <c r="AA884" s="119"/>
      <c r="AB884" s="119"/>
      <c r="AC884" s="119"/>
      <c r="AD884" s="119"/>
      <c r="AE884" s="119"/>
      <c r="AF884" s="119"/>
      <c r="AG884" s="119"/>
      <c r="AH884" s="119"/>
      <c r="AI884" s="119"/>
      <c r="AJ884" s="119"/>
      <c r="AK884" s="119"/>
      <c r="AL884" s="119"/>
      <c r="AM884" s="119"/>
      <c r="AN884" s="119"/>
      <c r="AO884" s="119"/>
      <c r="AP884" s="119"/>
      <c r="AQ884" s="119"/>
      <c r="AR884" s="119"/>
      <c r="AS884" s="119"/>
      <c r="AT884" s="119"/>
      <c r="AU884" s="119"/>
      <c r="AV884" s="119"/>
      <c r="AW884" s="119"/>
      <c r="AX884" s="119"/>
      <c r="AY884" s="119"/>
      <c r="AZ884" s="119"/>
      <c r="BA884" s="119"/>
      <c r="BB884" s="107">
        <v>45884</v>
      </c>
    </row>
    <row r="885" spans="1:54" s="207" customFormat="1" ht="13.95" customHeight="1" x14ac:dyDescent="0.25">
      <c r="A885" s="208" t="s">
        <v>2193</v>
      </c>
      <c r="B885" s="209" t="s">
        <v>20420</v>
      </c>
      <c r="C885" s="113" t="s">
        <v>2194</v>
      </c>
      <c r="D885" s="113" t="s">
        <v>22900</v>
      </c>
      <c r="E885" s="210">
        <v>1985</v>
      </c>
      <c r="F885" s="210">
        <v>781</v>
      </c>
      <c r="G885" s="113" t="s">
        <v>1</v>
      </c>
      <c r="H885" s="113">
        <v>0</v>
      </c>
      <c r="I885" s="113">
        <v>0</v>
      </c>
      <c r="J885" s="115">
        <v>1</v>
      </c>
      <c r="K885" s="116" t="s">
        <v>174</v>
      </c>
      <c r="L885" s="115">
        <v>1</v>
      </c>
      <c r="M885" s="115">
        <v>0</v>
      </c>
      <c r="N885" s="115">
        <v>0</v>
      </c>
      <c r="O885" s="115">
        <v>1</v>
      </c>
      <c r="P885" s="115">
        <v>1</v>
      </c>
      <c r="Q885" s="115">
        <v>1</v>
      </c>
      <c r="R885" s="115">
        <v>1</v>
      </c>
      <c r="S885" s="115">
        <v>0</v>
      </c>
      <c r="T885" s="115">
        <v>0</v>
      </c>
      <c r="U885" s="119"/>
      <c r="V885" s="119"/>
      <c r="W885" s="119"/>
      <c r="X885" s="119"/>
      <c r="Y885" s="119"/>
      <c r="Z885" s="119"/>
      <c r="AA885" s="119"/>
      <c r="AB885" s="119"/>
      <c r="AC885" s="119"/>
      <c r="AD885" s="119"/>
      <c r="AE885" s="119"/>
      <c r="AF885" s="119"/>
      <c r="AG885" s="119"/>
      <c r="AH885" s="119"/>
      <c r="AI885" s="119"/>
      <c r="AJ885" s="119"/>
      <c r="AK885" s="119"/>
      <c r="AL885" s="119"/>
      <c r="AM885" s="119"/>
      <c r="AN885" s="119"/>
      <c r="AO885" s="119"/>
      <c r="AP885" s="119"/>
      <c r="AQ885" s="119"/>
      <c r="AR885" s="119"/>
      <c r="AS885" s="119"/>
      <c r="AT885" s="119"/>
      <c r="AU885" s="119"/>
      <c r="AV885" s="119"/>
      <c r="AW885" s="119"/>
      <c r="AX885" s="119"/>
      <c r="AY885" s="119"/>
      <c r="AZ885" s="119"/>
      <c r="BA885" s="119"/>
      <c r="BB885" s="107">
        <v>45884</v>
      </c>
    </row>
    <row r="886" spans="1:54" s="207" customFormat="1" ht="13.95" customHeight="1" x14ac:dyDescent="0.25">
      <c r="A886" s="208" t="s">
        <v>2195</v>
      </c>
      <c r="B886" s="209" t="s">
        <v>20420</v>
      </c>
      <c r="C886" s="113" t="s">
        <v>2196</v>
      </c>
      <c r="D886" s="113" t="s">
        <v>22901</v>
      </c>
      <c r="E886" s="210">
        <v>1988</v>
      </c>
      <c r="F886" s="210">
        <v>782</v>
      </c>
      <c r="G886" s="113" t="s">
        <v>1</v>
      </c>
      <c r="H886" s="113">
        <v>0</v>
      </c>
      <c r="I886" s="113">
        <v>0</v>
      </c>
      <c r="J886" s="115">
        <v>1</v>
      </c>
      <c r="K886" s="211">
        <v>1</v>
      </c>
      <c r="L886" s="115">
        <v>1</v>
      </c>
      <c r="M886" s="115">
        <v>1</v>
      </c>
      <c r="N886" s="115">
        <v>0</v>
      </c>
      <c r="O886" s="115">
        <v>1</v>
      </c>
      <c r="P886" s="115" t="s">
        <v>400</v>
      </c>
      <c r="Q886" s="115" t="s">
        <v>400</v>
      </c>
      <c r="R886" s="115">
        <v>1</v>
      </c>
      <c r="S886" s="115">
        <v>0</v>
      </c>
      <c r="T886" s="115">
        <v>0</v>
      </c>
      <c r="U886" s="119"/>
      <c r="V886" s="119"/>
      <c r="W886" s="119"/>
      <c r="X886" s="119"/>
      <c r="Y886" s="119"/>
      <c r="Z886" s="119"/>
      <c r="AA886" s="119"/>
      <c r="AB886" s="119"/>
      <c r="AC886" s="119"/>
      <c r="AD886" s="119"/>
      <c r="AE886" s="119"/>
      <c r="AF886" s="119"/>
      <c r="AG886" s="119"/>
      <c r="AH886" s="119"/>
      <c r="AI886" s="119"/>
      <c r="AJ886" s="119"/>
      <c r="AK886" s="119"/>
      <c r="AL886" s="119"/>
      <c r="AM886" s="119"/>
      <c r="AN886" s="119"/>
      <c r="AO886" s="119"/>
      <c r="AP886" s="119"/>
      <c r="AQ886" s="119"/>
      <c r="AR886" s="119"/>
      <c r="AS886" s="119"/>
      <c r="AT886" s="119"/>
      <c r="AU886" s="119"/>
      <c r="AV886" s="119"/>
      <c r="AW886" s="119"/>
      <c r="AX886" s="119"/>
      <c r="AY886" s="119"/>
      <c r="AZ886" s="119"/>
      <c r="BA886" s="119"/>
      <c r="BB886" s="107">
        <v>45884</v>
      </c>
    </row>
    <row r="887" spans="1:54" s="207" customFormat="1" ht="13.95" customHeight="1" x14ac:dyDescent="0.25">
      <c r="A887" s="208" t="s">
        <v>2197</v>
      </c>
      <c r="B887" s="209" t="s">
        <v>20420</v>
      </c>
      <c r="C887" s="113" t="s">
        <v>2198</v>
      </c>
      <c r="D887" s="113" t="s">
        <v>22902</v>
      </c>
      <c r="E887" s="210">
        <v>2008</v>
      </c>
      <c r="F887" s="210">
        <v>783</v>
      </c>
      <c r="G887" s="113" t="s">
        <v>1</v>
      </c>
      <c r="H887" s="113">
        <v>0</v>
      </c>
      <c r="I887" s="113">
        <v>0</v>
      </c>
      <c r="J887" s="115">
        <v>1</v>
      </c>
      <c r="K887" s="211">
        <v>1</v>
      </c>
      <c r="L887" s="115">
        <v>1</v>
      </c>
      <c r="M887" s="115">
        <v>1</v>
      </c>
      <c r="N887" s="115">
        <v>0</v>
      </c>
      <c r="O887" s="115">
        <v>0</v>
      </c>
      <c r="P887" s="115" t="s">
        <v>400</v>
      </c>
      <c r="Q887" s="115" t="s">
        <v>400</v>
      </c>
      <c r="R887" s="115">
        <v>0</v>
      </c>
      <c r="S887" s="115">
        <v>0</v>
      </c>
      <c r="T887" s="115">
        <v>0</v>
      </c>
      <c r="U887" s="119"/>
      <c r="V887" s="119"/>
      <c r="W887" s="119"/>
      <c r="X887" s="119"/>
      <c r="Y887" s="119"/>
      <c r="Z887" s="119"/>
      <c r="AA887" s="119"/>
      <c r="AB887" s="119"/>
      <c r="AC887" s="119"/>
      <c r="AD887" s="119"/>
      <c r="AE887" s="119"/>
      <c r="AF887" s="119"/>
      <c r="AG887" s="119"/>
      <c r="AH887" s="119"/>
      <c r="AI887" s="119"/>
      <c r="AJ887" s="119"/>
      <c r="AK887" s="119"/>
      <c r="AL887" s="119"/>
      <c r="AM887" s="119"/>
      <c r="AN887" s="119"/>
      <c r="AO887" s="119"/>
      <c r="AP887" s="119"/>
      <c r="AQ887" s="119"/>
      <c r="AR887" s="119"/>
      <c r="AS887" s="119"/>
      <c r="AT887" s="119"/>
      <c r="AU887" s="119"/>
      <c r="AV887" s="119"/>
      <c r="AW887" s="119"/>
      <c r="AX887" s="119"/>
      <c r="AY887" s="119"/>
      <c r="AZ887" s="119"/>
      <c r="BA887" s="119"/>
      <c r="BB887" s="107">
        <v>45884</v>
      </c>
    </row>
    <row r="888" spans="1:54" s="207" customFormat="1" ht="13.95" customHeight="1" x14ac:dyDescent="0.25">
      <c r="A888" s="208" t="s">
        <v>2199</v>
      </c>
      <c r="B888" s="209" t="s">
        <v>20420</v>
      </c>
      <c r="C888" s="113" t="s">
        <v>2200</v>
      </c>
      <c r="D888" s="113" t="s">
        <v>22903</v>
      </c>
      <c r="E888" s="210">
        <v>1984</v>
      </c>
      <c r="F888" s="210">
        <v>783</v>
      </c>
      <c r="G888" s="113" t="s">
        <v>1</v>
      </c>
      <c r="H888" s="113">
        <v>0</v>
      </c>
      <c r="I888" s="113">
        <v>0</v>
      </c>
      <c r="J888" s="115">
        <v>1</v>
      </c>
      <c r="K888" s="211">
        <v>1</v>
      </c>
      <c r="L888" s="115">
        <v>1</v>
      </c>
      <c r="M888" s="115">
        <v>0</v>
      </c>
      <c r="N888" s="115">
        <v>0</v>
      </c>
      <c r="O888" s="115">
        <v>1</v>
      </c>
      <c r="P888" s="115">
        <v>1</v>
      </c>
      <c r="Q888" s="115" t="s">
        <v>400</v>
      </c>
      <c r="R888" s="115">
        <v>1</v>
      </c>
      <c r="S888" s="115">
        <v>0</v>
      </c>
      <c r="T888" s="115">
        <v>0</v>
      </c>
      <c r="U888" s="119"/>
      <c r="V888" s="119"/>
      <c r="W888" s="119"/>
      <c r="X888" s="119"/>
      <c r="Y888" s="119"/>
      <c r="Z888" s="119"/>
      <c r="AA888" s="119"/>
      <c r="AB888" s="119"/>
      <c r="AC888" s="119"/>
      <c r="AD888" s="119"/>
      <c r="AE888" s="119"/>
      <c r="AF888" s="119"/>
      <c r="AG888" s="119"/>
      <c r="AH888" s="119"/>
      <c r="AI888" s="119"/>
      <c r="AJ888" s="119"/>
      <c r="AK888" s="119"/>
      <c r="AL888" s="119"/>
      <c r="AM888" s="119"/>
      <c r="AN888" s="119"/>
      <c r="AO888" s="119"/>
      <c r="AP888" s="119"/>
      <c r="AQ888" s="119"/>
      <c r="AR888" s="119"/>
      <c r="AS888" s="119"/>
      <c r="AT888" s="119"/>
      <c r="AU888" s="119"/>
      <c r="AV888" s="119"/>
      <c r="AW888" s="119"/>
      <c r="AX888" s="119"/>
      <c r="AY888" s="119"/>
      <c r="AZ888" s="119"/>
      <c r="BA888" s="119"/>
      <c r="BB888" s="107">
        <v>45884</v>
      </c>
    </row>
    <row r="889" spans="1:54" s="207" customFormat="1" ht="13.95" customHeight="1" x14ac:dyDescent="0.25">
      <c r="A889" s="208" t="s">
        <v>2201</v>
      </c>
      <c r="B889" s="209" t="s">
        <v>20420</v>
      </c>
      <c r="C889" s="113" t="s">
        <v>2202</v>
      </c>
      <c r="D889" s="113" t="s">
        <v>2203</v>
      </c>
      <c r="E889" s="210">
        <v>1994</v>
      </c>
      <c r="F889" s="210">
        <v>784</v>
      </c>
      <c r="G889" s="113" t="s">
        <v>1</v>
      </c>
      <c r="H889" s="113">
        <v>0</v>
      </c>
      <c r="I889" s="113">
        <v>0</v>
      </c>
      <c r="J889" s="115">
        <v>1</v>
      </c>
      <c r="K889" s="116" t="s">
        <v>174</v>
      </c>
      <c r="L889" s="115">
        <v>1</v>
      </c>
      <c r="M889" s="115">
        <v>0</v>
      </c>
      <c r="N889" s="115">
        <v>0</v>
      </c>
      <c r="O889" s="115">
        <v>1</v>
      </c>
      <c r="P889" s="115">
        <v>1</v>
      </c>
      <c r="Q889" s="115" t="s">
        <v>400</v>
      </c>
      <c r="R889" s="115">
        <v>1</v>
      </c>
      <c r="S889" s="115">
        <v>0</v>
      </c>
      <c r="T889" s="115">
        <v>0</v>
      </c>
      <c r="U889" s="119"/>
      <c r="V889" s="119"/>
      <c r="W889" s="119"/>
      <c r="X889" s="119"/>
      <c r="Y889" s="119"/>
      <c r="Z889" s="119"/>
      <c r="AA889" s="119"/>
      <c r="AB889" s="119"/>
      <c r="AC889" s="119"/>
      <c r="AD889" s="119"/>
      <c r="AE889" s="119"/>
      <c r="AF889" s="119"/>
      <c r="AG889" s="119"/>
      <c r="AH889" s="119"/>
      <c r="AI889" s="119"/>
      <c r="AJ889" s="119"/>
      <c r="AK889" s="119"/>
      <c r="AL889" s="119"/>
      <c r="AM889" s="119"/>
      <c r="AN889" s="119"/>
      <c r="AO889" s="119"/>
      <c r="AP889" s="119"/>
      <c r="AQ889" s="119"/>
      <c r="AR889" s="119"/>
      <c r="AS889" s="119"/>
      <c r="AT889" s="119"/>
      <c r="AU889" s="119"/>
      <c r="AV889" s="119"/>
      <c r="AW889" s="119"/>
      <c r="AX889" s="119"/>
      <c r="AY889" s="119"/>
      <c r="AZ889" s="119"/>
      <c r="BA889" s="119"/>
      <c r="BB889" s="107">
        <v>45884</v>
      </c>
    </row>
    <row r="890" spans="1:54" s="207" customFormat="1" ht="13.95" customHeight="1" x14ac:dyDescent="0.25">
      <c r="A890" s="208" t="s">
        <v>2204</v>
      </c>
      <c r="B890" s="209" t="s">
        <v>20420</v>
      </c>
      <c r="C890" s="113" t="s">
        <v>2205</v>
      </c>
      <c r="D890" s="113" t="s">
        <v>22904</v>
      </c>
      <c r="E890" s="210">
        <v>1992</v>
      </c>
      <c r="F890" s="210">
        <v>784</v>
      </c>
      <c r="G890" s="113" t="s">
        <v>1</v>
      </c>
      <c r="H890" s="113">
        <v>0</v>
      </c>
      <c r="I890" s="113">
        <v>0</v>
      </c>
      <c r="J890" s="115">
        <v>1</v>
      </c>
      <c r="K890" s="116" t="s">
        <v>174</v>
      </c>
      <c r="L890" s="120">
        <v>0</v>
      </c>
      <c r="M890" s="115">
        <v>0</v>
      </c>
      <c r="N890" s="115">
        <v>0</v>
      </c>
      <c r="O890" s="115">
        <v>0</v>
      </c>
      <c r="P890" s="115">
        <v>1</v>
      </c>
      <c r="Q890" s="115" t="s">
        <v>400</v>
      </c>
      <c r="R890" s="115">
        <v>0</v>
      </c>
      <c r="S890" s="115">
        <v>0</v>
      </c>
      <c r="T890" s="115">
        <v>0</v>
      </c>
      <c r="U890" s="119"/>
      <c r="V890" s="119"/>
      <c r="W890" s="119"/>
      <c r="X890" s="119"/>
      <c r="Y890" s="119"/>
      <c r="Z890" s="119"/>
      <c r="AA890" s="119"/>
      <c r="AB890" s="119"/>
      <c r="AC890" s="119"/>
      <c r="AD890" s="119"/>
      <c r="AE890" s="119"/>
      <c r="AF890" s="119"/>
      <c r="AG890" s="119"/>
      <c r="AH890" s="119"/>
      <c r="AI890" s="119"/>
      <c r="AJ890" s="119"/>
      <c r="AK890" s="119"/>
      <c r="AL890" s="119"/>
      <c r="AM890" s="119"/>
      <c r="AN890" s="119"/>
      <c r="AO890" s="119"/>
      <c r="AP890" s="119"/>
      <c r="AQ890" s="119"/>
      <c r="AR890" s="119"/>
      <c r="AS890" s="119"/>
      <c r="AT890" s="119"/>
      <c r="AU890" s="119"/>
      <c r="AV890" s="119"/>
      <c r="AW890" s="119"/>
      <c r="AX890" s="119"/>
      <c r="AY890" s="119"/>
      <c r="AZ890" s="119"/>
      <c r="BA890" s="119"/>
      <c r="BB890" s="107">
        <v>45884</v>
      </c>
    </row>
    <row r="891" spans="1:54" s="207" customFormat="1" ht="13.95" customHeight="1" x14ac:dyDescent="0.25">
      <c r="A891" s="208" t="s">
        <v>2206</v>
      </c>
      <c r="B891" s="209" t="s">
        <v>20420</v>
      </c>
      <c r="C891" s="113" t="s">
        <v>2207</v>
      </c>
      <c r="D891" s="113" t="s">
        <v>22905</v>
      </c>
      <c r="E891" s="210">
        <v>2003</v>
      </c>
      <c r="F891" s="210">
        <v>785</v>
      </c>
      <c r="G891" s="113" t="s">
        <v>1</v>
      </c>
      <c r="H891" s="113">
        <v>0</v>
      </c>
      <c r="I891" s="113">
        <v>0</v>
      </c>
      <c r="J891" s="115">
        <v>1</v>
      </c>
      <c r="K891" s="116" t="s">
        <v>174</v>
      </c>
      <c r="L891" s="115">
        <v>1</v>
      </c>
      <c r="M891" s="115">
        <v>1</v>
      </c>
      <c r="N891" s="115">
        <v>0</v>
      </c>
      <c r="O891" s="115">
        <v>1</v>
      </c>
      <c r="P891" s="115" t="s">
        <v>400</v>
      </c>
      <c r="Q891" s="115">
        <v>1</v>
      </c>
      <c r="R891" s="115">
        <v>0</v>
      </c>
      <c r="S891" s="115">
        <v>0</v>
      </c>
      <c r="T891" s="115">
        <v>0</v>
      </c>
      <c r="U891" s="119"/>
      <c r="V891" s="119"/>
      <c r="W891" s="119"/>
      <c r="X891" s="119"/>
      <c r="Y891" s="119"/>
      <c r="Z891" s="119"/>
      <c r="AA891" s="119"/>
      <c r="AB891" s="119"/>
      <c r="AC891" s="119"/>
      <c r="AD891" s="119"/>
      <c r="AE891" s="119"/>
      <c r="AF891" s="119"/>
      <c r="AG891" s="119"/>
      <c r="AH891" s="119"/>
      <c r="AI891" s="119"/>
      <c r="AJ891" s="119"/>
      <c r="AK891" s="119"/>
      <c r="AL891" s="119"/>
      <c r="AM891" s="119"/>
      <c r="AN891" s="119"/>
      <c r="AO891" s="119"/>
      <c r="AP891" s="119"/>
      <c r="AQ891" s="119"/>
      <c r="AR891" s="119"/>
      <c r="AS891" s="119"/>
      <c r="AT891" s="119"/>
      <c r="AU891" s="119"/>
      <c r="AV891" s="119"/>
      <c r="AW891" s="119"/>
      <c r="AX891" s="119"/>
      <c r="AY891" s="119"/>
      <c r="AZ891" s="119"/>
      <c r="BA891" s="119"/>
      <c r="BB891" s="107">
        <v>45884</v>
      </c>
    </row>
    <row r="892" spans="1:54" s="207" customFormat="1" ht="13.95" customHeight="1" x14ac:dyDescent="0.25">
      <c r="A892" s="208" t="s">
        <v>2208</v>
      </c>
      <c r="B892" s="209" t="s">
        <v>20420</v>
      </c>
      <c r="C892" s="113" t="s">
        <v>2209</v>
      </c>
      <c r="D892" s="113" t="s">
        <v>22906</v>
      </c>
      <c r="E892" s="210">
        <v>1972</v>
      </c>
      <c r="F892" s="210">
        <v>785</v>
      </c>
      <c r="G892" s="113" t="s">
        <v>1</v>
      </c>
      <c r="H892" s="113">
        <v>0</v>
      </c>
      <c r="I892" s="113">
        <v>0</v>
      </c>
      <c r="J892" s="115">
        <v>1</v>
      </c>
      <c r="K892" s="116" t="s">
        <v>174</v>
      </c>
      <c r="L892" s="115">
        <v>1</v>
      </c>
      <c r="M892" s="115">
        <v>0</v>
      </c>
      <c r="N892" s="115">
        <v>0</v>
      </c>
      <c r="O892" s="115">
        <v>1</v>
      </c>
      <c r="P892" s="115">
        <v>1</v>
      </c>
      <c r="Q892" s="115" t="s">
        <v>400</v>
      </c>
      <c r="R892" s="115">
        <v>0</v>
      </c>
      <c r="S892" s="115">
        <v>0</v>
      </c>
      <c r="T892" s="115">
        <v>0</v>
      </c>
      <c r="U892" s="119"/>
      <c r="V892" s="119"/>
      <c r="W892" s="119"/>
      <c r="X892" s="119"/>
      <c r="Y892" s="119"/>
      <c r="Z892" s="119"/>
      <c r="AA892" s="119"/>
      <c r="AB892" s="119"/>
      <c r="AC892" s="119"/>
      <c r="AD892" s="119"/>
      <c r="AE892" s="119"/>
      <c r="AF892" s="119"/>
      <c r="AG892" s="119"/>
      <c r="AH892" s="119"/>
      <c r="AI892" s="119"/>
      <c r="AJ892" s="119"/>
      <c r="AK892" s="119"/>
      <c r="AL892" s="119"/>
      <c r="AM892" s="119"/>
      <c r="AN892" s="119"/>
      <c r="AO892" s="119"/>
      <c r="AP892" s="119"/>
      <c r="AQ892" s="119"/>
      <c r="AR892" s="119"/>
      <c r="AS892" s="119"/>
      <c r="AT892" s="119"/>
      <c r="AU892" s="119"/>
      <c r="AV892" s="119"/>
      <c r="AW892" s="119"/>
      <c r="AX892" s="119"/>
      <c r="AY892" s="119"/>
      <c r="AZ892" s="119"/>
      <c r="BA892" s="119"/>
      <c r="BB892" s="107">
        <v>45884</v>
      </c>
    </row>
    <row r="893" spans="1:54" s="207" customFormat="1" ht="13.95" customHeight="1" x14ac:dyDescent="0.25">
      <c r="A893" s="208" t="s">
        <v>2210</v>
      </c>
      <c r="B893" s="209" t="s">
        <v>20420</v>
      </c>
      <c r="C893" s="113" t="s">
        <v>2211</v>
      </c>
      <c r="D893" s="113" t="s">
        <v>22907</v>
      </c>
      <c r="E893" s="210">
        <v>1996</v>
      </c>
      <c r="F893" s="210">
        <v>786</v>
      </c>
      <c r="G893" s="113" t="s">
        <v>1</v>
      </c>
      <c r="H893" s="113">
        <v>0</v>
      </c>
      <c r="I893" s="113">
        <v>0</v>
      </c>
      <c r="J893" s="115">
        <v>1</v>
      </c>
      <c r="K893" s="211">
        <v>1</v>
      </c>
      <c r="L893" s="115">
        <v>0</v>
      </c>
      <c r="M893" s="115">
        <v>0</v>
      </c>
      <c r="N893" s="115">
        <v>0</v>
      </c>
      <c r="O893" s="115">
        <v>1</v>
      </c>
      <c r="P893" s="115">
        <v>1</v>
      </c>
      <c r="Q893" s="115" t="s">
        <v>400</v>
      </c>
      <c r="R893" s="115">
        <v>1</v>
      </c>
      <c r="S893" s="115">
        <v>0</v>
      </c>
      <c r="T893" s="115">
        <v>0</v>
      </c>
      <c r="U893" s="119"/>
      <c r="V893" s="119"/>
      <c r="W893" s="119"/>
      <c r="X893" s="119"/>
      <c r="Y893" s="119"/>
      <c r="Z893" s="119"/>
      <c r="AA893" s="119"/>
      <c r="AB893" s="119"/>
      <c r="AC893" s="119"/>
      <c r="AD893" s="119"/>
      <c r="AE893" s="119"/>
      <c r="AF893" s="119"/>
      <c r="AG893" s="119"/>
      <c r="AH893" s="119"/>
      <c r="AI893" s="119"/>
      <c r="AJ893" s="119"/>
      <c r="AK893" s="119"/>
      <c r="AL893" s="119"/>
      <c r="AM893" s="119"/>
      <c r="AN893" s="119"/>
      <c r="AO893" s="119"/>
      <c r="AP893" s="119"/>
      <c r="AQ893" s="119"/>
      <c r="AR893" s="119"/>
      <c r="AS893" s="119"/>
      <c r="AT893" s="119"/>
      <c r="AU893" s="119"/>
      <c r="AV893" s="119"/>
      <c r="AW893" s="119"/>
      <c r="AX893" s="119"/>
      <c r="AY893" s="119"/>
      <c r="AZ893" s="119"/>
      <c r="BA893" s="119"/>
      <c r="BB893" s="107">
        <v>45884</v>
      </c>
    </row>
    <row r="894" spans="1:54" s="207" customFormat="1" ht="13.95" customHeight="1" x14ac:dyDescent="0.25">
      <c r="A894" s="208" t="s">
        <v>2212</v>
      </c>
      <c r="B894" s="209" t="s">
        <v>20420</v>
      </c>
      <c r="C894" s="113" t="s">
        <v>2213</v>
      </c>
      <c r="D894" s="113" t="s">
        <v>22908</v>
      </c>
      <c r="E894" s="210">
        <v>1990</v>
      </c>
      <c r="F894" s="210">
        <v>786</v>
      </c>
      <c r="G894" s="113" t="s">
        <v>1</v>
      </c>
      <c r="H894" s="113">
        <v>0</v>
      </c>
      <c r="I894" s="113">
        <v>0</v>
      </c>
      <c r="J894" s="115">
        <v>1</v>
      </c>
      <c r="K894" s="116" t="s">
        <v>174</v>
      </c>
      <c r="L894" s="115">
        <v>1</v>
      </c>
      <c r="M894" s="115">
        <v>0</v>
      </c>
      <c r="N894" s="115">
        <v>0</v>
      </c>
      <c r="O894" s="115">
        <v>1</v>
      </c>
      <c r="P894" s="115" t="s">
        <v>400</v>
      </c>
      <c r="Q894" s="115" t="s">
        <v>400</v>
      </c>
      <c r="R894" s="115">
        <v>1</v>
      </c>
      <c r="S894" s="115">
        <v>0</v>
      </c>
      <c r="T894" s="115">
        <v>0</v>
      </c>
      <c r="U894" s="119"/>
      <c r="V894" s="119"/>
      <c r="W894" s="119"/>
      <c r="X894" s="119"/>
      <c r="Y894" s="119"/>
      <c r="Z894" s="119"/>
      <c r="AA894" s="119"/>
      <c r="AB894" s="119"/>
      <c r="AC894" s="119"/>
      <c r="AD894" s="119"/>
      <c r="AE894" s="119"/>
      <c r="AF894" s="119"/>
      <c r="AG894" s="119"/>
      <c r="AH894" s="119"/>
      <c r="AI894" s="119"/>
      <c r="AJ894" s="119"/>
      <c r="AK894" s="119"/>
      <c r="AL894" s="119"/>
      <c r="AM894" s="119"/>
      <c r="AN894" s="119"/>
      <c r="AO894" s="119"/>
      <c r="AP894" s="119"/>
      <c r="AQ894" s="119"/>
      <c r="AR894" s="119"/>
      <c r="AS894" s="119"/>
      <c r="AT894" s="119"/>
      <c r="AU894" s="119"/>
      <c r="AV894" s="119"/>
      <c r="AW894" s="119"/>
      <c r="AX894" s="119"/>
      <c r="AY894" s="119"/>
      <c r="AZ894" s="119"/>
      <c r="BA894" s="119"/>
      <c r="BB894" s="107">
        <v>45884</v>
      </c>
    </row>
    <row r="895" spans="1:54" s="207" customFormat="1" ht="13.95" customHeight="1" x14ac:dyDescent="0.25">
      <c r="A895" s="208" t="s">
        <v>2214</v>
      </c>
      <c r="B895" s="209" t="s">
        <v>20420</v>
      </c>
      <c r="C895" s="113" t="s">
        <v>2215</v>
      </c>
      <c r="D895" s="113" t="s">
        <v>2216</v>
      </c>
      <c r="E895" s="210">
        <v>1975</v>
      </c>
      <c r="F895" s="210">
        <v>787</v>
      </c>
      <c r="G895" s="113" t="s">
        <v>1</v>
      </c>
      <c r="H895" s="113">
        <v>0</v>
      </c>
      <c r="I895" s="113">
        <v>0</v>
      </c>
      <c r="J895" s="115">
        <v>1</v>
      </c>
      <c r="K895" s="116" t="s">
        <v>174</v>
      </c>
      <c r="L895" s="115">
        <v>0</v>
      </c>
      <c r="M895" s="115">
        <v>0</v>
      </c>
      <c r="N895" s="115">
        <v>1</v>
      </c>
      <c r="O895" s="115">
        <v>1</v>
      </c>
      <c r="P895" s="115">
        <v>1</v>
      </c>
      <c r="Q895" s="115" t="s">
        <v>400</v>
      </c>
      <c r="R895" s="115">
        <v>1</v>
      </c>
      <c r="S895" s="115">
        <v>0</v>
      </c>
      <c r="T895" s="115">
        <v>0</v>
      </c>
      <c r="U895" s="119"/>
      <c r="V895" s="119"/>
      <c r="W895" s="119"/>
      <c r="X895" s="119"/>
      <c r="Y895" s="119"/>
      <c r="Z895" s="119"/>
      <c r="AA895" s="119"/>
      <c r="AB895" s="119"/>
      <c r="AC895" s="119"/>
      <c r="AD895" s="119"/>
      <c r="AE895" s="119"/>
      <c r="AF895" s="119"/>
      <c r="AG895" s="119"/>
      <c r="AH895" s="119"/>
      <c r="AI895" s="119"/>
      <c r="AJ895" s="119"/>
      <c r="AK895" s="119"/>
      <c r="AL895" s="119"/>
      <c r="AM895" s="119"/>
      <c r="AN895" s="119"/>
      <c r="AO895" s="119"/>
      <c r="AP895" s="119"/>
      <c r="AQ895" s="119"/>
      <c r="AR895" s="119"/>
      <c r="AS895" s="119"/>
      <c r="AT895" s="119"/>
      <c r="AU895" s="119"/>
      <c r="AV895" s="119"/>
      <c r="AW895" s="119"/>
      <c r="AX895" s="119"/>
      <c r="AY895" s="119"/>
      <c r="AZ895" s="119"/>
      <c r="BA895" s="119"/>
      <c r="BB895" s="107">
        <v>45884</v>
      </c>
    </row>
    <row r="896" spans="1:54" s="207" customFormat="1" ht="13.95" customHeight="1" x14ac:dyDescent="0.25">
      <c r="A896" s="208" t="s">
        <v>2217</v>
      </c>
      <c r="B896" s="209" t="s">
        <v>20420</v>
      </c>
      <c r="C896" s="113" t="s">
        <v>2218</v>
      </c>
      <c r="D896" s="113" t="s">
        <v>2219</v>
      </c>
      <c r="E896" s="210">
        <v>1988</v>
      </c>
      <c r="F896" s="210">
        <v>787</v>
      </c>
      <c r="G896" s="113" t="s">
        <v>1</v>
      </c>
      <c r="H896" s="113">
        <v>0</v>
      </c>
      <c r="I896" s="113">
        <v>0</v>
      </c>
      <c r="J896" s="115">
        <v>1</v>
      </c>
      <c r="K896" s="116" t="s">
        <v>174</v>
      </c>
      <c r="L896" s="115">
        <v>1</v>
      </c>
      <c r="M896" s="115">
        <v>0</v>
      </c>
      <c r="N896" s="115">
        <v>0</v>
      </c>
      <c r="O896" s="115">
        <v>1</v>
      </c>
      <c r="P896" s="115">
        <v>1</v>
      </c>
      <c r="Q896" s="115" t="s">
        <v>400</v>
      </c>
      <c r="R896" s="115">
        <v>0</v>
      </c>
      <c r="S896" s="115">
        <v>0</v>
      </c>
      <c r="T896" s="115">
        <v>0</v>
      </c>
      <c r="U896" s="119"/>
      <c r="V896" s="119"/>
      <c r="W896" s="119"/>
      <c r="X896" s="119"/>
      <c r="Y896" s="119"/>
      <c r="Z896" s="119"/>
      <c r="AA896" s="119"/>
      <c r="AB896" s="119"/>
      <c r="AC896" s="119"/>
      <c r="AD896" s="119"/>
      <c r="AE896" s="119"/>
      <c r="AF896" s="119"/>
      <c r="AG896" s="119"/>
      <c r="AH896" s="119"/>
      <c r="AI896" s="119"/>
      <c r="AJ896" s="119"/>
      <c r="AK896" s="119"/>
      <c r="AL896" s="119"/>
      <c r="AM896" s="119"/>
      <c r="AN896" s="119"/>
      <c r="AO896" s="119"/>
      <c r="AP896" s="119"/>
      <c r="AQ896" s="119"/>
      <c r="AR896" s="119"/>
      <c r="AS896" s="119"/>
      <c r="AT896" s="119"/>
      <c r="AU896" s="119"/>
      <c r="AV896" s="119"/>
      <c r="AW896" s="119"/>
      <c r="AX896" s="119"/>
      <c r="AY896" s="119"/>
      <c r="AZ896" s="119"/>
      <c r="BA896" s="119"/>
      <c r="BB896" s="107">
        <v>45884</v>
      </c>
    </row>
    <row r="897" spans="1:54" s="207" customFormat="1" ht="13.95" customHeight="1" x14ac:dyDescent="0.25">
      <c r="A897" s="208" t="s">
        <v>2220</v>
      </c>
      <c r="B897" s="209" t="s">
        <v>20420</v>
      </c>
      <c r="C897" s="113" t="s">
        <v>2221</v>
      </c>
      <c r="D897" s="113" t="s">
        <v>22909</v>
      </c>
      <c r="E897" s="210">
        <v>2013</v>
      </c>
      <c r="F897" s="210">
        <v>789</v>
      </c>
      <c r="G897" s="113" t="s">
        <v>1</v>
      </c>
      <c r="H897" s="113">
        <v>0</v>
      </c>
      <c r="I897" s="113">
        <v>0</v>
      </c>
      <c r="J897" s="115">
        <v>1</v>
      </c>
      <c r="K897" s="116" t="s">
        <v>174</v>
      </c>
      <c r="L897" s="115">
        <v>0</v>
      </c>
      <c r="M897" s="115">
        <v>1</v>
      </c>
      <c r="N897" s="115">
        <v>1</v>
      </c>
      <c r="O897" s="115">
        <v>0</v>
      </c>
      <c r="P897" s="115" t="s">
        <v>400</v>
      </c>
      <c r="Q897" s="115" t="s">
        <v>400</v>
      </c>
      <c r="R897" s="115">
        <v>0</v>
      </c>
      <c r="S897" s="115">
        <v>0</v>
      </c>
      <c r="T897" s="115">
        <v>0</v>
      </c>
      <c r="U897" s="119"/>
      <c r="V897" s="119"/>
      <c r="W897" s="119"/>
      <c r="X897" s="119"/>
      <c r="Y897" s="119"/>
      <c r="Z897" s="119"/>
      <c r="AA897" s="119"/>
      <c r="AB897" s="119"/>
      <c r="AC897" s="119"/>
      <c r="AD897" s="119"/>
      <c r="AE897" s="119"/>
      <c r="AF897" s="119"/>
      <c r="AG897" s="119"/>
      <c r="AH897" s="119"/>
      <c r="AI897" s="119"/>
      <c r="AJ897" s="119"/>
      <c r="AK897" s="119"/>
      <c r="AL897" s="119"/>
      <c r="AM897" s="119"/>
      <c r="AN897" s="119"/>
      <c r="AO897" s="119"/>
      <c r="AP897" s="119"/>
      <c r="AQ897" s="119"/>
      <c r="AR897" s="119"/>
      <c r="AS897" s="119"/>
      <c r="AT897" s="119"/>
      <c r="AU897" s="119"/>
      <c r="AV897" s="119"/>
      <c r="AW897" s="119"/>
      <c r="AX897" s="119"/>
      <c r="AY897" s="119"/>
      <c r="AZ897" s="119"/>
      <c r="BA897" s="119"/>
      <c r="BB897" s="107">
        <v>45884</v>
      </c>
    </row>
    <row r="898" spans="1:54" s="207" customFormat="1" ht="13.95" customHeight="1" x14ac:dyDescent="0.25">
      <c r="A898" s="208" t="s">
        <v>2222</v>
      </c>
      <c r="B898" s="209" t="s">
        <v>20420</v>
      </c>
      <c r="C898" s="113" t="s">
        <v>2223</v>
      </c>
      <c r="D898" s="113" t="s">
        <v>22910</v>
      </c>
      <c r="E898" s="210">
        <v>1990</v>
      </c>
      <c r="F898" s="210">
        <v>792</v>
      </c>
      <c r="G898" s="113" t="s">
        <v>1</v>
      </c>
      <c r="H898" s="113">
        <v>0</v>
      </c>
      <c r="I898" s="113">
        <v>0</v>
      </c>
      <c r="J898" s="115">
        <v>1</v>
      </c>
      <c r="K898" s="116" t="s">
        <v>174</v>
      </c>
      <c r="L898" s="115">
        <v>1</v>
      </c>
      <c r="M898" s="115">
        <v>0</v>
      </c>
      <c r="N898" s="115">
        <v>1</v>
      </c>
      <c r="O898" s="115">
        <v>1</v>
      </c>
      <c r="P898" s="115">
        <v>1</v>
      </c>
      <c r="Q898" s="115" t="s">
        <v>400</v>
      </c>
      <c r="R898" s="115">
        <v>1</v>
      </c>
      <c r="S898" s="115">
        <v>0</v>
      </c>
      <c r="T898" s="115">
        <v>0</v>
      </c>
      <c r="U898" s="119"/>
      <c r="V898" s="119"/>
      <c r="W898" s="119"/>
      <c r="X898" s="119"/>
      <c r="Y898" s="119"/>
      <c r="Z898" s="119"/>
      <c r="AA898" s="119"/>
      <c r="AB898" s="119"/>
      <c r="AC898" s="119"/>
      <c r="AD898" s="119"/>
      <c r="AE898" s="119"/>
      <c r="AF898" s="119"/>
      <c r="AG898" s="119"/>
      <c r="AH898" s="119"/>
      <c r="AI898" s="119"/>
      <c r="AJ898" s="119"/>
      <c r="AK898" s="119"/>
      <c r="AL898" s="119"/>
      <c r="AM898" s="119"/>
      <c r="AN898" s="119"/>
      <c r="AO898" s="119"/>
      <c r="AP898" s="119"/>
      <c r="AQ898" s="119"/>
      <c r="AR898" s="119"/>
      <c r="AS898" s="119"/>
      <c r="AT898" s="119"/>
      <c r="AU898" s="119"/>
      <c r="AV898" s="119"/>
      <c r="AW898" s="119"/>
      <c r="AX898" s="119"/>
      <c r="AY898" s="119"/>
      <c r="AZ898" s="119"/>
      <c r="BA898" s="119"/>
      <c r="BB898" s="107">
        <v>45884</v>
      </c>
    </row>
    <row r="899" spans="1:54" s="207" customFormat="1" ht="13.95" customHeight="1" x14ac:dyDescent="0.25">
      <c r="A899" s="208" t="s">
        <v>2224</v>
      </c>
      <c r="B899" s="209" t="s">
        <v>20420</v>
      </c>
      <c r="C899" s="113" t="s">
        <v>2225</v>
      </c>
      <c r="D899" s="113" t="s">
        <v>22911</v>
      </c>
      <c r="E899" s="210">
        <v>1975</v>
      </c>
      <c r="F899" s="210">
        <v>793</v>
      </c>
      <c r="G899" s="113" t="s">
        <v>1</v>
      </c>
      <c r="H899" s="113">
        <v>0</v>
      </c>
      <c r="I899" s="113">
        <v>0</v>
      </c>
      <c r="J899" s="115">
        <v>1</v>
      </c>
      <c r="K899" s="116" t="s">
        <v>174</v>
      </c>
      <c r="L899" s="115">
        <v>1</v>
      </c>
      <c r="M899" s="115">
        <v>0</v>
      </c>
      <c r="N899" s="115">
        <v>0</v>
      </c>
      <c r="O899" s="115">
        <v>1</v>
      </c>
      <c r="P899" s="115" t="s">
        <v>400</v>
      </c>
      <c r="Q899" s="115" t="s">
        <v>400</v>
      </c>
      <c r="R899" s="115">
        <v>1</v>
      </c>
      <c r="S899" s="115">
        <v>0</v>
      </c>
      <c r="T899" s="115">
        <v>0</v>
      </c>
      <c r="U899" s="119"/>
      <c r="V899" s="119"/>
      <c r="W899" s="119"/>
      <c r="X899" s="119"/>
      <c r="Y899" s="119"/>
      <c r="Z899" s="119"/>
      <c r="AA899" s="119"/>
      <c r="AB899" s="119"/>
      <c r="AC899" s="119"/>
      <c r="AD899" s="119"/>
      <c r="AE899" s="119"/>
      <c r="AF899" s="119"/>
      <c r="AG899" s="119"/>
      <c r="AH899" s="119"/>
      <c r="AI899" s="119"/>
      <c r="AJ899" s="119"/>
      <c r="AK899" s="119"/>
      <c r="AL899" s="119"/>
      <c r="AM899" s="119"/>
      <c r="AN899" s="119"/>
      <c r="AO899" s="119"/>
      <c r="AP899" s="119"/>
      <c r="AQ899" s="119"/>
      <c r="AR899" s="119"/>
      <c r="AS899" s="119"/>
      <c r="AT899" s="119"/>
      <c r="AU899" s="119"/>
      <c r="AV899" s="119"/>
      <c r="AW899" s="119"/>
      <c r="AX899" s="119"/>
      <c r="AY899" s="119"/>
      <c r="AZ899" s="119"/>
      <c r="BA899" s="119"/>
      <c r="BB899" s="107">
        <v>45884</v>
      </c>
    </row>
    <row r="900" spans="1:54" s="207" customFormat="1" ht="13.95" customHeight="1" x14ac:dyDescent="0.25">
      <c r="A900" s="208" t="s">
        <v>2226</v>
      </c>
      <c r="B900" s="209" t="s">
        <v>20420</v>
      </c>
      <c r="C900" s="113" t="s">
        <v>2227</v>
      </c>
      <c r="D900" s="113" t="s">
        <v>22912</v>
      </c>
      <c r="E900" s="210">
        <v>2005</v>
      </c>
      <c r="F900" s="210">
        <v>793</v>
      </c>
      <c r="G900" s="113" t="s">
        <v>1</v>
      </c>
      <c r="H900" s="113">
        <v>0</v>
      </c>
      <c r="I900" s="113">
        <v>0</v>
      </c>
      <c r="J900" s="115">
        <v>1</v>
      </c>
      <c r="K900" s="116" t="s">
        <v>174</v>
      </c>
      <c r="L900" s="115">
        <v>1</v>
      </c>
      <c r="M900" s="115">
        <v>0</v>
      </c>
      <c r="N900" s="115">
        <v>0</v>
      </c>
      <c r="O900" s="115">
        <v>0</v>
      </c>
      <c r="P900" s="115" t="s">
        <v>400</v>
      </c>
      <c r="Q900" s="115" t="s">
        <v>400</v>
      </c>
      <c r="R900" s="115">
        <v>0</v>
      </c>
      <c r="S900" s="115">
        <v>0</v>
      </c>
      <c r="T900" s="115">
        <v>0</v>
      </c>
      <c r="U900" s="119"/>
      <c r="V900" s="119"/>
      <c r="W900" s="119"/>
      <c r="X900" s="119"/>
      <c r="Y900" s="119"/>
      <c r="Z900" s="119"/>
      <c r="AA900" s="119"/>
      <c r="AB900" s="119"/>
      <c r="AC900" s="119"/>
      <c r="AD900" s="119"/>
      <c r="AE900" s="119"/>
      <c r="AF900" s="119"/>
      <c r="AG900" s="119"/>
      <c r="AH900" s="119"/>
      <c r="AI900" s="119"/>
      <c r="AJ900" s="119"/>
      <c r="AK900" s="119"/>
      <c r="AL900" s="119"/>
      <c r="AM900" s="119"/>
      <c r="AN900" s="119"/>
      <c r="AO900" s="119"/>
      <c r="AP900" s="119"/>
      <c r="AQ900" s="119"/>
      <c r="AR900" s="119"/>
      <c r="AS900" s="119"/>
      <c r="AT900" s="119"/>
      <c r="AU900" s="119"/>
      <c r="AV900" s="119"/>
      <c r="AW900" s="119"/>
      <c r="AX900" s="119"/>
      <c r="AY900" s="119"/>
      <c r="AZ900" s="119"/>
      <c r="BA900" s="119"/>
      <c r="BB900" s="107">
        <v>45884</v>
      </c>
    </row>
    <row r="901" spans="1:54" s="207" customFormat="1" ht="13.95" customHeight="1" x14ac:dyDescent="0.25">
      <c r="A901" s="208" t="s">
        <v>2228</v>
      </c>
      <c r="B901" s="209" t="s">
        <v>20420</v>
      </c>
      <c r="C901" s="113" t="s">
        <v>2229</v>
      </c>
      <c r="D901" s="113" t="s">
        <v>22913</v>
      </c>
      <c r="E901" s="210">
        <v>2008</v>
      </c>
      <c r="F901" s="210">
        <v>795</v>
      </c>
      <c r="G901" s="113" t="s">
        <v>1</v>
      </c>
      <c r="H901" s="113">
        <v>1</v>
      </c>
      <c r="I901" s="113">
        <v>1</v>
      </c>
      <c r="J901" s="115">
        <v>1</v>
      </c>
      <c r="K901" s="116" t="s">
        <v>174</v>
      </c>
      <c r="L901" s="115">
        <v>0</v>
      </c>
      <c r="M901" s="115">
        <v>0</v>
      </c>
      <c r="N901" s="115">
        <v>0</v>
      </c>
      <c r="O901" s="115">
        <v>0</v>
      </c>
      <c r="P901" s="115" t="s">
        <v>400</v>
      </c>
      <c r="Q901" s="115" t="s">
        <v>400</v>
      </c>
      <c r="R901" s="115">
        <v>0</v>
      </c>
      <c r="S901" s="115">
        <v>0</v>
      </c>
      <c r="T901" s="115">
        <v>0</v>
      </c>
      <c r="U901" s="119"/>
      <c r="V901" s="119"/>
      <c r="W901" s="119"/>
      <c r="X901" s="119"/>
      <c r="Y901" s="119"/>
      <c r="Z901" s="119"/>
      <c r="AA901" s="119"/>
      <c r="AB901" s="119"/>
      <c r="AC901" s="119"/>
      <c r="AD901" s="119"/>
      <c r="AE901" s="119"/>
      <c r="AF901" s="119"/>
      <c r="AG901" s="119"/>
      <c r="AH901" s="119"/>
      <c r="AI901" s="119"/>
      <c r="AJ901" s="119"/>
      <c r="AK901" s="119"/>
      <c r="AL901" s="119"/>
      <c r="AM901" s="119"/>
      <c r="AN901" s="119"/>
      <c r="AO901" s="119"/>
      <c r="AP901" s="119"/>
      <c r="AQ901" s="119"/>
      <c r="AR901" s="119"/>
      <c r="AS901" s="119"/>
      <c r="AT901" s="119"/>
      <c r="AU901" s="119"/>
      <c r="AV901" s="119"/>
      <c r="AW901" s="119"/>
      <c r="AX901" s="119"/>
      <c r="AY901" s="119"/>
      <c r="AZ901" s="119"/>
      <c r="BA901" s="119"/>
      <c r="BB901" s="107">
        <v>45884</v>
      </c>
    </row>
    <row r="902" spans="1:54" s="207" customFormat="1" ht="13.95" customHeight="1" x14ac:dyDescent="0.25">
      <c r="A902" s="208" t="s">
        <v>2230</v>
      </c>
      <c r="B902" s="209" t="s">
        <v>20420</v>
      </c>
      <c r="C902" s="113" t="s">
        <v>2231</v>
      </c>
      <c r="D902" s="113" t="s">
        <v>22914</v>
      </c>
      <c r="E902" s="210">
        <v>1970</v>
      </c>
      <c r="F902" s="210">
        <v>795</v>
      </c>
      <c r="G902" s="113" t="s">
        <v>1</v>
      </c>
      <c r="H902" s="113">
        <v>0</v>
      </c>
      <c r="I902" s="113">
        <v>0</v>
      </c>
      <c r="J902" s="115">
        <v>1</v>
      </c>
      <c r="K902" s="116" t="s">
        <v>174</v>
      </c>
      <c r="L902" s="115">
        <v>1</v>
      </c>
      <c r="M902" s="115">
        <v>0</v>
      </c>
      <c r="N902" s="115">
        <v>0</v>
      </c>
      <c r="O902" s="115">
        <v>0</v>
      </c>
      <c r="P902" s="115">
        <v>1</v>
      </c>
      <c r="Q902" s="115" t="s">
        <v>400</v>
      </c>
      <c r="R902" s="115">
        <v>0</v>
      </c>
      <c r="S902" s="115">
        <v>0</v>
      </c>
      <c r="T902" s="115">
        <v>0</v>
      </c>
      <c r="U902" s="119"/>
      <c r="V902" s="119"/>
      <c r="W902" s="119"/>
      <c r="X902" s="119"/>
      <c r="Y902" s="119"/>
      <c r="Z902" s="119"/>
      <c r="AA902" s="119"/>
      <c r="AB902" s="119"/>
      <c r="AC902" s="119"/>
      <c r="AD902" s="119"/>
      <c r="AE902" s="119"/>
      <c r="AF902" s="119"/>
      <c r="AG902" s="119"/>
      <c r="AH902" s="119"/>
      <c r="AI902" s="119"/>
      <c r="AJ902" s="119"/>
      <c r="AK902" s="119"/>
      <c r="AL902" s="119"/>
      <c r="AM902" s="119"/>
      <c r="AN902" s="119"/>
      <c r="AO902" s="119"/>
      <c r="AP902" s="119"/>
      <c r="AQ902" s="119"/>
      <c r="AR902" s="119"/>
      <c r="AS902" s="119"/>
      <c r="AT902" s="119"/>
      <c r="AU902" s="119"/>
      <c r="AV902" s="119"/>
      <c r="AW902" s="119"/>
      <c r="AX902" s="119"/>
      <c r="AY902" s="119"/>
      <c r="AZ902" s="119"/>
      <c r="BA902" s="119"/>
      <c r="BB902" s="107">
        <v>45884</v>
      </c>
    </row>
    <row r="903" spans="1:54" s="207" customFormat="1" ht="13.95" customHeight="1" x14ac:dyDescent="0.25">
      <c r="A903" s="208" t="s">
        <v>2232</v>
      </c>
      <c r="B903" s="209" t="s">
        <v>20420</v>
      </c>
      <c r="C903" s="113" t="s">
        <v>2233</v>
      </c>
      <c r="D903" s="113" t="s">
        <v>2234</v>
      </c>
      <c r="E903" s="210">
        <v>1970</v>
      </c>
      <c r="F903" s="210">
        <v>796</v>
      </c>
      <c r="G903" s="113" t="s">
        <v>1</v>
      </c>
      <c r="H903" s="113">
        <v>0</v>
      </c>
      <c r="I903" s="113">
        <v>0</v>
      </c>
      <c r="J903" s="115">
        <v>1</v>
      </c>
      <c r="K903" s="116" t="s">
        <v>174</v>
      </c>
      <c r="L903" s="115">
        <v>0</v>
      </c>
      <c r="M903" s="115">
        <v>1</v>
      </c>
      <c r="N903" s="115">
        <v>0</v>
      </c>
      <c r="O903" s="115">
        <v>0</v>
      </c>
      <c r="P903" s="115" t="s">
        <v>400</v>
      </c>
      <c r="Q903" s="115" t="s">
        <v>400</v>
      </c>
      <c r="R903" s="115">
        <v>0</v>
      </c>
      <c r="S903" s="115">
        <v>0</v>
      </c>
      <c r="T903" s="115">
        <v>0</v>
      </c>
      <c r="U903" s="119"/>
      <c r="V903" s="119"/>
      <c r="W903" s="119"/>
      <c r="X903" s="119"/>
      <c r="Y903" s="119"/>
      <c r="Z903" s="119"/>
      <c r="AA903" s="119"/>
      <c r="AB903" s="119"/>
      <c r="AC903" s="119"/>
      <c r="AD903" s="119"/>
      <c r="AE903" s="119"/>
      <c r="AF903" s="119"/>
      <c r="AG903" s="119"/>
      <c r="AH903" s="119"/>
      <c r="AI903" s="119"/>
      <c r="AJ903" s="119"/>
      <c r="AK903" s="119"/>
      <c r="AL903" s="119"/>
      <c r="AM903" s="119"/>
      <c r="AN903" s="119"/>
      <c r="AO903" s="119"/>
      <c r="AP903" s="119"/>
      <c r="AQ903" s="119"/>
      <c r="AR903" s="119"/>
      <c r="AS903" s="119"/>
      <c r="AT903" s="119"/>
      <c r="AU903" s="119"/>
      <c r="AV903" s="119"/>
      <c r="AW903" s="119"/>
      <c r="AX903" s="119"/>
      <c r="AY903" s="119"/>
      <c r="AZ903" s="119"/>
      <c r="BA903" s="119"/>
      <c r="BB903" s="107">
        <v>45884</v>
      </c>
    </row>
    <row r="904" spans="1:54" s="207" customFormat="1" ht="13.95" customHeight="1" x14ac:dyDescent="0.25">
      <c r="A904" s="208" t="s">
        <v>2235</v>
      </c>
      <c r="B904" s="209" t="s">
        <v>20420</v>
      </c>
      <c r="C904" s="113" t="s">
        <v>2236</v>
      </c>
      <c r="D904" s="113" t="s">
        <v>22915</v>
      </c>
      <c r="E904" s="210">
        <v>1989</v>
      </c>
      <c r="F904" s="210">
        <v>797</v>
      </c>
      <c r="G904" s="113" t="s">
        <v>1</v>
      </c>
      <c r="H904" s="113">
        <v>0</v>
      </c>
      <c r="I904" s="113">
        <v>0</v>
      </c>
      <c r="J904" s="115">
        <v>1</v>
      </c>
      <c r="K904" s="116" t="s">
        <v>174</v>
      </c>
      <c r="L904" s="115">
        <v>1</v>
      </c>
      <c r="M904" s="115">
        <v>1</v>
      </c>
      <c r="N904" s="115">
        <v>1</v>
      </c>
      <c r="O904" s="115">
        <v>0</v>
      </c>
      <c r="P904" s="115" t="s">
        <v>400</v>
      </c>
      <c r="Q904" s="115" t="s">
        <v>400</v>
      </c>
      <c r="R904" s="115">
        <v>0</v>
      </c>
      <c r="S904" s="115">
        <v>0</v>
      </c>
      <c r="T904" s="115">
        <v>0</v>
      </c>
      <c r="U904" s="119"/>
      <c r="V904" s="119"/>
      <c r="W904" s="119"/>
      <c r="X904" s="119"/>
      <c r="Y904" s="119"/>
      <c r="Z904" s="119"/>
      <c r="AA904" s="119"/>
      <c r="AB904" s="119"/>
      <c r="AC904" s="119"/>
      <c r="AD904" s="119"/>
      <c r="AE904" s="119"/>
      <c r="AF904" s="119"/>
      <c r="AG904" s="119"/>
      <c r="AH904" s="119"/>
      <c r="AI904" s="119"/>
      <c r="AJ904" s="119"/>
      <c r="AK904" s="119"/>
      <c r="AL904" s="119"/>
      <c r="AM904" s="119"/>
      <c r="AN904" s="119"/>
      <c r="AO904" s="119"/>
      <c r="AP904" s="119"/>
      <c r="AQ904" s="119"/>
      <c r="AR904" s="119"/>
      <c r="AS904" s="119"/>
      <c r="AT904" s="119"/>
      <c r="AU904" s="119"/>
      <c r="AV904" s="119"/>
      <c r="AW904" s="119"/>
      <c r="AX904" s="119"/>
      <c r="AY904" s="119"/>
      <c r="AZ904" s="119"/>
      <c r="BA904" s="119"/>
      <c r="BB904" s="107">
        <v>45884</v>
      </c>
    </row>
    <row r="905" spans="1:54" s="207" customFormat="1" ht="13.95" customHeight="1" x14ac:dyDescent="0.25">
      <c r="A905" s="208" t="s">
        <v>2237</v>
      </c>
      <c r="B905" s="209" t="s">
        <v>20420</v>
      </c>
      <c r="C905" s="113" t="s">
        <v>2238</v>
      </c>
      <c r="D905" s="113" t="s">
        <v>22916</v>
      </c>
      <c r="E905" s="210">
        <v>2001</v>
      </c>
      <c r="F905" s="210">
        <v>799</v>
      </c>
      <c r="G905" s="113" t="s">
        <v>1</v>
      </c>
      <c r="H905" s="113">
        <v>0</v>
      </c>
      <c r="I905" s="113">
        <v>0</v>
      </c>
      <c r="J905" s="115">
        <v>1</v>
      </c>
      <c r="K905" s="116" t="s">
        <v>174</v>
      </c>
      <c r="L905" s="115">
        <v>1</v>
      </c>
      <c r="M905" s="115">
        <v>0</v>
      </c>
      <c r="N905" s="115">
        <v>0</v>
      </c>
      <c r="O905" s="115">
        <v>0</v>
      </c>
      <c r="P905" s="115" t="s">
        <v>400</v>
      </c>
      <c r="Q905" s="115" t="s">
        <v>400</v>
      </c>
      <c r="R905" s="115">
        <v>0</v>
      </c>
      <c r="S905" s="115">
        <v>0</v>
      </c>
      <c r="T905" s="115">
        <v>0</v>
      </c>
      <c r="U905" s="119"/>
      <c r="V905" s="119"/>
      <c r="W905" s="119"/>
      <c r="X905" s="119"/>
      <c r="Y905" s="119"/>
      <c r="Z905" s="119"/>
      <c r="AA905" s="119"/>
      <c r="AB905" s="119"/>
      <c r="AC905" s="119"/>
      <c r="AD905" s="119"/>
      <c r="AE905" s="119"/>
      <c r="AF905" s="119"/>
      <c r="AG905" s="119"/>
      <c r="AH905" s="119"/>
      <c r="AI905" s="119"/>
      <c r="AJ905" s="119"/>
      <c r="AK905" s="119"/>
      <c r="AL905" s="119"/>
      <c r="AM905" s="119"/>
      <c r="AN905" s="119"/>
      <c r="AO905" s="119"/>
      <c r="AP905" s="119"/>
      <c r="AQ905" s="119"/>
      <c r="AR905" s="119"/>
      <c r="AS905" s="119"/>
      <c r="AT905" s="119"/>
      <c r="AU905" s="119"/>
      <c r="AV905" s="119"/>
      <c r="AW905" s="119"/>
      <c r="AX905" s="119"/>
      <c r="AY905" s="119"/>
      <c r="AZ905" s="119"/>
      <c r="BA905" s="119"/>
      <c r="BB905" s="107">
        <v>45884</v>
      </c>
    </row>
    <row r="906" spans="1:54" s="207" customFormat="1" ht="13.95" customHeight="1" x14ac:dyDescent="0.25">
      <c r="A906" s="208" t="s">
        <v>2239</v>
      </c>
      <c r="B906" s="209" t="s">
        <v>20420</v>
      </c>
      <c r="C906" s="113" t="s">
        <v>2240</v>
      </c>
      <c r="D906" s="113" t="s">
        <v>2241</v>
      </c>
      <c r="E906" s="210">
        <v>1975</v>
      </c>
      <c r="F906" s="210">
        <v>800</v>
      </c>
      <c r="G906" s="113" t="s">
        <v>1</v>
      </c>
      <c r="H906" s="113">
        <v>0</v>
      </c>
      <c r="I906" s="113">
        <v>0</v>
      </c>
      <c r="J906" s="115">
        <v>1</v>
      </c>
      <c r="K906" s="116" t="s">
        <v>174</v>
      </c>
      <c r="L906" s="115">
        <v>1</v>
      </c>
      <c r="M906" s="115">
        <v>0</v>
      </c>
      <c r="N906" s="115">
        <v>0</v>
      </c>
      <c r="O906" s="115">
        <v>1</v>
      </c>
      <c r="P906" s="115">
        <v>1</v>
      </c>
      <c r="Q906" s="115" t="s">
        <v>400</v>
      </c>
      <c r="R906" s="115">
        <v>0</v>
      </c>
      <c r="S906" s="115">
        <v>0</v>
      </c>
      <c r="T906" s="115">
        <v>0</v>
      </c>
      <c r="U906" s="119"/>
      <c r="V906" s="119"/>
      <c r="W906" s="119"/>
      <c r="X906" s="119"/>
      <c r="Y906" s="119"/>
      <c r="Z906" s="119"/>
      <c r="AA906" s="119"/>
      <c r="AB906" s="119"/>
      <c r="AC906" s="119"/>
      <c r="AD906" s="119"/>
      <c r="AE906" s="119"/>
      <c r="AF906" s="119"/>
      <c r="AG906" s="119"/>
      <c r="AH906" s="119"/>
      <c r="AI906" s="119"/>
      <c r="AJ906" s="119"/>
      <c r="AK906" s="119"/>
      <c r="AL906" s="119"/>
      <c r="AM906" s="119"/>
      <c r="AN906" s="119"/>
      <c r="AO906" s="119"/>
      <c r="AP906" s="119"/>
      <c r="AQ906" s="119"/>
      <c r="AR906" s="119"/>
      <c r="AS906" s="119"/>
      <c r="AT906" s="119"/>
      <c r="AU906" s="119"/>
      <c r="AV906" s="119"/>
      <c r="AW906" s="119"/>
      <c r="AX906" s="119"/>
      <c r="AY906" s="119"/>
      <c r="AZ906" s="119"/>
      <c r="BA906" s="119"/>
      <c r="BB906" s="107">
        <v>45884</v>
      </c>
    </row>
    <row r="907" spans="1:54" s="207" customFormat="1" ht="13.95" customHeight="1" x14ac:dyDescent="0.25">
      <c r="A907" s="208" t="s">
        <v>2242</v>
      </c>
      <c r="B907" s="209" t="s">
        <v>20420</v>
      </c>
      <c r="C907" s="113" t="s">
        <v>2243</v>
      </c>
      <c r="D907" s="113" t="s">
        <v>22917</v>
      </c>
      <c r="E907" s="210">
        <v>1965</v>
      </c>
      <c r="F907" s="210">
        <v>801</v>
      </c>
      <c r="G907" s="113" t="s">
        <v>1</v>
      </c>
      <c r="H907" s="113">
        <v>0</v>
      </c>
      <c r="I907" s="113">
        <v>0</v>
      </c>
      <c r="J907" s="115">
        <v>1</v>
      </c>
      <c r="K907" s="116" t="s">
        <v>174</v>
      </c>
      <c r="L907" s="115">
        <v>1</v>
      </c>
      <c r="M907" s="115">
        <v>1</v>
      </c>
      <c r="N907" s="115">
        <v>0</v>
      </c>
      <c r="O907" s="115">
        <v>1</v>
      </c>
      <c r="P907" s="115" t="s">
        <v>400</v>
      </c>
      <c r="Q907" s="115" t="s">
        <v>400</v>
      </c>
      <c r="R907" s="115">
        <v>0</v>
      </c>
      <c r="S907" s="115">
        <v>0</v>
      </c>
      <c r="T907" s="115">
        <v>0</v>
      </c>
      <c r="U907" s="119"/>
      <c r="V907" s="119"/>
      <c r="W907" s="119"/>
      <c r="X907" s="119"/>
      <c r="Y907" s="119"/>
      <c r="Z907" s="119"/>
      <c r="AA907" s="119"/>
      <c r="AB907" s="119"/>
      <c r="AC907" s="119"/>
      <c r="AD907" s="119"/>
      <c r="AE907" s="119"/>
      <c r="AF907" s="119"/>
      <c r="AG907" s="119"/>
      <c r="AH907" s="119"/>
      <c r="AI907" s="119"/>
      <c r="AJ907" s="119"/>
      <c r="AK907" s="119"/>
      <c r="AL907" s="119"/>
      <c r="AM907" s="119"/>
      <c r="AN907" s="119"/>
      <c r="AO907" s="119"/>
      <c r="AP907" s="119"/>
      <c r="AQ907" s="119"/>
      <c r="AR907" s="119"/>
      <c r="AS907" s="119"/>
      <c r="AT907" s="119"/>
      <c r="AU907" s="119"/>
      <c r="AV907" s="119"/>
      <c r="AW907" s="119"/>
      <c r="AX907" s="119"/>
      <c r="AY907" s="119"/>
      <c r="AZ907" s="119"/>
      <c r="BA907" s="119"/>
      <c r="BB907" s="107">
        <v>45884</v>
      </c>
    </row>
    <row r="908" spans="1:54" s="207" customFormat="1" ht="13.95" customHeight="1" x14ac:dyDescent="0.25">
      <c r="A908" s="208" t="s">
        <v>2244</v>
      </c>
      <c r="B908" s="209" t="s">
        <v>20420</v>
      </c>
      <c r="C908" s="113" t="s">
        <v>2245</v>
      </c>
      <c r="D908" s="113" t="s">
        <v>22918</v>
      </c>
      <c r="E908" s="210">
        <v>2004</v>
      </c>
      <c r="F908" s="210">
        <v>802</v>
      </c>
      <c r="G908" s="113" t="s">
        <v>1</v>
      </c>
      <c r="H908" s="113">
        <v>0</v>
      </c>
      <c r="I908" s="113">
        <v>0</v>
      </c>
      <c r="J908" s="115">
        <v>1</v>
      </c>
      <c r="K908" s="116" t="s">
        <v>174</v>
      </c>
      <c r="L908" s="115">
        <v>0</v>
      </c>
      <c r="M908" s="115">
        <v>1</v>
      </c>
      <c r="N908" s="115">
        <v>0</v>
      </c>
      <c r="O908" s="115">
        <v>0</v>
      </c>
      <c r="P908" s="115" t="s">
        <v>400</v>
      </c>
      <c r="Q908" s="115" t="s">
        <v>400</v>
      </c>
      <c r="R908" s="115">
        <v>0</v>
      </c>
      <c r="S908" s="115">
        <v>0</v>
      </c>
      <c r="T908" s="115">
        <v>0</v>
      </c>
      <c r="U908" s="119"/>
      <c r="V908" s="119"/>
      <c r="W908" s="119"/>
      <c r="X908" s="119"/>
      <c r="Y908" s="119"/>
      <c r="Z908" s="119"/>
      <c r="AA908" s="119"/>
      <c r="AB908" s="119"/>
      <c r="AC908" s="119"/>
      <c r="AD908" s="119"/>
      <c r="AE908" s="119"/>
      <c r="AF908" s="119"/>
      <c r="AG908" s="119"/>
      <c r="AH908" s="119"/>
      <c r="AI908" s="119"/>
      <c r="AJ908" s="119"/>
      <c r="AK908" s="119"/>
      <c r="AL908" s="119"/>
      <c r="AM908" s="119"/>
      <c r="AN908" s="119"/>
      <c r="AO908" s="119"/>
      <c r="AP908" s="119"/>
      <c r="AQ908" s="119"/>
      <c r="AR908" s="119"/>
      <c r="AS908" s="119"/>
      <c r="AT908" s="119"/>
      <c r="AU908" s="119"/>
      <c r="AV908" s="119"/>
      <c r="AW908" s="119"/>
      <c r="AX908" s="119"/>
      <c r="AY908" s="119"/>
      <c r="AZ908" s="119"/>
      <c r="BA908" s="119"/>
      <c r="BB908" s="107">
        <v>45884</v>
      </c>
    </row>
    <row r="909" spans="1:54" s="207" customFormat="1" ht="13.95" customHeight="1" x14ac:dyDescent="0.25">
      <c r="A909" s="208" t="s">
        <v>2246</v>
      </c>
      <c r="B909" s="209" t="s">
        <v>20420</v>
      </c>
      <c r="C909" s="113" t="s">
        <v>2247</v>
      </c>
      <c r="D909" s="113" t="s">
        <v>22919</v>
      </c>
      <c r="E909" s="210">
        <v>1975</v>
      </c>
      <c r="F909" s="210">
        <v>802</v>
      </c>
      <c r="G909" s="113" t="s">
        <v>1</v>
      </c>
      <c r="H909" s="113">
        <v>0</v>
      </c>
      <c r="I909" s="113">
        <v>0</v>
      </c>
      <c r="J909" s="115">
        <v>1</v>
      </c>
      <c r="K909" s="211">
        <v>1</v>
      </c>
      <c r="L909" s="115">
        <v>1</v>
      </c>
      <c r="M909" s="115">
        <v>0</v>
      </c>
      <c r="N909" s="115">
        <v>0</v>
      </c>
      <c r="O909" s="115">
        <v>1</v>
      </c>
      <c r="P909" s="115">
        <v>1</v>
      </c>
      <c r="Q909" s="115" t="s">
        <v>400</v>
      </c>
      <c r="R909" s="115">
        <v>1</v>
      </c>
      <c r="S909" s="115">
        <v>0</v>
      </c>
      <c r="T909" s="115">
        <v>0</v>
      </c>
      <c r="U909" s="119"/>
      <c r="V909" s="119"/>
      <c r="W909" s="119"/>
      <c r="X909" s="119"/>
      <c r="Y909" s="119"/>
      <c r="Z909" s="119"/>
      <c r="AA909" s="119"/>
      <c r="AB909" s="119"/>
      <c r="AC909" s="119"/>
      <c r="AD909" s="119"/>
      <c r="AE909" s="119"/>
      <c r="AF909" s="119"/>
      <c r="AG909" s="119"/>
      <c r="AH909" s="119"/>
      <c r="AI909" s="119"/>
      <c r="AJ909" s="119"/>
      <c r="AK909" s="119"/>
      <c r="AL909" s="119"/>
      <c r="AM909" s="119"/>
      <c r="AN909" s="119"/>
      <c r="AO909" s="119"/>
      <c r="AP909" s="119"/>
      <c r="AQ909" s="119"/>
      <c r="AR909" s="119"/>
      <c r="AS909" s="119"/>
      <c r="AT909" s="119"/>
      <c r="AU909" s="119"/>
      <c r="AV909" s="119"/>
      <c r="AW909" s="119"/>
      <c r="AX909" s="119"/>
      <c r="AY909" s="119"/>
      <c r="AZ909" s="119"/>
      <c r="BA909" s="119"/>
      <c r="BB909" s="107">
        <v>45884</v>
      </c>
    </row>
    <row r="910" spans="1:54" s="207" customFormat="1" ht="13.95" customHeight="1" x14ac:dyDescent="0.25">
      <c r="A910" s="208" t="s">
        <v>2248</v>
      </c>
      <c r="B910" s="209" t="s">
        <v>20420</v>
      </c>
      <c r="C910" s="113" t="s">
        <v>2249</v>
      </c>
      <c r="D910" s="113" t="s">
        <v>22920</v>
      </c>
      <c r="E910" s="210">
        <v>1998</v>
      </c>
      <c r="F910" s="210">
        <v>802</v>
      </c>
      <c r="G910" s="113" t="s">
        <v>1</v>
      </c>
      <c r="H910" s="113">
        <v>0</v>
      </c>
      <c r="I910" s="113">
        <v>0</v>
      </c>
      <c r="J910" s="115">
        <v>1</v>
      </c>
      <c r="K910" s="116" t="s">
        <v>174</v>
      </c>
      <c r="L910" s="115">
        <v>0</v>
      </c>
      <c r="M910" s="115">
        <v>0</v>
      </c>
      <c r="N910" s="115">
        <v>0</v>
      </c>
      <c r="O910" s="115">
        <v>0</v>
      </c>
      <c r="P910" s="115" t="s">
        <v>400</v>
      </c>
      <c r="Q910" s="115" t="s">
        <v>400</v>
      </c>
      <c r="R910" s="115">
        <v>0</v>
      </c>
      <c r="S910" s="115">
        <v>0</v>
      </c>
      <c r="T910" s="115">
        <v>0</v>
      </c>
      <c r="U910" s="119"/>
      <c r="V910" s="119"/>
      <c r="W910" s="119"/>
      <c r="X910" s="119"/>
      <c r="Y910" s="119"/>
      <c r="Z910" s="119"/>
      <c r="AA910" s="119"/>
      <c r="AB910" s="119"/>
      <c r="AC910" s="119"/>
      <c r="AD910" s="119"/>
      <c r="AE910" s="119"/>
      <c r="AF910" s="119"/>
      <c r="AG910" s="119"/>
      <c r="AH910" s="119"/>
      <c r="AI910" s="119"/>
      <c r="AJ910" s="119"/>
      <c r="AK910" s="119"/>
      <c r="AL910" s="119"/>
      <c r="AM910" s="119"/>
      <c r="AN910" s="119"/>
      <c r="AO910" s="119"/>
      <c r="AP910" s="119"/>
      <c r="AQ910" s="119"/>
      <c r="AR910" s="119"/>
      <c r="AS910" s="119"/>
      <c r="AT910" s="119"/>
      <c r="AU910" s="119"/>
      <c r="AV910" s="119"/>
      <c r="AW910" s="119"/>
      <c r="AX910" s="119"/>
      <c r="AY910" s="119"/>
      <c r="AZ910" s="119"/>
      <c r="BA910" s="119"/>
      <c r="BB910" s="107">
        <v>45884</v>
      </c>
    </row>
    <row r="911" spans="1:54" s="207" customFormat="1" ht="13.95" customHeight="1" x14ac:dyDescent="0.25">
      <c r="A911" s="208" t="s">
        <v>2250</v>
      </c>
      <c r="B911" s="209" t="s">
        <v>20420</v>
      </c>
      <c r="C911" s="113" t="s">
        <v>2251</v>
      </c>
      <c r="D911" s="113" t="s">
        <v>2252</v>
      </c>
      <c r="E911" s="210">
        <v>1984</v>
      </c>
      <c r="F911" s="210">
        <v>802</v>
      </c>
      <c r="G911" s="113" t="s">
        <v>1</v>
      </c>
      <c r="H911" s="113">
        <v>0</v>
      </c>
      <c r="I911" s="113">
        <v>0</v>
      </c>
      <c r="J911" s="115">
        <v>1</v>
      </c>
      <c r="K911" s="116" t="s">
        <v>174</v>
      </c>
      <c r="L911" s="115">
        <v>1</v>
      </c>
      <c r="M911" s="115">
        <v>0</v>
      </c>
      <c r="N911" s="115">
        <v>0</v>
      </c>
      <c r="O911" s="115">
        <v>1</v>
      </c>
      <c r="P911" s="115">
        <v>1</v>
      </c>
      <c r="Q911" s="115" t="s">
        <v>400</v>
      </c>
      <c r="R911" s="115">
        <v>1</v>
      </c>
      <c r="S911" s="115">
        <v>0</v>
      </c>
      <c r="T911" s="115">
        <v>0</v>
      </c>
      <c r="U911" s="119"/>
      <c r="V911" s="119"/>
      <c r="W911" s="119"/>
      <c r="X911" s="119"/>
      <c r="Y911" s="119"/>
      <c r="Z911" s="119"/>
      <c r="AA911" s="119"/>
      <c r="AB911" s="119"/>
      <c r="AC911" s="119"/>
      <c r="AD911" s="119"/>
      <c r="AE911" s="119"/>
      <c r="AF911" s="119"/>
      <c r="AG911" s="119"/>
      <c r="AH911" s="119"/>
      <c r="AI911" s="119"/>
      <c r="AJ911" s="119"/>
      <c r="AK911" s="119"/>
      <c r="AL911" s="119"/>
      <c r="AM911" s="119"/>
      <c r="AN911" s="119"/>
      <c r="AO911" s="119"/>
      <c r="AP911" s="119"/>
      <c r="AQ911" s="119"/>
      <c r="AR911" s="119"/>
      <c r="AS911" s="119"/>
      <c r="AT911" s="119"/>
      <c r="AU911" s="119"/>
      <c r="AV911" s="119"/>
      <c r="AW911" s="119"/>
      <c r="AX911" s="119"/>
      <c r="AY911" s="119"/>
      <c r="AZ911" s="119"/>
      <c r="BA911" s="119"/>
      <c r="BB911" s="107">
        <v>45884</v>
      </c>
    </row>
    <row r="912" spans="1:54" s="207" customFormat="1" ht="13.95" customHeight="1" x14ac:dyDescent="0.25">
      <c r="A912" s="208" t="s">
        <v>2253</v>
      </c>
      <c r="B912" s="209" t="s">
        <v>20420</v>
      </c>
      <c r="C912" s="113" t="s">
        <v>2254</v>
      </c>
      <c r="D912" s="113" t="s">
        <v>22921</v>
      </c>
      <c r="E912" s="210">
        <v>2011</v>
      </c>
      <c r="F912" s="210">
        <v>805</v>
      </c>
      <c r="G912" s="113" t="s">
        <v>1</v>
      </c>
      <c r="H912" s="113">
        <v>0</v>
      </c>
      <c r="I912" s="113">
        <v>0</v>
      </c>
      <c r="J912" s="115">
        <v>1</v>
      </c>
      <c r="K912" s="116" t="s">
        <v>174</v>
      </c>
      <c r="L912" s="115">
        <v>0</v>
      </c>
      <c r="M912" s="115">
        <v>0</v>
      </c>
      <c r="N912" s="115">
        <v>0</v>
      </c>
      <c r="O912" s="115">
        <v>0</v>
      </c>
      <c r="P912" s="115" t="s">
        <v>400</v>
      </c>
      <c r="Q912" s="115" t="s">
        <v>400</v>
      </c>
      <c r="R912" s="115">
        <v>0</v>
      </c>
      <c r="S912" s="115">
        <v>0</v>
      </c>
      <c r="T912" s="115">
        <v>0</v>
      </c>
      <c r="U912" s="119"/>
      <c r="V912" s="119"/>
      <c r="W912" s="119"/>
      <c r="X912" s="119"/>
      <c r="Y912" s="119"/>
      <c r="Z912" s="119"/>
      <c r="AA912" s="119"/>
      <c r="AB912" s="119"/>
      <c r="AC912" s="119"/>
      <c r="AD912" s="119"/>
      <c r="AE912" s="119"/>
      <c r="AF912" s="119"/>
      <c r="AG912" s="119"/>
      <c r="AH912" s="119"/>
      <c r="AI912" s="119"/>
      <c r="AJ912" s="119"/>
      <c r="AK912" s="119"/>
      <c r="AL912" s="119"/>
      <c r="AM912" s="119"/>
      <c r="AN912" s="119"/>
      <c r="AO912" s="119"/>
      <c r="AP912" s="119"/>
      <c r="AQ912" s="119"/>
      <c r="AR912" s="119"/>
      <c r="AS912" s="119"/>
      <c r="AT912" s="119"/>
      <c r="AU912" s="119"/>
      <c r="AV912" s="119"/>
      <c r="AW912" s="119"/>
      <c r="AX912" s="119"/>
      <c r="AY912" s="119"/>
      <c r="AZ912" s="119"/>
      <c r="BA912" s="119"/>
      <c r="BB912" s="107">
        <v>45884</v>
      </c>
    </row>
    <row r="913" spans="1:54" s="207" customFormat="1" ht="13.95" customHeight="1" x14ac:dyDescent="0.25">
      <c r="A913" s="208" t="s">
        <v>2255</v>
      </c>
      <c r="B913" s="209" t="s">
        <v>20420</v>
      </c>
      <c r="C913" s="113" t="s">
        <v>2256</v>
      </c>
      <c r="D913" s="113" t="s">
        <v>22922</v>
      </c>
      <c r="E913" s="210">
        <v>1979</v>
      </c>
      <c r="F913" s="210">
        <v>805</v>
      </c>
      <c r="G913" s="113" t="s">
        <v>1</v>
      </c>
      <c r="H913" s="113">
        <v>0</v>
      </c>
      <c r="I913" s="113">
        <v>0</v>
      </c>
      <c r="J913" s="115">
        <v>1</v>
      </c>
      <c r="K913" s="116" t="s">
        <v>174</v>
      </c>
      <c r="L913" s="115">
        <v>1</v>
      </c>
      <c r="M913" s="115">
        <v>0</v>
      </c>
      <c r="N913" s="115">
        <v>0</v>
      </c>
      <c r="O913" s="115">
        <v>1</v>
      </c>
      <c r="P913" s="115">
        <v>1</v>
      </c>
      <c r="Q913" s="115" t="s">
        <v>400</v>
      </c>
      <c r="R913" s="115">
        <v>1</v>
      </c>
      <c r="S913" s="115">
        <v>0</v>
      </c>
      <c r="T913" s="115">
        <v>0</v>
      </c>
      <c r="U913" s="119"/>
      <c r="V913" s="119"/>
      <c r="W913" s="119"/>
      <c r="X913" s="119"/>
      <c r="Y913" s="119"/>
      <c r="Z913" s="119"/>
      <c r="AA913" s="119"/>
      <c r="AB913" s="119"/>
      <c r="AC913" s="119"/>
      <c r="AD913" s="119"/>
      <c r="AE913" s="119"/>
      <c r="AF913" s="119"/>
      <c r="AG913" s="119"/>
      <c r="AH913" s="119"/>
      <c r="AI913" s="119"/>
      <c r="AJ913" s="119"/>
      <c r="AK913" s="119"/>
      <c r="AL913" s="119"/>
      <c r="AM913" s="119"/>
      <c r="AN913" s="119"/>
      <c r="AO913" s="119"/>
      <c r="AP913" s="119"/>
      <c r="AQ913" s="119"/>
      <c r="AR913" s="119"/>
      <c r="AS913" s="119"/>
      <c r="AT913" s="119"/>
      <c r="AU913" s="119"/>
      <c r="AV913" s="119"/>
      <c r="AW913" s="119"/>
      <c r="AX913" s="119"/>
      <c r="AY913" s="119"/>
      <c r="AZ913" s="119"/>
      <c r="BA913" s="119"/>
      <c r="BB913" s="107">
        <v>45884</v>
      </c>
    </row>
    <row r="914" spans="1:54" s="207" customFormat="1" ht="13.95" customHeight="1" x14ac:dyDescent="0.25">
      <c r="A914" s="208" t="s">
        <v>2257</v>
      </c>
      <c r="B914" s="209" t="s">
        <v>20420</v>
      </c>
      <c r="C914" s="113" t="s">
        <v>2258</v>
      </c>
      <c r="D914" s="113" t="s">
        <v>2259</v>
      </c>
      <c r="E914" s="210">
        <v>1970</v>
      </c>
      <c r="F914" s="210">
        <v>808</v>
      </c>
      <c r="G914" s="113" t="s">
        <v>1</v>
      </c>
      <c r="H914" s="113">
        <v>0</v>
      </c>
      <c r="I914" s="113">
        <v>0</v>
      </c>
      <c r="J914" s="115">
        <v>1</v>
      </c>
      <c r="K914" s="211">
        <v>1</v>
      </c>
      <c r="L914" s="115">
        <v>1</v>
      </c>
      <c r="M914" s="115">
        <v>0</v>
      </c>
      <c r="N914" s="115">
        <v>0</v>
      </c>
      <c r="O914" s="115">
        <v>1</v>
      </c>
      <c r="P914" s="115" t="s">
        <v>400</v>
      </c>
      <c r="Q914" s="115" t="s">
        <v>400</v>
      </c>
      <c r="R914" s="115">
        <v>1</v>
      </c>
      <c r="S914" s="115">
        <v>0</v>
      </c>
      <c r="T914" s="115">
        <v>0</v>
      </c>
      <c r="U914" s="119"/>
      <c r="V914" s="119"/>
      <c r="W914" s="119"/>
      <c r="X914" s="119"/>
      <c r="Y914" s="119"/>
      <c r="Z914" s="119"/>
      <c r="AA914" s="119"/>
      <c r="AB914" s="119"/>
      <c r="AC914" s="119"/>
      <c r="AD914" s="119"/>
      <c r="AE914" s="119"/>
      <c r="AF914" s="119"/>
      <c r="AG914" s="119"/>
      <c r="AH914" s="119"/>
      <c r="AI914" s="119"/>
      <c r="AJ914" s="119"/>
      <c r="AK914" s="119"/>
      <c r="AL914" s="119"/>
      <c r="AM914" s="119"/>
      <c r="AN914" s="119"/>
      <c r="AO914" s="119"/>
      <c r="AP914" s="119"/>
      <c r="AQ914" s="119"/>
      <c r="AR914" s="119"/>
      <c r="AS914" s="119"/>
      <c r="AT914" s="119"/>
      <c r="AU914" s="119"/>
      <c r="AV914" s="119"/>
      <c r="AW914" s="119"/>
      <c r="AX914" s="119"/>
      <c r="AY914" s="119"/>
      <c r="AZ914" s="119"/>
      <c r="BA914" s="119"/>
      <c r="BB914" s="107">
        <v>45884</v>
      </c>
    </row>
    <row r="915" spans="1:54" s="207" customFormat="1" ht="13.95" customHeight="1" x14ac:dyDescent="0.25">
      <c r="A915" s="208" t="s">
        <v>2260</v>
      </c>
      <c r="B915" s="209" t="s">
        <v>20420</v>
      </c>
      <c r="C915" s="113" t="s">
        <v>2261</v>
      </c>
      <c r="D915" s="113" t="s">
        <v>22923</v>
      </c>
      <c r="E915" s="210">
        <v>1983</v>
      </c>
      <c r="F915" s="210">
        <v>809</v>
      </c>
      <c r="G915" s="113" t="s">
        <v>1</v>
      </c>
      <c r="H915" s="113">
        <v>0</v>
      </c>
      <c r="I915" s="113">
        <v>0</v>
      </c>
      <c r="J915" s="115">
        <v>1</v>
      </c>
      <c r="K915" s="116" t="s">
        <v>174</v>
      </c>
      <c r="L915" s="115">
        <v>1</v>
      </c>
      <c r="M915" s="115">
        <v>0</v>
      </c>
      <c r="N915" s="115">
        <v>1</v>
      </c>
      <c r="O915" s="115">
        <v>1</v>
      </c>
      <c r="P915" s="115">
        <v>1</v>
      </c>
      <c r="Q915" s="115" t="s">
        <v>400</v>
      </c>
      <c r="R915" s="115">
        <v>1</v>
      </c>
      <c r="S915" s="115">
        <v>0</v>
      </c>
      <c r="T915" s="115">
        <v>0</v>
      </c>
      <c r="U915" s="119"/>
      <c r="V915" s="119"/>
      <c r="W915" s="119"/>
      <c r="X915" s="119"/>
      <c r="Y915" s="119"/>
      <c r="Z915" s="119"/>
      <c r="AA915" s="119"/>
      <c r="AB915" s="119"/>
      <c r="AC915" s="119"/>
      <c r="AD915" s="119"/>
      <c r="AE915" s="119"/>
      <c r="AF915" s="119"/>
      <c r="AG915" s="119"/>
      <c r="AH915" s="119"/>
      <c r="AI915" s="119"/>
      <c r="AJ915" s="119"/>
      <c r="AK915" s="119"/>
      <c r="AL915" s="119"/>
      <c r="AM915" s="119"/>
      <c r="AN915" s="119"/>
      <c r="AO915" s="119"/>
      <c r="AP915" s="119"/>
      <c r="AQ915" s="119"/>
      <c r="AR915" s="119"/>
      <c r="AS915" s="119"/>
      <c r="AT915" s="119"/>
      <c r="AU915" s="119"/>
      <c r="AV915" s="119"/>
      <c r="AW915" s="119"/>
      <c r="AX915" s="119"/>
      <c r="AY915" s="119"/>
      <c r="AZ915" s="119"/>
      <c r="BA915" s="119"/>
      <c r="BB915" s="107">
        <v>45884</v>
      </c>
    </row>
    <row r="916" spans="1:54" s="207" customFormat="1" ht="13.95" customHeight="1" x14ac:dyDescent="0.25">
      <c r="A916" s="208" t="s">
        <v>2262</v>
      </c>
      <c r="B916" s="209" t="s">
        <v>20420</v>
      </c>
      <c r="C916" s="113" t="s">
        <v>2263</v>
      </c>
      <c r="D916" s="113" t="s">
        <v>22924</v>
      </c>
      <c r="E916" s="210">
        <v>1986</v>
      </c>
      <c r="F916" s="210">
        <v>809</v>
      </c>
      <c r="G916" s="113" t="s">
        <v>1</v>
      </c>
      <c r="H916" s="113">
        <v>0</v>
      </c>
      <c r="I916" s="113">
        <v>0</v>
      </c>
      <c r="J916" s="115">
        <v>1</v>
      </c>
      <c r="K916" s="116" t="s">
        <v>174</v>
      </c>
      <c r="L916" s="115">
        <v>0</v>
      </c>
      <c r="M916" s="115">
        <v>0</v>
      </c>
      <c r="N916" s="115">
        <v>0</v>
      </c>
      <c r="O916" s="115">
        <v>0</v>
      </c>
      <c r="P916" s="115">
        <v>1</v>
      </c>
      <c r="Q916" s="115" t="s">
        <v>400</v>
      </c>
      <c r="R916" s="115">
        <v>0</v>
      </c>
      <c r="S916" s="115">
        <v>0</v>
      </c>
      <c r="T916" s="115">
        <v>0</v>
      </c>
      <c r="U916" s="119"/>
      <c r="V916" s="119"/>
      <c r="W916" s="119"/>
      <c r="X916" s="119"/>
      <c r="Y916" s="119"/>
      <c r="Z916" s="119"/>
      <c r="AA916" s="119"/>
      <c r="AB916" s="119"/>
      <c r="AC916" s="119"/>
      <c r="AD916" s="119"/>
      <c r="AE916" s="119"/>
      <c r="AF916" s="119"/>
      <c r="AG916" s="119"/>
      <c r="AH916" s="119"/>
      <c r="AI916" s="119"/>
      <c r="AJ916" s="119"/>
      <c r="AK916" s="119"/>
      <c r="AL916" s="119"/>
      <c r="AM916" s="119"/>
      <c r="AN916" s="119"/>
      <c r="AO916" s="119"/>
      <c r="AP916" s="119"/>
      <c r="AQ916" s="119"/>
      <c r="AR916" s="119"/>
      <c r="AS916" s="119"/>
      <c r="AT916" s="119"/>
      <c r="AU916" s="119"/>
      <c r="AV916" s="119"/>
      <c r="AW916" s="119"/>
      <c r="AX916" s="119"/>
      <c r="AY916" s="119"/>
      <c r="AZ916" s="119"/>
      <c r="BA916" s="119"/>
      <c r="BB916" s="107">
        <v>45884</v>
      </c>
    </row>
    <row r="917" spans="1:54" s="207" customFormat="1" ht="13.95" customHeight="1" x14ac:dyDescent="0.25">
      <c r="A917" s="208" t="s">
        <v>2264</v>
      </c>
      <c r="B917" s="209" t="s">
        <v>20420</v>
      </c>
      <c r="C917" s="113" t="s">
        <v>2265</v>
      </c>
      <c r="D917" s="113" t="s">
        <v>22925</v>
      </c>
      <c r="E917" s="210">
        <v>1988</v>
      </c>
      <c r="F917" s="210">
        <v>811</v>
      </c>
      <c r="G917" s="113" t="s">
        <v>1</v>
      </c>
      <c r="H917" s="113">
        <v>0</v>
      </c>
      <c r="I917" s="113">
        <v>0</v>
      </c>
      <c r="J917" s="115">
        <v>1</v>
      </c>
      <c r="K917" s="116" t="s">
        <v>174</v>
      </c>
      <c r="L917" s="115">
        <v>1</v>
      </c>
      <c r="M917" s="115">
        <v>0</v>
      </c>
      <c r="N917" s="115">
        <v>0</v>
      </c>
      <c r="O917" s="115">
        <v>1</v>
      </c>
      <c r="P917" s="115">
        <v>1</v>
      </c>
      <c r="Q917" s="115" t="s">
        <v>400</v>
      </c>
      <c r="R917" s="115">
        <v>0</v>
      </c>
      <c r="S917" s="115">
        <v>0</v>
      </c>
      <c r="T917" s="115">
        <v>0</v>
      </c>
      <c r="U917" s="119"/>
      <c r="V917" s="119"/>
      <c r="W917" s="119"/>
      <c r="X917" s="119"/>
      <c r="Y917" s="119"/>
      <c r="Z917" s="119"/>
      <c r="AA917" s="119"/>
      <c r="AB917" s="119"/>
      <c r="AC917" s="119"/>
      <c r="AD917" s="119"/>
      <c r="AE917" s="119"/>
      <c r="AF917" s="119"/>
      <c r="AG917" s="119"/>
      <c r="AH917" s="119"/>
      <c r="AI917" s="119"/>
      <c r="AJ917" s="119"/>
      <c r="AK917" s="119"/>
      <c r="AL917" s="119"/>
      <c r="AM917" s="119"/>
      <c r="AN917" s="119"/>
      <c r="AO917" s="119"/>
      <c r="AP917" s="119"/>
      <c r="AQ917" s="119"/>
      <c r="AR917" s="119"/>
      <c r="AS917" s="119"/>
      <c r="AT917" s="119"/>
      <c r="AU917" s="119"/>
      <c r="AV917" s="119"/>
      <c r="AW917" s="119"/>
      <c r="AX917" s="119"/>
      <c r="AY917" s="119"/>
      <c r="AZ917" s="119"/>
      <c r="BA917" s="119"/>
      <c r="BB917" s="107">
        <v>45884</v>
      </c>
    </row>
    <row r="918" spans="1:54" s="207" customFormat="1" ht="13.95" customHeight="1" x14ac:dyDescent="0.25">
      <c r="A918" s="208" t="s">
        <v>2266</v>
      </c>
      <c r="B918" s="209" t="s">
        <v>20420</v>
      </c>
      <c r="C918" s="113" t="s">
        <v>2267</v>
      </c>
      <c r="D918" s="113" t="s">
        <v>2268</v>
      </c>
      <c r="E918" s="210">
        <v>1990</v>
      </c>
      <c r="F918" s="210">
        <v>812</v>
      </c>
      <c r="G918" s="113" t="s">
        <v>1</v>
      </c>
      <c r="H918" s="113">
        <v>0</v>
      </c>
      <c r="I918" s="113">
        <v>0</v>
      </c>
      <c r="J918" s="115">
        <v>1</v>
      </c>
      <c r="K918" s="116" t="s">
        <v>174</v>
      </c>
      <c r="L918" s="115">
        <v>1</v>
      </c>
      <c r="M918" s="115">
        <v>0</v>
      </c>
      <c r="N918" s="115">
        <v>1</v>
      </c>
      <c r="O918" s="115">
        <v>0</v>
      </c>
      <c r="P918" s="115">
        <v>1</v>
      </c>
      <c r="Q918" s="115" t="s">
        <v>400</v>
      </c>
      <c r="R918" s="115">
        <v>0</v>
      </c>
      <c r="S918" s="115">
        <v>0</v>
      </c>
      <c r="T918" s="115">
        <v>0</v>
      </c>
      <c r="U918" s="119"/>
      <c r="V918" s="119"/>
      <c r="W918" s="119"/>
      <c r="X918" s="119"/>
      <c r="Y918" s="119"/>
      <c r="Z918" s="119"/>
      <c r="AA918" s="119"/>
      <c r="AB918" s="119"/>
      <c r="AC918" s="119"/>
      <c r="AD918" s="119"/>
      <c r="AE918" s="119"/>
      <c r="AF918" s="119"/>
      <c r="AG918" s="119"/>
      <c r="AH918" s="119"/>
      <c r="AI918" s="119"/>
      <c r="AJ918" s="119"/>
      <c r="AK918" s="119"/>
      <c r="AL918" s="119"/>
      <c r="AM918" s="119"/>
      <c r="AN918" s="119"/>
      <c r="AO918" s="119"/>
      <c r="AP918" s="119"/>
      <c r="AQ918" s="119"/>
      <c r="AR918" s="119"/>
      <c r="AS918" s="119"/>
      <c r="AT918" s="119"/>
      <c r="AU918" s="119"/>
      <c r="AV918" s="119"/>
      <c r="AW918" s="119"/>
      <c r="AX918" s="119"/>
      <c r="AY918" s="119"/>
      <c r="AZ918" s="119"/>
      <c r="BA918" s="119"/>
      <c r="BB918" s="107">
        <v>45884</v>
      </c>
    </row>
    <row r="919" spans="1:54" s="207" customFormat="1" ht="13.95" customHeight="1" x14ac:dyDescent="0.25">
      <c r="A919" s="208" t="s">
        <v>2269</v>
      </c>
      <c r="B919" s="209" t="s">
        <v>20420</v>
      </c>
      <c r="C919" s="113" t="s">
        <v>2270</v>
      </c>
      <c r="D919" s="113" t="s">
        <v>22926</v>
      </c>
      <c r="E919" s="210">
        <v>1989</v>
      </c>
      <c r="F919" s="210">
        <v>813</v>
      </c>
      <c r="G919" s="113" t="s">
        <v>1</v>
      </c>
      <c r="H919" s="113">
        <v>0</v>
      </c>
      <c r="I919" s="113">
        <v>0</v>
      </c>
      <c r="J919" s="115">
        <v>1</v>
      </c>
      <c r="K919" s="116" t="s">
        <v>174</v>
      </c>
      <c r="L919" s="115">
        <v>1</v>
      </c>
      <c r="M919" s="115">
        <v>1</v>
      </c>
      <c r="N919" s="115">
        <v>1</v>
      </c>
      <c r="O919" s="115">
        <v>1</v>
      </c>
      <c r="P919" s="115" t="s">
        <v>400</v>
      </c>
      <c r="Q919" s="115" t="s">
        <v>400</v>
      </c>
      <c r="R919" s="115">
        <v>1</v>
      </c>
      <c r="S919" s="115">
        <v>0</v>
      </c>
      <c r="T919" s="115">
        <v>0</v>
      </c>
      <c r="U919" s="119"/>
      <c r="V919" s="119"/>
      <c r="W919" s="119"/>
      <c r="X919" s="119"/>
      <c r="Y919" s="119"/>
      <c r="Z919" s="119"/>
      <c r="AA919" s="119"/>
      <c r="AB919" s="119"/>
      <c r="AC919" s="119"/>
      <c r="AD919" s="119"/>
      <c r="AE919" s="119"/>
      <c r="AF919" s="119"/>
      <c r="AG919" s="119"/>
      <c r="AH919" s="119"/>
      <c r="AI919" s="119"/>
      <c r="AJ919" s="119"/>
      <c r="AK919" s="119"/>
      <c r="AL919" s="119"/>
      <c r="AM919" s="119"/>
      <c r="AN919" s="119"/>
      <c r="AO919" s="119"/>
      <c r="AP919" s="119"/>
      <c r="AQ919" s="119"/>
      <c r="AR919" s="119"/>
      <c r="AS919" s="119"/>
      <c r="AT919" s="119"/>
      <c r="AU919" s="119"/>
      <c r="AV919" s="119"/>
      <c r="AW919" s="119"/>
      <c r="AX919" s="119"/>
      <c r="AY919" s="119"/>
      <c r="AZ919" s="119"/>
      <c r="BA919" s="119"/>
      <c r="BB919" s="107">
        <v>45884</v>
      </c>
    </row>
    <row r="920" spans="1:54" s="207" customFormat="1" ht="13.95" customHeight="1" x14ac:dyDescent="0.25">
      <c r="A920" s="208" t="s">
        <v>2271</v>
      </c>
      <c r="B920" s="209" t="s">
        <v>20420</v>
      </c>
      <c r="C920" s="113" t="s">
        <v>2272</v>
      </c>
      <c r="D920" s="113" t="s">
        <v>2273</v>
      </c>
      <c r="E920" s="210">
        <v>1994</v>
      </c>
      <c r="F920" s="210">
        <v>813</v>
      </c>
      <c r="G920" s="113" t="s">
        <v>1</v>
      </c>
      <c r="H920" s="113">
        <v>0</v>
      </c>
      <c r="I920" s="113">
        <v>0</v>
      </c>
      <c r="J920" s="115">
        <v>1</v>
      </c>
      <c r="K920" s="116" t="s">
        <v>174</v>
      </c>
      <c r="L920" s="115">
        <v>1</v>
      </c>
      <c r="M920" s="115">
        <v>1</v>
      </c>
      <c r="N920" s="115">
        <v>0</v>
      </c>
      <c r="O920" s="115">
        <v>0</v>
      </c>
      <c r="P920" s="115" t="s">
        <v>400</v>
      </c>
      <c r="Q920" s="115" t="s">
        <v>400</v>
      </c>
      <c r="R920" s="115">
        <v>1</v>
      </c>
      <c r="S920" s="115">
        <v>0</v>
      </c>
      <c r="T920" s="115">
        <v>0</v>
      </c>
      <c r="U920" s="119"/>
      <c r="V920" s="119"/>
      <c r="W920" s="119"/>
      <c r="X920" s="119"/>
      <c r="Y920" s="119"/>
      <c r="Z920" s="119"/>
      <c r="AA920" s="119"/>
      <c r="AB920" s="119"/>
      <c r="AC920" s="119"/>
      <c r="AD920" s="119"/>
      <c r="AE920" s="119"/>
      <c r="AF920" s="119"/>
      <c r="AG920" s="119"/>
      <c r="AH920" s="119"/>
      <c r="AI920" s="119"/>
      <c r="AJ920" s="119"/>
      <c r="AK920" s="119"/>
      <c r="AL920" s="119"/>
      <c r="AM920" s="119"/>
      <c r="AN920" s="119"/>
      <c r="AO920" s="119"/>
      <c r="AP920" s="119"/>
      <c r="AQ920" s="119"/>
      <c r="AR920" s="119"/>
      <c r="AS920" s="119"/>
      <c r="AT920" s="119"/>
      <c r="AU920" s="119"/>
      <c r="AV920" s="119"/>
      <c r="AW920" s="119"/>
      <c r="AX920" s="119"/>
      <c r="AY920" s="119"/>
      <c r="AZ920" s="119"/>
      <c r="BA920" s="119"/>
      <c r="BB920" s="107">
        <v>45884</v>
      </c>
    </row>
    <row r="921" spans="1:54" s="207" customFormat="1" ht="13.95" customHeight="1" x14ac:dyDescent="0.25">
      <c r="A921" s="208" t="s">
        <v>2274</v>
      </c>
      <c r="B921" s="209" t="s">
        <v>20420</v>
      </c>
      <c r="C921" s="113" t="s">
        <v>2275</v>
      </c>
      <c r="D921" s="113" t="s">
        <v>2276</v>
      </c>
      <c r="E921" s="210">
        <v>1985</v>
      </c>
      <c r="F921" s="210">
        <v>814</v>
      </c>
      <c r="G921" s="113" t="s">
        <v>1</v>
      </c>
      <c r="H921" s="113">
        <v>0</v>
      </c>
      <c r="I921" s="113">
        <v>0</v>
      </c>
      <c r="J921" s="115">
        <v>1</v>
      </c>
      <c r="K921" s="116" t="s">
        <v>174</v>
      </c>
      <c r="L921" s="115">
        <v>1</v>
      </c>
      <c r="M921" s="115">
        <v>0</v>
      </c>
      <c r="N921" s="115">
        <v>1</v>
      </c>
      <c r="O921" s="115">
        <v>1</v>
      </c>
      <c r="P921" s="115">
        <v>1</v>
      </c>
      <c r="Q921" s="115" t="s">
        <v>400</v>
      </c>
      <c r="R921" s="115">
        <v>1</v>
      </c>
      <c r="S921" s="115">
        <v>0</v>
      </c>
      <c r="T921" s="115">
        <v>0</v>
      </c>
      <c r="U921" s="119"/>
      <c r="V921" s="119"/>
      <c r="W921" s="119"/>
      <c r="X921" s="119"/>
      <c r="Y921" s="119"/>
      <c r="Z921" s="119"/>
      <c r="AA921" s="119"/>
      <c r="AB921" s="119"/>
      <c r="AC921" s="119"/>
      <c r="AD921" s="119"/>
      <c r="AE921" s="119"/>
      <c r="AF921" s="119"/>
      <c r="AG921" s="119"/>
      <c r="AH921" s="119"/>
      <c r="AI921" s="119"/>
      <c r="AJ921" s="119"/>
      <c r="AK921" s="119"/>
      <c r="AL921" s="119"/>
      <c r="AM921" s="119"/>
      <c r="AN921" s="119"/>
      <c r="AO921" s="119"/>
      <c r="AP921" s="119"/>
      <c r="AQ921" s="119"/>
      <c r="AR921" s="119"/>
      <c r="AS921" s="119"/>
      <c r="AT921" s="119"/>
      <c r="AU921" s="119"/>
      <c r="AV921" s="119"/>
      <c r="AW921" s="119"/>
      <c r="AX921" s="119"/>
      <c r="AY921" s="119"/>
      <c r="AZ921" s="119"/>
      <c r="BA921" s="119"/>
      <c r="BB921" s="107">
        <v>45884</v>
      </c>
    </row>
    <row r="922" spans="1:54" s="207" customFormat="1" ht="13.95" customHeight="1" x14ac:dyDescent="0.25">
      <c r="A922" s="208" t="s">
        <v>2277</v>
      </c>
      <c r="B922" s="209" t="s">
        <v>20420</v>
      </c>
      <c r="C922" s="113" t="s">
        <v>2278</v>
      </c>
      <c r="D922" s="113" t="s">
        <v>2279</v>
      </c>
      <c r="E922" s="210">
        <v>1978</v>
      </c>
      <c r="F922" s="210">
        <v>814</v>
      </c>
      <c r="G922" s="113" t="s">
        <v>1</v>
      </c>
      <c r="H922" s="113">
        <v>0</v>
      </c>
      <c r="I922" s="113">
        <v>0</v>
      </c>
      <c r="J922" s="115">
        <v>1</v>
      </c>
      <c r="K922" s="116" t="s">
        <v>174</v>
      </c>
      <c r="L922" s="115">
        <v>1</v>
      </c>
      <c r="M922" s="115">
        <v>0</v>
      </c>
      <c r="N922" s="115">
        <v>0</v>
      </c>
      <c r="O922" s="115">
        <v>1</v>
      </c>
      <c r="P922" s="115">
        <v>1</v>
      </c>
      <c r="Q922" s="115" t="s">
        <v>400</v>
      </c>
      <c r="R922" s="115">
        <v>0</v>
      </c>
      <c r="S922" s="115">
        <v>0</v>
      </c>
      <c r="T922" s="115">
        <v>0</v>
      </c>
      <c r="U922" s="119"/>
      <c r="V922" s="119"/>
      <c r="W922" s="119"/>
      <c r="X922" s="119"/>
      <c r="Y922" s="119"/>
      <c r="Z922" s="119"/>
      <c r="AA922" s="119"/>
      <c r="AB922" s="119"/>
      <c r="AC922" s="119"/>
      <c r="AD922" s="119"/>
      <c r="AE922" s="119"/>
      <c r="AF922" s="119"/>
      <c r="AG922" s="119"/>
      <c r="AH922" s="119"/>
      <c r="AI922" s="119"/>
      <c r="AJ922" s="119"/>
      <c r="AK922" s="119"/>
      <c r="AL922" s="119"/>
      <c r="AM922" s="119"/>
      <c r="AN922" s="119"/>
      <c r="AO922" s="119"/>
      <c r="AP922" s="119"/>
      <c r="AQ922" s="119"/>
      <c r="AR922" s="119"/>
      <c r="AS922" s="119"/>
      <c r="AT922" s="119"/>
      <c r="AU922" s="119"/>
      <c r="AV922" s="119"/>
      <c r="AW922" s="119"/>
      <c r="AX922" s="119"/>
      <c r="AY922" s="119"/>
      <c r="AZ922" s="119"/>
      <c r="BA922" s="119"/>
      <c r="BB922" s="107">
        <v>45884</v>
      </c>
    </row>
    <row r="923" spans="1:54" s="207" customFormat="1" ht="13.95" customHeight="1" x14ac:dyDescent="0.25">
      <c r="A923" s="208" t="s">
        <v>2280</v>
      </c>
      <c r="B923" s="209" t="s">
        <v>20420</v>
      </c>
      <c r="C923" s="113" t="s">
        <v>2281</v>
      </c>
      <c r="D923" s="113" t="s">
        <v>22927</v>
      </c>
      <c r="E923" s="210">
        <v>1964</v>
      </c>
      <c r="F923" s="210">
        <v>816</v>
      </c>
      <c r="G923" s="113" t="s">
        <v>1</v>
      </c>
      <c r="H923" s="113">
        <v>0</v>
      </c>
      <c r="I923" s="113">
        <v>0</v>
      </c>
      <c r="J923" s="115">
        <v>1</v>
      </c>
      <c r="K923" s="116" t="s">
        <v>174</v>
      </c>
      <c r="L923" s="115">
        <v>1</v>
      </c>
      <c r="M923" s="115">
        <v>0</v>
      </c>
      <c r="N923" s="115">
        <v>0</v>
      </c>
      <c r="O923" s="115">
        <v>1</v>
      </c>
      <c r="P923" s="115">
        <v>1</v>
      </c>
      <c r="Q923" s="115" t="s">
        <v>400</v>
      </c>
      <c r="R923" s="115">
        <v>1</v>
      </c>
      <c r="S923" s="115">
        <v>0</v>
      </c>
      <c r="T923" s="115">
        <v>0</v>
      </c>
      <c r="U923" s="119"/>
      <c r="V923" s="119"/>
      <c r="W923" s="119"/>
      <c r="X923" s="119"/>
      <c r="Y923" s="119"/>
      <c r="Z923" s="119"/>
      <c r="AA923" s="119"/>
      <c r="AB923" s="119"/>
      <c r="AC923" s="119"/>
      <c r="AD923" s="119"/>
      <c r="AE923" s="119"/>
      <c r="AF923" s="119"/>
      <c r="AG923" s="119"/>
      <c r="AH923" s="119"/>
      <c r="AI923" s="119"/>
      <c r="AJ923" s="119"/>
      <c r="AK923" s="119"/>
      <c r="AL923" s="119"/>
      <c r="AM923" s="119"/>
      <c r="AN923" s="119"/>
      <c r="AO923" s="119"/>
      <c r="AP923" s="119"/>
      <c r="AQ923" s="119"/>
      <c r="AR923" s="119"/>
      <c r="AS923" s="119"/>
      <c r="AT923" s="119"/>
      <c r="AU923" s="119"/>
      <c r="AV923" s="119"/>
      <c r="AW923" s="119"/>
      <c r="AX923" s="119"/>
      <c r="AY923" s="119"/>
      <c r="AZ923" s="119"/>
      <c r="BA923" s="119"/>
      <c r="BB923" s="107">
        <v>45884</v>
      </c>
    </row>
    <row r="924" spans="1:54" s="207" customFormat="1" ht="13.95" customHeight="1" x14ac:dyDescent="0.25">
      <c r="A924" s="208" t="s">
        <v>2282</v>
      </c>
      <c r="B924" s="209" t="s">
        <v>20420</v>
      </c>
      <c r="C924" s="113" t="s">
        <v>2283</v>
      </c>
      <c r="D924" s="113" t="s">
        <v>22928</v>
      </c>
      <c r="E924" s="210">
        <v>1981</v>
      </c>
      <c r="F924" s="210">
        <v>817</v>
      </c>
      <c r="G924" s="113" t="s">
        <v>1</v>
      </c>
      <c r="H924" s="113">
        <v>0</v>
      </c>
      <c r="I924" s="113">
        <v>0</v>
      </c>
      <c r="J924" s="115">
        <v>1</v>
      </c>
      <c r="K924" s="116" t="s">
        <v>174</v>
      </c>
      <c r="L924" s="115">
        <v>1</v>
      </c>
      <c r="M924" s="115">
        <v>0</v>
      </c>
      <c r="N924" s="115">
        <v>0</v>
      </c>
      <c r="O924" s="115">
        <v>1</v>
      </c>
      <c r="P924" s="115" t="s">
        <v>400</v>
      </c>
      <c r="Q924" s="115" t="s">
        <v>400</v>
      </c>
      <c r="R924" s="115">
        <v>0</v>
      </c>
      <c r="S924" s="115">
        <v>0</v>
      </c>
      <c r="T924" s="115">
        <v>0</v>
      </c>
      <c r="U924" s="119"/>
      <c r="V924" s="119"/>
      <c r="W924" s="119"/>
      <c r="X924" s="119"/>
      <c r="Y924" s="119"/>
      <c r="Z924" s="119"/>
      <c r="AA924" s="119"/>
      <c r="AB924" s="119"/>
      <c r="AC924" s="119"/>
      <c r="AD924" s="119"/>
      <c r="AE924" s="119"/>
      <c r="AF924" s="119"/>
      <c r="AG924" s="119"/>
      <c r="AH924" s="119"/>
      <c r="AI924" s="119"/>
      <c r="AJ924" s="119"/>
      <c r="AK924" s="119"/>
      <c r="AL924" s="119"/>
      <c r="AM924" s="119"/>
      <c r="AN924" s="119"/>
      <c r="AO924" s="119"/>
      <c r="AP924" s="119"/>
      <c r="AQ924" s="119"/>
      <c r="AR924" s="119"/>
      <c r="AS924" s="119"/>
      <c r="AT924" s="119"/>
      <c r="AU924" s="119"/>
      <c r="AV924" s="119"/>
      <c r="AW924" s="119"/>
      <c r="AX924" s="119"/>
      <c r="AY924" s="119"/>
      <c r="AZ924" s="119"/>
      <c r="BA924" s="119"/>
      <c r="BB924" s="107">
        <v>45884</v>
      </c>
    </row>
    <row r="925" spans="1:54" s="207" customFormat="1" ht="13.95" customHeight="1" x14ac:dyDescent="0.25">
      <c r="A925" s="208" t="s">
        <v>2284</v>
      </c>
      <c r="B925" s="209" t="s">
        <v>20420</v>
      </c>
      <c r="C925" s="113" t="s">
        <v>2285</v>
      </c>
      <c r="D925" s="113" t="s">
        <v>22929</v>
      </c>
      <c r="E925" s="210">
        <v>1985</v>
      </c>
      <c r="F925" s="210">
        <v>818</v>
      </c>
      <c r="G925" s="113" t="s">
        <v>1</v>
      </c>
      <c r="H925" s="113">
        <v>0</v>
      </c>
      <c r="I925" s="113">
        <v>0</v>
      </c>
      <c r="J925" s="115">
        <v>1</v>
      </c>
      <c r="K925" s="116" t="s">
        <v>174</v>
      </c>
      <c r="L925" s="115">
        <v>1</v>
      </c>
      <c r="M925" s="115">
        <v>0</v>
      </c>
      <c r="N925" s="115">
        <v>0</v>
      </c>
      <c r="O925" s="115">
        <v>1</v>
      </c>
      <c r="P925" s="115">
        <v>1</v>
      </c>
      <c r="Q925" s="115" t="s">
        <v>400</v>
      </c>
      <c r="R925" s="115">
        <v>0</v>
      </c>
      <c r="S925" s="115">
        <v>0</v>
      </c>
      <c r="T925" s="115">
        <v>0</v>
      </c>
      <c r="U925" s="119"/>
      <c r="V925" s="119"/>
      <c r="W925" s="119"/>
      <c r="X925" s="119"/>
      <c r="Y925" s="119"/>
      <c r="Z925" s="119"/>
      <c r="AA925" s="119"/>
      <c r="AB925" s="119"/>
      <c r="AC925" s="119"/>
      <c r="AD925" s="119"/>
      <c r="AE925" s="119"/>
      <c r="AF925" s="119"/>
      <c r="AG925" s="119"/>
      <c r="AH925" s="119"/>
      <c r="AI925" s="119"/>
      <c r="AJ925" s="119"/>
      <c r="AK925" s="119"/>
      <c r="AL925" s="119"/>
      <c r="AM925" s="119"/>
      <c r="AN925" s="119"/>
      <c r="AO925" s="119"/>
      <c r="AP925" s="119"/>
      <c r="AQ925" s="119"/>
      <c r="AR925" s="119"/>
      <c r="AS925" s="119"/>
      <c r="AT925" s="119"/>
      <c r="AU925" s="119"/>
      <c r="AV925" s="119"/>
      <c r="AW925" s="119"/>
      <c r="AX925" s="119"/>
      <c r="AY925" s="119"/>
      <c r="AZ925" s="119"/>
      <c r="BA925" s="119"/>
      <c r="BB925" s="107">
        <v>45884</v>
      </c>
    </row>
    <row r="926" spans="1:54" s="207" customFormat="1" ht="13.95" customHeight="1" x14ac:dyDescent="0.25">
      <c r="A926" s="208" t="s">
        <v>2286</v>
      </c>
      <c r="B926" s="209" t="s">
        <v>20420</v>
      </c>
      <c r="C926" s="113" t="s">
        <v>2287</v>
      </c>
      <c r="D926" s="113" t="s">
        <v>2288</v>
      </c>
      <c r="E926" s="210">
        <v>1965</v>
      </c>
      <c r="F926" s="210">
        <v>818</v>
      </c>
      <c r="G926" s="113" t="s">
        <v>1</v>
      </c>
      <c r="H926" s="113">
        <v>0</v>
      </c>
      <c r="I926" s="113">
        <v>0</v>
      </c>
      <c r="J926" s="115">
        <v>0</v>
      </c>
      <c r="K926" s="116" t="s">
        <v>174</v>
      </c>
      <c r="L926" s="115">
        <v>0</v>
      </c>
      <c r="M926" s="115">
        <v>0</v>
      </c>
      <c r="N926" s="115">
        <v>0</v>
      </c>
      <c r="O926" s="115">
        <v>0</v>
      </c>
      <c r="P926" s="115" t="s">
        <v>400</v>
      </c>
      <c r="Q926" s="115" t="s">
        <v>400</v>
      </c>
      <c r="R926" s="115">
        <v>0</v>
      </c>
      <c r="S926" s="115">
        <v>0</v>
      </c>
      <c r="T926" s="115">
        <v>0</v>
      </c>
      <c r="U926" s="119"/>
      <c r="V926" s="119"/>
      <c r="W926" s="119"/>
      <c r="X926" s="119"/>
      <c r="Y926" s="119"/>
      <c r="Z926" s="119"/>
      <c r="AA926" s="119"/>
      <c r="AB926" s="119"/>
      <c r="AC926" s="119"/>
      <c r="AD926" s="119"/>
      <c r="AE926" s="119"/>
      <c r="AF926" s="119"/>
      <c r="AG926" s="119"/>
      <c r="AH926" s="119"/>
      <c r="AI926" s="119"/>
      <c r="AJ926" s="119"/>
      <c r="AK926" s="119"/>
      <c r="AL926" s="119"/>
      <c r="AM926" s="119"/>
      <c r="AN926" s="119"/>
      <c r="AO926" s="119"/>
      <c r="AP926" s="119"/>
      <c r="AQ926" s="119"/>
      <c r="AR926" s="119"/>
      <c r="AS926" s="119"/>
      <c r="AT926" s="119"/>
      <c r="AU926" s="119"/>
      <c r="AV926" s="119"/>
      <c r="AW926" s="119"/>
      <c r="AX926" s="119"/>
      <c r="AY926" s="119"/>
      <c r="AZ926" s="119"/>
      <c r="BA926" s="119"/>
      <c r="BB926" s="107">
        <v>45884</v>
      </c>
    </row>
    <row r="927" spans="1:54" s="207" customFormat="1" ht="13.95" customHeight="1" x14ac:dyDescent="0.25">
      <c r="A927" s="208" t="s">
        <v>2289</v>
      </c>
      <c r="B927" s="209" t="s">
        <v>20420</v>
      </c>
      <c r="C927" s="113" t="s">
        <v>2290</v>
      </c>
      <c r="D927" s="113" t="s">
        <v>22930</v>
      </c>
      <c r="E927" s="210">
        <v>1972</v>
      </c>
      <c r="F927" s="210">
        <v>819</v>
      </c>
      <c r="G927" s="113" t="s">
        <v>1</v>
      </c>
      <c r="H927" s="113">
        <v>0</v>
      </c>
      <c r="I927" s="113">
        <v>0</v>
      </c>
      <c r="J927" s="115">
        <v>1</v>
      </c>
      <c r="K927" s="116" t="s">
        <v>174</v>
      </c>
      <c r="L927" s="115">
        <v>1</v>
      </c>
      <c r="M927" s="115">
        <v>0</v>
      </c>
      <c r="N927" s="115">
        <v>0</v>
      </c>
      <c r="O927" s="115">
        <v>1</v>
      </c>
      <c r="P927" s="115">
        <v>1</v>
      </c>
      <c r="Q927" s="115" t="s">
        <v>400</v>
      </c>
      <c r="R927" s="115">
        <v>1</v>
      </c>
      <c r="S927" s="115">
        <v>0</v>
      </c>
      <c r="T927" s="115">
        <v>0</v>
      </c>
      <c r="U927" s="119"/>
      <c r="V927" s="119"/>
      <c r="W927" s="119"/>
      <c r="X927" s="119"/>
      <c r="Y927" s="119"/>
      <c r="Z927" s="119"/>
      <c r="AA927" s="119"/>
      <c r="AB927" s="119"/>
      <c r="AC927" s="119"/>
      <c r="AD927" s="119"/>
      <c r="AE927" s="119"/>
      <c r="AF927" s="119"/>
      <c r="AG927" s="119"/>
      <c r="AH927" s="119"/>
      <c r="AI927" s="119"/>
      <c r="AJ927" s="119"/>
      <c r="AK927" s="119"/>
      <c r="AL927" s="119"/>
      <c r="AM927" s="119"/>
      <c r="AN927" s="119"/>
      <c r="AO927" s="119"/>
      <c r="AP927" s="119"/>
      <c r="AQ927" s="119"/>
      <c r="AR927" s="119"/>
      <c r="AS927" s="119"/>
      <c r="AT927" s="119"/>
      <c r="AU927" s="119"/>
      <c r="AV927" s="119"/>
      <c r="AW927" s="119"/>
      <c r="AX927" s="119"/>
      <c r="AY927" s="119"/>
      <c r="AZ927" s="119"/>
      <c r="BA927" s="119"/>
      <c r="BB927" s="107">
        <v>45884</v>
      </c>
    </row>
    <row r="928" spans="1:54" s="207" customFormat="1" ht="13.95" customHeight="1" x14ac:dyDescent="0.25">
      <c r="A928" s="208" t="s">
        <v>2291</v>
      </c>
      <c r="B928" s="209" t="s">
        <v>20420</v>
      </c>
      <c r="C928" s="113" t="s">
        <v>2292</v>
      </c>
      <c r="D928" s="113" t="s">
        <v>22931</v>
      </c>
      <c r="E928" s="210">
        <v>2008</v>
      </c>
      <c r="F928" s="210">
        <v>819</v>
      </c>
      <c r="G928" s="113" t="s">
        <v>1</v>
      </c>
      <c r="H928" s="113">
        <v>0</v>
      </c>
      <c r="I928" s="113">
        <v>0</v>
      </c>
      <c r="J928" s="115">
        <v>1</v>
      </c>
      <c r="K928" s="116" t="s">
        <v>174</v>
      </c>
      <c r="L928" s="115">
        <v>1</v>
      </c>
      <c r="M928" s="115">
        <v>0</v>
      </c>
      <c r="N928" s="115">
        <v>0</v>
      </c>
      <c r="O928" s="115">
        <v>0</v>
      </c>
      <c r="P928" s="115">
        <v>1</v>
      </c>
      <c r="Q928" s="115" t="s">
        <v>400</v>
      </c>
      <c r="R928" s="115">
        <v>1</v>
      </c>
      <c r="S928" s="115">
        <v>0</v>
      </c>
      <c r="T928" s="115">
        <v>0</v>
      </c>
      <c r="U928" s="119"/>
      <c r="V928" s="119"/>
      <c r="W928" s="119"/>
      <c r="X928" s="119"/>
      <c r="Y928" s="119"/>
      <c r="Z928" s="119"/>
      <c r="AA928" s="119"/>
      <c r="AB928" s="119"/>
      <c r="AC928" s="119"/>
      <c r="AD928" s="119"/>
      <c r="AE928" s="119"/>
      <c r="AF928" s="119"/>
      <c r="AG928" s="119"/>
      <c r="AH928" s="119"/>
      <c r="AI928" s="119"/>
      <c r="AJ928" s="119"/>
      <c r="AK928" s="119"/>
      <c r="AL928" s="119"/>
      <c r="AM928" s="119"/>
      <c r="AN928" s="119"/>
      <c r="AO928" s="119"/>
      <c r="AP928" s="119"/>
      <c r="AQ928" s="119"/>
      <c r="AR928" s="119"/>
      <c r="AS928" s="119"/>
      <c r="AT928" s="119"/>
      <c r="AU928" s="119"/>
      <c r="AV928" s="119"/>
      <c r="AW928" s="119"/>
      <c r="AX928" s="119"/>
      <c r="AY928" s="119"/>
      <c r="AZ928" s="119"/>
      <c r="BA928" s="119"/>
      <c r="BB928" s="107">
        <v>45884</v>
      </c>
    </row>
    <row r="929" spans="1:54" s="207" customFormat="1" ht="13.95" customHeight="1" x14ac:dyDescent="0.25">
      <c r="A929" s="208" t="s">
        <v>2293</v>
      </c>
      <c r="B929" s="209" t="s">
        <v>20420</v>
      </c>
      <c r="C929" s="113" t="s">
        <v>2294</v>
      </c>
      <c r="D929" s="113" t="s">
        <v>2295</v>
      </c>
      <c r="E929" s="210">
        <v>1993</v>
      </c>
      <c r="F929" s="210">
        <v>819</v>
      </c>
      <c r="G929" s="113" t="s">
        <v>1</v>
      </c>
      <c r="H929" s="113">
        <v>0</v>
      </c>
      <c r="I929" s="113">
        <v>0</v>
      </c>
      <c r="J929" s="115">
        <v>1</v>
      </c>
      <c r="K929" s="116" t="s">
        <v>174</v>
      </c>
      <c r="L929" s="115">
        <v>1</v>
      </c>
      <c r="M929" s="115">
        <v>1</v>
      </c>
      <c r="N929" s="115">
        <v>0</v>
      </c>
      <c r="O929" s="115">
        <v>0</v>
      </c>
      <c r="P929" s="115" t="s">
        <v>400</v>
      </c>
      <c r="Q929" s="115" t="s">
        <v>400</v>
      </c>
      <c r="R929" s="115">
        <v>0</v>
      </c>
      <c r="S929" s="115">
        <v>0</v>
      </c>
      <c r="T929" s="115">
        <v>0</v>
      </c>
      <c r="U929" s="119"/>
      <c r="V929" s="119"/>
      <c r="W929" s="119"/>
      <c r="X929" s="119"/>
      <c r="Y929" s="119"/>
      <c r="Z929" s="119"/>
      <c r="AA929" s="119"/>
      <c r="AB929" s="119"/>
      <c r="AC929" s="119"/>
      <c r="AD929" s="119"/>
      <c r="AE929" s="119"/>
      <c r="AF929" s="119"/>
      <c r="AG929" s="119"/>
      <c r="AH929" s="119"/>
      <c r="AI929" s="119"/>
      <c r="AJ929" s="119"/>
      <c r="AK929" s="119"/>
      <c r="AL929" s="119"/>
      <c r="AM929" s="119"/>
      <c r="AN929" s="119"/>
      <c r="AO929" s="119"/>
      <c r="AP929" s="119"/>
      <c r="AQ929" s="119"/>
      <c r="AR929" s="119"/>
      <c r="AS929" s="119"/>
      <c r="AT929" s="119"/>
      <c r="AU929" s="119"/>
      <c r="AV929" s="119"/>
      <c r="AW929" s="119"/>
      <c r="AX929" s="119"/>
      <c r="AY929" s="119"/>
      <c r="AZ929" s="119"/>
      <c r="BA929" s="119"/>
      <c r="BB929" s="107">
        <v>45884</v>
      </c>
    </row>
    <row r="930" spans="1:54" s="207" customFormat="1" ht="13.95" customHeight="1" x14ac:dyDescent="0.25">
      <c r="A930" s="208" t="s">
        <v>2296</v>
      </c>
      <c r="B930" s="209" t="s">
        <v>20420</v>
      </c>
      <c r="C930" s="113" t="s">
        <v>2297</v>
      </c>
      <c r="D930" s="113" t="s">
        <v>22932</v>
      </c>
      <c r="E930" s="210">
        <v>1974</v>
      </c>
      <c r="F930" s="210">
        <v>820</v>
      </c>
      <c r="G930" s="113" t="s">
        <v>1</v>
      </c>
      <c r="H930" s="113">
        <v>0</v>
      </c>
      <c r="I930" s="113">
        <v>0</v>
      </c>
      <c r="J930" s="115">
        <v>1</v>
      </c>
      <c r="K930" s="211">
        <v>1</v>
      </c>
      <c r="L930" s="115">
        <v>1</v>
      </c>
      <c r="M930" s="115">
        <v>1</v>
      </c>
      <c r="N930" s="115">
        <v>0</v>
      </c>
      <c r="O930" s="115">
        <v>1</v>
      </c>
      <c r="P930" s="115" t="s">
        <v>400</v>
      </c>
      <c r="Q930" s="115" t="s">
        <v>400</v>
      </c>
      <c r="R930" s="115">
        <v>1</v>
      </c>
      <c r="S930" s="115">
        <v>0</v>
      </c>
      <c r="T930" s="115">
        <v>0</v>
      </c>
      <c r="U930" s="119"/>
      <c r="V930" s="119"/>
      <c r="W930" s="119"/>
      <c r="X930" s="119"/>
      <c r="Y930" s="119"/>
      <c r="Z930" s="119"/>
      <c r="AA930" s="119"/>
      <c r="AB930" s="119"/>
      <c r="AC930" s="119"/>
      <c r="AD930" s="119"/>
      <c r="AE930" s="119"/>
      <c r="AF930" s="119"/>
      <c r="AG930" s="119"/>
      <c r="AH930" s="119"/>
      <c r="AI930" s="119"/>
      <c r="AJ930" s="119"/>
      <c r="AK930" s="119"/>
      <c r="AL930" s="119"/>
      <c r="AM930" s="119"/>
      <c r="AN930" s="119"/>
      <c r="AO930" s="119"/>
      <c r="AP930" s="119"/>
      <c r="AQ930" s="119"/>
      <c r="AR930" s="119"/>
      <c r="AS930" s="119"/>
      <c r="AT930" s="119"/>
      <c r="AU930" s="119"/>
      <c r="AV930" s="119"/>
      <c r="AW930" s="119"/>
      <c r="AX930" s="119"/>
      <c r="AY930" s="119"/>
      <c r="AZ930" s="119"/>
      <c r="BA930" s="119"/>
      <c r="BB930" s="107">
        <v>45884</v>
      </c>
    </row>
    <row r="931" spans="1:54" s="207" customFormat="1" ht="13.95" customHeight="1" x14ac:dyDescent="0.25">
      <c r="A931" s="208" t="s">
        <v>2298</v>
      </c>
      <c r="B931" s="209" t="s">
        <v>20420</v>
      </c>
      <c r="C931" s="113" t="s">
        <v>2299</v>
      </c>
      <c r="D931" s="113" t="s">
        <v>22933</v>
      </c>
      <c r="E931" s="210">
        <v>1973</v>
      </c>
      <c r="F931" s="210">
        <v>822</v>
      </c>
      <c r="G931" s="113" t="s">
        <v>1</v>
      </c>
      <c r="H931" s="113">
        <v>0</v>
      </c>
      <c r="I931" s="113">
        <v>0</v>
      </c>
      <c r="J931" s="115">
        <v>1</v>
      </c>
      <c r="K931" s="211">
        <v>1</v>
      </c>
      <c r="L931" s="115">
        <v>1</v>
      </c>
      <c r="M931" s="115">
        <v>1</v>
      </c>
      <c r="N931" s="115">
        <v>0</v>
      </c>
      <c r="O931" s="115">
        <v>1</v>
      </c>
      <c r="P931" s="115" t="s">
        <v>400</v>
      </c>
      <c r="Q931" s="115" t="s">
        <v>400</v>
      </c>
      <c r="R931" s="115">
        <v>1</v>
      </c>
      <c r="S931" s="115">
        <v>0</v>
      </c>
      <c r="T931" s="115">
        <v>0</v>
      </c>
      <c r="U931" s="119"/>
      <c r="V931" s="119"/>
      <c r="W931" s="119"/>
      <c r="X931" s="119"/>
      <c r="Y931" s="119"/>
      <c r="Z931" s="119"/>
      <c r="AA931" s="119"/>
      <c r="AB931" s="119"/>
      <c r="AC931" s="119"/>
      <c r="AD931" s="119"/>
      <c r="AE931" s="119"/>
      <c r="AF931" s="119"/>
      <c r="AG931" s="119"/>
      <c r="AH931" s="119"/>
      <c r="AI931" s="119"/>
      <c r="AJ931" s="119"/>
      <c r="AK931" s="119"/>
      <c r="AL931" s="119"/>
      <c r="AM931" s="119"/>
      <c r="AN931" s="119"/>
      <c r="AO931" s="119"/>
      <c r="AP931" s="119"/>
      <c r="AQ931" s="119"/>
      <c r="AR931" s="119"/>
      <c r="AS931" s="119"/>
      <c r="AT931" s="119"/>
      <c r="AU931" s="119"/>
      <c r="AV931" s="119"/>
      <c r="AW931" s="119"/>
      <c r="AX931" s="119"/>
      <c r="AY931" s="119"/>
      <c r="AZ931" s="119"/>
      <c r="BA931" s="119"/>
      <c r="BB931" s="107">
        <v>45884</v>
      </c>
    </row>
    <row r="932" spans="1:54" s="207" customFormat="1" ht="13.95" customHeight="1" x14ac:dyDescent="0.25">
      <c r="A932" s="208" t="s">
        <v>2300</v>
      </c>
      <c r="B932" s="209" t="s">
        <v>20420</v>
      </c>
      <c r="C932" s="113" t="s">
        <v>2301</v>
      </c>
      <c r="D932" s="113" t="s">
        <v>22934</v>
      </c>
      <c r="E932" s="210">
        <v>1965</v>
      </c>
      <c r="F932" s="210">
        <v>879</v>
      </c>
      <c r="G932" s="113" t="s">
        <v>1</v>
      </c>
      <c r="H932" s="113">
        <v>0</v>
      </c>
      <c r="I932" s="113">
        <v>0</v>
      </c>
      <c r="J932" s="115">
        <v>1</v>
      </c>
      <c r="K932" s="211">
        <v>1</v>
      </c>
      <c r="L932" s="115">
        <v>1</v>
      </c>
      <c r="M932" s="115">
        <v>0</v>
      </c>
      <c r="N932" s="115">
        <v>1</v>
      </c>
      <c r="O932" s="115">
        <v>1</v>
      </c>
      <c r="P932" s="115">
        <v>1</v>
      </c>
      <c r="Q932" s="115" t="s">
        <v>400</v>
      </c>
      <c r="R932" s="115">
        <v>1</v>
      </c>
      <c r="S932" s="115">
        <v>0</v>
      </c>
      <c r="T932" s="115">
        <v>0</v>
      </c>
      <c r="U932" s="119"/>
      <c r="V932" s="119"/>
      <c r="W932" s="119"/>
      <c r="X932" s="119"/>
      <c r="Y932" s="119"/>
      <c r="Z932" s="119"/>
      <c r="AA932" s="119"/>
      <c r="AB932" s="119"/>
      <c r="AC932" s="119"/>
      <c r="AD932" s="119"/>
      <c r="AE932" s="119"/>
      <c r="AF932" s="119"/>
      <c r="AG932" s="119"/>
      <c r="AH932" s="119"/>
      <c r="AI932" s="119"/>
      <c r="AJ932" s="119"/>
      <c r="AK932" s="119"/>
      <c r="AL932" s="119"/>
      <c r="AM932" s="119"/>
      <c r="AN932" s="119"/>
      <c r="AO932" s="119"/>
      <c r="AP932" s="119"/>
      <c r="AQ932" s="119"/>
      <c r="AR932" s="119"/>
      <c r="AS932" s="119"/>
      <c r="AT932" s="119"/>
      <c r="AU932" s="119"/>
      <c r="AV932" s="119"/>
      <c r="AW932" s="119"/>
      <c r="AX932" s="119"/>
      <c r="AY932" s="119"/>
      <c r="AZ932" s="119"/>
      <c r="BA932" s="119"/>
      <c r="BB932" s="107">
        <v>45884</v>
      </c>
    </row>
    <row r="933" spans="1:54" s="207" customFormat="1" ht="13.95" customHeight="1" x14ac:dyDescent="0.25">
      <c r="A933" s="208" t="s">
        <v>2302</v>
      </c>
      <c r="B933" s="209" t="s">
        <v>20420</v>
      </c>
      <c r="C933" s="113" t="s">
        <v>2303</v>
      </c>
      <c r="D933" s="113" t="s">
        <v>2304</v>
      </c>
      <c r="E933" s="210">
        <v>2009</v>
      </c>
      <c r="F933" s="210">
        <v>825</v>
      </c>
      <c r="G933" s="113" t="s">
        <v>1</v>
      </c>
      <c r="H933" s="113">
        <v>0</v>
      </c>
      <c r="I933" s="113">
        <v>0</v>
      </c>
      <c r="J933" s="115">
        <v>1</v>
      </c>
      <c r="K933" s="116" t="s">
        <v>174</v>
      </c>
      <c r="L933" s="115">
        <v>0</v>
      </c>
      <c r="M933" s="115">
        <v>0</v>
      </c>
      <c r="N933" s="115">
        <v>0</v>
      </c>
      <c r="O933" s="115">
        <v>0</v>
      </c>
      <c r="P933" s="115" t="s">
        <v>400</v>
      </c>
      <c r="Q933" s="115" t="s">
        <v>400</v>
      </c>
      <c r="R933" s="115">
        <v>0</v>
      </c>
      <c r="S933" s="115">
        <v>0</v>
      </c>
      <c r="T933" s="115">
        <v>0</v>
      </c>
      <c r="U933" s="119"/>
      <c r="V933" s="119"/>
      <c r="W933" s="119"/>
      <c r="X933" s="119"/>
      <c r="Y933" s="119"/>
      <c r="Z933" s="119"/>
      <c r="AA933" s="119"/>
      <c r="AB933" s="119"/>
      <c r="AC933" s="119"/>
      <c r="AD933" s="119"/>
      <c r="AE933" s="119"/>
      <c r="AF933" s="119"/>
      <c r="AG933" s="119"/>
      <c r="AH933" s="119"/>
      <c r="AI933" s="119"/>
      <c r="AJ933" s="119"/>
      <c r="AK933" s="119"/>
      <c r="AL933" s="119"/>
      <c r="AM933" s="119"/>
      <c r="AN933" s="119"/>
      <c r="AO933" s="119"/>
      <c r="AP933" s="119"/>
      <c r="AQ933" s="119"/>
      <c r="AR933" s="119"/>
      <c r="AS933" s="119"/>
      <c r="AT933" s="119"/>
      <c r="AU933" s="119"/>
      <c r="AV933" s="119"/>
      <c r="AW933" s="119"/>
      <c r="AX933" s="119"/>
      <c r="AY933" s="119"/>
      <c r="AZ933" s="119"/>
      <c r="BA933" s="119"/>
      <c r="BB933" s="107">
        <v>45884</v>
      </c>
    </row>
    <row r="934" spans="1:54" s="207" customFormat="1" ht="13.95" customHeight="1" x14ac:dyDescent="0.25">
      <c r="A934" s="208" t="s">
        <v>2305</v>
      </c>
      <c r="B934" s="209" t="s">
        <v>20420</v>
      </c>
      <c r="C934" s="113" t="s">
        <v>2306</v>
      </c>
      <c r="D934" s="113" t="s">
        <v>22935</v>
      </c>
      <c r="E934" s="210">
        <v>1984</v>
      </c>
      <c r="F934" s="210">
        <v>1342</v>
      </c>
      <c r="G934" s="113" t="s">
        <v>1</v>
      </c>
      <c r="H934" s="113">
        <v>0</v>
      </c>
      <c r="I934" s="113">
        <v>0</v>
      </c>
      <c r="J934" s="115">
        <v>1</v>
      </c>
      <c r="K934" s="116" t="s">
        <v>174</v>
      </c>
      <c r="L934" s="115">
        <v>0</v>
      </c>
      <c r="M934" s="115">
        <v>0</v>
      </c>
      <c r="N934" s="115">
        <v>1</v>
      </c>
      <c r="O934" s="115">
        <v>1</v>
      </c>
      <c r="P934" s="115" t="s">
        <v>400</v>
      </c>
      <c r="Q934" s="115" t="s">
        <v>400</v>
      </c>
      <c r="R934" s="115">
        <v>1</v>
      </c>
      <c r="S934" s="115">
        <v>0</v>
      </c>
      <c r="T934" s="115">
        <v>0</v>
      </c>
      <c r="U934" s="119"/>
      <c r="V934" s="119"/>
      <c r="W934" s="119"/>
      <c r="X934" s="119"/>
      <c r="Y934" s="119"/>
      <c r="Z934" s="119"/>
      <c r="AA934" s="119"/>
      <c r="AB934" s="119"/>
      <c r="AC934" s="119"/>
      <c r="AD934" s="119"/>
      <c r="AE934" s="119"/>
      <c r="AF934" s="119"/>
      <c r="AG934" s="119"/>
      <c r="AH934" s="119"/>
      <c r="AI934" s="119"/>
      <c r="AJ934" s="119"/>
      <c r="AK934" s="119"/>
      <c r="AL934" s="119"/>
      <c r="AM934" s="119"/>
      <c r="AN934" s="119"/>
      <c r="AO934" s="119"/>
      <c r="AP934" s="119"/>
      <c r="AQ934" s="119"/>
      <c r="AR934" s="119"/>
      <c r="AS934" s="119"/>
      <c r="AT934" s="119"/>
      <c r="AU934" s="119"/>
      <c r="AV934" s="119"/>
      <c r="AW934" s="119"/>
      <c r="AX934" s="119"/>
      <c r="AY934" s="119"/>
      <c r="AZ934" s="119"/>
      <c r="BA934" s="119"/>
      <c r="BB934" s="107">
        <v>45884</v>
      </c>
    </row>
    <row r="935" spans="1:54" s="207" customFormat="1" ht="13.95" customHeight="1" x14ac:dyDescent="0.25">
      <c r="A935" s="208" t="s">
        <v>2307</v>
      </c>
      <c r="B935" s="209" t="s">
        <v>20420</v>
      </c>
      <c r="C935" s="113" t="s">
        <v>2308</v>
      </c>
      <c r="D935" s="113" t="s">
        <v>22936</v>
      </c>
      <c r="E935" s="210">
        <v>1987</v>
      </c>
      <c r="F935" s="210">
        <v>839</v>
      </c>
      <c r="G935" s="113" t="s">
        <v>1</v>
      </c>
      <c r="H935" s="113">
        <v>0</v>
      </c>
      <c r="I935" s="113">
        <v>0</v>
      </c>
      <c r="J935" s="115">
        <v>1</v>
      </c>
      <c r="K935" s="116" t="s">
        <v>174</v>
      </c>
      <c r="L935" s="115">
        <v>1</v>
      </c>
      <c r="M935" s="115">
        <v>0</v>
      </c>
      <c r="N935" s="115">
        <v>0</v>
      </c>
      <c r="O935" s="115">
        <v>1</v>
      </c>
      <c r="P935" s="115" t="s">
        <v>400</v>
      </c>
      <c r="Q935" s="115" t="s">
        <v>400</v>
      </c>
      <c r="R935" s="115">
        <v>1</v>
      </c>
      <c r="S935" s="115">
        <v>0</v>
      </c>
      <c r="T935" s="115">
        <v>0</v>
      </c>
      <c r="U935" s="119"/>
      <c r="V935" s="119"/>
      <c r="W935" s="119"/>
      <c r="X935" s="119"/>
      <c r="Y935" s="119"/>
      <c r="Z935" s="119"/>
      <c r="AA935" s="119"/>
      <c r="AB935" s="119"/>
      <c r="AC935" s="119"/>
      <c r="AD935" s="119"/>
      <c r="AE935" s="119"/>
      <c r="AF935" s="119"/>
      <c r="AG935" s="119"/>
      <c r="AH935" s="119"/>
      <c r="AI935" s="119"/>
      <c r="AJ935" s="119"/>
      <c r="AK935" s="119"/>
      <c r="AL935" s="119"/>
      <c r="AM935" s="119"/>
      <c r="AN935" s="119"/>
      <c r="AO935" s="119"/>
      <c r="AP935" s="119"/>
      <c r="AQ935" s="119"/>
      <c r="AR935" s="119"/>
      <c r="AS935" s="119"/>
      <c r="AT935" s="119"/>
      <c r="AU935" s="119"/>
      <c r="AV935" s="119"/>
      <c r="AW935" s="119"/>
      <c r="AX935" s="119"/>
      <c r="AY935" s="119"/>
      <c r="AZ935" s="119"/>
      <c r="BA935" s="119"/>
      <c r="BB935" s="107">
        <v>45884</v>
      </c>
    </row>
    <row r="936" spans="1:54" s="207" customFormat="1" ht="13.95" customHeight="1" x14ac:dyDescent="0.25">
      <c r="A936" s="208" t="s">
        <v>2309</v>
      </c>
      <c r="B936" s="209" t="s">
        <v>20420</v>
      </c>
      <c r="C936" s="113" t="s">
        <v>2310</v>
      </c>
      <c r="D936" s="113" t="s">
        <v>22937</v>
      </c>
      <c r="E936" s="210">
        <v>1966</v>
      </c>
      <c r="F936" s="210">
        <v>1144</v>
      </c>
      <c r="G936" s="113" t="s">
        <v>1</v>
      </c>
      <c r="H936" s="113">
        <v>0</v>
      </c>
      <c r="I936" s="113">
        <v>0</v>
      </c>
      <c r="J936" s="115">
        <v>1</v>
      </c>
      <c r="K936" s="211">
        <v>1</v>
      </c>
      <c r="L936" s="115">
        <v>1</v>
      </c>
      <c r="M936" s="115">
        <v>1</v>
      </c>
      <c r="N936" s="115">
        <v>1</v>
      </c>
      <c r="O936" s="115">
        <v>1</v>
      </c>
      <c r="P936" s="115" t="s">
        <v>400</v>
      </c>
      <c r="Q936" s="115" t="s">
        <v>400</v>
      </c>
      <c r="R936" s="115">
        <v>1</v>
      </c>
      <c r="S936" s="115">
        <v>0</v>
      </c>
      <c r="T936" s="115">
        <v>0</v>
      </c>
      <c r="U936" s="119"/>
      <c r="V936" s="119"/>
      <c r="W936" s="119"/>
      <c r="X936" s="119"/>
      <c r="Y936" s="119"/>
      <c r="Z936" s="119"/>
      <c r="AA936" s="119"/>
      <c r="AB936" s="119"/>
      <c r="AC936" s="119"/>
      <c r="AD936" s="119"/>
      <c r="AE936" s="119"/>
      <c r="AF936" s="119"/>
      <c r="AG936" s="119"/>
      <c r="AH936" s="119"/>
      <c r="AI936" s="119"/>
      <c r="AJ936" s="119"/>
      <c r="AK936" s="119"/>
      <c r="AL936" s="119"/>
      <c r="AM936" s="119"/>
      <c r="AN936" s="119"/>
      <c r="AO936" s="119"/>
      <c r="AP936" s="119"/>
      <c r="AQ936" s="119"/>
      <c r="AR936" s="119"/>
      <c r="AS936" s="119"/>
      <c r="AT936" s="119"/>
      <c r="AU936" s="119"/>
      <c r="AV936" s="119"/>
      <c r="AW936" s="119"/>
      <c r="AX936" s="119"/>
      <c r="AY936" s="119"/>
      <c r="AZ936" s="119"/>
      <c r="BA936" s="119"/>
      <c r="BB936" s="107">
        <v>45884</v>
      </c>
    </row>
    <row r="937" spans="1:54" s="207" customFormat="1" ht="13.95" customHeight="1" x14ac:dyDescent="0.25">
      <c r="A937" s="208" t="s">
        <v>2311</v>
      </c>
      <c r="B937" s="209" t="s">
        <v>20420</v>
      </c>
      <c r="C937" s="113" t="s">
        <v>2312</v>
      </c>
      <c r="D937" s="113" t="s">
        <v>22938</v>
      </c>
      <c r="E937" s="210">
        <v>1977</v>
      </c>
      <c r="F937" s="210">
        <v>840</v>
      </c>
      <c r="G937" s="113" t="s">
        <v>1</v>
      </c>
      <c r="H937" s="113">
        <v>0</v>
      </c>
      <c r="I937" s="113">
        <v>0</v>
      </c>
      <c r="J937" s="115">
        <v>1</v>
      </c>
      <c r="K937" s="116" t="s">
        <v>174</v>
      </c>
      <c r="L937" s="115">
        <v>1</v>
      </c>
      <c r="M937" s="115">
        <v>0</v>
      </c>
      <c r="N937" s="115">
        <v>0</v>
      </c>
      <c r="O937" s="115">
        <v>1</v>
      </c>
      <c r="P937" s="115">
        <v>1</v>
      </c>
      <c r="Q937" s="115" t="s">
        <v>400</v>
      </c>
      <c r="R937" s="115">
        <v>1</v>
      </c>
      <c r="S937" s="115">
        <v>0</v>
      </c>
      <c r="T937" s="115">
        <v>0</v>
      </c>
      <c r="U937" s="119"/>
      <c r="V937" s="119"/>
      <c r="W937" s="119"/>
      <c r="X937" s="119"/>
      <c r="Y937" s="119"/>
      <c r="Z937" s="119"/>
      <c r="AA937" s="119"/>
      <c r="AB937" s="119"/>
      <c r="AC937" s="119"/>
      <c r="AD937" s="119"/>
      <c r="AE937" s="119"/>
      <c r="AF937" s="119"/>
      <c r="AG937" s="119"/>
      <c r="AH937" s="119"/>
      <c r="AI937" s="119"/>
      <c r="AJ937" s="119"/>
      <c r="AK937" s="119"/>
      <c r="AL937" s="119"/>
      <c r="AM937" s="119"/>
      <c r="AN937" s="119"/>
      <c r="AO937" s="119"/>
      <c r="AP937" s="119"/>
      <c r="AQ937" s="119"/>
      <c r="AR937" s="119"/>
      <c r="AS937" s="119"/>
      <c r="AT937" s="119"/>
      <c r="AU937" s="119"/>
      <c r="AV937" s="119"/>
      <c r="AW937" s="119"/>
      <c r="AX937" s="119"/>
      <c r="AY937" s="119"/>
      <c r="AZ937" s="119"/>
      <c r="BA937" s="119"/>
      <c r="BB937" s="107">
        <v>45884</v>
      </c>
    </row>
    <row r="938" spans="1:54" s="207" customFormat="1" ht="13.95" customHeight="1" x14ac:dyDescent="0.25">
      <c r="A938" s="208" t="s">
        <v>2313</v>
      </c>
      <c r="B938" s="209" t="s">
        <v>20420</v>
      </c>
      <c r="C938" s="113" t="s">
        <v>2314</v>
      </c>
      <c r="D938" s="113" t="s">
        <v>22939</v>
      </c>
      <c r="E938" s="210">
        <v>1965</v>
      </c>
      <c r="F938" s="210">
        <v>841</v>
      </c>
      <c r="G938" s="113" t="s">
        <v>1</v>
      </c>
      <c r="H938" s="113">
        <v>0</v>
      </c>
      <c r="I938" s="113">
        <v>0</v>
      </c>
      <c r="J938" s="115">
        <v>1</v>
      </c>
      <c r="K938" s="211">
        <v>1</v>
      </c>
      <c r="L938" s="115">
        <v>1</v>
      </c>
      <c r="M938" s="115">
        <v>0</v>
      </c>
      <c r="N938" s="115">
        <v>0</v>
      </c>
      <c r="O938" s="115">
        <v>1</v>
      </c>
      <c r="P938" s="115">
        <v>1</v>
      </c>
      <c r="Q938" s="115" t="s">
        <v>400</v>
      </c>
      <c r="R938" s="115">
        <v>1</v>
      </c>
      <c r="S938" s="115">
        <v>0</v>
      </c>
      <c r="T938" s="115">
        <v>0</v>
      </c>
      <c r="U938" s="119"/>
      <c r="V938" s="119"/>
      <c r="W938" s="119"/>
      <c r="X938" s="119"/>
      <c r="Y938" s="119"/>
      <c r="Z938" s="119"/>
      <c r="AA938" s="119"/>
      <c r="AB938" s="119"/>
      <c r="AC938" s="119"/>
      <c r="AD938" s="119"/>
      <c r="AE938" s="119"/>
      <c r="AF938" s="119"/>
      <c r="AG938" s="119"/>
      <c r="AH938" s="119"/>
      <c r="AI938" s="119"/>
      <c r="AJ938" s="119"/>
      <c r="AK938" s="119"/>
      <c r="AL938" s="119"/>
      <c r="AM938" s="119"/>
      <c r="AN938" s="119"/>
      <c r="AO938" s="119"/>
      <c r="AP938" s="119"/>
      <c r="AQ938" s="119"/>
      <c r="AR938" s="119"/>
      <c r="AS938" s="119"/>
      <c r="AT938" s="119"/>
      <c r="AU938" s="119"/>
      <c r="AV938" s="119"/>
      <c r="AW938" s="119"/>
      <c r="AX938" s="119"/>
      <c r="AY938" s="119"/>
      <c r="AZ938" s="119"/>
      <c r="BA938" s="119"/>
      <c r="BB938" s="107">
        <v>45884</v>
      </c>
    </row>
    <row r="939" spans="1:54" s="207" customFormat="1" ht="13.95" customHeight="1" x14ac:dyDescent="0.25">
      <c r="A939" s="208" t="s">
        <v>2315</v>
      </c>
      <c r="B939" s="209" t="s">
        <v>20420</v>
      </c>
      <c r="C939" s="113" t="s">
        <v>2316</v>
      </c>
      <c r="D939" s="113" t="s">
        <v>2317</v>
      </c>
      <c r="E939" s="210">
        <v>1977</v>
      </c>
      <c r="F939" s="210">
        <v>842</v>
      </c>
      <c r="G939" s="113" t="s">
        <v>1</v>
      </c>
      <c r="H939" s="113">
        <v>0</v>
      </c>
      <c r="I939" s="113">
        <v>0</v>
      </c>
      <c r="J939" s="115">
        <v>1</v>
      </c>
      <c r="K939" s="116" t="s">
        <v>174</v>
      </c>
      <c r="L939" s="115">
        <v>1</v>
      </c>
      <c r="M939" s="115">
        <v>1</v>
      </c>
      <c r="N939" s="212">
        <v>1</v>
      </c>
      <c r="O939" s="115">
        <v>1</v>
      </c>
      <c r="P939" s="115" t="s">
        <v>400</v>
      </c>
      <c r="Q939" s="115" t="s">
        <v>400</v>
      </c>
      <c r="R939" s="115">
        <v>1</v>
      </c>
      <c r="S939" s="115">
        <v>0</v>
      </c>
      <c r="T939" s="115">
        <v>0</v>
      </c>
      <c r="U939" s="119"/>
      <c r="V939" s="119"/>
      <c r="W939" s="119"/>
      <c r="X939" s="119"/>
      <c r="Y939" s="119"/>
      <c r="Z939" s="119"/>
      <c r="AA939" s="119"/>
      <c r="AB939" s="119"/>
      <c r="AC939" s="119"/>
      <c r="AD939" s="119"/>
      <c r="AE939" s="119"/>
      <c r="AF939" s="119"/>
      <c r="AG939" s="119"/>
      <c r="AH939" s="119"/>
      <c r="AI939" s="119"/>
      <c r="AJ939" s="119"/>
      <c r="AK939" s="119"/>
      <c r="AL939" s="119"/>
      <c r="AM939" s="119"/>
      <c r="AN939" s="119"/>
      <c r="AO939" s="119"/>
      <c r="AP939" s="119"/>
      <c r="AQ939" s="119"/>
      <c r="AR939" s="119"/>
      <c r="AS939" s="119"/>
      <c r="AT939" s="119"/>
      <c r="AU939" s="119"/>
      <c r="AV939" s="119"/>
      <c r="AW939" s="119"/>
      <c r="AX939" s="119"/>
      <c r="AY939" s="119"/>
      <c r="AZ939" s="119"/>
      <c r="BA939" s="119"/>
      <c r="BB939" s="107">
        <v>45884</v>
      </c>
    </row>
    <row r="940" spans="1:54" s="207" customFormat="1" ht="13.95" customHeight="1" x14ac:dyDescent="0.25">
      <c r="A940" s="208" t="s">
        <v>2318</v>
      </c>
      <c r="B940" s="209" t="s">
        <v>20420</v>
      </c>
      <c r="C940" s="113" t="s">
        <v>2319</v>
      </c>
      <c r="D940" s="113" t="s">
        <v>22940</v>
      </c>
      <c r="E940" s="210">
        <v>1972</v>
      </c>
      <c r="F940" s="210">
        <v>843</v>
      </c>
      <c r="G940" s="113" t="s">
        <v>1</v>
      </c>
      <c r="H940" s="113">
        <v>0</v>
      </c>
      <c r="I940" s="113">
        <v>0</v>
      </c>
      <c r="J940" s="115">
        <v>1</v>
      </c>
      <c r="K940" s="116" t="s">
        <v>174</v>
      </c>
      <c r="L940" s="115">
        <v>1</v>
      </c>
      <c r="M940" s="115">
        <v>0</v>
      </c>
      <c r="N940" s="115">
        <v>0</v>
      </c>
      <c r="O940" s="115">
        <v>1</v>
      </c>
      <c r="P940" s="115" t="s">
        <v>400</v>
      </c>
      <c r="Q940" s="115" t="s">
        <v>400</v>
      </c>
      <c r="R940" s="115">
        <v>0</v>
      </c>
      <c r="S940" s="115">
        <v>0</v>
      </c>
      <c r="T940" s="115">
        <v>0</v>
      </c>
      <c r="U940" s="119"/>
      <c r="V940" s="119"/>
      <c r="W940" s="119"/>
      <c r="X940" s="119"/>
      <c r="Y940" s="119"/>
      <c r="Z940" s="119"/>
      <c r="AA940" s="119"/>
      <c r="AB940" s="119"/>
      <c r="AC940" s="119"/>
      <c r="AD940" s="119"/>
      <c r="AE940" s="119"/>
      <c r="AF940" s="119"/>
      <c r="AG940" s="119"/>
      <c r="AH940" s="119"/>
      <c r="AI940" s="119"/>
      <c r="AJ940" s="119"/>
      <c r="AK940" s="119"/>
      <c r="AL940" s="119"/>
      <c r="AM940" s="119"/>
      <c r="AN940" s="119"/>
      <c r="AO940" s="119"/>
      <c r="AP940" s="119"/>
      <c r="AQ940" s="119"/>
      <c r="AR940" s="119"/>
      <c r="AS940" s="119"/>
      <c r="AT940" s="119"/>
      <c r="AU940" s="119"/>
      <c r="AV940" s="119"/>
      <c r="AW940" s="119"/>
      <c r="AX940" s="119"/>
      <c r="AY940" s="119"/>
      <c r="AZ940" s="119"/>
      <c r="BA940" s="119"/>
      <c r="BB940" s="107">
        <v>45884</v>
      </c>
    </row>
    <row r="941" spans="1:54" s="207" customFormat="1" ht="13.95" customHeight="1" x14ac:dyDescent="0.25">
      <c r="A941" s="208" t="s">
        <v>2320</v>
      </c>
      <c r="B941" s="209" t="s">
        <v>20420</v>
      </c>
      <c r="C941" s="113" t="s">
        <v>2321</v>
      </c>
      <c r="D941" s="113" t="s">
        <v>22941</v>
      </c>
      <c r="E941" s="210">
        <v>1990</v>
      </c>
      <c r="F941" s="210">
        <v>844</v>
      </c>
      <c r="G941" s="113" t="s">
        <v>1</v>
      </c>
      <c r="H941" s="113">
        <v>0</v>
      </c>
      <c r="I941" s="113">
        <v>0</v>
      </c>
      <c r="J941" s="115">
        <v>1</v>
      </c>
      <c r="K941" s="116" t="s">
        <v>174</v>
      </c>
      <c r="L941" s="115">
        <v>1</v>
      </c>
      <c r="M941" s="115">
        <v>1</v>
      </c>
      <c r="N941" s="115">
        <v>1</v>
      </c>
      <c r="O941" s="115">
        <v>0</v>
      </c>
      <c r="P941" s="115" t="s">
        <v>400</v>
      </c>
      <c r="Q941" s="115" t="s">
        <v>400</v>
      </c>
      <c r="R941" s="115">
        <v>0</v>
      </c>
      <c r="S941" s="115">
        <v>0</v>
      </c>
      <c r="T941" s="115">
        <v>0</v>
      </c>
      <c r="U941" s="119"/>
      <c r="V941" s="119"/>
      <c r="W941" s="119"/>
      <c r="X941" s="119"/>
      <c r="Y941" s="119"/>
      <c r="Z941" s="119"/>
      <c r="AA941" s="119"/>
      <c r="AB941" s="119"/>
      <c r="AC941" s="119"/>
      <c r="AD941" s="119"/>
      <c r="AE941" s="119"/>
      <c r="AF941" s="119"/>
      <c r="AG941" s="119"/>
      <c r="AH941" s="119"/>
      <c r="AI941" s="119"/>
      <c r="AJ941" s="119"/>
      <c r="AK941" s="119"/>
      <c r="AL941" s="119"/>
      <c r="AM941" s="119"/>
      <c r="AN941" s="119"/>
      <c r="AO941" s="119"/>
      <c r="AP941" s="119"/>
      <c r="AQ941" s="119"/>
      <c r="AR941" s="119"/>
      <c r="AS941" s="119"/>
      <c r="AT941" s="119"/>
      <c r="AU941" s="119"/>
      <c r="AV941" s="119"/>
      <c r="AW941" s="119"/>
      <c r="AX941" s="119"/>
      <c r="AY941" s="119"/>
      <c r="AZ941" s="119"/>
      <c r="BA941" s="119"/>
      <c r="BB941" s="107">
        <v>45884</v>
      </c>
    </row>
    <row r="942" spans="1:54" s="207" customFormat="1" ht="13.95" customHeight="1" x14ac:dyDescent="0.25">
      <c r="A942" s="208" t="s">
        <v>2322</v>
      </c>
      <c r="B942" s="209" t="s">
        <v>20420</v>
      </c>
      <c r="C942" s="113" t="s">
        <v>2323</v>
      </c>
      <c r="D942" s="113" t="s">
        <v>22942</v>
      </c>
      <c r="E942" s="210">
        <v>1985</v>
      </c>
      <c r="F942" s="210">
        <v>846</v>
      </c>
      <c r="G942" s="113" t="s">
        <v>1</v>
      </c>
      <c r="H942" s="113">
        <v>0</v>
      </c>
      <c r="I942" s="113">
        <v>0</v>
      </c>
      <c r="J942" s="115">
        <v>1</v>
      </c>
      <c r="K942" s="116" t="s">
        <v>174</v>
      </c>
      <c r="L942" s="115">
        <v>1</v>
      </c>
      <c r="M942" s="115">
        <v>0</v>
      </c>
      <c r="N942" s="115">
        <v>0</v>
      </c>
      <c r="O942" s="115">
        <v>1</v>
      </c>
      <c r="P942" s="115">
        <v>1</v>
      </c>
      <c r="Q942" s="115" t="s">
        <v>400</v>
      </c>
      <c r="R942" s="115">
        <v>1</v>
      </c>
      <c r="S942" s="115">
        <v>0</v>
      </c>
      <c r="T942" s="115">
        <v>0</v>
      </c>
      <c r="U942" s="119"/>
      <c r="V942" s="119"/>
      <c r="W942" s="119"/>
      <c r="X942" s="119"/>
      <c r="Y942" s="119"/>
      <c r="Z942" s="119"/>
      <c r="AA942" s="119"/>
      <c r="AB942" s="119"/>
      <c r="AC942" s="119"/>
      <c r="AD942" s="119"/>
      <c r="AE942" s="119"/>
      <c r="AF942" s="119"/>
      <c r="AG942" s="119"/>
      <c r="AH942" s="119"/>
      <c r="AI942" s="119"/>
      <c r="AJ942" s="119"/>
      <c r="AK942" s="119"/>
      <c r="AL942" s="119"/>
      <c r="AM942" s="119"/>
      <c r="AN942" s="119"/>
      <c r="AO942" s="119"/>
      <c r="AP942" s="119"/>
      <c r="AQ942" s="119"/>
      <c r="AR942" s="119"/>
      <c r="AS942" s="119"/>
      <c r="AT942" s="119"/>
      <c r="AU942" s="119"/>
      <c r="AV942" s="119"/>
      <c r="AW942" s="119"/>
      <c r="AX942" s="119"/>
      <c r="AY942" s="119"/>
      <c r="AZ942" s="119"/>
      <c r="BA942" s="119"/>
      <c r="BB942" s="107">
        <v>45884</v>
      </c>
    </row>
    <row r="943" spans="1:54" s="207" customFormat="1" ht="13.95" customHeight="1" x14ac:dyDescent="0.25">
      <c r="A943" s="208" t="s">
        <v>2324</v>
      </c>
      <c r="B943" s="209" t="s">
        <v>20420</v>
      </c>
      <c r="C943" s="113" t="s">
        <v>2325</v>
      </c>
      <c r="D943" s="113" t="s">
        <v>22943</v>
      </c>
      <c r="E943" s="210">
        <v>1992</v>
      </c>
      <c r="F943" s="210">
        <v>847</v>
      </c>
      <c r="G943" s="113" t="s">
        <v>1</v>
      </c>
      <c r="H943" s="113">
        <v>0</v>
      </c>
      <c r="I943" s="113">
        <v>0</v>
      </c>
      <c r="J943" s="115">
        <v>1</v>
      </c>
      <c r="K943" s="116" t="s">
        <v>174</v>
      </c>
      <c r="L943" s="115">
        <v>1</v>
      </c>
      <c r="M943" s="115">
        <v>0</v>
      </c>
      <c r="N943" s="115">
        <v>0</v>
      </c>
      <c r="O943" s="115">
        <v>1</v>
      </c>
      <c r="P943" s="115" t="s">
        <v>400</v>
      </c>
      <c r="Q943" s="115" t="s">
        <v>400</v>
      </c>
      <c r="R943" s="115">
        <v>1</v>
      </c>
      <c r="S943" s="115">
        <v>0</v>
      </c>
      <c r="T943" s="115">
        <v>0</v>
      </c>
      <c r="U943" s="119"/>
      <c r="V943" s="119"/>
      <c r="W943" s="119"/>
      <c r="X943" s="119"/>
      <c r="Y943" s="119"/>
      <c r="Z943" s="119"/>
      <c r="AA943" s="119"/>
      <c r="AB943" s="119"/>
      <c r="AC943" s="119"/>
      <c r="AD943" s="119"/>
      <c r="AE943" s="119"/>
      <c r="AF943" s="119"/>
      <c r="AG943" s="119"/>
      <c r="AH943" s="119"/>
      <c r="AI943" s="119"/>
      <c r="AJ943" s="119"/>
      <c r="AK943" s="119"/>
      <c r="AL943" s="119"/>
      <c r="AM943" s="119"/>
      <c r="AN943" s="119"/>
      <c r="AO943" s="119"/>
      <c r="AP943" s="119"/>
      <c r="AQ943" s="119"/>
      <c r="AR943" s="119"/>
      <c r="AS943" s="119"/>
      <c r="AT943" s="119"/>
      <c r="AU943" s="119"/>
      <c r="AV943" s="119"/>
      <c r="AW943" s="119"/>
      <c r="AX943" s="119"/>
      <c r="AY943" s="119"/>
      <c r="AZ943" s="119"/>
      <c r="BA943" s="119"/>
      <c r="BB943" s="107">
        <v>45884</v>
      </c>
    </row>
    <row r="944" spans="1:54" s="207" customFormat="1" ht="13.95" customHeight="1" x14ac:dyDescent="0.25">
      <c r="A944" s="208" t="s">
        <v>2326</v>
      </c>
      <c r="B944" s="209" t="s">
        <v>20420</v>
      </c>
      <c r="C944" s="113" t="s">
        <v>2327</v>
      </c>
      <c r="D944" s="113" t="s">
        <v>2328</v>
      </c>
      <c r="E944" s="210">
        <v>1976</v>
      </c>
      <c r="F944" s="210">
        <v>847</v>
      </c>
      <c r="G944" s="113" t="s">
        <v>1</v>
      </c>
      <c r="H944" s="113">
        <v>0</v>
      </c>
      <c r="I944" s="113">
        <v>0</v>
      </c>
      <c r="J944" s="115">
        <v>1</v>
      </c>
      <c r="K944" s="116" t="s">
        <v>174</v>
      </c>
      <c r="L944" s="115">
        <v>0</v>
      </c>
      <c r="M944" s="115">
        <v>1</v>
      </c>
      <c r="N944" s="115">
        <v>0</v>
      </c>
      <c r="O944" s="115">
        <v>0</v>
      </c>
      <c r="P944" s="115" t="s">
        <v>400</v>
      </c>
      <c r="Q944" s="115" t="s">
        <v>400</v>
      </c>
      <c r="R944" s="115">
        <v>0</v>
      </c>
      <c r="S944" s="115">
        <v>0</v>
      </c>
      <c r="T944" s="115">
        <v>0</v>
      </c>
      <c r="U944" s="119"/>
      <c r="V944" s="119"/>
      <c r="W944" s="119"/>
      <c r="X944" s="119"/>
      <c r="Y944" s="119"/>
      <c r="Z944" s="119"/>
      <c r="AA944" s="119"/>
      <c r="AB944" s="119"/>
      <c r="AC944" s="119"/>
      <c r="AD944" s="119"/>
      <c r="AE944" s="119"/>
      <c r="AF944" s="119"/>
      <c r="AG944" s="119"/>
      <c r="AH944" s="119"/>
      <c r="AI944" s="119"/>
      <c r="AJ944" s="119"/>
      <c r="AK944" s="119"/>
      <c r="AL944" s="119"/>
      <c r="AM944" s="119"/>
      <c r="AN944" s="119"/>
      <c r="AO944" s="119"/>
      <c r="AP944" s="119"/>
      <c r="AQ944" s="119"/>
      <c r="AR944" s="119"/>
      <c r="AS944" s="119"/>
      <c r="AT944" s="119"/>
      <c r="AU944" s="119"/>
      <c r="AV944" s="119"/>
      <c r="AW944" s="119"/>
      <c r="AX944" s="119"/>
      <c r="AY944" s="119"/>
      <c r="AZ944" s="119"/>
      <c r="BA944" s="119"/>
      <c r="BB944" s="107">
        <v>45884</v>
      </c>
    </row>
    <row r="945" spans="1:54" s="207" customFormat="1" ht="13.95" customHeight="1" x14ac:dyDescent="0.25">
      <c r="A945" s="208" t="s">
        <v>2329</v>
      </c>
      <c r="B945" s="209" t="s">
        <v>20420</v>
      </c>
      <c r="C945" s="113" t="s">
        <v>2330</v>
      </c>
      <c r="D945" s="113" t="s">
        <v>22944</v>
      </c>
      <c r="E945" s="210">
        <v>1965</v>
      </c>
      <c r="F945" s="210">
        <v>850</v>
      </c>
      <c r="G945" s="113" t="s">
        <v>1</v>
      </c>
      <c r="H945" s="113">
        <v>0</v>
      </c>
      <c r="I945" s="113">
        <v>0</v>
      </c>
      <c r="J945" s="115">
        <v>0</v>
      </c>
      <c r="K945" s="116" t="s">
        <v>174</v>
      </c>
      <c r="L945" s="115">
        <v>0</v>
      </c>
      <c r="M945" s="115">
        <v>0</v>
      </c>
      <c r="N945" s="115">
        <v>1</v>
      </c>
      <c r="O945" s="115">
        <v>0</v>
      </c>
      <c r="P945" s="115" t="s">
        <v>400</v>
      </c>
      <c r="Q945" s="115" t="s">
        <v>400</v>
      </c>
      <c r="R945" s="115">
        <v>0</v>
      </c>
      <c r="S945" s="115">
        <v>0</v>
      </c>
      <c r="T945" s="115">
        <v>0</v>
      </c>
      <c r="U945" s="119"/>
      <c r="V945" s="119"/>
      <c r="W945" s="119"/>
      <c r="X945" s="119"/>
      <c r="Y945" s="119"/>
      <c r="Z945" s="119"/>
      <c r="AA945" s="119"/>
      <c r="AB945" s="119"/>
      <c r="AC945" s="119"/>
      <c r="AD945" s="119"/>
      <c r="AE945" s="119"/>
      <c r="AF945" s="119"/>
      <c r="AG945" s="119"/>
      <c r="AH945" s="119"/>
      <c r="AI945" s="119"/>
      <c r="AJ945" s="119"/>
      <c r="AK945" s="119"/>
      <c r="AL945" s="119"/>
      <c r="AM945" s="119"/>
      <c r="AN945" s="119"/>
      <c r="AO945" s="119"/>
      <c r="AP945" s="119"/>
      <c r="AQ945" s="119"/>
      <c r="AR945" s="119"/>
      <c r="AS945" s="119"/>
      <c r="AT945" s="119"/>
      <c r="AU945" s="119"/>
      <c r="AV945" s="119"/>
      <c r="AW945" s="119"/>
      <c r="AX945" s="119"/>
      <c r="AY945" s="119"/>
      <c r="AZ945" s="119"/>
      <c r="BA945" s="119"/>
      <c r="BB945" s="107">
        <v>45884</v>
      </c>
    </row>
    <row r="946" spans="1:54" s="207" customFormat="1" ht="13.95" customHeight="1" x14ac:dyDescent="0.25">
      <c r="A946" s="208" t="s">
        <v>2331</v>
      </c>
      <c r="B946" s="209" t="s">
        <v>20420</v>
      </c>
      <c r="C946" s="113" t="s">
        <v>2332</v>
      </c>
      <c r="D946" s="113" t="s">
        <v>22945</v>
      </c>
      <c r="E946" s="210">
        <v>1967</v>
      </c>
      <c r="F946" s="210">
        <v>850</v>
      </c>
      <c r="G946" s="113" t="s">
        <v>1</v>
      </c>
      <c r="H946" s="113">
        <v>0</v>
      </c>
      <c r="I946" s="113">
        <v>0</v>
      </c>
      <c r="J946" s="115">
        <v>1</v>
      </c>
      <c r="K946" s="116" t="s">
        <v>174</v>
      </c>
      <c r="L946" s="115">
        <v>1</v>
      </c>
      <c r="M946" s="115">
        <v>0</v>
      </c>
      <c r="N946" s="115">
        <v>0</v>
      </c>
      <c r="O946" s="115">
        <v>1</v>
      </c>
      <c r="P946" s="115">
        <v>1</v>
      </c>
      <c r="Q946" s="115" t="s">
        <v>400</v>
      </c>
      <c r="R946" s="115">
        <v>1</v>
      </c>
      <c r="S946" s="115">
        <v>0</v>
      </c>
      <c r="T946" s="115">
        <v>0</v>
      </c>
      <c r="U946" s="119"/>
      <c r="V946" s="119"/>
      <c r="W946" s="119"/>
      <c r="X946" s="119"/>
      <c r="Y946" s="119"/>
      <c r="Z946" s="119"/>
      <c r="AA946" s="119"/>
      <c r="AB946" s="119"/>
      <c r="AC946" s="119"/>
      <c r="AD946" s="119"/>
      <c r="AE946" s="119"/>
      <c r="AF946" s="119"/>
      <c r="AG946" s="119"/>
      <c r="AH946" s="119"/>
      <c r="AI946" s="119"/>
      <c r="AJ946" s="119"/>
      <c r="AK946" s="119"/>
      <c r="AL946" s="119"/>
      <c r="AM946" s="119"/>
      <c r="AN946" s="119"/>
      <c r="AO946" s="119"/>
      <c r="AP946" s="119"/>
      <c r="AQ946" s="119"/>
      <c r="AR946" s="119"/>
      <c r="AS946" s="119"/>
      <c r="AT946" s="119"/>
      <c r="AU946" s="119"/>
      <c r="AV946" s="119"/>
      <c r="AW946" s="119"/>
      <c r="AX946" s="119"/>
      <c r="AY946" s="119"/>
      <c r="AZ946" s="119"/>
      <c r="BA946" s="119"/>
      <c r="BB946" s="107">
        <v>45884</v>
      </c>
    </row>
    <row r="947" spans="1:54" s="207" customFormat="1" ht="13.95" customHeight="1" x14ac:dyDescent="0.25">
      <c r="A947" s="208" t="s">
        <v>2333</v>
      </c>
      <c r="B947" s="209" t="s">
        <v>20420</v>
      </c>
      <c r="C947" s="113" t="s">
        <v>2334</v>
      </c>
      <c r="D947" s="113" t="s">
        <v>22745</v>
      </c>
      <c r="E947" s="210">
        <v>1996</v>
      </c>
      <c r="F947" s="210">
        <v>850</v>
      </c>
      <c r="G947" s="113" t="s">
        <v>1</v>
      </c>
      <c r="H947" s="113">
        <v>0</v>
      </c>
      <c r="I947" s="113">
        <v>0</v>
      </c>
      <c r="J947" s="115">
        <v>1</v>
      </c>
      <c r="K947" s="116" t="s">
        <v>174</v>
      </c>
      <c r="L947" s="115">
        <v>1</v>
      </c>
      <c r="M947" s="115">
        <v>0</v>
      </c>
      <c r="N947" s="115">
        <v>0</v>
      </c>
      <c r="O947" s="115">
        <v>0</v>
      </c>
      <c r="P947" s="115">
        <v>1</v>
      </c>
      <c r="Q947" s="115" t="s">
        <v>400</v>
      </c>
      <c r="R947" s="115">
        <v>1</v>
      </c>
      <c r="S947" s="115">
        <v>0</v>
      </c>
      <c r="T947" s="115">
        <v>0</v>
      </c>
      <c r="U947" s="119"/>
      <c r="V947" s="119"/>
      <c r="W947" s="119"/>
      <c r="X947" s="119"/>
      <c r="Y947" s="119"/>
      <c r="Z947" s="119"/>
      <c r="AA947" s="119"/>
      <c r="AB947" s="119"/>
      <c r="AC947" s="119"/>
      <c r="AD947" s="119"/>
      <c r="AE947" s="119"/>
      <c r="AF947" s="119"/>
      <c r="AG947" s="119"/>
      <c r="AH947" s="119"/>
      <c r="AI947" s="119"/>
      <c r="AJ947" s="119"/>
      <c r="AK947" s="119"/>
      <c r="AL947" s="119"/>
      <c r="AM947" s="119"/>
      <c r="AN947" s="119"/>
      <c r="AO947" s="119"/>
      <c r="AP947" s="119"/>
      <c r="AQ947" s="119"/>
      <c r="AR947" s="119"/>
      <c r="AS947" s="119"/>
      <c r="AT947" s="119"/>
      <c r="AU947" s="119"/>
      <c r="AV947" s="119"/>
      <c r="AW947" s="119"/>
      <c r="AX947" s="119"/>
      <c r="AY947" s="119"/>
      <c r="AZ947" s="119"/>
      <c r="BA947" s="119"/>
      <c r="BB947" s="107">
        <v>45884</v>
      </c>
    </row>
    <row r="948" spans="1:54" s="207" customFormat="1" ht="13.95" customHeight="1" x14ac:dyDescent="0.25">
      <c r="A948" s="208" t="s">
        <v>2335</v>
      </c>
      <c r="B948" s="209" t="s">
        <v>20420</v>
      </c>
      <c r="C948" s="113" t="s">
        <v>2336</v>
      </c>
      <c r="D948" s="113" t="s">
        <v>22946</v>
      </c>
      <c r="E948" s="210">
        <v>1965</v>
      </c>
      <c r="F948" s="210">
        <v>859</v>
      </c>
      <c r="G948" s="113" t="s">
        <v>1</v>
      </c>
      <c r="H948" s="113">
        <v>0</v>
      </c>
      <c r="I948" s="113">
        <v>0</v>
      </c>
      <c r="J948" s="115">
        <v>1</v>
      </c>
      <c r="K948" s="116" t="s">
        <v>174</v>
      </c>
      <c r="L948" s="115">
        <v>1</v>
      </c>
      <c r="M948" s="115">
        <v>0</v>
      </c>
      <c r="N948" s="115">
        <v>0</v>
      </c>
      <c r="O948" s="115">
        <v>1</v>
      </c>
      <c r="P948" s="115">
        <v>1</v>
      </c>
      <c r="Q948" s="115" t="s">
        <v>400</v>
      </c>
      <c r="R948" s="115">
        <v>1</v>
      </c>
      <c r="S948" s="115">
        <v>0</v>
      </c>
      <c r="T948" s="115">
        <v>0</v>
      </c>
      <c r="U948" s="119"/>
      <c r="V948" s="119"/>
      <c r="W948" s="119"/>
      <c r="X948" s="119"/>
      <c r="Y948" s="119"/>
      <c r="Z948" s="119"/>
      <c r="AA948" s="119"/>
      <c r="AB948" s="119"/>
      <c r="AC948" s="119"/>
      <c r="AD948" s="119"/>
      <c r="AE948" s="119"/>
      <c r="AF948" s="119"/>
      <c r="AG948" s="119"/>
      <c r="AH948" s="119"/>
      <c r="AI948" s="119"/>
      <c r="AJ948" s="119"/>
      <c r="AK948" s="119"/>
      <c r="AL948" s="119"/>
      <c r="AM948" s="119"/>
      <c r="AN948" s="119"/>
      <c r="AO948" s="119"/>
      <c r="AP948" s="119"/>
      <c r="AQ948" s="119"/>
      <c r="AR948" s="119"/>
      <c r="AS948" s="119"/>
      <c r="AT948" s="119"/>
      <c r="AU948" s="119"/>
      <c r="AV948" s="119"/>
      <c r="AW948" s="119"/>
      <c r="AX948" s="119"/>
      <c r="AY948" s="119"/>
      <c r="AZ948" s="119"/>
      <c r="BA948" s="119"/>
      <c r="BB948" s="107">
        <v>45884</v>
      </c>
    </row>
    <row r="949" spans="1:54" s="207" customFormat="1" ht="13.95" customHeight="1" x14ac:dyDescent="0.25">
      <c r="A949" s="208" t="s">
        <v>2337</v>
      </c>
      <c r="B949" s="209" t="s">
        <v>20420</v>
      </c>
      <c r="C949" s="113" t="s">
        <v>2338</v>
      </c>
      <c r="D949" s="113" t="s">
        <v>2339</v>
      </c>
      <c r="E949" s="210">
        <v>1988</v>
      </c>
      <c r="F949" s="210">
        <v>855</v>
      </c>
      <c r="G949" s="113" t="s">
        <v>1</v>
      </c>
      <c r="H949" s="113">
        <v>0</v>
      </c>
      <c r="I949" s="113">
        <v>0</v>
      </c>
      <c r="J949" s="115">
        <v>1</v>
      </c>
      <c r="K949" s="116" t="s">
        <v>174</v>
      </c>
      <c r="L949" s="115">
        <v>0</v>
      </c>
      <c r="M949" s="115">
        <v>0</v>
      </c>
      <c r="N949" s="115">
        <v>0</v>
      </c>
      <c r="O949" s="115">
        <v>1</v>
      </c>
      <c r="P949" s="115">
        <v>1</v>
      </c>
      <c r="Q949" s="115" t="s">
        <v>400</v>
      </c>
      <c r="R949" s="115">
        <v>1</v>
      </c>
      <c r="S949" s="115">
        <v>0</v>
      </c>
      <c r="T949" s="115">
        <v>0</v>
      </c>
      <c r="U949" s="119"/>
      <c r="V949" s="119"/>
      <c r="W949" s="119"/>
      <c r="X949" s="119"/>
      <c r="Y949" s="119"/>
      <c r="Z949" s="119"/>
      <c r="AA949" s="119"/>
      <c r="AB949" s="119"/>
      <c r="AC949" s="119"/>
      <c r="AD949" s="119"/>
      <c r="AE949" s="119"/>
      <c r="AF949" s="119"/>
      <c r="AG949" s="119"/>
      <c r="AH949" s="119"/>
      <c r="AI949" s="119"/>
      <c r="AJ949" s="119"/>
      <c r="AK949" s="119"/>
      <c r="AL949" s="119"/>
      <c r="AM949" s="119"/>
      <c r="AN949" s="119"/>
      <c r="AO949" s="119"/>
      <c r="AP949" s="119"/>
      <c r="AQ949" s="119"/>
      <c r="AR949" s="119"/>
      <c r="AS949" s="119"/>
      <c r="AT949" s="119"/>
      <c r="AU949" s="119"/>
      <c r="AV949" s="119"/>
      <c r="AW949" s="119"/>
      <c r="AX949" s="119"/>
      <c r="AY949" s="119"/>
      <c r="AZ949" s="119"/>
      <c r="BA949" s="119"/>
      <c r="BB949" s="107">
        <v>45884</v>
      </c>
    </row>
    <row r="950" spans="1:54" s="207" customFormat="1" ht="13.95" customHeight="1" x14ac:dyDescent="0.25">
      <c r="A950" s="208" t="s">
        <v>2340</v>
      </c>
      <c r="B950" s="209" t="s">
        <v>20420</v>
      </c>
      <c r="C950" s="113" t="s">
        <v>2341</v>
      </c>
      <c r="D950" s="113" t="s">
        <v>22947</v>
      </c>
      <c r="E950" s="210">
        <v>1990</v>
      </c>
      <c r="F950" s="210">
        <v>855</v>
      </c>
      <c r="G950" s="113" t="s">
        <v>1</v>
      </c>
      <c r="H950" s="113">
        <v>0</v>
      </c>
      <c r="I950" s="113">
        <v>0</v>
      </c>
      <c r="J950" s="115">
        <v>1</v>
      </c>
      <c r="K950" s="116" t="s">
        <v>174</v>
      </c>
      <c r="L950" s="115">
        <v>1</v>
      </c>
      <c r="M950" s="115">
        <v>1</v>
      </c>
      <c r="N950" s="115">
        <v>0</v>
      </c>
      <c r="O950" s="115">
        <v>0</v>
      </c>
      <c r="P950" s="115">
        <v>1</v>
      </c>
      <c r="Q950" s="115" t="s">
        <v>400</v>
      </c>
      <c r="R950" s="115">
        <v>0</v>
      </c>
      <c r="S950" s="115">
        <v>0</v>
      </c>
      <c r="T950" s="115">
        <v>0</v>
      </c>
      <c r="U950" s="119"/>
      <c r="V950" s="119"/>
      <c r="W950" s="119"/>
      <c r="X950" s="119"/>
      <c r="Y950" s="119"/>
      <c r="Z950" s="119"/>
      <c r="AA950" s="119"/>
      <c r="AB950" s="119"/>
      <c r="AC950" s="119"/>
      <c r="AD950" s="119"/>
      <c r="AE950" s="119"/>
      <c r="AF950" s="119"/>
      <c r="AG950" s="119"/>
      <c r="AH950" s="119"/>
      <c r="AI950" s="119"/>
      <c r="AJ950" s="119"/>
      <c r="AK950" s="119"/>
      <c r="AL950" s="119"/>
      <c r="AM950" s="119"/>
      <c r="AN950" s="119"/>
      <c r="AO950" s="119"/>
      <c r="AP950" s="119"/>
      <c r="AQ950" s="119"/>
      <c r="AR950" s="119"/>
      <c r="AS950" s="119"/>
      <c r="AT950" s="119"/>
      <c r="AU950" s="119"/>
      <c r="AV950" s="119"/>
      <c r="AW950" s="119"/>
      <c r="AX950" s="119"/>
      <c r="AY950" s="119"/>
      <c r="AZ950" s="119"/>
      <c r="BA950" s="119"/>
      <c r="BB950" s="107">
        <v>45884</v>
      </c>
    </row>
    <row r="951" spans="1:54" s="207" customFormat="1" ht="13.95" customHeight="1" x14ac:dyDescent="0.25">
      <c r="A951" s="208" t="s">
        <v>2342</v>
      </c>
      <c r="B951" s="209" t="s">
        <v>20420</v>
      </c>
      <c r="C951" s="113" t="s">
        <v>2343</v>
      </c>
      <c r="D951" s="113" t="s">
        <v>22948</v>
      </c>
      <c r="E951" s="210">
        <v>1999</v>
      </c>
      <c r="F951" s="210">
        <v>859</v>
      </c>
      <c r="G951" s="113" t="s">
        <v>1</v>
      </c>
      <c r="H951" s="113">
        <v>0</v>
      </c>
      <c r="I951" s="113">
        <v>0</v>
      </c>
      <c r="J951" s="115">
        <v>1</v>
      </c>
      <c r="K951" s="116" t="s">
        <v>174</v>
      </c>
      <c r="L951" s="115">
        <v>0</v>
      </c>
      <c r="M951" s="115">
        <v>0</v>
      </c>
      <c r="N951" s="115">
        <v>0</v>
      </c>
      <c r="O951" s="115">
        <v>0</v>
      </c>
      <c r="P951" s="115">
        <v>1</v>
      </c>
      <c r="Q951" s="115" t="s">
        <v>400</v>
      </c>
      <c r="R951" s="115">
        <v>0</v>
      </c>
      <c r="S951" s="115">
        <v>0</v>
      </c>
      <c r="T951" s="115">
        <v>0</v>
      </c>
      <c r="U951" s="119"/>
      <c r="V951" s="119"/>
      <c r="W951" s="119"/>
      <c r="X951" s="119"/>
      <c r="Y951" s="119"/>
      <c r="Z951" s="119"/>
      <c r="AA951" s="119"/>
      <c r="AB951" s="119"/>
      <c r="AC951" s="119"/>
      <c r="AD951" s="119"/>
      <c r="AE951" s="119"/>
      <c r="AF951" s="119"/>
      <c r="AG951" s="119"/>
      <c r="AH951" s="119"/>
      <c r="AI951" s="119"/>
      <c r="AJ951" s="119"/>
      <c r="AK951" s="119"/>
      <c r="AL951" s="119"/>
      <c r="AM951" s="119"/>
      <c r="AN951" s="119"/>
      <c r="AO951" s="119"/>
      <c r="AP951" s="119"/>
      <c r="AQ951" s="119"/>
      <c r="AR951" s="119"/>
      <c r="AS951" s="119"/>
      <c r="AT951" s="119"/>
      <c r="AU951" s="119"/>
      <c r="AV951" s="119"/>
      <c r="AW951" s="119"/>
      <c r="AX951" s="119"/>
      <c r="AY951" s="119"/>
      <c r="AZ951" s="119"/>
      <c r="BA951" s="119"/>
      <c r="BB951" s="107">
        <v>45884</v>
      </c>
    </row>
    <row r="952" spans="1:54" s="207" customFormat="1" ht="13.95" customHeight="1" x14ac:dyDescent="0.25">
      <c r="A952" s="208" t="s">
        <v>2344</v>
      </c>
      <c r="B952" s="209" t="s">
        <v>20420</v>
      </c>
      <c r="C952" s="113" t="s">
        <v>2345</v>
      </c>
      <c r="D952" s="113" t="s">
        <v>22949</v>
      </c>
      <c r="E952" s="210">
        <v>1991</v>
      </c>
      <c r="F952" s="210">
        <v>860</v>
      </c>
      <c r="G952" s="113" t="s">
        <v>1</v>
      </c>
      <c r="H952" s="113">
        <v>0</v>
      </c>
      <c r="I952" s="113">
        <v>0</v>
      </c>
      <c r="J952" s="115">
        <v>1</v>
      </c>
      <c r="K952" s="116" t="s">
        <v>174</v>
      </c>
      <c r="L952" s="115">
        <v>1</v>
      </c>
      <c r="M952" s="115">
        <v>1</v>
      </c>
      <c r="N952" s="115">
        <v>0</v>
      </c>
      <c r="O952" s="115">
        <v>0</v>
      </c>
      <c r="P952" s="115" t="s">
        <v>400</v>
      </c>
      <c r="Q952" s="115" t="s">
        <v>400</v>
      </c>
      <c r="R952" s="115">
        <v>1</v>
      </c>
      <c r="S952" s="115">
        <v>0</v>
      </c>
      <c r="T952" s="115">
        <v>0</v>
      </c>
      <c r="U952" s="119"/>
      <c r="V952" s="119"/>
      <c r="W952" s="119"/>
      <c r="X952" s="119"/>
      <c r="Y952" s="119"/>
      <c r="Z952" s="119"/>
      <c r="AA952" s="119"/>
      <c r="AB952" s="119"/>
      <c r="AC952" s="119"/>
      <c r="AD952" s="119"/>
      <c r="AE952" s="119"/>
      <c r="AF952" s="119"/>
      <c r="AG952" s="119"/>
      <c r="AH952" s="119"/>
      <c r="AI952" s="119"/>
      <c r="AJ952" s="119"/>
      <c r="AK952" s="119"/>
      <c r="AL952" s="119"/>
      <c r="AM952" s="119"/>
      <c r="AN952" s="119"/>
      <c r="AO952" s="119"/>
      <c r="AP952" s="119"/>
      <c r="AQ952" s="119"/>
      <c r="AR952" s="119"/>
      <c r="AS952" s="119"/>
      <c r="AT952" s="119"/>
      <c r="AU952" s="119"/>
      <c r="AV952" s="119"/>
      <c r="AW952" s="119"/>
      <c r="AX952" s="119"/>
      <c r="AY952" s="119"/>
      <c r="AZ952" s="119"/>
      <c r="BA952" s="119"/>
      <c r="BB952" s="107">
        <v>45884</v>
      </c>
    </row>
    <row r="953" spans="1:54" s="207" customFormat="1" ht="13.95" customHeight="1" x14ac:dyDescent="0.25">
      <c r="A953" s="208" t="s">
        <v>2346</v>
      </c>
      <c r="B953" s="209" t="s">
        <v>20420</v>
      </c>
      <c r="C953" s="113" t="s">
        <v>2347</v>
      </c>
      <c r="D953" s="113" t="s">
        <v>22950</v>
      </c>
      <c r="E953" s="210">
        <v>1963</v>
      </c>
      <c r="F953" s="210">
        <v>861</v>
      </c>
      <c r="G953" s="113" t="s">
        <v>1</v>
      </c>
      <c r="H953" s="113">
        <v>0</v>
      </c>
      <c r="I953" s="113">
        <v>0</v>
      </c>
      <c r="J953" s="115">
        <v>1</v>
      </c>
      <c r="K953" s="211">
        <v>1</v>
      </c>
      <c r="L953" s="115">
        <v>1</v>
      </c>
      <c r="M953" s="115">
        <v>1</v>
      </c>
      <c r="N953" s="115">
        <v>0</v>
      </c>
      <c r="O953" s="115">
        <v>0</v>
      </c>
      <c r="P953" s="115" t="s">
        <v>400</v>
      </c>
      <c r="Q953" s="115" t="s">
        <v>400</v>
      </c>
      <c r="R953" s="115">
        <v>1</v>
      </c>
      <c r="S953" s="115">
        <v>0</v>
      </c>
      <c r="T953" s="115">
        <v>0</v>
      </c>
      <c r="U953" s="119"/>
      <c r="V953" s="119"/>
      <c r="W953" s="119"/>
      <c r="X953" s="119"/>
      <c r="Y953" s="119"/>
      <c r="Z953" s="119"/>
      <c r="AA953" s="119"/>
      <c r="AB953" s="119"/>
      <c r="AC953" s="119"/>
      <c r="AD953" s="119"/>
      <c r="AE953" s="119"/>
      <c r="AF953" s="119"/>
      <c r="AG953" s="119"/>
      <c r="AH953" s="119"/>
      <c r="AI953" s="119"/>
      <c r="AJ953" s="119"/>
      <c r="AK953" s="119"/>
      <c r="AL953" s="119"/>
      <c r="AM953" s="119"/>
      <c r="AN953" s="119"/>
      <c r="AO953" s="119"/>
      <c r="AP953" s="119"/>
      <c r="AQ953" s="119"/>
      <c r="AR953" s="119"/>
      <c r="AS953" s="119"/>
      <c r="AT953" s="119"/>
      <c r="AU953" s="119"/>
      <c r="AV953" s="119"/>
      <c r="AW953" s="119"/>
      <c r="AX953" s="119"/>
      <c r="AY953" s="119"/>
      <c r="AZ953" s="119"/>
      <c r="BA953" s="119"/>
      <c r="BB953" s="107">
        <v>45884</v>
      </c>
    </row>
    <row r="954" spans="1:54" s="207" customFormat="1" ht="13.95" customHeight="1" x14ac:dyDescent="0.25">
      <c r="A954" s="208" t="s">
        <v>2348</v>
      </c>
      <c r="B954" s="209" t="s">
        <v>20420</v>
      </c>
      <c r="C954" s="113" t="s">
        <v>2349</v>
      </c>
      <c r="D954" s="113" t="s">
        <v>2350</v>
      </c>
      <c r="E954" s="210">
        <v>1991</v>
      </c>
      <c r="F954" s="210">
        <v>862</v>
      </c>
      <c r="G954" s="113" t="s">
        <v>1</v>
      </c>
      <c r="H954" s="113">
        <v>0</v>
      </c>
      <c r="I954" s="113">
        <v>0</v>
      </c>
      <c r="J954" s="115">
        <v>1</v>
      </c>
      <c r="K954" s="116" t="s">
        <v>174</v>
      </c>
      <c r="L954" s="115">
        <v>1</v>
      </c>
      <c r="M954" s="115">
        <v>0</v>
      </c>
      <c r="N954" s="115">
        <v>0</v>
      </c>
      <c r="O954" s="115">
        <v>1</v>
      </c>
      <c r="P954" s="115">
        <v>1</v>
      </c>
      <c r="Q954" s="115" t="s">
        <v>400</v>
      </c>
      <c r="R954" s="115">
        <v>0</v>
      </c>
      <c r="S954" s="115">
        <v>0</v>
      </c>
      <c r="T954" s="115">
        <v>0</v>
      </c>
      <c r="U954" s="119"/>
      <c r="V954" s="119"/>
      <c r="W954" s="119"/>
      <c r="X954" s="119"/>
      <c r="Y954" s="119"/>
      <c r="Z954" s="119"/>
      <c r="AA954" s="119"/>
      <c r="AB954" s="119"/>
      <c r="AC954" s="119"/>
      <c r="AD954" s="119"/>
      <c r="AE954" s="119"/>
      <c r="AF954" s="119"/>
      <c r="AG954" s="119"/>
      <c r="AH954" s="119"/>
      <c r="AI954" s="119"/>
      <c r="AJ954" s="119"/>
      <c r="AK954" s="119"/>
      <c r="AL954" s="119"/>
      <c r="AM954" s="119"/>
      <c r="AN954" s="119"/>
      <c r="AO954" s="119"/>
      <c r="AP954" s="119"/>
      <c r="AQ954" s="119"/>
      <c r="AR954" s="119"/>
      <c r="AS954" s="119"/>
      <c r="AT954" s="119"/>
      <c r="AU954" s="119"/>
      <c r="AV954" s="119"/>
      <c r="AW954" s="119"/>
      <c r="AX954" s="119"/>
      <c r="AY954" s="119"/>
      <c r="AZ954" s="119"/>
      <c r="BA954" s="119"/>
      <c r="BB954" s="107">
        <v>45884</v>
      </c>
    </row>
    <row r="955" spans="1:54" s="207" customFormat="1" ht="13.95" customHeight="1" x14ac:dyDescent="0.25">
      <c r="A955" s="208" t="s">
        <v>2351</v>
      </c>
      <c r="B955" s="209" t="s">
        <v>20420</v>
      </c>
      <c r="C955" s="113" t="s">
        <v>2352</v>
      </c>
      <c r="D955" s="113" t="s">
        <v>22951</v>
      </c>
      <c r="E955" s="210">
        <v>1978</v>
      </c>
      <c r="F955" s="210">
        <v>863</v>
      </c>
      <c r="G955" s="113" t="s">
        <v>1</v>
      </c>
      <c r="H955" s="113">
        <v>0</v>
      </c>
      <c r="I955" s="113">
        <v>0</v>
      </c>
      <c r="J955" s="115">
        <v>1</v>
      </c>
      <c r="K955" s="116" t="s">
        <v>174</v>
      </c>
      <c r="L955" s="115">
        <v>0</v>
      </c>
      <c r="M955" s="212">
        <v>0</v>
      </c>
      <c r="N955" s="115">
        <v>0</v>
      </c>
      <c r="O955" s="115">
        <v>1</v>
      </c>
      <c r="P955" s="115" t="s">
        <v>400</v>
      </c>
      <c r="Q955" s="115" t="s">
        <v>400</v>
      </c>
      <c r="R955" s="115">
        <v>0</v>
      </c>
      <c r="S955" s="115">
        <v>0</v>
      </c>
      <c r="T955" s="115">
        <v>0</v>
      </c>
      <c r="U955" s="119"/>
      <c r="V955" s="119"/>
      <c r="W955" s="119"/>
      <c r="X955" s="119"/>
      <c r="Y955" s="119"/>
      <c r="Z955" s="119"/>
      <c r="AA955" s="119"/>
      <c r="AB955" s="119"/>
      <c r="AC955" s="119"/>
      <c r="AD955" s="119"/>
      <c r="AE955" s="119"/>
      <c r="AF955" s="119"/>
      <c r="AG955" s="119"/>
      <c r="AH955" s="119"/>
      <c r="AI955" s="119"/>
      <c r="AJ955" s="119"/>
      <c r="AK955" s="119"/>
      <c r="AL955" s="119"/>
      <c r="AM955" s="119"/>
      <c r="AN955" s="119"/>
      <c r="AO955" s="119"/>
      <c r="AP955" s="119"/>
      <c r="AQ955" s="119"/>
      <c r="AR955" s="119"/>
      <c r="AS955" s="119"/>
      <c r="AT955" s="119"/>
      <c r="AU955" s="119"/>
      <c r="AV955" s="119"/>
      <c r="AW955" s="119"/>
      <c r="AX955" s="119"/>
      <c r="AY955" s="119"/>
      <c r="AZ955" s="119"/>
      <c r="BA955" s="119"/>
      <c r="BB955" s="107">
        <v>45884</v>
      </c>
    </row>
    <row r="956" spans="1:54" s="207" customFormat="1" ht="13.95" customHeight="1" x14ac:dyDescent="0.25">
      <c r="A956" s="208" t="s">
        <v>2353</v>
      </c>
      <c r="B956" s="209" t="s">
        <v>20420</v>
      </c>
      <c r="C956" s="113" t="s">
        <v>2354</v>
      </c>
      <c r="D956" s="113" t="s">
        <v>22952</v>
      </c>
      <c r="E956" s="210">
        <v>1965</v>
      </c>
      <c r="F956" s="210">
        <v>865</v>
      </c>
      <c r="G956" s="113" t="s">
        <v>1</v>
      </c>
      <c r="H956" s="113">
        <v>0</v>
      </c>
      <c r="I956" s="113">
        <v>0</v>
      </c>
      <c r="J956" s="115">
        <v>1</v>
      </c>
      <c r="K956" s="116" t="s">
        <v>174</v>
      </c>
      <c r="L956" s="115">
        <v>1</v>
      </c>
      <c r="M956" s="115">
        <v>1</v>
      </c>
      <c r="N956" s="115">
        <v>0</v>
      </c>
      <c r="O956" s="115">
        <v>1</v>
      </c>
      <c r="P956" s="115" t="s">
        <v>400</v>
      </c>
      <c r="Q956" s="115" t="s">
        <v>400</v>
      </c>
      <c r="R956" s="115">
        <v>0</v>
      </c>
      <c r="S956" s="115">
        <v>0</v>
      </c>
      <c r="T956" s="115">
        <v>0</v>
      </c>
      <c r="U956" s="119"/>
      <c r="V956" s="119"/>
      <c r="W956" s="119"/>
      <c r="X956" s="119"/>
      <c r="Y956" s="119"/>
      <c r="Z956" s="119"/>
      <c r="AA956" s="119"/>
      <c r="AB956" s="119"/>
      <c r="AC956" s="119"/>
      <c r="AD956" s="119"/>
      <c r="AE956" s="119"/>
      <c r="AF956" s="119"/>
      <c r="AG956" s="119"/>
      <c r="AH956" s="119"/>
      <c r="AI956" s="119"/>
      <c r="AJ956" s="119"/>
      <c r="AK956" s="119"/>
      <c r="AL956" s="119"/>
      <c r="AM956" s="119"/>
      <c r="AN956" s="119"/>
      <c r="AO956" s="119"/>
      <c r="AP956" s="119"/>
      <c r="AQ956" s="119"/>
      <c r="AR956" s="119"/>
      <c r="AS956" s="119"/>
      <c r="AT956" s="119"/>
      <c r="AU956" s="119"/>
      <c r="AV956" s="119"/>
      <c r="AW956" s="119"/>
      <c r="AX956" s="119"/>
      <c r="AY956" s="119"/>
      <c r="AZ956" s="119"/>
      <c r="BA956" s="119"/>
      <c r="BB956" s="107">
        <v>45884</v>
      </c>
    </row>
    <row r="957" spans="1:54" s="207" customFormat="1" ht="13.95" customHeight="1" x14ac:dyDescent="0.25">
      <c r="A957" s="208" t="s">
        <v>2355</v>
      </c>
      <c r="B957" s="209" t="s">
        <v>20420</v>
      </c>
      <c r="C957" s="113" t="s">
        <v>2356</v>
      </c>
      <c r="D957" s="113" t="s">
        <v>2357</v>
      </c>
      <c r="E957" s="210">
        <v>1969</v>
      </c>
      <c r="F957" s="210">
        <v>865</v>
      </c>
      <c r="G957" s="113" t="s">
        <v>1</v>
      </c>
      <c r="H957" s="113">
        <v>0</v>
      </c>
      <c r="I957" s="113">
        <v>0</v>
      </c>
      <c r="J957" s="115">
        <v>1</v>
      </c>
      <c r="K957" s="116" t="s">
        <v>174</v>
      </c>
      <c r="L957" s="115">
        <v>1</v>
      </c>
      <c r="M957" s="115">
        <v>0</v>
      </c>
      <c r="N957" s="115">
        <v>0</v>
      </c>
      <c r="O957" s="115">
        <v>1</v>
      </c>
      <c r="P957" s="115">
        <v>1</v>
      </c>
      <c r="Q957" s="115" t="s">
        <v>400</v>
      </c>
      <c r="R957" s="115">
        <v>0</v>
      </c>
      <c r="S957" s="115">
        <v>0</v>
      </c>
      <c r="T957" s="115">
        <v>0</v>
      </c>
      <c r="U957" s="119"/>
      <c r="V957" s="119"/>
      <c r="W957" s="119"/>
      <c r="X957" s="119"/>
      <c r="Y957" s="119"/>
      <c r="Z957" s="119"/>
      <c r="AA957" s="119"/>
      <c r="AB957" s="119"/>
      <c r="AC957" s="119"/>
      <c r="AD957" s="119"/>
      <c r="AE957" s="119"/>
      <c r="AF957" s="119"/>
      <c r="AG957" s="119"/>
      <c r="AH957" s="119"/>
      <c r="AI957" s="119"/>
      <c r="AJ957" s="119"/>
      <c r="AK957" s="119"/>
      <c r="AL957" s="119"/>
      <c r="AM957" s="119"/>
      <c r="AN957" s="119"/>
      <c r="AO957" s="119"/>
      <c r="AP957" s="119"/>
      <c r="AQ957" s="119"/>
      <c r="AR957" s="119"/>
      <c r="AS957" s="119"/>
      <c r="AT957" s="119"/>
      <c r="AU957" s="119"/>
      <c r="AV957" s="119"/>
      <c r="AW957" s="119"/>
      <c r="AX957" s="119"/>
      <c r="AY957" s="119"/>
      <c r="AZ957" s="119"/>
      <c r="BA957" s="119"/>
      <c r="BB957" s="107">
        <v>45884</v>
      </c>
    </row>
    <row r="958" spans="1:54" s="207" customFormat="1" ht="13.95" customHeight="1" x14ac:dyDescent="0.25">
      <c r="A958" s="208" t="s">
        <v>2358</v>
      </c>
      <c r="B958" s="209" t="s">
        <v>20420</v>
      </c>
      <c r="C958" s="113" t="s">
        <v>2359</v>
      </c>
      <c r="D958" s="113" t="s">
        <v>22953</v>
      </c>
      <c r="E958" s="210">
        <v>1991</v>
      </c>
      <c r="F958" s="210">
        <v>868</v>
      </c>
      <c r="G958" s="113" t="s">
        <v>1</v>
      </c>
      <c r="H958" s="113">
        <v>0</v>
      </c>
      <c r="I958" s="113">
        <v>0</v>
      </c>
      <c r="J958" s="115">
        <v>1</v>
      </c>
      <c r="K958" s="116" t="s">
        <v>174</v>
      </c>
      <c r="L958" s="115">
        <v>1</v>
      </c>
      <c r="M958" s="115">
        <v>1</v>
      </c>
      <c r="N958" s="115">
        <v>0</v>
      </c>
      <c r="O958" s="115">
        <v>1</v>
      </c>
      <c r="P958" s="115" t="s">
        <v>400</v>
      </c>
      <c r="Q958" s="115" t="s">
        <v>400</v>
      </c>
      <c r="R958" s="115">
        <v>1</v>
      </c>
      <c r="S958" s="115">
        <v>0</v>
      </c>
      <c r="T958" s="115">
        <v>0</v>
      </c>
      <c r="U958" s="119"/>
      <c r="V958" s="119"/>
      <c r="W958" s="119"/>
      <c r="X958" s="119"/>
      <c r="Y958" s="119"/>
      <c r="Z958" s="119"/>
      <c r="AA958" s="119"/>
      <c r="AB958" s="119"/>
      <c r="AC958" s="119"/>
      <c r="AD958" s="119"/>
      <c r="AE958" s="119"/>
      <c r="AF958" s="119"/>
      <c r="AG958" s="119"/>
      <c r="AH958" s="119"/>
      <c r="AI958" s="119"/>
      <c r="AJ958" s="119"/>
      <c r="AK958" s="119"/>
      <c r="AL958" s="119"/>
      <c r="AM958" s="119"/>
      <c r="AN958" s="119"/>
      <c r="AO958" s="119"/>
      <c r="AP958" s="119"/>
      <c r="AQ958" s="119"/>
      <c r="AR958" s="119"/>
      <c r="AS958" s="119"/>
      <c r="AT958" s="119"/>
      <c r="AU958" s="119"/>
      <c r="AV958" s="119"/>
      <c r="AW958" s="119"/>
      <c r="AX958" s="119"/>
      <c r="AY958" s="119"/>
      <c r="AZ958" s="119"/>
      <c r="BA958" s="119"/>
      <c r="BB958" s="107">
        <v>45884</v>
      </c>
    </row>
    <row r="959" spans="1:54" s="207" customFormat="1" ht="13.95" customHeight="1" x14ac:dyDescent="0.25">
      <c r="A959" s="208" t="s">
        <v>2360</v>
      </c>
      <c r="B959" s="209" t="s">
        <v>20420</v>
      </c>
      <c r="C959" s="113" t="s">
        <v>2361</v>
      </c>
      <c r="D959" s="113" t="s">
        <v>22954</v>
      </c>
      <c r="E959" s="210">
        <v>1987</v>
      </c>
      <c r="F959" s="210">
        <v>868</v>
      </c>
      <c r="G959" s="113" t="s">
        <v>1</v>
      </c>
      <c r="H959" s="113">
        <v>0</v>
      </c>
      <c r="I959" s="113">
        <v>0</v>
      </c>
      <c r="J959" s="115">
        <v>1</v>
      </c>
      <c r="K959" s="116" t="s">
        <v>174</v>
      </c>
      <c r="L959" s="115">
        <v>1</v>
      </c>
      <c r="M959" s="115">
        <v>0</v>
      </c>
      <c r="N959" s="115">
        <v>0</v>
      </c>
      <c r="O959" s="115">
        <v>1</v>
      </c>
      <c r="P959" s="115" t="s">
        <v>400</v>
      </c>
      <c r="Q959" s="115" t="s">
        <v>400</v>
      </c>
      <c r="R959" s="115">
        <v>0</v>
      </c>
      <c r="S959" s="115">
        <v>0</v>
      </c>
      <c r="T959" s="115">
        <v>0</v>
      </c>
      <c r="U959" s="119"/>
      <c r="V959" s="119"/>
      <c r="W959" s="119"/>
      <c r="X959" s="119"/>
      <c r="Y959" s="119"/>
      <c r="Z959" s="119"/>
      <c r="AA959" s="119"/>
      <c r="AB959" s="119"/>
      <c r="AC959" s="119"/>
      <c r="AD959" s="119"/>
      <c r="AE959" s="119"/>
      <c r="AF959" s="119"/>
      <c r="AG959" s="119"/>
      <c r="AH959" s="119"/>
      <c r="AI959" s="119"/>
      <c r="AJ959" s="119"/>
      <c r="AK959" s="119"/>
      <c r="AL959" s="119"/>
      <c r="AM959" s="119"/>
      <c r="AN959" s="119"/>
      <c r="AO959" s="119"/>
      <c r="AP959" s="119"/>
      <c r="AQ959" s="119"/>
      <c r="AR959" s="119"/>
      <c r="AS959" s="119"/>
      <c r="AT959" s="119"/>
      <c r="AU959" s="119"/>
      <c r="AV959" s="119"/>
      <c r="AW959" s="119"/>
      <c r="AX959" s="119"/>
      <c r="AY959" s="119"/>
      <c r="AZ959" s="119"/>
      <c r="BA959" s="119"/>
      <c r="BB959" s="107">
        <v>45884</v>
      </c>
    </row>
    <row r="960" spans="1:54" s="207" customFormat="1" ht="13.95" customHeight="1" x14ac:dyDescent="0.25">
      <c r="A960" s="208" t="s">
        <v>2362</v>
      </c>
      <c r="B960" s="209" t="s">
        <v>20420</v>
      </c>
      <c r="C960" s="113" t="s">
        <v>2363</v>
      </c>
      <c r="D960" s="113" t="s">
        <v>22955</v>
      </c>
      <c r="E960" s="210">
        <v>1986</v>
      </c>
      <c r="F960" s="210">
        <v>871</v>
      </c>
      <c r="G960" s="113" t="s">
        <v>1</v>
      </c>
      <c r="H960" s="113">
        <v>0</v>
      </c>
      <c r="I960" s="113">
        <v>0</v>
      </c>
      <c r="J960" s="115">
        <v>1</v>
      </c>
      <c r="K960" s="116" t="s">
        <v>174</v>
      </c>
      <c r="L960" s="115">
        <v>1</v>
      </c>
      <c r="M960" s="115">
        <v>1</v>
      </c>
      <c r="N960" s="115">
        <v>1</v>
      </c>
      <c r="O960" s="115">
        <v>1</v>
      </c>
      <c r="P960" s="115" t="s">
        <v>400</v>
      </c>
      <c r="Q960" s="115" t="s">
        <v>400</v>
      </c>
      <c r="R960" s="115">
        <v>1</v>
      </c>
      <c r="S960" s="115">
        <v>0</v>
      </c>
      <c r="T960" s="115">
        <v>0</v>
      </c>
      <c r="U960" s="119"/>
      <c r="V960" s="119"/>
      <c r="W960" s="119"/>
      <c r="X960" s="119"/>
      <c r="Y960" s="119"/>
      <c r="Z960" s="119"/>
      <c r="AA960" s="119"/>
      <c r="AB960" s="119"/>
      <c r="AC960" s="119"/>
      <c r="AD960" s="119"/>
      <c r="AE960" s="119"/>
      <c r="AF960" s="119"/>
      <c r="AG960" s="119"/>
      <c r="AH960" s="119"/>
      <c r="AI960" s="119"/>
      <c r="AJ960" s="119"/>
      <c r="AK960" s="119"/>
      <c r="AL960" s="119"/>
      <c r="AM960" s="119"/>
      <c r="AN960" s="119"/>
      <c r="AO960" s="119"/>
      <c r="AP960" s="119"/>
      <c r="AQ960" s="119"/>
      <c r="AR960" s="119"/>
      <c r="AS960" s="119"/>
      <c r="AT960" s="119"/>
      <c r="AU960" s="119"/>
      <c r="AV960" s="119"/>
      <c r="AW960" s="119"/>
      <c r="AX960" s="119"/>
      <c r="AY960" s="119"/>
      <c r="AZ960" s="119"/>
      <c r="BA960" s="119"/>
      <c r="BB960" s="107">
        <v>45884</v>
      </c>
    </row>
    <row r="961" spans="1:54" s="207" customFormat="1" ht="13.95" customHeight="1" x14ac:dyDescent="0.25">
      <c r="A961" s="208" t="s">
        <v>2364</v>
      </c>
      <c r="B961" s="209" t="s">
        <v>20420</v>
      </c>
      <c r="C961" s="113" t="s">
        <v>2365</v>
      </c>
      <c r="D961" s="113" t="s">
        <v>22956</v>
      </c>
      <c r="E961" s="210">
        <v>1990</v>
      </c>
      <c r="F961" s="210">
        <v>872</v>
      </c>
      <c r="G961" s="113" t="s">
        <v>1</v>
      </c>
      <c r="H961" s="113">
        <v>0</v>
      </c>
      <c r="I961" s="113">
        <v>0</v>
      </c>
      <c r="J961" s="115">
        <v>1</v>
      </c>
      <c r="K961" s="116" t="s">
        <v>174</v>
      </c>
      <c r="L961" s="115">
        <v>1</v>
      </c>
      <c r="M961" s="115">
        <v>1</v>
      </c>
      <c r="N961" s="212">
        <v>1</v>
      </c>
      <c r="O961" s="115">
        <v>0</v>
      </c>
      <c r="P961" s="115" t="s">
        <v>400</v>
      </c>
      <c r="Q961" s="115" t="s">
        <v>400</v>
      </c>
      <c r="R961" s="115">
        <v>0</v>
      </c>
      <c r="S961" s="115">
        <v>0</v>
      </c>
      <c r="T961" s="115">
        <v>0</v>
      </c>
      <c r="U961" s="119"/>
      <c r="V961" s="119"/>
      <c r="W961" s="119"/>
      <c r="X961" s="119"/>
      <c r="Y961" s="119"/>
      <c r="Z961" s="119"/>
      <c r="AA961" s="119"/>
      <c r="AB961" s="119"/>
      <c r="AC961" s="119"/>
      <c r="AD961" s="119"/>
      <c r="AE961" s="119"/>
      <c r="AF961" s="119"/>
      <c r="AG961" s="119"/>
      <c r="AH961" s="119"/>
      <c r="AI961" s="119"/>
      <c r="AJ961" s="119"/>
      <c r="AK961" s="119"/>
      <c r="AL961" s="119"/>
      <c r="AM961" s="119"/>
      <c r="AN961" s="119"/>
      <c r="AO961" s="119"/>
      <c r="AP961" s="119"/>
      <c r="AQ961" s="119"/>
      <c r="AR961" s="119"/>
      <c r="AS961" s="119"/>
      <c r="AT961" s="119"/>
      <c r="AU961" s="119"/>
      <c r="AV961" s="119"/>
      <c r="AW961" s="119"/>
      <c r="AX961" s="119"/>
      <c r="AY961" s="119"/>
      <c r="AZ961" s="119"/>
      <c r="BA961" s="119"/>
      <c r="BB961" s="107">
        <v>45884</v>
      </c>
    </row>
    <row r="962" spans="1:54" s="207" customFormat="1" ht="13.95" customHeight="1" x14ac:dyDescent="0.25">
      <c r="A962" s="208" t="s">
        <v>2366</v>
      </c>
      <c r="B962" s="209" t="s">
        <v>20420</v>
      </c>
      <c r="C962" s="113" t="s">
        <v>2367</v>
      </c>
      <c r="D962" s="113" t="s">
        <v>22957</v>
      </c>
      <c r="E962" s="210">
        <v>1974</v>
      </c>
      <c r="F962" s="210">
        <v>873</v>
      </c>
      <c r="G962" s="113" t="s">
        <v>1</v>
      </c>
      <c r="H962" s="113">
        <v>0</v>
      </c>
      <c r="I962" s="113">
        <v>0</v>
      </c>
      <c r="J962" s="115">
        <v>1</v>
      </c>
      <c r="K962" s="116" t="s">
        <v>174</v>
      </c>
      <c r="L962" s="115">
        <v>1</v>
      </c>
      <c r="M962" s="115">
        <v>0</v>
      </c>
      <c r="N962" s="115">
        <v>0</v>
      </c>
      <c r="O962" s="115">
        <v>1</v>
      </c>
      <c r="P962" s="115">
        <v>1</v>
      </c>
      <c r="Q962" s="115" t="s">
        <v>400</v>
      </c>
      <c r="R962" s="115">
        <v>0</v>
      </c>
      <c r="S962" s="115">
        <v>0</v>
      </c>
      <c r="T962" s="115">
        <v>0</v>
      </c>
      <c r="U962" s="119"/>
      <c r="V962" s="119"/>
      <c r="W962" s="119"/>
      <c r="X962" s="119"/>
      <c r="Y962" s="119"/>
      <c r="Z962" s="119"/>
      <c r="AA962" s="119"/>
      <c r="AB962" s="119"/>
      <c r="AC962" s="119"/>
      <c r="AD962" s="119"/>
      <c r="AE962" s="119"/>
      <c r="AF962" s="119"/>
      <c r="AG962" s="119"/>
      <c r="AH962" s="119"/>
      <c r="AI962" s="119"/>
      <c r="AJ962" s="119"/>
      <c r="AK962" s="119"/>
      <c r="AL962" s="119"/>
      <c r="AM962" s="119"/>
      <c r="AN962" s="119"/>
      <c r="AO962" s="119"/>
      <c r="AP962" s="119"/>
      <c r="AQ962" s="119"/>
      <c r="AR962" s="119"/>
      <c r="AS962" s="119"/>
      <c r="AT962" s="119"/>
      <c r="AU962" s="119"/>
      <c r="AV962" s="119"/>
      <c r="AW962" s="119"/>
      <c r="AX962" s="119"/>
      <c r="AY962" s="119"/>
      <c r="AZ962" s="119"/>
      <c r="BA962" s="119"/>
      <c r="BB962" s="107">
        <v>45884</v>
      </c>
    </row>
    <row r="963" spans="1:54" s="207" customFormat="1" ht="13.95" customHeight="1" x14ac:dyDescent="0.25">
      <c r="A963" s="208" t="s">
        <v>2368</v>
      </c>
      <c r="B963" s="209" t="s">
        <v>20420</v>
      </c>
      <c r="C963" s="113" t="s">
        <v>2369</v>
      </c>
      <c r="D963" s="113" t="s">
        <v>2370</v>
      </c>
      <c r="E963" s="210">
        <v>1976</v>
      </c>
      <c r="F963" s="210">
        <v>875</v>
      </c>
      <c r="G963" s="113" t="s">
        <v>1</v>
      </c>
      <c r="H963" s="113">
        <v>0</v>
      </c>
      <c r="I963" s="113">
        <v>0</v>
      </c>
      <c r="J963" s="115">
        <v>1</v>
      </c>
      <c r="K963" s="116" t="s">
        <v>174</v>
      </c>
      <c r="L963" s="115">
        <v>1</v>
      </c>
      <c r="M963" s="115">
        <v>0</v>
      </c>
      <c r="N963" s="115">
        <v>0</v>
      </c>
      <c r="O963" s="115">
        <v>1</v>
      </c>
      <c r="P963" s="115" t="s">
        <v>400</v>
      </c>
      <c r="Q963" s="115" t="s">
        <v>400</v>
      </c>
      <c r="R963" s="115">
        <v>0</v>
      </c>
      <c r="S963" s="115">
        <v>0</v>
      </c>
      <c r="T963" s="115">
        <v>0</v>
      </c>
      <c r="U963" s="119"/>
      <c r="V963" s="119"/>
      <c r="W963" s="119"/>
      <c r="X963" s="119"/>
      <c r="Y963" s="119"/>
      <c r="Z963" s="119"/>
      <c r="AA963" s="119"/>
      <c r="AB963" s="119"/>
      <c r="AC963" s="119"/>
      <c r="AD963" s="119"/>
      <c r="AE963" s="119"/>
      <c r="AF963" s="119"/>
      <c r="AG963" s="119"/>
      <c r="AH963" s="119"/>
      <c r="AI963" s="119"/>
      <c r="AJ963" s="119"/>
      <c r="AK963" s="119"/>
      <c r="AL963" s="119"/>
      <c r="AM963" s="119"/>
      <c r="AN963" s="119"/>
      <c r="AO963" s="119"/>
      <c r="AP963" s="119"/>
      <c r="AQ963" s="119"/>
      <c r="AR963" s="119"/>
      <c r="AS963" s="119"/>
      <c r="AT963" s="119"/>
      <c r="AU963" s="119"/>
      <c r="AV963" s="119"/>
      <c r="AW963" s="119"/>
      <c r="AX963" s="119"/>
      <c r="AY963" s="119"/>
      <c r="AZ963" s="119"/>
      <c r="BA963" s="119"/>
      <c r="BB963" s="107">
        <v>45884</v>
      </c>
    </row>
    <row r="964" spans="1:54" s="207" customFormat="1" ht="13.95" customHeight="1" x14ac:dyDescent="0.25">
      <c r="A964" s="208" t="s">
        <v>2371</v>
      </c>
      <c r="B964" s="209" t="s">
        <v>20420</v>
      </c>
      <c r="C964" s="113" t="s">
        <v>2372</v>
      </c>
      <c r="D964" s="113" t="s">
        <v>22958</v>
      </c>
      <c r="E964" s="210">
        <v>1975</v>
      </c>
      <c r="F964" s="210">
        <v>876</v>
      </c>
      <c r="G964" s="113" t="s">
        <v>1</v>
      </c>
      <c r="H964" s="113">
        <v>0</v>
      </c>
      <c r="I964" s="113">
        <v>0</v>
      </c>
      <c r="J964" s="115">
        <v>1</v>
      </c>
      <c r="K964" s="116" t="s">
        <v>174</v>
      </c>
      <c r="L964" s="115">
        <v>0</v>
      </c>
      <c r="M964" s="115">
        <v>1</v>
      </c>
      <c r="N964" s="115">
        <v>0</v>
      </c>
      <c r="O964" s="115">
        <v>1</v>
      </c>
      <c r="P964" s="115" t="s">
        <v>400</v>
      </c>
      <c r="Q964" s="115" t="s">
        <v>400</v>
      </c>
      <c r="R964" s="115">
        <v>0</v>
      </c>
      <c r="S964" s="115">
        <v>0</v>
      </c>
      <c r="T964" s="115">
        <v>0</v>
      </c>
      <c r="U964" s="119"/>
      <c r="V964" s="119"/>
      <c r="W964" s="119"/>
      <c r="X964" s="119"/>
      <c r="Y964" s="119"/>
      <c r="Z964" s="119"/>
      <c r="AA964" s="119"/>
      <c r="AB964" s="119"/>
      <c r="AC964" s="119"/>
      <c r="AD964" s="119"/>
      <c r="AE964" s="119"/>
      <c r="AF964" s="119"/>
      <c r="AG964" s="119"/>
      <c r="AH964" s="119"/>
      <c r="AI964" s="119"/>
      <c r="AJ964" s="119"/>
      <c r="AK964" s="119"/>
      <c r="AL964" s="119"/>
      <c r="AM964" s="119"/>
      <c r="AN964" s="119"/>
      <c r="AO964" s="119"/>
      <c r="AP964" s="119"/>
      <c r="AQ964" s="119"/>
      <c r="AR964" s="119"/>
      <c r="AS964" s="119"/>
      <c r="AT964" s="119"/>
      <c r="AU964" s="119"/>
      <c r="AV964" s="119"/>
      <c r="AW964" s="119"/>
      <c r="AX964" s="119"/>
      <c r="AY964" s="119"/>
      <c r="AZ964" s="119"/>
      <c r="BA964" s="119"/>
      <c r="BB964" s="107">
        <v>45884</v>
      </c>
    </row>
    <row r="965" spans="1:54" s="207" customFormat="1" ht="13.95" customHeight="1" x14ac:dyDescent="0.25">
      <c r="A965" s="208" t="s">
        <v>2373</v>
      </c>
      <c r="B965" s="209" t="s">
        <v>20420</v>
      </c>
      <c r="C965" s="113" t="s">
        <v>2374</v>
      </c>
      <c r="D965" s="113" t="s">
        <v>22959</v>
      </c>
      <c r="E965" s="210">
        <v>1985</v>
      </c>
      <c r="F965" s="210">
        <v>878</v>
      </c>
      <c r="G965" s="113" t="s">
        <v>1</v>
      </c>
      <c r="H965" s="113">
        <v>0</v>
      </c>
      <c r="I965" s="113">
        <v>0</v>
      </c>
      <c r="J965" s="115">
        <v>1</v>
      </c>
      <c r="K965" s="116" t="s">
        <v>174</v>
      </c>
      <c r="L965" s="115">
        <v>1</v>
      </c>
      <c r="M965" s="115">
        <v>0</v>
      </c>
      <c r="N965" s="115">
        <v>0</v>
      </c>
      <c r="O965" s="115">
        <v>1</v>
      </c>
      <c r="P965" s="115">
        <v>1</v>
      </c>
      <c r="Q965" s="115" t="s">
        <v>400</v>
      </c>
      <c r="R965" s="115">
        <v>1</v>
      </c>
      <c r="S965" s="115">
        <v>0</v>
      </c>
      <c r="T965" s="115">
        <v>0</v>
      </c>
      <c r="U965" s="119"/>
      <c r="V965" s="119"/>
      <c r="W965" s="119"/>
      <c r="X965" s="119"/>
      <c r="Y965" s="119"/>
      <c r="Z965" s="119"/>
      <c r="AA965" s="119"/>
      <c r="AB965" s="119"/>
      <c r="AC965" s="119"/>
      <c r="AD965" s="119"/>
      <c r="AE965" s="119"/>
      <c r="AF965" s="119"/>
      <c r="AG965" s="119"/>
      <c r="AH965" s="119"/>
      <c r="AI965" s="119"/>
      <c r="AJ965" s="119"/>
      <c r="AK965" s="119"/>
      <c r="AL965" s="119"/>
      <c r="AM965" s="119"/>
      <c r="AN965" s="119"/>
      <c r="AO965" s="119"/>
      <c r="AP965" s="119"/>
      <c r="AQ965" s="119"/>
      <c r="AR965" s="119"/>
      <c r="AS965" s="119"/>
      <c r="AT965" s="119"/>
      <c r="AU965" s="119"/>
      <c r="AV965" s="119"/>
      <c r="AW965" s="119"/>
      <c r="AX965" s="119"/>
      <c r="AY965" s="119"/>
      <c r="AZ965" s="119"/>
      <c r="BA965" s="119"/>
      <c r="BB965" s="107">
        <v>45884</v>
      </c>
    </row>
    <row r="966" spans="1:54" s="207" customFormat="1" ht="13.95" customHeight="1" x14ac:dyDescent="0.25">
      <c r="A966" s="208" t="s">
        <v>2375</v>
      </c>
      <c r="B966" s="209" t="s">
        <v>20420</v>
      </c>
      <c r="C966" s="113" t="s">
        <v>2376</v>
      </c>
      <c r="D966" s="113" t="s">
        <v>2377</v>
      </c>
      <c r="E966" s="210">
        <v>1992</v>
      </c>
      <c r="F966" s="210">
        <v>880</v>
      </c>
      <c r="G966" s="113" t="s">
        <v>1</v>
      </c>
      <c r="H966" s="113">
        <v>0</v>
      </c>
      <c r="I966" s="113">
        <v>0</v>
      </c>
      <c r="J966" s="115">
        <v>1</v>
      </c>
      <c r="K966" s="116" t="s">
        <v>174</v>
      </c>
      <c r="L966" s="120">
        <v>0</v>
      </c>
      <c r="M966" s="115">
        <v>0</v>
      </c>
      <c r="N966" s="115">
        <v>0</v>
      </c>
      <c r="O966" s="115">
        <v>1</v>
      </c>
      <c r="P966" s="115">
        <v>1</v>
      </c>
      <c r="Q966" s="115" t="s">
        <v>400</v>
      </c>
      <c r="R966" s="115">
        <v>1</v>
      </c>
      <c r="S966" s="115">
        <v>0</v>
      </c>
      <c r="T966" s="115">
        <v>0</v>
      </c>
      <c r="U966" s="119"/>
      <c r="V966" s="119"/>
      <c r="W966" s="119"/>
      <c r="X966" s="119"/>
      <c r="Y966" s="119"/>
      <c r="Z966" s="119"/>
      <c r="AA966" s="119"/>
      <c r="AB966" s="119"/>
      <c r="AC966" s="119"/>
      <c r="AD966" s="119"/>
      <c r="AE966" s="119"/>
      <c r="AF966" s="119"/>
      <c r="AG966" s="119"/>
      <c r="AH966" s="119"/>
      <c r="AI966" s="119"/>
      <c r="AJ966" s="119"/>
      <c r="AK966" s="119"/>
      <c r="AL966" s="119"/>
      <c r="AM966" s="119"/>
      <c r="AN966" s="119"/>
      <c r="AO966" s="119"/>
      <c r="AP966" s="119"/>
      <c r="AQ966" s="119"/>
      <c r="AR966" s="119"/>
      <c r="AS966" s="119"/>
      <c r="AT966" s="119"/>
      <c r="AU966" s="119"/>
      <c r="AV966" s="119"/>
      <c r="AW966" s="119"/>
      <c r="AX966" s="119"/>
      <c r="AY966" s="119"/>
      <c r="AZ966" s="119"/>
      <c r="BA966" s="119"/>
      <c r="BB966" s="107">
        <v>45884</v>
      </c>
    </row>
    <row r="967" spans="1:54" s="207" customFormat="1" ht="13.95" customHeight="1" x14ac:dyDescent="0.25">
      <c r="A967" s="208" t="s">
        <v>2378</v>
      </c>
      <c r="B967" s="209" t="s">
        <v>20420</v>
      </c>
      <c r="C967" s="113" t="s">
        <v>2379</v>
      </c>
      <c r="D967" s="113" t="s">
        <v>2380</v>
      </c>
      <c r="E967" s="210">
        <v>1998</v>
      </c>
      <c r="F967" s="210">
        <v>882</v>
      </c>
      <c r="G967" s="113" t="s">
        <v>1</v>
      </c>
      <c r="H967" s="113">
        <v>0</v>
      </c>
      <c r="I967" s="113">
        <v>0</v>
      </c>
      <c r="J967" s="115">
        <v>1</v>
      </c>
      <c r="K967" s="116" t="s">
        <v>174</v>
      </c>
      <c r="L967" s="115">
        <v>0</v>
      </c>
      <c r="M967" s="115">
        <v>0</v>
      </c>
      <c r="N967" s="115">
        <v>0</v>
      </c>
      <c r="O967" s="115">
        <v>0</v>
      </c>
      <c r="P967" s="115" t="s">
        <v>400</v>
      </c>
      <c r="Q967" s="115" t="s">
        <v>400</v>
      </c>
      <c r="R967" s="115">
        <v>0</v>
      </c>
      <c r="S967" s="115">
        <v>0</v>
      </c>
      <c r="T967" s="115">
        <v>0</v>
      </c>
      <c r="U967" s="119"/>
      <c r="V967" s="119"/>
      <c r="W967" s="119"/>
      <c r="X967" s="119"/>
      <c r="Y967" s="119"/>
      <c r="Z967" s="119"/>
      <c r="AA967" s="119"/>
      <c r="AB967" s="119"/>
      <c r="AC967" s="119"/>
      <c r="AD967" s="119"/>
      <c r="AE967" s="119"/>
      <c r="AF967" s="119"/>
      <c r="AG967" s="119"/>
      <c r="AH967" s="119"/>
      <c r="AI967" s="119"/>
      <c r="AJ967" s="119"/>
      <c r="AK967" s="119"/>
      <c r="AL967" s="119"/>
      <c r="AM967" s="119"/>
      <c r="AN967" s="119"/>
      <c r="AO967" s="119"/>
      <c r="AP967" s="119"/>
      <c r="AQ967" s="119"/>
      <c r="AR967" s="119"/>
      <c r="AS967" s="119"/>
      <c r="AT967" s="119"/>
      <c r="AU967" s="119"/>
      <c r="AV967" s="119"/>
      <c r="AW967" s="119"/>
      <c r="AX967" s="119"/>
      <c r="AY967" s="119"/>
      <c r="AZ967" s="119"/>
      <c r="BA967" s="119"/>
      <c r="BB967" s="107">
        <v>45884</v>
      </c>
    </row>
    <row r="968" spans="1:54" s="207" customFormat="1" ht="13.95" customHeight="1" x14ac:dyDescent="0.25">
      <c r="A968" s="208" t="s">
        <v>2381</v>
      </c>
      <c r="B968" s="209" t="s">
        <v>20420</v>
      </c>
      <c r="C968" s="113" t="s">
        <v>2382</v>
      </c>
      <c r="D968" s="113" t="s">
        <v>22960</v>
      </c>
      <c r="E968" s="210">
        <v>1969</v>
      </c>
      <c r="F968" s="210">
        <v>882</v>
      </c>
      <c r="G968" s="113" t="s">
        <v>1</v>
      </c>
      <c r="H968" s="113">
        <v>0</v>
      </c>
      <c r="I968" s="113">
        <v>0</v>
      </c>
      <c r="J968" s="115">
        <v>1</v>
      </c>
      <c r="K968" s="211">
        <v>1</v>
      </c>
      <c r="L968" s="115">
        <v>1</v>
      </c>
      <c r="M968" s="115">
        <v>1</v>
      </c>
      <c r="N968" s="115">
        <v>0</v>
      </c>
      <c r="O968" s="115">
        <v>0</v>
      </c>
      <c r="P968" s="115" t="s">
        <v>400</v>
      </c>
      <c r="Q968" s="115" t="s">
        <v>400</v>
      </c>
      <c r="R968" s="115">
        <v>0</v>
      </c>
      <c r="S968" s="115">
        <v>0</v>
      </c>
      <c r="T968" s="115">
        <v>0</v>
      </c>
      <c r="U968" s="119"/>
      <c r="V968" s="119"/>
      <c r="W968" s="119"/>
      <c r="X968" s="119"/>
      <c r="Y968" s="119"/>
      <c r="Z968" s="119"/>
      <c r="AA968" s="119"/>
      <c r="AB968" s="119"/>
      <c r="AC968" s="119"/>
      <c r="AD968" s="119"/>
      <c r="AE968" s="119"/>
      <c r="AF968" s="119"/>
      <c r="AG968" s="119"/>
      <c r="AH968" s="119"/>
      <c r="AI968" s="119"/>
      <c r="AJ968" s="119"/>
      <c r="AK968" s="119"/>
      <c r="AL968" s="119"/>
      <c r="AM968" s="119"/>
      <c r="AN968" s="119"/>
      <c r="AO968" s="119"/>
      <c r="AP968" s="119"/>
      <c r="AQ968" s="119"/>
      <c r="AR968" s="119"/>
      <c r="AS968" s="119"/>
      <c r="AT968" s="119"/>
      <c r="AU968" s="119"/>
      <c r="AV968" s="119"/>
      <c r="AW968" s="119"/>
      <c r="AX968" s="119"/>
      <c r="AY968" s="119"/>
      <c r="AZ968" s="119"/>
      <c r="BA968" s="119"/>
      <c r="BB968" s="107">
        <v>45884</v>
      </c>
    </row>
    <row r="969" spans="1:54" s="207" customFormat="1" ht="13.95" customHeight="1" x14ac:dyDescent="0.25">
      <c r="A969" s="208" t="s">
        <v>2383</v>
      </c>
      <c r="B969" s="209" t="s">
        <v>20420</v>
      </c>
      <c r="C969" s="113" t="s">
        <v>2384</v>
      </c>
      <c r="D969" s="113" t="s">
        <v>22961</v>
      </c>
      <c r="E969" s="210">
        <v>1995</v>
      </c>
      <c r="F969" s="210">
        <v>883</v>
      </c>
      <c r="G969" s="113" t="s">
        <v>1</v>
      </c>
      <c r="H969" s="113">
        <v>0</v>
      </c>
      <c r="I969" s="113">
        <v>0</v>
      </c>
      <c r="J969" s="115">
        <v>1</v>
      </c>
      <c r="K969" s="116" t="s">
        <v>174</v>
      </c>
      <c r="L969" s="115">
        <v>1</v>
      </c>
      <c r="M969" s="115">
        <v>0</v>
      </c>
      <c r="N969" s="115">
        <v>0</v>
      </c>
      <c r="O969" s="115">
        <v>1</v>
      </c>
      <c r="P969" s="115">
        <v>1</v>
      </c>
      <c r="Q969" s="115" t="s">
        <v>400</v>
      </c>
      <c r="R969" s="115">
        <v>1</v>
      </c>
      <c r="S969" s="115">
        <v>0</v>
      </c>
      <c r="T969" s="115">
        <v>0</v>
      </c>
      <c r="U969" s="119"/>
      <c r="V969" s="119"/>
      <c r="W969" s="119"/>
      <c r="X969" s="119"/>
      <c r="Y969" s="119"/>
      <c r="Z969" s="119"/>
      <c r="AA969" s="119"/>
      <c r="AB969" s="119"/>
      <c r="AC969" s="119"/>
      <c r="AD969" s="119"/>
      <c r="AE969" s="119"/>
      <c r="AF969" s="119"/>
      <c r="AG969" s="119"/>
      <c r="AH969" s="119"/>
      <c r="AI969" s="119"/>
      <c r="AJ969" s="119"/>
      <c r="AK969" s="119"/>
      <c r="AL969" s="119"/>
      <c r="AM969" s="119"/>
      <c r="AN969" s="119"/>
      <c r="AO969" s="119"/>
      <c r="AP969" s="119"/>
      <c r="AQ969" s="119"/>
      <c r="AR969" s="119"/>
      <c r="AS969" s="119"/>
      <c r="AT969" s="119"/>
      <c r="AU969" s="119"/>
      <c r="AV969" s="119"/>
      <c r="AW969" s="119"/>
      <c r="AX969" s="119"/>
      <c r="AY969" s="119"/>
      <c r="AZ969" s="119"/>
      <c r="BA969" s="119"/>
      <c r="BB969" s="107">
        <v>45884</v>
      </c>
    </row>
    <row r="970" spans="1:54" s="207" customFormat="1" ht="13.95" customHeight="1" x14ac:dyDescent="0.25">
      <c r="A970" s="208" t="s">
        <v>2385</v>
      </c>
      <c r="B970" s="209" t="s">
        <v>20420</v>
      </c>
      <c r="C970" s="113" t="s">
        <v>2386</v>
      </c>
      <c r="D970" s="113" t="s">
        <v>22962</v>
      </c>
      <c r="E970" s="210">
        <v>2006</v>
      </c>
      <c r="F970" s="210">
        <v>883</v>
      </c>
      <c r="G970" s="113" t="s">
        <v>1</v>
      </c>
      <c r="H970" s="113">
        <v>0</v>
      </c>
      <c r="I970" s="113">
        <v>0</v>
      </c>
      <c r="J970" s="115">
        <v>1</v>
      </c>
      <c r="K970" s="211">
        <v>1</v>
      </c>
      <c r="L970" s="115">
        <v>1</v>
      </c>
      <c r="M970" s="115">
        <v>1</v>
      </c>
      <c r="N970" s="212">
        <v>1</v>
      </c>
      <c r="O970" s="115">
        <v>1</v>
      </c>
      <c r="P970" s="115" t="s">
        <v>400</v>
      </c>
      <c r="Q970" s="115" t="s">
        <v>400</v>
      </c>
      <c r="R970" s="115">
        <v>1</v>
      </c>
      <c r="S970" s="115">
        <v>0</v>
      </c>
      <c r="T970" s="115">
        <v>0</v>
      </c>
      <c r="U970" s="119"/>
      <c r="V970" s="119"/>
      <c r="W970" s="119"/>
      <c r="X970" s="119"/>
      <c r="Y970" s="119"/>
      <c r="Z970" s="119"/>
      <c r="AA970" s="119"/>
      <c r="AB970" s="119"/>
      <c r="AC970" s="119"/>
      <c r="AD970" s="119"/>
      <c r="AE970" s="119"/>
      <c r="AF970" s="119"/>
      <c r="AG970" s="119"/>
      <c r="AH970" s="119"/>
      <c r="AI970" s="119"/>
      <c r="AJ970" s="119"/>
      <c r="AK970" s="119"/>
      <c r="AL970" s="119"/>
      <c r="AM970" s="119"/>
      <c r="AN970" s="119"/>
      <c r="AO970" s="119"/>
      <c r="AP970" s="119"/>
      <c r="AQ970" s="119"/>
      <c r="AR970" s="119"/>
      <c r="AS970" s="119"/>
      <c r="AT970" s="119"/>
      <c r="AU970" s="119"/>
      <c r="AV970" s="119"/>
      <c r="AW970" s="119"/>
      <c r="AX970" s="119"/>
      <c r="AY970" s="119"/>
      <c r="AZ970" s="119"/>
      <c r="BA970" s="119"/>
      <c r="BB970" s="107">
        <v>45884</v>
      </c>
    </row>
    <row r="971" spans="1:54" s="207" customFormat="1" ht="13.95" customHeight="1" x14ac:dyDescent="0.25">
      <c r="A971" s="208" t="s">
        <v>2387</v>
      </c>
      <c r="B971" s="209" t="s">
        <v>20420</v>
      </c>
      <c r="C971" s="113" t="s">
        <v>2388</v>
      </c>
      <c r="D971" s="113" t="s">
        <v>22963</v>
      </c>
      <c r="E971" s="210">
        <v>2010</v>
      </c>
      <c r="F971" s="210">
        <v>885</v>
      </c>
      <c r="G971" s="113" t="s">
        <v>1</v>
      </c>
      <c r="H971" s="113">
        <v>0</v>
      </c>
      <c r="I971" s="113">
        <v>0</v>
      </c>
      <c r="J971" s="115">
        <v>1</v>
      </c>
      <c r="K971" s="116" t="s">
        <v>174</v>
      </c>
      <c r="L971" s="115">
        <v>0</v>
      </c>
      <c r="M971" s="115">
        <v>0</v>
      </c>
      <c r="N971" s="115">
        <v>1</v>
      </c>
      <c r="O971" s="115">
        <v>0</v>
      </c>
      <c r="P971" s="115">
        <v>1</v>
      </c>
      <c r="Q971" s="115" t="s">
        <v>400</v>
      </c>
      <c r="R971" s="115">
        <v>1</v>
      </c>
      <c r="S971" s="115">
        <v>0</v>
      </c>
      <c r="T971" s="115">
        <v>0</v>
      </c>
      <c r="U971" s="119"/>
      <c r="V971" s="119"/>
      <c r="W971" s="119"/>
      <c r="X971" s="119"/>
      <c r="Y971" s="119"/>
      <c r="Z971" s="119"/>
      <c r="AA971" s="119"/>
      <c r="AB971" s="119"/>
      <c r="AC971" s="119"/>
      <c r="AD971" s="119"/>
      <c r="AE971" s="119"/>
      <c r="AF971" s="119"/>
      <c r="AG971" s="119"/>
      <c r="AH971" s="119"/>
      <c r="AI971" s="119"/>
      <c r="AJ971" s="119"/>
      <c r="AK971" s="119"/>
      <c r="AL971" s="119"/>
      <c r="AM971" s="119"/>
      <c r="AN971" s="119"/>
      <c r="AO971" s="119"/>
      <c r="AP971" s="119"/>
      <c r="AQ971" s="119"/>
      <c r="AR971" s="119"/>
      <c r="AS971" s="119"/>
      <c r="AT971" s="119"/>
      <c r="AU971" s="119"/>
      <c r="AV971" s="119"/>
      <c r="AW971" s="119"/>
      <c r="AX971" s="119"/>
      <c r="AY971" s="119"/>
      <c r="AZ971" s="119"/>
      <c r="BA971" s="119"/>
      <c r="BB971" s="107">
        <v>45884</v>
      </c>
    </row>
    <row r="972" spans="1:54" s="207" customFormat="1" ht="13.95" customHeight="1" x14ac:dyDescent="0.25">
      <c r="A972" s="208" t="s">
        <v>2389</v>
      </c>
      <c r="B972" s="209" t="s">
        <v>20420</v>
      </c>
      <c r="C972" s="113" t="s">
        <v>2390</v>
      </c>
      <c r="D972" s="113" t="s">
        <v>2391</v>
      </c>
      <c r="E972" s="210">
        <v>1998</v>
      </c>
      <c r="F972" s="210">
        <v>939</v>
      </c>
      <c r="G972" s="113" t="s">
        <v>1</v>
      </c>
      <c r="H972" s="113">
        <v>0</v>
      </c>
      <c r="I972" s="113">
        <v>0</v>
      </c>
      <c r="J972" s="115">
        <v>1</v>
      </c>
      <c r="K972" s="211">
        <v>1</v>
      </c>
      <c r="L972" s="115">
        <v>1</v>
      </c>
      <c r="M972" s="115">
        <v>1</v>
      </c>
      <c r="N972" s="115">
        <v>0</v>
      </c>
      <c r="O972" s="115">
        <v>0</v>
      </c>
      <c r="P972" s="115" t="s">
        <v>400</v>
      </c>
      <c r="Q972" s="115" t="s">
        <v>400</v>
      </c>
      <c r="R972" s="115">
        <v>1</v>
      </c>
      <c r="S972" s="115">
        <v>0</v>
      </c>
      <c r="T972" s="115">
        <v>0</v>
      </c>
      <c r="U972" s="119"/>
      <c r="V972" s="119"/>
      <c r="W972" s="119"/>
      <c r="X972" s="119"/>
      <c r="Y972" s="119"/>
      <c r="Z972" s="119"/>
      <c r="AA972" s="119"/>
      <c r="AB972" s="119"/>
      <c r="AC972" s="119"/>
      <c r="AD972" s="119"/>
      <c r="AE972" s="119"/>
      <c r="AF972" s="119"/>
      <c r="AG972" s="119"/>
      <c r="AH972" s="119"/>
      <c r="AI972" s="119"/>
      <c r="AJ972" s="119"/>
      <c r="AK972" s="119"/>
      <c r="AL972" s="119"/>
      <c r="AM972" s="119"/>
      <c r="AN972" s="119"/>
      <c r="AO972" s="119"/>
      <c r="AP972" s="119"/>
      <c r="AQ972" s="119"/>
      <c r="AR972" s="119"/>
      <c r="AS972" s="119"/>
      <c r="AT972" s="119"/>
      <c r="AU972" s="119"/>
      <c r="AV972" s="119"/>
      <c r="AW972" s="119"/>
      <c r="AX972" s="119"/>
      <c r="AY972" s="119"/>
      <c r="AZ972" s="119"/>
      <c r="BA972" s="119"/>
      <c r="BB972" s="107">
        <v>45884</v>
      </c>
    </row>
    <row r="973" spans="1:54" s="207" customFormat="1" ht="13.95" customHeight="1" x14ac:dyDescent="0.25">
      <c r="A973" s="208" t="s">
        <v>22964</v>
      </c>
      <c r="B973" s="209" t="s">
        <v>20420</v>
      </c>
      <c r="C973" s="113" t="s">
        <v>2392</v>
      </c>
      <c r="D973" s="113" t="s">
        <v>22965</v>
      </c>
      <c r="E973" s="210">
        <v>1967</v>
      </c>
      <c r="F973" s="210">
        <v>886</v>
      </c>
      <c r="G973" s="113" t="s">
        <v>1</v>
      </c>
      <c r="H973" s="113">
        <v>0</v>
      </c>
      <c r="I973" s="113">
        <v>0</v>
      </c>
      <c r="J973" s="115">
        <v>0</v>
      </c>
      <c r="K973" s="116" t="s">
        <v>174</v>
      </c>
      <c r="L973" s="115">
        <v>0</v>
      </c>
      <c r="M973" s="115">
        <v>1</v>
      </c>
      <c r="N973" s="115">
        <v>1</v>
      </c>
      <c r="O973" s="115">
        <v>1</v>
      </c>
      <c r="P973" s="115" t="s">
        <v>400</v>
      </c>
      <c r="Q973" s="115" t="s">
        <v>400</v>
      </c>
      <c r="R973" s="115">
        <v>0</v>
      </c>
      <c r="S973" s="115">
        <v>0</v>
      </c>
      <c r="T973" s="115">
        <v>0</v>
      </c>
      <c r="U973" s="119"/>
      <c r="V973" s="119"/>
      <c r="W973" s="119"/>
      <c r="X973" s="119"/>
      <c r="Y973" s="119"/>
      <c r="Z973" s="119"/>
      <c r="AA973" s="119"/>
      <c r="AB973" s="119"/>
      <c r="AC973" s="119"/>
      <c r="AD973" s="119"/>
      <c r="AE973" s="119"/>
      <c r="AF973" s="119"/>
      <c r="AG973" s="119"/>
      <c r="AH973" s="119"/>
      <c r="AI973" s="119"/>
      <c r="AJ973" s="119"/>
      <c r="AK973" s="119"/>
      <c r="AL973" s="119"/>
      <c r="AM973" s="119"/>
      <c r="AN973" s="119"/>
      <c r="AO973" s="119"/>
      <c r="AP973" s="119"/>
      <c r="AQ973" s="119"/>
      <c r="AR973" s="119"/>
      <c r="AS973" s="119"/>
      <c r="AT973" s="119"/>
      <c r="AU973" s="119"/>
      <c r="AV973" s="119"/>
      <c r="AW973" s="119"/>
      <c r="AX973" s="119"/>
      <c r="AY973" s="119"/>
      <c r="AZ973" s="119"/>
      <c r="BA973" s="119"/>
      <c r="BB973" s="107">
        <v>45884</v>
      </c>
    </row>
    <row r="974" spans="1:54" s="207" customFormat="1" ht="13.95" customHeight="1" x14ac:dyDescent="0.25">
      <c r="A974" s="208" t="s">
        <v>2393</v>
      </c>
      <c r="B974" s="209" t="s">
        <v>20420</v>
      </c>
      <c r="C974" s="113" t="s">
        <v>2394</v>
      </c>
      <c r="D974" s="113" t="s">
        <v>2395</v>
      </c>
      <c r="E974" s="210">
        <v>1972</v>
      </c>
      <c r="F974" s="210">
        <v>887</v>
      </c>
      <c r="G974" s="113" t="s">
        <v>1</v>
      </c>
      <c r="H974" s="113">
        <v>0</v>
      </c>
      <c r="I974" s="113">
        <v>0</v>
      </c>
      <c r="J974" s="115">
        <v>1</v>
      </c>
      <c r="K974" s="116" t="s">
        <v>174</v>
      </c>
      <c r="L974" s="115">
        <v>1</v>
      </c>
      <c r="M974" s="115">
        <v>0</v>
      </c>
      <c r="N974" s="115">
        <v>1</v>
      </c>
      <c r="O974" s="115">
        <v>1</v>
      </c>
      <c r="P974" s="115">
        <v>1</v>
      </c>
      <c r="Q974" s="115" t="s">
        <v>400</v>
      </c>
      <c r="R974" s="115">
        <v>1</v>
      </c>
      <c r="S974" s="115">
        <v>0</v>
      </c>
      <c r="T974" s="115">
        <v>0</v>
      </c>
      <c r="U974" s="119"/>
      <c r="V974" s="119"/>
      <c r="W974" s="119"/>
      <c r="X974" s="119"/>
      <c r="Y974" s="119"/>
      <c r="Z974" s="119"/>
      <c r="AA974" s="119"/>
      <c r="AB974" s="119"/>
      <c r="AC974" s="119"/>
      <c r="AD974" s="119"/>
      <c r="AE974" s="119"/>
      <c r="AF974" s="119"/>
      <c r="AG974" s="119"/>
      <c r="AH974" s="119"/>
      <c r="AI974" s="119"/>
      <c r="AJ974" s="119"/>
      <c r="AK974" s="119"/>
      <c r="AL974" s="119"/>
      <c r="AM974" s="119"/>
      <c r="AN974" s="119"/>
      <c r="AO974" s="119"/>
      <c r="AP974" s="119"/>
      <c r="AQ974" s="119"/>
      <c r="AR974" s="119"/>
      <c r="AS974" s="119"/>
      <c r="AT974" s="119"/>
      <c r="AU974" s="119"/>
      <c r="AV974" s="119"/>
      <c r="AW974" s="119"/>
      <c r="AX974" s="119"/>
      <c r="AY974" s="119"/>
      <c r="AZ974" s="119"/>
      <c r="BA974" s="119"/>
      <c r="BB974" s="107">
        <v>45884</v>
      </c>
    </row>
    <row r="975" spans="1:54" s="207" customFormat="1" ht="13.95" customHeight="1" x14ac:dyDescent="0.25">
      <c r="A975" s="208" t="s">
        <v>2396</v>
      </c>
      <c r="B975" s="209" t="s">
        <v>20420</v>
      </c>
      <c r="C975" s="113" t="s">
        <v>2397</v>
      </c>
      <c r="D975" s="113" t="s">
        <v>22966</v>
      </c>
      <c r="E975" s="210">
        <v>1973</v>
      </c>
      <c r="F975" s="210">
        <v>887</v>
      </c>
      <c r="G975" s="113" t="s">
        <v>1</v>
      </c>
      <c r="H975" s="113">
        <v>0</v>
      </c>
      <c r="I975" s="113">
        <v>0</v>
      </c>
      <c r="J975" s="115">
        <v>1</v>
      </c>
      <c r="K975" s="116" t="s">
        <v>174</v>
      </c>
      <c r="L975" s="115">
        <v>1</v>
      </c>
      <c r="M975" s="115">
        <v>0</v>
      </c>
      <c r="N975" s="115">
        <v>1</v>
      </c>
      <c r="O975" s="115">
        <v>1</v>
      </c>
      <c r="P975" s="115" t="s">
        <v>400</v>
      </c>
      <c r="Q975" s="115" t="s">
        <v>400</v>
      </c>
      <c r="R975" s="115">
        <v>0</v>
      </c>
      <c r="S975" s="115">
        <v>0</v>
      </c>
      <c r="T975" s="115">
        <v>0</v>
      </c>
      <c r="U975" s="119"/>
      <c r="V975" s="119"/>
      <c r="W975" s="119"/>
      <c r="X975" s="119"/>
      <c r="Y975" s="119"/>
      <c r="Z975" s="119"/>
      <c r="AA975" s="119"/>
      <c r="AB975" s="119"/>
      <c r="AC975" s="119"/>
      <c r="AD975" s="119"/>
      <c r="AE975" s="119"/>
      <c r="AF975" s="119"/>
      <c r="AG975" s="119"/>
      <c r="AH975" s="119"/>
      <c r="AI975" s="119"/>
      <c r="AJ975" s="119"/>
      <c r="AK975" s="119"/>
      <c r="AL975" s="119"/>
      <c r="AM975" s="119"/>
      <c r="AN975" s="119"/>
      <c r="AO975" s="119"/>
      <c r="AP975" s="119"/>
      <c r="AQ975" s="119"/>
      <c r="AR975" s="119"/>
      <c r="AS975" s="119"/>
      <c r="AT975" s="119"/>
      <c r="AU975" s="119"/>
      <c r="AV975" s="119"/>
      <c r="AW975" s="119"/>
      <c r="AX975" s="119"/>
      <c r="AY975" s="119"/>
      <c r="AZ975" s="119"/>
      <c r="BA975" s="119"/>
      <c r="BB975" s="107">
        <v>45884</v>
      </c>
    </row>
    <row r="976" spans="1:54" s="207" customFormat="1" ht="13.95" customHeight="1" x14ac:dyDescent="0.25">
      <c r="A976" s="208" t="s">
        <v>2398</v>
      </c>
      <c r="B976" s="209" t="s">
        <v>20420</v>
      </c>
      <c r="C976" s="113" t="s">
        <v>2399</v>
      </c>
      <c r="D976" s="113" t="s">
        <v>22967</v>
      </c>
      <c r="E976" s="210">
        <v>1978</v>
      </c>
      <c r="F976" s="210">
        <v>888</v>
      </c>
      <c r="G976" s="113" t="s">
        <v>1</v>
      </c>
      <c r="H976" s="113">
        <v>0</v>
      </c>
      <c r="I976" s="113">
        <v>0</v>
      </c>
      <c r="J976" s="115">
        <v>1</v>
      </c>
      <c r="K976" s="116" t="s">
        <v>174</v>
      </c>
      <c r="L976" s="115">
        <v>0</v>
      </c>
      <c r="M976" s="115">
        <v>0</v>
      </c>
      <c r="N976" s="115">
        <v>0</v>
      </c>
      <c r="O976" s="115">
        <v>1</v>
      </c>
      <c r="P976" s="115">
        <v>1</v>
      </c>
      <c r="Q976" s="115" t="s">
        <v>400</v>
      </c>
      <c r="R976" s="115">
        <v>1</v>
      </c>
      <c r="S976" s="115">
        <v>0</v>
      </c>
      <c r="T976" s="115">
        <v>0</v>
      </c>
      <c r="U976" s="119"/>
      <c r="V976" s="119"/>
      <c r="W976" s="119"/>
      <c r="X976" s="119"/>
      <c r="Y976" s="119"/>
      <c r="Z976" s="119"/>
      <c r="AA976" s="119"/>
      <c r="AB976" s="119"/>
      <c r="AC976" s="119"/>
      <c r="AD976" s="119"/>
      <c r="AE976" s="119"/>
      <c r="AF976" s="119"/>
      <c r="AG976" s="119"/>
      <c r="AH976" s="119"/>
      <c r="AI976" s="119"/>
      <c r="AJ976" s="119"/>
      <c r="AK976" s="119"/>
      <c r="AL976" s="119"/>
      <c r="AM976" s="119"/>
      <c r="AN976" s="119"/>
      <c r="AO976" s="119"/>
      <c r="AP976" s="119"/>
      <c r="AQ976" s="119"/>
      <c r="AR976" s="119"/>
      <c r="AS976" s="119"/>
      <c r="AT976" s="119"/>
      <c r="AU976" s="119"/>
      <c r="AV976" s="119"/>
      <c r="AW976" s="119"/>
      <c r="AX976" s="119"/>
      <c r="AY976" s="119"/>
      <c r="AZ976" s="119"/>
      <c r="BA976" s="119"/>
      <c r="BB976" s="107">
        <v>45884</v>
      </c>
    </row>
    <row r="977" spans="1:54" s="207" customFormat="1" ht="13.95" customHeight="1" x14ac:dyDescent="0.25">
      <c r="A977" s="208" t="s">
        <v>2400</v>
      </c>
      <c r="B977" s="209" t="s">
        <v>20420</v>
      </c>
      <c r="C977" s="113" t="s">
        <v>2401</v>
      </c>
      <c r="D977" s="113" t="s">
        <v>2402</v>
      </c>
      <c r="E977" s="210">
        <v>2000</v>
      </c>
      <c r="F977" s="210">
        <v>889</v>
      </c>
      <c r="G977" s="113" t="s">
        <v>1</v>
      </c>
      <c r="H977" s="113">
        <v>0</v>
      </c>
      <c r="I977" s="113">
        <v>0</v>
      </c>
      <c r="J977" s="115">
        <v>1</v>
      </c>
      <c r="K977" s="116" t="s">
        <v>174</v>
      </c>
      <c r="L977" s="115">
        <v>1</v>
      </c>
      <c r="M977" s="115">
        <v>1</v>
      </c>
      <c r="N977" s="115">
        <v>0</v>
      </c>
      <c r="O977" s="115">
        <v>0</v>
      </c>
      <c r="P977" s="115" t="s">
        <v>400</v>
      </c>
      <c r="Q977" s="115" t="s">
        <v>400</v>
      </c>
      <c r="R977" s="115">
        <v>1</v>
      </c>
      <c r="S977" s="115">
        <v>0</v>
      </c>
      <c r="T977" s="115">
        <v>0</v>
      </c>
      <c r="U977" s="119"/>
      <c r="V977" s="119"/>
      <c r="W977" s="119"/>
      <c r="X977" s="119"/>
      <c r="Y977" s="119"/>
      <c r="Z977" s="119"/>
      <c r="AA977" s="119"/>
      <c r="AB977" s="119"/>
      <c r="AC977" s="119"/>
      <c r="AD977" s="119"/>
      <c r="AE977" s="119"/>
      <c r="AF977" s="119"/>
      <c r="AG977" s="119"/>
      <c r="AH977" s="119"/>
      <c r="AI977" s="119"/>
      <c r="AJ977" s="119"/>
      <c r="AK977" s="119"/>
      <c r="AL977" s="119"/>
      <c r="AM977" s="119"/>
      <c r="AN977" s="119"/>
      <c r="AO977" s="119"/>
      <c r="AP977" s="119"/>
      <c r="AQ977" s="119"/>
      <c r="AR977" s="119"/>
      <c r="AS977" s="119"/>
      <c r="AT977" s="119"/>
      <c r="AU977" s="119"/>
      <c r="AV977" s="119"/>
      <c r="AW977" s="119"/>
      <c r="AX977" s="119"/>
      <c r="AY977" s="119"/>
      <c r="AZ977" s="119"/>
      <c r="BA977" s="119"/>
      <c r="BB977" s="107">
        <v>45884</v>
      </c>
    </row>
    <row r="978" spans="1:54" s="207" customFormat="1" ht="13.95" customHeight="1" x14ac:dyDescent="0.25">
      <c r="A978" s="208" t="s">
        <v>2403</v>
      </c>
      <c r="B978" s="209" t="s">
        <v>20420</v>
      </c>
      <c r="C978" s="113" t="s">
        <v>2404</v>
      </c>
      <c r="D978" s="113" t="s">
        <v>2405</v>
      </c>
      <c r="E978" s="210">
        <v>1988</v>
      </c>
      <c r="F978" s="210">
        <v>889</v>
      </c>
      <c r="G978" s="113" t="s">
        <v>1</v>
      </c>
      <c r="H978" s="113">
        <v>0</v>
      </c>
      <c r="I978" s="113">
        <v>0</v>
      </c>
      <c r="J978" s="115">
        <v>1</v>
      </c>
      <c r="K978" s="116" t="s">
        <v>174</v>
      </c>
      <c r="L978" s="115">
        <v>1</v>
      </c>
      <c r="M978" s="115">
        <v>0</v>
      </c>
      <c r="N978" s="115">
        <v>0</v>
      </c>
      <c r="O978" s="115">
        <v>1</v>
      </c>
      <c r="P978" s="115">
        <v>1</v>
      </c>
      <c r="Q978" s="115" t="s">
        <v>400</v>
      </c>
      <c r="R978" s="115">
        <v>1</v>
      </c>
      <c r="S978" s="115">
        <v>0</v>
      </c>
      <c r="T978" s="115">
        <v>0</v>
      </c>
      <c r="U978" s="119"/>
      <c r="V978" s="119"/>
      <c r="W978" s="119"/>
      <c r="X978" s="119"/>
      <c r="Y978" s="119"/>
      <c r="Z978" s="119"/>
      <c r="AA978" s="119"/>
      <c r="AB978" s="119"/>
      <c r="AC978" s="119"/>
      <c r="AD978" s="119"/>
      <c r="AE978" s="119"/>
      <c r="AF978" s="119"/>
      <c r="AG978" s="119"/>
      <c r="AH978" s="119"/>
      <c r="AI978" s="119"/>
      <c r="AJ978" s="119"/>
      <c r="AK978" s="119"/>
      <c r="AL978" s="119"/>
      <c r="AM978" s="119"/>
      <c r="AN978" s="119"/>
      <c r="AO978" s="119"/>
      <c r="AP978" s="119"/>
      <c r="AQ978" s="119"/>
      <c r="AR978" s="119"/>
      <c r="AS978" s="119"/>
      <c r="AT978" s="119"/>
      <c r="AU978" s="119"/>
      <c r="AV978" s="119"/>
      <c r="AW978" s="119"/>
      <c r="AX978" s="119"/>
      <c r="AY978" s="119"/>
      <c r="AZ978" s="119"/>
      <c r="BA978" s="119"/>
      <c r="BB978" s="107">
        <v>45884</v>
      </c>
    </row>
    <row r="979" spans="1:54" s="207" customFormat="1" ht="13.95" customHeight="1" x14ac:dyDescent="0.25">
      <c r="A979" s="208" t="s">
        <v>2406</v>
      </c>
      <c r="B979" s="209" t="s">
        <v>20420</v>
      </c>
      <c r="C979" s="113" t="s">
        <v>2407</v>
      </c>
      <c r="D979" s="113" t="s">
        <v>22968</v>
      </c>
      <c r="E979" s="210">
        <v>2007</v>
      </c>
      <c r="F979" s="210">
        <v>892</v>
      </c>
      <c r="G979" s="113" t="s">
        <v>1</v>
      </c>
      <c r="H979" s="113">
        <v>0</v>
      </c>
      <c r="I979" s="113">
        <v>0</v>
      </c>
      <c r="J979" s="115">
        <v>1</v>
      </c>
      <c r="K979" s="211">
        <v>1</v>
      </c>
      <c r="L979" s="115">
        <v>0</v>
      </c>
      <c r="M979" s="115">
        <v>0</v>
      </c>
      <c r="N979" s="115">
        <v>0</v>
      </c>
      <c r="O979" s="115">
        <v>0</v>
      </c>
      <c r="P979" s="115" t="s">
        <v>400</v>
      </c>
      <c r="Q979" s="115" t="s">
        <v>400</v>
      </c>
      <c r="R979" s="115">
        <v>0</v>
      </c>
      <c r="S979" s="115">
        <v>0</v>
      </c>
      <c r="T979" s="115">
        <v>0</v>
      </c>
      <c r="U979" s="119"/>
      <c r="V979" s="119"/>
      <c r="W979" s="119"/>
      <c r="X979" s="119"/>
      <c r="Y979" s="119"/>
      <c r="Z979" s="119"/>
      <c r="AA979" s="119"/>
      <c r="AB979" s="119"/>
      <c r="AC979" s="119"/>
      <c r="AD979" s="119"/>
      <c r="AE979" s="119"/>
      <c r="AF979" s="119"/>
      <c r="AG979" s="119"/>
      <c r="AH979" s="119"/>
      <c r="AI979" s="119"/>
      <c r="AJ979" s="119"/>
      <c r="AK979" s="119"/>
      <c r="AL979" s="119"/>
      <c r="AM979" s="119"/>
      <c r="AN979" s="119"/>
      <c r="AO979" s="119"/>
      <c r="AP979" s="119"/>
      <c r="AQ979" s="119"/>
      <c r="AR979" s="119"/>
      <c r="AS979" s="119"/>
      <c r="AT979" s="119"/>
      <c r="AU979" s="119"/>
      <c r="AV979" s="119"/>
      <c r="AW979" s="119"/>
      <c r="AX979" s="119"/>
      <c r="AY979" s="119"/>
      <c r="AZ979" s="119"/>
      <c r="BA979" s="119"/>
      <c r="BB979" s="107">
        <v>45884</v>
      </c>
    </row>
    <row r="980" spans="1:54" s="207" customFormat="1" ht="13.95" customHeight="1" x14ac:dyDescent="0.25">
      <c r="A980" s="208" t="s">
        <v>2408</v>
      </c>
      <c r="B980" s="209" t="s">
        <v>20420</v>
      </c>
      <c r="C980" s="113" t="s">
        <v>2409</v>
      </c>
      <c r="D980" s="113" t="s">
        <v>22969</v>
      </c>
      <c r="E980" s="210">
        <v>1956</v>
      </c>
      <c r="F980" s="210">
        <v>893</v>
      </c>
      <c r="G980" s="113" t="s">
        <v>1</v>
      </c>
      <c r="H980" s="113">
        <v>0</v>
      </c>
      <c r="I980" s="113">
        <v>0</v>
      </c>
      <c r="J980" s="115">
        <v>1</v>
      </c>
      <c r="K980" s="116" t="s">
        <v>174</v>
      </c>
      <c r="L980" s="115">
        <v>0</v>
      </c>
      <c r="M980" s="115">
        <v>0</v>
      </c>
      <c r="N980" s="115">
        <v>0</v>
      </c>
      <c r="O980" s="115">
        <v>1</v>
      </c>
      <c r="P980" s="115">
        <v>1</v>
      </c>
      <c r="Q980" s="115" t="s">
        <v>400</v>
      </c>
      <c r="R980" s="115">
        <v>0</v>
      </c>
      <c r="S980" s="115">
        <v>0</v>
      </c>
      <c r="T980" s="115">
        <v>0</v>
      </c>
      <c r="U980" s="119"/>
      <c r="V980" s="119"/>
      <c r="W980" s="119"/>
      <c r="X980" s="119"/>
      <c r="Y980" s="119"/>
      <c r="Z980" s="119"/>
      <c r="AA980" s="119"/>
      <c r="AB980" s="119"/>
      <c r="AC980" s="119"/>
      <c r="AD980" s="119"/>
      <c r="AE980" s="119"/>
      <c r="AF980" s="119"/>
      <c r="AG980" s="119"/>
      <c r="AH980" s="119"/>
      <c r="AI980" s="119"/>
      <c r="AJ980" s="119"/>
      <c r="AK980" s="119"/>
      <c r="AL980" s="119"/>
      <c r="AM980" s="119"/>
      <c r="AN980" s="119"/>
      <c r="AO980" s="119"/>
      <c r="AP980" s="119"/>
      <c r="AQ980" s="119"/>
      <c r="AR980" s="119"/>
      <c r="AS980" s="119"/>
      <c r="AT980" s="119"/>
      <c r="AU980" s="119"/>
      <c r="AV980" s="119"/>
      <c r="AW980" s="119"/>
      <c r="AX980" s="119"/>
      <c r="AY980" s="119"/>
      <c r="AZ980" s="119"/>
      <c r="BA980" s="119"/>
      <c r="BB980" s="107">
        <v>45884</v>
      </c>
    </row>
    <row r="981" spans="1:54" s="207" customFormat="1" ht="13.95" customHeight="1" x14ac:dyDescent="0.25">
      <c r="A981" s="208" t="s">
        <v>2410</v>
      </c>
      <c r="B981" s="209" t="s">
        <v>20420</v>
      </c>
      <c r="C981" s="113" t="s">
        <v>2411</v>
      </c>
      <c r="D981" s="113" t="s">
        <v>2412</v>
      </c>
      <c r="E981" s="210">
        <v>1973</v>
      </c>
      <c r="F981" s="210">
        <v>893</v>
      </c>
      <c r="G981" s="113" t="s">
        <v>1</v>
      </c>
      <c r="H981" s="113">
        <v>0</v>
      </c>
      <c r="I981" s="113">
        <v>0</v>
      </c>
      <c r="J981" s="115">
        <v>1</v>
      </c>
      <c r="K981" s="116" t="s">
        <v>174</v>
      </c>
      <c r="L981" s="115">
        <v>1</v>
      </c>
      <c r="M981" s="115">
        <v>0</v>
      </c>
      <c r="N981" s="115">
        <v>0</v>
      </c>
      <c r="O981" s="115">
        <v>1</v>
      </c>
      <c r="P981" s="115">
        <v>1</v>
      </c>
      <c r="Q981" s="115" t="s">
        <v>400</v>
      </c>
      <c r="R981" s="115">
        <v>0</v>
      </c>
      <c r="S981" s="115">
        <v>0</v>
      </c>
      <c r="T981" s="115">
        <v>0</v>
      </c>
      <c r="U981" s="119"/>
      <c r="V981" s="119"/>
      <c r="W981" s="119"/>
      <c r="X981" s="119"/>
      <c r="Y981" s="119"/>
      <c r="Z981" s="119"/>
      <c r="AA981" s="119"/>
      <c r="AB981" s="119"/>
      <c r="AC981" s="119"/>
      <c r="AD981" s="119"/>
      <c r="AE981" s="119"/>
      <c r="AF981" s="119"/>
      <c r="AG981" s="119"/>
      <c r="AH981" s="119"/>
      <c r="AI981" s="119"/>
      <c r="AJ981" s="119"/>
      <c r="AK981" s="119"/>
      <c r="AL981" s="119"/>
      <c r="AM981" s="119"/>
      <c r="AN981" s="119"/>
      <c r="AO981" s="119"/>
      <c r="AP981" s="119"/>
      <c r="AQ981" s="119"/>
      <c r="AR981" s="119"/>
      <c r="AS981" s="119"/>
      <c r="AT981" s="119"/>
      <c r="AU981" s="119"/>
      <c r="AV981" s="119"/>
      <c r="AW981" s="119"/>
      <c r="AX981" s="119"/>
      <c r="AY981" s="119"/>
      <c r="AZ981" s="119"/>
      <c r="BA981" s="119"/>
      <c r="BB981" s="107">
        <v>45884</v>
      </c>
    </row>
    <row r="982" spans="1:54" s="207" customFormat="1" ht="13.95" customHeight="1" x14ac:dyDescent="0.25">
      <c r="A982" s="208" t="s">
        <v>2413</v>
      </c>
      <c r="B982" s="209" t="s">
        <v>20420</v>
      </c>
      <c r="C982" s="113" t="s">
        <v>2414</v>
      </c>
      <c r="D982" s="113" t="s">
        <v>2415</v>
      </c>
      <c r="E982" s="210">
        <v>2012</v>
      </c>
      <c r="F982" s="210">
        <v>898</v>
      </c>
      <c r="G982" s="113" t="s">
        <v>1</v>
      </c>
      <c r="H982" s="113">
        <v>0</v>
      </c>
      <c r="I982" s="113">
        <v>0</v>
      </c>
      <c r="J982" s="115">
        <v>1</v>
      </c>
      <c r="K982" s="116" t="s">
        <v>174</v>
      </c>
      <c r="L982" s="115">
        <v>0</v>
      </c>
      <c r="M982" s="115">
        <v>0</v>
      </c>
      <c r="N982" s="115">
        <v>0</v>
      </c>
      <c r="O982" s="115">
        <v>0</v>
      </c>
      <c r="P982" s="115">
        <v>1</v>
      </c>
      <c r="Q982" s="115" t="s">
        <v>400</v>
      </c>
      <c r="R982" s="115">
        <v>1</v>
      </c>
      <c r="S982" s="115">
        <v>0</v>
      </c>
      <c r="T982" s="115">
        <v>0</v>
      </c>
      <c r="U982" s="119"/>
      <c r="V982" s="119"/>
      <c r="W982" s="119"/>
      <c r="X982" s="119"/>
      <c r="Y982" s="119"/>
      <c r="Z982" s="119"/>
      <c r="AA982" s="119"/>
      <c r="AB982" s="119"/>
      <c r="AC982" s="119"/>
      <c r="AD982" s="119"/>
      <c r="AE982" s="119"/>
      <c r="AF982" s="119"/>
      <c r="AG982" s="119"/>
      <c r="AH982" s="119"/>
      <c r="AI982" s="119"/>
      <c r="AJ982" s="119"/>
      <c r="AK982" s="119"/>
      <c r="AL982" s="119"/>
      <c r="AM982" s="119"/>
      <c r="AN982" s="119"/>
      <c r="AO982" s="119"/>
      <c r="AP982" s="119"/>
      <c r="AQ982" s="119"/>
      <c r="AR982" s="119"/>
      <c r="AS982" s="119"/>
      <c r="AT982" s="119"/>
      <c r="AU982" s="119"/>
      <c r="AV982" s="119"/>
      <c r="AW982" s="119"/>
      <c r="AX982" s="119"/>
      <c r="AY982" s="119"/>
      <c r="AZ982" s="119"/>
      <c r="BA982" s="119"/>
      <c r="BB982" s="107">
        <v>45884</v>
      </c>
    </row>
    <row r="983" spans="1:54" s="207" customFormat="1" ht="13.95" customHeight="1" x14ac:dyDescent="0.25">
      <c r="A983" s="208" t="s">
        <v>2416</v>
      </c>
      <c r="B983" s="209" t="s">
        <v>20420</v>
      </c>
      <c r="C983" s="113" t="s">
        <v>2417</v>
      </c>
      <c r="D983" s="113" t="s">
        <v>22970</v>
      </c>
      <c r="E983" s="210">
        <v>1986</v>
      </c>
      <c r="F983" s="210">
        <v>899</v>
      </c>
      <c r="G983" s="113" t="s">
        <v>1</v>
      </c>
      <c r="H983" s="113">
        <v>0</v>
      </c>
      <c r="I983" s="113">
        <v>0</v>
      </c>
      <c r="J983" s="115">
        <v>1</v>
      </c>
      <c r="K983" s="116" t="s">
        <v>174</v>
      </c>
      <c r="L983" s="115">
        <v>1</v>
      </c>
      <c r="M983" s="115">
        <v>1</v>
      </c>
      <c r="N983" s="115">
        <v>0</v>
      </c>
      <c r="O983" s="115">
        <v>0</v>
      </c>
      <c r="P983" s="115" t="s">
        <v>400</v>
      </c>
      <c r="Q983" s="115" t="s">
        <v>400</v>
      </c>
      <c r="R983" s="115">
        <v>0</v>
      </c>
      <c r="S983" s="115">
        <v>0</v>
      </c>
      <c r="T983" s="115">
        <v>0</v>
      </c>
      <c r="U983" s="119"/>
      <c r="V983" s="119"/>
      <c r="W983" s="119"/>
      <c r="X983" s="119"/>
      <c r="Y983" s="119"/>
      <c r="Z983" s="119"/>
      <c r="AA983" s="119"/>
      <c r="AB983" s="119"/>
      <c r="AC983" s="119"/>
      <c r="AD983" s="119"/>
      <c r="AE983" s="119"/>
      <c r="AF983" s="119"/>
      <c r="AG983" s="119"/>
      <c r="AH983" s="119"/>
      <c r="AI983" s="119"/>
      <c r="AJ983" s="119"/>
      <c r="AK983" s="119"/>
      <c r="AL983" s="119"/>
      <c r="AM983" s="119"/>
      <c r="AN983" s="119"/>
      <c r="AO983" s="119"/>
      <c r="AP983" s="119"/>
      <c r="AQ983" s="119"/>
      <c r="AR983" s="119"/>
      <c r="AS983" s="119"/>
      <c r="AT983" s="119"/>
      <c r="AU983" s="119"/>
      <c r="AV983" s="119"/>
      <c r="AW983" s="119"/>
      <c r="AX983" s="119"/>
      <c r="AY983" s="119"/>
      <c r="AZ983" s="119"/>
      <c r="BA983" s="119"/>
      <c r="BB983" s="107">
        <v>45884</v>
      </c>
    </row>
    <row r="984" spans="1:54" s="207" customFormat="1" ht="13.95" customHeight="1" x14ac:dyDescent="0.25">
      <c r="A984" s="208" t="s">
        <v>2418</v>
      </c>
      <c r="B984" s="209" t="s">
        <v>20420</v>
      </c>
      <c r="C984" s="113" t="s">
        <v>2419</v>
      </c>
      <c r="D984" s="113" t="s">
        <v>22971</v>
      </c>
      <c r="E984" s="210">
        <v>1994</v>
      </c>
      <c r="F984" s="210">
        <v>899</v>
      </c>
      <c r="G984" s="113" t="s">
        <v>1</v>
      </c>
      <c r="H984" s="113">
        <v>0</v>
      </c>
      <c r="I984" s="113">
        <v>0</v>
      </c>
      <c r="J984" s="115">
        <v>1</v>
      </c>
      <c r="K984" s="116" t="s">
        <v>174</v>
      </c>
      <c r="L984" s="115">
        <v>1</v>
      </c>
      <c r="M984" s="115">
        <v>0</v>
      </c>
      <c r="N984" s="115">
        <v>0</v>
      </c>
      <c r="O984" s="115">
        <v>1</v>
      </c>
      <c r="P984" s="115">
        <v>1</v>
      </c>
      <c r="Q984" s="115" t="s">
        <v>400</v>
      </c>
      <c r="R984" s="115">
        <v>0</v>
      </c>
      <c r="S984" s="115">
        <v>0</v>
      </c>
      <c r="T984" s="115">
        <v>0</v>
      </c>
      <c r="U984" s="119"/>
      <c r="V984" s="119"/>
      <c r="W984" s="119"/>
      <c r="X984" s="119"/>
      <c r="Y984" s="119"/>
      <c r="Z984" s="119"/>
      <c r="AA984" s="119"/>
      <c r="AB984" s="119"/>
      <c r="AC984" s="119"/>
      <c r="AD984" s="119"/>
      <c r="AE984" s="119"/>
      <c r="AF984" s="119"/>
      <c r="AG984" s="119"/>
      <c r="AH984" s="119"/>
      <c r="AI984" s="119"/>
      <c r="AJ984" s="119"/>
      <c r="AK984" s="119"/>
      <c r="AL984" s="119"/>
      <c r="AM984" s="119"/>
      <c r="AN984" s="119"/>
      <c r="AO984" s="119"/>
      <c r="AP984" s="119"/>
      <c r="AQ984" s="119"/>
      <c r="AR984" s="119"/>
      <c r="AS984" s="119"/>
      <c r="AT984" s="119"/>
      <c r="AU984" s="119"/>
      <c r="AV984" s="119"/>
      <c r="AW984" s="119"/>
      <c r="AX984" s="119"/>
      <c r="AY984" s="119"/>
      <c r="AZ984" s="119"/>
      <c r="BA984" s="119"/>
      <c r="BB984" s="107">
        <v>45884</v>
      </c>
    </row>
    <row r="985" spans="1:54" s="207" customFormat="1" ht="13.95" customHeight="1" x14ac:dyDescent="0.25">
      <c r="A985" s="208" t="s">
        <v>2420</v>
      </c>
      <c r="B985" s="209" t="s">
        <v>20420</v>
      </c>
      <c r="C985" s="113" t="s">
        <v>2421</v>
      </c>
      <c r="D985" s="113" t="s">
        <v>2422</v>
      </c>
      <c r="E985" s="210">
        <v>1979</v>
      </c>
      <c r="F985" s="210">
        <v>900</v>
      </c>
      <c r="G985" s="113" t="s">
        <v>1</v>
      </c>
      <c r="H985" s="113">
        <v>0</v>
      </c>
      <c r="I985" s="113">
        <v>0</v>
      </c>
      <c r="J985" s="115">
        <v>1</v>
      </c>
      <c r="K985" s="116" t="s">
        <v>174</v>
      </c>
      <c r="L985" s="115">
        <v>1</v>
      </c>
      <c r="M985" s="115">
        <v>0</v>
      </c>
      <c r="N985" s="115">
        <v>0</v>
      </c>
      <c r="O985" s="115">
        <v>0</v>
      </c>
      <c r="P985" s="115">
        <v>1</v>
      </c>
      <c r="Q985" s="115" t="s">
        <v>400</v>
      </c>
      <c r="R985" s="115">
        <v>1</v>
      </c>
      <c r="S985" s="115">
        <v>0</v>
      </c>
      <c r="T985" s="115">
        <v>0</v>
      </c>
      <c r="U985" s="119"/>
      <c r="V985" s="119"/>
      <c r="W985" s="119"/>
      <c r="X985" s="119"/>
      <c r="Y985" s="119"/>
      <c r="Z985" s="119"/>
      <c r="AA985" s="119"/>
      <c r="AB985" s="119"/>
      <c r="AC985" s="119"/>
      <c r="AD985" s="119"/>
      <c r="AE985" s="119"/>
      <c r="AF985" s="119"/>
      <c r="AG985" s="119"/>
      <c r="AH985" s="119"/>
      <c r="AI985" s="119"/>
      <c r="AJ985" s="119"/>
      <c r="AK985" s="119"/>
      <c r="AL985" s="119"/>
      <c r="AM985" s="119"/>
      <c r="AN985" s="119"/>
      <c r="AO985" s="119"/>
      <c r="AP985" s="119"/>
      <c r="AQ985" s="119"/>
      <c r="AR985" s="119"/>
      <c r="AS985" s="119"/>
      <c r="AT985" s="119"/>
      <c r="AU985" s="119"/>
      <c r="AV985" s="119"/>
      <c r="AW985" s="119"/>
      <c r="AX985" s="119"/>
      <c r="AY985" s="119"/>
      <c r="AZ985" s="119"/>
      <c r="BA985" s="119"/>
      <c r="BB985" s="107">
        <v>45884</v>
      </c>
    </row>
    <row r="986" spans="1:54" s="207" customFormat="1" ht="13.95" customHeight="1" x14ac:dyDescent="0.25">
      <c r="A986" s="208" t="s">
        <v>2423</v>
      </c>
      <c r="B986" s="209" t="s">
        <v>20420</v>
      </c>
      <c r="C986" s="113" t="s">
        <v>2424</v>
      </c>
      <c r="D986" s="113" t="s">
        <v>22972</v>
      </c>
      <c r="E986" s="210">
        <v>1978</v>
      </c>
      <c r="F986" s="210">
        <v>900</v>
      </c>
      <c r="G986" s="113" t="s">
        <v>1</v>
      </c>
      <c r="H986" s="113">
        <v>0</v>
      </c>
      <c r="I986" s="113">
        <v>0</v>
      </c>
      <c r="J986" s="115">
        <v>1</v>
      </c>
      <c r="K986" s="116" t="s">
        <v>174</v>
      </c>
      <c r="L986" s="115">
        <v>1</v>
      </c>
      <c r="M986" s="115">
        <v>1</v>
      </c>
      <c r="N986" s="115">
        <v>0</v>
      </c>
      <c r="O986" s="115">
        <v>1</v>
      </c>
      <c r="P986" s="115" t="s">
        <v>400</v>
      </c>
      <c r="Q986" s="115" t="s">
        <v>400</v>
      </c>
      <c r="R986" s="115">
        <v>1</v>
      </c>
      <c r="S986" s="115">
        <v>0</v>
      </c>
      <c r="T986" s="115">
        <v>0</v>
      </c>
      <c r="U986" s="119"/>
      <c r="V986" s="119"/>
      <c r="W986" s="119"/>
      <c r="X986" s="119"/>
      <c r="Y986" s="119"/>
      <c r="Z986" s="119"/>
      <c r="AA986" s="119"/>
      <c r="AB986" s="119"/>
      <c r="AC986" s="119"/>
      <c r="AD986" s="119"/>
      <c r="AE986" s="119"/>
      <c r="AF986" s="119"/>
      <c r="AG986" s="119"/>
      <c r="AH986" s="119"/>
      <c r="AI986" s="119"/>
      <c r="AJ986" s="119"/>
      <c r="AK986" s="119"/>
      <c r="AL986" s="119"/>
      <c r="AM986" s="119"/>
      <c r="AN986" s="119"/>
      <c r="AO986" s="119"/>
      <c r="AP986" s="119"/>
      <c r="AQ986" s="119"/>
      <c r="AR986" s="119"/>
      <c r="AS986" s="119"/>
      <c r="AT986" s="119"/>
      <c r="AU986" s="119"/>
      <c r="AV986" s="119"/>
      <c r="AW986" s="119"/>
      <c r="AX986" s="119"/>
      <c r="AY986" s="119"/>
      <c r="AZ986" s="119"/>
      <c r="BA986" s="119"/>
      <c r="BB986" s="107">
        <v>45884</v>
      </c>
    </row>
    <row r="987" spans="1:54" s="207" customFormat="1" ht="13.95" customHeight="1" x14ac:dyDescent="0.25">
      <c r="A987" s="208" t="s">
        <v>2425</v>
      </c>
      <c r="B987" s="209" t="s">
        <v>20420</v>
      </c>
      <c r="C987" s="113" t="s">
        <v>2426</v>
      </c>
      <c r="D987" s="113" t="s">
        <v>22973</v>
      </c>
      <c r="E987" s="210">
        <v>1973</v>
      </c>
      <c r="F987" s="210">
        <v>901</v>
      </c>
      <c r="G987" s="113" t="s">
        <v>1</v>
      </c>
      <c r="H987" s="113">
        <v>0</v>
      </c>
      <c r="I987" s="113">
        <v>0</v>
      </c>
      <c r="J987" s="115">
        <v>1</v>
      </c>
      <c r="K987" s="116" t="s">
        <v>174</v>
      </c>
      <c r="L987" s="115">
        <v>1</v>
      </c>
      <c r="M987" s="115">
        <v>0</v>
      </c>
      <c r="N987" s="115">
        <v>0</v>
      </c>
      <c r="O987" s="115">
        <v>1</v>
      </c>
      <c r="P987" s="115">
        <v>1</v>
      </c>
      <c r="Q987" s="115" t="s">
        <v>400</v>
      </c>
      <c r="R987" s="115">
        <v>0</v>
      </c>
      <c r="S987" s="115">
        <v>0</v>
      </c>
      <c r="T987" s="115">
        <v>0</v>
      </c>
      <c r="U987" s="119"/>
      <c r="V987" s="119"/>
      <c r="W987" s="119"/>
      <c r="X987" s="119"/>
      <c r="Y987" s="119"/>
      <c r="Z987" s="119"/>
      <c r="AA987" s="119"/>
      <c r="AB987" s="119"/>
      <c r="AC987" s="119"/>
      <c r="AD987" s="119"/>
      <c r="AE987" s="119"/>
      <c r="AF987" s="119"/>
      <c r="AG987" s="119"/>
      <c r="AH987" s="119"/>
      <c r="AI987" s="119"/>
      <c r="AJ987" s="119"/>
      <c r="AK987" s="119"/>
      <c r="AL987" s="119"/>
      <c r="AM987" s="119"/>
      <c r="AN987" s="119"/>
      <c r="AO987" s="119"/>
      <c r="AP987" s="119"/>
      <c r="AQ987" s="119"/>
      <c r="AR987" s="119"/>
      <c r="AS987" s="119"/>
      <c r="AT987" s="119"/>
      <c r="AU987" s="119"/>
      <c r="AV987" s="119"/>
      <c r="AW987" s="119"/>
      <c r="AX987" s="119"/>
      <c r="AY987" s="119"/>
      <c r="AZ987" s="119"/>
      <c r="BA987" s="119"/>
      <c r="BB987" s="107">
        <v>45884</v>
      </c>
    </row>
    <row r="988" spans="1:54" s="207" customFormat="1" ht="13.95" customHeight="1" x14ac:dyDescent="0.25">
      <c r="A988" s="208" t="s">
        <v>2427</v>
      </c>
      <c r="B988" s="209" t="s">
        <v>20420</v>
      </c>
      <c r="C988" s="113" t="s">
        <v>2428</v>
      </c>
      <c r="D988" s="113" t="s">
        <v>22974</v>
      </c>
      <c r="E988" s="210">
        <v>1977</v>
      </c>
      <c r="F988" s="210">
        <v>903</v>
      </c>
      <c r="G988" s="113" t="s">
        <v>1</v>
      </c>
      <c r="H988" s="113">
        <v>0</v>
      </c>
      <c r="I988" s="113">
        <v>0</v>
      </c>
      <c r="J988" s="115">
        <v>1</v>
      </c>
      <c r="K988" s="116" t="s">
        <v>174</v>
      </c>
      <c r="L988" s="115">
        <v>0</v>
      </c>
      <c r="M988" s="115">
        <v>0</v>
      </c>
      <c r="N988" s="115">
        <v>0</v>
      </c>
      <c r="O988" s="115">
        <v>1</v>
      </c>
      <c r="P988" s="115">
        <v>1</v>
      </c>
      <c r="Q988" s="115" t="s">
        <v>400</v>
      </c>
      <c r="R988" s="115">
        <v>1</v>
      </c>
      <c r="S988" s="115">
        <v>0</v>
      </c>
      <c r="T988" s="115">
        <v>0</v>
      </c>
      <c r="U988" s="119"/>
      <c r="V988" s="119"/>
      <c r="W988" s="119"/>
      <c r="X988" s="119"/>
      <c r="Y988" s="119"/>
      <c r="Z988" s="119"/>
      <c r="AA988" s="119"/>
      <c r="AB988" s="119"/>
      <c r="AC988" s="119"/>
      <c r="AD988" s="119"/>
      <c r="AE988" s="119"/>
      <c r="AF988" s="119"/>
      <c r="AG988" s="119"/>
      <c r="AH988" s="119"/>
      <c r="AI988" s="119"/>
      <c r="AJ988" s="119"/>
      <c r="AK988" s="119"/>
      <c r="AL988" s="119"/>
      <c r="AM988" s="119"/>
      <c r="AN988" s="119"/>
      <c r="AO988" s="119"/>
      <c r="AP988" s="119"/>
      <c r="AQ988" s="119"/>
      <c r="AR988" s="119"/>
      <c r="AS988" s="119"/>
      <c r="AT988" s="119"/>
      <c r="AU988" s="119"/>
      <c r="AV988" s="119"/>
      <c r="AW988" s="119"/>
      <c r="AX988" s="119"/>
      <c r="AY988" s="119"/>
      <c r="AZ988" s="119"/>
      <c r="BA988" s="119"/>
      <c r="BB988" s="107">
        <v>45884</v>
      </c>
    </row>
    <row r="989" spans="1:54" s="207" customFormat="1" ht="13.95" customHeight="1" x14ac:dyDescent="0.25">
      <c r="A989" s="208" t="s">
        <v>2429</v>
      </c>
      <c r="B989" s="209" t="s">
        <v>20420</v>
      </c>
      <c r="C989" s="113" t="s">
        <v>2430</v>
      </c>
      <c r="D989" s="113" t="s">
        <v>22975</v>
      </c>
      <c r="E989" s="210">
        <v>1965</v>
      </c>
      <c r="F989" s="210">
        <v>904</v>
      </c>
      <c r="G989" s="113" t="s">
        <v>1</v>
      </c>
      <c r="H989" s="113">
        <v>0</v>
      </c>
      <c r="I989" s="113">
        <v>0</v>
      </c>
      <c r="J989" s="115">
        <v>1</v>
      </c>
      <c r="K989" s="116" t="s">
        <v>174</v>
      </c>
      <c r="L989" s="115">
        <v>0</v>
      </c>
      <c r="M989" s="115">
        <v>0</v>
      </c>
      <c r="N989" s="115">
        <v>0</v>
      </c>
      <c r="O989" s="115">
        <v>0</v>
      </c>
      <c r="P989" s="115" t="s">
        <v>400</v>
      </c>
      <c r="Q989" s="115" t="s">
        <v>400</v>
      </c>
      <c r="R989" s="115">
        <v>0</v>
      </c>
      <c r="S989" s="115">
        <v>0</v>
      </c>
      <c r="T989" s="115">
        <v>0</v>
      </c>
      <c r="U989" s="119"/>
      <c r="V989" s="119"/>
      <c r="W989" s="119"/>
      <c r="X989" s="119"/>
      <c r="Y989" s="119"/>
      <c r="Z989" s="119"/>
      <c r="AA989" s="119"/>
      <c r="AB989" s="119"/>
      <c r="AC989" s="119"/>
      <c r="AD989" s="119"/>
      <c r="AE989" s="119"/>
      <c r="AF989" s="119"/>
      <c r="AG989" s="119"/>
      <c r="AH989" s="119"/>
      <c r="AI989" s="119"/>
      <c r="AJ989" s="119"/>
      <c r="AK989" s="119"/>
      <c r="AL989" s="119"/>
      <c r="AM989" s="119"/>
      <c r="AN989" s="119"/>
      <c r="AO989" s="119"/>
      <c r="AP989" s="119"/>
      <c r="AQ989" s="119"/>
      <c r="AR989" s="119"/>
      <c r="AS989" s="119"/>
      <c r="AT989" s="119"/>
      <c r="AU989" s="119"/>
      <c r="AV989" s="119"/>
      <c r="AW989" s="119"/>
      <c r="AX989" s="119"/>
      <c r="AY989" s="119"/>
      <c r="AZ989" s="119"/>
      <c r="BA989" s="119"/>
      <c r="BB989" s="107">
        <v>45884</v>
      </c>
    </row>
    <row r="990" spans="1:54" s="207" customFormat="1" ht="13.95" customHeight="1" x14ac:dyDescent="0.25">
      <c r="A990" s="208" t="s">
        <v>2431</v>
      </c>
      <c r="B990" s="209" t="s">
        <v>20420</v>
      </c>
      <c r="C990" s="113" t="s">
        <v>2432</v>
      </c>
      <c r="D990" s="113" t="s">
        <v>22976</v>
      </c>
      <c r="E990" s="210">
        <v>2001</v>
      </c>
      <c r="F990" s="210">
        <v>904</v>
      </c>
      <c r="G990" s="113" t="s">
        <v>1</v>
      </c>
      <c r="H990" s="113">
        <v>0</v>
      </c>
      <c r="I990" s="113">
        <v>0</v>
      </c>
      <c r="J990" s="115">
        <v>1</v>
      </c>
      <c r="K990" s="116" t="s">
        <v>174</v>
      </c>
      <c r="L990" s="115">
        <v>0</v>
      </c>
      <c r="M990" s="115">
        <v>0</v>
      </c>
      <c r="N990" s="115">
        <v>0</v>
      </c>
      <c r="O990" s="115">
        <v>0</v>
      </c>
      <c r="P990" s="115" t="s">
        <v>400</v>
      </c>
      <c r="Q990" s="115" t="s">
        <v>400</v>
      </c>
      <c r="R990" s="115">
        <v>0</v>
      </c>
      <c r="S990" s="115">
        <v>0</v>
      </c>
      <c r="T990" s="115">
        <v>0</v>
      </c>
      <c r="U990" s="119"/>
      <c r="V990" s="119"/>
      <c r="W990" s="119"/>
      <c r="X990" s="119"/>
      <c r="Y990" s="119"/>
      <c r="Z990" s="119"/>
      <c r="AA990" s="119"/>
      <c r="AB990" s="119"/>
      <c r="AC990" s="119"/>
      <c r="AD990" s="119"/>
      <c r="AE990" s="119"/>
      <c r="AF990" s="119"/>
      <c r="AG990" s="119"/>
      <c r="AH990" s="119"/>
      <c r="AI990" s="119"/>
      <c r="AJ990" s="119"/>
      <c r="AK990" s="119"/>
      <c r="AL990" s="119"/>
      <c r="AM990" s="119"/>
      <c r="AN990" s="119"/>
      <c r="AO990" s="119"/>
      <c r="AP990" s="119"/>
      <c r="AQ990" s="119"/>
      <c r="AR990" s="119"/>
      <c r="AS990" s="119"/>
      <c r="AT990" s="119"/>
      <c r="AU990" s="119"/>
      <c r="AV990" s="119"/>
      <c r="AW990" s="119"/>
      <c r="AX990" s="119"/>
      <c r="AY990" s="119"/>
      <c r="AZ990" s="119"/>
      <c r="BA990" s="119"/>
      <c r="BB990" s="107">
        <v>45884</v>
      </c>
    </row>
    <row r="991" spans="1:54" s="207" customFormat="1" ht="13.95" customHeight="1" x14ac:dyDescent="0.25">
      <c r="A991" s="208" t="s">
        <v>2433</v>
      </c>
      <c r="B991" s="209" t="s">
        <v>20420</v>
      </c>
      <c r="C991" s="113" t="s">
        <v>2434</v>
      </c>
      <c r="D991" s="113" t="s">
        <v>22977</v>
      </c>
      <c r="E991" s="210">
        <v>2008</v>
      </c>
      <c r="F991" s="210">
        <v>906</v>
      </c>
      <c r="G991" s="113" t="s">
        <v>1</v>
      </c>
      <c r="H991" s="113">
        <v>0</v>
      </c>
      <c r="I991" s="113">
        <v>0</v>
      </c>
      <c r="J991" s="115">
        <v>1</v>
      </c>
      <c r="K991" s="116" t="s">
        <v>174</v>
      </c>
      <c r="L991" s="115">
        <v>1</v>
      </c>
      <c r="M991" s="115">
        <v>0</v>
      </c>
      <c r="N991" s="115">
        <v>0</v>
      </c>
      <c r="O991" s="115">
        <v>0</v>
      </c>
      <c r="P991" s="115" t="s">
        <v>400</v>
      </c>
      <c r="Q991" s="115" t="s">
        <v>400</v>
      </c>
      <c r="R991" s="115">
        <v>1</v>
      </c>
      <c r="S991" s="115">
        <v>0</v>
      </c>
      <c r="T991" s="115">
        <v>0</v>
      </c>
      <c r="U991" s="119"/>
      <c r="V991" s="119"/>
      <c r="W991" s="119"/>
      <c r="X991" s="119"/>
      <c r="Y991" s="119"/>
      <c r="Z991" s="119"/>
      <c r="AA991" s="119"/>
      <c r="AB991" s="119"/>
      <c r="AC991" s="119"/>
      <c r="AD991" s="119"/>
      <c r="AE991" s="119"/>
      <c r="AF991" s="119"/>
      <c r="AG991" s="119"/>
      <c r="AH991" s="119"/>
      <c r="AI991" s="119"/>
      <c r="AJ991" s="119"/>
      <c r="AK991" s="119"/>
      <c r="AL991" s="119"/>
      <c r="AM991" s="119"/>
      <c r="AN991" s="119"/>
      <c r="AO991" s="119"/>
      <c r="AP991" s="119"/>
      <c r="AQ991" s="119"/>
      <c r="AR991" s="119"/>
      <c r="AS991" s="119"/>
      <c r="AT991" s="119"/>
      <c r="AU991" s="119"/>
      <c r="AV991" s="119"/>
      <c r="AW991" s="119"/>
      <c r="AX991" s="119"/>
      <c r="AY991" s="119"/>
      <c r="AZ991" s="119"/>
      <c r="BA991" s="119"/>
      <c r="BB991" s="107">
        <v>45884</v>
      </c>
    </row>
    <row r="992" spans="1:54" s="207" customFormat="1" ht="13.95" customHeight="1" x14ac:dyDescent="0.25">
      <c r="A992" s="208" t="s">
        <v>2435</v>
      </c>
      <c r="B992" s="209" t="s">
        <v>20420</v>
      </c>
      <c r="C992" s="113" t="s">
        <v>2436</v>
      </c>
      <c r="D992" s="113" t="s">
        <v>22978</v>
      </c>
      <c r="E992" s="210">
        <v>1984</v>
      </c>
      <c r="F992" s="210">
        <v>907</v>
      </c>
      <c r="G992" s="113" t="s">
        <v>1</v>
      </c>
      <c r="H992" s="113">
        <v>0</v>
      </c>
      <c r="I992" s="113">
        <v>0</v>
      </c>
      <c r="J992" s="115">
        <v>1</v>
      </c>
      <c r="K992" s="116" t="s">
        <v>174</v>
      </c>
      <c r="L992" s="115">
        <v>1</v>
      </c>
      <c r="M992" s="115">
        <v>1</v>
      </c>
      <c r="N992" s="115">
        <v>0</v>
      </c>
      <c r="O992" s="115">
        <v>1</v>
      </c>
      <c r="P992" s="115" t="s">
        <v>400</v>
      </c>
      <c r="Q992" s="115" t="s">
        <v>400</v>
      </c>
      <c r="R992" s="115">
        <v>0</v>
      </c>
      <c r="S992" s="115">
        <v>0</v>
      </c>
      <c r="T992" s="115">
        <v>0</v>
      </c>
      <c r="U992" s="119"/>
      <c r="V992" s="119"/>
      <c r="W992" s="119"/>
      <c r="X992" s="119"/>
      <c r="Y992" s="119"/>
      <c r="Z992" s="119"/>
      <c r="AA992" s="119"/>
      <c r="AB992" s="119"/>
      <c r="AC992" s="119"/>
      <c r="AD992" s="119"/>
      <c r="AE992" s="119"/>
      <c r="AF992" s="119"/>
      <c r="AG992" s="119"/>
      <c r="AH992" s="119"/>
      <c r="AI992" s="119"/>
      <c r="AJ992" s="119"/>
      <c r="AK992" s="119"/>
      <c r="AL992" s="119"/>
      <c r="AM992" s="119"/>
      <c r="AN992" s="119"/>
      <c r="AO992" s="119"/>
      <c r="AP992" s="119"/>
      <c r="AQ992" s="119"/>
      <c r="AR992" s="119"/>
      <c r="AS992" s="119"/>
      <c r="AT992" s="119"/>
      <c r="AU992" s="119"/>
      <c r="AV992" s="119"/>
      <c r="AW992" s="119"/>
      <c r="AX992" s="119"/>
      <c r="AY992" s="119"/>
      <c r="AZ992" s="119"/>
      <c r="BA992" s="119"/>
      <c r="BB992" s="107">
        <v>45884</v>
      </c>
    </row>
    <row r="993" spans="1:54" s="207" customFormat="1" ht="13.95" customHeight="1" x14ac:dyDescent="0.25">
      <c r="A993" s="208" t="s">
        <v>2437</v>
      </c>
      <c r="B993" s="209" t="s">
        <v>20420</v>
      </c>
      <c r="C993" s="113" t="s">
        <v>2438</v>
      </c>
      <c r="D993" s="113" t="s">
        <v>22979</v>
      </c>
      <c r="E993" s="210">
        <v>2001</v>
      </c>
      <c r="F993" s="210">
        <v>910</v>
      </c>
      <c r="G993" s="113" t="s">
        <v>1</v>
      </c>
      <c r="H993" s="113">
        <v>0</v>
      </c>
      <c r="I993" s="113">
        <v>0</v>
      </c>
      <c r="J993" s="115">
        <v>1</v>
      </c>
      <c r="K993" s="211">
        <v>1</v>
      </c>
      <c r="L993" s="115">
        <v>1</v>
      </c>
      <c r="M993" s="115">
        <v>0</v>
      </c>
      <c r="N993" s="115">
        <v>0</v>
      </c>
      <c r="O993" s="115">
        <v>1</v>
      </c>
      <c r="P993" s="115" t="s">
        <v>400</v>
      </c>
      <c r="Q993" s="115" t="s">
        <v>400</v>
      </c>
      <c r="R993" s="115">
        <v>0</v>
      </c>
      <c r="S993" s="115">
        <v>0</v>
      </c>
      <c r="T993" s="115">
        <v>0</v>
      </c>
      <c r="U993" s="119"/>
      <c r="V993" s="119"/>
      <c r="W993" s="119"/>
      <c r="X993" s="119"/>
      <c r="Y993" s="119"/>
      <c r="Z993" s="119"/>
      <c r="AA993" s="119"/>
      <c r="AB993" s="119"/>
      <c r="AC993" s="119"/>
      <c r="AD993" s="119"/>
      <c r="AE993" s="119"/>
      <c r="AF993" s="119"/>
      <c r="AG993" s="119"/>
      <c r="AH993" s="119"/>
      <c r="AI993" s="119"/>
      <c r="AJ993" s="119"/>
      <c r="AK993" s="119"/>
      <c r="AL993" s="119"/>
      <c r="AM993" s="119"/>
      <c r="AN993" s="119"/>
      <c r="AO993" s="119"/>
      <c r="AP993" s="119"/>
      <c r="AQ993" s="119"/>
      <c r="AR993" s="119"/>
      <c r="AS993" s="119"/>
      <c r="AT993" s="119"/>
      <c r="AU993" s="119"/>
      <c r="AV993" s="119"/>
      <c r="AW993" s="119"/>
      <c r="AX993" s="119"/>
      <c r="AY993" s="119"/>
      <c r="AZ993" s="119"/>
      <c r="BA993" s="119"/>
      <c r="BB993" s="107">
        <v>45884</v>
      </c>
    </row>
    <row r="994" spans="1:54" s="207" customFormat="1" ht="13.95" customHeight="1" x14ac:dyDescent="0.25">
      <c r="A994" s="208" t="s">
        <v>2439</v>
      </c>
      <c r="B994" s="209" t="s">
        <v>20420</v>
      </c>
      <c r="C994" s="113" t="s">
        <v>2440</v>
      </c>
      <c r="D994" s="113" t="s">
        <v>2441</v>
      </c>
      <c r="E994" s="210">
        <v>1995</v>
      </c>
      <c r="F994" s="210">
        <v>910</v>
      </c>
      <c r="G994" s="113" t="s">
        <v>1</v>
      </c>
      <c r="H994" s="113">
        <v>0</v>
      </c>
      <c r="I994" s="113">
        <v>0</v>
      </c>
      <c r="J994" s="115">
        <v>1</v>
      </c>
      <c r="K994" s="116" t="s">
        <v>174</v>
      </c>
      <c r="L994" s="115">
        <v>1</v>
      </c>
      <c r="M994" s="115">
        <v>0</v>
      </c>
      <c r="N994" s="120">
        <v>0</v>
      </c>
      <c r="O994" s="115">
        <v>1</v>
      </c>
      <c r="P994" s="115">
        <v>1</v>
      </c>
      <c r="Q994" s="115" t="s">
        <v>400</v>
      </c>
      <c r="R994" s="115">
        <v>1</v>
      </c>
      <c r="S994" s="115">
        <v>0</v>
      </c>
      <c r="T994" s="115">
        <v>0</v>
      </c>
      <c r="U994" s="119"/>
      <c r="V994" s="119"/>
      <c r="W994" s="119"/>
      <c r="X994" s="119"/>
      <c r="Y994" s="119"/>
      <c r="Z994" s="119"/>
      <c r="AA994" s="119"/>
      <c r="AB994" s="119"/>
      <c r="AC994" s="119"/>
      <c r="AD994" s="119"/>
      <c r="AE994" s="119"/>
      <c r="AF994" s="119"/>
      <c r="AG994" s="119"/>
      <c r="AH994" s="119"/>
      <c r="AI994" s="119"/>
      <c r="AJ994" s="119"/>
      <c r="AK994" s="119"/>
      <c r="AL994" s="119"/>
      <c r="AM994" s="119"/>
      <c r="AN994" s="119"/>
      <c r="AO994" s="119"/>
      <c r="AP994" s="119"/>
      <c r="AQ994" s="119"/>
      <c r="AR994" s="119"/>
      <c r="AS994" s="119"/>
      <c r="AT994" s="119"/>
      <c r="AU994" s="119"/>
      <c r="AV994" s="119"/>
      <c r="AW994" s="119"/>
      <c r="AX994" s="119"/>
      <c r="AY994" s="119"/>
      <c r="AZ994" s="119"/>
      <c r="BA994" s="119"/>
      <c r="BB994" s="107">
        <v>45884</v>
      </c>
    </row>
    <row r="995" spans="1:54" s="207" customFormat="1" ht="13.95" customHeight="1" x14ac:dyDescent="0.25">
      <c r="A995" s="208" t="s">
        <v>2442</v>
      </c>
      <c r="B995" s="209" t="s">
        <v>20420</v>
      </c>
      <c r="C995" s="113" t="s">
        <v>2443</v>
      </c>
      <c r="D995" s="113" t="s">
        <v>2444</v>
      </c>
      <c r="E995" s="210">
        <v>1984</v>
      </c>
      <c r="F995" s="210">
        <v>910</v>
      </c>
      <c r="G995" s="113" t="s">
        <v>1</v>
      </c>
      <c r="H995" s="113">
        <v>0</v>
      </c>
      <c r="I995" s="113">
        <v>0</v>
      </c>
      <c r="J995" s="115">
        <v>1</v>
      </c>
      <c r="K995" s="116" t="s">
        <v>174</v>
      </c>
      <c r="L995" s="115">
        <v>1</v>
      </c>
      <c r="M995" s="115">
        <v>0</v>
      </c>
      <c r="N995" s="115">
        <v>0</v>
      </c>
      <c r="O995" s="115">
        <v>0</v>
      </c>
      <c r="P995" s="115">
        <v>1</v>
      </c>
      <c r="Q995" s="115" t="s">
        <v>400</v>
      </c>
      <c r="R995" s="115">
        <v>1</v>
      </c>
      <c r="S995" s="115">
        <v>0</v>
      </c>
      <c r="T995" s="115">
        <v>0</v>
      </c>
      <c r="U995" s="119"/>
      <c r="V995" s="119"/>
      <c r="W995" s="119"/>
      <c r="X995" s="119"/>
      <c r="Y995" s="119"/>
      <c r="Z995" s="119"/>
      <c r="AA995" s="119"/>
      <c r="AB995" s="119"/>
      <c r="AC995" s="119"/>
      <c r="AD995" s="119"/>
      <c r="AE995" s="119"/>
      <c r="AF995" s="119"/>
      <c r="AG995" s="119"/>
      <c r="AH995" s="119"/>
      <c r="AI995" s="119"/>
      <c r="AJ995" s="119"/>
      <c r="AK995" s="119"/>
      <c r="AL995" s="119"/>
      <c r="AM995" s="119"/>
      <c r="AN995" s="119"/>
      <c r="AO995" s="119"/>
      <c r="AP995" s="119"/>
      <c r="AQ995" s="119"/>
      <c r="AR995" s="119"/>
      <c r="AS995" s="119"/>
      <c r="AT995" s="119"/>
      <c r="AU995" s="119"/>
      <c r="AV995" s="119"/>
      <c r="AW995" s="119"/>
      <c r="AX995" s="119"/>
      <c r="AY995" s="119"/>
      <c r="AZ995" s="119"/>
      <c r="BA995" s="119"/>
      <c r="BB995" s="107">
        <v>45884</v>
      </c>
    </row>
    <row r="996" spans="1:54" s="207" customFormat="1" ht="13.95" customHeight="1" x14ac:dyDescent="0.25">
      <c r="A996" s="208" t="s">
        <v>2445</v>
      </c>
      <c r="B996" s="209" t="s">
        <v>20420</v>
      </c>
      <c r="C996" s="113" t="s">
        <v>2446</v>
      </c>
      <c r="D996" s="113" t="s">
        <v>2447</v>
      </c>
      <c r="E996" s="210">
        <v>1965</v>
      </c>
      <c r="F996" s="210">
        <v>1411</v>
      </c>
      <c r="G996" s="113" t="s">
        <v>1</v>
      </c>
      <c r="H996" s="113">
        <v>0</v>
      </c>
      <c r="I996" s="113">
        <v>0</v>
      </c>
      <c r="J996" s="115">
        <v>1</v>
      </c>
      <c r="K996" s="116" t="s">
        <v>174</v>
      </c>
      <c r="L996" s="115">
        <v>0</v>
      </c>
      <c r="M996" s="115">
        <v>0</v>
      </c>
      <c r="N996" s="115">
        <v>0</v>
      </c>
      <c r="O996" s="115">
        <v>1</v>
      </c>
      <c r="P996" s="115" t="s">
        <v>400</v>
      </c>
      <c r="Q996" s="115" t="s">
        <v>400</v>
      </c>
      <c r="R996" s="115">
        <v>0</v>
      </c>
      <c r="S996" s="115">
        <v>0</v>
      </c>
      <c r="T996" s="115">
        <v>0</v>
      </c>
      <c r="U996" s="119"/>
      <c r="V996" s="119"/>
      <c r="W996" s="119"/>
      <c r="X996" s="119"/>
      <c r="Y996" s="119"/>
      <c r="Z996" s="119"/>
      <c r="AA996" s="119"/>
      <c r="AB996" s="119"/>
      <c r="AC996" s="119"/>
      <c r="AD996" s="119"/>
      <c r="AE996" s="119"/>
      <c r="AF996" s="119"/>
      <c r="AG996" s="119"/>
      <c r="AH996" s="119"/>
      <c r="AI996" s="119"/>
      <c r="AJ996" s="119"/>
      <c r="AK996" s="119"/>
      <c r="AL996" s="119"/>
      <c r="AM996" s="119"/>
      <c r="AN996" s="119"/>
      <c r="AO996" s="119"/>
      <c r="AP996" s="119"/>
      <c r="AQ996" s="119"/>
      <c r="AR996" s="119"/>
      <c r="AS996" s="119"/>
      <c r="AT996" s="119"/>
      <c r="AU996" s="119"/>
      <c r="AV996" s="119"/>
      <c r="AW996" s="119"/>
      <c r="AX996" s="119"/>
      <c r="AY996" s="119"/>
      <c r="AZ996" s="119"/>
      <c r="BA996" s="119"/>
      <c r="BB996" s="107">
        <v>45884</v>
      </c>
    </row>
    <row r="997" spans="1:54" s="207" customFormat="1" ht="13.95" customHeight="1" x14ac:dyDescent="0.25">
      <c r="A997" s="208" t="s">
        <v>2448</v>
      </c>
      <c r="B997" s="209" t="s">
        <v>20420</v>
      </c>
      <c r="C997" s="113" t="s">
        <v>2449</v>
      </c>
      <c r="D997" s="113" t="s">
        <v>22980</v>
      </c>
      <c r="E997" s="210">
        <v>1974</v>
      </c>
      <c r="F997" s="210">
        <v>912</v>
      </c>
      <c r="G997" s="113" t="s">
        <v>1</v>
      </c>
      <c r="H997" s="113">
        <v>0</v>
      </c>
      <c r="I997" s="113">
        <v>0</v>
      </c>
      <c r="J997" s="115">
        <v>1</v>
      </c>
      <c r="K997" s="211">
        <v>1</v>
      </c>
      <c r="L997" s="115">
        <v>1</v>
      </c>
      <c r="M997" s="115">
        <v>1</v>
      </c>
      <c r="N997" s="115">
        <v>0</v>
      </c>
      <c r="O997" s="115">
        <v>1</v>
      </c>
      <c r="P997" s="115" t="s">
        <v>400</v>
      </c>
      <c r="Q997" s="115" t="s">
        <v>400</v>
      </c>
      <c r="R997" s="115">
        <v>1</v>
      </c>
      <c r="S997" s="115">
        <v>0</v>
      </c>
      <c r="T997" s="115">
        <v>0</v>
      </c>
      <c r="U997" s="119"/>
      <c r="V997" s="119"/>
      <c r="W997" s="119"/>
      <c r="X997" s="119"/>
      <c r="Y997" s="119"/>
      <c r="Z997" s="119"/>
      <c r="AA997" s="119"/>
      <c r="AB997" s="119"/>
      <c r="AC997" s="119"/>
      <c r="AD997" s="119"/>
      <c r="AE997" s="119"/>
      <c r="AF997" s="119"/>
      <c r="AG997" s="119"/>
      <c r="AH997" s="119"/>
      <c r="AI997" s="119"/>
      <c r="AJ997" s="119"/>
      <c r="AK997" s="119"/>
      <c r="AL997" s="119"/>
      <c r="AM997" s="119"/>
      <c r="AN997" s="119"/>
      <c r="AO997" s="119"/>
      <c r="AP997" s="119"/>
      <c r="AQ997" s="119"/>
      <c r="AR997" s="119"/>
      <c r="AS997" s="119"/>
      <c r="AT997" s="119"/>
      <c r="AU997" s="119"/>
      <c r="AV997" s="119"/>
      <c r="AW997" s="119"/>
      <c r="AX997" s="119"/>
      <c r="AY997" s="119"/>
      <c r="AZ997" s="119"/>
      <c r="BA997" s="119"/>
      <c r="BB997" s="107">
        <v>45884</v>
      </c>
    </row>
    <row r="998" spans="1:54" s="207" customFormat="1" ht="13.95" customHeight="1" x14ac:dyDescent="0.25">
      <c r="A998" s="208" t="s">
        <v>2450</v>
      </c>
      <c r="B998" s="209" t="s">
        <v>20420</v>
      </c>
      <c r="C998" s="113" t="s">
        <v>2451</v>
      </c>
      <c r="D998" s="113" t="s">
        <v>22981</v>
      </c>
      <c r="E998" s="210">
        <v>1974</v>
      </c>
      <c r="F998" s="210">
        <v>915</v>
      </c>
      <c r="G998" s="113" t="s">
        <v>1</v>
      </c>
      <c r="H998" s="113">
        <v>0</v>
      </c>
      <c r="I998" s="113">
        <v>0</v>
      </c>
      <c r="J998" s="115">
        <v>1</v>
      </c>
      <c r="K998" s="116" t="s">
        <v>174</v>
      </c>
      <c r="L998" s="115">
        <v>1</v>
      </c>
      <c r="M998" s="115">
        <v>0</v>
      </c>
      <c r="N998" s="115">
        <v>1</v>
      </c>
      <c r="O998" s="115">
        <v>1</v>
      </c>
      <c r="P998" s="115">
        <v>1</v>
      </c>
      <c r="Q998" s="115" t="s">
        <v>400</v>
      </c>
      <c r="R998" s="115">
        <v>1</v>
      </c>
      <c r="S998" s="115">
        <v>0</v>
      </c>
      <c r="T998" s="115">
        <v>0</v>
      </c>
      <c r="U998" s="119"/>
      <c r="V998" s="119"/>
      <c r="W998" s="119"/>
      <c r="X998" s="119"/>
      <c r="Y998" s="119"/>
      <c r="Z998" s="119"/>
      <c r="AA998" s="119"/>
      <c r="AB998" s="119"/>
      <c r="AC998" s="119"/>
      <c r="AD998" s="119"/>
      <c r="AE998" s="119"/>
      <c r="AF998" s="119"/>
      <c r="AG998" s="119"/>
      <c r="AH998" s="119"/>
      <c r="AI998" s="119"/>
      <c r="AJ998" s="119"/>
      <c r="AK998" s="119"/>
      <c r="AL998" s="119"/>
      <c r="AM998" s="119"/>
      <c r="AN998" s="119"/>
      <c r="AO998" s="119"/>
      <c r="AP998" s="119"/>
      <c r="AQ998" s="119"/>
      <c r="AR998" s="119"/>
      <c r="AS998" s="119"/>
      <c r="AT998" s="119"/>
      <c r="AU998" s="119"/>
      <c r="AV998" s="119"/>
      <c r="AW998" s="119"/>
      <c r="AX998" s="119"/>
      <c r="AY998" s="119"/>
      <c r="AZ998" s="119"/>
      <c r="BA998" s="119"/>
      <c r="BB998" s="107">
        <v>45884</v>
      </c>
    </row>
    <row r="999" spans="1:54" s="207" customFormat="1" ht="13.95" customHeight="1" x14ac:dyDescent="0.25">
      <c r="A999" s="208" t="s">
        <v>2452</v>
      </c>
      <c r="B999" s="209" t="s">
        <v>20420</v>
      </c>
      <c r="C999" s="113" t="s">
        <v>2453</v>
      </c>
      <c r="D999" s="113" t="s">
        <v>22982</v>
      </c>
      <c r="E999" s="210">
        <v>1993</v>
      </c>
      <c r="F999" s="210">
        <v>915</v>
      </c>
      <c r="G999" s="113" t="s">
        <v>1</v>
      </c>
      <c r="H999" s="113">
        <v>0</v>
      </c>
      <c r="I999" s="113">
        <v>0</v>
      </c>
      <c r="J999" s="115">
        <v>1</v>
      </c>
      <c r="K999" s="116" t="s">
        <v>174</v>
      </c>
      <c r="L999" s="115">
        <v>1</v>
      </c>
      <c r="M999" s="115">
        <v>0</v>
      </c>
      <c r="N999" s="115">
        <v>0</v>
      </c>
      <c r="O999" s="115">
        <v>0</v>
      </c>
      <c r="P999" s="115">
        <v>1</v>
      </c>
      <c r="Q999" s="115" t="s">
        <v>400</v>
      </c>
      <c r="R999" s="115">
        <v>0</v>
      </c>
      <c r="S999" s="115">
        <v>0</v>
      </c>
      <c r="T999" s="115">
        <v>0</v>
      </c>
      <c r="U999" s="119"/>
      <c r="V999" s="119"/>
      <c r="W999" s="119"/>
      <c r="X999" s="119"/>
      <c r="Y999" s="119"/>
      <c r="Z999" s="119"/>
      <c r="AA999" s="119"/>
      <c r="AB999" s="119"/>
      <c r="AC999" s="119"/>
      <c r="AD999" s="119"/>
      <c r="AE999" s="119"/>
      <c r="AF999" s="119"/>
      <c r="AG999" s="119"/>
      <c r="AH999" s="119"/>
      <c r="AI999" s="119"/>
      <c r="AJ999" s="119"/>
      <c r="AK999" s="119"/>
      <c r="AL999" s="119"/>
      <c r="AM999" s="119"/>
      <c r="AN999" s="119"/>
      <c r="AO999" s="119"/>
      <c r="AP999" s="119"/>
      <c r="AQ999" s="119"/>
      <c r="AR999" s="119"/>
      <c r="AS999" s="119"/>
      <c r="AT999" s="119"/>
      <c r="AU999" s="119"/>
      <c r="AV999" s="119"/>
      <c r="AW999" s="119"/>
      <c r="AX999" s="119"/>
      <c r="AY999" s="119"/>
      <c r="AZ999" s="119"/>
      <c r="BA999" s="119"/>
      <c r="BB999" s="107">
        <v>45884</v>
      </c>
    </row>
    <row r="1000" spans="1:54" s="207" customFormat="1" ht="13.95" customHeight="1" x14ac:dyDescent="0.25">
      <c r="A1000" s="208" t="s">
        <v>2454</v>
      </c>
      <c r="B1000" s="209" t="s">
        <v>20420</v>
      </c>
      <c r="C1000" s="113" t="s">
        <v>2455</v>
      </c>
      <c r="D1000" s="113" t="s">
        <v>22983</v>
      </c>
      <c r="E1000" s="210">
        <v>1976</v>
      </c>
      <c r="F1000" s="210">
        <v>915</v>
      </c>
      <c r="G1000" s="113" t="s">
        <v>1</v>
      </c>
      <c r="H1000" s="113">
        <v>0</v>
      </c>
      <c r="I1000" s="113">
        <v>0</v>
      </c>
      <c r="J1000" s="115">
        <v>1</v>
      </c>
      <c r="K1000" s="211">
        <v>1</v>
      </c>
      <c r="L1000" s="115">
        <v>1</v>
      </c>
      <c r="M1000" s="115">
        <v>0</v>
      </c>
      <c r="N1000" s="115">
        <v>0</v>
      </c>
      <c r="O1000" s="115">
        <v>1</v>
      </c>
      <c r="P1000" s="115">
        <v>1</v>
      </c>
      <c r="Q1000" s="115" t="s">
        <v>400</v>
      </c>
      <c r="R1000" s="115">
        <v>1</v>
      </c>
      <c r="S1000" s="115">
        <v>0</v>
      </c>
      <c r="T1000" s="115">
        <v>0</v>
      </c>
      <c r="U1000" s="119"/>
      <c r="V1000" s="119"/>
      <c r="W1000" s="119"/>
      <c r="X1000" s="119"/>
      <c r="Y1000" s="119"/>
      <c r="Z1000" s="119"/>
      <c r="AA1000" s="119"/>
      <c r="AB1000" s="119"/>
      <c r="AC1000" s="119"/>
      <c r="AD1000" s="119"/>
      <c r="AE1000" s="119"/>
      <c r="AF1000" s="119"/>
      <c r="AG1000" s="119"/>
      <c r="AH1000" s="119"/>
      <c r="AI1000" s="119"/>
      <c r="AJ1000" s="119"/>
      <c r="AK1000" s="119"/>
      <c r="AL1000" s="119"/>
      <c r="AM1000" s="119"/>
      <c r="AN1000" s="119"/>
      <c r="AO1000" s="119"/>
      <c r="AP1000" s="119"/>
      <c r="AQ1000" s="119"/>
      <c r="AR1000" s="119"/>
      <c r="AS1000" s="119"/>
      <c r="AT1000" s="119"/>
      <c r="AU1000" s="119"/>
      <c r="AV1000" s="119"/>
      <c r="AW1000" s="119"/>
      <c r="AX1000" s="119"/>
      <c r="AY1000" s="119"/>
      <c r="AZ1000" s="119"/>
      <c r="BA1000" s="119"/>
      <c r="BB1000" s="107">
        <v>45884</v>
      </c>
    </row>
    <row r="1001" spans="1:54" s="207" customFormat="1" ht="13.95" customHeight="1" x14ac:dyDescent="0.25">
      <c r="A1001" s="208" t="s">
        <v>2456</v>
      </c>
      <c r="B1001" s="209" t="s">
        <v>20420</v>
      </c>
      <c r="C1001" s="113" t="s">
        <v>2457</v>
      </c>
      <c r="D1001" s="113" t="s">
        <v>2458</v>
      </c>
      <c r="E1001" s="210">
        <v>1996</v>
      </c>
      <c r="F1001" s="210">
        <v>915</v>
      </c>
      <c r="G1001" s="113" t="s">
        <v>1</v>
      </c>
      <c r="H1001" s="113">
        <v>0</v>
      </c>
      <c r="I1001" s="113">
        <v>0</v>
      </c>
      <c r="J1001" s="115">
        <v>1</v>
      </c>
      <c r="K1001" s="116" t="s">
        <v>174</v>
      </c>
      <c r="L1001" s="115">
        <v>1</v>
      </c>
      <c r="M1001" s="115">
        <v>1</v>
      </c>
      <c r="N1001" s="115">
        <v>0</v>
      </c>
      <c r="O1001" s="115">
        <v>0</v>
      </c>
      <c r="P1001" s="115" t="s">
        <v>400</v>
      </c>
      <c r="Q1001" s="115" t="s">
        <v>400</v>
      </c>
      <c r="R1001" s="115">
        <v>0</v>
      </c>
      <c r="S1001" s="115">
        <v>0</v>
      </c>
      <c r="T1001" s="115">
        <v>0</v>
      </c>
      <c r="U1001" s="119"/>
      <c r="V1001" s="119"/>
      <c r="W1001" s="119"/>
      <c r="X1001" s="119"/>
      <c r="Y1001" s="119"/>
      <c r="Z1001" s="119"/>
      <c r="AA1001" s="119"/>
      <c r="AB1001" s="119"/>
      <c r="AC1001" s="119"/>
      <c r="AD1001" s="119"/>
      <c r="AE1001" s="119"/>
      <c r="AF1001" s="119"/>
      <c r="AG1001" s="119"/>
      <c r="AH1001" s="119"/>
      <c r="AI1001" s="119"/>
      <c r="AJ1001" s="119"/>
      <c r="AK1001" s="119"/>
      <c r="AL1001" s="119"/>
      <c r="AM1001" s="119"/>
      <c r="AN1001" s="119"/>
      <c r="AO1001" s="119"/>
      <c r="AP1001" s="119"/>
      <c r="AQ1001" s="119"/>
      <c r="AR1001" s="119"/>
      <c r="AS1001" s="119"/>
      <c r="AT1001" s="119"/>
      <c r="AU1001" s="119"/>
      <c r="AV1001" s="119"/>
      <c r="AW1001" s="119"/>
      <c r="AX1001" s="119"/>
      <c r="AY1001" s="119"/>
      <c r="AZ1001" s="119"/>
      <c r="BA1001" s="119"/>
      <c r="BB1001" s="107">
        <v>45884</v>
      </c>
    </row>
    <row r="1002" spans="1:54" s="207" customFormat="1" ht="13.95" customHeight="1" x14ac:dyDescent="0.25">
      <c r="A1002" s="208" t="s">
        <v>2459</v>
      </c>
      <c r="B1002" s="209" t="s">
        <v>20420</v>
      </c>
      <c r="C1002" s="113" t="s">
        <v>2460</v>
      </c>
      <c r="D1002" s="113" t="s">
        <v>22984</v>
      </c>
      <c r="E1002" s="210">
        <v>1990</v>
      </c>
      <c r="F1002" s="210">
        <v>917</v>
      </c>
      <c r="G1002" s="113" t="s">
        <v>1</v>
      </c>
      <c r="H1002" s="113">
        <v>0</v>
      </c>
      <c r="I1002" s="113">
        <v>0</v>
      </c>
      <c r="J1002" s="115">
        <v>1</v>
      </c>
      <c r="K1002" s="116" t="s">
        <v>174</v>
      </c>
      <c r="L1002" s="115">
        <v>0</v>
      </c>
      <c r="M1002" s="115">
        <v>0</v>
      </c>
      <c r="N1002" s="115">
        <v>0</v>
      </c>
      <c r="O1002" s="115">
        <v>0</v>
      </c>
      <c r="P1002" s="115">
        <v>1</v>
      </c>
      <c r="Q1002" s="115" t="s">
        <v>400</v>
      </c>
      <c r="R1002" s="115">
        <v>0</v>
      </c>
      <c r="S1002" s="115">
        <v>0</v>
      </c>
      <c r="T1002" s="115">
        <v>0</v>
      </c>
      <c r="U1002" s="119"/>
      <c r="V1002" s="119"/>
      <c r="W1002" s="119"/>
      <c r="X1002" s="119"/>
      <c r="Y1002" s="119"/>
      <c r="Z1002" s="119"/>
      <c r="AA1002" s="119"/>
      <c r="AB1002" s="119"/>
      <c r="AC1002" s="119"/>
      <c r="AD1002" s="119"/>
      <c r="AE1002" s="119"/>
      <c r="AF1002" s="119"/>
      <c r="AG1002" s="119"/>
      <c r="AH1002" s="119"/>
      <c r="AI1002" s="119"/>
      <c r="AJ1002" s="119"/>
      <c r="AK1002" s="119"/>
      <c r="AL1002" s="119"/>
      <c r="AM1002" s="119"/>
      <c r="AN1002" s="119"/>
      <c r="AO1002" s="119"/>
      <c r="AP1002" s="119"/>
      <c r="AQ1002" s="119"/>
      <c r="AR1002" s="119"/>
      <c r="AS1002" s="119"/>
      <c r="AT1002" s="119"/>
      <c r="AU1002" s="119"/>
      <c r="AV1002" s="119"/>
      <c r="AW1002" s="119"/>
      <c r="AX1002" s="119"/>
      <c r="AY1002" s="119"/>
      <c r="AZ1002" s="119"/>
      <c r="BA1002" s="119"/>
      <c r="BB1002" s="107">
        <v>45884</v>
      </c>
    </row>
    <row r="1003" spans="1:54" s="207" customFormat="1" ht="13.95" customHeight="1" x14ac:dyDescent="0.25">
      <c r="A1003" s="208" t="s">
        <v>2461</v>
      </c>
      <c r="B1003" s="209" t="s">
        <v>20420</v>
      </c>
      <c r="C1003" s="113" t="s">
        <v>2462</v>
      </c>
      <c r="D1003" s="113" t="s">
        <v>2463</v>
      </c>
      <c r="E1003" s="210">
        <v>1974</v>
      </c>
      <c r="F1003" s="210">
        <v>921</v>
      </c>
      <c r="G1003" s="113" t="s">
        <v>1</v>
      </c>
      <c r="H1003" s="113">
        <v>0</v>
      </c>
      <c r="I1003" s="113">
        <v>0</v>
      </c>
      <c r="J1003" s="115">
        <v>1</v>
      </c>
      <c r="K1003" s="211">
        <v>1</v>
      </c>
      <c r="L1003" s="115">
        <v>1</v>
      </c>
      <c r="M1003" s="115">
        <v>0</v>
      </c>
      <c r="N1003" s="115">
        <v>0</v>
      </c>
      <c r="O1003" s="115">
        <v>1</v>
      </c>
      <c r="P1003" s="115">
        <v>1</v>
      </c>
      <c r="Q1003" s="115" t="s">
        <v>400</v>
      </c>
      <c r="R1003" s="115">
        <v>1</v>
      </c>
      <c r="S1003" s="115">
        <v>0</v>
      </c>
      <c r="T1003" s="115">
        <v>0</v>
      </c>
      <c r="U1003" s="119"/>
      <c r="V1003" s="119"/>
      <c r="W1003" s="119"/>
      <c r="X1003" s="119"/>
      <c r="Y1003" s="119"/>
      <c r="Z1003" s="119"/>
      <c r="AA1003" s="119"/>
      <c r="AB1003" s="119"/>
      <c r="AC1003" s="119"/>
      <c r="AD1003" s="119"/>
      <c r="AE1003" s="119"/>
      <c r="AF1003" s="119"/>
      <c r="AG1003" s="119"/>
      <c r="AH1003" s="119"/>
      <c r="AI1003" s="119"/>
      <c r="AJ1003" s="119"/>
      <c r="AK1003" s="119"/>
      <c r="AL1003" s="119"/>
      <c r="AM1003" s="119"/>
      <c r="AN1003" s="119"/>
      <c r="AO1003" s="119"/>
      <c r="AP1003" s="119"/>
      <c r="AQ1003" s="119"/>
      <c r="AR1003" s="119"/>
      <c r="AS1003" s="119"/>
      <c r="AT1003" s="119"/>
      <c r="AU1003" s="119"/>
      <c r="AV1003" s="119"/>
      <c r="AW1003" s="119"/>
      <c r="AX1003" s="119"/>
      <c r="AY1003" s="119"/>
      <c r="AZ1003" s="119"/>
      <c r="BA1003" s="119"/>
      <c r="BB1003" s="107">
        <v>45884</v>
      </c>
    </row>
    <row r="1004" spans="1:54" s="207" customFormat="1" ht="13.95" customHeight="1" x14ac:dyDescent="0.25">
      <c r="A1004" s="208" t="s">
        <v>2464</v>
      </c>
      <c r="B1004" s="209" t="s">
        <v>20420</v>
      </c>
      <c r="C1004" s="113" t="s">
        <v>2465</v>
      </c>
      <c r="D1004" s="113" t="s">
        <v>22985</v>
      </c>
      <c r="E1004" s="210">
        <v>2003</v>
      </c>
      <c r="F1004" s="210">
        <v>921</v>
      </c>
      <c r="G1004" s="113" t="s">
        <v>1</v>
      </c>
      <c r="H1004" s="113">
        <v>0</v>
      </c>
      <c r="I1004" s="113">
        <v>0</v>
      </c>
      <c r="J1004" s="115">
        <v>1</v>
      </c>
      <c r="K1004" s="116" t="s">
        <v>174</v>
      </c>
      <c r="L1004" s="115">
        <v>1</v>
      </c>
      <c r="M1004" s="115">
        <v>0</v>
      </c>
      <c r="N1004" s="115">
        <v>0</v>
      </c>
      <c r="O1004" s="115">
        <v>1</v>
      </c>
      <c r="P1004" s="115" t="s">
        <v>400</v>
      </c>
      <c r="Q1004" s="115" t="s">
        <v>400</v>
      </c>
      <c r="R1004" s="115">
        <v>1</v>
      </c>
      <c r="S1004" s="115">
        <v>0</v>
      </c>
      <c r="T1004" s="115">
        <v>0</v>
      </c>
      <c r="U1004" s="119"/>
      <c r="V1004" s="119"/>
      <c r="W1004" s="119"/>
      <c r="X1004" s="119"/>
      <c r="Y1004" s="119"/>
      <c r="Z1004" s="119"/>
      <c r="AA1004" s="119"/>
      <c r="AB1004" s="119"/>
      <c r="AC1004" s="119"/>
      <c r="AD1004" s="119"/>
      <c r="AE1004" s="119"/>
      <c r="AF1004" s="119"/>
      <c r="AG1004" s="119"/>
      <c r="AH1004" s="119"/>
      <c r="AI1004" s="119"/>
      <c r="AJ1004" s="119"/>
      <c r="AK1004" s="119"/>
      <c r="AL1004" s="119"/>
      <c r="AM1004" s="119"/>
      <c r="AN1004" s="119"/>
      <c r="AO1004" s="119"/>
      <c r="AP1004" s="119"/>
      <c r="AQ1004" s="119"/>
      <c r="AR1004" s="119"/>
      <c r="AS1004" s="119"/>
      <c r="AT1004" s="119"/>
      <c r="AU1004" s="119"/>
      <c r="AV1004" s="119"/>
      <c r="AW1004" s="119"/>
      <c r="AX1004" s="119"/>
      <c r="AY1004" s="119"/>
      <c r="AZ1004" s="119"/>
      <c r="BA1004" s="119"/>
      <c r="BB1004" s="107">
        <v>45884</v>
      </c>
    </row>
    <row r="1005" spans="1:54" s="207" customFormat="1" ht="13.95" customHeight="1" x14ac:dyDescent="0.25">
      <c r="A1005" s="208" t="s">
        <v>2466</v>
      </c>
      <c r="B1005" s="209" t="s">
        <v>20420</v>
      </c>
      <c r="C1005" s="113" t="s">
        <v>2467</v>
      </c>
      <c r="D1005" s="113" t="s">
        <v>22986</v>
      </c>
      <c r="E1005" s="210">
        <v>1977</v>
      </c>
      <c r="F1005" s="210">
        <v>922</v>
      </c>
      <c r="G1005" s="113" t="s">
        <v>1</v>
      </c>
      <c r="H1005" s="113">
        <v>0</v>
      </c>
      <c r="I1005" s="113">
        <v>0</v>
      </c>
      <c r="J1005" s="115">
        <v>1</v>
      </c>
      <c r="K1005" s="211">
        <v>1</v>
      </c>
      <c r="L1005" s="115">
        <v>1</v>
      </c>
      <c r="M1005" s="115">
        <v>0</v>
      </c>
      <c r="N1005" s="115">
        <v>0</v>
      </c>
      <c r="O1005" s="115">
        <v>1</v>
      </c>
      <c r="P1005" s="115">
        <v>1</v>
      </c>
      <c r="Q1005" s="115" t="s">
        <v>400</v>
      </c>
      <c r="R1005" s="115">
        <v>0</v>
      </c>
      <c r="S1005" s="115">
        <v>0</v>
      </c>
      <c r="T1005" s="115">
        <v>0</v>
      </c>
      <c r="U1005" s="119"/>
      <c r="V1005" s="119"/>
      <c r="W1005" s="119"/>
      <c r="X1005" s="119"/>
      <c r="Y1005" s="119"/>
      <c r="Z1005" s="119"/>
      <c r="AA1005" s="119"/>
      <c r="AB1005" s="119"/>
      <c r="AC1005" s="119"/>
      <c r="AD1005" s="119"/>
      <c r="AE1005" s="119"/>
      <c r="AF1005" s="119"/>
      <c r="AG1005" s="119"/>
      <c r="AH1005" s="119"/>
      <c r="AI1005" s="119"/>
      <c r="AJ1005" s="119"/>
      <c r="AK1005" s="119"/>
      <c r="AL1005" s="119"/>
      <c r="AM1005" s="119"/>
      <c r="AN1005" s="119"/>
      <c r="AO1005" s="119"/>
      <c r="AP1005" s="119"/>
      <c r="AQ1005" s="119"/>
      <c r="AR1005" s="119"/>
      <c r="AS1005" s="119"/>
      <c r="AT1005" s="119"/>
      <c r="AU1005" s="119"/>
      <c r="AV1005" s="119"/>
      <c r="AW1005" s="119"/>
      <c r="AX1005" s="119"/>
      <c r="AY1005" s="119"/>
      <c r="AZ1005" s="119"/>
      <c r="BA1005" s="119"/>
      <c r="BB1005" s="107">
        <v>45884</v>
      </c>
    </row>
    <row r="1006" spans="1:54" s="207" customFormat="1" ht="13.95" customHeight="1" x14ac:dyDescent="0.25">
      <c r="A1006" s="208" t="s">
        <v>2468</v>
      </c>
      <c r="B1006" s="209" t="s">
        <v>20420</v>
      </c>
      <c r="C1006" s="113" t="s">
        <v>2469</v>
      </c>
      <c r="D1006" s="113" t="s">
        <v>22987</v>
      </c>
      <c r="E1006" s="210">
        <v>1988</v>
      </c>
      <c r="F1006" s="210">
        <v>925</v>
      </c>
      <c r="G1006" s="113" t="s">
        <v>1</v>
      </c>
      <c r="H1006" s="113">
        <v>0</v>
      </c>
      <c r="I1006" s="113">
        <v>0</v>
      </c>
      <c r="J1006" s="115">
        <v>1</v>
      </c>
      <c r="K1006" s="116" t="s">
        <v>174</v>
      </c>
      <c r="L1006" s="115">
        <v>1</v>
      </c>
      <c r="M1006" s="115">
        <v>0</v>
      </c>
      <c r="N1006" s="115">
        <v>0</v>
      </c>
      <c r="O1006" s="115">
        <v>1</v>
      </c>
      <c r="P1006" s="115">
        <v>1</v>
      </c>
      <c r="Q1006" s="115" t="s">
        <v>400</v>
      </c>
      <c r="R1006" s="115">
        <v>1</v>
      </c>
      <c r="S1006" s="115">
        <v>0</v>
      </c>
      <c r="T1006" s="115">
        <v>0</v>
      </c>
      <c r="U1006" s="119"/>
      <c r="V1006" s="119"/>
      <c r="W1006" s="119"/>
      <c r="X1006" s="119"/>
      <c r="Y1006" s="119"/>
      <c r="Z1006" s="119"/>
      <c r="AA1006" s="119"/>
      <c r="AB1006" s="119"/>
      <c r="AC1006" s="119"/>
      <c r="AD1006" s="119"/>
      <c r="AE1006" s="119"/>
      <c r="AF1006" s="119"/>
      <c r="AG1006" s="119"/>
      <c r="AH1006" s="119"/>
      <c r="AI1006" s="119"/>
      <c r="AJ1006" s="119"/>
      <c r="AK1006" s="119"/>
      <c r="AL1006" s="119"/>
      <c r="AM1006" s="119"/>
      <c r="AN1006" s="119"/>
      <c r="AO1006" s="119"/>
      <c r="AP1006" s="119"/>
      <c r="AQ1006" s="119"/>
      <c r="AR1006" s="119"/>
      <c r="AS1006" s="119"/>
      <c r="AT1006" s="119"/>
      <c r="AU1006" s="119"/>
      <c r="AV1006" s="119"/>
      <c r="AW1006" s="119"/>
      <c r="AX1006" s="119"/>
      <c r="AY1006" s="119"/>
      <c r="AZ1006" s="119"/>
      <c r="BA1006" s="119"/>
      <c r="BB1006" s="107">
        <v>45884</v>
      </c>
    </row>
    <row r="1007" spans="1:54" s="207" customFormat="1" ht="13.95" customHeight="1" x14ac:dyDescent="0.25">
      <c r="A1007" s="208" t="s">
        <v>2470</v>
      </c>
      <c r="B1007" s="209" t="s">
        <v>20420</v>
      </c>
      <c r="C1007" s="113" t="s">
        <v>2471</v>
      </c>
      <c r="D1007" s="113" t="s">
        <v>22988</v>
      </c>
      <c r="E1007" s="210">
        <v>1987</v>
      </c>
      <c r="F1007" s="210">
        <v>925</v>
      </c>
      <c r="G1007" s="113" t="s">
        <v>1</v>
      </c>
      <c r="H1007" s="113">
        <v>0</v>
      </c>
      <c r="I1007" s="113">
        <v>0</v>
      </c>
      <c r="J1007" s="115">
        <v>1</v>
      </c>
      <c r="K1007" s="211">
        <v>1</v>
      </c>
      <c r="L1007" s="115">
        <v>1</v>
      </c>
      <c r="M1007" s="115">
        <v>1</v>
      </c>
      <c r="N1007" s="115">
        <v>0</v>
      </c>
      <c r="O1007" s="115">
        <v>1</v>
      </c>
      <c r="P1007" s="115" t="s">
        <v>400</v>
      </c>
      <c r="Q1007" s="115" t="s">
        <v>400</v>
      </c>
      <c r="R1007" s="115">
        <v>0</v>
      </c>
      <c r="S1007" s="115">
        <v>0</v>
      </c>
      <c r="T1007" s="115">
        <v>0</v>
      </c>
      <c r="U1007" s="119"/>
      <c r="V1007" s="119"/>
      <c r="W1007" s="119"/>
      <c r="X1007" s="119"/>
      <c r="Y1007" s="119"/>
      <c r="Z1007" s="119"/>
      <c r="AA1007" s="119"/>
      <c r="AB1007" s="119"/>
      <c r="AC1007" s="119"/>
      <c r="AD1007" s="119"/>
      <c r="AE1007" s="119"/>
      <c r="AF1007" s="119"/>
      <c r="AG1007" s="119"/>
      <c r="AH1007" s="119"/>
      <c r="AI1007" s="119"/>
      <c r="AJ1007" s="119"/>
      <c r="AK1007" s="119"/>
      <c r="AL1007" s="119"/>
      <c r="AM1007" s="119"/>
      <c r="AN1007" s="119"/>
      <c r="AO1007" s="119"/>
      <c r="AP1007" s="119"/>
      <c r="AQ1007" s="119"/>
      <c r="AR1007" s="119"/>
      <c r="AS1007" s="119"/>
      <c r="AT1007" s="119"/>
      <c r="AU1007" s="119"/>
      <c r="AV1007" s="119"/>
      <c r="AW1007" s="119"/>
      <c r="AX1007" s="119"/>
      <c r="AY1007" s="119"/>
      <c r="AZ1007" s="119"/>
      <c r="BA1007" s="119"/>
      <c r="BB1007" s="107">
        <v>45884</v>
      </c>
    </row>
    <row r="1008" spans="1:54" s="207" customFormat="1" ht="13.95" customHeight="1" x14ac:dyDescent="0.25">
      <c r="A1008" s="208" t="s">
        <v>2472</v>
      </c>
      <c r="B1008" s="209" t="s">
        <v>20420</v>
      </c>
      <c r="C1008" s="113" t="s">
        <v>2473</v>
      </c>
      <c r="D1008" s="113" t="s">
        <v>22989</v>
      </c>
      <c r="E1008" s="210">
        <v>1995</v>
      </c>
      <c r="F1008" s="210">
        <v>925</v>
      </c>
      <c r="G1008" s="113" t="s">
        <v>1</v>
      </c>
      <c r="H1008" s="113">
        <v>0</v>
      </c>
      <c r="I1008" s="113">
        <v>0</v>
      </c>
      <c r="J1008" s="115">
        <v>1</v>
      </c>
      <c r="K1008" s="211">
        <v>1</v>
      </c>
      <c r="L1008" s="115">
        <v>1</v>
      </c>
      <c r="M1008" s="212">
        <v>0</v>
      </c>
      <c r="N1008" s="115">
        <v>0</v>
      </c>
      <c r="O1008" s="115">
        <v>0</v>
      </c>
      <c r="P1008" s="115" t="s">
        <v>400</v>
      </c>
      <c r="Q1008" s="115" t="s">
        <v>400</v>
      </c>
      <c r="R1008" s="115">
        <v>1</v>
      </c>
      <c r="S1008" s="115">
        <v>0</v>
      </c>
      <c r="T1008" s="115">
        <v>0</v>
      </c>
      <c r="U1008" s="119"/>
      <c r="V1008" s="119"/>
      <c r="W1008" s="119"/>
      <c r="X1008" s="119"/>
      <c r="Y1008" s="119"/>
      <c r="Z1008" s="119"/>
      <c r="AA1008" s="119"/>
      <c r="AB1008" s="119"/>
      <c r="AC1008" s="119"/>
      <c r="AD1008" s="119"/>
      <c r="AE1008" s="119"/>
      <c r="AF1008" s="119"/>
      <c r="AG1008" s="119"/>
      <c r="AH1008" s="119"/>
      <c r="AI1008" s="119"/>
      <c r="AJ1008" s="119"/>
      <c r="AK1008" s="119"/>
      <c r="AL1008" s="119"/>
      <c r="AM1008" s="119"/>
      <c r="AN1008" s="119"/>
      <c r="AO1008" s="119"/>
      <c r="AP1008" s="119"/>
      <c r="AQ1008" s="119"/>
      <c r="AR1008" s="119"/>
      <c r="AS1008" s="119"/>
      <c r="AT1008" s="119"/>
      <c r="AU1008" s="119"/>
      <c r="AV1008" s="119"/>
      <c r="AW1008" s="119"/>
      <c r="AX1008" s="119"/>
      <c r="AY1008" s="119"/>
      <c r="AZ1008" s="119"/>
      <c r="BA1008" s="119"/>
      <c r="BB1008" s="107">
        <v>45884</v>
      </c>
    </row>
    <row r="1009" spans="1:54" s="207" customFormat="1" ht="13.95" customHeight="1" x14ac:dyDescent="0.25">
      <c r="A1009" s="208" t="s">
        <v>2474</v>
      </c>
      <c r="B1009" s="209" t="s">
        <v>20420</v>
      </c>
      <c r="C1009" s="113" t="s">
        <v>2475</v>
      </c>
      <c r="D1009" s="113" t="s">
        <v>22990</v>
      </c>
      <c r="E1009" s="210">
        <v>1989</v>
      </c>
      <c r="F1009" s="210">
        <v>926</v>
      </c>
      <c r="G1009" s="113" t="s">
        <v>1</v>
      </c>
      <c r="H1009" s="113">
        <v>0</v>
      </c>
      <c r="I1009" s="113">
        <v>0</v>
      </c>
      <c r="J1009" s="115">
        <v>1</v>
      </c>
      <c r="K1009" s="211">
        <v>1</v>
      </c>
      <c r="L1009" s="115">
        <v>0</v>
      </c>
      <c r="M1009" s="115">
        <v>0</v>
      </c>
      <c r="N1009" s="115">
        <v>0</v>
      </c>
      <c r="O1009" s="115">
        <v>0</v>
      </c>
      <c r="P1009" s="115" t="s">
        <v>400</v>
      </c>
      <c r="Q1009" s="115" t="s">
        <v>400</v>
      </c>
      <c r="R1009" s="115">
        <v>0</v>
      </c>
      <c r="S1009" s="115">
        <v>0</v>
      </c>
      <c r="T1009" s="115">
        <v>0</v>
      </c>
      <c r="U1009" s="119"/>
      <c r="V1009" s="119"/>
      <c r="W1009" s="119"/>
      <c r="X1009" s="119"/>
      <c r="Y1009" s="119"/>
      <c r="Z1009" s="119"/>
      <c r="AA1009" s="119"/>
      <c r="AB1009" s="119"/>
      <c r="AC1009" s="119"/>
      <c r="AD1009" s="119"/>
      <c r="AE1009" s="119"/>
      <c r="AF1009" s="119"/>
      <c r="AG1009" s="119"/>
      <c r="AH1009" s="119"/>
      <c r="AI1009" s="119"/>
      <c r="AJ1009" s="119"/>
      <c r="AK1009" s="119"/>
      <c r="AL1009" s="119"/>
      <c r="AM1009" s="119"/>
      <c r="AN1009" s="119"/>
      <c r="AO1009" s="119"/>
      <c r="AP1009" s="119"/>
      <c r="AQ1009" s="119"/>
      <c r="AR1009" s="119"/>
      <c r="AS1009" s="119"/>
      <c r="AT1009" s="119"/>
      <c r="AU1009" s="119"/>
      <c r="AV1009" s="119"/>
      <c r="AW1009" s="119"/>
      <c r="AX1009" s="119"/>
      <c r="AY1009" s="119"/>
      <c r="AZ1009" s="119"/>
      <c r="BA1009" s="119"/>
      <c r="BB1009" s="107">
        <v>45884</v>
      </c>
    </row>
    <row r="1010" spans="1:54" s="207" customFormat="1" ht="13.95" customHeight="1" x14ac:dyDescent="0.25">
      <c r="A1010" s="208" t="s">
        <v>2476</v>
      </c>
      <c r="B1010" s="209" t="s">
        <v>20420</v>
      </c>
      <c r="C1010" s="113" t="s">
        <v>2477</v>
      </c>
      <c r="D1010" s="113" t="s">
        <v>22991</v>
      </c>
      <c r="E1010" s="210">
        <v>1976</v>
      </c>
      <c r="F1010" s="210">
        <v>927</v>
      </c>
      <c r="G1010" s="113" t="s">
        <v>1</v>
      </c>
      <c r="H1010" s="113">
        <v>0</v>
      </c>
      <c r="I1010" s="113">
        <v>0</v>
      </c>
      <c r="J1010" s="115">
        <v>1</v>
      </c>
      <c r="K1010" s="116" t="s">
        <v>174</v>
      </c>
      <c r="L1010" s="212">
        <v>0</v>
      </c>
      <c r="M1010" s="212">
        <v>0</v>
      </c>
      <c r="N1010" s="115">
        <v>0</v>
      </c>
      <c r="O1010" s="115">
        <v>1</v>
      </c>
      <c r="P1010" s="115" t="s">
        <v>400</v>
      </c>
      <c r="Q1010" s="115" t="s">
        <v>400</v>
      </c>
      <c r="R1010" s="212">
        <v>0</v>
      </c>
      <c r="S1010" s="115">
        <v>0</v>
      </c>
      <c r="T1010" s="115">
        <v>0</v>
      </c>
      <c r="U1010" s="119"/>
      <c r="V1010" s="119"/>
      <c r="W1010" s="119"/>
      <c r="X1010" s="119"/>
      <c r="Y1010" s="119"/>
      <c r="Z1010" s="119"/>
      <c r="AA1010" s="119"/>
      <c r="AB1010" s="119"/>
      <c r="AC1010" s="119"/>
      <c r="AD1010" s="119"/>
      <c r="AE1010" s="119"/>
      <c r="AF1010" s="119"/>
      <c r="AG1010" s="119"/>
      <c r="AH1010" s="119"/>
      <c r="AI1010" s="119"/>
      <c r="AJ1010" s="119"/>
      <c r="AK1010" s="119"/>
      <c r="AL1010" s="119"/>
      <c r="AM1010" s="119"/>
      <c r="AN1010" s="119"/>
      <c r="AO1010" s="119"/>
      <c r="AP1010" s="119"/>
      <c r="AQ1010" s="119"/>
      <c r="AR1010" s="119"/>
      <c r="AS1010" s="119"/>
      <c r="AT1010" s="119"/>
      <c r="AU1010" s="119"/>
      <c r="AV1010" s="119"/>
      <c r="AW1010" s="119"/>
      <c r="AX1010" s="119"/>
      <c r="AY1010" s="119"/>
      <c r="AZ1010" s="119"/>
      <c r="BA1010" s="119"/>
      <c r="BB1010" s="107">
        <v>45884</v>
      </c>
    </row>
    <row r="1011" spans="1:54" s="207" customFormat="1" ht="13.95" customHeight="1" x14ac:dyDescent="0.25">
      <c r="A1011" s="208" t="s">
        <v>2478</v>
      </c>
      <c r="B1011" s="209" t="s">
        <v>20420</v>
      </c>
      <c r="C1011" s="113" t="s">
        <v>2479</v>
      </c>
      <c r="D1011" s="113" t="s">
        <v>2480</v>
      </c>
      <c r="E1011" s="210">
        <v>2000</v>
      </c>
      <c r="F1011" s="210">
        <v>927</v>
      </c>
      <c r="G1011" s="113" t="s">
        <v>1</v>
      </c>
      <c r="H1011" s="113">
        <v>0</v>
      </c>
      <c r="I1011" s="113">
        <v>0</v>
      </c>
      <c r="J1011" s="115">
        <v>1</v>
      </c>
      <c r="K1011" s="211">
        <v>1</v>
      </c>
      <c r="L1011" s="115">
        <v>1</v>
      </c>
      <c r="M1011" s="115">
        <v>1</v>
      </c>
      <c r="N1011" s="115">
        <v>0</v>
      </c>
      <c r="O1011" s="115">
        <v>0</v>
      </c>
      <c r="P1011" s="115" t="s">
        <v>400</v>
      </c>
      <c r="Q1011" s="115" t="s">
        <v>400</v>
      </c>
      <c r="R1011" s="115">
        <v>0</v>
      </c>
      <c r="S1011" s="115">
        <v>0</v>
      </c>
      <c r="T1011" s="115">
        <v>0</v>
      </c>
      <c r="U1011" s="119"/>
      <c r="V1011" s="119"/>
      <c r="W1011" s="119"/>
      <c r="X1011" s="119"/>
      <c r="Y1011" s="119"/>
      <c r="Z1011" s="119"/>
      <c r="AA1011" s="119"/>
      <c r="AB1011" s="119"/>
      <c r="AC1011" s="119"/>
      <c r="AD1011" s="119"/>
      <c r="AE1011" s="119"/>
      <c r="AF1011" s="119"/>
      <c r="AG1011" s="119"/>
      <c r="AH1011" s="119"/>
      <c r="AI1011" s="119"/>
      <c r="AJ1011" s="119"/>
      <c r="AK1011" s="119"/>
      <c r="AL1011" s="119"/>
      <c r="AM1011" s="119"/>
      <c r="AN1011" s="119"/>
      <c r="AO1011" s="119"/>
      <c r="AP1011" s="119"/>
      <c r="AQ1011" s="119"/>
      <c r="AR1011" s="119"/>
      <c r="AS1011" s="119"/>
      <c r="AT1011" s="119"/>
      <c r="AU1011" s="119"/>
      <c r="AV1011" s="119"/>
      <c r="AW1011" s="119"/>
      <c r="AX1011" s="119"/>
      <c r="AY1011" s="119"/>
      <c r="AZ1011" s="119"/>
      <c r="BA1011" s="119"/>
      <c r="BB1011" s="107">
        <v>45884</v>
      </c>
    </row>
    <row r="1012" spans="1:54" s="207" customFormat="1" ht="13.95" customHeight="1" x14ac:dyDescent="0.25">
      <c r="A1012" s="208" t="s">
        <v>2481</v>
      </c>
      <c r="B1012" s="209" t="s">
        <v>20420</v>
      </c>
      <c r="C1012" s="113" t="s">
        <v>2482</v>
      </c>
      <c r="D1012" s="113" t="s">
        <v>22992</v>
      </c>
      <c r="E1012" s="210">
        <v>1993</v>
      </c>
      <c r="F1012" s="210">
        <v>927</v>
      </c>
      <c r="G1012" s="113" t="s">
        <v>1</v>
      </c>
      <c r="H1012" s="113">
        <v>0</v>
      </c>
      <c r="I1012" s="113">
        <v>0</v>
      </c>
      <c r="J1012" s="115">
        <v>1</v>
      </c>
      <c r="K1012" s="116" t="s">
        <v>174</v>
      </c>
      <c r="L1012" s="115">
        <v>1</v>
      </c>
      <c r="M1012" s="115">
        <v>0</v>
      </c>
      <c r="N1012" s="115">
        <v>1</v>
      </c>
      <c r="O1012" s="115">
        <v>0</v>
      </c>
      <c r="P1012" s="115" t="s">
        <v>400</v>
      </c>
      <c r="Q1012" s="115" t="s">
        <v>400</v>
      </c>
      <c r="R1012" s="115">
        <v>0</v>
      </c>
      <c r="S1012" s="115">
        <v>0</v>
      </c>
      <c r="T1012" s="115">
        <v>0</v>
      </c>
      <c r="U1012" s="119"/>
      <c r="V1012" s="119"/>
      <c r="W1012" s="119"/>
      <c r="X1012" s="119"/>
      <c r="Y1012" s="119"/>
      <c r="Z1012" s="119"/>
      <c r="AA1012" s="119"/>
      <c r="AB1012" s="119"/>
      <c r="AC1012" s="119"/>
      <c r="AD1012" s="119"/>
      <c r="AE1012" s="119"/>
      <c r="AF1012" s="119"/>
      <c r="AG1012" s="119"/>
      <c r="AH1012" s="119"/>
      <c r="AI1012" s="119"/>
      <c r="AJ1012" s="119"/>
      <c r="AK1012" s="119"/>
      <c r="AL1012" s="119"/>
      <c r="AM1012" s="119"/>
      <c r="AN1012" s="119"/>
      <c r="AO1012" s="119"/>
      <c r="AP1012" s="119"/>
      <c r="AQ1012" s="119"/>
      <c r="AR1012" s="119"/>
      <c r="AS1012" s="119"/>
      <c r="AT1012" s="119"/>
      <c r="AU1012" s="119"/>
      <c r="AV1012" s="119"/>
      <c r="AW1012" s="119"/>
      <c r="AX1012" s="119"/>
      <c r="AY1012" s="119"/>
      <c r="AZ1012" s="119"/>
      <c r="BA1012" s="119"/>
      <c r="BB1012" s="107">
        <v>45884</v>
      </c>
    </row>
    <row r="1013" spans="1:54" s="207" customFormat="1" ht="13.95" customHeight="1" x14ac:dyDescent="0.25">
      <c r="A1013" s="208" t="s">
        <v>2483</v>
      </c>
      <c r="B1013" s="209" t="s">
        <v>20420</v>
      </c>
      <c r="C1013" s="113" t="s">
        <v>2484</v>
      </c>
      <c r="D1013" s="113" t="s">
        <v>22993</v>
      </c>
      <c r="E1013" s="210">
        <v>1968</v>
      </c>
      <c r="F1013" s="210">
        <v>928</v>
      </c>
      <c r="G1013" s="113" t="s">
        <v>1</v>
      </c>
      <c r="H1013" s="113">
        <v>0</v>
      </c>
      <c r="I1013" s="113">
        <v>0</v>
      </c>
      <c r="J1013" s="115">
        <v>1</v>
      </c>
      <c r="K1013" s="116" t="s">
        <v>174</v>
      </c>
      <c r="L1013" s="115">
        <v>0</v>
      </c>
      <c r="M1013" s="115">
        <v>1</v>
      </c>
      <c r="N1013" s="115">
        <v>0</v>
      </c>
      <c r="O1013" s="115">
        <v>1</v>
      </c>
      <c r="P1013" s="115" t="s">
        <v>400</v>
      </c>
      <c r="Q1013" s="115" t="s">
        <v>400</v>
      </c>
      <c r="R1013" s="115">
        <v>1</v>
      </c>
      <c r="S1013" s="115">
        <v>0</v>
      </c>
      <c r="T1013" s="115">
        <v>0</v>
      </c>
      <c r="U1013" s="119"/>
      <c r="V1013" s="119"/>
      <c r="W1013" s="119"/>
      <c r="X1013" s="119"/>
      <c r="Y1013" s="119"/>
      <c r="Z1013" s="119"/>
      <c r="AA1013" s="119"/>
      <c r="AB1013" s="119"/>
      <c r="AC1013" s="119"/>
      <c r="AD1013" s="119"/>
      <c r="AE1013" s="119"/>
      <c r="AF1013" s="119"/>
      <c r="AG1013" s="119"/>
      <c r="AH1013" s="119"/>
      <c r="AI1013" s="119"/>
      <c r="AJ1013" s="119"/>
      <c r="AK1013" s="119"/>
      <c r="AL1013" s="119"/>
      <c r="AM1013" s="119"/>
      <c r="AN1013" s="119"/>
      <c r="AO1013" s="119"/>
      <c r="AP1013" s="119"/>
      <c r="AQ1013" s="119"/>
      <c r="AR1013" s="119"/>
      <c r="AS1013" s="119"/>
      <c r="AT1013" s="119"/>
      <c r="AU1013" s="119"/>
      <c r="AV1013" s="119"/>
      <c r="AW1013" s="119"/>
      <c r="AX1013" s="119"/>
      <c r="AY1013" s="119"/>
      <c r="AZ1013" s="119"/>
      <c r="BA1013" s="119"/>
      <c r="BB1013" s="107">
        <v>45884</v>
      </c>
    </row>
    <row r="1014" spans="1:54" s="207" customFormat="1" ht="13.95" customHeight="1" x14ac:dyDescent="0.25">
      <c r="A1014" s="208" t="s">
        <v>2485</v>
      </c>
      <c r="B1014" s="209" t="s">
        <v>20420</v>
      </c>
      <c r="C1014" s="113" t="s">
        <v>2486</v>
      </c>
      <c r="D1014" s="113" t="s">
        <v>22994</v>
      </c>
      <c r="E1014" s="210">
        <v>2004</v>
      </c>
      <c r="F1014" s="210">
        <v>928</v>
      </c>
      <c r="G1014" s="113" t="s">
        <v>1</v>
      </c>
      <c r="H1014" s="113">
        <v>0</v>
      </c>
      <c r="I1014" s="113">
        <v>0</v>
      </c>
      <c r="J1014" s="115">
        <v>1</v>
      </c>
      <c r="K1014" s="211">
        <v>1</v>
      </c>
      <c r="L1014" s="115">
        <v>1</v>
      </c>
      <c r="M1014" s="115">
        <v>0</v>
      </c>
      <c r="N1014" s="115">
        <v>0</v>
      </c>
      <c r="O1014" s="115">
        <v>0</v>
      </c>
      <c r="P1014" s="115">
        <v>1</v>
      </c>
      <c r="Q1014" s="115" t="s">
        <v>400</v>
      </c>
      <c r="R1014" s="115">
        <v>1</v>
      </c>
      <c r="S1014" s="115">
        <v>0</v>
      </c>
      <c r="T1014" s="115">
        <v>0</v>
      </c>
      <c r="U1014" s="119"/>
      <c r="V1014" s="119"/>
      <c r="W1014" s="119"/>
      <c r="X1014" s="119"/>
      <c r="Y1014" s="119"/>
      <c r="Z1014" s="119"/>
      <c r="AA1014" s="119"/>
      <c r="AB1014" s="119"/>
      <c r="AC1014" s="119"/>
      <c r="AD1014" s="119"/>
      <c r="AE1014" s="119"/>
      <c r="AF1014" s="119"/>
      <c r="AG1014" s="119"/>
      <c r="AH1014" s="119"/>
      <c r="AI1014" s="119"/>
      <c r="AJ1014" s="119"/>
      <c r="AK1014" s="119"/>
      <c r="AL1014" s="119"/>
      <c r="AM1014" s="119"/>
      <c r="AN1014" s="119"/>
      <c r="AO1014" s="119"/>
      <c r="AP1014" s="119"/>
      <c r="AQ1014" s="119"/>
      <c r="AR1014" s="119"/>
      <c r="AS1014" s="119"/>
      <c r="AT1014" s="119"/>
      <c r="AU1014" s="119"/>
      <c r="AV1014" s="119"/>
      <c r="AW1014" s="119"/>
      <c r="AX1014" s="119"/>
      <c r="AY1014" s="119"/>
      <c r="AZ1014" s="119"/>
      <c r="BA1014" s="119"/>
      <c r="BB1014" s="107">
        <v>45884</v>
      </c>
    </row>
    <row r="1015" spans="1:54" s="207" customFormat="1" ht="13.95" customHeight="1" x14ac:dyDescent="0.25">
      <c r="A1015" s="208" t="s">
        <v>2487</v>
      </c>
      <c r="B1015" s="209" t="s">
        <v>20420</v>
      </c>
      <c r="C1015" s="113" t="s">
        <v>2488</v>
      </c>
      <c r="D1015" s="113" t="s">
        <v>22995</v>
      </c>
      <c r="E1015" s="210">
        <v>1973</v>
      </c>
      <c r="F1015" s="210">
        <v>930</v>
      </c>
      <c r="G1015" s="113" t="s">
        <v>1</v>
      </c>
      <c r="H1015" s="113">
        <v>0</v>
      </c>
      <c r="I1015" s="113">
        <v>0</v>
      </c>
      <c r="J1015" s="115">
        <v>1</v>
      </c>
      <c r="K1015" s="211">
        <v>1</v>
      </c>
      <c r="L1015" s="115">
        <v>1</v>
      </c>
      <c r="M1015" s="115">
        <v>0</v>
      </c>
      <c r="N1015" s="115">
        <v>0</v>
      </c>
      <c r="O1015" s="115">
        <v>1</v>
      </c>
      <c r="P1015" s="115">
        <v>1</v>
      </c>
      <c r="Q1015" s="115" t="s">
        <v>400</v>
      </c>
      <c r="R1015" s="115">
        <v>1</v>
      </c>
      <c r="S1015" s="115">
        <v>0</v>
      </c>
      <c r="T1015" s="115">
        <v>0</v>
      </c>
      <c r="U1015" s="119"/>
      <c r="V1015" s="119"/>
      <c r="W1015" s="119"/>
      <c r="X1015" s="119"/>
      <c r="Y1015" s="119"/>
      <c r="Z1015" s="119"/>
      <c r="AA1015" s="119"/>
      <c r="AB1015" s="119"/>
      <c r="AC1015" s="119"/>
      <c r="AD1015" s="119"/>
      <c r="AE1015" s="119"/>
      <c r="AF1015" s="119"/>
      <c r="AG1015" s="119"/>
      <c r="AH1015" s="119"/>
      <c r="AI1015" s="119"/>
      <c r="AJ1015" s="119"/>
      <c r="AK1015" s="119"/>
      <c r="AL1015" s="119"/>
      <c r="AM1015" s="119"/>
      <c r="AN1015" s="119"/>
      <c r="AO1015" s="119"/>
      <c r="AP1015" s="119"/>
      <c r="AQ1015" s="119"/>
      <c r="AR1015" s="119"/>
      <c r="AS1015" s="119"/>
      <c r="AT1015" s="119"/>
      <c r="AU1015" s="119"/>
      <c r="AV1015" s="119"/>
      <c r="AW1015" s="119"/>
      <c r="AX1015" s="119"/>
      <c r="AY1015" s="119"/>
      <c r="AZ1015" s="119"/>
      <c r="BA1015" s="119"/>
      <c r="BB1015" s="107">
        <v>45884</v>
      </c>
    </row>
    <row r="1016" spans="1:54" s="207" customFormat="1" ht="13.95" customHeight="1" x14ac:dyDescent="0.25">
      <c r="A1016" s="208" t="s">
        <v>2489</v>
      </c>
      <c r="B1016" s="209" t="s">
        <v>20420</v>
      </c>
      <c r="C1016" s="113" t="s">
        <v>2490</v>
      </c>
      <c r="D1016" s="113" t="s">
        <v>22996</v>
      </c>
      <c r="E1016" s="210">
        <v>1992</v>
      </c>
      <c r="F1016" s="210">
        <v>931</v>
      </c>
      <c r="G1016" s="113" t="s">
        <v>1</v>
      </c>
      <c r="H1016" s="113">
        <v>0</v>
      </c>
      <c r="I1016" s="113">
        <v>0</v>
      </c>
      <c r="J1016" s="115">
        <v>1</v>
      </c>
      <c r="K1016" s="116" t="s">
        <v>174</v>
      </c>
      <c r="L1016" s="115">
        <v>1</v>
      </c>
      <c r="M1016" s="115">
        <v>1</v>
      </c>
      <c r="N1016" s="115">
        <v>0</v>
      </c>
      <c r="O1016" s="115">
        <v>1</v>
      </c>
      <c r="P1016" s="115" t="s">
        <v>400</v>
      </c>
      <c r="Q1016" s="115" t="s">
        <v>400</v>
      </c>
      <c r="R1016" s="115">
        <v>0</v>
      </c>
      <c r="S1016" s="115">
        <v>0</v>
      </c>
      <c r="T1016" s="115">
        <v>0</v>
      </c>
      <c r="U1016" s="119"/>
      <c r="V1016" s="119"/>
      <c r="W1016" s="119"/>
      <c r="X1016" s="119"/>
      <c r="Y1016" s="119"/>
      <c r="Z1016" s="119"/>
      <c r="AA1016" s="119"/>
      <c r="AB1016" s="119"/>
      <c r="AC1016" s="119"/>
      <c r="AD1016" s="119"/>
      <c r="AE1016" s="119"/>
      <c r="AF1016" s="119"/>
      <c r="AG1016" s="119"/>
      <c r="AH1016" s="119"/>
      <c r="AI1016" s="119"/>
      <c r="AJ1016" s="119"/>
      <c r="AK1016" s="119"/>
      <c r="AL1016" s="119"/>
      <c r="AM1016" s="119"/>
      <c r="AN1016" s="119"/>
      <c r="AO1016" s="119"/>
      <c r="AP1016" s="119"/>
      <c r="AQ1016" s="119"/>
      <c r="AR1016" s="119"/>
      <c r="AS1016" s="119"/>
      <c r="AT1016" s="119"/>
      <c r="AU1016" s="119"/>
      <c r="AV1016" s="119"/>
      <c r="AW1016" s="119"/>
      <c r="AX1016" s="119"/>
      <c r="AY1016" s="119"/>
      <c r="AZ1016" s="119"/>
      <c r="BA1016" s="119"/>
      <c r="BB1016" s="107">
        <v>45884</v>
      </c>
    </row>
    <row r="1017" spans="1:54" s="207" customFormat="1" ht="13.95" customHeight="1" x14ac:dyDescent="0.25">
      <c r="A1017" s="208" t="s">
        <v>2491</v>
      </c>
      <c r="B1017" s="209" t="s">
        <v>20420</v>
      </c>
      <c r="C1017" s="113" t="s">
        <v>2492</v>
      </c>
      <c r="D1017" s="113" t="s">
        <v>22997</v>
      </c>
      <c r="E1017" s="210">
        <v>1994</v>
      </c>
      <c r="F1017" s="210">
        <v>931</v>
      </c>
      <c r="G1017" s="113" t="s">
        <v>1</v>
      </c>
      <c r="H1017" s="113">
        <v>0</v>
      </c>
      <c r="I1017" s="113">
        <v>0</v>
      </c>
      <c r="J1017" s="115">
        <v>1</v>
      </c>
      <c r="K1017" s="116" t="s">
        <v>174</v>
      </c>
      <c r="L1017" s="115">
        <v>0</v>
      </c>
      <c r="M1017" s="115">
        <v>0</v>
      </c>
      <c r="N1017" s="115">
        <v>0</v>
      </c>
      <c r="O1017" s="115">
        <v>0</v>
      </c>
      <c r="P1017" s="115" t="s">
        <v>400</v>
      </c>
      <c r="Q1017" s="115" t="s">
        <v>400</v>
      </c>
      <c r="R1017" s="115">
        <v>0</v>
      </c>
      <c r="S1017" s="115">
        <v>0</v>
      </c>
      <c r="T1017" s="115">
        <v>0</v>
      </c>
      <c r="U1017" s="119"/>
      <c r="V1017" s="119"/>
      <c r="W1017" s="119"/>
      <c r="X1017" s="119"/>
      <c r="Y1017" s="119"/>
      <c r="Z1017" s="119"/>
      <c r="AA1017" s="119"/>
      <c r="AB1017" s="119"/>
      <c r="AC1017" s="119"/>
      <c r="AD1017" s="119"/>
      <c r="AE1017" s="119"/>
      <c r="AF1017" s="119"/>
      <c r="AG1017" s="119"/>
      <c r="AH1017" s="119"/>
      <c r="AI1017" s="119"/>
      <c r="AJ1017" s="119"/>
      <c r="AK1017" s="119"/>
      <c r="AL1017" s="119"/>
      <c r="AM1017" s="119"/>
      <c r="AN1017" s="119"/>
      <c r="AO1017" s="119"/>
      <c r="AP1017" s="119"/>
      <c r="AQ1017" s="119"/>
      <c r="AR1017" s="119"/>
      <c r="AS1017" s="119"/>
      <c r="AT1017" s="119"/>
      <c r="AU1017" s="119"/>
      <c r="AV1017" s="119"/>
      <c r="AW1017" s="119"/>
      <c r="AX1017" s="119"/>
      <c r="AY1017" s="119"/>
      <c r="AZ1017" s="119"/>
      <c r="BA1017" s="119"/>
      <c r="BB1017" s="107">
        <v>45884</v>
      </c>
    </row>
    <row r="1018" spans="1:54" s="207" customFormat="1" ht="13.95" customHeight="1" x14ac:dyDescent="0.25">
      <c r="A1018" s="208" t="s">
        <v>2493</v>
      </c>
      <c r="B1018" s="209" t="s">
        <v>20420</v>
      </c>
      <c r="C1018" s="113" t="s">
        <v>2494</v>
      </c>
      <c r="D1018" s="113" t="s">
        <v>22998</v>
      </c>
      <c r="E1018" s="210">
        <v>1966</v>
      </c>
      <c r="F1018" s="210">
        <v>932</v>
      </c>
      <c r="G1018" s="113" t="s">
        <v>1</v>
      </c>
      <c r="H1018" s="113">
        <v>0</v>
      </c>
      <c r="I1018" s="113">
        <v>0</v>
      </c>
      <c r="J1018" s="115">
        <v>1</v>
      </c>
      <c r="K1018" s="116" t="s">
        <v>174</v>
      </c>
      <c r="L1018" s="115">
        <v>1</v>
      </c>
      <c r="M1018" s="115">
        <v>1</v>
      </c>
      <c r="N1018" s="115">
        <v>0</v>
      </c>
      <c r="O1018" s="115">
        <v>1</v>
      </c>
      <c r="P1018" s="115" t="s">
        <v>400</v>
      </c>
      <c r="Q1018" s="115" t="s">
        <v>400</v>
      </c>
      <c r="R1018" s="115">
        <v>1</v>
      </c>
      <c r="S1018" s="115">
        <v>0</v>
      </c>
      <c r="T1018" s="115">
        <v>0</v>
      </c>
      <c r="U1018" s="119"/>
      <c r="V1018" s="119"/>
      <c r="W1018" s="119"/>
      <c r="X1018" s="119"/>
      <c r="Y1018" s="119"/>
      <c r="Z1018" s="119"/>
      <c r="AA1018" s="119"/>
      <c r="AB1018" s="119"/>
      <c r="AC1018" s="119"/>
      <c r="AD1018" s="119"/>
      <c r="AE1018" s="119"/>
      <c r="AF1018" s="119"/>
      <c r="AG1018" s="119"/>
      <c r="AH1018" s="119"/>
      <c r="AI1018" s="119"/>
      <c r="AJ1018" s="119"/>
      <c r="AK1018" s="119"/>
      <c r="AL1018" s="119"/>
      <c r="AM1018" s="119"/>
      <c r="AN1018" s="119"/>
      <c r="AO1018" s="119"/>
      <c r="AP1018" s="119"/>
      <c r="AQ1018" s="119"/>
      <c r="AR1018" s="119"/>
      <c r="AS1018" s="119"/>
      <c r="AT1018" s="119"/>
      <c r="AU1018" s="119"/>
      <c r="AV1018" s="119"/>
      <c r="AW1018" s="119"/>
      <c r="AX1018" s="119"/>
      <c r="AY1018" s="119"/>
      <c r="AZ1018" s="119"/>
      <c r="BA1018" s="119"/>
      <c r="BB1018" s="107">
        <v>45884</v>
      </c>
    </row>
    <row r="1019" spans="1:54" s="207" customFormat="1" ht="13.95" customHeight="1" x14ac:dyDescent="0.25">
      <c r="A1019" s="208" t="s">
        <v>2495</v>
      </c>
      <c r="B1019" s="209" t="s">
        <v>20420</v>
      </c>
      <c r="C1019" s="113" t="s">
        <v>2496</v>
      </c>
      <c r="D1019" s="113" t="s">
        <v>22999</v>
      </c>
      <c r="E1019" s="210">
        <v>2007</v>
      </c>
      <c r="F1019" s="210">
        <v>933</v>
      </c>
      <c r="G1019" s="113" t="s">
        <v>1</v>
      </c>
      <c r="H1019" s="113">
        <v>0</v>
      </c>
      <c r="I1019" s="113">
        <v>0</v>
      </c>
      <c r="J1019" s="115">
        <v>1</v>
      </c>
      <c r="K1019" s="116" t="s">
        <v>174</v>
      </c>
      <c r="L1019" s="115">
        <v>0</v>
      </c>
      <c r="M1019" s="115">
        <v>0</v>
      </c>
      <c r="N1019" s="115">
        <v>0</v>
      </c>
      <c r="O1019" s="115">
        <v>0</v>
      </c>
      <c r="P1019" s="115" t="s">
        <v>400</v>
      </c>
      <c r="Q1019" s="115" t="s">
        <v>400</v>
      </c>
      <c r="R1019" s="115">
        <v>0</v>
      </c>
      <c r="S1019" s="115">
        <v>0</v>
      </c>
      <c r="T1019" s="115">
        <v>0</v>
      </c>
      <c r="U1019" s="119"/>
      <c r="V1019" s="119"/>
      <c r="W1019" s="119"/>
      <c r="X1019" s="119"/>
      <c r="Y1019" s="119"/>
      <c r="Z1019" s="119"/>
      <c r="AA1019" s="119"/>
      <c r="AB1019" s="119"/>
      <c r="AC1019" s="119"/>
      <c r="AD1019" s="119"/>
      <c r="AE1019" s="119"/>
      <c r="AF1019" s="119"/>
      <c r="AG1019" s="119"/>
      <c r="AH1019" s="119"/>
      <c r="AI1019" s="119"/>
      <c r="AJ1019" s="119"/>
      <c r="AK1019" s="119"/>
      <c r="AL1019" s="119"/>
      <c r="AM1019" s="119"/>
      <c r="AN1019" s="119"/>
      <c r="AO1019" s="119"/>
      <c r="AP1019" s="119"/>
      <c r="AQ1019" s="119"/>
      <c r="AR1019" s="119"/>
      <c r="AS1019" s="119"/>
      <c r="AT1019" s="119"/>
      <c r="AU1019" s="119"/>
      <c r="AV1019" s="119"/>
      <c r="AW1019" s="119"/>
      <c r="AX1019" s="119"/>
      <c r="AY1019" s="119"/>
      <c r="AZ1019" s="119"/>
      <c r="BA1019" s="119"/>
      <c r="BB1019" s="107">
        <v>45884</v>
      </c>
    </row>
    <row r="1020" spans="1:54" s="207" customFormat="1" ht="13.95" customHeight="1" x14ac:dyDescent="0.25">
      <c r="A1020" s="208" t="s">
        <v>2497</v>
      </c>
      <c r="B1020" s="209" t="s">
        <v>20420</v>
      </c>
      <c r="C1020" s="113" t="s">
        <v>2498</v>
      </c>
      <c r="D1020" s="113" t="s">
        <v>23000</v>
      </c>
      <c r="E1020" s="210">
        <v>1989</v>
      </c>
      <c r="F1020" s="210">
        <v>935</v>
      </c>
      <c r="G1020" s="113" t="s">
        <v>1</v>
      </c>
      <c r="H1020" s="113">
        <v>0</v>
      </c>
      <c r="I1020" s="113">
        <v>0</v>
      </c>
      <c r="J1020" s="115">
        <v>1</v>
      </c>
      <c r="K1020" s="116" t="s">
        <v>174</v>
      </c>
      <c r="L1020" s="115">
        <v>1</v>
      </c>
      <c r="M1020" s="115">
        <v>0</v>
      </c>
      <c r="N1020" s="115">
        <v>1</v>
      </c>
      <c r="O1020" s="115">
        <v>1</v>
      </c>
      <c r="P1020" s="115">
        <v>1</v>
      </c>
      <c r="Q1020" s="115" t="s">
        <v>400</v>
      </c>
      <c r="R1020" s="115">
        <v>0</v>
      </c>
      <c r="S1020" s="115">
        <v>0</v>
      </c>
      <c r="T1020" s="115">
        <v>0</v>
      </c>
      <c r="U1020" s="119"/>
      <c r="V1020" s="119"/>
      <c r="W1020" s="119"/>
      <c r="X1020" s="119"/>
      <c r="Y1020" s="119"/>
      <c r="Z1020" s="119"/>
      <c r="AA1020" s="119"/>
      <c r="AB1020" s="119"/>
      <c r="AC1020" s="119"/>
      <c r="AD1020" s="119"/>
      <c r="AE1020" s="119"/>
      <c r="AF1020" s="119"/>
      <c r="AG1020" s="119"/>
      <c r="AH1020" s="119"/>
      <c r="AI1020" s="119"/>
      <c r="AJ1020" s="119"/>
      <c r="AK1020" s="119"/>
      <c r="AL1020" s="119"/>
      <c r="AM1020" s="119"/>
      <c r="AN1020" s="119"/>
      <c r="AO1020" s="119"/>
      <c r="AP1020" s="119"/>
      <c r="AQ1020" s="119"/>
      <c r="AR1020" s="119"/>
      <c r="AS1020" s="119"/>
      <c r="AT1020" s="119"/>
      <c r="AU1020" s="119"/>
      <c r="AV1020" s="119"/>
      <c r="AW1020" s="119"/>
      <c r="AX1020" s="119"/>
      <c r="AY1020" s="119"/>
      <c r="AZ1020" s="119"/>
      <c r="BA1020" s="119"/>
      <c r="BB1020" s="107">
        <v>45884</v>
      </c>
    </row>
    <row r="1021" spans="1:54" s="207" customFormat="1" ht="13.95" customHeight="1" x14ac:dyDescent="0.25">
      <c r="A1021" s="208" t="s">
        <v>2499</v>
      </c>
      <c r="B1021" s="209" t="s">
        <v>20420</v>
      </c>
      <c r="C1021" s="113" t="s">
        <v>2500</v>
      </c>
      <c r="D1021" s="113" t="s">
        <v>23001</v>
      </c>
      <c r="E1021" s="210">
        <v>1999</v>
      </c>
      <c r="F1021" s="210">
        <v>936</v>
      </c>
      <c r="G1021" s="113" t="s">
        <v>1</v>
      </c>
      <c r="H1021" s="113">
        <v>0</v>
      </c>
      <c r="I1021" s="113">
        <v>0</v>
      </c>
      <c r="J1021" s="115">
        <v>1</v>
      </c>
      <c r="K1021" s="211">
        <v>1</v>
      </c>
      <c r="L1021" s="115">
        <v>1</v>
      </c>
      <c r="M1021" s="115">
        <v>0</v>
      </c>
      <c r="N1021" s="115">
        <v>0</v>
      </c>
      <c r="O1021" s="115">
        <v>1</v>
      </c>
      <c r="P1021" s="115">
        <v>1</v>
      </c>
      <c r="Q1021" s="115" t="s">
        <v>400</v>
      </c>
      <c r="R1021" s="115">
        <v>1</v>
      </c>
      <c r="S1021" s="115">
        <v>0</v>
      </c>
      <c r="T1021" s="115">
        <v>0</v>
      </c>
      <c r="U1021" s="119"/>
      <c r="V1021" s="119"/>
      <c r="W1021" s="119"/>
      <c r="X1021" s="119"/>
      <c r="Y1021" s="119"/>
      <c r="Z1021" s="119"/>
      <c r="AA1021" s="119"/>
      <c r="AB1021" s="119"/>
      <c r="AC1021" s="119"/>
      <c r="AD1021" s="119"/>
      <c r="AE1021" s="119"/>
      <c r="AF1021" s="119"/>
      <c r="AG1021" s="119"/>
      <c r="AH1021" s="119"/>
      <c r="AI1021" s="119"/>
      <c r="AJ1021" s="119"/>
      <c r="AK1021" s="119"/>
      <c r="AL1021" s="119"/>
      <c r="AM1021" s="119"/>
      <c r="AN1021" s="119"/>
      <c r="AO1021" s="119"/>
      <c r="AP1021" s="119"/>
      <c r="AQ1021" s="119"/>
      <c r="AR1021" s="119"/>
      <c r="AS1021" s="119"/>
      <c r="AT1021" s="119"/>
      <c r="AU1021" s="119"/>
      <c r="AV1021" s="119"/>
      <c r="AW1021" s="119"/>
      <c r="AX1021" s="119"/>
      <c r="AY1021" s="119"/>
      <c r="AZ1021" s="119"/>
      <c r="BA1021" s="119"/>
      <c r="BB1021" s="107">
        <v>45884</v>
      </c>
    </row>
    <row r="1022" spans="1:54" s="207" customFormat="1" ht="13.95" customHeight="1" x14ac:dyDescent="0.25">
      <c r="A1022" s="208" t="s">
        <v>2501</v>
      </c>
      <c r="B1022" s="209" t="s">
        <v>20420</v>
      </c>
      <c r="C1022" s="113" t="s">
        <v>2502</v>
      </c>
      <c r="D1022" s="113" t="s">
        <v>23002</v>
      </c>
      <c r="E1022" s="210">
        <v>1975</v>
      </c>
      <c r="F1022" s="210">
        <v>936</v>
      </c>
      <c r="G1022" s="113" t="s">
        <v>1</v>
      </c>
      <c r="H1022" s="113">
        <v>0</v>
      </c>
      <c r="I1022" s="113">
        <v>0</v>
      </c>
      <c r="J1022" s="115">
        <v>1</v>
      </c>
      <c r="K1022" s="116" t="s">
        <v>174</v>
      </c>
      <c r="L1022" s="115">
        <v>1</v>
      </c>
      <c r="M1022" s="115">
        <v>0</v>
      </c>
      <c r="N1022" s="115">
        <v>0</v>
      </c>
      <c r="O1022" s="115">
        <v>1</v>
      </c>
      <c r="P1022" s="115">
        <v>1</v>
      </c>
      <c r="Q1022" s="115" t="s">
        <v>400</v>
      </c>
      <c r="R1022" s="115">
        <v>1</v>
      </c>
      <c r="S1022" s="115">
        <v>0</v>
      </c>
      <c r="T1022" s="115">
        <v>0</v>
      </c>
      <c r="U1022" s="119"/>
      <c r="V1022" s="119"/>
      <c r="W1022" s="119"/>
      <c r="X1022" s="119"/>
      <c r="Y1022" s="119"/>
      <c r="Z1022" s="119"/>
      <c r="AA1022" s="119"/>
      <c r="AB1022" s="119"/>
      <c r="AC1022" s="119"/>
      <c r="AD1022" s="119"/>
      <c r="AE1022" s="119"/>
      <c r="AF1022" s="119"/>
      <c r="AG1022" s="119"/>
      <c r="AH1022" s="119"/>
      <c r="AI1022" s="119"/>
      <c r="AJ1022" s="119"/>
      <c r="AK1022" s="119"/>
      <c r="AL1022" s="119"/>
      <c r="AM1022" s="119"/>
      <c r="AN1022" s="119"/>
      <c r="AO1022" s="119"/>
      <c r="AP1022" s="119"/>
      <c r="AQ1022" s="119"/>
      <c r="AR1022" s="119"/>
      <c r="AS1022" s="119"/>
      <c r="AT1022" s="119"/>
      <c r="AU1022" s="119"/>
      <c r="AV1022" s="119"/>
      <c r="AW1022" s="119"/>
      <c r="AX1022" s="119"/>
      <c r="AY1022" s="119"/>
      <c r="AZ1022" s="119"/>
      <c r="BA1022" s="119"/>
      <c r="BB1022" s="107">
        <v>45884</v>
      </c>
    </row>
    <row r="1023" spans="1:54" s="207" customFormat="1" ht="13.95" customHeight="1" x14ac:dyDescent="0.25">
      <c r="A1023" s="208" t="s">
        <v>2503</v>
      </c>
      <c r="B1023" s="209" t="s">
        <v>20420</v>
      </c>
      <c r="C1023" s="113" t="s">
        <v>2504</v>
      </c>
      <c r="D1023" s="113" t="s">
        <v>23003</v>
      </c>
      <c r="E1023" s="210">
        <v>1987</v>
      </c>
      <c r="F1023" s="210">
        <v>936</v>
      </c>
      <c r="G1023" s="113" t="s">
        <v>1</v>
      </c>
      <c r="H1023" s="113">
        <v>0</v>
      </c>
      <c r="I1023" s="113">
        <v>0</v>
      </c>
      <c r="J1023" s="115">
        <v>1</v>
      </c>
      <c r="K1023" s="116" t="s">
        <v>174</v>
      </c>
      <c r="L1023" s="115">
        <v>0</v>
      </c>
      <c r="M1023" s="115">
        <v>0</v>
      </c>
      <c r="N1023" s="115">
        <v>0</v>
      </c>
      <c r="O1023" s="115">
        <v>1</v>
      </c>
      <c r="P1023" s="115">
        <v>1</v>
      </c>
      <c r="Q1023" s="115" t="s">
        <v>400</v>
      </c>
      <c r="R1023" s="115">
        <v>1</v>
      </c>
      <c r="S1023" s="115">
        <v>0</v>
      </c>
      <c r="T1023" s="115">
        <v>0</v>
      </c>
      <c r="U1023" s="119"/>
      <c r="V1023" s="119"/>
      <c r="W1023" s="119"/>
      <c r="X1023" s="119"/>
      <c r="Y1023" s="119"/>
      <c r="Z1023" s="119"/>
      <c r="AA1023" s="119"/>
      <c r="AB1023" s="119"/>
      <c r="AC1023" s="119"/>
      <c r="AD1023" s="119"/>
      <c r="AE1023" s="119"/>
      <c r="AF1023" s="119"/>
      <c r="AG1023" s="119"/>
      <c r="AH1023" s="119"/>
      <c r="AI1023" s="119"/>
      <c r="AJ1023" s="119"/>
      <c r="AK1023" s="119"/>
      <c r="AL1023" s="119"/>
      <c r="AM1023" s="119"/>
      <c r="AN1023" s="119"/>
      <c r="AO1023" s="119"/>
      <c r="AP1023" s="119"/>
      <c r="AQ1023" s="119"/>
      <c r="AR1023" s="119"/>
      <c r="AS1023" s="119"/>
      <c r="AT1023" s="119"/>
      <c r="AU1023" s="119"/>
      <c r="AV1023" s="119"/>
      <c r="AW1023" s="119"/>
      <c r="AX1023" s="119"/>
      <c r="AY1023" s="119"/>
      <c r="AZ1023" s="119"/>
      <c r="BA1023" s="119"/>
      <c r="BB1023" s="107">
        <v>45884</v>
      </c>
    </row>
    <row r="1024" spans="1:54" s="207" customFormat="1" ht="13.95" customHeight="1" x14ac:dyDescent="0.25">
      <c r="A1024" s="208" t="s">
        <v>2505</v>
      </c>
      <c r="B1024" s="209" t="s">
        <v>20420</v>
      </c>
      <c r="C1024" s="113" t="s">
        <v>2506</v>
      </c>
      <c r="D1024" s="113" t="s">
        <v>2507</v>
      </c>
      <c r="E1024" s="210">
        <v>1976</v>
      </c>
      <c r="F1024" s="210">
        <v>937</v>
      </c>
      <c r="G1024" s="113" t="s">
        <v>1</v>
      </c>
      <c r="H1024" s="113">
        <v>0</v>
      </c>
      <c r="I1024" s="113">
        <v>0</v>
      </c>
      <c r="J1024" s="115">
        <v>1</v>
      </c>
      <c r="K1024" s="211">
        <v>1</v>
      </c>
      <c r="L1024" s="115">
        <v>0</v>
      </c>
      <c r="M1024" s="115">
        <v>0</v>
      </c>
      <c r="N1024" s="115">
        <v>0</v>
      </c>
      <c r="O1024" s="115">
        <v>1</v>
      </c>
      <c r="P1024" s="115">
        <v>1</v>
      </c>
      <c r="Q1024" s="115" t="s">
        <v>400</v>
      </c>
      <c r="R1024" s="115">
        <v>1</v>
      </c>
      <c r="S1024" s="115">
        <v>0</v>
      </c>
      <c r="T1024" s="115">
        <v>0</v>
      </c>
      <c r="U1024" s="119"/>
      <c r="V1024" s="119"/>
      <c r="W1024" s="119"/>
      <c r="X1024" s="119"/>
      <c r="Y1024" s="119"/>
      <c r="Z1024" s="119"/>
      <c r="AA1024" s="119"/>
      <c r="AB1024" s="119"/>
      <c r="AC1024" s="119"/>
      <c r="AD1024" s="119"/>
      <c r="AE1024" s="119"/>
      <c r="AF1024" s="119"/>
      <c r="AG1024" s="119"/>
      <c r="AH1024" s="119"/>
      <c r="AI1024" s="119"/>
      <c r="AJ1024" s="119"/>
      <c r="AK1024" s="119"/>
      <c r="AL1024" s="119"/>
      <c r="AM1024" s="119"/>
      <c r="AN1024" s="119"/>
      <c r="AO1024" s="119"/>
      <c r="AP1024" s="119"/>
      <c r="AQ1024" s="119"/>
      <c r="AR1024" s="119"/>
      <c r="AS1024" s="119"/>
      <c r="AT1024" s="119"/>
      <c r="AU1024" s="119"/>
      <c r="AV1024" s="119"/>
      <c r="AW1024" s="119"/>
      <c r="AX1024" s="119"/>
      <c r="AY1024" s="119"/>
      <c r="AZ1024" s="119"/>
      <c r="BA1024" s="119"/>
      <c r="BB1024" s="107">
        <v>45884</v>
      </c>
    </row>
    <row r="1025" spans="1:54" s="207" customFormat="1" ht="13.95" customHeight="1" x14ac:dyDescent="0.25">
      <c r="A1025" s="208" t="s">
        <v>2508</v>
      </c>
      <c r="B1025" s="209" t="s">
        <v>20420</v>
      </c>
      <c r="C1025" s="113" t="s">
        <v>2509</v>
      </c>
      <c r="D1025" s="113" t="s">
        <v>2510</v>
      </c>
      <c r="E1025" s="210">
        <v>1986</v>
      </c>
      <c r="F1025" s="210">
        <v>938</v>
      </c>
      <c r="G1025" s="113" t="s">
        <v>1</v>
      </c>
      <c r="H1025" s="113">
        <v>0</v>
      </c>
      <c r="I1025" s="113">
        <v>0</v>
      </c>
      <c r="J1025" s="115">
        <v>1</v>
      </c>
      <c r="K1025" s="116" t="s">
        <v>174</v>
      </c>
      <c r="L1025" s="115">
        <v>1</v>
      </c>
      <c r="M1025" s="115">
        <v>0</v>
      </c>
      <c r="N1025" s="115">
        <v>0</v>
      </c>
      <c r="O1025" s="115">
        <v>1</v>
      </c>
      <c r="P1025" s="115">
        <v>1</v>
      </c>
      <c r="Q1025" s="115" t="s">
        <v>400</v>
      </c>
      <c r="R1025" s="115">
        <v>1</v>
      </c>
      <c r="S1025" s="115">
        <v>0</v>
      </c>
      <c r="T1025" s="115">
        <v>0</v>
      </c>
      <c r="U1025" s="119"/>
      <c r="V1025" s="119"/>
      <c r="W1025" s="119"/>
      <c r="X1025" s="119"/>
      <c r="Y1025" s="119"/>
      <c r="Z1025" s="119"/>
      <c r="AA1025" s="119"/>
      <c r="AB1025" s="119"/>
      <c r="AC1025" s="119"/>
      <c r="AD1025" s="119"/>
      <c r="AE1025" s="119"/>
      <c r="AF1025" s="119"/>
      <c r="AG1025" s="119"/>
      <c r="AH1025" s="119"/>
      <c r="AI1025" s="119"/>
      <c r="AJ1025" s="119"/>
      <c r="AK1025" s="119"/>
      <c r="AL1025" s="119"/>
      <c r="AM1025" s="119"/>
      <c r="AN1025" s="119"/>
      <c r="AO1025" s="119"/>
      <c r="AP1025" s="119"/>
      <c r="AQ1025" s="119"/>
      <c r="AR1025" s="119"/>
      <c r="AS1025" s="119"/>
      <c r="AT1025" s="119"/>
      <c r="AU1025" s="119"/>
      <c r="AV1025" s="119"/>
      <c r="AW1025" s="119"/>
      <c r="AX1025" s="119"/>
      <c r="AY1025" s="119"/>
      <c r="AZ1025" s="119"/>
      <c r="BA1025" s="119"/>
      <c r="BB1025" s="107">
        <v>45884</v>
      </c>
    </row>
    <row r="1026" spans="1:54" s="207" customFormat="1" ht="13.95" customHeight="1" x14ac:dyDescent="0.25">
      <c r="A1026" s="208" t="s">
        <v>2511</v>
      </c>
      <c r="B1026" s="209" t="s">
        <v>20420</v>
      </c>
      <c r="C1026" s="113" t="s">
        <v>2512</v>
      </c>
      <c r="D1026" s="113" t="s">
        <v>23004</v>
      </c>
      <c r="E1026" s="210">
        <v>1991</v>
      </c>
      <c r="F1026" s="210">
        <v>939</v>
      </c>
      <c r="G1026" s="113" t="s">
        <v>1</v>
      </c>
      <c r="H1026" s="113">
        <v>0</v>
      </c>
      <c r="I1026" s="113">
        <v>0</v>
      </c>
      <c r="J1026" s="115">
        <v>1</v>
      </c>
      <c r="K1026" s="116" t="s">
        <v>174</v>
      </c>
      <c r="L1026" s="115">
        <v>1</v>
      </c>
      <c r="M1026" s="115">
        <v>0</v>
      </c>
      <c r="N1026" s="115">
        <v>0</v>
      </c>
      <c r="O1026" s="115">
        <v>0</v>
      </c>
      <c r="P1026" s="115">
        <v>1</v>
      </c>
      <c r="Q1026" s="115">
        <v>1</v>
      </c>
      <c r="R1026" s="115">
        <v>1</v>
      </c>
      <c r="S1026" s="115">
        <v>0</v>
      </c>
      <c r="T1026" s="115">
        <v>0</v>
      </c>
      <c r="U1026" s="119"/>
      <c r="V1026" s="119"/>
      <c r="W1026" s="119"/>
      <c r="X1026" s="119"/>
      <c r="Y1026" s="119"/>
      <c r="Z1026" s="119"/>
      <c r="AA1026" s="119"/>
      <c r="AB1026" s="119"/>
      <c r="AC1026" s="119"/>
      <c r="AD1026" s="119"/>
      <c r="AE1026" s="119"/>
      <c r="AF1026" s="119"/>
      <c r="AG1026" s="119"/>
      <c r="AH1026" s="119"/>
      <c r="AI1026" s="119"/>
      <c r="AJ1026" s="119"/>
      <c r="AK1026" s="119"/>
      <c r="AL1026" s="119"/>
      <c r="AM1026" s="119"/>
      <c r="AN1026" s="119"/>
      <c r="AO1026" s="119"/>
      <c r="AP1026" s="119"/>
      <c r="AQ1026" s="119"/>
      <c r="AR1026" s="119"/>
      <c r="AS1026" s="119"/>
      <c r="AT1026" s="119"/>
      <c r="AU1026" s="119"/>
      <c r="AV1026" s="119"/>
      <c r="AW1026" s="119"/>
      <c r="AX1026" s="119"/>
      <c r="AY1026" s="119"/>
      <c r="AZ1026" s="119"/>
      <c r="BA1026" s="119"/>
      <c r="BB1026" s="107">
        <v>45884</v>
      </c>
    </row>
    <row r="1027" spans="1:54" s="207" customFormat="1" ht="13.95" customHeight="1" x14ac:dyDescent="0.25">
      <c r="A1027" s="208" t="s">
        <v>2513</v>
      </c>
      <c r="B1027" s="209" t="s">
        <v>20420</v>
      </c>
      <c r="C1027" s="113" t="s">
        <v>2514</v>
      </c>
      <c r="D1027" s="113" t="s">
        <v>23005</v>
      </c>
      <c r="E1027" s="210">
        <v>1997</v>
      </c>
      <c r="F1027" s="210">
        <v>940</v>
      </c>
      <c r="G1027" s="113" t="s">
        <v>1</v>
      </c>
      <c r="H1027" s="113">
        <v>0</v>
      </c>
      <c r="I1027" s="113">
        <v>0</v>
      </c>
      <c r="J1027" s="115">
        <v>1</v>
      </c>
      <c r="K1027" s="116" t="s">
        <v>174</v>
      </c>
      <c r="L1027" s="115">
        <v>1</v>
      </c>
      <c r="M1027" s="115">
        <v>0</v>
      </c>
      <c r="N1027" s="115">
        <v>0</v>
      </c>
      <c r="O1027" s="115">
        <v>1</v>
      </c>
      <c r="P1027" s="115">
        <v>1</v>
      </c>
      <c r="Q1027" s="115" t="s">
        <v>400</v>
      </c>
      <c r="R1027" s="115">
        <v>1</v>
      </c>
      <c r="S1027" s="115">
        <v>0</v>
      </c>
      <c r="T1027" s="115">
        <v>0</v>
      </c>
      <c r="U1027" s="119"/>
      <c r="V1027" s="119"/>
      <c r="W1027" s="119"/>
      <c r="X1027" s="119"/>
      <c r="Y1027" s="119"/>
      <c r="Z1027" s="119"/>
      <c r="AA1027" s="119"/>
      <c r="AB1027" s="119"/>
      <c r="AC1027" s="119"/>
      <c r="AD1027" s="119"/>
      <c r="AE1027" s="119"/>
      <c r="AF1027" s="119"/>
      <c r="AG1027" s="119"/>
      <c r="AH1027" s="119"/>
      <c r="AI1027" s="119"/>
      <c r="AJ1027" s="119"/>
      <c r="AK1027" s="119"/>
      <c r="AL1027" s="119"/>
      <c r="AM1027" s="119"/>
      <c r="AN1027" s="119"/>
      <c r="AO1027" s="119"/>
      <c r="AP1027" s="119"/>
      <c r="AQ1027" s="119"/>
      <c r="AR1027" s="119"/>
      <c r="AS1027" s="119"/>
      <c r="AT1027" s="119"/>
      <c r="AU1027" s="119"/>
      <c r="AV1027" s="119"/>
      <c r="AW1027" s="119"/>
      <c r="AX1027" s="119"/>
      <c r="AY1027" s="119"/>
      <c r="AZ1027" s="119"/>
      <c r="BA1027" s="119"/>
      <c r="BB1027" s="107">
        <v>45884</v>
      </c>
    </row>
    <row r="1028" spans="1:54" s="207" customFormat="1" ht="13.95" customHeight="1" x14ac:dyDescent="0.25">
      <c r="A1028" s="208" t="s">
        <v>2515</v>
      </c>
      <c r="B1028" s="209" t="s">
        <v>20420</v>
      </c>
      <c r="C1028" s="113" t="s">
        <v>2516</v>
      </c>
      <c r="D1028" s="113" t="s">
        <v>2517</v>
      </c>
      <c r="E1028" s="210">
        <v>1970</v>
      </c>
      <c r="F1028" s="210">
        <v>943</v>
      </c>
      <c r="G1028" s="113" t="s">
        <v>1</v>
      </c>
      <c r="H1028" s="113">
        <v>0</v>
      </c>
      <c r="I1028" s="113">
        <v>0</v>
      </c>
      <c r="J1028" s="115">
        <v>1</v>
      </c>
      <c r="K1028" s="116" t="s">
        <v>174</v>
      </c>
      <c r="L1028" s="115">
        <v>1</v>
      </c>
      <c r="M1028" s="115">
        <v>1</v>
      </c>
      <c r="N1028" s="115">
        <v>0</v>
      </c>
      <c r="O1028" s="115">
        <v>1</v>
      </c>
      <c r="P1028" s="115" t="s">
        <v>400</v>
      </c>
      <c r="Q1028" s="115" t="s">
        <v>400</v>
      </c>
      <c r="R1028" s="115">
        <v>0</v>
      </c>
      <c r="S1028" s="115">
        <v>0</v>
      </c>
      <c r="T1028" s="115">
        <v>0</v>
      </c>
      <c r="U1028" s="119"/>
      <c r="V1028" s="119"/>
      <c r="W1028" s="119"/>
      <c r="X1028" s="119"/>
      <c r="Y1028" s="119"/>
      <c r="Z1028" s="119"/>
      <c r="AA1028" s="119"/>
      <c r="AB1028" s="119"/>
      <c r="AC1028" s="119"/>
      <c r="AD1028" s="119"/>
      <c r="AE1028" s="119"/>
      <c r="AF1028" s="119"/>
      <c r="AG1028" s="119"/>
      <c r="AH1028" s="119"/>
      <c r="AI1028" s="119"/>
      <c r="AJ1028" s="119"/>
      <c r="AK1028" s="119"/>
      <c r="AL1028" s="119"/>
      <c r="AM1028" s="119"/>
      <c r="AN1028" s="119"/>
      <c r="AO1028" s="119"/>
      <c r="AP1028" s="119"/>
      <c r="AQ1028" s="119"/>
      <c r="AR1028" s="119"/>
      <c r="AS1028" s="119"/>
      <c r="AT1028" s="119"/>
      <c r="AU1028" s="119"/>
      <c r="AV1028" s="119"/>
      <c r="AW1028" s="119"/>
      <c r="AX1028" s="119"/>
      <c r="AY1028" s="119"/>
      <c r="AZ1028" s="119"/>
      <c r="BA1028" s="119"/>
      <c r="BB1028" s="107">
        <v>45884</v>
      </c>
    </row>
    <row r="1029" spans="1:54" s="207" customFormat="1" ht="13.95" customHeight="1" x14ac:dyDescent="0.25">
      <c r="A1029" s="208" t="s">
        <v>2518</v>
      </c>
      <c r="B1029" s="209" t="s">
        <v>20420</v>
      </c>
      <c r="C1029" s="113" t="s">
        <v>2519</v>
      </c>
      <c r="D1029" s="113" t="s">
        <v>23006</v>
      </c>
      <c r="E1029" s="210">
        <v>1989</v>
      </c>
      <c r="F1029" s="210">
        <v>944</v>
      </c>
      <c r="G1029" s="113" t="s">
        <v>1</v>
      </c>
      <c r="H1029" s="113">
        <v>0</v>
      </c>
      <c r="I1029" s="113">
        <v>0</v>
      </c>
      <c r="J1029" s="115">
        <v>1</v>
      </c>
      <c r="K1029" s="116" t="s">
        <v>174</v>
      </c>
      <c r="L1029" s="115">
        <v>0</v>
      </c>
      <c r="M1029" s="115">
        <v>0</v>
      </c>
      <c r="N1029" s="115">
        <v>0</v>
      </c>
      <c r="O1029" s="115">
        <v>1</v>
      </c>
      <c r="P1029" s="115">
        <v>1</v>
      </c>
      <c r="Q1029" s="115" t="s">
        <v>400</v>
      </c>
      <c r="R1029" s="115">
        <v>0</v>
      </c>
      <c r="S1029" s="115">
        <v>0</v>
      </c>
      <c r="T1029" s="115">
        <v>0</v>
      </c>
      <c r="U1029" s="119"/>
      <c r="V1029" s="119"/>
      <c r="W1029" s="119"/>
      <c r="X1029" s="119"/>
      <c r="Y1029" s="119"/>
      <c r="Z1029" s="119"/>
      <c r="AA1029" s="119"/>
      <c r="AB1029" s="119"/>
      <c r="AC1029" s="119"/>
      <c r="AD1029" s="119"/>
      <c r="AE1029" s="119"/>
      <c r="AF1029" s="119"/>
      <c r="AG1029" s="119"/>
      <c r="AH1029" s="119"/>
      <c r="AI1029" s="119"/>
      <c r="AJ1029" s="119"/>
      <c r="AK1029" s="119"/>
      <c r="AL1029" s="119"/>
      <c r="AM1029" s="119"/>
      <c r="AN1029" s="119"/>
      <c r="AO1029" s="119"/>
      <c r="AP1029" s="119"/>
      <c r="AQ1029" s="119"/>
      <c r="AR1029" s="119"/>
      <c r="AS1029" s="119"/>
      <c r="AT1029" s="119"/>
      <c r="AU1029" s="119"/>
      <c r="AV1029" s="119"/>
      <c r="AW1029" s="119"/>
      <c r="AX1029" s="119"/>
      <c r="AY1029" s="119"/>
      <c r="AZ1029" s="119"/>
      <c r="BA1029" s="119"/>
      <c r="BB1029" s="107">
        <v>45884</v>
      </c>
    </row>
    <row r="1030" spans="1:54" s="207" customFormat="1" ht="13.95" customHeight="1" x14ac:dyDescent="0.25">
      <c r="A1030" s="208" t="s">
        <v>2520</v>
      </c>
      <c r="B1030" s="209" t="s">
        <v>20420</v>
      </c>
      <c r="C1030" s="113" t="s">
        <v>2521</v>
      </c>
      <c r="D1030" s="113" t="s">
        <v>2522</v>
      </c>
      <c r="E1030" s="210">
        <v>1987</v>
      </c>
      <c r="F1030" s="210">
        <v>948</v>
      </c>
      <c r="G1030" s="113" t="s">
        <v>1</v>
      </c>
      <c r="H1030" s="113">
        <v>0</v>
      </c>
      <c r="I1030" s="113">
        <v>0</v>
      </c>
      <c r="J1030" s="115">
        <v>1</v>
      </c>
      <c r="K1030" s="116" t="s">
        <v>174</v>
      </c>
      <c r="L1030" s="115">
        <v>1</v>
      </c>
      <c r="M1030" s="115">
        <v>1</v>
      </c>
      <c r="N1030" s="115">
        <v>0</v>
      </c>
      <c r="O1030" s="115">
        <v>1</v>
      </c>
      <c r="P1030" s="115" t="s">
        <v>400</v>
      </c>
      <c r="Q1030" s="115" t="s">
        <v>400</v>
      </c>
      <c r="R1030" s="115">
        <v>0</v>
      </c>
      <c r="S1030" s="115">
        <v>0</v>
      </c>
      <c r="T1030" s="115">
        <v>0</v>
      </c>
      <c r="U1030" s="119"/>
      <c r="V1030" s="119"/>
      <c r="W1030" s="119"/>
      <c r="X1030" s="119"/>
      <c r="Y1030" s="119"/>
      <c r="Z1030" s="119"/>
      <c r="AA1030" s="119"/>
      <c r="AB1030" s="119"/>
      <c r="AC1030" s="119"/>
      <c r="AD1030" s="119"/>
      <c r="AE1030" s="119"/>
      <c r="AF1030" s="119"/>
      <c r="AG1030" s="119"/>
      <c r="AH1030" s="119"/>
      <c r="AI1030" s="119"/>
      <c r="AJ1030" s="119"/>
      <c r="AK1030" s="119"/>
      <c r="AL1030" s="119"/>
      <c r="AM1030" s="119"/>
      <c r="AN1030" s="119"/>
      <c r="AO1030" s="119"/>
      <c r="AP1030" s="119"/>
      <c r="AQ1030" s="119"/>
      <c r="AR1030" s="119"/>
      <c r="AS1030" s="119"/>
      <c r="AT1030" s="119"/>
      <c r="AU1030" s="119"/>
      <c r="AV1030" s="119"/>
      <c r="AW1030" s="119"/>
      <c r="AX1030" s="119"/>
      <c r="AY1030" s="119"/>
      <c r="AZ1030" s="119"/>
      <c r="BA1030" s="119"/>
      <c r="BB1030" s="107">
        <v>45884</v>
      </c>
    </row>
    <row r="1031" spans="1:54" s="207" customFormat="1" ht="13.95" customHeight="1" x14ac:dyDescent="0.25">
      <c r="A1031" s="208" t="s">
        <v>2523</v>
      </c>
      <c r="B1031" s="209" t="s">
        <v>20420</v>
      </c>
      <c r="C1031" s="113" t="s">
        <v>2524</v>
      </c>
      <c r="D1031" s="113" t="s">
        <v>23007</v>
      </c>
      <c r="E1031" s="210">
        <v>1961</v>
      </c>
      <c r="F1031" s="210">
        <v>948</v>
      </c>
      <c r="G1031" s="113" t="s">
        <v>1</v>
      </c>
      <c r="H1031" s="113">
        <v>0</v>
      </c>
      <c r="I1031" s="113">
        <v>0</v>
      </c>
      <c r="J1031" s="115">
        <v>1</v>
      </c>
      <c r="K1031" s="116" t="s">
        <v>174</v>
      </c>
      <c r="L1031" s="115">
        <v>1</v>
      </c>
      <c r="M1031" s="115">
        <v>1</v>
      </c>
      <c r="N1031" s="115">
        <v>0</v>
      </c>
      <c r="O1031" s="115">
        <v>1</v>
      </c>
      <c r="P1031" s="115" t="s">
        <v>400</v>
      </c>
      <c r="Q1031" s="115" t="s">
        <v>400</v>
      </c>
      <c r="R1031" s="115">
        <v>0</v>
      </c>
      <c r="S1031" s="115">
        <v>0</v>
      </c>
      <c r="T1031" s="115">
        <v>0</v>
      </c>
      <c r="U1031" s="119"/>
      <c r="V1031" s="119"/>
      <c r="W1031" s="119"/>
      <c r="X1031" s="119"/>
      <c r="Y1031" s="119"/>
      <c r="Z1031" s="119"/>
      <c r="AA1031" s="119"/>
      <c r="AB1031" s="119"/>
      <c r="AC1031" s="119"/>
      <c r="AD1031" s="119"/>
      <c r="AE1031" s="119"/>
      <c r="AF1031" s="119"/>
      <c r="AG1031" s="119"/>
      <c r="AH1031" s="119"/>
      <c r="AI1031" s="119"/>
      <c r="AJ1031" s="119"/>
      <c r="AK1031" s="119"/>
      <c r="AL1031" s="119"/>
      <c r="AM1031" s="119"/>
      <c r="AN1031" s="119"/>
      <c r="AO1031" s="119"/>
      <c r="AP1031" s="119"/>
      <c r="AQ1031" s="119"/>
      <c r="AR1031" s="119"/>
      <c r="AS1031" s="119"/>
      <c r="AT1031" s="119"/>
      <c r="AU1031" s="119"/>
      <c r="AV1031" s="119"/>
      <c r="AW1031" s="119"/>
      <c r="AX1031" s="119"/>
      <c r="AY1031" s="119"/>
      <c r="AZ1031" s="119"/>
      <c r="BA1031" s="119"/>
      <c r="BB1031" s="107">
        <v>45884</v>
      </c>
    </row>
    <row r="1032" spans="1:54" s="207" customFormat="1" ht="13.95" customHeight="1" x14ac:dyDescent="0.25">
      <c r="A1032" s="208" t="s">
        <v>2525</v>
      </c>
      <c r="B1032" s="209" t="s">
        <v>20420</v>
      </c>
      <c r="C1032" s="113" t="s">
        <v>2526</v>
      </c>
      <c r="D1032" s="113" t="s">
        <v>2527</v>
      </c>
      <c r="E1032" s="210">
        <v>1972</v>
      </c>
      <c r="F1032" s="210">
        <v>949</v>
      </c>
      <c r="G1032" s="113" t="s">
        <v>1</v>
      </c>
      <c r="H1032" s="113">
        <v>0</v>
      </c>
      <c r="I1032" s="113">
        <v>0</v>
      </c>
      <c r="J1032" s="115">
        <v>1</v>
      </c>
      <c r="K1032" s="211">
        <v>1</v>
      </c>
      <c r="L1032" s="115">
        <v>1</v>
      </c>
      <c r="M1032" s="115">
        <v>1</v>
      </c>
      <c r="N1032" s="115">
        <v>1</v>
      </c>
      <c r="O1032" s="115">
        <v>1</v>
      </c>
      <c r="P1032" s="115" t="s">
        <v>400</v>
      </c>
      <c r="Q1032" s="115" t="s">
        <v>400</v>
      </c>
      <c r="R1032" s="115">
        <v>1</v>
      </c>
      <c r="S1032" s="115">
        <v>0</v>
      </c>
      <c r="T1032" s="115">
        <v>0</v>
      </c>
      <c r="U1032" s="119"/>
      <c r="V1032" s="119"/>
      <c r="W1032" s="119"/>
      <c r="X1032" s="119"/>
      <c r="Y1032" s="119"/>
      <c r="Z1032" s="119"/>
      <c r="AA1032" s="119"/>
      <c r="AB1032" s="119"/>
      <c r="AC1032" s="119"/>
      <c r="AD1032" s="119"/>
      <c r="AE1032" s="119"/>
      <c r="AF1032" s="119"/>
      <c r="AG1032" s="119"/>
      <c r="AH1032" s="119"/>
      <c r="AI1032" s="119"/>
      <c r="AJ1032" s="119"/>
      <c r="AK1032" s="119"/>
      <c r="AL1032" s="119"/>
      <c r="AM1032" s="119"/>
      <c r="AN1032" s="119"/>
      <c r="AO1032" s="119"/>
      <c r="AP1032" s="119"/>
      <c r="AQ1032" s="119"/>
      <c r="AR1032" s="119"/>
      <c r="AS1032" s="119"/>
      <c r="AT1032" s="119"/>
      <c r="AU1032" s="119"/>
      <c r="AV1032" s="119"/>
      <c r="AW1032" s="119"/>
      <c r="AX1032" s="119"/>
      <c r="AY1032" s="119"/>
      <c r="AZ1032" s="119"/>
      <c r="BA1032" s="119"/>
      <c r="BB1032" s="107">
        <v>45884</v>
      </c>
    </row>
    <row r="1033" spans="1:54" s="207" customFormat="1" ht="13.95" customHeight="1" x14ac:dyDescent="0.25">
      <c r="A1033" s="208" t="s">
        <v>2528</v>
      </c>
      <c r="B1033" s="209" t="s">
        <v>20420</v>
      </c>
      <c r="C1033" s="113" t="s">
        <v>2529</v>
      </c>
      <c r="D1033" s="113" t="s">
        <v>23008</v>
      </c>
      <c r="E1033" s="210">
        <v>1983</v>
      </c>
      <c r="F1033" s="210">
        <v>950</v>
      </c>
      <c r="G1033" s="113" t="s">
        <v>1</v>
      </c>
      <c r="H1033" s="113">
        <v>0</v>
      </c>
      <c r="I1033" s="113">
        <v>0</v>
      </c>
      <c r="J1033" s="115">
        <v>1</v>
      </c>
      <c r="K1033" s="211">
        <v>1</v>
      </c>
      <c r="L1033" s="115">
        <v>1</v>
      </c>
      <c r="M1033" s="115">
        <v>0</v>
      </c>
      <c r="N1033" s="115">
        <v>0</v>
      </c>
      <c r="O1033" s="115">
        <v>1</v>
      </c>
      <c r="P1033" s="115">
        <v>1</v>
      </c>
      <c r="Q1033" s="115" t="s">
        <v>400</v>
      </c>
      <c r="R1033" s="115">
        <v>0</v>
      </c>
      <c r="S1033" s="115">
        <v>0</v>
      </c>
      <c r="T1033" s="115">
        <v>0</v>
      </c>
      <c r="U1033" s="119"/>
      <c r="V1033" s="119"/>
      <c r="W1033" s="119"/>
      <c r="X1033" s="119"/>
      <c r="Y1033" s="119"/>
      <c r="Z1033" s="119"/>
      <c r="AA1033" s="119"/>
      <c r="AB1033" s="119"/>
      <c r="AC1033" s="119"/>
      <c r="AD1033" s="119"/>
      <c r="AE1033" s="119"/>
      <c r="AF1033" s="119"/>
      <c r="AG1033" s="119"/>
      <c r="AH1033" s="119"/>
      <c r="AI1033" s="119"/>
      <c r="AJ1033" s="119"/>
      <c r="AK1033" s="119"/>
      <c r="AL1033" s="119"/>
      <c r="AM1033" s="119"/>
      <c r="AN1033" s="119"/>
      <c r="AO1033" s="119"/>
      <c r="AP1033" s="119"/>
      <c r="AQ1033" s="119"/>
      <c r="AR1033" s="119"/>
      <c r="AS1033" s="119"/>
      <c r="AT1033" s="119"/>
      <c r="AU1033" s="119"/>
      <c r="AV1033" s="119"/>
      <c r="AW1033" s="119"/>
      <c r="AX1033" s="119"/>
      <c r="AY1033" s="119"/>
      <c r="AZ1033" s="119"/>
      <c r="BA1033" s="119"/>
      <c r="BB1033" s="107">
        <v>45884</v>
      </c>
    </row>
    <row r="1034" spans="1:54" s="207" customFormat="1" ht="13.95" customHeight="1" x14ac:dyDescent="0.25">
      <c r="A1034" s="208" t="s">
        <v>2530</v>
      </c>
      <c r="B1034" s="209" t="s">
        <v>20420</v>
      </c>
      <c r="C1034" s="113" t="s">
        <v>2531</v>
      </c>
      <c r="D1034" s="113" t="s">
        <v>2532</v>
      </c>
      <c r="E1034" s="210">
        <v>2000</v>
      </c>
      <c r="F1034" s="210">
        <v>955</v>
      </c>
      <c r="G1034" s="113" t="s">
        <v>1</v>
      </c>
      <c r="H1034" s="113">
        <v>1</v>
      </c>
      <c r="I1034" s="113">
        <v>1</v>
      </c>
      <c r="J1034" s="115">
        <v>1</v>
      </c>
      <c r="K1034" s="116" t="s">
        <v>174</v>
      </c>
      <c r="L1034" s="115">
        <v>0</v>
      </c>
      <c r="M1034" s="115">
        <v>1</v>
      </c>
      <c r="N1034" s="115">
        <v>0</v>
      </c>
      <c r="O1034" s="115">
        <v>0</v>
      </c>
      <c r="P1034" s="115" t="s">
        <v>400</v>
      </c>
      <c r="Q1034" s="115" t="s">
        <v>400</v>
      </c>
      <c r="R1034" s="115">
        <v>0</v>
      </c>
      <c r="S1034" s="115">
        <v>0</v>
      </c>
      <c r="T1034" s="115">
        <v>0</v>
      </c>
      <c r="U1034" s="119"/>
      <c r="V1034" s="119"/>
      <c r="W1034" s="119"/>
      <c r="X1034" s="119"/>
      <c r="Y1034" s="119"/>
      <c r="Z1034" s="119"/>
      <c r="AA1034" s="119"/>
      <c r="AB1034" s="119"/>
      <c r="AC1034" s="119"/>
      <c r="AD1034" s="119"/>
      <c r="AE1034" s="119"/>
      <c r="AF1034" s="119"/>
      <c r="AG1034" s="119"/>
      <c r="AH1034" s="119"/>
      <c r="AI1034" s="119"/>
      <c r="AJ1034" s="119"/>
      <c r="AK1034" s="119"/>
      <c r="AL1034" s="119"/>
      <c r="AM1034" s="119"/>
      <c r="AN1034" s="119"/>
      <c r="AO1034" s="119"/>
      <c r="AP1034" s="119"/>
      <c r="AQ1034" s="119"/>
      <c r="AR1034" s="119"/>
      <c r="AS1034" s="119"/>
      <c r="AT1034" s="119"/>
      <c r="AU1034" s="119"/>
      <c r="AV1034" s="119"/>
      <c r="AW1034" s="119"/>
      <c r="AX1034" s="119"/>
      <c r="AY1034" s="119"/>
      <c r="AZ1034" s="119"/>
      <c r="BA1034" s="119"/>
      <c r="BB1034" s="107">
        <v>45884</v>
      </c>
    </row>
    <row r="1035" spans="1:54" s="207" customFormat="1" ht="13.95" customHeight="1" x14ac:dyDescent="0.25">
      <c r="A1035" s="208" t="s">
        <v>2533</v>
      </c>
      <c r="B1035" s="209" t="s">
        <v>20420</v>
      </c>
      <c r="C1035" s="113" t="s">
        <v>2534</v>
      </c>
      <c r="D1035" s="113" t="s">
        <v>23009</v>
      </c>
      <c r="E1035" s="210">
        <v>1977</v>
      </c>
      <c r="F1035" s="210">
        <v>960</v>
      </c>
      <c r="G1035" s="113" t="s">
        <v>1</v>
      </c>
      <c r="H1035" s="113">
        <v>0</v>
      </c>
      <c r="I1035" s="113">
        <v>0</v>
      </c>
      <c r="J1035" s="115">
        <v>1</v>
      </c>
      <c r="K1035" s="116" t="s">
        <v>174</v>
      </c>
      <c r="L1035" s="115">
        <v>1</v>
      </c>
      <c r="M1035" s="115">
        <v>1</v>
      </c>
      <c r="N1035" s="115">
        <v>0</v>
      </c>
      <c r="O1035" s="115">
        <v>1</v>
      </c>
      <c r="P1035" s="115" t="s">
        <v>400</v>
      </c>
      <c r="Q1035" s="115" t="s">
        <v>400</v>
      </c>
      <c r="R1035" s="115">
        <v>1</v>
      </c>
      <c r="S1035" s="115">
        <v>0</v>
      </c>
      <c r="T1035" s="115">
        <v>0</v>
      </c>
      <c r="U1035" s="119"/>
      <c r="V1035" s="119"/>
      <c r="W1035" s="119"/>
      <c r="X1035" s="119"/>
      <c r="Y1035" s="119"/>
      <c r="Z1035" s="119"/>
      <c r="AA1035" s="119"/>
      <c r="AB1035" s="119"/>
      <c r="AC1035" s="119"/>
      <c r="AD1035" s="119"/>
      <c r="AE1035" s="119"/>
      <c r="AF1035" s="119"/>
      <c r="AG1035" s="119"/>
      <c r="AH1035" s="119"/>
      <c r="AI1035" s="119"/>
      <c r="AJ1035" s="119"/>
      <c r="AK1035" s="119"/>
      <c r="AL1035" s="119"/>
      <c r="AM1035" s="119"/>
      <c r="AN1035" s="119"/>
      <c r="AO1035" s="119"/>
      <c r="AP1035" s="119"/>
      <c r="AQ1035" s="119"/>
      <c r="AR1035" s="119"/>
      <c r="AS1035" s="119"/>
      <c r="AT1035" s="119"/>
      <c r="AU1035" s="119"/>
      <c r="AV1035" s="119"/>
      <c r="AW1035" s="119"/>
      <c r="AX1035" s="119"/>
      <c r="AY1035" s="119"/>
      <c r="AZ1035" s="119"/>
      <c r="BA1035" s="119"/>
      <c r="BB1035" s="107">
        <v>45884</v>
      </c>
    </row>
    <row r="1036" spans="1:54" s="207" customFormat="1" ht="13.95" customHeight="1" x14ac:dyDescent="0.25">
      <c r="A1036" s="208" t="s">
        <v>2535</v>
      </c>
      <c r="B1036" s="209" t="s">
        <v>20420</v>
      </c>
      <c r="C1036" s="113" t="s">
        <v>2536</v>
      </c>
      <c r="D1036" s="113" t="s">
        <v>23010</v>
      </c>
      <c r="E1036" s="210">
        <v>2007</v>
      </c>
      <c r="F1036" s="210">
        <v>960</v>
      </c>
      <c r="G1036" s="113" t="s">
        <v>1</v>
      </c>
      <c r="H1036" s="113">
        <v>0</v>
      </c>
      <c r="I1036" s="113">
        <v>0</v>
      </c>
      <c r="J1036" s="115">
        <v>1</v>
      </c>
      <c r="K1036" s="116" t="s">
        <v>174</v>
      </c>
      <c r="L1036" s="115">
        <v>1</v>
      </c>
      <c r="M1036" s="115">
        <v>0</v>
      </c>
      <c r="N1036" s="115">
        <v>0</v>
      </c>
      <c r="O1036" s="115">
        <v>1</v>
      </c>
      <c r="P1036" s="115">
        <v>1</v>
      </c>
      <c r="Q1036" s="115" t="s">
        <v>400</v>
      </c>
      <c r="R1036" s="115">
        <v>0</v>
      </c>
      <c r="S1036" s="115">
        <v>0</v>
      </c>
      <c r="T1036" s="115">
        <v>0</v>
      </c>
      <c r="U1036" s="119"/>
      <c r="V1036" s="119"/>
      <c r="W1036" s="119"/>
      <c r="X1036" s="119"/>
      <c r="Y1036" s="119"/>
      <c r="Z1036" s="119"/>
      <c r="AA1036" s="119"/>
      <c r="AB1036" s="119"/>
      <c r="AC1036" s="119"/>
      <c r="AD1036" s="119"/>
      <c r="AE1036" s="119"/>
      <c r="AF1036" s="119"/>
      <c r="AG1036" s="119"/>
      <c r="AH1036" s="119"/>
      <c r="AI1036" s="119"/>
      <c r="AJ1036" s="119"/>
      <c r="AK1036" s="119"/>
      <c r="AL1036" s="119"/>
      <c r="AM1036" s="119"/>
      <c r="AN1036" s="119"/>
      <c r="AO1036" s="119"/>
      <c r="AP1036" s="119"/>
      <c r="AQ1036" s="119"/>
      <c r="AR1036" s="119"/>
      <c r="AS1036" s="119"/>
      <c r="AT1036" s="119"/>
      <c r="AU1036" s="119"/>
      <c r="AV1036" s="119"/>
      <c r="AW1036" s="119"/>
      <c r="AX1036" s="119"/>
      <c r="AY1036" s="119"/>
      <c r="AZ1036" s="119"/>
      <c r="BA1036" s="119"/>
      <c r="BB1036" s="107">
        <v>45884</v>
      </c>
    </row>
    <row r="1037" spans="1:54" s="207" customFormat="1" ht="13.95" customHeight="1" x14ac:dyDescent="0.25">
      <c r="A1037" s="208" t="s">
        <v>2537</v>
      </c>
      <c r="B1037" s="209" t="s">
        <v>20420</v>
      </c>
      <c r="C1037" s="113" t="s">
        <v>2538</v>
      </c>
      <c r="D1037" s="113" t="s">
        <v>23011</v>
      </c>
      <c r="E1037" s="210">
        <v>1977</v>
      </c>
      <c r="F1037" s="210">
        <v>963</v>
      </c>
      <c r="G1037" s="113" t="s">
        <v>1</v>
      </c>
      <c r="H1037" s="113">
        <v>0</v>
      </c>
      <c r="I1037" s="113">
        <v>0</v>
      </c>
      <c r="J1037" s="115">
        <v>1</v>
      </c>
      <c r="K1037" s="116" t="s">
        <v>174</v>
      </c>
      <c r="L1037" s="115">
        <v>0</v>
      </c>
      <c r="M1037" s="115">
        <v>0</v>
      </c>
      <c r="N1037" s="115">
        <v>1</v>
      </c>
      <c r="O1037" s="115">
        <v>0</v>
      </c>
      <c r="P1037" s="115">
        <v>1</v>
      </c>
      <c r="Q1037" s="115" t="s">
        <v>400</v>
      </c>
      <c r="R1037" s="115">
        <v>0</v>
      </c>
      <c r="S1037" s="115">
        <v>0</v>
      </c>
      <c r="T1037" s="115">
        <v>0</v>
      </c>
      <c r="U1037" s="119"/>
      <c r="V1037" s="119"/>
      <c r="W1037" s="119"/>
      <c r="X1037" s="119"/>
      <c r="Y1037" s="119"/>
      <c r="Z1037" s="119"/>
      <c r="AA1037" s="119"/>
      <c r="AB1037" s="119"/>
      <c r="AC1037" s="119"/>
      <c r="AD1037" s="119"/>
      <c r="AE1037" s="119"/>
      <c r="AF1037" s="119"/>
      <c r="AG1037" s="119"/>
      <c r="AH1037" s="119"/>
      <c r="AI1037" s="119"/>
      <c r="AJ1037" s="119"/>
      <c r="AK1037" s="119"/>
      <c r="AL1037" s="119"/>
      <c r="AM1037" s="119"/>
      <c r="AN1037" s="119"/>
      <c r="AO1037" s="119"/>
      <c r="AP1037" s="119"/>
      <c r="AQ1037" s="119"/>
      <c r="AR1037" s="119"/>
      <c r="AS1037" s="119"/>
      <c r="AT1037" s="119"/>
      <c r="AU1037" s="119"/>
      <c r="AV1037" s="119"/>
      <c r="AW1037" s="119"/>
      <c r="AX1037" s="119"/>
      <c r="AY1037" s="119"/>
      <c r="AZ1037" s="119"/>
      <c r="BA1037" s="119"/>
      <c r="BB1037" s="107">
        <v>45884</v>
      </c>
    </row>
    <row r="1038" spans="1:54" s="207" customFormat="1" ht="13.95" customHeight="1" x14ac:dyDescent="0.25">
      <c r="A1038" s="208" t="s">
        <v>2539</v>
      </c>
      <c r="B1038" s="209" t="s">
        <v>20420</v>
      </c>
      <c r="C1038" s="113" t="s">
        <v>2540</v>
      </c>
      <c r="D1038" s="113" t="s">
        <v>23012</v>
      </c>
      <c r="E1038" s="210">
        <v>2012</v>
      </c>
      <c r="F1038" s="210">
        <v>967</v>
      </c>
      <c r="G1038" s="113" t="s">
        <v>8</v>
      </c>
      <c r="H1038" s="113">
        <v>0</v>
      </c>
      <c r="I1038" s="113">
        <v>0</v>
      </c>
      <c r="J1038" s="115">
        <v>0</v>
      </c>
      <c r="K1038" s="116" t="s">
        <v>174</v>
      </c>
      <c r="L1038" s="115">
        <v>0</v>
      </c>
      <c r="M1038" s="115">
        <v>0</v>
      </c>
      <c r="N1038" s="115">
        <v>0</v>
      </c>
      <c r="O1038" s="115">
        <v>0</v>
      </c>
      <c r="P1038" s="115" t="s">
        <v>400</v>
      </c>
      <c r="Q1038" s="115" t="s">
        <v>400</v>
      </c>
      <c r="R1038" s="115">
        <v>0</v>
      </c>
      <c r="S1038" s="115">
        <v>0</v>
      </c>
      <c r="T1038" s="115">
        <v>0</v>
      </c>
      <c r="U1038" s="113" t="s">
        <v>174</v>
      </c>
      <c r="V1038" s="113" t="s">
        <v>174</v>
      </c>
      <c r="W1038" s="113" t="s">
        <v>174</v>
      </c>
      <c r="X1038" s="113" t="s">
        <v>174</v>
      </c>
      <c r="Y1038" s="113" t="s">
        <v>174</v>
      </c>
      <c r="Z1038" s="113" t="s">
        <v>174</v>
      </c>
      <c r="AA1038" s="113" t="s">
        <v>174</v>
      </c>
      <c r="AB1038" s="113" t="s">
        <v>174</v>
      </c>
      <c r="AC1038" s="113" t="s">
        <v>174</v>
      </c>
      <c r="AD1038" s="113" t="s">
        <v>174</v>
      </c>
      <c r="AE1038" s="113" t="s">
        <v>174</v>
      </c>
      <c r="AF1038" s="113" t="s">
        <v>174</v>
      </c>
      <c r="AG1038" s="113" t="s">
        <v>174</v>
      </c>
      <c r="AH1038" s="113" t="s">
        <v>174</v>
      </c>
      <c r="AI1038" s="113" t="s">
        <v>174</v>
      </c>
      <c r="AJ1038" s="113" t="s">
        <v>174</v>
      </c>
      <c r="AK1038" s="113" t="s">
        <v>174</v>
      </c>
      <c r="AL1038" s="113" t="s">
        <v>174</v>
      </c>
      <c r="AM1038" s="113" t="s">
        <v>174</v>
      </c>
      <c r="AN1038" s="113" t="s">
        <v>174</v>
      </c>
      <c r="AO1038" s="113" t="s">
        <v>174</v>
      </c>
      <c r="AP1038" s="113" t="s">
        <v>174</v>
      </c>
      <c r="AQ1038" s="113" t="s">
        <v>174</v>
      </c>
      <c r="AR1038" s="113" t="s">
        <v>174</v>
      </c>
      <c r="AS1038" s="113" t="s">
        <v>174</v>
      </c>
      <c r="AT1038" s="121" t="s">
        <v>174</v>
      </c>
      <c r="AU1038" s="113" t="s">
        <v>174</v>
      </c>
      <c r="AV1038" s="113" t="s">
        <v>174</v>
      </c>
      <c r="AW1038" s="113" t="s">
        <v>174</v>
      </c>
      <c r="AX1038" s="113"/>
      <c r="AY1038" s="113"/>
      <c r="AZ1038" s="113"/>
      <c r="BA1038" s="113"/>
      <c r="BB1038" s="107">
        <v>45884</v>
      </c>
    </row>
    <row r="1039" spans="1:54" s="207" customFormat="1" ht="13.95" customHeight="1" x14ac:dyDescent="0.25">
      <c r="A1039" s="208" t="s">
        <v>2541</v>
      </c>
      <c r="B1039" s="209" t="s">
        <v>20420</v>
      </c>
      <c r="C1039" s="113" t="s">
        <v>2542</v>
      </c>
      <c r="D1039" s="113" t="s">
        <v>2543</v>
      </c>
      <c r="E1039" s="210">
        <v>1993</v>
      </c>
      <c r="F1039" s="210">
        <v>968</v>
      </c>
      <c r="G1039" s="113" t="s">
        <v>1</v>
      </c>
      <c r="H1039" s="113">
        <v>0</v>
      </c>
      <c r="I1039" s="113">
        <v>0</v>
      </c>
      <c r="J1039" s="115">
        <v>1</v>
      </c>
      <c r="K1039" s="211">
        <v>1</v>
      </c>
      <c r="L1039" s="115">
        <v>0</v>
      </c>
      <c r="M1039" s="115">
        <v>1</v>
      </c>
      <c r="N1039" s="115">
        <v>0</v>
      </c>
      <c r="O1039" s="115">
        <v>0</v>
      </c>
      <c r="P1039" s="115" t="s">
        <v>400</v>
      </c>
      <c r="Q1039" s="115" t="s">
        <v>400</v>
      </c>
      <c r="R1039" s="115">
        <v>1</v>
      </c>
      <c r="S1039" s="115">
        <v>0</v>
      </c>
      <c r="T1039" s="115">
        <v>0</v>
      </c>
      <c r="U1039" s="119"/>
      <c r="V1039" s="119"/>
      <c r="W1039" s="119"/>
      <c r="X1039" s="119"/>
      <c r="Y1039" s="119"/>
      <c r="Z1039" s="119"/>
      <c r="AA1039" s="119"/>
      <c r="AB1039" s="119"/>
      <c r="AC1039" s="119"/>
      <c r="AD1039" s="119"/>
      <c r="AE1039" s="119"/>
      <c r="AF1039" s="119"/>
      <c r="AG1039" s="119"/>
      <c r="AH1039" s="119"/>
      <c r="AI1039" s="119"/>
      <c r="AJ1039" s="119"/>
      <c r="AK1039" s="119"/>
      <c r="AL1039" s="119"/>
      <c r="AM1039" s="119"/>
      <c r="AN1039" s="119"/>
      <c r="AO1039" s="119"/>
      <c r="AP1039" s="119"/>
      <c r="AQ1039" s="119"/>
      <c r="AR1039" s="119"/>
      <c r="AS1039" s="119"/>
      <c r="AT1039" s="119"/>
      <c r="AU1039" s="119"/>
      <c r="AV1039" s="119"/>
      <c r="AW1039" s="119"/>
      <c r="AX1039" s="119"/>
      <c r="AY1039" s="119"/>
      <c r="AZ1039" s="119"/>
      <c r="BA1039" s="119"/>
      <c r="BB1039" s="107">
        <v>45884</v>
      </c>
    </row>
    <row r="1040" spans="1:54" s="207" customFormat="1" ht="13.95" customHeight="1" x14ac:dyDescent="0.25">
      <c r="A1040" s="208" t="s">
        <v>2544</v>
      </c>
      <c r="B1040" s="209" t="s">
        <v>20420</v>
      </c>
      <c r="C1040" s="113" t="s">
        <v>2545</v>
      </c>
      <c r="D1040" s="113" t="s">
        <v>23013</v>
      </c>
      <c r="E1040" s="210">
        <v>1979</v>
      </c>
      <c r="F1040" s="210">
        <v>969</v>
      </c>
      <c r="G1040" s="113" t="s">
        <v>1</v>
      </c>
      <c r="H1040" s="113">
        <v>0</v>
      </c>
      <c r="I1040" s="113">
        <v>0</v>
      </c>
      <c r="J1040" s="115">
        <v>1</v>
      </c>
      <c r="K1040" s="116" t="s">
        <v>174</v>
      </c>
      <c r="L1040" s="115">
        <v>1</v>
      </c>
      <c r="M1040" s="115">
        <v>1</v>
      </c>
      <c r="N1040" s="115">
        <v>0</v>
      </c>
      <c r="O1040" s="115">
        <v>0</v>
      </c>
      <c r="P1040" s="115" t="s">
        <v>400</v>
      </c>
      <c r="Q1040" s="115" t="s">
        <v>400</v>
      </c>
      <c r="R1040" s="115">
        <v>0</v>
      </c>
      <c r="S1040" s="115">
        <v>0</v>
      </c>
      <c r="T1040" s="115">
        <v>0</v>
      </c>
      <c r="U1040" s="119"/>
      <c r="V1040" s="119"/>
      <c r="W1040" s="119"/>
      <c r="X1040" s="119"/>
      <c r="Y1040" s="119"/>
      <c r="Z1040" s="119"/>
      <c r="AA1040" s="119"/>
      <c r="AB1040" s="119"/>
      <c r="AC1040" s="119"/>
      <c r="AD1040" s="119"/>
      <c r="AE1040" s="119"/>
      <c r="AF1040" s="119"/>
      <c r="AG1040" s="119"/>
      <c r="AH1040" s="119"/>
      <c r="AI1040" s="119"/>
      <c r="AJ1040" s="119"/>
      <c r="AK1040" s="119"/>
      <c r="AL1040" s="119"/>
      <c r="AM1040" s="119"/>
      <c r="AN1040" s="119"/>
      <c r="AO1040" s="119"/>
      <c r="AP1040" s="119"/>
      <c r="AQ1040" s="119"/>
      <c r="AR1040" s="119"/>
      <c r="AS1040" s="119"/>
      <c r="AT1040" s="119"/>
      <c r="AU1040" s="119"/>
      <c r="AV1040" s="119"/>
      <c r="AW1040" s="119"/>
      <c r="AX1040" s="119"/>
      <c r="AY1040" s="119"/>
      <c r="AZ1040" s="119"/>
      <c r="BA1040" s="119"/>
      <c r="BB1040" s="107">
        <v>45884</v>
      </c>
    </row>
    <row r="1041" spans="1:54" s="207" customFormat="1" ht="13.95" customHeight="1" x14ac:dyDescent="0.25">
      <c r="A1041" s="208" t="s">
        <v>2546</v>
      </c>
      <c r="B1041" s="209" t="s">
        <v>20420</v>
      </c>
      <c r="C1041" s="113" t="s">
        <v>2547</v>
      </c>
      <c r="D1041" s="113" t="s">
        <v>2548</v>
      </c>
      <c r="E1041" s="210">
        <v>1989</v>
      </c>
      <c r="F1041" s="210">
        <v>969</v>
      </c>
      <c r="G1041" s="113" t="s">
        <v>1</v>
      </c>
      <c r="H1041" s="113">
        <v>0</v>
      </c>
      <c r="I1041" s="113">
        <v>0</v>
      </c>
      <c r="J1041" s="115">
        <v>1</v>
      </c>
      <c r="K1041" s="116" t="s">
        <v>174</v>
      </c>
      <c r="L1041" s="115">
        <v>1</v>
      </c>
      <c r="M1041" s="115">
        <v>1</v>
      </c>
      <c r="N1041" s="115">
        <v>0</v>
      </c>
      <c r="O1041" s="115">
        <v>0</v>
      </c>
      <c r="P1041" s="115" t="s">
        <v>400</v>
      </c>
      <c r="Q1041" s="115" t="s">
        <v>400</v>
      </c>
      <c r="R1041" s="115">
        <v>1</v>
      </c>
      <c r="S1041" s="115">
        <v>0</v>
      </c>
      <c r="T1041" s="115">
        <v>0</v>
      </c>
      <c r="U1041" s="119"/>
      <c r="V1041" s="119"/>
      <c r="W1041" s="119"/>
      <c r="X1041" s="119"/>
      <c r="Y1041" s="119"/>
      <c r="Z1041" s="119"/>
      <c r="AA1041" s="119"/>
      <c r="AB1041" s="119"/>
      <c r="AC1041" s="119"/>
      <c r="AD1041" s="119"/>
      <c r="AE1041" s="119"/>
      <c r="AF1041" s="119"/>
      <c r="AG1041" s="119"/>
      <c r="AH1041" s="119"/>
      <c r="AI1041" s="119"/>
      <c r="AJ1041" s="119"/>
      <c r="AK1041" s="119"/>
      <c r="AL1041" s="119"/>
      <c r="AM1041" s="119"/>
      <c r="AN1041" s="119"/>
      <c r="AO1041" s="119"/>
      <c r="AP1041" s="119"/>
      <c r="AQ1041" s="119"/>
      <c r="AR1041" s="119"/>
      <c r="AS1041" s="119"/>
      <c r="AT1041" s="119"/>
      <c r="AU1041" s="119"/>
      <c r="AV1041" s="119"/>
      <c r="AW1041" s="119"/>
      <c r="AX1041" s="119"/>
      <c r="AY1041" s="119"/>
      <c r="AZ1041" s="119"/>
      <c r="BA1041" s="119"/>
      <c r="BB1041" s="107">
        <v>45884</v>
      </c>
    </row>
    <row r="1042" spans="1:54" s="207" customFormat="1" ht="13.95" customHeight="1" x14ac:dyDescent="0.25">
      <c r="A1042" s="208" t="s">
        <v>2549</v>
      </c>
      <c r="B1042" s="209" t="s">
        <v>20420</v>
      </c>
      <c r="C1042" s="113" t="s">
        <v>2550</v>
      </c>
      <c r="D1042" s="113" t="s">
        <v>2551</v>
      </c>
      <c r="E1042" s="210">
        <v>2011</v>
      </c>
      <c r="F1042" s="210">
        <v>974</v>
      </c>
      <c r="G1042" s="113" t="s">
        <v>1</v>
      </c>
      <c r="H1042" s="113">
        <v>0</v>
      </c>
      <c r="I1042" s="113">
        <v>0</v>
      </c>
      <c r="J1042" s="115">
        <v>1</v>
      </c>
      <c r="K1042" s="116" t="s">
        <v>174</v>
      </c>
      <c r="L1042" s="115">
        <v>1</v>
      </c>
      <c r="M1042" s="115">
        <v>0</v>
      </c>
      <c r="N1042" s="115">
        <v>0</v>
      </c>
      <c r="O1042" s="115">
        <v>0</v>
      </c>
      <c r="P1042" s="115">
        <v>1</v>
      </c>
      <c r="Q1042" s="115" t="s">
        <v>400</v>
      </c>
      <c r="R1042" s="115">
        <v>1</v>
      </c>
      <c r="S1042" s="115">
        <v>0</v>
      </c>
      <c r="T1042" s="115">
        <v>0</v>
      </c>
      <c r="U1042" s="119"/>
      <c r="V1042" s="119"/>
      <c r="W1042" s="119"/>
      <c r="X1042" s="119"/>
      <c r="Y1042" s="119"/>
      <c r="Z1042" s="119"/>
      <c r="AA1042" s="119"/>
      <c r="AB1042" s="119"/>
      <c r="AC1042" s="119"/>
      <c r="AD1042" s="119"/>
      <c r="AE1042" s="119"/>
      <c r="AF1042" s="119"/>
      <c r="AG1042" s="119"/>
      <c r="AH1042" s="119"/>
      <c r="AI1042" s="119"/>
      <c r="AJ1042" s="119"/>
      <c r="AK1042" s="119"/>
      <c r="AL1042" s="119"/>
      <c r="AM1042" s="119"/>
      <c r="AN1042" s="119"/>
      <c r="AO1042" s="119"/>
      <c r="AP1042" s="119"/>
      <c r="AQ1042" s="119"/>
      <c r="AR1042" s="119"/>
      <c r="AS1042" s="119"/>
      <c r="AT1042" s="119"/>
      <c r="AU1042" s="119"/>
      <c r="AV1042" s="119"/>
      <c r="AW1042" s="119"/>
      <c r="AX1042" s="119"/>
      <c r="AY1042" s="119"/>
      <c r="AZ1042" s="119"/>
      <c r="BA1042" s="119"/>
      <c r="BB1042" s="107">
        <v>45884</v>
      </c>
    </row>
    <row r="1043" spans="1:54" s="207" customFormat="1" ht="13.95" customHeight="1" x14ac:dyDescent="0.25">
      <c r="A1043" s="208" t="s">
        <v>2552</v>
      </c>
      <c r="B1043" s="209" t="s">
        <v>20420</v>
      </c>
      <c r="C1043" s="113" t="s">
        <v>2553</v>
      </c>
      <c r="D1043" s="113" t="s">
        <v>23014</v>
      </c>
      <c r="E1043" s="210">
        <v>1987</v>
      </c>
      <c r="F1043" s="210">
        <v>978</v>
      </c>
      <c r="G1043" s="113" t="s">
        <v>1</v>
      </c>
      <c r="H1043" s="113">
        <v>0</v>
      </c>
      <c r="I1043" s="113">
        <v>0</v>
      </c>
      <c r="J1043" s="115">
        <v>1</v>
      </c>
      <c r="K1043" s="116" t="s">
        <v>174</v>
      </c>
      <c r="L1043" s="115">
        <v>1</v>
      </c>
      <c r="M1043" s="115">
        <v>0</v>
      </c>
      <c r="N1043" s="115">
        <v>0</v>
      </c>
      <c r="O1043" s="115">
        <v>1</v>
      </c>
      <c r="P1043" s="115">
        <v>1</v>
      </c>
      <c r="Q1043" s="115" t="s">
        <v>400</v>
      </c>
      <c r="R1043" s="115">
        <v>0</v>
      </c>
      <c r="S1043" s="115">
        <v>0</v>
      </c>
      <c r="T1043" s="115">
        <v>0</v>
      </c>
      <c r="U1043" s="119"/>
      <c r="V1043" s="119"/>
      <c r="W1043" s="119"/>
      <c r="X1043" s="119"/>
      <c r="Y1043" s="119"/>
      <c r="Z1043" s="119"/>
      <c r="AA1043" s="119"/>
      <c r="AB1043" s="119"/>
      <c r="AC1043" s="119"/>
      <c r="AD1043" s="119"/>
      <c r="AE1043" s="119"/>
      <c r="AF1043" s="119"/>
      <c r="AG1043" s="119"/>
      <c r="AH1043" s="119"/>
      <c r="AI1043" s="119"/>
      <c r="AJ1043" s="119"/>
      <c r="AK1043" s="119"/>
      <c r="AL1043" s="119"/>
      <c r="AM1043" s="119"/>
      <c r="AN1043" s="119"/>
      <c r="AO1043" s="119"/>
      <c r="AP1043" s="119"/>
      <c r="AQ1043" s="119"/>
      <c r="AR1043" s="119"/>
      <c r="AS1043" s="119"/>
      <c r="AT1043" s="119"/>
      <c r="AU1043" s="119"/>
      <c r="AV1043" s="119"/>
      <c r="AW1043" s="119"/>
      <c r="AX1043" s="119"/>
      <c r="AY1043" s="119"/>
      <c r="AZ1043" s="119"/>
      <c r="BA1043" s="119"/>
      <c r="BB1043" s="107">
        <v>45884</v>
      </c>
    </row>
    <row r="1044" spans="1:54" s="207" customFormat="1" ht="13.95" customHeight="1" x14ac:dyDescent="0.25">
      <c r="A1044" s="208" t="s">
        <v>2554</v>
      </c>
      <c r="B1044" s="209" t="s">
        <v>20420</v>
      </c>
      <c r="C1044" s="113" t="s">
        <v>2555</v>
      </c>
      <c r="D1044" s="113" t="s">
        <v>23015</v>
      </c>
      <c r="E1044" s="210">
        <v>1997</v>
      </c>
      <c r="F1044" s="210">
        <v>979</v>
      </c>
      <c r="G1044" s="113" t="s">
        <v>1</v>
      </c>
      <c r="H1044" s="113">
        <v>1</v>
      </c>
      <c r="I1044" s="113">
        <v>1</v>
      </c>
      <c r="J1044" s="115">
        <v>1</v>
      </c>
      <c r="K1044" s="211">
        <v>1</v>
      </c>
      <c r="L1044" s="115">
        <v>0</v>
      </c>
      <c r="M1044" s="212">
        <v>1</v>
      </c>
      <c r="N1044" s="115">
        <v>1</v>
      </c>
      <c r="O1044" s="115">
        <v>0</v>
      </c>
      <c r="P1044" s="115" t="s">
        <v>400</v>
      </c>
      <c r="Q1044" s="115" t="s">
        <v>400</v>
      </c>
      <c r="R1044" s="115">
        <v>0</v>
      </c>
      <c r="S1044" s="115">
        <v>0</v>
      </c>
      <c r="T1044" s="115">
        <v>0</v>
      </c>
      <c r="U1044" s="119"/>
      <c r="V1044" s="119"/>
      <c r="W1044" s="119"/>
      <c r="X1044" s="119"/>
      <c r="Y1044" s="119"/>
      <c r="Z1044" s="119"/>
      <c r="AA1044" s="119"/>
      <c r="AB1044" s="119"/>
      <c r="AC1044" s="119"/>
      <c r="AD1044" s="119"/>
      <c r="AE1044" s="119"/>
      <c r="AF1044" s="119"/>
      <c r="AG1044" s="119"/>
      <c r="AH1044" s="119"/>
      <c r="AI1044" s="119"/>
      <c r="AJ1044" s="119"/>
      <c r="AK1044" s="119"/>
      <c r="AL1044" s="119"/>
      <c r="AM1044" s="119"/>
      <c r="AN1044" s="119"/>
      <c r="AO1044" s="119"/>
      <c r="AP1044" s="119"/>
      <c r="AQ1044" s="119"/>
      <c r="AR1044" s="119"/>
      <c r="AS1044" s="119"/>
      <c r="AT1044" s="119"/>
      <c r="AU1044" s="119"/>
      <c r="AV1044" s="119"/>
      <c r="AW1044" s="119"/>
      <c r="AX1044" s="119"/>
      <c r="AY1044" s="119"/>
      <c r="AZ1044" s="119"/>
      <c r="BA1044" s="119"/>
      <c r="BB1044" s="107">
        <v>45884</v>
      </c>
    </row>
    <row r="1045" spans="1:54" s="207" customFormat="1" ht="13.95" customHeight="1" x14ac:dyDescent="0.25">
      <c r="A1045" s="208" t="s">
        <v>2556</v>
      </c>
      <c r="B1045" s="209" t="s">
        <v>20420</v>
      </c>
      <c r="C1045" s="113" t="s">
        <v>2557</v>
      </c>
      <c r="D1045" s="113" t="s">
        <v>23016</v>
      </c>
      <c r="E1045" s="210">
        <v>1991</v>
      </c>
      <c r="F1045" s="210">
        <v>979</v>
      </c>
      <c r="G1045" s="113" t="s">
        <v>1</v>
      </c>
      <c r="H1045" s="113">
        <v>0</v>
      </c>
      <c r="I1045" s="113">
        <v>0</v>
      </c>
      <c r="J1045" s="115">
        <v>1</v>
      </c>
      <c r="K1045" s="211">
        <v>1</v>
      </c>
      <c r="L1045" s="115">
        <v>1</v>
      </c>
      <c r="M1045" s="115">
        <v>1</v>
      </c>
      <c r="N1045" s="115">
        <v>0</v>
      </c>
      <c r="O1045" s="115">
        <v>0</v>
      </c>
      <c r="P1045" s="115" t="s">
        <v>400</v>
      </c>
      <c r="Q1045" s="115" t="s">
        <v>400</v>
      </c>
      <c r="R1045" s="115">
        <v>0</v>
      </c>
      <c r="S1045" s="115">
        <v>0</v>
      </c>
      <c r="T1045" s="115">
        <v>0</v>
      </c>
      <c r="U1045" s="119"/>
      <c r="V1045" s="119"/>
      <c r="W1045" s="119"/>
      <c r="X1045" s="119"/>
      <c r="Y1045" s="119"/>
      <c r="Z1045" s="119"/>
      <c r="AA1045" s="119"/>
      <c r="AB1045" s="119"/>
      <c r="AC1045" s="119"/>
      <c r="AD1045" s="119"/>
      <c r="AE1045" s="119"/>
      <c r="AF1045" s="119"/>
      <c r="AG1045" s="119"/>
      <c r="AH1045" s="119"/>
      <c r="AI1045" s="119"/>
      <c r="AJ1045" s="119"/>
      <c r="AK1045" s="119"/>
      <c r="AL1045" s="119"/>
      <c r="AM1045" s="119"/>
      <c r="AN1045" s="119"/>
      <c r="AO1045" s="119"/>
      <c r="AP1045" s="119"/>
      <c r="AQ1045" s="119"/>
      <c r="AR1045" s="119"/>
      <c r="AS1045" s="119"/>
      <c r="AT1045" s="119"/>
      <c r="AU1045" s="119"/>
      <c r="AV1045" s="119"/>
      <c r="AW1045" s="119"/>
      <c r="AX1045" s="119"/>
      <c r="AY1045" s="119"/>
      <c r="AZ1045" s="119"/>
      <c r="BA1045" s="119"/>
      <c r="BB1045" s="107">
        <v>45884</v>
      </c>
    </row>
    <row r="1046" spans="1:54" s="207" customFormat="1" ht="13.95" customHeight="1" x14ac:dyDescent="0.25">
      <c r="A1046" s="208" t="s">
        <v>2558</v>
      </c>
      <c r="B1046" s="209" t="s">
        <v>20420</v>
      </c>
      <c r="C1046" s="113" t="s">
        <v>2559</v>
      </c>
      <c r="D1046" s="113" t="s">
        <v>2560</v>
      </c>
      <c r="E1046" s="210">
        <v>1973</v>
      </c>
      <c r="F1046" s="210">
        <v>980</v>
      </c>
      <c r="G1046" s="113" t="s">
        <v>1</v>
      </c>
      <c r="H1046" s="113">
        <v>0</v>
      </c>
      <c r="I1046" s="113">
        <v>0</v>
      </c>
      <c r="J1046" s="115">
        <v>1</v>
      </c>
      <c r="K1046" s="211">
        <v>1</v>
      </c>
      <c r="L1046" s="115">
        <v>1</v>
      </c>
      <c r="M1046" s="115">
        <v>0</v>
      </c>
      <c r="N1046" s="115">
        <v>0</v>
      </c>
      <c r="O1046" s="115">
        <v>1</v>
      </c>
      <c r="P1046" s="115">
        <v>1</v>
      </c>
      <c r="Q1046" s="115">
        <v>0</v>
      </c>
      <c r="R1046" s="115">
        <v>1</v>
      </c>
      <c r="S1046" s="115">
        <v>0</v>
      </c>
      <c r="T1046" s="115">
        <v>0</v>
      </c>
      <c r="U1046" s="119"/>
      <c r="V1046" s="119"/>
      <c r="W1046" s="119"/>
      <c r="X1046" s="119"/>
      <c r="Y1046" s="119"/>
      <c r="Z1046" s="119"/>
      <c r="AA1046" s="119"/>
      <c r="AB1046" s="119"/>
      <c r="AC1046" s="119"/>
      <c r="AD1046" s="119"/>
      <c r="AE1046" s="119"/>
      <c r="AF1046" s="119"/>
      <c r="AG1046" s="119"/>
      <c r="AH1046" s="119"/>
      <c r="AI1046" s="119"/>
      <c r="AJ1046" s="119"/>
      <c r="AK1046" s="119"/>
      <c r="AL1046" s="119"/>
      <c r="AM1046" s="119"/>
      <c r="AN1046" s="119"/>
      <c r="AO1046" s="119"/>
      <c r="AP1046" s="119"/>
      <c r="AQ1046" s="119"/>
      <c r="AR1046" s="119"/>
      <c r="AS1046" s="119"/>
      <c r="AT1046" s="119"/>
      <c r="AU1046" s="119"/>
      <c r="AV1046" s="119"/>
      <c r="AW1046" s="119"/>
      <c r="AX1046" s="119"/>
      <c r="AY1046" s="119"/>
      <c r="AZ1046" s="119"/>
      <c r="BA1046" s="119"/>
      <c r="BB1046" s="107">
        <v>45884</v>
      </c>
    </row>
    <row r="1047" spans="1:54" s="207" customFormat="1" ht="13.95" customHeight="1" x14ac:dyDescent="0.25">
      <c r="A1047" s="208" t="s">
        <v>2561</v>
      </c>
      <c r="B1047" s="209" t="s">
        <v>20420</v>
      </c>
      <c r="C1047" s="113" t="s">
        <v>2562</v>
      </c>
      <c r="D1047" s="113" t="s">
        <v>23017</v>
      </c>
      <c r="E1047" s="210">
        <v>1975</v>
      </c>
      <c r="F1047" s="210">
        <v>981</v>
      </c>
      <c r="G1047" s="113" t="s">
        <v>1</v>
      </c>
      <c r="H1047" s="113">
        <v>0</v>
      </c>
      <c r="I1047" s="113">
        <v>0</v>
      </c>
      <c r="J1047" s="115">
        <v>1</v>
      </c>
      <c r="K1047" s="116" t="s">
        <v>174</v>
      </c>
      <c r="L1047" s="115">
        <v>1</v>
      </c>
      <c r="M1047" s="115">
        <v>0</v>
      </c>
      <c r="N1047" s="115">
        <v>0</v>
      </c>
      <c r="O1047" s="115">
        <v>1</v>
      </c>
      <c r="P1047" s="115">
        <v>1</v>
      </c>
      <c r="Q1047" s="115" t="s">
        <v>400</v>
      </c>
      <c r="R1047" s="115">
        <v>1</v>
      </c>
      <c r="S1047" s="115">
        <v>0</v>
      </c>
      <c r="T1047" s="115">
        <v>0</v>
      </c>
      <c r="U1047" s="119"/>
      <c r="V1047" s="119"/>
      <c r="W1047" s="119"/>
      <c r="X1047" s="119"/>
      <c r="Y1047" s="119"/>
      <c r="Z1047" s="119"/>
      <c r="AA1047" s="119"/>
      <c r="AB1047" s="119"/>
      <c r="AC1047" s="119"/>
      <c r="AD1047" s="119"/>
      <c r="AE1047" s="119"/>
      <c r="AF1047" s="119"/>
      <c r="AG1047" s="119"/>
      <c r="AH1047" s="119"/>
      <c r="AI1047" s="119"/>
      <c r="AJ1047" s="119"/>
      <c r="AK1047" s="119"/>
      <c r="AL1047" s="119"/>
      <c r="AM1047" s="119"/>
      <c r="AN1047" s="119"/>
      <c r="AO1047" s="119"/>
      <c r="AP1047" s="119"/>
      <c r="AQ1047" s="119"/>
      <c r="AR1047" s="119"/>
      <c r="AS1047" s="119"/>
      <c r="AT1047" s="119"/>
      <c r="AU1047" s="119"/>
      <c r="AV1047" s="119"/>
      <c r="AW1047" s="119"/>
      <c r="AX1047" s="119"/>
      <c r="AY1047" s="119"/>
      <c r="AZ1047" s="119"/>
      <c r="BA1047" s="119"/>
      <c r="BB1047" s="107">
        <v>45884</v>
      </c>
    </row>
    <row r="1048" spans="1:54" s="207" customFormat="1" ht="13.95" customHeight="1" x14ac:dyDescent="0.25">
      <c r="A1048" s="208" t="s">
        <v>2563</v>
      </c>
      <c r="B1048" s="209" t="s">
        <v>20420</v>
      </c>
      <c r="C1048" s="113" t="s">
        <v>2564</v>
      </c>
      <c r="D1048" s="113" t="s">
        <v>2565</v>
      </c>
      <c r="E1048" s="210">
        <v>2002</v>
      </c>
      <c r="F1048" s="210">
        <v>982</v>
      </c>
      <c r="G1048" s="113" t="s">
        <v>1</v>
      </c>
      <c r="H1048" s="113">
        <v>0</v>
      </c>
      <c r="I1048" s="113">
        <v>0</v>
      </c>
      <c r="J1048" s="115">
        <v>1</v>
      </c>
      <c r="K1048" s="116" t="s">
        <v>174</v>
      </c>
      <c r="L1048" s="115">
        <v>1</v>
      </c>
      <c r="M1048" s="115">
        <v>0</v>
      </c>
      <c r="N1048" s="115">
        <v>0</v>
      </c>
      <c r="O1048" s="115">
        <v>1</v>
      </c>
      <c r="P1048" s="115">
        <v>1</v>
      </c>
      <c r="Q1048" s="115" t="s">
        <v>400</v>
      </c>
      <c r="R1048" s="115">
        <v>0</v>
      </c>
      <c r="S1048" s="115">
        <v>0</v>
      </c>
      <c r="T1048" s="115">
        <v>0</v>
      </c>
      <c r="U1048" s="119"/>
      <c r="V1048" s="119"/>
      <c r="W1048" s="119"/>
      <c r="X1048" s="119"/>
      <c r="Y1048" s="119"/>
      <c r="Z1048" s="119"/>
      <c r="AA1048" s="119"/>
      <c r="AB1048" s="119"/>
      <c r="AC1048" s="119"/>
      <c r="AD1048" s="119"/>
      <c r="AE1048" s="119"/>
      <c r="AF1048" s="119"/>
      <c r="AG1048" s="119"/>
      <c r="AH1048" s="119"/>
      <c r="AI1048" s="119"/>
      <c r="AJ1048" s="119"/>
      <c r="AK1048" s="119"/>
      <c r="AL1048" s="119"/>
      <c r="AM1048" s="119"/>
      <c r="AN1048" s="119"/>
      <c r="AO1048" s="119"/>
      <c r="AP1048" s="119"/>
      <c r="AQ1048" s="119"/>
      <c r="AR1048" s="119"/>
      <c r="AS1048" s="119"/>
      <c r="AT1048" s="119"/>
      <c r="AU1048" s="119"/>
      <c r="AV1048" s="119"/>
      <c r="AW1048" s="119"/>
      <c r="AX1048" s="119"/>
      <c r="AY1048" s="119"/>
      <c r="AZ1048" s="119"/>
      <c r="BA1048" s="119"/>
      <c r="BB1048" s="107">
        <v>45884</v>
      </c>
    </row>
    <row r="1049" spans="1:54" s="207" customFormat="1" ht="13.95" customHeight="1" x14ac:dyDescent="0.25">
      <c r="A1049" s="208" t="s">
        <v>2566</v>
      </c>
      <c r="B1049" s="209" t="s">
        <v>20420</v>
      </c>
      <c r="C1049" s="113" t="s">
        <v>2567</v>
      </c>
      <c r="D1049" s="113" t="s">
        <v>2568</v>
      </c>
      <c r="E1049" s="210">
        <v>1975</v>
      </c>
      <c r="F1049" s="210">
        <v>983</v>
      </c>
      <c r="G1049" s="113" t="s">
        <v>1</v>
      </c>
      <c r="H1049" s="113">
        <v>0</v>
      </c>
      <c r="I1049" s="113">
        <v>0</v>
      </c>
      <c r="J1049" s="115">
        <v>1</v>
      </c>
      <c r="K1049" s="116" t="s">
        <v>174</v>
      </c>
      <c r="L1049" s="115">
        <v>1</v>
      </c>
      <c r="M1049" s="115">
        <v>1</v>
      </c>
      <c r="N1049" s="115">
        <v>0</v>
      </c>
      <c r="O1049" s="115">
        <v>1</v>
      </c>
      <c r="P1049" s="115" t="s">
        <v>400</v>
      </c>
      <c r="Q1049" s="115" t="s">
        <v>400</v>
      </c>
      <c r="R1049" s="115">
        <v>0</v>
      </c>
      <c r="S1049" s="115">
        <v>0</v>
      </c>
      <c r="T1049" s="115">
        <v>0</v>
      </c>
      <c r="U1049" s="119"/>
      <c r="V1049" s="119"/>
      <c r="W1049" s="119"/>
      <c r="X1049" s="119"/>
      <c r="Y1049" s="119"/>
      <c r="Z1049" s="119"/>
      <c r="AA1049" s="119"/>
      <c r="AB1049" s="119"/>
      <c r="AC1049" s="119"/>
      <c r="AD1049" s="119"/>
      <c r="AE1049" s="119"/>
      <c r="AF1049" s="119"/>
      <c r="AG1049" s="119"/>
      <c r="AH1049" s="119"/>
      <c r="AI1049" s="119"/>
      <c r="AJ1049" s="119"/>
      <c r="AK1049" s="119"/>
      <c r="AL1049" s="119"/>
      <c r="AM1049" s="119"/>
      <c r="AN1049" s="119"/>
      <c r="AO1049" s="119"/>
      <c r="AP1049" s="119"/>
      <c r="AQ1049" s="119"/>
      <c r="AR1049" s="119"/>
      <c r="AS1049" s="119"/>
      <c r="AT1049" s="119"/>
      <c r="AU1049" s="119"/>
      <c r="AV1049" s="119"/>
      <c r="AW1049" s="119"/>
      <c r="AX1049" s="119"/>
      <c r="AY1049" s="119"/>
      <c r="AZ1049" s="119"/>
      <c r="BA1049" s="119"/>
      <c r="BB1049" s="107">
        <v>45884</v>
      </c>
    </row>
    <row r="1050" spans="1:54" s="207" customFormat="1" ht="13.95" customHeight="1" x14ac:dyDescent="0.25">
      <c r="A1050" s="208" t="s">
        <v>2569</v>
      </c>
      <c r="B1050" s="209" t="s">
        <v>20420</v>
      </c>
      <c r="C1050" s="113" t="s">
        <v>2570</v>
      </c>
      <c r="D1050" s="113" t="s">
        <v>2571</v>
      </c>
      <c r="E1050" s="210">
        <v>1996</v>
      </c>
      <c r="F1050" s="210">
        <v>984</v>
      </c>
      <c r="G1050" s="113" t="s">
        <v>1</v>
      </c>
      <c r="H1050" s="113">
        <v>0</v>
      </c>
      <c r="I1050" s="113">
        <v>0</v>
      </c>
      <c r="J1050" s="115">
        <v>1</v>
      </c>
      <c r="K1050" s="116" t="s">
        <v>174</v>
      </c>
      <c r="L1050" s="115">
        <v>0</v>
      </c>
      <c r="M1050" s="115">
        <v>0</v>
      </c>
      <c r="N1050" s="115">
        <v>0</v>
      </c>
      <c r="O1050" s="115">
        <v>0</v>
      </c>
      <c r="P1050" s="115">
        <v>1</v>
      </c>
      <c r="Q1050" s="115" t="s">
        <v>400</v>
      </c>
      <c r="R1050" s="115">
        <v>0</v>
      </c>
      <c r="S1050" s="115">
        <v>0</v>
      </c>
      <c r="T1050" s="115">
        <v>0</v>
      </c>
      <c r="U1050" s="119"/>
      <c r="V1050" s="119"/>
      <c r="W1050" s="119"/>
      <c r="X1050" s="119"/>
      <c r="Y1050" s="119"/>
      <c r="Z1050" s="119"/>
      <c r="AA1050" s="119"/>
      <c r="AB1050" s="119"/>
      <c r="AC1050" s="119"/>
      <c r="AD1050" s="119"/>
      <c r="AE1050" s="119"/>
      <c r="AF1050" s="119"/>
      <c r="AG1050" s="119"/>
      <c r="AH1050" s="119"/>
      <c r="AI1050" s="119"/>
      <c r="AJ1050" s="119"/>
      <c r="AK1050" s="119"/>
      <c r="AL1050" s="119"/>
      <c r="AM1050" s="119"/>
      <c r="AN1050" s="119"/>
      <c r="AO1050" s="119"/>
      <c r="AP1050" s="119"/>
      <c r="AQ1050" s="119"/>
      <c r="AR1050" s="119"/>
      <c r="AS1050" s="119"/>
      <c r="AT1050" s="119"/>
      <c r="AU1050" s="119"/>
      <c r="AV1050" s="119"/>
      <c r="AW1050" s="119"/>
      <c r="AX1050" s="119"/>
      <c r="AY1050" s="119"/>
      <c r="AZ1050" s="119"/>
      <c r="BA1050" s="119"/>
      <c r="BB1050" s="107">
        <v>45884</v>
      </c>
    </row>
    <row r="1051" spans="1:54" s="207" customFormat="1" ht="13.95" customHeight="1" x14ac:dyDescent="0.25">
      <c r="A1051" s="208" t="s">
        <v>2572</v>
      </c>
      <c r="B1051" s="209" t="s">
        <v>20420</v>
      </c>
      <c r="C1051" s="113" t="s">
        <v>2573</v>
      </c>
      <c r="D1051" s="113" t="s">
        <v>23018</v>
      </c>
      <c r="E1051" s="210">
        <v>1960</v>
      </c>
      <c r="F1051" s="210">
        <v>985</v>
      </c>
      <c r="G1051" s="113" t="s">
        <v>1</v>
      </c>
      <c r="H1051" s="113">
        <v>0</v>
      </c>
      <c r="I1051" s="113">
        <v>0</v>
      </c>
      <c r="J1051" s="115">
        <v>1</v>
      </c>
      <c r="K1051" s="116" t="s">
        <v>174</v>
      </c>
      <c r="L1051" s="115">
        <v>1</v>
      </c>
      <c r="M1051" s="115">
        <v>0</v>
      </c>
      <c r="N1051" s="115">
        <v>0</v>
      </c>
      <c r="O1051" s="115">
        <v>1</v>
      </c>
      <c r="P1051" s="115">
        <v>1</v>
      </c>
      <c r="Q1051" s="115">
        <v>1</v>
      </c>
      <c r="R1051" s="115">
        <v>1</v>
      </c>
      <c r="S1051" s="115">
        <v>0</v>
      </c>
      <c r="T1051" s="115">
        <v>0</v>
      </c>
      <c r="U1051" s="119"/>
      <c r="V1051" s="119"/>
      <c r="W1051" s="119"/>
      <c r="X1051" s="119"/>
      <c r="Y1051" s="119"/>
      <c r="Z1051" s="119"/>
      <c r="AA1051" s="119"/>
      <c r="AB1051" s="119"/>
      <c r="AC1051" s="119"/>
      <c r="AD1051" s="119"/>
      <c r="AE1051" s="119"/>
      <c r="AF1051" s="119"/>
      <c r="AG1051" s="119"/>
      <c r="AH1051" s="119"/>
      <c r="AI1051" s="119"/>
      <c r="AJ1051" s="119"/>
      <c r="AK1051" s="119"/>
      <c r="AL1051" s="119"/>
      <c r="AM1051" s="119"/>
      <c r="AN1051" s="119"/>
      <c r="AO1051" s="119"/>
      <c r="AP1051" s="119"/>
      <c r="AQ1051" s="119"/>
      <c r="AR1051" s="119"/>
      <c r="AS1051" s="119"/>
      <c r="AT1051" s="119"/>
      <c r="AU1051" s="119"/>
      <c r="AV1051" s="119"/>
      <c r="AW1051" s="119"/>
      <c r="AX1051" s="119"/>
      <c r="AY1051" s="119"/>
      <c r="AZ1051" s="119"/>
      <c r="BA1051" s="119"/>
      <c r="BB1051" s="107">
        <v>45884</v>
      </c>
    </row>
    <row r="1052" spans="1:54" s="207" customFormat="1" ht="13.95" customHeight="1" x14ac:dyDescent="0.25">
      <c r="A1052" s="208" t="s">
        <v>2574</v>
      </c>
      <c r="B1052" s="209" t="s">
        <v>20420</v>
      </c>
      <c r="C1052" s="113" t="s">
        <v>2575</v>
      </c>
      <c r="D1052" s="113" t="s">
        <v>23019</v>
      </c>
      <c r="E1052" s="210">
        <v>2001</v>
      </c>
      <c r="F1052" s="210">
        <v>986</v>
      </c>
      <c r="G1052" s="113" t="s">
        <v>8</v>
      </c>
      <c r="H1052" s="113">
        <v>0</v>
      </c>
      <c r="I1052" s="113">
        <v>0</v>
      </c>
      <c r="J1052" s="115">
        <v>0</v>
      </c>
      <c r="K1052" s="116" t="s">
        <v>174</v>
      </c>
      <c r="L1052" s="115">
        <v>0</v>
      </c>
      <c r="M1052" s="115">
        <v>0</v>
      </c>
      <c r="N1052" s="115">
        <v>0</v>
      </c>
      <c r="O1052" s="115">
        <v>0</v>
      </c>
      <c r="P1052" s="115" t="s">
        <v>400</v>
      </c>
      <c r="Q1052" s="115" t="s">
        <v>400</v>
      </c>
      <c r="R1052" s="115">
        <v>0</v>
      </c>
      <c r="S1052" s="115">
        <v>0</v>
      </c>
      <c r="T1052" s="115">
        <v>0</v>
      </c>
      <c r="U1052" s="113" t="s">
        <v>174</v>
      </c>
      <c r="V1052" s="113" t="s">
        <v>174</v>
      </c>
      <c r="W1052" s="113" t="s">
        <v>174</v>
      </c>
      <c r="X1052" s="113" t="s">
        <v>174</v>
      </c>
      <c r="Y1052" s="113" t="s">
        <v>174</v>
      </c>
      <c r="Z1052" s="113" t="s">
        <v>174</v>
      </c>
      <c r="AA1052" s="113" t="s">
        <v>174</v>
      </c>
      <c r="AB1052" s="113" t="s">
        <v>174</v>
      </c>
      <c r="AC1052" s="113" t="s">
        <v>174</v>
      </c>
      <c r="AD1052" s="113" t="s">
        <v>174</v>
      </c>
      <c r="AE1052" s="113" t="s">
        <v>174</v>
      </c>
      <c r="AF1052" s="113" t="s">
        <v>174</v>
      </c>
      <c r="AG1052" s="113" t="s">
        <v>174</v>
      </c>
      <c r="AH1052" s="113" t="s">
        <v>174</v>
      </c>
      <c r="AI1052" s="113" t="s">
        <v>174</v>
      </c>
      <c r="AJ1052" s="113" t="s">
        <v>174</v>
      </c>
      <c r="AK1052" s="113" t="s">
        <v>174</v>
      </c>
      <c r="AL1052" s="113" t="s">
        <v>174</v>
      </c>
      <c r="AM1052" s="113" t="s">
        <v>174</v>
      </c>
      <c r="AN1052" s="113" t="s">
        <v>174</v>
      </c>
      <c r="AO1052" s="113" t="s">
        <v>174</v>
      </c>
      <c r="AP1052" s="113" t="s">
        <v>174</v>
      </c>
      <c r="AQ1052" s="113" t="s">
        <v>174</v>
      </c>
      <c r="AR1052" s="113" t="s">
        <v>174</v>
      </c>
      <c r="AS1052" s="113" t="s">
        <v>174</v>
      </c>
      <c r="AT1052" s="121" t="s">
        <v>174</v>
      </c>
      <c r="AU1052" s="113" t="s">
        <v>174</v>
      </c>
      <c r="AV1052" s="113" t="s">
        <v>174</v>
      </c>
      <c r="AW1052" s="113" t="s">
        <v>174</v>
      </c>
      <c r="AX1052" s="113"/>
      <c r="AY1052" s="113"/>
      <c r="AZ1052" s="113"/>
      <c r="BA1052" s="113"/>
      <c r="BB1052" s="107">
        <v>45884</v>
      </c>
    </row>
    <row r="1053" spans="1:54" s="207" customFormat="1" ht="13.95" customHeight="1" x14ac:dyDescent="0.25">
      <c r="A1053" s="208" t="s">
        <v>2576</v>
      </c>
      <c r="B1053" s="209" t="s">
        <v>20420</v>
      </c>
      <c r="C1053" s="113" t="s">
        <v>2577</v>
      </c>
      <c r="D1053" s="113" t="s">
        <v>2578</v>
      </c>
      <c r="E1053" s="210">
        <v>1965</v>
      </c>
      <c r="F1053" s="210">
        <v>987</v>
      </c>
      <c r="G1053" s="113" t="s">
        <v>1</v>
      </c>
      <c r="H1053" s="113">
        <v>0</v>
      </c>
      <c r="I1053" s="113">
        <v>0</v>
      </c>
      <c r="J1053" s="115">
        <v>1</v>
      </c>
      <c r="K1053" s="211">
        <v>1</v>
      </c>
      <c r="L1053" s="115">
        <v>1</v>
      </c>
      <c r="M1053" s="115">
        <v>0</v>
      </c>
      <c r="N1053" s="115">
        <v>0</v>
      </c>
      <c r="O1053" s="115">
        <v>1</v>
      </c>
      <c r="P1053" s="212">
        <v>0</v>
      </c>
      <c r="Q1053" s="115" t="s">
        <v>400</v>
      </c>
      <c r="R1053" s="115">
        <v>1</v>
      </c>
      <c r="S1053" s="115">
        <v>0</v>
      </c>
      <c r="T1053" s="115">
        <v>0</v>
      </c>
      <c r="U1053" s="119"/>
      <c r="V1053" s="119"/>
      <c r="W1053" s="119"/>
      <c r="X1053" s="119"/>
      <c r="Y1053" s="119"/>
      <c r="Z1053" s="119"/>
      <c r="AA1053" s="119"/>
      <c r="AB1053" s="119"/>
      <c r="AC1053" s="119"/>
      <c r="AD1053" s="119"/>
      <c r="AE1053" s="119"/>
      <c r="AF1053" s="119"/>
      <c r="AG1053" s="119"/>
      <c r="AH1053" s="119"/>
      <c r="AI1053" s="119"/>
      <c r="AJ1053" s="119"/>
      <c r="AK1053" s="119"/>
      <c r="AL1053" s="119"/>
      <c r="AM1053" s="119"/>
      <c r="AN1053" s="119"/>
      <c r="AO1053" s="119"/>
      <c r="AP1053" s="119"/>
      <c r="AQ1053" s="119"/>
      <c r="AR1053" s="119"/>
      <c r="AS1053" s="119"/>
      <c r="AT1053" s="119"/>
      <c r="AU1053" s="119"/>
      <c r="AV1053" s="119"/>
      <c r="AW1053" s="119"/>
      <c r="AX1053" s="119"/>
      <c r="AY1053" s="119"/>
      <c r="AZ1053" s="119"/>
      <c r="BA1053" s="119"/>
      <c r="BB1053" s="107">
        <v>45884</v>
      </c>
    </row>
    <row r="1054" spans="1:54" s="207" customFormat="1" ht="13.95" customHeight="1" x14ac:dyDescent="0.25">
      <c r="A1054" s="208" t="s">
        <v>2579</v>
      </c>
      <c r="B1054" s="209" t="s">
        <v>20420</v>
      </c>
      <c r="C1054" s="113" t="s">
        <v>2580</v>
      </c>
      <c r="D1054" s="113" t="s">
        <v>23020</v>
      </c>
      <c r="E1054" s="210">
        <v>1977</v>
      </c>
      <c r="F1054" s="210">
        <v>990</v>
      </c>
      <c r="G1054" s="113" t="s">
        <v>1</v>
      </c>
      <c r="H1054" s="113">
        <v>0</v>
      </c>
      <c r="I1054" s="113">
        <v>0</v>
      </c>
      <c r="J1054" s="115">
        <v>1</v>
      </c>
      <c r="K1054" s="211">
        <v>1</v>
      </c>
      <c r="L1054" s="115">
        <v>1</v>
      </c>
      <c r="M1054" s="115">
        <v>1</v>
      </c>
      <c r="N1054" s="115">
        <v>0</v>
      </c>
      <c r="O1054" s="115">
        <v>0</v>
      </c>
      <c r="P1054" s="115" t="s">
        <v>400</v>
      </c>
      <c r="Q1054" s="115" t="s">
        <v>400</v>
      </c>
      <c r="R1054" s="115">
        <v>1</v>
      </c>
      <c r="S1054" s="115">
        <v>0</v>
      </c>
      <c r="T1054" s="115">
        <v>0</v>
      </c>
      <c r="U1054" s="119"/>
      <c r="V1054" s="119"/>
      <c r="W1054" s="119"/>
      <c r="X1054" s="119"/>
      <c r="Y1054" s="119"/>
      <c r="Z1054" s="119"/>
      <c r="AA1054" s="119"/>
      <c r="AB1054" s="119"/>
      <c r="AC1054" s="119"/>
      <c r="AD1054" s="119"/>
      <c r="AE1054" s="119"/>
      <c r="AF1054" s="119"/>
      <c r="AG1054" s="119"/>
      <c r="AH1054" s="119"/>
      <c r="AI1054" s="119"/>
      <c r="AJ1054" s="119"/>
      <c r="AK1054" s="119"/>
      <c r="AL1054" s="119"/>
      <c r="AM1054" s="119"/>
      <c r="AN1054" s="119"/>
      <c r="AO1054" s="119"/>
      <c r="AP1054" s="119"/>
      <c r="AQ1054" s="119"/>
      <c r="AR1054" s="119"/>
      <c r="AS1054" s="119"/>
      <c r="AT1054" s="119"/>
      <c r="AU1054" s="119"/>
      <c r="AV1054" s="119"/>
      <c r="AW1054" s="119"/>
      <c r="AX1054" s="119"/>
      <c r="AY1054" s="119"/>
      <c r="AZ1054" s="119"/>
      <c r="BA1054" s="119"/>
      <c r="BB1054" s="107">
        <v>45884</v>
      </c>
    </row>
    <row r="1055" spans="1:54" s="207" customFormat="1" ht="13.95" customHeight="1" x14ac:dyDescent="0.25">
      <c r="A1055" s="208" t="s">
        <v>2581</v>
      </c>
      <c r="B1055" s="209" t="s">
        <v>20420</v>
      </c>
      <c r="C1055" s="113" t="s">
        <v>2582</v>
      </c>
      <c r="D1055" s="113" t="s">
        <v>23021</v>
      </c>
      <c r="E1055" s="210">
        <v>1985</v>
      </c>
      <c r="F1055" s="210">
        <v>990</v>
      </c>
      <c r="G1055" s="113" t="s">
        <v>1</v>
      </c>
      <c r="H1055" s="113">
        <v>0</v>
      </c>
      <c r="I1055" s="113">
        <v>0</v>
      </c>
      <c r="J1055" s="115">
        <v>1</v>
      </c>
      <c r="K1055" s="116" t="s">
        <v>174</v>
      </c>
      <c r="L1055" s="115">
        <v>1</v>
      </c>
      <c r="M1055" s="115">
        <v>0</v>
      </c>
      <c r="N1055" s="115">
        <v>0</v>
      </c>
      <c r="O1055" s="115">
        <v>1</v>
      </c>
      <c r="P1055" s="115">
        <v>1</v>
      </c>
      <c r="Q1055" s="115" t="s">
        <v>400</v>
      </c>
      <c r="R1055" s="115">
        <v>1</v>
      </c>
      <c r="S1055" s="115">
        <v>0</v>
      </c>
      <c r="T1055" s="115">
        <v>0</v>
      </c>
      <c r="U1055" s="119"/>
      <c r="V1055" s="119"/>
      <c r="W1055" s="119"/>
      <c r="X1055" s="119"/>
      <c r="Y1055" s="119"/>
      <c r="Z1055" s="119"/>
      <c r="AA1055" s="119"/>
      <c r="AB1055" s="119"/>
      <c r="AC1055" s="119"/>
      <c r="AD1055" s="119"/>
      <c r="AE1055" s="119"/>
      <c r="AF1055" s="119"/>
      <c r="AG1055" s="119"/>
      <c r="AH1055" s="119"/>
      <c r="AI1055" s="119"/>
      <c r="AJ1055" s="119"/>
      <c r="AK1055" s="119"/>
      <c r="AL1055" s="119"/>
      <c r="AM1055" s="119"/>
      <c r="AN1055" s="119"/>
      <c r="AO1055" s="119"/>
      <c r="AP1055" s="119"/>
      <c r="AQ1055" s="119"/>
      <c r="AR1055" s="119"/>
      <c r="AS1055" s="119"/>
      <c r="AT1055" s="119"/>
      <c r="AU1055" s="119"/>
      <c r="AV1055" s="119"/>
      <c r="AW1055" s="119"/>
      <c r="AX1055" s="119"/>
      <c r="AY1055" s="119"/>
      <c r="AZ1055" s="119"/>
      <c r="BA1055" s="119"/>
      <c r="BB1055" s="107">
        <v>45884</v>
      </c>
    </row>
    <row r="1056" spans="1:54" s="207" customFormat="1" ht="13.95" customHeight="1" x14ac:dyDescent="0.25">
      <c r="A1056" s="208" t="s">
        <v>2583</v>
      </c>
      <c r="B1056" s="209" t="s">
        <v>20420</v>
      </c>
      <c r="C1056" s="113" t="s">
        <v>2584</v>
      </c>
      <c r="D1056" s="113" t="s">
        <v>23022</v>
      </c>
      <c r="E1056" s="210">
        <v>1989</v>
      </c>
      <c r="F1056" s="210">
        <v>991</v>
      </c>
      <c r="G1056" s="113" t="s">
        <v>1</v>
      </c>
      <c r="H1056" s="113">
        <v>0</v>
      </c>
      <c r="I1056" s="113">
        <v>0</v>
      </c>
      <c r="J1056" s="115">
        <v>1</v>
      </c>
      <c r="K1056" s="116" t="s">
        <v>174</v>
      </c>
      <c r="L1056" s="115">
        <v>1</v>
      </c>
      <c r="M1056" s="115">
        <v>1</v>
      </c>
      <c r="N1056" s="115">
        <v>0</v>
      </c>
      <c r="O1056" s="115">
        <v>0</v>
      </c>
      <c r="P1056" s="115" t="s">
        <v>400</v>
      </c>
      <c r="Q1056" s="115" t="s">
        <v>400</v>
      </c>
      <c r="R1056" s="115">
        <v>0</v>
      </c>
      <c r="S1056" s="115">
        <v>0</v>
      </c>
      <c r="T1056" s="115">
        <v>0</v>
      </c>
      <c r="U1056" s="119"/>
      <c r="V1056" s="119"/>
      <c r="W1056" s="119"/>
      <c r="X1056" s="119"/>
      <c r="Y1056" s="119"/>
      <c r="Z1056" s="119"/>
      <c r="AA1056" s="119"/>
      <c r="AB1056" s="119"/>
      <c r="AC1056" s="119"/>
      <c r="AD1056" s="119"/>
      <c r="AE1056" s="119"/>
      <c r="AF1056" s="119"/>
      <c r="AG1056" s="119"/>
      <c r="AH1056" s="119"/>
      <c r="AI1056" s="119"/>
      <c r="AJ1056" s="119"/>
      <c r="AK1056" s="119"/>
      <c r="AL1056" s="119"/>
      <c r="AM1056" s="119"/>
      <c r="AN1056" s="119"/>
      <c r="AO1056" s="119"/>
      <c r="AP1056" s="119"/>
      <c r="AQ1056" s="119"/>
      <c r="AR1056" s="119"/>
      <c r="AS1056" s="119"/>
      <c r="AT1056" s="119"/>
      <c r="AU1056" s="119"/>
      <c r="AV1056" s="119"/>
      <c r="AW1056" s="119"/>
      <c r="AX1056" s="119"/>
      <c r="AY1056" s="119"/>
      <c r="AZ1056" s="119"/>
      <c r="BA1056" s="119"/>
      <c r="BB1056" s="107">
        <v>45884</v>
      </c>
    </row>
    <row r="1057" spans="1:54" s="207" customFormat="1" ht="13.95" customHeight="1" x14ac:dyDescent="0.25">
      <c r="A1057" s="208" t="s">
        <v>2585</v>
      </c>
      <c r="B1057" s="209" t="s">
        <v>20420</v>
      </c>
      <c r="C1057" s="113" t="s">
        <v>2586</v>
      </c>
      <c r="D1057" s="113" t="s">
        <v>2587</v>
      </c>
      <c r="E1057" s="210">
        <v>1965</v>
      </c>
      <c r="F1057" s="210">
        <v>1424</v>
      </c>
      <c r="G1057" s="113" t="s">
        <v>1</v>
      </c>
      <c r="H1057" s="113">
        <v>0</v>
      </c>
      <c r="I1057" s="113">
        <v>0</v>
      </c>
      <c r="J1057" s="115">
        <v>1</v>
      </c>
      <c r="K1057" s="116" t="s">
        <v>174</v>
      </c>
      <c r="L1057" s="115">
        <v>1</v>
      </c>
      <c r="M1057" s="115">
        <v>0</v>
      </c>
      <c r="N1057" s="115">
        <v>1</v>
      </c>
      <c r="O1057" s="115">
        <v>1</v>
      </c>
      <c r="P1057" s="115">
        <v>1</v>
      </c>
      <c r="Q1057" s="115">
        <v>1</v>
      </c>
      <c r="R1057" s="115">
        <v>1</v>
      </c>
      <c r="S1057" s="115">
        <v>0</v>
      </c>
      <c r="T1057" s="115">
        <v>0</v>
      </c>
      <c r="U1057" s="119"/>
      <c r="V1057" s="119"/>
      <c r="W1057" s="119"/>
      <c r="X1057" s="119"/>
      <c r="Y1057" s="119"/>
      <c r="Z1057" s="119"/>
      <c r="AA1057" s="119"/>
      <c r="AB1057" s="119"/>
      <c r="AC1057" s="119"/>
      <c r="AD1057" s="119"/>
      <c r="AE1057" s="119"/>
      <c r="AF1057" s="119"/>
      <c r="AG1057" s="119"/>
      <c r="AH1057" s="119"/>
      <c r="AI1057" s="119"/>
      <c r="AJ1057" s="119"/>
      <c r="AK1057" s="119"/>
      <c r="AL1057" s="119"/>
      <c r="AM1057" s="119"/>
      <c r="AN1057" s="119"/>
      <c r="AO1057" s="119"/>
      <c r="AP1057" s="119"/>
      <c r="AQ1057" s="119"/>
      <c r="AR1057" s="119"/>
      <c r="AS1057" s="119"/>
      <c r="AT1057" s="119"/>
      <c r="AU1057" s="119"/>
      <c r="AV1057" s="119"/>
      <c r="AW1057" s="119"/>
      <c r="AX1057" s="119"/>
      <c r="AY1057" s="119"/>
      <c r="AZ1057" s="119"/>
      <c r="BA1057" s="119"/>
      <c r="BB1057" s="107">
        <v>45884</v>
      </c>
    </row>
    <row r="1058" spans="1:54" s="207" customFormat="1" ht="13.95" customHeight="1" x14ac:dyDescent="0.25">
      <c r="A1058" s="208" t="s">
        <v>2588</v>
      </c>
      <c r="B1058" s="209" t="s">
        <v>20420</v>
      </c>
      <c r="C1058" s="113" t="s">
        <v>2589</v>
      </c>
      <c r="D1058" s="113" t="s">
        <v>23023</v>
      </c>
      <c r="E1058" s="210">
        <v>1996</v>
      </c>
      <c r="F1058" s="210">
        <v>5870</v>
      </c>
      <c r="G1058" s="113" t="s">
        <v>1</v>
      </c>
      <c r="H1058" s="113">
        <v>0</v>
      </c>
      <c r="I1058" s="113">
        <v>0</v>
      </c>
      <c r="J1058" s="115">
        <v>1</v>
      </c>
      <c r="K1058" s="116" t="s">
        <v>174</v>
      </c>
      <c r="L1058" s="115">
        <v>1</v>
      </c>
      <c r="M1058" s="115">
        <v>1</v>
      </c>
      <c r="N1058" s="115">
        <v>1</v>
      </c>
      <c r="O1058" s="115">
        <v>1</v>
      </c>
      <c r="P1058" s="115" t="s">
        <v>400</v>
      </c>
      <c r="Q1058" s="115" t="s">
        <v>400</v>
      </c>
      <c r="R1058" s="115">
        <v>0</v>
      </c>
      <c r="S1058" s="115">
        <v>0</v>
      </c>
      <c r="T1058" s="115">
        <v>0</v>
      </c>
      <c r="U1058" s="119"/>
      <c r="V1058" s="119"/>
      <c r="W1058" s="119"/>
      <c r="X1058" s="119"/>
      <c r="Y1058" s="119"/>
      <c r="Z1058" s="119"/>
      <c r="AA1058" s="119"/>
      <c r="AB1058" s="119"/>
      <c r="AC1058" s="119"/>
      <c r="AD1058" s="119"/>
      <c r="AE1058" s="119"/>
      <c r="AF1058" s="119"/>
      <c r="AG1058" s="119"/>
      <c r="AH1058" s="119"/>
      <c r="AI1058" s="119"/>
      <c r="AJ1058" s="119"/>
      <c r="AK1058" s="119"/>
      <c r="AL1058" s="119"/>
      <c r="AM1058" s="119"/>
      <c r="AN1058" s="119"/>
      <c r="AO1058" s="119"/>
      <c r="AP1058" s="119"/>
      <c r="AQ1058" s="119"/>
      <c r="AR1058" s="119"/>
      <c r="AS1058" s="119"/>
      <c r="AT1058" s="119"/>
      <c r="AU1058" s="119"/>
      <c r="AV1058" s="119"/>
      <c r="AW1058" s="119"/>
      <c r="AX1058" s="119"/>
      <c r="AY1058" s="119"/>
      <c r="AZ1058" s="119"/>
      <c r="BA1058" s="119"/>
      <c r="BB1058" s="107">
        <v>45884</v>
      </c>
    </row>
    <row r="1059" spans="1:54" s="207" customFormat="1" ht="13.95" customHeight="1" x14ac:dyDescent="0.25">
      <c r="A1059" s="208" t="s">
        <v>2590</v>
      </c>
      <c r="B1059" s="209" t="s">
        <v>20420</v>
      </c>
      <c r="C1059" s="113" t="s">
        <v>2591</v>
      </c>
      <c r="D1059" s="113" t="s">
        <v>2592</v>
      </c>
      <c r="E1059" s="210">
        <v>1985</v>
      </c>
      <c r="F1059" s="210">
        <v>998</v>
      </c>
      <c r="G1059" s="113" t="s">
        <v>1</v>
      </c>
      <c r="H1059" s="113">
        <v>0</v>
      </c>
      <c r="I1059" s="113">
        <v>0</v>
      </c>
      <c r="J1059" s="115">
        <v>1</v>
      </c>
      <c r="K1059" s="116" t="s">
        <v>174</v>
      </c>
      <c r="L1059" s="115">
        <v>1</v>
      </c>
      <c r="M1059" s="115">
        <v>0</v>
      </c>
      <c r="N1059" s="115">
        <v>0</v>
      </c>
      <c r="O1059" s="115">
        <v>1</v>
      </c>
      <c r="P1059" s="115">
        <v>1</v>
      </c>
      <c r="Q1059" s="115" t="s">
        <v>400</v>
      </c>
      <c r="R1059" s="115">
        <v>1</v>
      </c>
      <c r="S1059" s="115">
        <v>0</v>
      </c>
      <c r="T1059" s="115">
        <v>0</v>
      </c>
      <c r="U1059" s="119"/>
      <c r="V1059" s="119"/>
      <c r="W1059" s="119"/>
      <c r="X1059" s="119"/>
      <c r="Y1059" s="119"/>
      <c r="Z1059" s="119"/>
      <c r="AA1059" s="119"/>
      <c r="AB1059" s="119"/>
      <c r="AC1059" s="119"/>
      <c r="AD1059" s="119"/>
      <c r="AE1059" s="119"/>
      <c r="AF1059" s="119"/>
      <c r="AG1059" s="119"/>
      <c r="AH1059" s="119"/>
      <c r="AI1059" s="119"/>
      <c r="AJ1059" s="119"/>
      <c r="AK1059" s="119"/>
      <c r="AL1059" s="119"/>
      <c r="AM1059" s="119"/>
      <c r="AN1059" s="119"/>
      <c r="AO1059" s="119"/>
      <c r="AP1059" s="119"/>
      <c r="AQ1059" s="119"/>
      <c r="AR1059" s="119"/>
      <c r="AS1059" s="119"/>
      <c r="AT1059" s="119"/>
      <c r="AU1059" s="119"/>
      <c r="AV1059" s="119"/>
      <c r="AW1059" s="119"/>
      <c r="AX1059" s="119"/>
      <c r="AY1059" s="119"/>
      <c r="AZ1059" s="119"/>
      <c r="BA1059" s="119"/>
      <c r="BB1059" s="107">
        <v>45884</v>
      </c>
    </row>
    <row r="1060" spans="1:54" s="207" customFormat="1" ht="13.95" customHeight="1" x14ac:dyDescent="0.25">
      <c r="A1060" s="208" t="s">
        <v>2593</v>
      </c>
      <c r="B1060" s="209" t="s">
        <v>20420</v>
      </c>
      <c r="C1060" s="113" t="s">
        <v>2594</v>
      </c>
      <c r="D1060" s="113" t="s">
        <v>23024</v>
      </c>
      <c r="E1060" s="210">
        <v>1974</v>
      </c>
      <c r="F1060" s="210">
        <v>999</v>
      </c>
      <c r="G1060" s="113" t="s">
        <v>1</v>
      </c>
      <c r="H1060" s="113">
        <v>0</v>
      </c>
      <c r="I1060" s="113">
        <v>0</v>
      </c>
      <c r="J1060" s="115">
        <v>1</v>
      </c>
      <c r="K1060" s="211">
        <v>1</v>
      </c>
      <c r="L1060" s="115">
        <v>0</v>
      </c>
      <c r="M1060" s="115">
        <v>1</v>
      </c>
      <c r="N1060" s="115">
        <v>0</v>
      </c>
      <c r="O1060" s="115">
        <v>0</v>
      </c>
      <c r="P1060" s="115">
        <v>1</v>
      </c>
      <c r="Q1060" s="115" t="s">
        <v>400</v>
      </c>
      <c r="R1060" s="115">
        <v>0</v>
      </c>
      <c r="S1060" s="115">
        <v>0</v>
      </c>
      <c r="T1060" s="115">
        <v>0</v>
      </c>
      <c r="U1060" s="119"/>
      <c r="V1060" s="119"/>
      <c r="W1060" s="119"/>
      <c r="X1060" s="119"/>
      <c r="Y1060" s="119"/>
      <c r="Z1060" s="119"/>
      <c r="AA1060" s="119"/>
      <c r="AB1060" s="119"/>
      <c r="AC1060" s="119"/>
      <c r="AD1060" s="119"/>
      <c r="AE1060" s="119"/>
      <c r="AF1060" s="119"/>
      <c r="AG1060" s="119"/>
      <c r="AH1060" s="119"/>
      <c r="AI1060" s="119"/>
      <c r="AJ1060" s="119"/>
      <c r="AK1060" s="119"/>
      <c r="AL1060" s="119"/>
      <c r="AM1060" s="119"/>
      <c r="AN1060" s="119"/>
      <c r="AO1060" s="119"/>
      <c r="AP1060" s="119"/>
      <c r="AQ1060" s="119"/>
      <c r="AR1060" s="119"/>
      <c r="AS1060" s="119"/>
      <c r="AT1060" s="119"/>
      <c r="AU1060" s="119"/>
      <c r="AV1060" s="119"/>
      <c r="AW1060" s="119"/>
      <c r="AX1060" s="119"/>
      <c r="AY1060" s="119"/>
      <c r="AZ1060" s="119"/>
      <c r="BA1060" s="119"/>
      <c r="BB1060" s="107">
        <v>45884</v>
      </c>
    </row>
    <row r="1061" spans="1:54" s="207" customFormat="1" ht="13.95" customHeight="1" x14ac:dyDescent="0.25">
      <c r="A1061" s="208" t="s">
        <v>2595</v>
      </c>
      <c r="B1061" s="209" t="s">
        <v>20420</v>
      </c>
      <c r="C1061" s="113" t="s">
        <v>2596</v>
      </c>
      <c r="D1061" s="113" t="s">
        <v>23025</v>
      </c>
      <c r="E1061" s="210">
        <v>1979</v>
      </c>
      <c r="F1061" s="210">
        <v>1000</v>
      </c>
      <c r="G1061" s="113" t="s">
        <v>1</v>
      </c>
      <c r="H1061" s="113">
        <v>0</v>
      </c>
      <c r="I1061" s="113">
        <v>0</v>
      </c>
      <c r="J1061" s="115">
        <v>1</v>
      </c>
      <c r="K1061" s="116" t="s">
        <v>174</v>
      </c>
      <c r="L1061" s="115">
        <v>1</v>
      </c>
      <c r="M1061" s="115">
        <v>0</v>
      </c>
      <c r="N1061" s="115">
        <v>1</v>
      </c>
      <c r="O1061" s="115">
        <v>0</v>
      </c>
      <c r="P1061" s="115">
        <v>1</v>
      </c>
      <c r="Q1061" s="115" t="s">
        <v>400</v>
      </c>
      <c r="R1061" s="115">
        <v>0</v>
      </c>
      <c r="S1061" s="115">
        <v>0</v>
      </c>
      <c r="T1061" s="115">
        <v>0</v>
      </c>
      <c r="U1061" s="119"/>
      <c r="V1061" s="119"/>
      <c r="W1061" s="119"/>
      <c r="X1061" s="119"/>
      <c r="Y1061" s="119"/>
      <c r="Z1061" s="119"/>
      <c r="AA1061" s="119"/>
      <c r="AB1061" s="119"/>
      <c r="AC1061" s="119"/>
      <c r="AD1061" s="119"/>
      <c r="AE1061" s="119"/>
      <c r="AF1061" s="119"/>
      <c r="AG1061" s="119"/>
      <c r="AH1061" s="119"/>
      <c r="AI1061" s="119"/>
      <c r="AJ1061" s="119"/>
      <c r="AK1061" s="119"/>
      <c r="AL1061" s="119"/>
      <c r="AM1061" s="119"/>
      <c r="AN1061" s="119"/>
      <c r="AO1061" s="119"/>
      <c r="AP1061" s="119"/>
      <c r="AQ1061" s="119"/>
      <c r="AR1061" s="119"/>
      <c r="AS1061" s="119"/>
      <c r="AT1061" s="119"/>
      <c r="AU1061" s="119"/>
      <c r="AV1061" s="119"/>
      <c r="AW1061" s="119"/>
      <c r="AX1061" s="119"/>
      <c r="AY1061" s="119"/>
      <c r="AZ1061" s="119"/>
      <c r="BA1061" s="119"/>
      <c r="BB1061" s="107">
        <v>45884</v>
      </c>
    </row>
    <row r="1062" spans="1:54" s="207" customFormat="1" ht="13.95" customHeight="1" x14ac:dyDescent="0.25">
      <c r="A1062" s="208" t="s">
        <v>2597</v>
      </c>
      <c r="B1062" s="209" t="s">
        <v>20420</v>
      </c>
      <c r="C1062" s="113" t="s">
        <v>2598</v>
      </c>
      <c r="D1062" s="113" t="s">
        <v>23026</v>
      </c>
      <c r="E1062" s="210">
        <v>1986</v>
      </c>
      <c r="F1062" s="210">
        <v>1000</v>
      </c>
      <c r="G1062" s="113" t="s">
        <v>1</v>
      </c>
      <c r="H1062" s="113">
        <v>0</v>
      </c>
      <c r="I1062" s="113">
        <v>0</v>
      </c>
      <c r="J1062" s="115">
        <v>1</v>
      </c>
      <c r="K1062" s="116" t="s">
        <v>174</v>
      </c>
      <c r="L1062" s="115">
        <v>1</v>
      </c>
      <c r="M1062" s="115">
        <v>0</v>
      </c>
      <c r="N1062" s="115">
        <v>0</v>
      </c>
      <c r="O1062" s="115">
        <v>1</v>
      </c>
      <c r="P1062" s="115">
        <v>1</v>
      </c>
      <c r="Q1062" s="115" t="s">
        <v>400</v>
      </c>
      <c r="R1062" s="115">
        <v>1</v>
      </c>
      <c r="S1062" s="115">
        <v>0</v>
      </c>
      <c r="T1062" s="115">
        <v>0</v>
      </c>
      <c r="U1062" s="119"/>
      <c r="V1062" s="119"/>
      <c r="W1062" s="119"/>
      <c r="X1062" s="119"/>
      <c r="Y1062" s="119"/>
      <c r="Z1062" s="119"/>
      <c r="AA1062" s="119"/>
      <c r="AB1062" s="119"/>
      <c r="AC1062" s="119"/>
      <c r="AD1062" s="119"/>
      <c r="AE1062" s="119"/>
      <c r="AF1062" s="119"/>
      <c r="AG1062" s="119"/>
      <c r="AH1062" s="119"/>
      <c r="AI1062" s="119"/>
      <c r="AJ1062" s="119"/>
      <c r="AK1062" s="119"/>
      <c r="AL1062" s="119"/>
      <c r="AM1062" s="119"/>
      <c r="AN1062" s="119"/>
      <c r="AO1062" s="119"/>
      <c r="AP1062" s="119"/>
      <c r="AQ1062" s="119"/>
      <c r="AR1062" s="119"/>
      <c r="AS1062" s="119"/>
      <c r="AT1062" s="119"/>
      <c r="AU1062" s="119"/>
      <c r="AV1062" s="119"/>
      <c r="AW1062" s="119"/>
      <c r="AX1062" s="119"/>
      <c r="AY1062" s="119"/>
      <c r="AZ1062" s="119"/>
      <c r="BA1062" s="119"/>
      <c r="BB1062" s="107">
        <v>45884</v>
      </c>
    </row>
    <row r="1063" spans="1:54" s="207" customFormat="1" ht="13.95" customHeight="1" x14ac:dyDescent="0.25">
      <c r="A1063" s="208" t="s">
        <v>2599</v>
      </c>
      <c r="B1063" s="209" t="s">
        <v>20420</v>
      </c>
      <c r="C1063" s="113" t="s">
        <v>2600</v>
      </c>
      <c r="D1063" s="113" t="s">
        <v>23027</v>
      </c>
      <c r="E1063" s="210">
        <v>1988</v>
      </c>
      <c r="F1063" s="210">
        <v>1000</v>
      </c>
      <c r="G1063" s="113" t="s">
        <v>1</v>
      </c>
      <c r="H1063" s="113">
        <v>0</v>
      </c>
      <c r="I1063" s="113">
        <v>0</v>
      </c>
      <c r="J1063" s="115">
        <v>1</v>
      </c>
      <c r="K1063" s="116" t="s">
        <v>174</v>
      </c>
      <c r="L1063" s="115">
        <v>1</v>
      </c>
      <c r="M1063" s="115">
        <v>0</v>
      </c>
      <c r="N1063" s="115">
        <v>0</v>
      </c>
      <c r="O1063" s="115">
        <v>1</v>
      </c>
      <c r="P1063" s="115">
        <v>1</v>
      </c>
      <c r="Q1063" s="115" t="s">
        <v>400</v>
      </c>
      <c r="R1063" s="115">
        <v>1</v>
      </c>
      <c r="S1063" s="115">
        <v>0</v>
      </c>
      <c r="T1063" s="115">
        <v>0</v>
      </c>
      <c r="U1063" s="119"/>
      <c r="V1063" s="119"/>
      <c r="W1063" s="119"/>
      <c r="X1063" s="119"/>
      <c r="Y1063" s="119"/>
      <c r="Z1063" s="119"/>
      <c r="AA1063" s="119"/>
      <c r="AB1063" s="119"/>
      <c r="AC1063" s="119"/>
      <c r="AD1063" s="119"/>
      <c r="AE1063" s="119"/>
      <c r="AF1063" s="119"/>
      <c r="AG1063" s="119"/>
      <c r="AH1063" s="119"/>
      <c r="AI1063" s="119"/>
      <c r="AJ1063" s="119"/>
      <c r="AK1063" s="119"/>
      <c r="AL1063" s="119"/>
      <c r="AM1063" s="119"/>
      <c r="AN1063" s="119"/>
      <c r="AO1063" s="119"/>
      <c r="AP1063" s="119"/>
      <c r="AQ1063" s="119"/>
      <c r="AR1063" s="119"/>
      <c r="AS1063" s="119"/>
      <c r="AT1063" s="119"/>
      <c r="AU1063" s="119"/>
      <c r="AV1063" s="119"/>
      <c r="AW1063" s="119"/>
      <c r="AX1063" s="119"/>
      <c r="AY1063" s="119"/>
      <c r="AZ1063" s="119"/>
      <c r="BA1063" s="119"/>
      <c r="BB1063" s="107">
        <v>45884</v>
      </c>
    </row>
    <row r="1064" spans="1:54" s="207" customFormat="1" ht="13.95" customHeight="1" x14ac:dyDescent="0.25">
      <c r="A1064" s="208" t="s">
        <v>2601</v>
      </c>
      <c r="B1064" s="209" t="s">
        <v>20420</v>
      </c>
      <c r="C1064" s="113" t="s">
        <v>2602</v>
      </c>
      <c r="D1064" s="113" t="s">
        <v>23028</v>
      </c>
      <c r="E1064" s="210">
        <v>1988</v>
      </c>
      <c r="F1064" s="210">
        <v>1000</v>
      </c>
      <c r="G1064" s="113" t="s">
        <v>1</v>
      </c>
      <c r="H1064" s="113">
        <v>0</v>
      </c>
      <c r="I1064" s="113">
        <v>0</v>
      </c>
      <c r="J1064" s="115">
        <v>1</v>
      </c>
      <c r="K1064" s="116" t="s">
        <v>174</v>
      </c>
      <c r="L1064" s="115">
        <v>1</v>
      </c>
      <c r="M1064" s="115">
        <v>0</v>
      </c>
      <c r="N1064" s="115">
        <v>0</v>
      </c>
      <c r="O1064" s="115">
        <v>1</v>
      </c>
      <c r="P1064" s="115">
        <v>1</v>
      </c>
      <c r="Q1064" s="115" t="s">
        <v>400</v>
      </c>
      <c r="R1064" s="115">
        <v>0</v>
      </c>
      <c r="S1064" s="115">
        <v>0</v>
      </c>
      <c r="T1064" s="115">
        <v>0</v>
      </c>
      <c r="U1064" s="119"/>
      <c r="V1064" s="119"/>
      <c r="W1064" s="119"/>
      <c r="X1064" s="119"/>
      <c r="Y1064" s="119"/>
      <c r="Z1064" s="119"/>
      <c r="AA1064" s="119"/>
      <c r="AB1064" s="119"/>
      <c r="AC1064" s="119"/>
      <c r="AD1064" s="119"/>
      <c r="AE1064" s="119"/>
      <c r="AF1064" s="119"/>
      <c r="AG1064" s="119"/>
      <c r="AH1064" s="119"/>
      <c r="AI1064" s="119"/>
      <c r="AJ1064" s="119"/>
      <c r="AK1064" s="119"/>
      <c r="AL1064" s="119"/>
      <c r="AM1064" s="119"/>
      <c r="AN1064" s="119"/>
      <c r="AO1064" s="119"/>
      <c r="AP1064" s="119"/>
      <c r="AQ1064" s="119"/>
      <c r="AR1064" s="119"/>
      <c r="AS1064" s="119"/>
      <c r="AT1064" s="119"/>
      <c r="AU1064" s="119"/>
      <c r="AV1064" s="119"/>
      <c r="AW1064" s="119"/>
      <c r="AX1064" s="119"/>
      <c r="AY1064" s="119"/>
      <c r="AZ1064" s="119"/>
      <c r="BA1064" s="119"/>
      <c r="BB1064" s="107">
        <v>45884</v>
      </c>
    </row>
    <row r="1065" spans="1:54" s="207" customFormat="1" ht="13.95" customHeight="1" x14ac:dyDescent="0.25">
      <c r="A1065" s="208" t="s">
        <v>2603</v>
      </c>
      <c r="B1065" s="209" t="s">
        <v>20420</v>
      </c>
      <c r="C1065" s="113" t="s">
        <v>2604</v>
      </c>
      <c r="D1065" s="113" t="s">
        <v>23029</v>
      </c>
      <c r="E1065" s="210">
        <v>2009</v>
      </c>
      <c r="F1065" s="210">
        <v>1000</v>
      </c>
      <c r="G1065" s="113" t="s">
        <v>1</v>
      </c>
      <c r="H1065" s="113">
        <v>0</v>
      </c>
      <c r="I1065" s="113">
        <v>0</v>
      </c>
      <c r="J1065" s="115">
        <v>0</v>
      </c>
      <c r="K1065" s="116" t="s">
        <v>174</v>
      </c>
      <c r="L1065" s="115">
        <v>0</v>
      </c>
      <c r="M1065" s="115">
        <v>0</v>
      </c>
      <c r="N1065" s="115">
        <v>0</v>
      </c>
      <c r="O1065" s="115">
        <v>0</v>
      </c>
      <c r="P1065" s="115" t="s">
        <v>400</v>
      </c>
      <c r="Q1065" s="115" t="s">
        <v>400</v>
      </c>
      <c r="R1065" s="115">
        <v>0</v>
      </c>
      <c r="S1065" s="115">
        <v>0</v>
      </c>
      <c r="T1065" s="115">
        <v>0</v>
      </c>
      <c r="U1065" s="119"/>
      <c r="V1065" s="119"/>
      <c r="W1065" s="119"/>
      <c r="X1065" s="119"/>
      <c r="Y1065" s="119"/>
      <c r="Z1065" s="119"/>
      <c r="AA1065" s="119"/>
      <c r="AB1065" s="119"/>
      <c r="AC1065" s="119"/>
      <c r="AD1065" s="119"/>
      <c r="AE1065" s="119"/>
      <c r="AF1065" s="119"/>
      <c r="AG1065" s="119"/>
      <c r="AH1065" s="119"/>
      <c r="AI1065" s="119"/>
      <c r="AJ1065" s="119"/>
      <c r="AK1065" s="119"/>
      <c r="AL1065" s="119"/>
      <c r="AM1065" s="119"/>
      <c r="AN1065" s="119"/>
      <c r="AO1065" s="119"/>
      <c r="AP1065" s="119"/>
      <c r="AQ1065" s="119"/>
      <c r="AR1065" s="119"/>
      <c r="AS1065" s="119"/>
      <c r="AT1065" s="119"/>
      <c r="AU1065" s="119"/>
      <c r="AV1065" s="119"/>
      <c r="AW1065" s="119"/>
      <c r="AX1065" s="119"/>
      <c r="AY1065" s="119"/>
      <c r="AZ1065" s="119"/>
      <c r="BA1065" s="119"/>
      <c r="BB1065" s="107">
        <v>45884</v>
      </c>
    </row>
    <row r="1066" spans="1:54" s="207" customFormat="1" ht="13.95" customHeight="1" x14ac:dyDescent="0.25">
      <c r="A1066" s="208" t="s">
        <v>2605</v>
      </c>
      <c r="B1066" s="209" t="s">
        <v>20420</v>
      </c>
      <c r="C1066" s="113" t="s">
        <v>2606</v>
      </c>
      <c r="D1066" s="113" t="s">
        <v>23030</v>
      </c>
      <c r="E1066" s="210">
        <v>1994</v>
      </c>
      <c r="F1066" s="210">
        <v>1001</v>
      </c>
      <c r="G1066" s="113" t="s">
        <v>1</v>
      </c>
      <c r="H1066" s="113">
        <v>0</v>
      </c>
      <c r="I1066" s="113">
        <v>0</v>
      </c>
      <c r="J1066" s="115">
        <v>1</v>
      </c>
      <c r="K1066" s="116" t="s">
        <v>174</v>
      </c>
      <c r="L1066" s="115">
        <v>1</v>
      </c>
      <c r="M1066" s="115">
        <v>0</v>
      </c>
      <c r="N1066" s="115">
        <v>0</v>
      </c>
      <c r="O1066" s="115">
        <v>1</v>
      </c>
      <c r="P1066" s="115">
        <v>1</v>
      </c>
      <c r="Q1066" s="115" t="s">
        <v>400</v>
      </c>
      <c r="R1066" s="115">
        <v>1</v>
      </c>
      <c r="S1066" s="115">
        <v>0</v>
      </c>
      <c r="T1066" s="115">
        <v>0</v>
      </c>
      <c r="U1066" s="119"/>
      <c r="V1066" s="119"/>
      <c r="W1066" s="119"/>
      <c r="X1066" s="119"/>
      <c r="Y1066" s="119"/>
      <c r="Z1066" s="119"/>
      <c r="AA1066" s="119"/>
      <c r="AB1066" s="119"/>
      <c r="AC1066" s="119"/>
      <c r="AD1066" s="119"/>
      <c r="AE1066" s="119"/>
      <c r="AF1066" s="119"/>
      <c r="AG1066" s="119"/>
      <c r="AH1066" s="119"/>
      <c r="AI1066" s="119"/>
      <c r="AJ1066" s="119"/>
      <c r="AK1066" s="119"/>
      <c r="AL1066" s="119"/>
      <c r="AM1066" s="119"/>
      <c r="AN1066" s="119"/>
      <c r="AO1066" s="119"/>
      <c r="AP1066" s="119"/>
      <c r="AQ1066" s="119"/>
      <c r="AR1066" s="119"/>
      <c r="AS1066" s="119"/>
      <c r="AT1066" s="119"/>
      <c r="AU1066" s="119"/>
      <c r="AV1066" s="119"/>
      <c r="AW1066" s="119"/>
      <c r="AX1066" s="119"/>
      <c r="AY1066" s="119"/>
      <c r="AZ1066" s="119"/>
      <c r="BA1066" s="119"/>
      <c r="BB1066" s="107">
        <v>45884</v>
      </c>
    </row>
    <row r="1067" spans="1:54" s="207" customFormat="1" ht="13.95" customHeight="1" x14ac:dyDescent="0.25">
      <c r="A1067" s="208" t="s">
        <v>2607</v>
      </c>
      <c r="B1067" s="209" t="s">
        <v>20420</v>
      </c>
      <c r="C1067" s="113" t="s">
        <v>2608</v>
      </c>
      <c r="D1067" s="113" t="s">
        <v>2609</v>
      </c>
      <c r="E1067" s="210">
        <v>1977</v>
      </c>
      <c r="F1067" s="210">
        <v>1002</v>
      </c>
      <c r="G1067" s="113" t="s">
        <v>1</v>
      </c>
      <c r="H1067" s="113">
        <v>0</v>
      </c>
      <c r="I1067" s="113">
        <v>0</v>
      </c>
      <c r="J1067" s="115">
        <v>1</v>
      </c>
      <c r="K1067" s="116" t="s">
        <v>174</v>
      </c>
      <c r="L1067" s="115">
        <v>0</v>
      </c>
      <c r="M1067" s="115">
        <v>0</v>
      </c>
      <c r="N1067" s="115">
        <v>1</v>
      </c>
      <c r="O1067" s="115">
        <v>1</v>
      </c>
      <c r="P1067" s="115">
        <v>1</v>
      </c>
      <c r="Q1067" s="115" t="s">
        <v>400</v>
      </c>
      <c r="R1067" s="115">
        <v>1</v>
      </c>
      <c r="S1067" s="115">
        <v>0</v>
      </c>
      <c r="T1067" s="115">
        <v>0</v>
      </c>
      <c r="U1067" s="119"/>
      <c r="V1067" s="119"/>
      <c r="W1067" s="119"/>
      <c r="X1067" s="119"/>
      <c r="Y1067" s="119"/>
      <c r="Z1067" s="119"/>
      <c r="AA1067" s="119"/>
      <c r="AB1067" s="119"/>
      <c r="AC1067" s="119"/>
      <c r="AD1067" s="119"/>
      <c r="AE1067" s="119"/>
      <c r="AF1067" s="119"/>
      <c r="AG1067" s="119"/>
      <c r="AH1067" s="119"/>
      <c r="AI1067" s="119"/>
      <c r="AJ1067" s="119"/>
      <c r="AK1067" s="119"/>
      <c r="AL1067" s="119"/>
      <c r="AM1067" s="119"/>
      <c r="AN1067" s="119"/>
      <c r="AO1067" s="119"/>
      <c r="AP1067" s="119"/>
      <c r="AQ1067" s="119"/>
      <c r="AR1067" s="119"/>
      <c r="AS1067" s="119"/>
      <c r="AT1067" s="119"/>
      <c r="AU1067" s="119"/>
      <c r="AV1067" s="119"/>
      <c r="AW1067" s="119"/>
      <c r="AX1067" s="119"/>
      <c r="AY1067" s="119"/>
      <c r="AZ1067" s="119"/>
      <c r="BA1067" s="119"/>
      <c r="BB1067" s="107">
        <v>45884</v>
      </c>
    </row>
    <row r="1068" spans="1:54" s="207" customFormat="1" ht="13.95" customHeight="1" x14ac:dyDescent="0.25">
      <c r="A1068" s="208" t="s">
        <v>2610</v>
      </c>
      <c r="B1068" s="209" t="s">
        <v>20420</v>
      </c>
      <c r="C1068" s="113" t="s">
        <v>2611</v>
      </c>
      <c r="D1068" s="113" t="s">
        <v>23031</v>
      </c>
      <c r="E1068" s="210">
        <v>1961</v>
      </c>
      <c r="F1068" s="210">
        <v>1004</v>
      </c>
      <c r="G1068" s="113" t="s">
        <v>1</v>
      </c>
      <c r="H1068" s="113">
        <v>0</v>
      </c>
      <c r="I1068" s="113">
        <v>0</v>
      </c>
      <c r="J1068" s="115">
        <v>1</v>
      </c>
      <c r="K1068" s="116" t="s">
        <v>174</v>
      </c>
      <c r="L1068" s="115">
        <v>0</v>
      </c>
      <c r="M1068" s="115">
        <v>1</v>
      </c>
      <c r="N1068" s="115">
        <v>0</v>
      </c>
      <c r="O1068" s="115">
        <v>0</v>
      </c>
      <c r="P1068" s="115" t="s">
        <v>400</v>
      </c>
      <c r="Q1068" s="115" t="s">
        <v>400</v>
      </c>
      <c r="R1068" s="115">
        <v>1</v>
      </c>
      <c r="S1068" s="115">
        <v>0</v>
      </c>
      <c r="T1068" s="115">
        <v>0</v>
      </c>
      <c r="U1068" s="119"/>
      <c r="V1068" s="119"/>
      <c r="W1068" s="119"/>
      <c r="X1068" s="119"/>
      <c r="Y1068" s="119"/>
      <c r="Z1068" s="119"/>
      <c r="AA1068" s="119"/>
      <c r="AB1068" s="119"/>
      <c r="AC1068" s="119"/>
      <c r="AD1068" s="119"/>
      <c r="AE1068" s="119"/>
      <c r="AF1068" s="119"/>
      <c r="AG1068" s="119"/>
      <c r="AH1068" s="119"/>
      <c r="AI1068" s="119"/>
      <c r="AJ1068" s="119"/>
      <c r="AK1068" s="119"/>
      <c r="AL1068" s="119"/>
      <c r="AM1068" s="119"/>
      <c r="AN1068" s="119"/>
      <c r="AO1068" s="119"/>
      <c r="AP1068" s="119"/>
      <c r="AQ1068" s="119"/>
      <c r="AR1068" s="119"/>
      <c r="AS1068" s="119"/>
      <c r="AT1068" s="119"/>
      <c r="AU1068" s="119"/>
      <c r="AV1068" s="119"/>
      <c r="AW1068" s="119"/>
      <c r="AX1068" s="119"/>
      <c r="AY1068" s="119"/>
      <c r="AZ1068" s="119"/>
      <c r="BA1068" s="119"/>
      <c r="BB1068" s="107">
        <v>45884</v>
      </c>
    </row>
    <row r="1069" spans="1:54" s="207" customFormat="1" ht="13.95" customHeight="1" x14ac:dyDescent="0.25">
      <c r="A1069" s="208" t="s">
        <v>2612</v>
      </c>
      <c r="B1069" s="209" t="s">
        <v>20420</v>
      </c>
      <c r="C1069" s="113" t="s">
        <v>2613</v>
      </c>
      <c r="D1069" s="113" t="s">
        <v>23032</v>
      </c>
      <c r="E1069" s="210">
        <v>1952</v>
      </c>
      <c r="F1069" s="210">
        <v>1004</v>
      </c>
      <c r="G1069" s="113" t="s">
        <v>1</v>
      </c>
      <c r="H1069" s="113">
        <v>0</v>
      </c>
      <c r="I1069" s="113">
        <v>0</v>
      </c>
      <c r="J1069" s="115">
        <v>1</v>
      </c>
      <c r="K1069" s="116" t="s">
        <v>174</v>
      </c>
      <c r="L1069" s="115">
        <v>1</v>
      </c>
      <c r="M1069" s="115">
        <v>0</v>
      </c>
      <c r="N1069" s="115">
        <v>0</v>
      </c>
      <c r="O1069" s="115">
        <v>1</v>
      </c>
      <c r="P1069" s="115">
        <v>1</v>
      </c>
      <c r="Q1069" s="115">
        <v>1</v>
      </c>
      <c r="R1069" s="115">
        <v>1</v>
      </c>
      <c r="S1069" s="115">
        <v>0</v>
      </c>
      <c r="T1069" s="115">
        <v>0</v>
      </c>
      <c r="U1069" s="119"/>
      <c r="V1069" s="119"/>
      <c r="W1069" s="119"/>
      <c r="X1069" s="119"/>
      <c r="Y1069" s="119"/>
      <c r="Z1069" s="119"/>
      <c r="AA1069" s="119"/>
      <c r="AB1069" s="119"/>
      <c r="AC1069" s="119"/>
      <c r="AD1069" s="119"/>
      <c r="AE1069" s="119"/>
      <c r="AF1069" s="119"/>
      <c r="AG1069" s="119"/>
      <c r="AH1069" s="119"/>
      <c r="AI1069" s="119"/>
      <c r="AJ1069" s="119"/>
      <c r="AK1069" s="119"/>
      <c r="AL1069" s="119"/>
      <c r="AM1069" s="119"/>
      <c r="AN1069" s="119"/>
      <c r="AO1069" s="119"/>
      <c r="AP1069" s="119"/>
      <c r="AQ1069" s="119"/>
      <c r="AR1069" s="119"/>
      <c r="AS1069" s="119"/>
      <c r="AT1069" s="119"/>
      <c r="AU1069" s="119"/>
      <c r="AV1069" s="119"/>
      <c r="AW1069" s="119"/>
      <c r="AX1069" s="119"/>
      <c r="AY1069" s="119"/>
      <c r="AZ1069" s="119"/>
      <c r="BA1069" s="119"/>
      <c r="BB1069" s="107">
        <v>45884</v>
      </c>
    </row>
    <row r="1070" spans="1:54" s="207" customFormat="1" ht="13.95" customHeight="1" x14ac:dyDescent="0.25">
      <c r="A1070" s="208" t="s">
        <v>2614</v>
      </c>
      <c r="B1070" s="209" t="s">
        <v>20420</v>
      </c>
      <c r="C1070" s="113" t="s">
        <v>2615</v>
      </c>
      <c r="D1070" s="113" t="s">
        <v>23033</v>
      </c>
      <c r="E1070" s="210">
        <v>1959</v>
      </c>
      <c r="F1070" s="210">
        <v>1004</v>
      </c>
      <c r="G1070" s="113" t="s">
        <v>1</v>
      </c>
      <c r="H1070" s="113">
        <v>0</v>
      </c>
      <c r="I1070" s="113">
        <v>0</v>
      </c>
      <c r="J1070" s="115">
        <v>1</v>
      </c>
      <c r="K1070" s="116" t="s">
        <v>174</v>
      </c>
      <c r="L1070" s="115">
        <v>0</v>
      </c>
      <c r="M1070" s="115">
        <v>1</v>
      </c>
      <c r="N1070" s="115">
        <v>0</v>
      </c>
      <c r="O1070" s="115">
        <v>0</v>
      </c>
      <c r="P1070" s="115" t="s">
        <v>400</v>
      </c>
      <c r="Q1070" s="115" t="s">
        <v>400</v>
      </c>
      <c r="R1070" s="115">
        <v>0</v>
      </c>
      <c r="S1070" s="115">
        <v>0</v>
      </c>
      <c r="T1070" s="115">
        <v>0</v>
      </c>
      <c r="U1070" s="119"/>
      <c r="V1070" s="119"/>
      <c r="W1070" s="119"/>
      <c r="X1070" s="119"/>
      <c r="Y1070" s="119"/>
      <c r="Z1070" s="119"/>
      <c r="AA1070" s="119"/>
      <c r="AB1070" s="119"/>
      <c r="AC1070" s="119"/>
      <c r="AD1070" s="119"/>
      <c r="AE1070" s="119"/>
      <c r="AF1070" s="119"/>
      <c r="AG1070" s="119"/>
      <c r="AH1070" s="119"/>
      <c r="AI1070" s="119"/>
      <c r="AJ1070" s="119"/>
      <c r="AK1070" s="119"/>
      <c r="AL1070" s="119"/>
      <c r="AM1070" s="119"/>
      <c r="AN1070" s="119"/>
      <c r="AO1070" s="119"/>
      <c r="AP1070" s="119"/>
      <c r="AQ1070" s="119"/>
      <c r="AR1070" s="119"/>
      <c r="AS1070" s="119"/>
      <c r="AT1070" s="119"/>
      <c r="AU1070" s="119"/>
      <c r="AV1070" s="119"/>
      <c r="AW1070" s="119"/>
      <c r="AX1070" s="119"/>
      <c r="AY1070" s="119"/>
      <c r="AZ1070" s="119"/>
      <c r="BA1070" s="119"/>
      <c r="BB1070" s="107">
        <v>45884</v>
      </c>
    </row>
    <row r="1071" spans="1:54" s="207" customFormat="1" ht="13.95" customHeight="1" x14ac:dyDescent="0.25">
      <c r="A1071" s="208" t="s">
        <v>2616</v>
      </c>
      <c r="B1071" s="209" t="s">
        <v>20420</v>
      </c>
      <c r="C1071" s="113" t="s">
        <v>2617</v>
      </c>
      <c r="D1071" s="113" t="s">
        <v>23034</v>
      </c>
      <c r="E1071" s="210">
        <v>1961</v>
      </c>
      <c r="F1071" s="210">
        <v>1006</v>
      </c>
      <c r="G1071" s="113" t="s">
        <v>1</v>
      </c>
      <c r="H1071" s="113">
        <v>0</v>
      </c>
      <c r="I1071" s="113">
        <v>0</v>
      </c>
      <c r="J1071" s="115">
        <v>1</v>
      </c>
      <c r="K1071" s="116" t="s">
        <v>174</v>
      </c>
      <c r="L1071" s="115">
        <v>0</v>
      </c>
      <c r="M1071" s="115">
        <v>1</v>
      </c>
      <c r="N1071" s="115">
        <v>1</v>
      </c>
      <c r="O1071" s="115">
        <v>1</v>
      </c>
      <c r="P1071" s="115" t="s">
        <v>400</v>
      </c>
      <c r="Q1071" s="115" t="s">
        <v>400</v>
      </c>
      <c r="R1071" s="115">
        <v>0</v>
      </c>
      <c r="S1071" s="115">
        <v>0</v>
      </c>
      <c r="T1071" s="115">
        <v>0</v>
      </c>
      <c r="U1071" s="119"/>
      <c r="V1071" s="119"/>
      <c r="W1071" s="119"/>
      <c r="X1071" s="119"/>
      <c r="Y1071" s="119"/>
      <c r="Z1071" s="119"/>
      <c r="AA1071" s="119"/>
      <c r="AB1071" s="119"/>
      <c r="AC1071" s="119"/>
      <c r="AD1071" s="119"/>
      <c r="AE1071" s="119"/>
      <c r="AF1071" s="119"/>
      <c r="AG1071" s="119"/>
      <c r="AH1071" s="119"/>
      <c r="AI1071" s="119"/>
      <c r="AJ1071" s="119"/>
      <c r="AK1071" s="119"/>
      <c r="AL1071" s="119"/>
      <c r="AM1071" s="119"/>
      <c r="AN1071" s="119"/>
      <c r="AO1071" s="119"/>
      <c r="AP1071" s="119"/>
      <c r="AQ1071" s="119"/>
      <c r="AR1071" s="119"/>
      <c r="AS1071" s="119"/>
      <c r="AT1071" s="119"/>
      <c r="AU1071" s="119"/>
      <c r="AV1071" s="119"/>
      <c r="AW1071" s="119"/>
      <c r="AX1071" s="119"/>
      <c r="AY1071" s="119"/>
      <c r="AZ1071" s="119"/>
      <c r="BA1071" s="119"/>
      <c r="BB1071" s="107">
        <v>45884</v>
      </c>
    </row>
    <row r="1072" spans="1:54" s="207" customFormat="1" ht="13.95" customHeight="1" x14ac:dyDescent="0.25">
      <c r="A1072" s="208" t="s">
        <v>2618</v>
      </c>
      <c r="B1072" s="209" t="s">
        <v>20420</v>
      </c>
      <c r="C1072" s="113" t="s">
        <v>2619</v>
      </c>
      <c r="D1072" s="113" t="s">
        <v>23035</v>
      </c>
      <c r="E1072" s="210">
        <v>1988</v>
      </c>
      <c r="F1072" s="210">
        <v>1006</v>
      </c>
      <c r="G1072" s="113" t="s">
        <v>1</v>
      </c>
      <c r="H1072" s="113">
        <v>0</v>
      </c>
      <c r="I1072" s="113">
        <v>0</v>
      </c>
      <c r="J1072" s="115">
        <v>1</v>
      </c>
      <c r="K1072" s="116" t="s">
        <v>174</v>
      </c>
      <c r="L1072" s="115">
        <v>1</v>
      </c>
      <c r="M1072" s="115">
        <v>0</v>
      </c>
      <c r="N1072" s="115">
        <v>0</v>
      </c>
      <c r="O1072" s="115">
        <v>1</v>
      </c>
      <c r="P1072" s="115">
        <v>1</v>
      </c>
      <c r="Q1072" s="115" t="s">
        <v>400</v>
      </c>
      <c r="R1072" s="115">
        <v>0</v>
      </c>
      <c r="S1072" s="115">
        <v>0</v>
      </c>
      <c r="T1072" s="115">
        <v>0</v>
      </c>
      <c r="U1072" s="119"/>
      <c r="V1072" s="119"/>
      <c r="W1072" s="119"/>
      <c r="X1072" s="119"/>
      <c r="Y1072" s="119"/>
      <c r="Z1072" s="119"/>
      <c r="AA1072" s="119"/>
      <c r="AB1072" s="119"/>
      <c r="AC1072" s="119"/>
      <c r="AD1072" s="119"/>
      <c r="AE1072" s="119"/>
      <c r="AF1072" s="119"/>
      <c r="AG1072" s="119"/>
      <c r="AH1072" s="119"/>
      <c r="AI1072" s="119"/>
      <c r="AJ1072" s="119"/>
      <c r="AK1072" s="119"/>
      <c r="AL1072" s="119"/>
      <c r="AM1072" s="119"/>
      <c r="AN1072" s="119"/>
      <c r="AO1072" s="119"/>
      <c r="AP1072" s="119"/>
      <c r="AQ1072" s="119"/>
      <c r="AR1072" s="119"/>
      <c r="AS1072" s="119"/>
      <c r="AT1072" s="119"/>
      <c r="AU1072" s="119"/>
      <c r="AV1072" s="119"/>
      <c r="AW1072" s="119"/>
      <c r="AX1072" s="119"/>
      <c r="AY1072" s="119"/>
      <c r="AZ1072" s="119"/>
      <c r="BA1072" s="119"/>
      <c r="BB1072" s="107">
        <v>45884</v>
      </c>
    </row>
    <row r="1073" spans="1:54" s="207" customFormat="1" ht="13.95" customHeight="1" x14ac:dyDescent="0.25">
      <c r="A1073" s="208" t="s">
        <v>2620</v>
      </c>
      <c r="B1073" s="209" t="s">
        <v>20420</v>
      </c>
      <c r="C1073" s="113" t="s">
        <v>2621</v>
      </c>
      <c r="D1073" s="113" t="s">
        <v>2622</v>
      </c>
      <c r="E1073" s="210">
        <v>1995</v>
      </c>
      <c r="F1073" s="210">
        <v>1006</v>
      </c>
      <c r="G1073" s="113" t="s">
        <v>1</v>
      </c>
      <c r="H1073" s="113">
        <v>0</v>
      </c>
      <c r="I1073" s="113">
        <v>0</v>
      </c>
      <c r="J1073" s="115">
        <v>1</v>
      </c>
      <c r="K1073" s="211">
        <v>1</v>
      </c>
      <c r="L1073" s="115">
        <v>1</v>
      </c>
      <c r="M1073" s="115">
        <v>1</v>
      </c>
      <c r="N1073" s="115">
        <v>0</v>
      </c>
      <c r="O1073" s="115">
        <v>0</v>
      </c>
      <c r="P1073" s="115" t="s">
        <v>400</v>
      </c>
      <c r="Q1073" s="115" t="s">
        <v>400</v>
      </c>
      <c r="R1073" s="115">
        <v>0</v>
      </c>
      <c r="S1073" s="115">
        <v>0</v>
      </c>
      <c r="T1073" s="115">
        <v>0</v>
      </c>
      <c r="U1073" s="119"/>
      <c r="V1073" s="119"/>
      <c r="W1073" s="119"/>
      <c r="X1073" s="119"/>
      <c r="Y1073" s="119"/>
      <c r="Z1073" s="119"/>
      <c r="AA1073" s="119"/>
      <c r="AB1073" s="119"/>
      <c r="AC1073" s="119"/>
      <c r="AD1073" s="119"/>
      <c r="AE1073" s="119"/>
      <c r="AF1073" s="119"/>
      <c r="AG1073" s="119"/>
      <c r="AH1073" s="119"/>
      <c r="AI1073" s="119"/>
      <c r="AJ1073" s="119"/>
      <c r="AK1073" s="119"/>
      <c r="AL1073" s="119"/>
      <c r="AM1073" s="119"/>
      <c r="AN1073" s="119"/>
      <c r="AO1073" s="119"/>
      <c r="AP1073" s="119"/>
      <c r="AQ1073" s="119"/>
      <c r="AR1073" s="119"/>
      <c r="AS1073" s="119"/>
      <c r="AT1073" s="119"/>
      <c r="AU1073" s="119"/>
      <c r="AV1073" s="119"/>
      <c r="AW1073" s="119"/>
      <c r="AX1073" s="119"/>
      <c r="AY1073" s="119"/>
      <c r="AZ1073" s="119"/>
      <c r="BA1073" s="119"/>
      <c r="BB1073" s="107">
        <v>45884</v>
      </c>
    </row>
    <row r="1074" spans="1:54" s="207" customFormat="1" ht="13.95" customHeight="1" x14ac:dyDescent="0.25">
      <c r="A1074" s="208" t="s">
        <v>2623</v>
      </c>
      <c r="B1074" s="209" t="s">
        <v>20420</v>
      </c>
      <c r="C1074" s="113" t="s">
        <v>2624</v>
      </c>
      <c r="D1074" s="113" t="s">
        <v>2625</v>
      </c>
      <c r="E1074" s="210">
        <v>1974</v>
      </c>
      <c r="F1074" s="210">
        <v>1008</v>
      </c>
      <c r="G1074" s="113" t="s">
        <v>1</v>
      </c>
      <c r="H1074" s="113">
        <v>0</v>
      </c>
      <c r="I1074" s="113">
        <v>0</v>
      </c>
      <c r="J1074" s="115">
        <v>1</v>
      </c>
      <c r="K1074" s="211">
        <v>1</v>
      </c>
      <c r="L1074" s="115">
        <v>1</v>
      </c>
      <c r="M1074" s="115">
        <v>0</v>
      </c>
      <c r="N1074" s="115">
        <v>0</v>
      </c>
      <c r="O1074" s="115">
        <v>1</v>
      </c>
      <c r="P1074" s="115">
        <v>1</v>
      </c>
      <c r="Q1074" s="115" t="s">
        <v>400</v>
      </c>
      <c r="R1074" s="115">
        <v>1</v>
      </c>
      <c r="S1074" s="115">
        <v>0</v>
      </c>
      <c r="T1074" s="115">
        <v>0</v>
      </c>
      <c r="U1074" s="119"/>
      <c r="V1074" s="119"/>
      <c r="W1074" s="119"/>
      <c r="X1074" s="119"/>
      <c r="Y1074" s="119"/>
      <c r="Z1074" s="119"/>
      <c r="AA1074" s="119"/>
      <c r="AB1074" s="119"/>
      <c r="AC1074" s="119"/>
      <c r="AD1074" s="119"/>
      <c r="AE1074" s="119"/>
      <c r="AF1074" s="119"/>
      <c r="AG1074" s="119"/>
      <c r="AH1074" s="119"/>
      <c r="AI1074" s="119"/>
      <c r="AJ1074" s="119"/>
      <c r="AK1074" s="119"/>
      <c r="AL1074" s="119"/>
      <c r="AM1074" s="119"/>
      <c r="AN1074" s="119"/>
      <c r="AO1074" s="119"/>
      <c r="AP1074" s="119"/>
      <c r="AQ1074" s="119"/>
      <c r="AR1074" s="119"/>
      <c r="AS1074" s="119"/>
      <c r="AT1074" s="119"/>
      <c r="AU1074" s="119"/>
      <c r="AV1074" s="119"/>
      <c r="AW1074" s="119"/>
      <c r="AX1074" s="119"/>
      <c r="AY1074" s="119"/>
      <c r="AZ1074" s="119"/>
      <c r="BA1074" s="119"/>
      <c r="BB1074" s="107">
        <v>45884</v>
      </c>
    </row>
    <row r="1075" spans="1:54" s="207" customFormat="1" ht="13.95" customHeight="1" x14ac:dyDescent="0.25">
      <c r="A1075" s="208" t="s">
        <v>2626</v>
      </c>
      <c r="B1075" s="209" t="s">
        <v>20420</v>
      </c>
      <c r="C1075" s="113" t="s">
        <v>2627</v>
      </c>
      <c r="D1075" s="113" t="s">
        <v>2628</v>
      </c>
      <c r="E1075" s="210">
        <v>1987</v>
      </c>
      <c r="F1075" s="210">
        <v>1009</v>
      </c>
      <c r="G1075" s="113" t="s">
        <v>8</v>
      </c>
      <c r="H1075" s="113">
        <v>0</v>
      </c>
      <c r="I1075" s="113">
        <v>0</v>
      </c>
      <c r="J1075" s="115">
        <v>0</v>
      </c>
      <c r="K1075" s="116" t="s">
        <v>174</v>
      </c>
      <c r="L1075" s="115">
        <v>0</v>
      </c>
      <c r="M1075" s="115">
        <v>0</v>
      </c>
      <c r="N1075" s="115">
        <v>0</v>
      </c>
      <c r="O1075" s="115">
        <v>0</v>
      </c>
      <c r="P1075" s="115" t="s">
        <v>400</v>
      </c>
      <c r="Q1075" s="115" t="s">
        <v>400</v>
      </c>
      <c r="R1075" s="115">
        <v>0</v>
      </c>
      <c r="S1075" s="115">
        <v>0</v>
      </c>
      <c r="T1075" s="115">
        <v>0</v>
      </c>
      <c r="U1075" s="113" t="s">
        <v>174</v>
      </c>
      <c r="V1075" s="113" t="s">
        <v>174</v>
      </c>
      <c r="W1075" s="113" t="s">
        <v>174</v>
      </c>
      <c r="X1075" s="113" t="s">
        <v>174</v>
      </c>
      <c r="Y1075" s="113" t="s">
        <v>174</v>
      </c>
      <c r="Z1075" s="113" t="s">
        <v>174</v>
      </c>
      <c r="AA1075" s="113" t="s">
        <v>174</v>
      </c>
      <c r="AB1075" s="113" t="s">
        <v>174</v>
      </c>
      <c r="AC1075" s="113" t="s">
        <v>174</v>
      </c>
      <c r="AD1075" s="113" t="s">
        <v>174</v>
      </c>
      <c r="AE1075" s="113" t="s">
        <v>174</v>
      </c>
      <c r="AF1075" s="113" t="s">
        <v>174</v>
      </c>
      <c r="AG1075" s="113" t="s">
        <v>174</v>
      </c>
      <c r="AH1075" s="113" t="s">
        <v>174</v>
      </c>
      <c r="AI1075" s="113" t="s">
        <v>174</v>
      </c>
      <c r="AJ1075" s="113" t="s">
        <v>174</v>
      </c>
      <c r="AK1075" s="113" t="s">
        <v>174</v>
      </c>
      <c r="AL1075" s="113" t="s">
        <v>174</v>
      </c>
      <c r="AM1075" s="113" t="s">
        <v>174</v>
      </c>
      <c r="AN1075" s="113" t="s">
        <v>174</v>
      </c>
      <c r="AO1075" s="113" t="s">
        <v>174</v>
      </c>
      <c r="AP1075" s="113" t="s">
        <v>174</v>
      </c>
      <c r="AQ1075" s="113" t="s">
        <v>174</v>
      </c>
      <c r="AR1075" s="113" t="s">
        <v>174</v>
      </c>
      <c r="AS1075" s="113" t="s">
        <v>174</v>
      </c>
      <c r="AT1075" s="121" t="s">
        <v>174</v>
      </c>
      <c r="AU1075" s="113" t="s">
        <v>174</v>
      </c>
      <c r="AV1075" s="113" t="s">
        <v>174</v>
      </c>
      <c r="AW1075" s="113" t="s">
        <v>174</v>
      </c>
      <c r="AX1075" s="113"/>
      <c r="AY1075" s="113"/>
      <c r="AZ1075" s="113"/>
      <c r="BA1075" s="113"/>
      <c r="BB1075" s="107">
        <v>45884</v>
      </c>
    </row>
    <row r="1076" spans="1:54" s="207" customFormat="1" ht="13.95" customHeight="1" x14ac:dyDescent="0.25">
      <c r="A1076" s="208" t="s">
        <v>2629</v>
      </c>
      <c r="B1076" s="209" t="s">
        <v>20420</v>
      </c>
      <c r="C1076" s="113" t="s">
        <v>2630</v>
      </c>
      <c r="D1076" s="113" t="s">
        <v>23036</v>
      </c>
      <c r="E1076" s="210">
        <v>1987</v>
      </c>
      <c r="F1076" s="210">
        <v>1010</v>
      </c>
      <c r="G1076" s="113" t="s">
        <v>1</v>
      </c>
      <c r="H1076" s="113">
        <v>0</v>
      </c>
      <c r="I1076" s="113">
        <v>0</v>
      </c>
      <c r="J1076" s="115">
        <v>1</v>
      </c>
      <c r="K1076" s="116" t="s">
        <v>174</v>
      </c>
      <c r="L1076" s="115">
        <v>1</v>
      </c>
      <c r="M1076" s="115">
        <v>1</v>
      </c>
      <c r="N1076" s="115">
        <v>0</v>
      </c>
      <c r="O1076" s="115">
        <v>0</v>
      </c>
      <c r="P1076" s="115" t="s">
        <v>400</v>
      </c>
      <c r="Q1076" s="115" t="s">
        <v>400</v>
      </c>
      <c r="R1076" s="115">
        <v>1</v>
      </c>
      <c r="S1076" s="115">
        <v>0</v>
      </c>
      <c r="T1076" s="115">
        <v>0</v>
      </c>
      <c r="U1076" s="119"/>
      <c r="V1076" s="119"/>
      <c r="W1076" s="119"/>
      <c r="X1076" s="119"/>
      <c r="Y1076" s="119"/>
      <c r="Z1076" s="119"/>
      <c r="AA1076" s="119"/>
      <c r="AB1076" s="119"/>
      <c r="AC1076" s="119"/>
      <c r="AD1076" s="119"/>
      <c r="AE1076" s="119"/>
      <c r="AF1076" s="119"/>
      <c r="AG1076" s="119"/>
      <c r="AH1076" s="119"/>
      <c r="AI1076" s="119"/>
      <c r="AJ1076" s="119"/>
      <c r="AK1076" s="119"/>
      <c r="AL1076" s="119"/>
      <c r="AM1076" s="119"/>
      <c r="AN1076" s="119"/>
      <c r="AO1076" s="119"/>
      <c r="AP1076" s="119"/>
      <c r="AQ1076" s="119"/>
      <c r="AR1076" s="119"/>
      <c r="AS1076" s="119"/>
      <c r="AT1076" s="119"/>
      <c r="AU1076" s="119"/>
      <c r="AV1076" s="119"/>
      <c r="AW1076" s="119"/>
      <c r="AX1076" s="119"/>
      <c r="AY1076" s="119"/>
      <c r="AZ1076" s="119"/>
      <c r="BA1076" s="119"/>
      <c r="BB1076" s="107">
        <v>45884</v>
      </c>
    </row>
    <row r="1077" spans="1:54" s="207" customFormat="1" ht="13.95" customHeight="1" x14ac:dyDescent="0.25">
      <c r="A1077" s="208" t="s">
        <v>2631</v>
      </c>
      <c r="B1077" s="209" t="s">
        <v>20420</v>
      </c>
      <c r="C1077" s="113" t="s">
        <v>2632</v>
      </c>
      <c r="D1077" s="113" t="s">
        <v>23037</v>
      </c>
      <c r="E1077" s="210">
        <v>1978</v>
      </c>
      <c r="F1077" s="210">
        <v>1011</v>
      </c>
      <c r="G1077" s="113" t="s">
        <v>1</v>
      </c>
      <c r="H1077" s="113">
        <v>0</v>
      </c>
      <c r="I1077" s="113">
        <v>0</v>
      </c>
      <c r="J1077" s="115">
        <v>1</v>
      </c>
      <c r="K1077" s="211">
        <v>1</v>
      </c>
      <c r="L1077" s="115">
        <v>1</v>
      </c>
      <c r="M1077" s="115">
        <v>1</v>
      </c>
      <c r="N1077" s="115">
        <v>0</v>
      </c>
      <c r="O1077" s="115">
        <v>1</v>
      </c>
      <c r="P1077" s="115" t="s">
        <v>400</v>
      </c>
      <c r="Q1077" s="115" t="s">
        <v>400</v>
      </c>
      <c r="R1077" s="115">
        <v>1</v>
      </c>
      <c r="S1077" s="115">
        <v>0</v>
      </c>
      <c r="T1077" s="115">
        <v>0</v>
      </c>
      <c r="U1077" s="119"/>
      <c r="V1077" s="119"/>
      <c r="W1077" s="119"/>
      <c r="X1077" s="119"/>
      <c r="Y1077" s="119"/>
      <c r="Z1077" s="119"/>
      <c r="AA1077" s="119"/>
      <c r="AB1077" s="119"/>
      <c r="AC1077" s="119"/>
      <c r="AD1077" s="119"/>
      <c r="AE1077" s="119"/>
      <c r="AF1077" s="119"/>
      <c r="AG1077" s="119"/>
      <c r="AH1077" s="119"/>
      <c r="AI1077" s="119"/>
      <c r="AJ1077" s="119"/>
      <c r="AK1077" s="119"/>
      <c r="AL1077" s="119"/>
      <c r="AM1077" s="119"/>
      <c r="AN1077" s="119"/>
      <c r="AO1077" s="119"/>
      <c r="AP1077" s="119"/>
      <c r="AQ1077" s="119"/>
      <c r="AR1077" s="119"/>
      <c r="AS1077" s="119"/>
      <c r="AT1077" s="119"/>
      <c r="AU1077" s="119"/>
      <c r="AV1077" s="119"/>
      <c r="AW1077" s="119"/>
      <c r="AX1077" s="119"/>
      <c r="AY1077" s="119"/>
      <c r="AZ1077" s="119"/>
      <c r="BA1077" s="119"/>
      <c r="BB1077" s="107">
        <v>45884</v>
      </c>
    </row>
    <row r="1078" spans="1:54" s="207" customFormat="1" ht="13.95" customHeight="1" x14ac:dyDescent="0.25">
      <c r="A1078" s="208" t="s">
        <v>2633</v>
      </c>
      <c r="B1078" s="209" t="s">
        <v>20420</v>
      </c>
      <c r="C1078" s="113" t="s">
        <v>2634</v>
      </c>
      <c r="D1078" s="113" t="s">
        <v>2635</v>
      </c>
      <c r="E1078" s="210">
        <v>1982</v>
      </c>
      <c r="F1078" s="210">
        <v>1012</v>
      </c>
      <c r="G1078" s="113" t="s">
        <v>1</v>
      </c>
      <c r="H1078" s="113">
        <v>0</v>
      </c>
      <c r="I1078" s="113">
        <v>0</v>
      </c>
      <c r="J1078" s="115">
        <v>1</v>
      </c>
      <c r="K1078" s="116" t="s">
        <v>174</v>
      </c>
      <c r="L1078" s="115">
        <v>1</v>
      </c>
      <c r="M1078" s="115">
        <v>1</v>
      </c>
      <c r="N1078" s="115">
        <v>0</v>
      </c>
      <c r="O1078" s="115">
        <v>0</v>
      </c>
      <c r="P1078" s="115" t="s">
        <v>400</v>
      </c>
      <c r="Q1078" s="115" t="s">
        <v>400</v>
      </c>
      <c r="R1078" s="115">
        <v>1</v>
      </c>
      <c r="S1078" s="115">
        <v>0</v>
      </c>
      <c r="T1078" s="115">
        <v>0</v>
      </c>
      <c r="U1078" s="119"/>
      <c r="V1078" s="119"/>
      <c r="W1078" s="119"/>
      <c r="X1078" s="119"/>
      <c r="Y1078" s="119"/>
      <c r="Z1078" s="119"/>
      <c r="AA1078" s="119"/>
      <c r="AB1078" s="119"/>
      <c r="AC1078" s="119"/>
      <c r="AD1078" s="119"/>
      <c r="AE1078" s="119"/>
      <c r="AF1078" s="119"/>
      <c r="AG1078" s="119"/>
      <c r="AH1078" s="119"/>
      <c r="AI1078" s="119"/>
      <c r="AJ1078" s="119"/>
      <c r="AK1078" s="119"/>
      <c r="AL1078" s="119"/>
      <c r="AM1078" s="119"/>
      <c r="AN1078" s="119"/>
      <c r="AO1078" s="119"/>
      <c r="AP1078" s="119"/>
      <c r="AQ1078" s="119"/>
      <c r="AR1078" s="119"/>
      <c r="AS1078" s="119"/>
      <c r="AT1078" s="119"/>
      <c r="AU1078" s="119"/>
      <c r="AV1078" s="119"/>
      <c r="AW1078" s="119"/>
      <c r="AX1078" s="119"/>
      <c r="AY1078" s="119"/>
      <c r="AZ1078" s="119"/>
      <c r="BA1078" s="119"/>
      <c r="BB1078" s="107">
        <v>45884</v>
      </c>
    </row>
    <row r="1079" spans="1:54" s="207" customFormat="1" ht="13.95" customHeight="1" x14ac:dyDescent="0.25">
      <c r="A1079" s="208" t="s">
        <v>2636</v>
      </c>
      <c r="B1079" s="209" t="s">
        <v>20420</v>
      </c>
      <c r="C1079" s="113" t="s">
        <v>2637</v>
      </c>
      <c r="D1079" s="113" t="s">
        <v>23038</v>
      </c>
      <c r="E1079" s="210">
        <v>1978</v>
      </c>
      <c r="F1079" s="210">
        <v>1012</v>
      </c>
      <c r="G1079" s="113" t="s">
        <v>1</v>
      </c>
      <c r="H1079" s="113">
        <v>0</v>
      </c>
      <c r="I1079" s="113">
        <v>0</v>
      </c>
      <c r="J1079" s="115">
        <v>1</v>
      </c>
      <c r="K1079" s="116" t="s">
        <v>174</v>
      </c>
      <c r="L1079" s="115">
        <v>1</v>
      </c>
      <c r="M1079" s="115">
        <v>0</v>
      </c>
      <c r="N1079" s="115">
        <v>0</v>
      </c>
      <c r="O1079" s="115">
        <v>1</v>
      </c>
      <c r="P1079" s="115">
        <v>1</v>
      </c>
      <c r="Q1079" s="115" t="s">
        <v>400</v>
      </c>
      <c r="R1079" s="115">
        <v>0</v>
      </c>
      <c r="S1079" s="115">
        <v>0</v>
      </c>
      <c r="T1079" s="115">
        <v>0</v>
      </c>
      <c r="U1079" s="119"/>
      <c r="V1079" s="119"/>
      <c r="W1079" s="119"/>
      <c r="X1079" s="119"/>
      <c r="Y1079" s="119"/>
      <c r="Z1079" s="119"/>
      <c r="AA1079" s="119"/>
      <c r="AB1079" s="119"/>
      <c r="AC1079" s="119"/>
      <c r="AD1079" s="119"/>
      <c r="AE1079" s="119"/>
      <c r="AF1079" s="119"/>
      <c r="AG1079" s="119"/>
      <c r="AH1079" s="119"/>
      <c r="AI1079" s="119"/>
      <c r="AJ1079" s="119"/>
      <c r="AK1079" s="119"/>
      <c r="AL1079" s="119"/>
      <c r="AM1079" s="119"/>
      <c r="AN1079" s="119"/>
      <c r="AO1079" s="119"/>
      <c r="AP1079" s="119"/>
      <c r="AQ1079" s="119"/>
      <c r="AR1079" s="119"/>
      <c r="AS1079" s="119"/>
      <c r="AT1079" s="119"/>
      <c r="AU1079" s="119"/>
      <c r="AV1079" s="119"/>
      <c r="AW1079" s="119"/>
      <c r="AX1079" s="119"/>
      <c r="AY1079" s="119"/>
      <c r="AZ1079" s="119"/>
      <c r="BA1079" s="119"/>
      <c r="BB1079" s="107">
        <v>45884</v>
      </c>
    </row>
    <row r="1080" spans="1:54" s="207" customFormat="1" ht="13.95" customHeight="1" x14ac:dyDescent="0.25">
      <c r="A1080" s="208" t="s">
        <v>2638</v>
      </c>
      <c r="B1080" s="209" t="s">
        <v>20420</v>
      </c>
      <c r="C1080" s="113" t="s">
        <v>2639</v>
      </c>
      <c r="D1080" s="113" t="s">
        <v>2640</v>
      </c>
      <c r="E1080" s="210">
        <v>1975</v>
      </c>
      <c r="F1080" s="210">
        <v>1016</v>
      </c>
      <c r="G1080" s="113" t="s">
        <v>1</v>
      </c>
      <c r="H1080" s="113">
        <v>0</v>
      </c>
      <c r="I1080" s="113">
        <v>0</v>
      </c>
      <c r="J1080" s="115">
        <v>1</v>
      </c>
      <c r="K1080" s="116" t="s">
        <v>174</v>
      </c>
      <c r="L1080" s="115">
        <v>1</v>
      </c>
      <c r="M1080" s="115">
        <v>0</v>
      </c>
      <c r="N1080" s="115">
        <v>0</v>
      </c>
      <c r="O1080" s="115">
        <v>1</v>
      </c>
      <c r="P1080" s="115">
        <v>1</v>
      </c>
      <c r="Q1080" s="115" t="s">
        <v>400</v>
      </c>
      <c r="R1080" s="115">
        <v>1</v>
      </c>
      <c r="S1080" s="115">
        <v>0</v>
      </c>
      <c r="T1080" s="115">
        <v>0</v>
      </c>
      <c r="U1080" s="119"/>
      <c r="V1080" s="119"/>
      <c r="W1080" s="119"/>
      <c r="X1080" s="119"/>
      <c r="Y1080" s="119"/>
      <c r="Z1080" s="119"/>
      <c r="AA1080" s="119"/>
      <c r="AB1080" s="119"/>
      <c r="AC1080" s="119"/>
      <c r="AD1080" s="119"/>
      <c r="AE1080" s="119"/>
      <c r="AF1080" s="119"/>
      <c r="AG1080" s="119"/>
      <c r="AH1080" s="119"/>
      <c r="AI1080" s="119"/>
      <c r="AJ1080" s="119"/>
      <c r="AK1080" s="119"/>
      <c r="AL1080" s="119"/>
      <c r="AM1080" s="119"/>
      <c r="AN1080" s="119"/>
      <c r="AO1080" s="119"/>
      <c r="AP1080" s="119"/>
      <c r="AQ1080" s="119"/>
      <c r="AR1080" s="119"/>
      <c r="AS1080" s="119"/>
      <c r="AT1080" s="119"/>
      <c r="AU1080" s="119"/>
      <c r="AV1080" s="119"/>
      <c r="AW1080" s="119"/>
      <c r="AX1080" s="119"/>
      <c r="AY1080" s="119"/>
      <c r="AZ1080" s="119"/>
      <c r="BA1080" s="119"/>
      <c r="BB1080" s="107">
        <v>45884</v>
      </c>
    </row>
    <row r="1081" spans="1:54" s="207" customFormat="1" ht="13.95" customHeight="1" x14ac:dyDescent="0.25">
      <c r="A1081" s="208" t="s">
        <v>2641</v>
      </c>
      <c r="B1081" s="209" t="s">
        <v>20420</v>
      </c>
      <c r="C1081" s="113" t="s">
        <v>2642</v>
      </c>
      <c r="D1081" s="113" t="s">
        <v>2643</v>
      </c>
      <c r="E1081" s="210">
        <v>1978</v>
      </c>
      <c r="F1081" s="210">
        <v>1016</v>
      </c>
      <c r="G1081" s="113" t="s">
        <v>1</v>
      </c>
      <c r="H1081" s="113">
        <v>0</v>
      </c>
      <c r="I1081" s="113">
        <v>0</v>
      </c>
      <c r="J1081" s="115">
        <v>1</v>
      </c>
      <c r="K1081" s="211">
        <v>1</v>
      </c>
      <c r="L1081" s="115">
        <v>1</v>
      </c>
      <c r="M1081" s="115">
        <v>0</v>
      </c>
      <c r="N1081" s="115">
        <v>0</v>
      </c>
      <c r="O1081" s="115">
        <v>1</v>
      </c>
      <c r="P1081" s="115">
        <v>1</v>
      </c>
      <c r="Q1081" s="115" t="s">
        <v>400</v>
      </c>
      <c r="R1081" s="115">
        <v>0</v>
      </c>
      <c r="S1081" s="115">
        <v>0</v>
      </c>
      <c r="T1081" s="115">
        <v>0</v>
      </c>
      <c r="U1081" s="119"/>
      <c r="V1081" s="119"/>
      <c r="W1081" s="119"/>
      <c r="X1081" s="119"/>
      <c r="Y1081" s="119"/>
      <c r="Z1081" s="119"/>
      <c r="AA1081" s="119"/>
      <c r="AB1081" s="119"/>
      <c r="AC1081" s="119"/>
      <c r="AD1081" s="119"/>
      <c r="AE1081" s="119"/>
      <c r="AF1081" s="119"/>
      <c r="AG1081" s="119"/>
      <c r="AH1081" s="119"/>
      <c r="AI1081" s="119"/>
      <c r="AJ1081" s="119"/>
      <c r="AK1081" s="119"/>
      <c r="AL1081" s="119"/>
      <c r="AM1081" s="119"/>
      <c r="AN1081" s="119"/>
      <c r="AO1081" s="119"/>
      <c r="AP1081" s="119"/>
      <c r="AQ1081" s="119"/>
      <c r="AR1081" s="119"/>
      <c r="AS1081" s="119"/>
      <c r="AT1081" s="119"/>
      <c r="AU1081" s="119"/>
      <c r="AV1081" s="119"/>
      <c r="AW1081" s="119"/>
      <c r="AX1081" s="119"/>
      <c r="AY1081" s="119"/>
      <c r="AZ1081" s="119"/>
      <c r="BA1081" s="119"/>
      <c r="BB1081" s="107">
        <v>45884</v>
      </c>
    </row>
    <row r="1082" spans="1:54" s="207" customFormat="1" ht="13.95" customHeight="1" x14ac:dyDescent="0.25">
      <c r="A1082" s="208" t="s">
        <v>2644</v>
      </c>
      <c r="B1082" s="209" t="s">
        <v>20420</v>
      </c>
      <c r="C1082" s="113" t="s">
        <v>2645</v>
      </c>
      <c r="D1082" s="113" t="s">
        <v>2646</v>
      </c>
      <c r="E1082" s="210">
        <v>1986</v>
      </c>
      <c r="F1082" s="210">
        <v>1017</v>
      </c>
      <c r="G1082" s="113" t="s">
        <v>1</v>
      </c>
      <c r="H1082" s="113">
        <v>0</v>
      </c>
      <c r="I1082" s="113">
        <v>0</v>
      </c>
      <c r="J1082" s="115">
        <v>1</v>
      </c>
      <c r="K1082" s="116" t="s">
        <v>174</v>
      </c>
      <c r="L1082" s="115">
        <v>0</v>
      </c>
      <c r="M1082" s="115">
        <v>1</v>
      </c>
      <c r="N1082" s="115">
        <v>0</v>
      </c>
      <c r="O1082" s="115">
        <v>1</v>
      </c>
      <c r="P1082" s="115" t="s">
        <v>400</v>
      </c>
      <c r="Q1082" s="115" t="s">
        <v>400</v>
      </c>
      <c r="R1082" s="115">
        <v>0</v>
      </c>
      <c r="S1082" s="115">
        <v>0</v>
      </c>
      <c r="T1082" s="115">
        <v>0</v>
      </c>
      <c r="U1082" s="119"/>
      <c r="V1082" s="119"/>
      <c r="W1082" s="119"/>
      <c r="X1082" s="119"/>
      <c r="Y1082" s="119"/>
      <c r="Z1082" s="119"/>
      <c r="AA1082" s="119"/>
      <c r="AB1082" s="119"/>
      <c r="AC1082" s="119"/>
      <c r="AD1082" s="119"/>
      <c r="AE1082" s="119"/>
      <c r="AF1082" s="119"/>
      <c r="AG1082" s="119"/>
      <c r="AH1082" s="119"/>
      <c r="AI1082" s="119"/>
      <c r="AJ1082" s="119"/>
      <c r="AK1082" s="119"/>
      <c r="AL1082" s="119"/>
      <c r="AM1082" s="119"/>
      <c r="AN1082" s="119"/>
      <c r="AO1082" s="119"/>
      <c r="AP1082" s="119"/>
      <c r="AQ1082" s="119"/>
      <c r="AR1082" s="119"/>
      <c r="AS1082" s="119"/>
      <c r="AT1082" s="119"/>
      <c r="AU1082" s="119"/>
      <c r="AV1082" s="119"/>
      <c r="AW1082" s="119"/>
      <c r="AX1082" s="119"/>
      <c r="AY1082" s="119"/>
      <c r="AZ1082" s="119"/>
      <c r="BA1082" s="119"/>
      <c r="BB1082" s="107">
        <v>45884</v>
      </c>
    </row>
    <row r="1083" spans="1:54" s="207" customFormat="1" ht="13.95" customHeight="1" x14ac:dyDescent="0.25">
      <c r="A1083" s="208" t="s">
        <v>2647</v>
      </c>
      <c r="B1083" s="209" t="s">
        <v>20420</v>
      </c>
      <c r="C1083" s="113" t="s">
        <v>2648</v>
      </c>
      <c r="D1083" s="113" t="s">
        <v>23039</v>
      </c>
      <c r="E1083" s="210">
        <v>1981</v>
      </c>
      <c r="F1083" s="210">
        <v>1019</v>
      </c>
      <c r="G1083" s="113" t="s">
        <v>1</v>
      </c>
      <c r="H1083" s="113">
        <v>0</v>
      </c>
      <c r="I1083" s="113">
        <v>0</v>
      </c>
      <c r="J1083" s="115">
        <v>1</v>
      </c>
      <c r="K1083" s="116" t="s">
        <v>174</v>
      </c>
      <c r="L1083" s="115">
        <v>1</v>
      </c>
      <c r="M1083" s="115">
        <v>0</v>
      </c>
      <c r="N1083" s="115">
        <v>0</v>
      </c>
      <c r="O1083" s="115">
        <v>1</v>
      </c>
      <c r="P1083" s="115">
        <v>1</v>
      </c>
      <c r="Q1083" s="115" t="s">
        <v>400</v>
      </c>
      <c r="R1083" s="115">
        <v>0</v>
      </c>
      <c r="S1083" s="115">
        <v>0</v>
      </c>
      <c r="T1083" s="115">
        <v>0</v>
      </c>
      <c r="U1083" s="119"/>
      <c r="V1083" s="119"/>
      <c r="W1083" s="119"/>
      <c r="X1083" s="119"/>
      <c r="Y1083" s="119"/>
      <c r="Z1083" s="119"/>
      <c r="AA1083" s="119"/>
      <c r="AB1083" s="119"/>
      <c r="AC1083" s="119"/>
      <c r="AD1083" s="119"/>
      <c r="AE1083" s="119"/>
      <c r="AF1083" s="119"/>
      <c r="AG1083" s="119"/>
      <c r="AH1083" s="119"/>
      <c r="AI1083" s="119"/>
      <c r="AJ1083" s="119"/>
      <c r="AK1083" s="119"/>
      <c r="AL1083" s="119"/>
      <c r="AM1083" s="119"/>
      <c r="AN1083" s="119"/>
      <c r="AO1083" s="119"/>
      <c r="AP1083" s="119"/>
      <c r="AQ1083" s="119"/>
      <c r="AR1083" s="119"/>
      <c r="AS1083" s="119"/>
      <c r="AT1083" s="119"/>
      <c r="AU1083" s="119"/>
      <c r="AV1083" s="119"/>
      <c r="AW1083" s="119"/>
      <c r="AX1083" s="119"/>
      <c r="AY1083" s="119"/>
      <c r="AZ1083" s="119"/>
      <c r="BA1083" s="119"/>
      <c r="BB1083" s="107">
        <v>45884</v>
      </c>
    </row>
    <row r="1084" spans="1:54" s="207" customFormat="1" ht="13.95" customHeight="1" x14ac:dyDescent="0.25">
      <c r="A1084" s="208" t="s">
        <v>2649</v>
      </c>
      <c r="B1084" s="209" t="s">
        <v>20420</v>
      </c>
      <c r="C1084" s="113" t="s">
        <v>2650</v>
      </c>
      <c r="D1084" s="113" t="s">
        <v>23040</v>
      </c>
      <c r="E1084" s="210">
        <v>1976</v>
      </c>
      <c r="F1084" s="210">
        <v>1019</v>
      </c>
      <c r="G1084" s="113" t="s">
        <v>1</v>
      </c>
      <c r="H1084" s="113">
        <v>0</v>
      </c>
      <c r="I1084" s="113">
        <v>0</v>
      </c>
      <c r="J1084" s="115">
        <v>1</v>
      </c>
      <c r="K1084" s="211">
        <v>1</v>
      </c>
      <c r="L1084" s="115">
        <v>1</v>
      </c>
      <c r="M1084" s="115">
        <v>0</v>
      </c>
      <c r="N1084" s="115">
        <v>0</v>
      </c>
      <c r="O1084" s="115">
        <v>1</v>
      </c>
      <c r="P1084" s="115">
        <v>1</v>
      </c>
      <c r="Q1084" s="115" t="s">
        <v>400</v>
      </c>
      <c r="R1084" s="115">
        <v>1</v>
      </c>
      <c r="S1084" s="115">
        <v>0</v>
      </c>
      <c r="T1084" s="115">
        <v>0</v>
      </c>
      <c r="U1084" s="119"/>
      <c r="V1084" s="119"/>
      <c r="W1084" s="119"/>
      <c r="X1084" s="119"/>
      <c r="Y1084" s="119"/>
      <c r="Z1084" s="119"/>
      <c r="AA1084" s="119"/>
      <c r="AB1084" s="119"/>
      <c r="AC1084" s="119"/>
      <c r="AD1084" s="119"/>
      <c r="AE1084" s="119"/>
      <c r="AF1084" s="119"/>
      <c r="AG1084" s="119"/>
      <c r="AH1084" s="119"/>
      <c r="AI1084" s="119"/>
      <c r="AJ1084" s="119"/>
      <c r="AK1084" s="119"/>
      <c r="AL1084" s="119"/>
      <c r="AM1084" s="119"/>
      <c r="AN1084" s="119"/>
      <c r="AO1084" s="119"/>
      <c r="AP1084" s="119"/>
      <c r="AQ1084" s="119"/>
      <c r="AR1084" s="119"/>
      <c r="AS1084" s="119"/>
      <c r="AT1084" s="119"/>
      <c r="AU1084" s="119"/>
      <c r="AV1084" s="119"/>
      <c r="AW1084" s="119"/>
      <c r="AX1084" s="119"/>
      <c r="AY1084" s="119"/>
      <c r="AZ1084" s="119"/>
      <c r="BA1084" s="119"/>
      <c r="BB1084" s="107">
        <v>45884</v>
      </c>
    </row>
    <row r="1085" spans="1:54" s="207" customFormat="1" ht="13.95" customHeight="1" x14ac:dyDescent="0.25">
      <c r="A1085" s="208" t="s">
        <v>2651</v>
      </c>
      <c r="B1085" s="209" t="s">
        <v>20420</v>
      </c>
      <c r="C1085" s="113" t="s">
        <v>2652</v>
      </c>
      <c r="D1085" s="113" t="s">
        <v>2653</v>
      </c>
      <c r="E1085" s="210">
        <v>1984</v>
      </c>
      <c r="F1085" s="210">
        <v>1020</v>
      </c>
      <c r="G1085" s="113" t="s">
        <v>1</v>
      </c>
      <c r="H1085" s="113">
        <v>0</v>
      </c>
      <c r="I1085" s="113">
        <v>0</v>
      </c>
      <c r="J1085" s="115">
        <v>1</v>
      </c>
      <c r="K1085" s="116" t="s">
        <v>174</v>
      </c>
      <c r="L1085" s="115">
        <v>1</v>
      </c>
      <c r="M1085" s="115">
        <v>0</v>
      </c>
      <c r="N1085" s="115">
        <v>0</v>
      </c>
      <c r="O1085" s="115">
        <v>1</v>
      </c>
      <c r="P1085" s="115">
        <v>1</v>
      </c>
      <c r="Q1085" s="115" t="s">
        <v>400</v>
      </c>
      <c r="R1085" s="115">
        <v>0</v>
      </c>
      <c r="S1085" s="115">
        <v>0</v>
      </c>
      <c r="T1085" s="115">
        <v>0</v>
      </c>
      <c r="U1085" s="119"/>
      <c r="V1085" s="119"/>
      <c r="W1085" s="119"/>
      <c r="X1085" s="119"/>
      <c r="Y1085" s="119"/>
      <c r="Z1085" s="119"/>
      <c r="AA1085" s="119"/>
      <c r="AB1085" s="119"/>
      <c r="AC1085" s="119"/>
      <c r="AD1085" s="119"/>
      <c r="AE1085" s="119"/>
      <c r="AF1085" s="119"/>
      <c r="AG1085" s="119"/>
      <c r="AH1085" s="119"/>
      <c r="AI1085" s="119"/>
      <c r="AJ1085" s="119"/>
      <c r="AK1085" s="119"/>
      <c r="AL1085" s="119"/>
      <c r="AM1085" s="119"/>
      <c r="AN1085" s="119"/>
      <c r="AO1085" s="119"/>
      <c r="AP1085" s="119"/>
      <c r="AQ1085" s="119"/>
      <c r="AR1085" s="119"/>
      <c r="AS1085" s="119"/>
      <c r="AT1085" s="119"/>
      <c r="AU1085" s="119"/>
      <c r="AV1085" s="119"/>
      <c r="AW1085" s="119"/>
      <c r="AX1085" s="119"/>
      <c r="AY1085" s="119"/>
      <c r="AZ1085" s="119"/>
      <c r="BA1085" s="119"/>
      <c r="BB1085" s="107">
        <v>45884</v>
      </c>
    </row>
    <row r="1086" spans="1:54" s="207" customFormat="1" ht="13.95" customHeight="1" x14ac:dyDescent="0.25">
      <c r="A1086" s="208" t="s">
        <v>2654</v>
      </c>
      <c r="B1086" s="209" t="s">
        <v>20420</v>
      </c>
      <c r="C1086" s="113" t="s">
        <v>2655</v>
      </c>
      <c r="D1086" s="113" t="s">
        <v>23041</v>
      </c>
      <c r="E1086" s="210">
        <v>1978</v>
      </c>
      <c r="F1086" s="210">
        <v>1021</v>
      </c>
      <c r="G1086" s="113" t="s">
        <v>1</v>
      </c>
      <c r="H1086" s="113">
        <v>0</v>
      </c>
      <c r="I1086" s="113">
        <v>0</v>
      </c>
      <c r="J1086" s="115">
        <v>1</v>
      </c>
      <c r="K1086" s="116" t="s">
        <v>174</v>
      </c>
      <c r="L1086" s="115">
        <v>1</v>
      </c>
      <c r="M1086" s="115">
        <v>0</v>
      </c>
      <c r="N1086" s="115">
        <v>1</v>
      </c>
      <c r="O1086" s="115">
        <v>1</v>
      </c>
      <c r="P1086" s="115">
        <v>1</v>
      </c>
      <c r="Q1086" s="115" t="s">
        <v>400</v>
      </c>
      <c r="R1086" s="115">
        <v>1</v>
      </c>
      <c r="S1086" s="115">
        <v>0</v>
      </c>
      <c r="T1086" s="115">
        <v>0</v>
      </c>
      <c r="U1086" s="119"/>
      <c r="V1086" s="119"/>
      <c r="W1086" s="119"/>
      <c r="X1086" s="119"/>
      <c r="Y1086" s="119"/>
      <c r="Z1086" s="119"/>
      <c r="AA1086" s="119"/>
      <c r="AB1086" s="119"/>
      <c r="AC1086" s="119"/>
      <c r="AD1086" s="119"/>
      <c r="AE1086" s="119"/>
      <c r="AF1086" s="119"/>
      <c r="AG1086" s="119"/>
      <c r="AH1086" s="119"/>
      <c r="AI1086" s="119"/>
      <c r="AJ1086" s="119"/>
      <c r="AK1086" s="119"/>
      <c r="AL1086" s="119"/>
      <c r="AM1086" s="119"/>
      <c r="AN1086" s="119"/>
      <c r="AO1086" s="119"/>
      <c r="AP1086" s="119"/>
      <c r="AQ1086" s="119"/>
      <c r="AR1086" s="119"/>
      <c r="AS1086" s="119"/>
      <c r="AT1086" s="119"/>
      <c r="AU1086" s="119"/>
      <c r="AV1086" s="119"/>
      <c r="AW1086" s="119"/>
      <c r="AX1086" s="119"/>
      <c r="AY1086" s="119"/>
      <c r="AZ1086" s="119"/>
      <c r="BA1086" s="119"/>
      <c r="BB1086" s="107">
        <v>45884</v>
      </c>
    </row>
    <row r="1087" spans="1:54" s="207" customFormat="1" ht="13.95" customHeight="1" x14ac:dyDescent="0.25">
      <c r="A1087" s="208" t="s">
        <v>2656</v>
      </c>
      <c r="B1087" s="209" t="s">
        <v>20420</v>
      </c>
      <c r="C1087" s="113" t="s">
        <v>2657</v>
      </c>
      <c r="D1087" s="113" t="s">
        <v>2658</v>
      </c>
      <c r="E1087" s="210">
        <v>1973</v>
      </c>
      <c r="F1087" s="210">
        <v>1022</v>
      </c>
      <c r="G1087" s="113" t="s">
        <v>1</v>
      </c>
      <c r="H1087" s="113">
        <v>0</v>
      </c>
      <c r="I1087" s="113">
        <v>0</v>
      </c>
      <c r="J1087" s="115">
        <v>1</v>
      </c>
      <c r="K1087" s="211">
        <v>1</v>
      </c>
      <c r="L1087" s="115">
        <v>1</v>
      </c>
      <c r="M1087" s="115">
        <v>0</v>
      </c>
      <c r="N1087" s="115">
        <v>0</v>
      </c>
      <c r="O1087" s="115">
        <v>1</v>
      </c>
      <c r="P1087" s="115">
        <v>1</v>
      </c>
      <c r="Q1087" s="115" t="s">
        <v>400</v>
      </c>
      <c r="R1087" s="115">
        <v>0</v>
      </c>
      <c r="S1087" s="115">
        <v>0</v>
      </c>
      <c r="T1087" s="115">
        <v>0</v>
      </c>
      <c r="U1087" s="119"/>
      <c r="V1087" s="119"/>
      <c r="W1087" s="119"/>
      <c r="X1087" s="119"/>
      <c r="Y1087" s="119"/>
      <c r="Z1087" s="119"/>
      <c r="AA1087" s="119"/>
      <c r="AB1087" s="119"/>
      <c r="AC1087" s="119"/>
      <c r="AD1087" s="119"/>
      <c r="AE1087" s="119"/>
      <c r="AF1087" s="119"/>
      <c r="AG1087" s="119"/>
      <c r="AH1087" s="119"/>
      <c r="AI1087" s="119"/>
      <c r="AJ1087" s="119"/>
      <c r="AK1087" s="119"/>
      <c r="AL1087" s="119"/>
      <c r="AM1087" s="119"/>
      <c r="AN1087" s="119"/>
      <c r="AO1087" s="119"/>
      <c r="AP1087" s="119"/>
      <c r="AQ1087" s="119"/>
      <c r="AR1087" s="119"/>
      <c r="AS1087" s="119"/>
      <c r="AT1087" s="119"/>
      <c r="AU1087" s="119"/>
      <c r="AV1087" s="119"/>
      <c r="AW1087" s="119"/>
      <c r="AX1087" s="119"/>
      <c r="AY1087" s="119"/>
      <c r="AZ1087" s="119"/>
      <c r="BA1087" s="119"/>
      <c r="BB1087" s="107">
        <v>45884</v>
      </c>
    </row>
    <row r="1088" spans="1:54" s="207" customFormat="1" ht="13.95" customHeight="1" x14ac:dyDescent="0.25">
      <c r="A1088" s="208" t="s">
        <v>2659</v>
      </c>
      <c r="B1088" s="209" t="s">
        <v>20420</v>
      </c>
      <c r="C1088" s="113" t="s">
        <v>2660</v>
      </c>
      <c r="D1088" s="113" t="s">
        <v>2661</v>
      </c>
      <c r="E1088" s="210">
        <v>1974</v>
      </c>
      <c r="F1088" s="210">
        <v>1022</v>
      </c>
      <c r="G1088" s="113" t="s">
        <v>1</v>
      </c>
      <c r="H1088" s="113">
        <v>0</v>
      </c>
      <c r="I1088" s="113">
        <v>0</v>
      </c>
      <c r="J1088" s="115">
        <v>1</v>
      </c>
      <c r="K1088" s="116" t="s">
        <v>174</v>
      </c>
      <c r="L1088" s="115">
        <v>1</v>
      </c>
      <c r="M1088" s="115">
        <v>0</v>
      </c>
      <c r="N1088" s="115">
        <v>0</v>
      </c>
      <c r="O1088" s="115">
        <v>1</v>
      </c>
      <c r="P1088" s="115" t="s">
        <v>400</v>
      </c>
      <c r="Q1088" s="115" t="s">
        <v>400</v>
      </c>
      <c r="R1088" s="115">
        <v>1</v>
      </c>
      <c r="S1088" s="115">
        <v>0</v>
      </c>
      <c r="T1088" s="115">
        <v>0</v>
      </c>
      <c r="U1088" s="119"/>
      <c r="V1088" s="119"/>
      <c r="W1088" s="119"/>
      <c r="X1088" s="119"/>
      <c r="Y1088" s="119"/>
      <c r="Z1088" s="119"/>
      <c r="AA1088" s="119"/>
      <c r="AB1088" s="119"/>
      <c r="AC1088" s="119"/>
      <c r="AD1088" s="119"/>
      <c r="AE1088" s="119"/>
      <c r="AF1088" s="119"/>
      <c r="AG1088" s="119"/>
      <c r="AH1088" s="119"/>
      <c r="AI1088" s="119"/>
      <c r="AJ1088" s="119"/>
      <c r="AK1088" s="119"/>
      <c r="AL1088" s="119"/>
      <c r="AM1088" s="119"/>
      <c r="AN1088" s="119"/>
      <c r="AO1088" s="119"/>
      <c r="AP1088" s="119"/>
      <c r="AQ1088" s="119"/>
      <c r="AR1088" s="119"/>
      <c r="AS1088" s="119"/>
      <c r="AT1088" s="119"/>
      <c r="AU1088" s="119"/>
      <c r="AV1088" s="119"/>
      <c r="AW1088" s="119"/>
      <c r="AX1088" s="119"/>
      <c r="AY1088" s="119"/>
      <c r="AZ1088" s="119"/>
      <c r="BA1088" s="119"/>
      <c r="BB1088" s="107">
        <v>45884</v>
      </c>
    </row>
    <row r="1089" spans="1:54" s="207" customFormat="1" ht="13.95" customHeight="1" x14ac:dyDescent="0.25">
      <c r="A1089" s="208" t="s">
        <v>2662</v>
      </c>
      <c r="B1089" s="209" t="s">
        <v>20420</v>
      </c>
      <c r="C1089" s="113" t="s">
        <v>2663</v>
      </c>
      <c r="D1089" s="113" t="s">
        <v>23042</v>
      </c>
      <c r="E1089" s="210">
        <v>1983</v>
      </c>
      <c r="F1089" s="210">
        <v>1025</v>
      </c>
      <c r="G1089" s="113" t="s">
        <v>1</v>
      </c>
      <c r="H1089" s="113">
        <v>0</v>
      </c>
      <c r="I1089" s="113">
        <v>0</v>
      </c>
      <c r="J1089" s="115">
        <v>1</v>
      </c>
      <c r="K1089" s="116" t="s">
        <v>174</v>
      </c>
      <c r="L1089" s="115">
        <v>1</v>
      </c>
      <c r="M1089" s="115">
        <v>0</v>
      </c>
      <c r="N1089" s="115">
        <v>0</v>
      </c>
      <c r="O1089" s="115">
        <v>1</v>
      </c>
      <c r="P1089" s="115">
        <v>1</v>
      </c>
      <c r="Q1089" s="115" t="s">
        <v>400</v>
      </c>
      <c r="R1089" s="115">
        <v>1</v>
      </c>
      <c r="S1089" s="115">
        <v>0</v>
      </c>
      <c r="T1089" s="115">
        <v>0</v>
      </c>
      <c r="U1089" s="119"/>
      <c r="V1089" s="119"/>
      <c r="W1089" s="119"/>
      <c r="X1089" s="119"/>
      <c r="Y1089" s="119"/>
      <c r="Z1089" s="119"/>
      <c r="AA1089" s="119"/>
      <c r="AB1089" s="119"/>
      <c r="AC1089" s="119"/>
      <c r="AD1089" s="119"/>
      <c r="AE1089" s="119"/>
      <c r="AF1089" s="119"/>
      <c r="AG1089" s="119"/>
      <c r="AH1089" s="119"/>
      <c r="AI1089" s="119"/>
      <c r="AJ1089" s="119"/>
      <c r="AK1089" s="119"/>
      <c r="AL1089" s="119"/>
      <c r="AM1089" s="119"/>
      <c r="AN1089" s="119"/>
      <c r="AO1089" s="119"/>
      <c r="AP1089" s="119"/>
      <c r="AQ1089" s="119"/>
      <c r="AR1089" s="119"/>
      <c r="AS1089" s="119"/>
      <c r="AT1089" s="119"/>
      <c r="AU1089" s="119"/>
      <c r="AV1089" s="119"/>
      <c r="AW1089" s="119"/>
      <c r="AX1089" s="119"/>
      <c r="AY1089" s="119"/>
      <c r="AZ1089" s="119"/>
      <c r="BA1089" s="119"/>
      <c r="BB1089" s="107">
        <v>45884</v>
      </c>
    </row>
    <row r="1090" spans="1:54" s="207" customFormat="1" ht="13.95" customHeight="1" x14ac:dyDescent="0.25">
      <c r="A1090" s="208" t="s">
        <v>2664</v>
      </c>
      <c r="B1090" s="209" t="s">
        <v>20420</v>
      </c>
      <c r="C1090" s="113" t="s">
        <v>2665</v>
      </c>
      <c r="D1090" s="113" t="s">
        <v>2666</v>
      </c>
      <c r="E1090" s="210">
        <v>2013</v>
      </c>
      <c r="F1090" s="210">
        <v>1026</v>
      </c>
      <c r="G1090" s="113" t="s">
        <v>1</v>
      </c>
      <c r="H1090" s="113">
        <v>0</v>
      </c>
      <c r="I1090" s="113">
        <v>0</v>
      </c>
      <c r="J1090" s="115">
        <v>1</v>
      </c>
      <c r="K1090" s="116" t="s">
        <v>174</v>
      </c>
      <c r="L1090" s="115">
        <v>1</v>
      </c>
      <c r="M1090" s="115">
        <v>1</v>
      </c>
      <c r="N1090" s="115">
        <v>0</v>
      </c>
      <c r="O1090" s="115">
        <v>0</v>
      </c>
      <c r="P1090" s="115" t="s">
        <v>400</v>
      </c>
      <c r="Q1090" s="115" t="s">
        <v>400</v>
      </c>
      <c r="R1090" s="115">
        <v>0</v>
      </c>
      <c r="S1090" s="115">
        <v>0</v>
      </c>
      <c r="T1090" s="115">
        <v>0</v>
      </c>
      <c r="U1090" s="119"/>
      <c r="V1090" s="119"/>
      <c r="W1090" s="119"/>
      <c r="X1090" s="119"/>
      <c r="Y1090" s="119"/>
      <c r="Z1090" s="119"/>
      <c r="AA1090" s="119"/>
      <c r="AB1090" s="119"/>
      <c r="AC1090" s="119"/>
      <c r="AD1090" s="119"/>
      <c r="AE1090" s="119"/>
      <c r="AF1090" s="119"/>
      <c r="AG1090" s="119"/>
      <c r="AH1090" s="119"/>
      <c r="AI1090" s="119"/>
      <c r="AJ1090" s="119"/>
      <c r="AK1090" s="119"/>
      <c r="AL1090" s="119"/>
      <c r="AM1090" s="119"/>
      <c r="AN1090" s="119"/>
      <c r="AO1090" s="119"/>
      <c r="AP1090" s="119"/>
      <c r="AQ1090" s="119"/>
      <c r="AR1090" s="119"/>
      <c r="AS1090" s="119"/>
      <c r="AT1090" s="119"/>
      <c r="AU1090" s="119"/>
      <c r="AV1090" s="119"/>
      <c r="AW1090" s="119"/>
      <c r="AX1090" s="119"/>
      <c r="AY1090" s="119"/>
      <c r="AZ1090" s="119"/>
      <c r="BA1090" s="119"/>
      <c r="BB1090" s="107">
        <v>45884</v>
      </c>
    </row>
    <row r="1091" spans="1:54" s="207" customFormat="1" ht="13.95" customHeight="1" x14ac:dyDescent="0.25">
      <c r="A1091" s="208" t="s">
        <v>2667</v>
      </c>
      <c r="B1091" s="209" t="s">
        <v>20420</v>
      </c>
      <c r="C1091" s="113" t="s">
        <v>2668</v>
      </c>
      <c r="D1091" s="113" t="s">
        <v>2669</v>
      </c>
      <c r="E1091" s="210">
        <v>1960</v>
      </c>
      <c r="F1091" s="210">
        <v>1027</v>
      </c>
      <c r="G1091" s="113" t="s">
        <v>1</v>
      </c>
      <c r="H1091" s="113">
        <v>0</v>
      </c>
      <c r="I1091" s="113">
        <v>0</v>
      </c>
      <c r="J1091" s="115">
        <v>1</v>
      </c>
      <c r="K1091" s="116" t="s">
        <v>174</v>
      </c>
      <c r="L1091" s="115">
        <v>0</v>
      </c>
      <c r="M1091" s="115">
        <v>0</v>
      </c>
      <c r="N1091" s="115">
        <v>1</v>
      </c>
      <c r="O1091" s="115">
        <v>0</v>
      </c>
      <c r="P1091" s="115" t="s">
        <v>400</v>
      </c>
      <c r="Q1091" s="115" t="s">
        <v>400</v>
      </c>
      <c r="R1091" s="115">
        <v>0</v>
      </c>
      <c r="S1091" s="115">
        <v>0</v>
      </c>
      <c r="T1091" s="115">
        <v>0</v>
      </c>
      <c r="U1091" s="119"/>
      <c r="V1091" s="119"/>
      <c r="W1091" s="119"/>
      <c r="X1091" s="119"/>
      <c r="Y1091" s="119"/>
      <c r="Z1091" s="119"/>
      <c r="AA1091" s="119"/>
      <c r="AB1091" s="119"/>
      <c r="AC1091" s="119"/>
      <c r="AD1091" s="119"/>
      <c r="AE1091" s="119"/>
      <c r="AF1091" s="119"/>
      <c r="AG1091" s="119"/>
      <c r="AH1091" s="119"/>
      <c r="AI1091" s="119"/>
      <c r="AJ1091" s="119"/>
      <c r="AK1091" s="119"/>
      <c r="AL1091" s="119"/>
      <c r="AM1091" s="119"/>
      <c r="AN1091" s="119"/>
      <c r="AO1091" s="119"/>
      <c r="AP1091" s="119"/>
      <c r="AQ1091" s="119"/>
      <c r="AR1091" s="119"/>
      <c r="AS1091" s="119"/>
      <c r="AT1091" s="119"/>
      <c r="AU1091" s="119"/>
      <c r="AV1091" s="119"/>
      <c r="AW1091" s="119"/>
      <c r="AX1091" s="119"/>
      <c r="AY1091" s="119"/>
      <c r="AZ1091" s="119"/>
      <c r="BA1091" s="119"/>
      <c r="BB1091" s="107">
        <v>45884</v>
      </c>
    </row>
    <row r="1092" spans="1:54" s="207" customFormat="1" ht="13.95" customHeight="1" x14ac:dyDescent="0.25">
      <c r="A1092" s="208" t="s">
        <v>2670</v>
      </c>
      <c r="B1092" s="209" t="s">
        <v>20420</v>
      </c>
      <c r="C1092" s="113" t="s">
        <v>2671</v>
      </c>
      <c r="D1092" s="113" t="s">
        <v>2672</v>
      </c>
      <c r="E1092" s="210">
        <v>1976</v>
      </c>
      <c r="F1092" s="210">
        <v>1027</v>
      </c>
      <c r="G1092" s="113" t="s">
        <v>1</v>
      </c>
      <c r="H1092" s="113">
        <v>0</v>
      </c>
      <c r="I1092" s="113">
        <v>0</v>
      </c>
      <c r="J1092" s="115">
        <v>1</v>
      </c>
      <c r="K1092" s="116" t="s">
        <v>174</v>
      </c>
      <c r="L1092" s="115">
        <v>1</v>
      </c>
      <c r="M1092" s="115">
        <v>0</v>
      </c>
      <c r="N1092" s="115">
        <v>0</v>
      </c>
      <c r="O1092" s="115">
        <v>1</v>
      </c>
      <c r="P1092" s="115">
        <v>1</v>
      </c>
      <c r="Q1092" s="115" t="s">
        <v>400</v>
      </c>
      <c r="R1092" s="115">
        <v>1</v>
      </c>
      <c r="S1092" s="115">
        <v>0</v>
      </c>
      <c r="T1092" s="115">
        <v>0</v>
      </c>
      <c r="U1092" s="119"/>
      <c r="V1092" s="119"/>
      <c r="W1092" s="119"/>
      <c r="X1092" s="119"/>
      <c r="Y1092" s="119"/>
      <c r="Z1092" s="119"/>
      <c r="AA1092" s="119"/>
      <c r="AB1092" s="119"/>
      <c r="AC1092" s="119"/>
      <c r="AD1092" s="119"/>
      <c r="AE1092" s="119"/>
      <c r="AF1092" s="119"/>
      <c r="AG1092" s="119"/>
      <c r="AH1092" s="119"/>
      <c r="AI1092" s="119"/>
      <c r="AJ1092" s="119"/>
      <c r="AK1092" s="119"/>
      <c r="AL1092" s="119"/>
      <c r="AM1092" s="119"/>
      <c r="AN1092" s="119"/>
      <c r="AO1092" s="119"/>
      <c r="AP1092" s="119"/>
      <c r="AQ1092" s="119"/>
      <c r="AR1092" s="119"/>
      <c r="AS1092" s="119"/>
      <c r="AT1092" s="119"/>
      <c r="AU1092" s="119"/>
      <c r="AV1092" s="119"/>
      <c r="AW1092" s="119"/>
      <c r="AX1092" s="119"/>
      <c r="AY1092" s="119"/>
      <c r="AZ1092" s="119"/>
      <c r="BA1092" s="119"/>
      <c r="BB1092" s="107">
        <v>45884</v>
      </c>
    </row>
    <row r="1093" spans="1:54" s="207" customFormat="1" ht="13.95" customHeight="1" x14ac:dyDescent="0.25">
      <c r="A1093" s="208" t="s">
        <v>2673</v>
      </c>
      <c r="B1093" s="209" t="s">
        <v>20420</v>
      </c>
      <c r="C1093" s="113" t="s">
        <v>2674</v>
      </c>
      <c r="D1093" s="113" t="s">
        <v>23043</v>
      </c>
      <c r="E1093" s="210">
        <v>1985</v>
      </c>
      <c r="F1093" s="210">
        <v>1028</v>
      </c>
      <c r="G1093" s="113" t="s">
        <v>1</v>
      </c>
      <c r="H1093" s="113">
        <v>0</v>
      </c>
      <c r="I1093" s="113">
        <v>0</v>
      </c>
      <c r="J1093" s="115">
        <v>1</v>
      </c>
      <c r="K1093" s="116" t="s">
        <v>174</v>
      </c>
      <c r="L1093" s="115">
        <v>1</v>
      </c>
      <c r="M1093" s="115">
        <v>0</v>
      </c>
      <c r="N1093" s="115">
        <v>0</v>
      </c>
      <c r="O1093" s="115">
        <v>1</v>
      </c>
      <c r="P1093" s="115">
        <v>1</v>
      </c>
      <c r="Q1093" s="115" t="s">
        <v>400</v>
      </c>
      <c r="R1093" s="115">
        <v>1</v>
      </c>
      <c r="S1093" s="115">
        <v>0</v>
      </c>
      <c r="T1093" s="115">
        <v>0</v>
      </c>
      <c r="U1093" s="119"/>
      <c r="V1093" s="119"/>
      <c r="W1093" s="119"/>
      <c r="X1093" s="119"/>
      <c r="Y1093" s="119"/>
      <c r="Z1093" s="119"/>
      <c r="AA1093" s="119"/>
      <c r="AB1093" s="119"/>
      <c r="AC1093" s="119"/>
      <c r="AD1093" s="119"/>
      <c r="AE1093" s="119"/>
      <c r="AF1093" s="119"/>
      <c r="AG1093" s="119"/>
      <c r="AH1093" s="119"/>
      <c r="AI1093" s="119"/>
      <c r="AJ1093" s="119"/>
      <c r="AK1093" s="119"/>
      <c r="AL1093" s="119"/>
      <c r="AM1093" s="119"/>
      <c r="AN1093" s="119"/>
      <c r="AO1093" s="119"/>
      <c r="AP1093" s="119"/>
      <c r="AQ1093" s="119"/>
      <c r="AR1093" s="119"/>
      <c r="AS1093" s="119"/>
      <c r="AT1093" s="119"/>
      <c r="AU1093" s="119"/>
      <c r="AV1093" s="119"/>
      <c r="AW1093" s="119"/>
      <c r="AX1093" s="119"/>
      <c r="AY1093" s="119"/>
      <c r="AZ1093" s="119"/>
      <c r="BA1093" s="119"/>
      <c r="BB1093" s="107">
        <v>45884</v>
      </c>
    </row>
    <row r="1094" spans="1:54" s="207" customFormat="1" ht="13.95" customHeight="1" x14ac:dyDescent="0.25">
      <c r="A1094" s="208" t="s">
        <v>2675</v>
      </c>
      <c r="B1094" s="209" t="s">
        <v>20420</v>
      </c>
      <c r="C1094" s="113" t="s">
        <v>2676</v>
      </c>
      <c r="D1094" s="113" t="s">
        <v>23044</v>
      </c>
      <c r="E1094" s="210">
        <v>1976</v>
      </c>
      <c r="F1094" s="210">
        <v>1030</v>
      </c>
      <c r="G1094" s="113" t="s">
        <v>1</v>
      </c>
      <c r="H1094" s="113">
        <v>0</v>
      </c>
      <c r="I1094" s="113">
        <v>0</v>
      </c>
      <c r="J1094" s="115">
        <v>1</v>
      </c>
      <c r="K1094" s="116" t="s">
        <v>174</v>
      </c>
      <c r="L1094" s="115">
        <v>1</v>
      </c>
      <c r="M1094" s="115">
        <v>0</v>
      </c>
      <c r="N1094" s="115">
        <v>0</v>
      </c>
      <c r="O1094" s="115">
        <v>0</v>
      </c>
      <c r="P1094" s="115">
        <v>1</v>
      </c>
      <c r="Q1094" s="115" t="s">
        <v>400</v>
      </c>
      <c r="R1094" s="115">
        <v>0</v>
      </c>
      <c r="S1094" s="115">
        <v>0</v>
      </c>
      <c r="T1094" s="115">
        <v>0</v>
      </c>
      <c r="U1094" s="119"/>
      <c r="V1094" s="119"/>
      <c r="W1094" s="119"/>
      <c r="X1094" s="119"/>
      <c r="Y1094" s="119"/>
      <c r="Z1094" s="119"/>
      <c r="AA1094" s="119"/>
      <c r="AB1094" s="119"/>
      <c r="AC1094" s="119"/>
      <c r="AD1094" s="119"/>
      <c r="AE1094" s="119"/>
      <c r="AF1094" s="119"/>
      <c r="AG1094" s="119"/>
      <c r="AH1094" s="119"/>
      <c r="AI1094" s="119"/>
      <c r="AJ1094" s="119"/>
      <c r="AK1094" s="119"/>
      <c r="AL1094" s="119"/>
      <c r="AM1094" s="119"/>
      <c r="AN1094" s="119"/>
      <c r="AO1094" s="119"/>
      <c r="AP1094" s="119"/>
      <c r="AQ1094" s="119"/>
      <c r="AR1094" s="119"/>
      <c r="AS1094" s="119"/>
      <c r="AT1094" s="119"/>
      <c r="AU1094" s="119"/>
      <c r="AV1094" s="119"/>
      <c r="AW1094" s="119"/>
      <c r="AX1094" s="119"/>
      <c r="AY1094" s="119"/>
      <c r="AZ1094" s="119"/>
      <c r="BA1094" s="119"/>
      <c r="BB1094" s="107">
        <v>45884</v>
      </c>
    </row>
    <row r="1095" spans="1:54" s="207" customFormat="1" ht="13.95" customHeight="1" x14ac:dyDescent="0.25">
      <c r="A1095" s="208" t="s">
        <v>2677</v>
      </c>
      <c r="B1095" s="209" t="s">
        <v>20420</v>
      </c>
      <c r="C1095" s="113" t="s">
        <v>2678</v>
      </c>
      <c r="D1095" s="113" t="s">
        <v>23045</v>
      </c>
      <c r="E1095" s="210">
        <v>1983</v>
      </c>
      <c r="F1095" s="210">
        <v>1034</v>
      </c>
      <c r="G1095" s="113" t="s">
        <v>1</v>
      </c>
      <c r="H1095" s="113">
        <v>0</v>
      </c>
      <c r="I1095" s="113">
        <v>0</v>
      </c>
      <c r="J1095" s="115">
        <v>1</v>
      </c>
      <c r="K1095" s="116" t="s">
        <v>174</v>
      </c>
      <c r="L1095" s="115">
        <v>0</v>
      </c>
      <c r="M1095" s="115">
        <v>0</v>
      </c>
      <c r="N1095" s="115">
        <v>0</v>
      </c>
      <c r="O1095" s="115">
        <v>1</v>
      </c>
      <c r="P1095" s="115" t="s">
        <v>400</v>
      </c>
      <c r="Q1095" s="115" t="s">
        <v>400</v>
      </c>
      <c r="R1095" s="115">
        <v>1</v>
      </c>
      <c r="S1095" s="115">
        <v>0</v>
      </c>
      <c r="T1095" s="115">
        <v>0</v>
      </c>
      <c r="U1095" s="119"/>
      <c r="V1095" s="119"/>
      <c r="W1095" s="119"/>
      <c r="X1095" s="119"/>
      <c r="Y1095" s="119"/>
      <c r="Z1095" s="119"/>
      <c r="AA1095" s="119"/>
      <c r="AB1095" s="119"/>
      <c r="AC1095" s="119"/>
      <c r="AD1095" s="119"/>
      <c r="AE1095" s="119"/>
      <c r="AF1095" s="119"/>
      <c r="AG1095" s="119"/>
      <c r="AH1095" s="119"/>
      <c r="AI1095" s="119"/>
      <c r="AJ1095" s="119"/>
      <c r="AK1095" s="119"/>
      <c r="AL1095" s="119"/>
      <c r="AM1095" s="119"/>
      <c r="AN1095" s="119"/>
      <c r="AO1095" s="119"/>
      <c r="AP1095" s="119"/>
      <c r="AQ1095" s="119"/>
      <c r="AR1095" s="119"/>
      <c r="AS1095" s="119"/>
      <c r="AT1095" s="119"/>
      <c r="AU1095" s="119"/>
      <c r="AV1095" s="119"/>
      <c r="AW1095" s="119"/>
      <c r="AX1095" s="119"/>
      <c r="AY1095" s="119"/>
      <c r="AZ1095" s="119"/>
      <c r="BA1095" s="119"/>
      <c r="BB1095" s="107">
        <v>45884</v>
      </c>
    </row>
    <row r="1096" spans="1:54" s="207" customFormat="1" ht="13.95" customHeight="1" x14ac:dyDescent="0.25">
      <c r="A1096" s="208" t="s">
        <v>2679</v>
      </c>
      <c r="B1096" s="209" t="s">
        <v>20420</v>
      </c>
      <c r="C1096" s="113" t="s">
        <v>2680</v>
      </c>
      <c r="D1096" s="113" t="s">
        <v>2681</v>
      </c>
      <c r="E1096" s="210">
        <v>1978</v>
      </c>
      <c r="F1096" s="210">
        <v>1035</v>
      </c>
      <c r="G1096" s="113" t="s">
        <v>1</v>
      </c>
      <c r="H1096" s="113">
        <v>0</v>
      </c>
      <c r="I1096" s="113">
        <v>0</v>
      </c>
      <c r="J1096" s="115">
        <v>1</v>
      </c>
      <c r="K1096" s="116" t="s">
        <v>174</v>
      </c>
      <c r="L1096" s="115">
        <v>1</v>
      </c>
      <c r="M1096" s="115">
        <v>1</v>
      </c>
      <c r="N1096" s="115">
        <v>0</v>
      </c>
      <c r="O1096" s="115">
        <v>1</v>
      </c>
      <c r="P1096" s="115">
        <v>1</v>
      </c>
      <c r="Q1096" s="115" t="s">
        <v>400</v>
      </c>
      <c r="R1096" s="115">
        <v>1</v>
      </c>
      <c r="S1096" s="115">
        <v>0</v>
      </c>
      <c r="T1096" s="115">
        <v>0</v>
      </c>
      <c r="U1096" s="119"/>
      <c r="V1096" s="119"/>
      <c r="W1096" s="119"/>
      <c r="X1096" s="119"/>
      <c r="Y1096" s="119"/>
      <c r="Z1096" s="119"/>
      <c r="AA1096" s="119"/>
      <c r="AB1096" s="119"/>
      <c r="AC1096" s="119"/>
      <c r="AD1096" s="119"/>
      <c r="AE1096" s="119"/>
      <c r="AF1096" s="119"/>
      <c r="AG1096" s="119"/>
      <c r="AH1096" s="119"/>
      <c r="AI1096" s="119"/>
      <c r="AJ1096" s="119"/>
      <c r="AK1096" s="119"/>
      <c r="AL1096" s="119"/>
      <c r="AM1096" s="119"/>
      <c r="AN1096" s="119"/>
      <c r="AO1096" s="119"/>
      <c r="AP1096" s="119"/>
      <c r="AQ1096" s="119"/>
      <c r="AR1096" s="119"/>
      <c r="AS1096" s="119"/>
      <c r="AT1096" s="119"/>
      <c r="AU1096" s="119"/>
      <c r="AV1096" s="119"/>
      <c r="AW1096" s="119"/>
      <c r="AX1096" s="119"/>
      <c r="AY1096" s="119"/>
      <c r="AZ1096" s="119"/>
      <c r="BA1096" s="119"/>
      <c r="BB1096" s="107">
        <v>45884</v>
      </c>
    </row>
    <row r="1097" spans="1:54" s="207" customFormat="1" ht="13.95" customHeight="1" x14ac:dyDescent="0.25">
      <c r="A1097" s="208" t="s">
        <v>2682</v>
      </c>
      <c r="B1097" s="209" t="s">
        <v>20420</v>
      </c>
      <c r="C1097" s="113" t="s">
        <v>2683</v>
      </c>
      <c r="D1097" s="113" t="s">
        <v>23046</v>
      </c>
      <c r="E1097" s="210">
        <v>1964</v>
      </c>
      <c r="F1097" s="210">
        <v>1038</v>
      </c>
      <c r="G1097" s="113" t="s">
        <v>1</v>
      </c>
      <c r="H1097" s="113">
        <v>0</v>
      </c>
      <c r="I1097" s="113">
        <v>0</v>
      </c>
      <c r="J1097" s="115">
        <v>1</v>
      </c>
      <c r="K1097" s="116" t="s">
        <v>174</v>
      </c>
      <c r="L1097" s="115">
        <v>1</v>
      </c>
      <c r="M1097" s="115">
        <v>0</v>
      </c>
      <c r="N1097" s="115">
        <v>0</v>
      </c>
      <c r="O1097" s="115">
        <v>1</v>
      </c>
      <c r="P1097" s="115" t="s">
        <v>400</v>
      </c>
      <c r="Q1097" s="115" t="s">
        <v>400</v>
      </c>
      <c r="R1097" s="115">
        <v>0</v>
      </c>
      <c r="S1097" s="115">
        <v>0</v>
      </c>
      <c r="T1097" s="115">
        <v>0</v>
      </c>
      <c r="U1097" s="119"/>
      <c r="V1097" s="119"/>
      <c r="W1097" s="119"/>
      <c r="X1097" s="119"/>
      <c r="Y1097" s="119"/>
      <c r="Z1097" s="119"/>
      <c r="AA1097" s="119"/>
      <c r="AB1097" s="119"/>
      <c r="AC1097" s="119"/>
      <c r="AD1097" s="119"/>
      <c r="AE1097" s="119"/>
      <c r="AF1097" s="119"/>
      <c r="AG1097" s="119"/>
      <c r="AH1097" s="119"/>
      <c r="AI1097" s="119"/>
      <c r="AJ1097" s="119"/>
      <c r="AK1097" s="119"/>
      <c r="AL1097" s="119"/>
      <c r="AM1097" s="119"/>
      <c r="AN1097" s="119"/>
      <c r="AO1097" s="119"/>
      <c r="AP1097" s="119"/>
      <c r="AQ1097" s="119"/>
      <c r="AR1097" s="119"/>
      <c r="AS1097" s="119"/>
      <c r="AT1097" s="119"/>
      <c r="AU1097" s="119"/>
      <c r="AV1097" s="119"/>
      <c r="AW1097" s="119"/>
      <c r="AX1097" s="119"/>
      <c r="AY1097" s="119"/>
      <c r="AZ1097" s="119"/>
      <c r="BA1097" s="119"/>
      <c r="BB1097" s="107">
        <v>45884</v>
      </c>
    </row>
    <row r="1098" spans="1:54" s="207" customFormat="1" ht="13.95" customHeight="1" x14ac:dyDescent="0.25">
      <c r="A1098" s="208" t="s">
        <v>2684</v>
      </c>
      <c r="B1098" s="209" t="s">
        <v>20420</v>
      </c>
      <c r="C1098" s="113" t="s">
        <v>2685</v>
      </c>
      <c r="D1098" s="113" t="s">
        <v>2686</v>
      </c>
      <c r="E1098" s="210">
        <v>1975</v>
      </c>
      <c r="F1098" s="210">
        <v>1038</v>
      </c>
      <c r="G1098" s="113" t="s">
        <v>1</v>
      </c>
      <c r="H1098" s="113">
        <v>0</v>
      </c>
      <c r="I1098" s="113">
        <v>0</v>
      </c>
      <c r="J1098" s="115">
        <v>1</v>
      </c>
      <c r="K1098" s="211">
        <v>1</v>
      </c>
      <c r="L1098" s="115">
        <v>1</v>
      </c>
      <c r="M1098" s="115">
        <v>0</v>
      </c>
      <c r="N1098" s="115">
        <v>0</v>
      </c>
      <c r="O1098" s="115">
        <v>1</v>
      </c>
      <c r="P1098" s="115">
        <v>1</v>
      </c>
      <c r="Q1098" s="115" t="s">
        <v>400</v>
      </c>
      <c r="R1098" s="115">
        <v>1</v>
      </c>
      <c r="S1098" s="115">
        <v>0</v>
      </c>
      <c r="T1098" s="115">
        <v>0</v>
      </c>
      <c r="U1098" s="119"/>
      <c r="V1098" s="119"/>
      <c r="W1098" s="119"/>
      <c r="X1098" s="119"/>
      <c r="Y1098" s="119"/>
      <c r="Z1098" s="119"/>
      <c r="AA1098" s="119"/>
      <c r="AB1098" s="119"/>
      <c r="AC1098" s="119"/>
      <c r="AD1098" s="119"/>
      <c r="AE1098" s="119"/>
      <c r="AF1098" s="119"/>
      <c r="AG1098" s="119"/>
      <c r="AH1098" s="119"/>
      <c r="AI1098" s="119"/>
      <c r="AJ1098" s="119"/>
      <c r="AK1098" s="119"/>
      <c r="AL1098" s="119"/>
      <c r="AM1098" s="119"/>
      <c r="AN1098" s="119"/>
      <c r="AO1098" s="119"/>
      <c r="AP1098" s="119"/>
      <c r="AQ1098" s="119"/>
      <c r="AR1098" s="119"/>
      <c r="AS1098" s="119"/>
      <c r="AT1098" s="119"/>
      <c r="AU1098" s="119"/>
      <c r="AV1098" s="119"/>
      <c r="AW1098" s="119"/>
      <c r="AX1098" s="119"/>
      <c r="AY1098" s="119"/>
      <c r="AZ1098" s="119"/>
      <c r="BA1098" s="119"/>
      <c r="BB1098" s="107">
        <v>45884</v>
      </c>
    </row>
    <row r="1099" spans="1:54" s="207" customFormat="1" ht="13.95" customHeight="1" x14ac:dyDescent="0.25">
      <c r="A1099" s="208" t="s">
        <v>2687</v>
      </c>
      <c r="B1099" s="209" t="s">
        <v>20420</v>
      </c>
      <c r="C1099" s="113" t="s">
        <v>2688</v>
      </c>
      <c r="D1099" s="113" t="s">
        <v>23047</v>
      </c>
      <c r="E1099" s="210">
        <v>1986</v>
      </c>
      <c r="F1099" s="210">
        <v>1039</v>
      </c>
      <c r="G1099" s="113" t="s">
        <v>1</v>
      </c>
      <c r="H1099" s="113">
        <v>0</v>
      </c>
      <c r="I1099" s="113">
        <v>0</v>
      </c>
      <c r="J1099" s="115">
        <v>1</v>
      </c>
      <c r="K1099" s="116" t="s">
        <v>174</v>
      </c>
      <c r="L1099" s="115">
        <v>1</v>
      </c>
      <c r="M1099" s="115">
        <v>0</v>
      </c>
      <c r="N1099" s="115">
        <v>1</v>
      </c>
      <c r="O1099" s="115">
        <v>1</v>
      </c>
      <c r="P1099" s="115">
        <v>1</v>
      </c>
      <c r="Q1099" s="115" t="s">
        <v>400</v>
      </c>
      <c r="R1099" s="115">
        <v>1</v>
      </c>
      <c r="S1099" s="115">
        <v>0</v>
      </c>
      <c r="T1099" s="115">
        <v>0</v>
      </c>
      <c r="U1099" s="119"/>
      <c r="V1099" s="119"/>
      <c r="W1099" s="119"/>
      <c r="X1099" s="119"/>
      <c r="Y1099" s="119"/>
      <c r="Z1099" s="119"/>
      <c r="AA1099" s="119"/>
      <c r="AB1099" s="119"/>
      <c r="AC1099" s="119"/>
      <c r="AD1099" s="119"/>
      <c r="AE1099" s="119"/>
      <c r="AF1099" s="119"/>
      <c r="AG1099" s="119"/>
      <c r="AH1099" s="119"/>
      <c r="AI1099" s="119"/>
      <c r="AJ1099" s="119"/>
      <c r="AK1099" s="119"/>
      <c r="AL1099" s="119"/>
      <c r="AM1099" s="119"/>
      <c r="AN1099" s="119"/>
      <c r="AO1099" s="119"/>
      <c r="AP1099" s="119"/>
      <c r="AQ1099" s="119"/>
      <c r="AR1099" s="119"/>
      <c r="AS1099" s="119"/>
      <c r="AT1099" s="119"/>
      <c r="AU1099" s="119"/>
      <c r="AV1099" s="119"/>
      <c r="AW1099" s="119"/>
      <c r="AX1099" s="119"/>
      <c r="AY1099" s="119"/>
      <c r="AZ1099" s="119"/>
      <c r="BA1099" s="119"/>
      <c r="BB1099" s="107">
        <v>45884</v>
      </c>
    </row>
    <row r="1100" spans="1:54" s="207" customFormat="1" ht="13.95" customHeight="1" x14ac:dyDescent="0.25">
      <c r="A1100" s="208" t="s">
        <v>2689</v>
      </c>
      <c r="B1100" s="209" t="s">
        <v>20420</v>
      </c>
      <c r="C1100" s="113" t="s">
        <v>2690</v>
      </c>
      <c r="D1100" s="113" t="s">
        <v>23048</v>
      </c>
      <c r="E1100" s="210">
        <v>1994</v>
      </c>
      <c r="F1100" s="210">
        <v>1040</v>
      </c>
      <c r="G1100" s="113" t="s">
        <v>1</v>
      </c>
      <c r="H1100" s="113">
        <v>0</v>
      </c>
      <c r="I1100" s="113">
        <v>0</v>
      </c>
      <c r="J1100" s="115">
        <v>1</v>
      </c>
      <c r="K1100" s="116" t="s">
        <v>174</v>
      </c>
      <c r="L1100" s="115">
        <v>0</v>
      </c>
      <c r="M1100" s="115">
        <v>0</v>
      </c>
      <c r="N1100" s="115">
        <v>0</v>
      </c>
      <c r="O1100" s="115">
        <v>0</v>
      </c>
      <c r="P1100" s="115">
        <v>1</v>
      </c>
      <c r="Q1100" s="115" t="s">
        <v>400</v>
      </c>
      <c r="R1100" s="115">
        <v>0</v>
      </c>
      <c r="S1100" s="115">
        <v>0</v>
      </c>
      <c r="T1100" s="115">
        <v>0</v>
      </c>
      <c r="U1100" s="119"/>
      <c r="V1100" s="119"/>
      <c r="W1100" s="119"/>
      <c r="X1100" s="119"/>
      <c r="Y1100" s="119"/>
      <c r="Z1100" s="119"/>
      <c r="AA1100" s="119"/>
      <c r="AB1100" s="119"/>
      <c r="AC1100" s="119"/>
      <c r="AD1100" s="119"/>
      <c r="AE1100" s="119"/>
      <c r="AF1100" s="119"/>
      <c r="AG1100" s="119"/>
      <c r="AH1100" s="119"/>
      <c r="AI1100" s="119"/>
      <c r="AJ1100" s="119"/>
      <c r="AK1100" s="119"/>
      <c r="AL1100" s="119"/>
      <c r="AM1100" s="119"/>
      <c r="AN1100" s="119"/>
      <c r="AO1100" s="119"/>
      <c r="AP1100" s="119"/>
      <c r="AQ1100" s="119"/>
      <c r="AR1100" s="119"/>
      <c r="AS1100" s="119"/>
      <c r="AT1100" s="119"/>
      <c r="AU1100" s="119"/>
      <c r="AV1100" s="119"/>
      <c r="AW1100" s="119"/>
      <c r="AX1100" s="119"/>
      <c r="AY1100" s="119"/>
      <c r="AZ1100" s="119"/>
      <c r="BA1100" s="119"/>
      <c r="BB1100" s="107">
        <v>45884</v>
      </c>
    </row>
    <row r="1101" spans="1:54" s="207" customFormat="1" ht="13.95" customHeight="1" x14ac:dyDescent="0.25">
      <c r="A1101" s="208" t="s">
        <v>2691</v>
      </c>
      <c r="B1101" s="209" t="s">
        <v>20420</v>
      </c>
      <c r="C1101" s="113" t="s">
        <v>2692</v>
      </c>
      <c r="D1101" s="113" t="s">
        <v>2693</v>
      </c>
      <c r="E1101" s="210">
        <v>1975</v>
      </c>
      <c r="F1101" s="210">
        <v>1041</v>
      </c>
      <c r="G1101" s="113" t="s">
        <v>1</v>
      </c>
      <c r="H1101" s="113">
        <v>0</v>
      </c>
      <c r="I1101" s="113">
        <v>0</v>
      </c>
      <c r="J1101" s="115">
        <v>1</v>
      </c>
      <c r="K1101" s="116" t="s">
        <v>174</v>
      </c>
      <c r="L1101" s="115">
        <v>1</v>
      </c>
      <c r="M1101" s="115">
        <v>0</v>
      </c>
      <c r="N1101" s="115">
        <v>0</v>
      </c>
      <c r="O1101" s="115">
        <v>1</v>
      </c>
      <c r="P1101" s="115">
        <v>1</v>
      </c>
      <c r="Q1101" s="115" t="s">
        <v>400</v>
      </c>
      <c r="R1101" s="115">
        <v>1</v>
      </c>
      <c r="S1101" s="115">
        <v>0</v>
      </c>
      <c r="T1101" s="115">
        <v>0</v>
      </c>
      <c r="U1101" s="119"/>
      <c r="V1101" s="119"/>
      <c r="W1101" s="119"/>
      <c r="X1101" s="119"/>
      <c r="Y1101" s="119"/>
      <c r="Z1101" s="119"/>
      <c r="AA1101" s="119"/>
      <c r="AB1101" s="119"/>
      <c r="AC1101" s="119"/>
      <c r="AD1101" s="119"/>
      <c r="AE1101" s="119"/>
      <c r="AF1101" s="119"/>
      <c r="AG1101" s="119"/>
      <c r="AH1101" s="119"/>
      <c r="AI1101" s="119"/>
      <c r="AJ1101" s="119"/>
      <c r="AK1101" s="119"/>
      <c r="AL1101" s="119"/>
      <c r="AM1101" s="119"/>
      <c r="AN1101" s="119"/>
      <c r="AO1101" s="119"/>
      <c r="AP1101" s="119"/>
      <c r="AQ1101" s="119"/>
      <c r="AR1101" s="119"/>
      <c r="AS1101" s="119"/>
      <c r="AT1101" s="119"/>
      <c r="AU1101" s="119"/>
      <c r="AV1101" s="119"/>
      <c r="AW1101" s="119"/>
      <c r="AX1101" s="119"/>
      <c r="AY1101" s="119"/>
      <c r="AZ1101" s="119"/>
      <c r="BA1101" s="119"/>
      <c r="BB1101" s="107">
        <v>45884</v>
      </c>
    </row>
    <row r="1102" spans="1:54" s="207" customFormat="1" ht="13.95" customHeight="1" x14ac:dyDescent="0.25">
      <c r="A1102" s="208" t="s">
        <v>2694</v>
      </c>
      <c r="B1102" s="209" t="s">
        <v>20420</v>
      </c>
      <c r="C1102" s="113" t="s">
        <v>2695</v>
      </c>
      <c r="D1102" s="113" t="s">
        <v>2696</v>
      </c>
      <c r="E1102" s="210">
        <v>1977</v>
      </c>
      <c r="F1102" s="210">
        <v>1042</v>
      </c>
      <c r="G1102" s="113" t="s">
        <v>1</v>
      </c>
      <c r="H1102" s="113">
        <v>0</v>
      </c>
      <c r="I1102" s="113">
        <v>0</v>
      </c>
      <c r="J1102" s="115">
        <v>1</v>
      </c>
      <c r="K1102" s="116" t="s">
        <v>174</v>
      </c>
      <c r="L1102" s="115">
        <v>1</v>
      </c>
      <c r="M1102" s="115">
        <v>1</v>
      </c>
      <c r="N1102" s="115">
        <v>0</v>
      </c>
      <c r="O1102" s="115">
        <v>1</v>
      </c>
      <c r="P1102" s="115">
        <v>1</v>
      </c>
      <c r="Q1102" s="115" t="s">
        <v>400</v>
      </c>
      <c r="R1102" s="115">
        <v>1</v>
      </c>
      <c r="S1102" s="115">
        <v>0</v>
      </c>
      <c r="T1102" s="115">
        <v>0</v>
      </c>
      <c r="U1102" s="119"/>
      <c r="V1102" s="119"/>
      <c r="W1102" s="119"/>
      <c r="X1102" s="119"/>
      <c r="Y1102" s="119"/>
      <c r="Z1102" s="119"/>
      <c r="AA1102" s="119"/>
      <c r="AB1102" s="119"/>
      <c r="AC1102" s="119"/>
      <c r="AD1102" s="119"/>
      <c r="AE1102" s="119"/>
      <c r="AF1102" s="119"/>
      <c r="AG1102" s="119"/>
      <c r="AH1102" s="119"/>
      <c r="AI1102" s="119"/>
      <c r="AJ1102" s="119"/>
      <c r="AK1102" s="119"/>
      <c r="AL1102" s="119"/>
      <c r="AM1102" s="119"/>
      <c r="AN1102" s="119"/>
      <c r="AO1102" s="119"/>
      <c r="AP1102" s="119"/>
      <c r="AQ1102" s="119"/>
      <c r="AR1102" s="119"/>
      <c r="AS1102" s="119"/>
      <c r="AT1102" s="119"/>
      <c r="AU1102" s="119"/>
      <c r="AV1102" s="119"/>
      <c r="AW1102" s="119"/>
      <c r="AX1102" s="119"/>
      <c r="AY1102" s="119"/>
      <c r="AZ1102" s="119"/>
      <c r="BA1102" s="119"/>
      <c r="BB1102" s="107">
        <v>45884</v>
      </c>
    </row>
    <row r="1103" spans="1:54" s="207" customFormat="1" ht="13.95" customHeight="1" x14ac:dyDescent="0.25">
      <c r="A1103" s="208" t="s">
        <v>2697</v>
      </c>
      <c r="B1103" s="209" t="s">
        <v>20420</v>
      </c>
      <c r="C1103" s="113" t="s">
        <v>2698</v>
      </c>
      <c r="D1103" s="113" t="s">
        <v>23049</v>
      </c>
      <c r="E1103" s="210">
        <v>1985</v>
      </c>
      <c r="F1103" s="210">
        <v>1043</v>
      </c>
      <c r="G1103" s="113" t="s">
        <v>1</v>
      </c>
      <c r="H1103" s="113">
        <v>0</v>
      </c>
      <c r="I1103" s="113">
        <v>0</v>
      </c>
      <c r="J1103" s="115">
        <v>1</v>
      </c>
      <c r="K1103" s="116" t="s">
        <v>174</v>
      </c>
      <c r="L1103" s="115">
        <v>1</v>
      </c>
      <c r="M1103" s="115">
        <v>0</v>
      </c>
      <c r="N1103" s="115">
        <v>0</v>
      </c>
      <c r="O1103" s="115">
        <v>1</v>
      </c>
      <c r="P1103" s="115">
        <v>1</v>
      </c>
      <c r="Q1103" s="115">
        <v>1</v>
      </c>
      <c r="R1103" s="115">
        <v>0</v>
      </c>
      <c r="S1103" s="115">
        <v>0</v>
      </c>
      <c r="T1103" s="115">
        <v>0</v>
      </c>
      <c r="U1103" s="119"/>
      <c r="V1103" s="119"/>
      <c r="W1103" s="119"/>
      <c r="X1103" s="119"/>
      <c r="Y1103" s="119"/>
      <c r="Z1103" s="119"/>
      <c r="AA1103" s="119"/>
      <c r="AB1103" s="119"/>
      <c r="AC1103" s="119"/>
      <c r="AD1103" s="119"/>
      <c r="AE1103" s="119"/>
      <c r="AF1103" s="119"/>
      <c r="AG1103" s="119"/>
      <c r="AH1103" s="119"/>
      <c r="AI1103" s="119"/>
      <c r="AJ1103" s="119"/>
      <c r="AK1103" s="119"/>
      <c r="AL1103" s="119"/>
      <c r="AM1103" s="119"/>
      <c r="AN1103" s="119"/>
      <c r="AO1103" s="119"/>
      <c r="AP1103" s="119"/>
      <c r="AQ1103" s="119"/>
      <c r="AR1103" s="119"/>
      <c r="AS1103" s="119"/>
      <c r="AT1103" s="119"/>
      <c r="AU1103" s="119"/>
      <c r="AV1103" s="119"/>
      <c r="AW1103" s="119"/>
      <c r="AX1103" s="119"/>
      <c r="AY1103" s="119"/>
      <c r="AZ1103" s="119"/>
      <c r="BA1103" s="119"/>
      <c r="BB1103" s="107">
        <v>45884</v>
      </c>
    </row>
    <row r="1104" spans="1:54" s="207" customFormat="1" ht="13.95" customHeight="1" x14ac:dyDescent="0.25">
      <c r="A1104" s="208" t="s">
        <v>2699</v>
      </c>
      <c r="B1104" s="209" t="s">
        <v>20420</v>
      </c>
      <c r="C1104" s="113" t="s">
        <v>2700</v>
      </c>
      <c r="D1104" s="113" t="s">
        <v>23050</v>
      </c>
      <c r="E1104" s="210">
        <v>1974</v>
      </c>
      <c r="F1104" s="210">
        <v>1044</v>
      </c>
      <c r="G1104" s="113" t="s">
        <v>1</v>
      </c>
      <c r="H1104" s="113">
        <v>0</v>
      </c>
      <c r="I1104" s="113">
        <v>0</v>
      </c>
      <c r="J1104" s="115">
        <v>1</v>
      </c>
      <c r="K1104" s="116" t="s">
        <v>174</v>
      </c>
      <c r="L1104" s="115">
        <v>1</v>
      </c>
      <c r="M1104" s="115">
        <v>0</v>
      </c>
      <c r="N1104" s="115">
        <v>0</v>
      </c>
      <c r="O1104" s="115">
        <v>1</v>
      </c>
      <c r="P1104" s="115">
        <v>1</v>
      </c>
      <c r="Q1104" s="115">
        <v>1</v>
      </c>
      <c r="R1104" s="115">
        <v>1</v>
      </c>
      <c r="S1104" s="115">
        <v>0</v>
      </c>
      <c r="T1104" s="115">
        <v>0</v>
      </c>
      <c r="U1104" s="119"/>
      <c r="V1104" s="119"/>
      <c r="W1104" s="119"/>
      <c r="X1104" s="119"/>
      <c r="Y1104" s="119"/>
      <c r="Z1104" s="119"/>
      <c r="AA1104" s="119"/>
      <c r="AB1104" s="119"/>
      <c r="AC1104" s="119"/>
      <c r="AD1104" s="119"/>
      <c r="AE1104" s="119"/>
      <c r="AF1104" s="119"/>
      <c r="AG1104" s="119"/>
      <c r="AH1104" s="119"/>
      <c r="AI1104" s="119"/>
      <c r="AJ1104" s="119"/>
      <c r="AK1104" s="119"/>
      <c r="AL1104" s="119"/>
      <c r="AM1104" s="119"/>
      <c r="AN1104" s="119"/>
      <c r="AO1104" s="119"/>
      <c r="AP1104" s="119"/>
      <c r="AQ1104" s="119"/>
      <c r="AR1104" s="119"/>
      <c r="AS1104" s="119"/>
      <c r="AT1104" s="119"/>
      <c r="AU1104" s="119"/>
      <c r="AV1104" s="119"/>
      <c r="AW1104" s="119"/>
      <c r="AX1104" s="119"/>
      <c r="AY1104" s="119"/>
      <c r="AZ1104" s="119"/>
      <c r="BA1104" s="119"/>
      <c r="BB1104" s="107">
        <v>45884</v>
      </c>
    </row>
    <row r="1105" spans="1:54" s="207" customFormat="1" ht="13.95" customHeight="1" x14ac:dyDescent="0.25">
      <c r="A1105" s="208" t="s">
        <v>2701</v>
      </c>
      <c r="B1105" s="209" t="s">
        <v>20420</v>
      </c>
      <c r="C1105" s="113" t="s">
        <v>2702</v>
      </c>
      <c r="D1105" s="113" t="s">
        <v>2703</v>
      </c>
      <c r="E1105" s="210">
        <v>1985</v>
      </c>
      <c r="F1105" s="210">
        <v>1045</v>
      </c>
      <c r="G1105" s="113" t="s">
        <v>1</v>
      </c>
      <c r="H1105" s="113">
        <v>0</v>
      </c>
      <c r="I1105" s="113">
        <v>0</v>
      </c>
      <c r="J1105" s="115">
        <v>1</v>
      </c>
      <c r="K1105" s="116" t="s">
        <v>174</v>
      </c>
      <c r="L1105" s="115">
        <v>1</v>
      </c>
      <c r="M1105" s="115">
        <v>0</v>
      </c>
      <c r="N1105" s="115">
        <v>0</v>
      </c>
      <c r="O1105" s="115">
        <v>0</v>
      </c>
      <c r="P1105" s="115">
        <v>1</v>
      </c>
      <c r="Q1105" s="115" t="s">
        <v>400</v>
      </c>
      <c r="R1105" s="115">
        <v>0</v>
      </c>
      <c r="S1105" s="115">
        <v>0</v>
      </c>
      <c r="T1105" s="115">
        <v>0</v>
      </c>
      <c r="U1105" s="119"/>
      <c r="V1105" s="119"/>
      <c r="W1105" s="119"/>
      <c r="X1105" s="119"/>
      <c r="Y1105" s="119"/>
      <c r="Z1105" s="119"/>
      <c r="AA1105" s="119"/>
      <c r="AB1105" s="119"/>
      <c r="AC1105" s="119"/>
      <c r="AD1105" s="119"/>
      <c r="AE1105" s="119"/>
      <c r="AF1105" s="119"/>
      <c r="AG1105" s="119"/>
      <c r="AH1105" s="119"/>
      <c r="AI1105" s="119"/>
      <c r="AJ1105" s="119"/>
      <c r="AK1105" s="119"/>
      <c r="AL1105" s="119"/>
      <c r="AM1105" s="119"/>
      <c r="AN1105" s="119"/>
      <c r="AO1105" s="119"/>
      <c r="AP1105" s="119"/>
      <c r="AQ1105" s="119"/>
      <c r="AR1105" s="119"/>
      <c r="AS1105" s="119"/>
      <c r="AT1105" s="119"/>
      <c r="AU1105" s="119"/>
      <c r="AV1105" s="119"/>
      <c r="AW1105" s="119"/>
      <c r="AX1105" s="119"/>
      <c r="AY1105" s="119"/>
      <c r="AZ1105" s="119"/>
      <c r="BA1105" s="119"/>
      <c r="BB1105" s="107">
        <v>45884</v>
      </c>
    </row>
    <row r="1106" spans="1:54" s="207" customFormat="1" ht="13.95" customHeight="1" x14ac:dyDescent="0.25">
      <c r="A1106" s="208" t="s">
        <v>2704</v>
      </c>
      <c r="B1106" s="209" t="s">
        <v>20420</v>
      </c>
      <c r="C1106" s="113" t="s">
        <v>2705</v>
      </c>
      <c r="D1106" s="113" t="s">
        <v>23051</v>
      </c>
      <c r="E1106" s="210">
        <v>1967</v>
      </c>
      <c r="F1106" s="210">
        <v>1046</v>
      </c>
      <c r="G1106" s="113" t="s">
        <v>1</v>
      </c>
      <c r="H1106" s="113">
        <v>0</v>
      </c>
      <c r="I1106" s="113">
        <v>0</v>
      </c>
      <c r="J1106" s="115">
        <v>0</v>
      </c>
      <c r="K1106" s="116" t="s">
        <v>174</v>
      </c>
      <c r="L1106" s="115">
        <v>0</v>
      </c>
      <c r="M1106" s="115">
        <v>1</v>
      </c>
      <c r="N1106" s="115">
        <v>1</v>
      </c>
      <c r="O1106" s="115">
        <v>0</v>
      </c>
      <c r="P1106" s="115" t="s">
        <v>400</v>
      </c>
      <c r="Q1106" s="115" t="s">
        <v>400</v>
      </c>
      <c r="R1106" s="115">
        <v>1</v>
      </c>
      <c r="S1106" s="115">
        <v>0</v>
      </c>
      <c r="T1106" s="115">
        <v>0</v>
      </c>
      <c r="U1106" s="119"/>
      <c r="V1106" s="119"/>
      <c r="W1106" s="119"/>
      <c r="X1106" s="119"/>
      <c r="Y1106" s="119"/>
      <c r="Z1106" s="119"/>
      <c r="AA1106" s="119"/>
      <c r="AB1106" s="119"/>
      <c r="AC1106" s="119"/>
      <c r="AD1106" s="119"/>
      <c r="AE1106" s="119"/>
      <c r="AF1106" s="119"/>
      <c r="AG1106" s="119"/>
      <c r="AH1106" s="119"/>
      <c r="AI1106" s="119"/>
      <c r="AJ1106" s="119"/>
      <c r="AK1106" s="119"/>
      <c r="AL1106" s="119"/>
      <c r="AM1106" s="119"/>
      <c r="AN1106" s="119"/>
      <c r="AO1106" s="119"/>
      <c r="AP1106" s="119"/>
      <c r="AQ1106" s="119"/>
      <c r="AR1106" s="119"/>
      <c r="AS1106" s="119"/>
      <c r="AT1106" s="119"/>
      <c r="AU1106" s="119"/>
      <c r="AV1106" s="119"/>
      <c r="AW1106" s="119"/>
      <c r="AX1106" s="119"/>
      <c r="AY1106" s="119"/>
      <c r="AZ1106" s="119"/>
      <c r="BA1106" s="119"/>
      <c r="BB1106" s="107">
        <v>45884</v>
      </c>
    </row>
    <row r="1107" spans="1:54" s="207" customFormat="1" ht="13.95" customHeight="1" x14ac:dyDescent="0.25">
      <c r="A1107" s="208" t="s">
        <v>2706</v>
      </c>
      <c r="B1107" s="209" t="s">
        <v>20420</v>
      </c>
      <c r="C1107" s="113" t="s">
        <v>2707</v>
      </c>
      <c r="D1107" s="113" t="s">
        <v>2708</v>
      </c>
      <c r="E1107" s="210">
        <v>1984</v>
      </c>
      <c r="F1107" s="210">
        <v>1047</v>
      </c>
      <c r="G1107" s="113" t="s">
        <v>1</v>
      </c>
      <c r="H1107" s="113">
        <v>0</v>
      </c>
      <c r="I1107" s="113">
        <v>0</v>
      </c>
      <c r="J1107" s="115">
        <v>1</v>
      </c>
      <c r="K1107" s="116" t="s">
        <v>174</v>
      </c>
      <c r="L1107" s="115">
        <v>1</v>
      </c>
      <c r="M1107" s="115">
        <v>0</v>
      </c>
      <c r="N1107" s="115">
        <v>0</v>
      </c>
      <c r="O1107" s="115">
        <v>1</v>
      </c>
      <c r="P1107" s="115">
        <v>1</v>
      </c>
      <c r="Q1107" s="115" t="s">
        <v>400</v>
      </c>
      <c r="R1107" s="115">
        <v>1</v>
      </c>
      <c r="S1107" s="115">
        <v>0</v>
      </c>
      <c r="T1107" s="115">
        <v>0</v>
      </c>
      <c r="U1107" s="119"/>
      <c r="V1107" s="119"/>
      <c r="W1107" s="119"/>
      <c r="X1107" s="119"/>
      <c r="Y1107" s="119"/>
      <c r="Z1107" s="119"/>
      <c r="AA1107" s="119"/>
      <c r="AB1107" s="119"/>
      <c r="AC1107" s="119"/>
      <c r="AD1107" s="119"/>
      <c r="AE1107" s="119"/>
      <c r="AF1107" s="119"/>
      <c r="AG1107" s="119"/>
      <c r="AH1107" s="119"/>
      <c r="AI1107" s="119"/>
      <c r="AJ1107" s="119"/>
      <c r="AK1107" s="119"/>
      <c r="AL1107" s="119"/>
      <c r="AM1107" s="119"/>
      <c r="AN1107" s="119"/>
      <c r="AO1107" s="119"/>
      <c r="AP1107" s="119"/>
      <c r="AQ1107" s="119"/>
      <c r="AR1107" s="119"/>
      <c r="AS1107" s="119"/>
      <c r="AT1107" s="119"/>
      <c r="AU1107" s="119"/>
      <c r="AV1107" s="119"/>
      <c r="AW1107" s="119"/>
      <c r="AX1107" s="119"/>
      <c r="AY1107" s="119"/>
      <c r="AZ1107" s="119"/>
      <c r="BA1107" s="119"/>
      <c r="BB1107" s="107">
        <v>45884</v>
      </c>
    </row>
    <row r="1108" spans="1:54" s="207" customFormat="1" ht="13.95" customHeight="1" x14ac:dyDescent="0.25">
      <c r="A1108" s="208" t="s">
        <v>2709</v>
      </c>
      <c r="B1108" s="209" t="s">
        <v>20420</v>
      </c>
      <c r="C1108" s="113" t="s">
        <v>2710</v>
      </c>
      <c r="D1108" s="113" t="s">
        <v>2711</v>
      </c>
      <c r="E1108" s="210">
        <v>1972</v>
      </c>
      <c r="F1108" s="210">
        <v>1048</v>
      </c>
      <c r="G1108" s="113" t="s">
        <v>1</v>
      </c>
      <c r="H1108" s="113">
        <v>0</v>
      </c>
      <c r="I1108" s="113">
        <v>0</v>
      </c>
      <c r="J1108" s="115">
        <v>1</v>
      </c>
      <c r="K1108" s="211">
        <v>1</v>
      </c>
      <c r="L1108" s="115">
        <v>1</v>
      </c>
      <c r="M1108" s="115">
        <v>0</v>
      </c>
      <c r="N1108" s="115">
        <v>0</v>
      </c>
      <c r="O1108" s="115">
        <v>1</v>
      </c>
      <c r="P1108" s="115">
        <v>1</v>
      </c>
      <c r="Q1108" s="115" t="s">
        <v>400</v>
      </c>
      <c r="R1108" s="115">
        <v>1</v>
      </c>
      <c r="S1108" s="115">
        <v>0</v>
      </c>
      <c r="T1108" s="115">
        <v>0</v>
      </c>
      <c r="U1108" s="119"/>
      <c r="V1108" s="119"/>
      <c r="W1108" s="119"/>
      <c r="X1108" s="119"/>
      <c r="Y1108" s="119"/>
      <c r="Z1108" s="119"/>
      <c r="AA1108" s="119"/>
      <c r="AB1108" s="119"/>
      <c r="AC1108" s="119"/>
      <c r="AD1108" s="119"/>
      <c r="AE1108" s="119"/>
      <c r="AF1108" s="119"/>
      <c r="AG1108" s="119"/>
      <c r="AH1108" s="119"/>
      <c r="AI1108" s="119"/>
      <c r="AJ1108" s="119"/>
      <c r="AK1108" s="119"/>
      <c r="AL1108" s="119"/>
      <c r="AM1108" s="119"/>
      <c r="AN1108" s="119"/>
      <c r="AO1108" s="119"/>
      <c r="AP1108" s="119"/>
      <c r="AQ1108" s="119"/>
      <c r="AR1108" s="119"/>
      <c r="AS1108" s="119"/>
      <c r="AT1108" s="119"/>
      <c r="AU1108" s="119"/>
      <c r="AV1108" s="119"/>
      <c r="AW1108" s="119"/>
      <c r="AX1108" s="119"/>
      <c r="AY1108" s="119"/>
      <c r="AZ1108" s="119"/>
      <c r="BA1108" s="119"/>
      <c r="BB1108" s="107">
        <v>45884</v>
      </c>
    </row>
    <row r="1109" spans="1:54" s="207" customFormat="1" ht="13.95" customHeight="1" x14ac:dyDescent="0.25">
      <c r="A1109" s="208" t="s">
        <v>2712</v>
      </c>
      <c r="B1109" s="209" t="s">
        <v>20420</v>
      </c>
      <c r="C1109" s="113" t="s">
        <v>2713</v>
      </c>
      <c r="D1109" s="113" t="s">
        <v>23052</v>
      </c>
      <c r="E1109" s="210">
        <v>1976</v>
      </c>
      <c r="F1109" s="210">
        <v>1049</v>
      </c>
      <c r="G1109" s="113" t="s">
        <v>1</v>
      </c>
      <c r="H1109" s="113">
        <v>0</v>
      </c>
      <c r="I1109" s="113">
        <v>0</v>
      </c>
      <c r="J1109" s="115">
        <v>1</v>
      </c>
      <c r="K1109" s="116" t="s">
        <v>174</v>
      </c>
      <c r="L1109" s="115">
        <v>1</v>
      </c>
      <c r="M1109" s="115">
        <v>1</v>
      </c>
      <c r="N1109" s="115">
        <v>0</v>
      </c>
      <c r="O1109" s="115">
        <v>1</v>
      </c>
      <c r="P1109" s="115" t="s">
        <v>400</v>
      </c>
      <c r="Q1109" s="115" t="s">
        <v>400</v>
      </c>
      <c r="R1109" s="115">
        <v>1</v>
      </c>
      <c r="S1109" s="115">
        <v>0</v>
      </c>
      <c r="T1109" s="115">
        <v>0</v>
      </c>
      <c r="U1109" s="119"/>
      <c r="V1109" s="119"/>
      <c r="W1109" s="119"/>
      <c r="X1109" s="119"/>
      <c r="Y1109" s="119"/>
      <c r="Z1109" s="119"/>
      <c r="AA1109" s="119"/>
      <c r="AB1109" s="119"/>
      <c r="AC1109" s="119"/>
      <c r="AD1109" s="119"/>
      <c r="AE1109" s="119"/>
      <c r="AF1109" s="119"/>
      <c r="AG1109" s="119"/>
      <c r="AH1109" s="119"/>
      <c r="AI1109" s="119"/>
      <c r="AJ1109" s="119"/>
      <c r="AK1109" s="119"/>
      <c r="AL1109" s="119"/>
      <c r="AM1109" s="119"/>
      <c r="AN1109" s="119"/>
      <c r="AO1109" s="119"/>
      <c r="AP1109" s="119"/>
      <c r="AQ1109" s="119"/>
      <c r="AR1109" s="119"/>
      <c r="AS1109" s="119"/>
      <c r="AT1109" s="119"/>
      <c r="AU1109" s="119"/>
      <c r="AV1109" s="119"/>
      <c r="AW1109" s="119"/>
      <c r="AX1109" s="119"/>
      <c r="AY1109" s="119"/>
      <c r="AZ1109" s="119"/>
      <c r="BA1109" s="119"/>
      <c r="BB1109" s="107">
        <v>45884</v>
      </c>
    </row>
    <row r="1110" spans="1:54" s="207" customFormat="1" ht="13.95" customHeight="1" x14ac:dyDescent="0.25">
      <c r="A1110" s="208" t="s">
        <v>2714</v>
      </c>
      <c r="B1110" s="209" t="s">
        <v>20420</v>
      </c>
      <c r="C1110" s="113" t="s">
        <v>2715</v>
      </c>
      <c r="D1110" s="113" t="s">
        <v>23053</v>
      </c>
      <c r="E1110" s="210">
        <v>1980</v>
      </c>
      <c r="F1110" s="210">
        <v>1049</v>
      </c>
      <c r="G1110" s="113" t="s">
        <v>1</v>
      </c>
      <c r="H1110" s="113">
        <v>0</v>
      </c>
      <c r="I1110" s="113">
        <v>0</v>
      </c>
      <c r="J1110" s="115">
        <v>1</v>
      </c>
      <c r="K1110" s="116" t="s">
        <v>174</v>
      </c>
      <c r="L1110" s="115">
        <v>0</v>
      </c>
      <c r="M1110" s="115">
        <v>0</v>
      </c>
      <c r="N1110" s="115">
        <v>0</v>
      </c>
      <c r="O1110" s="115">
        <v>0</v>
      </c>
      <c r="P1110" s="115" t="s">
        <v>400</v>
      </c>
      <c r="Q1110" s="115" t="s">
        <v>400</v>
      </c>
      <c r="R1110" s="115">
        <v>0</v>
      </c>
      <c r="S1110" s="115">
        <v>0</v>
      </c>
      <c r="T1110" s="115">
        <v>0</v>
      </c>
      <c r="U1110" s="119"/>
      <c r="V1110" s="119"/>
      <c r="W1110" s="119"/>
      <c r="X1110" s="119"/>
      <c r="Y1110" s="119"/>
      <c r="Z1110" s="119"/>
      <c r="AA1110" s="119"/>
      <c r="AB1110" s="119"/>
      <c r="AC1110" s="119"/>
      <c r="AD1110" s="119"/>
      <c r="AE1110" s="119"/>
      <c r="AF1110" s="119"/>
      <c r="AG1110" s="119"/>
      <c r="AH1110" s="119"/>
      <c r="AI1110" s="119"/>
      <c r="AJ1110" s="119"/>
      <c r="AK1110" s="119"/>
      <c r="AL1110" s="119"/>
      <c r="AM1110" s="119"/>
      <c r="AN1110" s="119"/>
      <c r="AO1110" s="119"/>
      <c r="AP1110" s="119"/>
      <c r="AQ1110" s="119"/>
      <c r="AR1110" s="119"/>
      <c r="AS1110" s="119"/>
      <c r="AT1110" s="119"/>
      <c r="AU1110" s="119"/>
      <c r="AV1110" s="119"/>
      <c r="AW1110" s="119"/>
      <c r="AX1110" s="119"/>
      <c r="AY1110" s="119"/>
      <c r="AZ1110" s="119"/>
      <c r="BA1110" s="119"/>
      <c r="BB1110" s="107">
        <v>45884</v>
      </c>
    </row>
    <row r="1111" spans="1:54" s="207" customFormat="1" ht="13.95" customHeight="1" x14ac:dyDescent="0.25">
      <c r="A1111" s="208" t="s">
        <v>2716</v>
      </c>
      <c r="B1111" s="209" t="s">
        <v>20420</v>
      </c>
      <c r="C1111" s="113" t="s">
        <v>2717</v>
      </c>
      <c r="D1111" s="113" t="s">
        <v>23054</v>
      </c>
      <c r="E1111" s="210">
        <v>1997</v>
      </c>
      <c r="F1111" s="210">
        <v>1051</v>
      </c>
      <c r="G1111" s="113" t="s">
        <v>1</v>
      </c>
      <c r="H1111" s="113">
        <v>0</v>
      </c>
      <c r="I1111" s="113">
        <v>0</v>
      </c>
      <c r="J1111" s="115">
        <v>1</v>
      </c>
      <c r="K1111" s="116" t="s">
        <v>174</v>
      </c>
      <c r="L1111" s="115">
        <v>1</v>
      </c>
      <c r="M1111" s="115">
        <v>0</v>
      </c>
      <c r="N1111" s="115">
        <v>0</v>
      </c>
      <c r="O1111" s="115">
        <v>1</v>
      </c>
      <c r="P1111" s="115">
        <v>1</v>
      </c>
      <c r="Q1111" s="115" t="s">
        <v>400</v>
      </c>
      <c r="R1111" s="115">
        <v>0</v>
      </c>
      <c r="S1111" s="115">
        <v>0</v>
      </c>
      <c r="T1111" s="115">
        <v>0</v>
      </c>
      <c r="U1111" s="119"/>
      <c r="V1111" s="119"/>
      <c r="W1111" s="119"/>
      <c r="X1111" s="119"/>
      <c r="Y1111" s="119"/>
      <c r="Z1111" s="119"/>
      <c r="AA1111" s="119"/>
      <c r="AB1111" s="119"/>
      <c r="AC1111" s="119"/>
      <c r="AD1111" s="119"/>
      <c r="AE1111" s="119"/>
      <c r="AF1111" s="119"/>
      <c r="AG1111" s="119"/>
      <c r="AH1111" s="119"/>
      <c r="AI1111" s="119"/>
      <c r="AJ1111" s="119"/>
      <c r="AK1111" s="119"/>
      <c r="AL1111" s="119"/>
      <c r="AM1111" s="119"/>
      <c r="AN1111" s="119"/>
      <c r="AO1111" s="119"/>
      <c r="AP1111" s="119"/>
      <c r="AQ1111" s="119"/>
      <c r="AR1111" s="119"/>
      <c r="AS1111" s="119"/>
      <c r="AT1111" s="119"/>
      <c r="AU1111" s="119"/>
      <c r="AV1111" s="119"/>
      <c r="AW1111" s="119"/>
      <c r="AX1111" s="119"/>
      <c r="AY1111" s="119"/>
      <c r="AZ1111" s="119"/>
      <c r="BA1111" s="119"/>
      <c r="BB1111" s="107">
        <v>45884</v>
      </c>
    </row>
    <row r="1112" spans="1:54" s="207" customFormat="1" ht="13.95" customHeight="1" x14ac:dyDescent="0.25">
      <c r="A1112" s="208" t="s">
        <v>2718</v>
      </c>
      <c r="B1112" s="209" t="s">
        <v>20420</v>
      </c>
      <c r="C1112" s="113" t="s">
        <v>2719</v>
      </c>
      <c r="D1112" s="113" t="s">
        <v>23055</v>
      </c>
      <c r="E1112" s="210">
        <v>2006</v>
      </c>
      <c r="F1112" s="210">
        <v>1053</v>
      </c>
      <c r="G1112" s="113" t="s">
        <v>1</v>
      </c>
      <c r="H1112" s="113">
        <v>0</v>
      </c>
      <c r="I1112" s="113">
        <v>0</v>
      </c>
      <c r="J1112" s="115">
        <v>1</v>
      </c>
      <c r="K1112" s="211">
        <v>1</v>
      </c>
      <c r="L1112" s="115">
        <v>1</v>
      </c>
      <c r="M1112" s="115">
        <v>0</v>
      </c>
      <c r="N1112" s="115">
        <v>0</v>
      </c>
      <c r="O1112" s="115">
        <v>0</v>
      </c>
      <c r="P1112" s="115">
        <v>1</v>
      </c>
      <c r="Q1112" s="115" t="s">
        <v>400</v>
      </c>
      <c r="R1112" s="115">
        <v>1</v>
      </c>
      <c r="S1112" s="115">
        <v>0</v>
      </c>
      <c r="T1112" s="115">
        <v>0</v>
      </c>
      <c r="U1112" s="119"/>
      <c r="V1112" s="119"/>
      <c r="W1112" s="119"/>
      <c r="X1112" s="119"/>
      <c r="Y1112" s="119"/>
      <c r="Z1112" s="119"/>
      <c r="AA1112" s="119"/>
      <c r="AB1112" s="119"/>
      <c r="AC1112" s="119"/>
      <c r="AD1112" s="119"/>
      <c r="AE1112" s="119"/>
      <c r="AF1112" s="119"/>
      <c r="AG1112" s="119"/>
      <c r="AH1112" s="119"/>
      <c r="AI1112" s="119"/>
      <c r="AJ1112" s="119"/>
      <c r="AK1112" s="119"/>
      <c r="AL1112" s="119"/>
      <c r="AM1112" s="119"/>
      <c r="AN1112" s="119"/>
      <c r="AO1112" s="119"/>
      <c r="AP1112" s="119"/>
      <c r="AQ1112" s="119"/>
      <c r="AR1112" s="119"/>
      <c r="AS1112" s="119"/>
      <c r="AT1112" s="119"/>
      <c r="AU1112" s="119"/>
      <c r="AV1112" s="119"/>
      <c r="AW1112" s="119"/>
      <c r="AX1112" s="119"/>
      <c r="AY1112" s="119"/>
      <c r="AZ1112" s="119"/>
      <c r="BA1112" s="119"/>
      <c r="BB1112" s="107">
        <v>45884</v>
      </c>
    </row>
    <row r="1113" spans="1:54" s="207" customFormat="1" ht="13.95" customHeight="1" x14ac:dyDescent="0.25">
      <c r="A1113" s="208" t="s">
        <v>2720</v>
      </c>
      <c r="B1113" s="209" t="s">
        <v>20420</v>
      </c>
      <c r="C1113" s="113" t="s">
        <v>2721</v>
      </c>
      <c r="D1113" s="113" t="s">
        <v>23056</v>
      </c>
      <c r="E1113" s="210">
        <v>1980</v>
      </c>
      <c r="F1113" s="210">
        <v>1054</v>
      </c>
      <c r="G1113" s="113" t="s">
        <v>1</v>
      </c>
      <c r="H1113" s="113">
        <v>0</v>
      </c>
      <c r="I1113" s="113">
        <v>0</v>
      </c>
      <c r="J1113" s="115">
        <v>1</v>
      </c>
      <c r="K1113" s="116" t="s">
        <v>174</v>
      </c>
      <c r="L1113" s="115">
        <v>1</v>
      </c>
      <c r="M1113" s="115">
        <v>1</v>
      </c>
      <c r="N1113" s="115">
        <v>1</v>
      </c>
      <c r="O1113" s="115">
        <v>1</v>
      </c>
      <c r="P1113" s="115" t="s">
        <v>400</v>
      </c>
      <c r="Q1113" s="115" t="s">
        <v>400</v>
      </c>
      <c r="R1113" s="115">
        <v>1</v>
      </c>
      <c r="S1113" s="115">
        <v>0</v>
      </c>
      <c r="T1113" s="115">
        <v>0</v>
      </c>
      <c r="U1113" s="119"/>
      <c r="V1113" s="119"/>
      <c r="W1113" s="119"/>
      <c r="X1113" s="119"/>
      <c r="Y1113" s="119"/>
      <c r="Z1113" s="119"/>
      <c r="AA1113" s="119"/>
      <c r="AB1113" s="119"/>
      <c r="AC1113" s="119"/>
      <c r="AD1113" s="119"/>
      <c r="AE1113" s="119"/>
      <c r="AF1113" s="119"/>
      <c r="AG1113" s="119"/>
      <c r="AH1113" s="119"/>
      <c r="AI1113" s="119"/>
      <c r="AJ1113" s="119"/>
      <c r="AK1113" s="119"/>
      <c r="AL1113" s="119"/>
      <c r="AM1113" s="119"/>
      <c r="AN1113" s="119"/>
      <c r="AO1113" s="119"/>
      <c r="AP1113" s="119"/>
      <c r="AQ1113" s="119"/>
      <c r="AR1113" s="119"/>
      <c r="AS1113" s="119"/>
      <c r="AT1113" s="119"/>
      <c r="AU1113" s="119"/>
      <c r="AV1113" s="119"/>
      <c r="AW1113" s="119"/>
      <c r="AX1113" s="119"/>
      <c r="AY1113" s="119"/>
      <c r="AZ1113" s="119"/>
      <c r="BA1113" s="119"/>
      <c r="BB1113" s="107">
        <v>45884</v>
      </c>
    </row>
    <row r="1114" spans="1:54" s="207" customFormat="1" ht="13.95" customHeight="1" x14ac:dyDescent="0.25">
      <c r="A1114" s="208" t="s">
        <v>2722</v>
      </c>
      <c r="B1114" s="209" t="s">
        <v>20420</v>
      </c>
      <c r="C1114" s="113" t="s">
        <v>2723</v>
      </c>
      <c r="D1114" s="113" t="s">
        <v>2724</v>
      </c>
      <c r="E1114" s="210">
        <v>1997</v>
      </c>
      <c r="F1114" s="210">
        <v>1056</v>
      </c>
      <c r="G1114" s="113" t="s">
        <v>1</v>
      </c>
      <c r="H1114" s="113">
        <v>0</v>
      </c>
      <c r="I1114" s="113">
        <v>0</v>
      </c>
      <c r="J1114" s="115">
        <v>1</v>
      </c>
      <c r="K1114" s="116" t="s">
        <v>174</v>
      </c>
      <c r="L1114" s="115">
        <v>1</v>
      </c>
      <c r="M1114" s="115">
        <v>0</v>
      </c>
      <c r="N1114" s="115">
        <v>0</v>
      </c>
      <c r="O1114" s="115">
        <v>1</v>
      </c>
      <c r="P1114" s="115">
        <v>1</v>
      </c>
      <c r="Q1114" s="115" t="s">
        <v>400</v>
      </c>
      <c r="R1114" s="115">
        <v>1</v>
      </c>
      <c r="S1114" s="115">
        <v>0</v>
      </c>
      <c r="T1114" s="115">
        <v>0</v>
      </c>
      <c r="U1114" s="119"/>
      <c r="V1114" s="119"/>
      <c r="W1114" s="119"/>
      <c r="X1114" s="119"/>
      <c r="Y1114" s="119"/>
      <c r="Z1114" s="119"/>
      <c r="AA1114" s="119"/>
      <c r="AB1114" s="119"/>
      <c r="AC1114" s="119"/>
      <c r="AD1114" s="119"/>
      <c r="AE1114" s="119"/>
      <c r="AF1114" s="119"/>
      <c r="AG1114" s="119"/>
      <c r="AH1114" s="119"/>
      <c r="AI1114" s="119"/>
      <c r="AJ1114" s="119"/>
      <c r="AK1114" s="119"/>
      <c r="AL1114" s="119"/>
      <c r="AM1114" s="119"/>
      <c r="AN1114" s="119"/>
      <c r="AO1114" s="119"/>
      <c r="AP1114" s="119"/>
      <c r="AQ1114" s="119"/>
      <c r="AR1114" s="119"/>
      <c r="AS1114" s="119"/>
      <c r="AT1114" s="119"/>
      <c r="AU1114" s="119"/>
      <c r="AV1114" s="119"/>
      <c r="AW1114" s="119"/>
      <c r="AX1114" s="119"/>
      <c r="AY1114" s="119"/>
      <c r="AZ1114" s="119"/>
      <c r="BA1114" s="119"/>
      <c r="BB1114" s="107">
        <v>45884</v>
      </c>
    </row>
    <row r="1115" spans="1:54" s="207" customFormat="1" ht="13.95" customHeight="1" x14ac:dyDescent="0.25">
      <c r="A1115" s="208" t="s">
        <v>2725</v>
      </c>
      <c r="B1115" s="209" t="s">
        <v>20420</v>
      </c>
      <c r="C1115" s="113" t="s">
        <v>2726</v>
      </c>
      <c r="D1115" s="113" t="s">
        <v>2727</v>
      </c>
      <c r="E1115" s="210">
        <v>1998</v>
      </c>
      <c r="F1115" s="210">
        <v>1057</v>
      </c>
      <c r="G1115" s="113" t="s">
        <v>1</v>
      </c>
      <c r="H1115" s="113">
        <v>0</v>
      </c>
      <c r="I1115" s="113">
        <v>0</v>
      </c>
      <c r="J1115" s="115">
        <v>1</v>
      </c>
      <c r="K1115" s="116" t="s">
        <v>174</v>
      </c>
      <c r="L1115" s="115">
        <v>0</v>
      </c>
      <c r="M1115" s="115">
        <v>0</v>
      </c>
      <c r="N1115" s="115">
        <v>0</v>
      </c>
      <c r="O1115" s="115">
        <v>0</v>
      </c>
      <c r="P1115" s="115" t="s">
        <v>400</v>
      </c>
      <c r="Q1115" s="115" t="s">
        <v>400</v>
      </c>
      <c r="R1115" s="115">
        <v>0</v>
      </c>
      <c r="S1115" s="115">
        <v>0</v>
      </c>
      <c r="T1115" s="115">
        <v>0</v>
      </c>
      <c r="U1115" s="119"/>
      <c r="V1115" s="119"/>
      <c r="W1115" s="119"/>
      <c r="X1115" s="119"/>
      <c r="Y1115" s="119"/>
      <c r="Z1115" s="119"/>
      <c r="AA1115" s="119"/>
      <c r="AB1115" s="119"/>
      <c r="AC1115" s="119"/>
      <c r="AD1115" s="119"/>
      <c r="AE1115" s="119"/>
      <c r="AF1115" s="119"/>
      <c r="AG1115" s="119"/>
      <c r="AH1115" s="119"/>
      <c r="AI1115" s="119"/>
      <c r="AJ1115" s="119"/>
      <c r="AK1115" s="119"/>
      <c r="AL1115" s="119"/>
      <c r="AM1115" s="119"/>
      <c r="AN1115" s="119"/>
      <c r="AO1115" s="119"/>
      <c r="AP1115" s="119"/>
      <c r="AQ1115" s="119"/>
      <c r="AR1115" s="119"/>
      <c r="AS1115" s="119"/>
      <c r="AT1115" s="119"/>
      <c r="AU1115" s="119"/>
      <c r="AV1115" s="119"/>
      <c r="AW1115" s="119"/>
      <c r="AX1115" s="119"/>
      <c r="AY1115" s="119"/>
      <c r="AZ1115" s="119"/>
      <c r="BA1115" s="119"/>
      <c r="BB1115" s="107">
        <v>45884</v>
      </c>
    </row>
    <row r="1116" spans="1:54" s="207" customFormat="1" ht="13.95" customHeight="1" x14ac:dyDescent="0.25">
      <c r="A1116" s="208" t="s">
        <v>2728</v>
      </c>
      <c r="B1116" s="209" t="s">
        <v>20420</v>
      </c>
      <c r="C1116" s="113" t="s">
        <v>2729</v>
      </c>
      <c r="D1116" s="113" t="s">
        <v>23057</v>
      </c>
      <c r="E1116" s="210">
        <v>1992</v>
      </c>
      <c r="F1116" s="210">
        <v>1057</v>
      </c>
      <c r="G1116" s="113" t="s">
        <v>1</v>
      </c>
      <c r="H1116" s="113">
        <v>0</v>
      </c>
      <c r="I1116" s="113">
        <v>0</v>
      </c>
      <c r="J1116" s="115">
        <v>1</v>
      </c>
      <c r="K1116" s="211">
        <v>1</v>
      </c>
      <c r="L1116" s="115">
        <v>1</v>
      </c>
      <c r="M1116" s="115">
        <v>0</v>
      </c>
      <c r="N1116" s="115">
        <v>0</v>
      </c>
      <c r="O1116" s="115">
        <v>0</v>
      </c>
      <c r="P1116" s="115" t="s">
        <v>400</v>
      </c>
      <c r="Q1116" s="115" t="s">
        <v>400</v>
      </c>
      <c r="R1116" s="115">
        <v>0</v>
      </c>
      <c r="S1116" s="115">
        <v>0</v>
      </c>
      <c r="T1116" s="115">
        <v>0</v>
      </c>
      <c r="U1116" s="119"/>
      <c r="V1116" s="119"/>
      <c r="W1116" s="119"/>
      <c r="X1116" s="119"/>
      <c r="Y1116" s="119"/>
      <c r="Z1116" s="119"/>
      <c r="AA1116" s="119"/>
      <c r="AB1116" s="119"/>
      <c r="AC1116" s="119"/>
      <c r="AD1116" s="119"/>
      <c r="AE1116" s="119"/>
      <c r="AF1116" s="119"/>
      <c r="AG1116" s="119"/>
      <c r="AH1116" s="119"/>
      <c r="AI1116" s="119"/>
      <c r="AJ1116" s="119"/>
      <c r="AK1116" s="119"/>
      <c r="AL1116" s="119"/>
      <c r="AM1116" s="119"/>
      <c r="AN1116" s="119"/>
      <c r="AO1116" s="119"/>
      <c r="AP1116" s="119"/>
      <c r="AQ1116" s="119"/>
      <c r="AR1116" s="119"/>
      <c r="AS1116" s="119"/>
      <c r="AT1116" s="119"/>
      <c r="AU1116" s="119"/>
      <c r="AV1116" s="119"/>
      <c r="AW1116" s="119"/>
      <c r="AX1116" s="119"/>
      <c r="AY1116" s="119"/>
      <c r="AZ1116" s="119"/>
      <c r="BA1116" s="119"/>
      <c r="BB1116" s="107">
        <v>45884</v>
      </c>
    </row>
    <row r="1117" spans="1:54" s="207" customFormat="1" ht="13.95" customHeight="1" x14ac:dyDescent="0.25">
      <c r="A1117" s="208" t="s">
        <v>2730</v>
      </c>
      <c r="B1117" s="209" t="s">
        <v>20420</v>
      </c>
      <c r="C1117" s="113" t="s">
        <v>2731</v>
      </c>
      <c r="D1117" s="113" t="s">
        <v>2732</v>
      </c>
      <c r="E1117" s="210">
        <v>1972</v>
      </c>
      <c r="F1117" s="210">
        <v>1057</v>
      </c>
      <c r="G1117" s="113" t="s">
        <v>1</v>
      </c>
      <c r="H1117" s="113">
        <v>0</v>
      </c>
      <c r="I1117" s="113">
        <v>0</v>
      </c>
      <c r="J1117" s="115">
        <v>1</v>
      </c>
      <c r="K1117" s="116" t="s">
        <v>174</v>
      </c>
      <c r="L1117" s="115">
        <v>1</v>
      </c>
      <c r="M1117" s="115">
        <v>0</v>
      </c>
      <c r="N1117" s="115">
        <v>0</v>
      </c>
      <c r="O1117" s="115">
        <v>1</v>
      </c>
      <c r="P1117" s="115">
        <v>1</v>
      </c>
      <c r="Q1117" s="115" t="s">
        <v>400</v>
      </c>
      <c r="R1117" s="115">
        <v>1</v>
      </c>
      <c r="S1117" s="115">
        <v>0</v>
      </c>
      <c r="T1117" s="115">
        <v>0</v>
      </c>
      <c r="U1117" s="119"/>
      <c r="V1117" s="119"/>
      <c r="W1117" s="119"/>
      <c r="X1117" s="119"/>
      <c r="Y1117" s="119"/>
      <c r="Z1117" s="119"/>
      <c r="AA1117" s="119"/>
      <c r="AB1117" s="119"/>
      <c r="AC1117" s="119"/>
      <c r="AD1117" s="119"/>
      <c r="AE1117" s="119"/>
      <c r="AF1117" s="119"/>
      <c r="AG1117" s="119"/>
      <c r="AH1117" s="119"/>
      <c r="AI1117" s="119"/>
      <c r="AJ1117" s="119"/>
      <c r="AK1117" s="119"/>
      <c r="AL1117" s="119"/>
      <c r="AM1117" s="119"/>
      <c r="AN1117" s="119"/>
      <c r="AO1117" s="119"/>
      <c r="AP1117" s="119"/>
      <c r="AQ1117" s="119"/>
      <c r="AR1117" s="119"/>
      <c r="AS1117" s="119"/>
      <c r="AT1117" s="119"/>
      <c r="AU1117" s="119"/>
      <c r="AV1117" s="119"/>
      <c r="AW1117" s="119"/>
      <c r="AX1117" s="119"/>
      <c r="AY1117" s="119"/>
      <c r="AZ1117" s="119"/>
      <c r="BA1117" s="119"/>
      <c r="BB1117" s="107">
        <v>45884</v>
      </c>
    </row>
    <row r="1118" spans="1:54" s="207" customFormat="1" ht="13.95" customHeight="1" x14ac:dyDescent="0.25">
      <c r="A1118" s="208" t="s">
        <v>2733</v>
      </c>
      <c r="B1118" s="209" t="s">
        <v>20420</v>
      </c>
      <c r="C1118" s="113" t="s">
        <v>2734</v>
      </c>
      <c r="D1118" s="113" t="s">
        <v>23058</v>
      </c>
      <c r="E1118" s="210">
        <v>1977</v>
      </c>
      <c r="F1118" s="210">
        <v>1058</v>
      </c>
      <c r="G1118" s="113" t="s">
        <v>1</v>
      </c>
      <c r="H1118" s="113">
        <v>0</v>
      </c>
      <c r="I1118" s="113">
        <v>0</v>
      </c>
      <c r="J1118" s="115">
        <v>1</v>
      </c>
      <c r="K1118" s="116" t="s">
        <v>174</v>
      </c>
      <c r="L1118" s="115">
        <v>1</v>
      </c>
      <c r="M1118" s="115">
        <v>0</v>
      </c>
      <c r="N1118" s="115">
        <v>1</v>
      </c>
      <c r="O1118" s="115">
        <v>1</v>
      </c>
      <c r="P1118" s="115">
        <v>1</v>
      </c>
      <c r="Q1118" s="115" t="s">
        <v>400</v>
      </c>
      <c r="R1118" s="115">
        <v>1</v>
      </c>
      <c r="S1118" s="115">
        <v>0</v>
      </c>
      <c r="T1118" s="115">
        <v>0</v>
      </c>
      <c r="U1118" s="119"/>
      <c r="V1118" s="119"/>
      <c r="W1118" s="119"/>
      <c r="X1118" s="119"/>
      <c r="Y1118" s="119"/>
      <c r="Z1118" s="119"/>
      <c r="AA1118" s="119"/>
      <c r="AB1118" s="119"/>
      <c r="AC1118" s="119"/>
      <c r="AD1118" s="119"/>
      <c r="AE1118" s="119"/>
      <c r="AF1118" s="119"/>
      <c r="AG1118" s="119"/>
      <c r="AH1118" s="119"/>
      <c r="AI1118" s="119"/>
      <c r="AJ1118" s="119"/>
      <c r="AK1118" s="119"/>
      <c r="AL1118" s="119"/>
      <c r="AM1118" s="119"/>
      <c r="AN1118" s="119"/>
      <c r="AO1118" s="119"/>
      <c r="AP1118" s="119"/>
      <c r="AQ1118" s="119"/>
      <c r="AR1118" s="119"/>
      <c r="AS1118" s="119"/>
      <c r="AT1118" s="119"/>
      <c r="AU1118" s="119"/>
      <c r="AV1118" s="119"/>
      <c r="AW1118" s="119"/>
      <c r="AX1118" s="119"/>
      <c r="AY1118" s="119"/>
      <c r="AZ1118" s="119"/>
      <c r="BA1118" s="119"/>
      <c r="BB1118" s="107">
        <v>45884</v>
      </c>
    </row>
    <row r="1119" spans="1:54" s="207" customFormat="1" ht="13.95" customHeight="1" x14ac:dyDescent="0.25">
      <c r="A1119" s="208" t="s">
        <v>2735</v>
      </c>
      <c r="B1119" s="209" t="s">
        <v>20420</v>
      </c>
      <c r="C1119" s="113" t="s">
        <v>2736</v>
      </c>
      <c r="D1119" s="113" t="s">
        <v>2737</v>
      </c>
      <c r="E1119" s="210">
        <v>1982</v>
      </c>
      <c r="F1119" s="210">
        <v>1058</v>
      </c>
      <c r="G1119" s="113" t="s">
        <v>1</v>
      </c>
      <c r="H1119" s="113">
        <v>0</v>
      </c>
      <c r="I1119" s="113">
        <v>0</v>
      </c>
      <c r="J1119" s="115">
        <v>1</v>
      </c>
      <c r="K1119" s="116" t="s">
        <v>174</v>
      </c>
      <c r="L1119" s="115">
        <v>1</v>
      </c>
      <c r="M1119" s="115">
        <v>0</v>
      </c>
      <c r="N1119" s="115">
        <v>0</v>
      </c>
      <c r="O1119" s="115">
        <v>1</v>
      </c>
      <c r="P1119" s="115">
        <v>1</v>
      </c>
      <c r="Q1119" s="115" t="s">
        <v>400</v>
      </c>
      <c r="R1119" s="115">
        <v>1</v>
      </c>
      <c r="S1119" s="115">
        <v>0</v>
      </c>
      <c r="T1119" s="115">
        <v>0</v>
      </c>
      <c r="U1119" s="119"/>
      <c r="V1119" s="119"/>
      <c r="W1119" s="119"/>
      <c r="X1119" s="119"/>
      <c r="Y1119" s="119"/>
      <c r="Z1119" s="119"/>
      <c r="AA1119" s="119"/>
      <c r="AB1119" s="119"/>
      <c r="AC1119" s="119"/>
      <c r="AD1119" s="119"/>
      <c r="AE1119" s="119"/>
      <c r="AF1119" s="119"/>
      <c r="AG1119" s="119"/>
      <c r="AH1119" s="119"/>
      <c r="AI1119" s="119"/>
      <c r="AJ1119" s="119"/>
      <c r="AK1119" s="119"/>
      <c r="AL1119" s="119"/>
      <c r="AM1119" s="119"/>
      <c r="AN1119" s="119"/>
      <c r="AO1119" s="119"/>
      <c r="AP1119" s="119"/>
      <c r="AQ1119" s="119"/>
      <c r="AR1119" s="119"/>
      <c r="AS1119" s="119"/>
      <c r="AT1119" s="119"/>
      <c r="AU1119" s="119"/>
      <c r="AV1119" s="119"/>
      <c r="AW1119" s="119"/>
      <c r="AX1119" s="119"/>
      <c r="AY1119" s="119"/>
      <c r="AZ1119" s="119"/>
      <c r="BA1119" s="119"/>
      <c r="BB1119" s="107">
        <v>45884</v>
      </c>
    </row>
    <row r="1120" spans="1:54" s="207" customFormat="1" ht="13.95" customHeight="1" x14ac:dyDescent="0.25">
      <c r="A1120" s="208" t="s">
        <v>2738</v>
      </c>
      <c r="B1120" s="209" t="s">
        <v>20420</v>
      </c>
      <c r="C1120" s="113" t="s">
        <v>2739</v>
      </c>
      <c r="D1120" s="113" t="s">
        <v>23059</v>
      </c>
      <c r="E1120" s="210">
        <v>1984</v>
      </c>
      <c r="F1120" s="210">
        <v>1060</v>
      </c>
      <c r="G1120" s="113" t="s">
        <v>1</v>
      </c>
      <c r="H1120" s="113">
        <v>0</v>
      </c>
      <c r="I1120" s="113">
        <v>0</v>
      </c>
      <c r="J1120" s="115">
        <v>1</v>
      </c>
      <c r="K1120" s="116" t="s">
        <v>174</v>
      </c>
      <c r="L1120" s="115">
        <v>1</v>
      </c>
      <c r="M1120" s="115">
        <v>0</v>
      </c>
      <c r="N1120" s="115">
        <v>0</v>
      </c>
      <c r="O1120" s="115">
        <v>1</v>
      </c>
      <c r="P1120" s="115">
        <v>1</v>
      </c>
      <c r="Q1120" s="115" t="s">
        <v>400</v>
      </c>
      <c r="R1120" s="115">
        <v>0</v>
      </c>
      <c r="S1120" s="115">
        <v>0</v>
      </c>
      <c r="T1120" s="115">
        <v>0</v>
      </c>
      <c r="U1120" s="119"/>
      <c r="V1120" s="119"/>
      <c r="W1120" s="119"/>
      <c r="X1120" s="119"/>
      <c r="Y1120" s="119"/>
      <c r="Z1120" s="119"/>
      <c r="AA1120" s="119"/>
      <c r="AB1120" s="119"/>
      <c r="AC1120" s="119"/>
      <c r="AD1120" s="119"/>
      <c r="AE1120" s="119"/>
      <c r="AF1120" s="119"/>
      <c r="AG1120" s="119"/>
      <c r="AH1120" s="119"/>
      <c r="AI1120" s="119"/>
      <c r="AJ1120" s="119"/>
      <c r="AK1120" s="119"/>
      <c r="AL1120" s="119"/>
      <c r="AM1120" s="119"/>
      <c r="AN1120" s="119"/>
      <c r="AO1120" s="119"/>
      <c r="AP1120" s="119"/>
      <c r="AQ1120" s="119"/>
      <c r="AR1120" s="119"/>
      <c r="AS1120" s="119"/>
      <c r="AT1120" s="119"/>
      <c r="AU1120" s="119"/>
      <c r="AV1120" s="119"/>
      <c r="AW1120" s="119"/>
      <c r="AX1120" s="119"/>
      <c r="AY1120" s="119"/>
      <c r="AZ1120" s="119"/>
      <c r="BA1120" s="119"/>
      <c r="BB1120" s="107">
        <v>45884</v>
      </c>
    </row>
    <row r="1121" spans="1:54" s="207" customFormat="1" ht="13.95" customHeight="1" x14ac:dyDescent="0.25">
      <c r="A1121" s="208" t="s">
        <v>2740</v>
      </c>
      <c r="B1121" s="209" t="s">
        <v>20420</v>
      </c>
      <c r="C1121" s="113" t="s">
        <v>2741</v>
      </c>
      <c r="D1121" s="113" t="s">
        <v>23060</v>
      </c>
      <c r="E1121" s="210">
        <v>1937</v>
      </c>
      <c r="F1121" s="210">
        <v>1061</v>
      </c>
      <c r="G1121" s="113" t="s">
        <v>1</v>
      </c>
      <c r="H1121" s="113">
        <v>0</v>
      </c>
      <c r="I1121" s="113">
        <v>0</v>
      </c>
      <c r="J1121" s="115">
        <v>1</v>
      </c>
      <c r="K1121" s="116" t="s">
        <v>174</v>
      </c>
      <c r="L1121" s="115">
        <v>1</v>
      </c>
      <c r="M1121" s="115">
        <v>0</v>
      </c>
      <c r="N1121" s="115">
        <v>0</v>
      </c>
      <c r="O1121" s="115">
        <v>1</v>
      </c>
      <c r="P1121" s="115">
        <v>1</v>
      </c>
      <c r="Q1121" s="115" t="s">
        <v>400</v>
      </c>
      <c r="R1121" s="115">
        <v>0</v>
      </c>
      <c r="S1121" s="115">
        <v>0</v>
      </c>
      <c r="T1121" s="115">
        <v>0</v>
      </c>
      <c r="U1121" s="119"/>
      <c r="V1121" s="119"/>
      <c r="W1121" s="119"/>
      <c r="X1121" s="119"/>
      <c r="Y1121" s="119"/>
      <c r="Z1121" s="119"/>
      <c r="AA1121" s="119"/>
      <c r="AB1121" s="119"/>
      <c r="AC1121" s="119"/>
      <c r="AD1121" s="119"/>
      <c r="AE1121" s="119"/>
      <c r="AF1121" s="119"/>
      <c r="AG1121" s="119"/>
      <c r="AH1121" s="119"/>
      <c r="AI1121" s="119"/>
      <c r="AJ1121" s="119"/>
      <c r="AK1121" s="119"/>
      <c r="AL1121" s="119"/>
      <c r="AM1121" s="119"/>
      <c r="AN1121" s="119"/>
      <c r="AO1121" s="119"/>
      <c r="AP1121" s="119"/>
      <c r="AQ1121" s="119"/>
      <c r="AR1121" s="119"/>
      <c r="AS1121" s="119"/>
      <c r="AT1121" s="119"/>
      <c r="AU1121" s="119"/>
      <c r="AV1121" s="119"/>
      <c r="AW1121" s="119"/>
      <c r="AX1121" s="119"/>
      <c r="AY1121" s="119"/>
      <c r="AZ1121" s="119"/>
      <c r="BA1121" s="119"/>
      <c r="BB1121" s="107">
        <v>45884</v>
      </c>
    </row>
    <row r="1122" spans="1:54" s="207" customFormat="1" ht="13.95" customHeight="1" x14ac:dyDescent="0.25">
      <c r="A1122" s="208" t="s">
        <v>2742</v>
      </c>
      <c r="B1122" s="209" t="s">
        <v>20420</v>
      </c>
      <c r="C1122" s="113" t="s">
        <v>2743</v>
      </c>
      <c r="D1122" s="113" t="s">
        <v>23061</v>
      </c>
      <c r="E1122" s="210">
        <v>2001</v>
      </c>
      <c r="F1122" s="210">
        <v>1062</v>
      </c>
      <c r="G1122" s="113" t="s">
        <v>1</v>
      </c>
      <c r="H1122" s="113">
        <v>0</v>
      </c>
      <c r="I1122" s="113">
        <v>0</v>
      </c>
      <c r="J1122" s="115">
        <v>1</v>
      </c>
      <c r="K1122" s="116" t="s">
        <v>174</v>
      </c>
      <c r="L1122" s="115">
        <v>0</v>
      </c>
      <c r="M1122" s="115">
        <v>0</v>
      </c>
      <c r="N1122" s="115">
        <v>0</v>
      </c>
      <c r="O1122" s="115">
        <v>0</v>
      </c>
      <c r="P1122" s="115" t="s">
        <v>400</v>
      </c>
      <c r="Q1122" s="115" t="s">
        <v>400</v>
      </c>
      <c r="R1122" s="115">
        <v>0</v>
      </c>
      <c r="S1122" s="115">
        <v>0</v>
      </c>
      <c r="T1122" s="115">
        <v>0</v>
      </c>
      <c r="U1122" s="119"/>
      <c r="V1122" s="119"/>
      <c r="W1122" s="119"/>
      <c r="X1122" s="119"/>
      <c r="Y1122" s="119"/>
      <c r="Z1122" s="119"/>
      <c r="AA1122" s="119"/>
      <c r="AB1122" s="119"/>
      <c r="AC1122" s="119"/>
      <c r="AD1122" s="119"/>
      <c r="AE1122" s="119"/>
      <c r="AF1122" s="119"/>
      <c r="AG1122" s="119"/>
      <c r="AH1122" s="119"/>
      <c r="AI1122" s="119"/>
      <c r="AJ1122" s="119"/>
      <c r="AK1122" s="119"/>
      <c r="AL1122" s="119"/>
      <c r="AM1122" s="119"/>
      <c r="AN1122" s="119"/>
      <c r="AO1122" s="119"/>
      <c r="AP1122" s="119"/>
      <c r="AQ1122" s="119"/>
      <c r="AR1122" s="119"/>
      <c r="AS1122" s="119"/>
      <c r="AT1122" s="119"/>
      <c r="AU1122" s="119"/>
      <c r="AV1122" s="119"/>
      <c r="AW1122" s="119"/>
      <c r="AX1122" s="119"/>
      <c r="AY1122" s="119"/>
      <c r="AZ1122" s="119"/>
      <c r="BA1122" s="119"/>
      <c r="BB1122" s="107">
        <v>45884</v>
      </c>
    </row>
    <row r="1123" spans="1:54" s="207" customFormat="1" ht="13.95" customHeight="1" x14ac:dyDescent="0.25">
      <c r="A1123" s="208" t="s">
        <v>2744</v>
      </c>
      <c r="B1123" s="209" t="s">
        <v>20420</v>
      </c>
      <c r="C1123" s="113" t="s">
        <v>2745</v>
      </c>
      <c r="D1123" s="113" t="s">
        <v>23062</v>
      </c>
      <c r="E1123" s="210">
        <v>1994</v>
      </c>
      <c r="F1123" s="210">
        <v>1064</v>
      </c>
      <c r="G1123" s="113" t="s">
        <v>1</v>
      </c>
      <c r="H1123" s="113">
        <v>0</v>
      </c>
      <c r="I1123" s="113">
        <v>0</v>
      </c>
      <c r="J1123" s="115">
        <v>1</v>
      </c>
      <c r="K1123" s="116" t="s">
        <v>174</v>
      </c>
      <c r="L1123" s="115">
        <v>1</v>
      </c>
      <c r="M1123" s="115">
        <v>0</v>
      </c>
      <c r="N1123" s="115">
        <v>0</v>
      </c>
      <c r="O1123" s="115">
        <v>1</v>
      </c>
      <c r="P1123" s="115">
        <v>1</v>
      </c>
      <c r="Q1123" s="115" t="s">
        <v>400</v>
      </c>
      <c r="R1123" s="115">
        <v>1</v>
      </c>
      <c r="S1123" s="115">
        <v>0</v>
      </c>
      <c r="T1123" s="115">
        <v>0</v>
      </c>
      <c r="U1123" s="119"/>
      <c r="V1123" s="119"/>
      <c r="W1123" s="119"/>
      <c r="X1123" s="119"/>
      <c r="Y1123" s="119"/>
      <c r="Z1123" s="119"/>
      <c r="AA1123" s="119"/>
      <c r="AB1123" s="119"/>
      <c r="AC1123" s="119"/>
      <c r="AD1123" s="119"/>
      <c r="AE1123" s="119"/>
      <c r="AF1123" s="119"/>
      <c r="AG1123" s="119"/>
      <c r="AH1123" s="119"/>
      <c r="AI1123" s="119"/>
      <c r="AJ1123" s="119"/>
      <c r="AK1123" s="119"/>
      <c r="AL1123" s="119"/>
      <c r="AM1123" s="119"/>
      <c r="AN1123" s="119"/>
      <c r="AO1123" s="119"/>
      <c r="AP1123" s="119"/>
      <c r="AQ1123" s="119"/>
      <c r="AR1123" s="119"/>
      <c r="AS1123" s="119"/>
      <c r="AT1123" s="119"/>
      <c r="AU1123" s="119"/>
      <c r="AV1123" s="119"/>
      <c r="AW1123" s="119"/>
      <c r="AX1123" s="119"/>
      <c r="AY1123" s="119"/>
      <c r="AZ1123" s="119"/>
      <c r="BA1123" s="119"/>
      <c r="BB1123" s="107">
        <v>45884</v>
      </c>
    </row>
    <row r="1124" spans="1:54" s="207" customFormat="1" ht="13.95" customHeight="1" x14ac:dyDescent="0.25">
      <c r="A1124" s="208" t="s">
        <v>2746</v>
      </c>
      <c r="B1124" s="209" t="s">
        <v>20420</v>
      </c>
      <c r="C1124" s="113" t="s">
        <v>2747</v>
      </c>
      <c r="D1124" s="113" t="s">
        <v>23063</v>
      </c>
      <c r="E1124" s="210">
        <v>2003</v>
      </c>
      <c r="F1124" s="210">
        <v>1065</v>
      </c>
      <c r="G1124" s="113" t="s">
        <v>1</v>
      </c>
      <c r="H1124" s="113">
        <v>0</v>
      </c>
      <c r="I1124" s="113">
        <v>0</v>
      </c>
      <c r="J1124" s="115">
        <v>1</v>
      </c>
      <c r="K1124" s="116" t="s">
        <v>174</v>
      </c>
      <c r="L1124" s="115">
        <v>1</v>
      </c>
      <c r="M1124" s="115">
        <v>1</v>
      </c>
      <c r="N1124" s="115">
        <v>0</v>
      </c>
      <c r="O1124" s="115">
        <v>0</v>
      </c>
      <c r="P1124" s="115" t="s">
        <v>400</v>
      </c>
      <c r="Q1124" s="115" t="s">
        <v>400</v>
      </c>
      <c r="R1124" s="115">
        <v>0</v>
      </c>
      <c r="S1124" s="115">
        <v>0</v>
      </c>
      <c r="T1124" s="115">
        <v>0</v>
      </c>
      <c r="U1124" s="119"/>
      <c r="V1124" s="119"/>
      <c r="W1124" s="119"/>
      <c r="X1124" s="119"/>
      <c r="Y1124" s="119"/>
      <c r="Z1124" s="119"/>
      <c r="AA1124" s="119"/>
      <c r="AB1124" s="119"/>
      <c r="AC1124" s="119"/>
      <c r="AD1124" s="119"/>
      <c r="AE1124" s="119"/>
      <c r="AF1124" s="119"/>
      <c r="AG1124" s="119"/>
      <c r="AH1124" s="119"/>
      <c r="AI1124" s="119"/>
      <c r="AJ1124" s="119"/>
      <c r="AK1124" s="119"/>
      <c r="AL1124" s="119"/>
      <c r="AM1124" s="119"/>
      <c r="AN1124" s="119"/>
      <c r="AO1124" s="119"/>
      <c r="AP1124" s="119"/>
      <c r="AQ1124" s="119"/>
      <c r="AR1124" s="119"/>
      <c r="AS1124" s="119"/>
      <c r="AT1124" s="119"/>
      <c r="AU1124" s="119"/>
      <c r="AV1124" s="119"/>
      <c r="AW1124" s="119"/>
      <c r="AX1124" s="119"/>
      <c r="AY1124" s="119"/>
      <c r="AZ1124" s="119"/>
      <c r="BA1124" s="119"/>
      <c r="BB1124" s="107">
        <v>45884</v>
      </c>
    </row>
    <row r="1125" spans="1:54" s="207" customFormat="1" ht="13.95" customHeight="1" x14ac:dyDescent="0.25">
      <c r="A1125" s="208" t="s">
        <v>2748</v>
      </c>
      <c r="B1125" s="209" t="s">
        <v>20420</v>
      </c>
      <c r="C1125" s="113" t="s">
        <v>2749</v>
      </c>
      <c r="D1125" s="113" t="s">
        <v>23064</v>
      </c>
      <c r="E1125" s="210">
        <v>1978</v>
      </c>
      <c r="F1125" s="210">
        <v>1066</v>
      </c>
      <c r="G1125" s="113" t="s">
        <v>1</v>
      </c>
      <c r="H1125" s="113">
        <v>0</v>
      </c>
      <c r="I1125" s="113">
        <v>0</v>
      </c>
      <c r="J1125" s="115">
        <v>1</v>
      </c>
      <c r="K1125" s="116" t="s">
        <v>174</v>
      </c>
      <c r="L1125" s="115">
        <v>0</v>
      </c>
      <c r="M1125" s="115">
        <v>0</v>
      </c>
      <c r="N1125" s="115">
        <v>1</v>
      </c>
      <c r="O1125" s="115">
        <v>1</v>
      </c>
      <c r="P1125" s="115">
        <v>1</v>
      </c>
      <c r="Q1125" s="115" t="s">
        <v>400</v>
      </c>
      <c r="R1125" s="115">
        <v>1</v>
      </c>
      <c r="S1125" s="115">
        <v>0</v>
      </c>
      <c r="T1125" s="115">
        <v>0</v>
      </c>
      <c r="U1125" s="119"/>
      <c r="V1125" s="119"/>
      <c r="W1125" s="119"/>
      <c r="X1125" s="119"/>
      <c r="Y1125" s="119"/>
      <c r="Z1125" s="119"/>
      <c r="AA1125" s="119"/>
      <c r="AB1125" s="119"/>
      <c r="AC1125" s="119"/>
      <c r="AD1125" s="119"/>
      <c r="AE1125" s="119"/>
      <c r="AF1125" s="119"/>
      <c r="AG1125" s="119"/>
      <c r="AH1125" s="119"/>
      <c r="AI1125" s="119"/>
      <c r="AJ1125" s="119"/>
      <c r="AK1125" s="119"/>
      <c r="AL1125" s="119"/>
      <c r="AM1125" s="119"/>
      <c r="AN1125" s="119"/>
      <c r="AO1125" s="119"/>
      <c r="AP1125" s="119"/>
      <c r="AQ1125" s="119"/>
      <c r="AR1125" s="119"/>
      <c r="AS1125" s="119"/>
      <c r="AT1125" s="119"/>
      <c r="AU1125" s="119"/>
      <c r="AV1125" s="119"/>
      <c r="AW1125" s="119"/>
      <c r="AX1125" s="119"/>
      <c r="AY1125" s="119"/>
      <c r="AZ1125" s="119"/>
      <c r="BA1125" s="119"/>
      <c r="BB1125" s="107">
        <v>45884</v>
      </c>
    </row>
    <row r="1126" spans="1:54" s="207" customFormat="1" ht="13.95" customHeight="1" x14ac:dyDescent="0.25">
      <c r="A1126" s="208" t="s">
        <v>2750</v>
      </c>
      <c r="B1126" s="209" t="s">
        <v>20420</v>
      </c>
      <c r="C1126" s="113" t="s">
        <v>2751</v>
      </c>
      <c r="D1126" s="113" t="s">
        <v>23065</v>
      </c>
      <c r="E1126" s="210">
        <v>1997</v>
      </c>
      <c r="F1126" s="210">
        <v>1070</v>
      </c>
      <c r="G1126" s="113" t="s">
        <v>1</v>
      </c>
      <c r="H1126" s="113">
        <v>0</v>
      </c>
      <c r="I1126" s="113">
        <v>0</v>
      </c>
      <c r="J1126" s="115">
        <v>1</v>
      </c>
      <c r="K1126" s="211">
        <v>1</v>
      </c>
      <c r="L1126" s="115">
        <v>1</v>
      </c>
      <c r="M1126" s="115">
        <v>1</v>
      </c>
      <c r="N1126" s="115">
        <v>0</v>
      </c>
      <c r="O1126" s="115">
        <v>1</v>
      </c>
      <c r="P1126" s="115" t="s">
        <v>400</v>
      </c>
      <c r="Q1126" s="115" t="s">
        <v>400</v>
      </c>
      <c r="R1126" s="115">
        <v>0</v>
      </c>
      <c r="S1126" s="115">
        <v>0</v>
      </c>
      <c r="T1126" s="115">
        <v>0</v>
      </c>
      <c r="U1126" s="119"/>
      <c r="V1126" s="119"/>
      <c r="W1126" s="119"/>
      <c r="X1126" s="119"/>
      <c r="Y1126" s="119"/>
      <c r="Z1126" s="119"/>
      <c r="AA1126" s="119"/>
      <c r="AB1126" s="119"/>
      <c r="AC1126" s="119"/>
      <c r="AD1126" s="119"/>
      <c r="AE1126" s="119"/>
      <c r="AF1126" s="119"/>
      <c r="AG1126" s="119"/>
      <c r="AH1126" s="119"/>
      <c r="AI1126" s="119"/>
      <c r="AJ1126" s="119"/>
      <c r="AK1126" s="119"/>
      <c r="AL1126" s="119"/>
      <c r="AM1126" s="119"/>
      <c r="AN1126" s="119"/>
      <c r="AO1126" s="119"/>
      <c r="AP1126" s="119"/>
      <c r="AQ1126" s="119"/>
      <c r="AR1126" s="119"/>
      <c r="AS1126" s="119"/>
      <c r="AT1126" s="119"/>
      <c r="AU1126" s="119"/>
      <c r="AV1126" s="119"/>
      <c r="AW1126" s="119"/>
      <c r="AX1126" s="119"/>
      <c r="AY1126" s="119"/>
      <c r="AZ1126" s="119"/>
      <c r="BA1126" s="119"/>
      <c r="BB1126" s="107">
        <v>45884</v>
      </c>
    </row>
    <row r="1127" spans="1:54" s="207" customFormat="1" ht="13.95" customHeight="1" x14ac:dyDescent="0.25">
      <c r="A1127" s="208" t="s">
        <v>2752</v>
      </c>
      <c r="B1127" s="209" t="s">
        <v>20420</v>
      </c>
      <c r="C1127" s="113" t="s">
        <v>2753</v>
      </c>
      <c r="D1127" s="113" t="s">
        <v>23066</v>
      </c>
      <c r="E1127" s="210">
        <v>1994</v>
      </c>
      <c r="F1127" s="210">
        <v>1072</v>
      </c>
      <c r="G1127" s="113" t="s">
        <v>1</v>
      </c>
      <c r="H1127" s="113">
        <v>0</v>
      </c>
      <c r="I1127" s="113">
        <v>0</v>
      </c>
      <c r="J1127" s="115">
        <v>1</v>
      </c>
      <c r="K1127" s="116" t="s">
        <v>174</v>
      </c>
      <c r="L1127" s="115">
        <v>1</v>
      </c>
      <c r="M1127" s="115">
        <v>0</v>
      </c>
      <c r="N1127" s="115">
        <v>0</v>
      </c>
      <c r="O1127" s="115">
        <v>1</v>
      </c>
      <c r="P1127" s="115" t="s">
        <v>400</v>
      </c>
      <c r="Q1127" s="115" t="s">
        <v>400</v>
      </c>
      <c r="R1127" s="115">
        <v>1</v>
      </c>
      <c r="S1127" s="115">
        <v>0</v>
      </c>
      <c r="T1127" s="115">
        <v>0</v>
      </c>
      <c r="U1127" s="119"/>
      <c r="V1127" s="119"/>
      <c r="W1127" s="119"/>
      <c r="X1127" s="119"/>
      <c r="Y1127" s="119"/>
      <c r="Z1127" s="119"/>
      <c r="AA1127" s="119"/>
      <c r="AB1127" s="119"/>
      <c r="AC1127" s="119"/>
      <c r="AD1127" s="119"/>
      <c r="AE1127" s="119"/>
      <c r="AF1127" s="119"/>
      <c r="AG1127" s="119"/>
      <c r="AH1127" s="119"/>
      <c r="AI1127" s="119"/>
      <c r="AJ1127" s="119"/>
      <c r="AK1127" s="119"/>
      <c r="AL1127" s="119"/>
      <c r="AM1127" s="119"/>
      <c r="AN1127" s="119"/>
      <c r="AO1127" s="119"/>
      <c r="AP1127" s="119"/>
      <c r="AQ1127" s="119"/>
      <c r="AR1127" s="119"/>
      <c r="AS1127" s="119"/>
      <c r="AT1127" s="119"/>
      <c r="AU1127" s="119"/>
      <c r="AV1127" s="119"/>
      <c r="AW1127" s="119"/>
      <c r="AX1127" s="119"/>
      <c r="AY1127" s="119"/>
      <c r="AZ1127" s="119"/>
      <c r="BA1127" s="119"/>
      <c r="BB1127" s="107">
        <v>45884</v>
      </c>
    </row>
    <row r="1128" spans="1:54" s="207" customFormat="1" ht="13.95" customHeight="1" x14ac:dyDescent="0.25">
      <c r="A1128" s="208" t="s">
        <v>2754</v>
      </c>
      <c r="B1128" s="209" t="s">
        <v>20420</v>
      </c>
      <c r="C1128" s="113" t="s">
        <v>2755</v>
      </c>
      <c r="D1128" s="113" t="s">
        <v>23067</v>
      </c>
      <c r="E1128" s="210">
        <v>1970</v>
      </c>
      <c r="F1128" s="210">
        <v>1072</v>
      </c>
      <c r="G1128" s="113" t="s">
        <v>1</v>
      </c>
      <c r="H1128" s="113">
        <v>0</v>
      </c>
      <c r="I1128" s="113">
        <v>0</v>
      </c>
      <c r="J1128" s="115">
        <v>1</v>
      </c>
      <c r="K1128" s="116" t="s">
        <v>174</v>
      </c>
      <c r="L1128" s="115">
        <v>1</v>
      </c>
      <c r="M1128" s="115">
        <v>0</v>
      </c>
      <c r="N1128" s="115">
        <v>0</v>
      </c>
      <c r="O1128" s="115">
        <v>1</v>
      </c>
      <c r="P1128" s="115">
        <v>1</v>
      </c>
      <c r="Q1128" s="115" t="s">
        <v>400</v>
      </c>
      <c r="R1128" s="115">
        <v>0</v>
      </c>
      <c r="S1128" s="115">
        <v>0</v>
      </c>
      <c r="T1128" s="115">
        <v>0</v>
      </c>
      <c r="U1128" s="119"/>
      <c r="V1128" s="119"/>
      <c r="W1128" s="119"/>
      <c r="X1128" s="119"/>
      <c r="Y1128" s="119"/>
      <c r="Z1128" s="119"/>
      <c r="AA1128" s="119"/>
      <c r="AB1128" s="119"/>
      <c r="AC1128" s="119"/>
      <c r="AD1128" s="119"/>
      <c r="AE1128" s="119"/>
      <c r="AF1128" s="119"/>
      <c r="AG1128" s="119"/>
      <c r="AH1128" s="119"/>
      <c r="AI1128" s="119"/>
      <c r="AJ1128" s="119"/>
      <c r="AK1128" s="119"/>
      <c r="AL1128" s="119"/>
      <c r="AM1128" s="119"/>
      <c r="AN1128" s="119"/>
      <c r="AO1128" s="119"/>
      <c r="AP1128" s="119"/>
      <c r="AQ1128" s="119"/>
      <c r="AR1128" s="119"/>
      <c r="AS1128" s="119"/>
      <c r="AT1128" s="119"/>
      <c r="AU1128" s="119"/>
      <c r="AV1128" s="119"/>
      <c r="AW1128" s="119"/>
      <c r="AX1128" s="119"/>
      <c r="AY1128" s="119"/>
      <c r="AZ1128" s="119"/>
      <c r="BA1128" s="119"/>
      <c r="BB1128" s="107">
        <v>45884</v>
      </c>
    </row>
    <row r="1129" spans="1:54" s="207" customFormat="1" ht="13.95" customHeight="1" x14ac:dyDescent="0.25">
      <c r="A1129" s="208" t="s">
        <v>2756</v>
      </c>
      <c r="B1129" s="209" t="s">
        <v>20420</v>
      </c>
      <c r="C1129" s="113" t="s">
        <v>2757</v>
      </c>
      <c r="D1129" s="113" t="s">
        <v>23068</v>
      </c>
      <c r="E1129" s="210">
        <v>1952</v>
      </c>
      <c r="F1129" s="210">
        <v>1072</v>
      </c>
      <c r="G1129" s="113" t="s">
        <v>1</v>
      </c>
      <c r="H1129" s="113">
        <v>0</v>
      </c>
      <c r="I1129" s="113">
        <v>0</v>
      </c>
      <c r="J1129" s="115">
        <v>1</v>
      </c>
      <c r="K1129" s="116" t="s">
        <v>174</v>
      </c>
      <c r="L1129" s="115">
        <v>1</v>
      </c>
      <c r="M1129" s="115">
        <v>0</v>
      </c>
      <c r="N1129" s="115">
        <v>0</v>
      </c>
      <c r="O1129" s="115">
        <v>1</v>
      </c>
      <c r="P1129" s="115">
        <v>1</v>
      </c>
      <c r="Q1129" s="115">
        <v>1</v>
      </c>
      <c r="R1129" s="115">
        <v>1</v>
      </c>
      <c r="S1129" s="115">
        <v>0</v>
      </c>
      <c r="T1129" s="115">
        <v>0</v>
      </c>
      <c r="U1129" s="119"/>
      <c r="V1129" s="119"/>
      <c r="W1129" s="119"/>
      <c r="X1129" s="119"/>
      <c r="Y1129" s="119"/>
      <c r="Z1129" s="119"/>
      <c r="AA1129" s="119"/>
      <c r="AB1129" s="119"/>
      <c r="AC1129" s="119"/>
      <c r="AD1129" s="119"/>
      <c r="AE1129" s="119"/>
      <c r="AF1129" s="119"/>
      <c r="AG1129" s="119"/>
      <c r="AH1129" s="119"/>
      <c r="AI1129" s="119"/>
      <c r="AJ1129" s="119"/>
      <c r="AK1129" s="119"/>
      <c r="AL1129" s="119"/>
      <c r="AM1129" s="119"/>
      <c r="AN1129" s="119"/>
      <c r="AO1129" s="119"/>
      <c r="AP1129" s="119"/>
      <c r="AQ1129" s="119"/>
      <c r="AR1129" s="119"/>
      <c r="AS1129" s="119"/>
      <c r="AT1129" s="119"/>
      <c r="AU1129" s="119"/>
      <c r="AV1129" s="119"/>
      <c r="AW1129" s="119"/>
      <c r="AX1129" s="119"/>
      <c r="AY1129" s="119"/>
      <c r="AZ1129" s="119"/>
      <c r="BA1129" s="119"/>
      <c r="BB1129" s="107">
        <v>45884</v>
      </c>
    </row>
    <row r="1130" spans="1:54" s="207" customFormat="1" ht="13.95" customHeight="1" x14ac:dyDescent="0.25">
      <c r="A1130" s="208" t="s">
        <v>2758</v>
      </c>
      <c r="B1130" s="209" t="s">
        <v>20420</v>
      </c>
      <c r="C1130" s="113" t="s">
        <v>2759</v>
      </c>
      <c r="D1130" s="113" t="s">
        <v>2760</v>
      </c>
      <c r="E1130" s="210">
        <v>2007</v>
      </c>
      <c r="F1130" s="210">
        <v>1073</v>
      </c>
      <c r="G1130" s="113" t="s">
        <v>1</v>
      </c>
      <c r="H1130" s="113">
        <v>0</v>
      </c>
      <c r="I1130" s="113">
        <v>0</v>
      </c>
      <c r="J1130" s="115">
        <v>1</v>
      </c>
      <c r="K1130" s="211">
        <v>1</v>
      </c>
      <c r="L1130" s="115">
        <v>1</v>
      </c>
      <c r="M1130" s="115">
        <v>0</v>
      </c>
      <c r="N1130" s="115">
        <v>0</v>
      </c>
      <c r="O1130" s="115">
        <v>0</v>
      </c>
      <c r="P1130" s="115" t="s">
        <v>400</v>
      </c>
      <c r="Q1130" s="115">
        <v>1</v>
      </c>
      <c r="R1130" s="115">
        <v>0</v>
      </c>
      <c r="S1130" s="115">
        <v>0</v>
      </c>
      <c r="T1130" s="115">
        <v>0</v>
      </c>
      <c r="U1130" s="119"/>
      <c r="V1130" s="119"/>
      <c r="W1130" s="119"/>
      <c r="X1130" s="119"/>
      <c r="Y1130" s="119"/>
      <c r="Z1130" s="119"/>
      <c r="AA1130" s="119"/>
      <c r="AB1130" s="119"/>
      <c r="AC1130" s="119"/>
      <c r="AD1130" s="119"/>
      <c r="AE1130" s="119"/>
      <c r="AF1130" s="119"/>
      <c r="AG1130" s="119"/>
      <c r="AH1130" s="119"/>
      <c r="AI1130" s="119"/>
      <c r="AJ1130" s="119"/>
      <c r="AK1130" s="119"/>
      <c r="AL1130" s="119"/>
      <c r="AM1130" s="119"/>
      <c r="AN1130" s="119"/>
      <c r="AO1130" s="119"/>
      <c r="AP1130" s="119"/>
      <c r="AQ1130" s="119"/>
      <c r="AR1130" s="119"/>
      <c r="AS1130" s="119"/>
      <c r="AT1130" s="119"/>
      <c r="AU1130" s="119"/>
      <c r="AV1130" s="119"/>
      <c r="AW1130" s="119"/>
      <c r="AX1130" s="119"/>
      <c r="AY1130" s="119"/>
      <c r="AZ1130" s="119"/>
      <c r="BA1130" s="119"/>
      <c r="BB1130" s="107">
        <v>45884</v>
      </c>
    </row>
    <row r="1131" spans="1:54" s="207" customFormat="1" ht="13.95" customHeight="1" x14ac:dyDescent="0.25">
      <c r="A1131" s="208" t="s">
        <v>2761</v>
      </c>
      <c r="B1131" s="209" t="s">
        <v>20420</v>
      </c>
      <c r="C1131" s="113" t="s">
        <v>2762</v>
      </c>
      <c r="D1131" s="113" t="s">
        <v>23069</v>
      </c>
      <c r="E1131" s="210">
        <v>1974</v>
      </c>
      <c r="F1131" s="210">
        <v>1074</v>
      </c>
      <c r="G1131" s="113" t="s">
        <v>1</v>
      </c>
      <c r="H1131" s="113">
        <v>0</v>
      </c>
      <c r="I1131" s="113">
        <v>0</v>
      </c>
      <c r="J1131" s="115">
        <v>1</v>
      </c>
      <c r="K1131" s="116" t="s">
        <v>174</v>
      </c>
      <c r="L1131" s="115">
        <v>1</v>
      </c>
      <c r="M1131" s="115">
        <v>0</v>
      </c>
      <c r="N1131" s="115">
        <v>0</v>
      </c>
      <c r="O1131" s="115">
        <v>1</v>
      </c>
      <c r="P1131" s="115">
        <v>1</v>
      </c>
      <c r="Q1131" s="115" t="s">
        <v>400</v>
      </c>
      <c r="R1131" s="115">
        <v>1</v>
      </c>
      <c r="S1131" s="115">
        <v>0</v>
      </c>
      <c r="T1131" s="115">
        <v>0</v>
      </c>
      <c r="U1131" s="119"/>
      <c r="V1131" s="119"/>
      <c r="W1131" s="119"/>
      <c r="X1131" s="119"/>
      <c r="Y1131" s="119"/>
      <c r="Z1131" s="119"/>
      <c r="AA1131" s="119"/>
      <c r="AB1131" s="119"/>
      <c r="AC1131" s="119"/>
      <c r="AD1131" s="119"/>
      <c r="AE1131" s="119"/>
      <c r="AF1131" s="119"/>
      <c r="AG1131" s="119"/>
      <c r="AH1131" s="119"/>
      <c r="AI1131" s="119"/>
      <c r="AJ1131" s="119"/>
      <c r="AK1131" s="119"/>
      <c r="AL1131" s="119"/>
      <c r="AM1131" s="119"/>
      <c r="AN1131" s="119"/>
      <c r="AO1131" s="119"/>
      <c r="AP1131" s="119"/>
      <c r="AQ1131" s="119"/>
      <c r="AR1131" s="119"/>
      <c r="AS1131" s="119"/>
      <c r="AT1131" s="119"/>
      <c r="AU1131" s="119"/>
      <c r="AV1131" s="119"/>
      <c r="AW1131" s="119"/>
      <c r="AX1131" s="119"/>
      <c r="AY1131" s="119"/>
      <c r="AZ1131" s="119"/>
      <c r="BA1131" s="119"/>
      <c r="BB1131" s="107">
        <v>45884</v>
      </c>
    </row>
    <row r="1132" spans="1:54" s="207" customFormat="1" ht="13.95" customHeight="1" x14ac:dyDescent="0.25">
      <c r="A1132" s="208" t="s">
        <v>2763</v>
      </c>
      <c r="B1132" s="209" t="s">
        <v>20420</v>
      </c>
      <c r="C1132" s="113" t="s">
        <v>2764</v>
      </c>
      <c r="D1132" s="113" t="s">
        <v>23070</v>
      </c>
      <c r="E1132" s="210">
        <v>1992</v>
      </c>
      <c r="F1132" s="210">
        <v>1077</v>
      </c>
      <c r="G1132" s="113" t="s">
        <v>1</v>
      </c>
      <c r="H1132" s="113">
        <v>0</v>
      </c>
      <c r="I1132" s="113">
        <v>0</v>
      </c>
      <c r="J1132" s="115">
        <v>1</v>
      </c>
      <c r="K1132" s="211">
        <v>1</v>
      </c>
      <c r="L1132" s="115">
        <v>1</v>
      </c>
      <c r="M1132" s="115">
        <v>1</v>
      </c>
      <c r="N1132" s="115">
        <v>0</v>
      </c>
      <c r="O1132" s="115">
        <v>1</v>
      </c>
      <c r="P1132" s="115" t="s">
        <v>400</v>
      </c>
      <c r="Q1132" s="115" t="s">
        <v>400</v>
      </c>
      <c r="R1132" s="115">
        <v>1</v>
      </c>
      <c r="S1132" s="115">
        <v>0</v>
      </c>
      <c r="T1132" s="115">
        <v>0</v>
      </c>
      <c r="U1132" s="119"/>
      <c r="V1132" s="119"/>
      <c r="W1132" s="119"/>
      <c r="X1132" s="119"/>
      <c r="Y1132" s="119"/>
      <c r="Z1132" s="119"/>
      <c r="AA1132" s="119"/>
      <c r="AB1132" s="119"/>
      <c r="AC1132" s="119"/>
      <c r="AD1132" s="119"/>
      <c r="AE1132" s="119"/>
      <c r="AF1132" s="119"/>
      <c r="AG1132" s="119"/>
      <c r="AH1132" s="119"/>
      <c r="AI1132" s="119"/>
      <c r="AJ1132" s="119"/>
      <c r="AK1132" s="119"/>
      <c r="AL1132" s="119"/>
      <c r="AM1132" s="119"/>
      <c r="AN1132" s="119"/>
      <c r="AO1132" s="119"/>
      <c r="AP1132" s="119"/>
      <c r="AQ1132" s="119"/>
      <c r="AR1132" s="119"/>
      <c r="AS1132" s="119"/>
      <c r="AT1132" s="119"/>
      <c r="AU1132" s="119"/>
      <c r="AV1132" s="119"/>
      <c r="AW1132" s="119"/>
      <c r="AX1132" s="119"/>
      <c r="AY1132" s="119"/>
      <c r="AZ1132" s="119"/>
      <c r="BA1132" s="119"/>
      <c r="BB1132" s="107">
        <v>45884</v>
      </c>
    </row>
    <row r="1133" spans="1:54" s="207" customFormat="1" ht="13.95" customHeight="1" x14ac:dyDescent="0.25">
      <c r="A1133" s="208" t="s">
        <v>2765</v>
      </c>
      <c r="B1133" s="209" t="s">
        <v>20420</v>
      </c>
      <c r="C1133" s="113" t="s">
        <v>2766</v>
      </c>
      <c r="D1133" s="113" t="s">
        <v>2767</v>
      </c>
      <c r="E1133" s="210">
        <v>1988</v>
      </c>
      <c r="F1133" s="210">
        <v>1078</v>
      </c>
      <c r="G1133" s="113" t="s">
        <v>1</v>
      </c>
      <c r="H1133" s="113">
        <v>0</v>
      </c>
      <c r="I1133" s="113">
        <v>0</v>
      </c>
      <c r="J1133" s="115">
        <v>1</v>
      </c>
      <c r="K1133" s="116" t="s">
        <v>174</v>
      </c>
      <c r="L1133" s="115">
        <v>1</v>
      </c>
      <c r="M1133" s="115">
        <v>0</v>
      </c>
      <c r="N1133" s="115">
        <v>0</v>
      </c>
      <c r="O1133" s="115">
        <v>0</v>
      </c>
      <c r="P1133" s="115" t="s">
        <v>400</v>
      </c>
      <c r="Q1133" s="115">
        <v>1</v>
      </c>
      <c r="R1133" s="115">
        <v>0</v>
      </c>
      <c r="S1133" s="115">
        <v>0</v>
      </c>
      <c r="T1133" s="115">
        <v>0</v>
      </c>
      <c r="U1133" s="119"/>
      <c r="V1133" s="119"/>
      <c r="W1133" s="119"/>
      <c r="X1133" s="119"/>
      <c r="Y1133" s="119"/>
      <c r="Z1133" s="119"/>
      <c r="AA1133" s="119"/>
      <c r="AB1133" s="119"/>
      <c r="AC1133" s="119"/>
      <c r="AD1133" s="119"/>
      <c r="AE1133" s="119"/>
      <c r="AF1133" s="119"/>
      <c r="AG1133" s="119"/>
      <c r="AH1133" s="119"/>
      <c r="AI1133" s="119"/>
      <c r="AJ1133" s="119"/>
      <c r="AK1133" s="119"/>
      <c r="AL1133" s="119"/>
      <c r="AM1133" s="119"/>
      <c r="AN1133" s="119"/>
      <c r="AO1133" s="119"/>
      <c r="AP1133" s="119"/>
      <c r="AQ1133" s="119"/>
      <c r="AR1133" s="119"/>
      <c r="AS1133" s="119"/>
      <c r="AT1133" s="119"/>
      <c r="AU1133" s="119"/>
      <c r="AV1133" s="119"/>
      <c r="AW1133" s="119"/>
      <c r="AX1133" s="119"/>
      <c r="AY1133" s="119"/>
      <c r="AZ1133" s="119"/>
      <c r="BA1133" s="119"/>
      <c r="BB1133" s="107">
        <v>45884</v>
      </c>
    </row>
    <row r="1134" spans="1:54" s="207" customFormat="1" ht="13.95" customHeight="1" x14ac:dyDescent="0.25">
      <c r="A1134" s="208" t="s">
        <v>2768</v>
      </c>
      <c r="B1134" s="209" t="s">
        <v>20420</v>
      </c>
      <c r="C1134" s="113" t="s">
        <v>2769</v>
      </c>
      <c r="D1134" s="113" t="s">
        <v>23071</v>
      </c>
      <c r="E1134" s="210">
        <v>2015</v>
      </c>
      <c r="F1134" s="210">
        <v>1080</v>
      </c>
      <c r="G1134" s="113" t="s">
        <v>1</v>
      </c>
      <c r="H1134" s="113">
        <v>0</v>
      </c>
      <c r="I1134" s="113">
        <v>0</v>
      </c>
      <c r="J1134" s="115">
        <v>1</v>
      </c>
      <c r="K1134" s="116" t="s">
        <v>174</v>
      </c>
      <c r="L1134" s="115">
        <v>1</v>
      </c>
      <c r="M1134" s="115">
        <v>0</v>
      </c>
      <c r="N1134" s="115">
        <v>0</v>
      </c>
      <c r="O1134" s="115">
        <v>0</v>
      </c>
      <c r="P1134" s="115" t="s">
        <v>400</v>
      </c>
      <c r="Q1134" s="115" t="s">
        <v>400</v>
      </c>
      <c r="R1134" s="115">
        <v>0</v>
      </c>
      <c r="S1134" s="115">
        <v>0</v>
      </c>
      <c r="T1134" s="115">
        <v>0</v>
      </c>
      <c r="U1134" s="119"/>
      <c r="V1134" s="119"/>
      <c r="W1134" s="119"/>
      <c r="X1134" s="119"/>
      <c r="Y1134" s="119"/>
      <c r="Z1134" s="119"/>
      <c r="AA1134" s="119"/>
      <c r="AB1134" s="119"/>
      <c r="AC1134" s="119"/>
      <c r="AD1134" s="119"/>
      <c r="AE1134" s="119"/>
      <c r="AF1134" s="119"/>
      <c r="AG1134" s="119"/>
      <c r="AH1134" s="119"/>
      <c r="AI1134" s="119"/>
      <c r="AJ1134" s="119"/>
      <c r="AK1134" s="119"/>
      <c r="AL1134" s="119"/>
      <c r="AM1134" s="119"/>
      <c r="AN1134" s="119"/>
      <c r="AO1134" s="119"/>
      <c r="AP1134" s="119"/>
      <c r="AQ1134" s="119"/>
      <c r="AR1134" s="119"/>
      <c r="AS1134" s="119"/>
      <c r="AT1134" s="119"/>
      <c r="AU1134" s="119"/>
      <c r="AV1134" s="119"/>
      <c r="AW1134" s="119"/>
      <c r="AX1134" s="119"/>
      <c r="AY1134" s="119"/>
      <c r="AZ1134" s="119"/>
      <c r="BA1134" s="119"/>
      <c r="BB1134" s="107">
        <v>45884</v>
      </c>
    </row>
    <row r="1135" spans="1:54" s="207" customFormat="1" ht="13.95" customHeight="1" x14ac:dyDescent="0.25">
      <c r="A1135" s="208" t="s">
        <v>2770</v>
      </c>
      <c r="B1135" s="209" t="s">
        <v>20420</v>
      </c>
      <c r="C1135" s="113" t="s">
        <v>2771</v>
      </c>
      <c r="D1135" s="113" t="s">
        <v>23072</v>
      </c>
      <c r="E1135" s="210">
        <v>1994</v>
      </c>
      <c r="F1135" s="210">
        <v>1080</v>
      </c>
      <c r="G1135" s="113" t="s">
        <v>1</v>
      </c>
      <c r="H1135" s="113">
        <v>0</v>
      </c>
      <c r="I1135" s="113">
        <v>0</v>
      </c>
      <c r="J1135" s="115">
        <v>1</v>
      </c>
      <c r="K1135" s="116" t="s">
        <v>174</v>
      </c>
      <c r="L1135" s="115">
        <v>0</v>
      </c>
      <c r="M1135" s="115">
        <v>0</v>
      </c>
      <c r="N1135" s="115">
        <v>0</v>
      </c>
      <c r="O1135" s="115">
        <v>0</v>
      </c>
      <c r="P1135" s="115" t="s">
        <v>400</v>
      </c>
      <c r="Q1135" s="115" t="s">
        <v>400</v>
      </c>
      <c r="R1135" s="115">
        <v>0</v>
      </c>
      <c r="S1135" s="115">
        <v>0</v>
      </c>
      <c r="T1135" s="115">
        <v>0</v>
      </c>
      <c r="U1135" s="119"/>
      <c r="V1135" s="119"/>
      <c r="W1135" s="119"/>
      <c r="X1135" s="119"/>
      <c r="Y1135" s="119"/>
      <c r="Z1135" s="119"/>
      <c r="AA1135" s="119"/>
      <c r="AB1135" s="119"/>
      <c r="AC1135" s="119"/>
      <c r="AD1135" s="119"/>
      <c r="AE1135" s="119"/>
      <c r="AF1135" s="119"/>
      <c r="AG1135" s="119"/>
      <c r="AH1135" s="119"/>
      <c r="AI1135" s="119"/>
      <c r="AJ1135" s="119"/>
      <c r="AK1135" s="119"/>
      <c r="AL1135" s="119"/>
      <c r="AM1135" s="119"/>
      <c r="AN1135" s="119"/>
      <c r="AO1135" s="119"/>
      <c r="AP1135" s="119"/>
      <c r="AQ1135" s="119"/>
      <c r="AR1135" s="119"/>
      <c r="AS1135" s="119"/>
      <c r="AT1135" s="119"/>
      <c r="AU1135" s="119"/>
      <c r="AV1135" s="119"/>
      <c r="AW1135" s="119"/>
      <c r="AX1135" s="119"/>
      <c r="AY1135" s="119"/>
      <c r="AZ1135" s="119"/>
      <c r="BA1135" s="119"/>
      <c r="BB1135" s="107">
        <v>45884</v>
      </c>
    </row>
    <row r="1136" spans="1:54" s="207" customFormat="1" ht="13.95" customHeight="1" x14ac:dyDescent="0.25">
      <c r="A1136" s="208" t="s">
        <v>2772</v>
      </c>
      <c r="B1136" s="209" t="s">
        <v>20420</v>
      </c>
      <c r="C1136" s="113" t="s">
        <v>2773</v>
      </c>
      <c r="D1136" s="113" t="s">
        <v>23073</v>
      </c>
      <c r="E1136" s="210">
        <v>2000</v>
      </c>
      <c r="F1136" s="210">
        <v>1080</v>
      </c>
      <c r="G1136" s="113" t="s">
        <v>1</v>
      </c>
      <c r="H1136" s="113">
        <v>0</v>
      </c>
      <c r="I1136" s="113">
        <v>0</v>
      </c>
      <c r="J1136" s="115">
        <v>1</v>
      </c>
      <c r="K1136" s="116" t="s">
        <v>174</v>
      </c>
      <c r="L1136" s="115">
        <v>1</v>
      </c>
      <c r="M1136" s="115">
        <v>0</v>
      </c>
      <c r="N1136" s="115">
        <v>0</v>
      </c>
      <c r="O1136" s="115">
        <v>0</v>
      </c>
      <c r="P1136" s="115">
        <v>1</v>
      </c>
      <c r="Q1136" s="115" t="s">
        <v>400</v>
      </c>
      <c r="R1136" s="115">
        <v>0</v>
      </c>
      <c r="S1136" s="115">
        <v>0</v>
      </c>
      <c r="T1136" s="115">
        <v>0</v>
      </c>
      <c r="U1136" s="119"/>
      <c r="V1136" s="119"/>
      <c r="W1136" s="119"/>
      <c r="X1136" s="119"/>
      <c r="Y1136" s="119"/>
      <c r="Z1136" s="119"/>
      <c r="AA1136" s="119"/>
      <c r="AB1136" s="119"/>
      <c r="AC1136" s="119"/>
      <c r="AD1136" s="119"/>
      <c r="AE1136" s="119"/>
      <c r="AF1136" s="119"/>
      <c r="AG1136" s="119"/>
      <c r="AH1136" s="119"/>
      <c r="AI1136" s="119"/>
      <c r="AJ1136" s="119"/>
      <c r="AK1136" s="119"/>
      <c r="AL1136" s="119"/>
      <c r="AM1136" s="119"/>
      <c r="AN1136" s="119"/>
      <c r="AO1136" s="119"/>
      <c r="AP1136" s="119"/>
      <c r="AQ1136" s="119"/>
      <c r="AR1136" s="119"/>
      <c r="AS1136" s="119"/>
      <c r="AT1136" s="119"/>
      <c r="AU1136" s="119"/>
      <c r="AV1136" s="119"/>
      <c r="AW1136" s="119"/>
      <c r="AX1136" s="119"/>
      <c r="AY1136" s="119"/>
      <c r="AZ1136" s="119"/>
      <c r="BA1136" s="119"/>
      <c r="BB1136" s="107">
        <v>45884</v>
      </c>
    </row>
    <row r="1137" spans="1:54" s="207" customFormat="1" ht="13.95" customHeight="1" x14ac:dyDescent="0.25">
      <c r="A1137" s="208" t="s">
        <v>2774</v>
      </c>
      <c r="B1137" s="209" t="s">
        <v>20420</v>
      </c>
      <c r="C1137" s="113" t="s">
        <v>2775</v>
      </c>
      <c r="D1137" s="113" t="s">
        <v>23074</v>
      </c>
      <c r="E1137" s="210">
        <v>1984</v>
      </c>
      <c r="F1137" s="210">
        <v>1081</v>
      </c>
      <c r="G1137" s="113" t="s">
        <v>1</v>
      </c>
      <c r="H1137" s="113">
        <v>0</v>
      </c>
      <c r="I1137" s="113">
        <v>0</v>
      </c>
      <c r="J1137" s="115">
        <v>1</v>
      </c>
      <c r="K1137" s="116" t="s">
        <v>174</v>
      </c>
      <c r="L1137" s="115">
        <v>1</v>
      </c>
      <c r="M1137" s="115">
        <v>0</v>
      </c>
      <c r="N1137" s="115">
        <v>1</v>
      </c>
      <c r="O1137" s="115">
        <v>1</v>
      </c>
      <c r="P1137" s="115">
        <v>1</v>
      </c>
      <c r="Q1137" s="115" t="s">
        <v>400</v>
      </c>
      <c r="R1137" s="115">
        <v>0</v>
      </c>
      <c r="S1137" s="115">
        <v>0</v>
      </c>
      <c r="T1137" s="115">
        <v>0</v>
      </c>
      <c r="U1137" s="119"/>
      <c r="V1137" s="119"/>
      <c r="W1137" s="119"/>
      <c r="X1137" s="119"/>
      <c r="Y1137" s="119"/>
      <c r="Z1137" s="119"/>
      <c r="AA1137" s="119"/>
      <c r="AB1137" s="119"/>
      <c r="AC1137" s="119"/>
      <c r="AD1137" s="119"/>
      <c r="AE1137" s="119"/>
      <c r="AF1137" s="119"/>
      <c r="AG1137" s="119"/>
      <c r="AH1137" s="119"/>
      <c r="AI1137" s="119"/>
      <c r="AJ1137" s="119"/>
      <c r="AK1137" s="119"/>
      <c r="AL1137" s="119"/>
      <c r="AM1137" s="119"/>
      <c r="AN1137" s="119"/>
      <c r="AO1137" s="119"/>
      <c r="AP1137" s="119"/>
      <c r="AQ1137" s="119"/>
      <c r="AR1137" s="119"/>
      <c r="AS1137" s="119"/>
      <c r="AT1137" s="119"/>
      <c r="AU1137" s="119"/>
      <c r="AV1137" s="119"/>
      <c r="AW1137" s="119"/>
      <c r="AX1137" s="119"/>
      <c r="AY1137" s="119"/>
      <c r="AZ1137" s="119"/>
      <c r="BA1137" s="119"/>
      <c r="BB1137" s="107">
        <v>45884</v>
      </c>
    </row>
    <row r="1138" spans="1:54" s="207" customFormat="1" ht="13.95" customHeight="1" x14ac:dyDescent="0.25">
      <c r="A1138" s="208" t="s">
        <v>2776</v>
      </c>
      <c r="B1138" s="209" t="s">
        <v>20420</v>
      </c>
      <c r="C1138" s="113" t="s">
        <v>2777</v>
      </c>
      <c r="D1138" s="113" t="s">
        <v>2778</v>
      </c>
      <c r="E1138" s="210">
        <v>1991</v>
      </c>
      <c r="F1138" s="210">
        <v>1084</v>
      </c>
      <c r="G1138" s="113" t="s">
        <v>1</v>
      </c>
      <c r="H1138" s="113">
        <v>0</v>
      </c>
      <c r="I1138" s="113">
        <v>0</v>
      </c>
      <c r="J1138" s="115">
        <v>1</v>
      </c>
      <c r="K1138" s="116" t="s">
        <v>174</v>
      </c>
      <c r="L1138" s="115">
        <v>1</v>
      </c>
      <c r="M1138" s="115">
        <v>1</v>
      </c>
      <c r="N1138" s="115">
        <v>0</v>
      </c>
      <c r="O1138" s="115">
        <v>0</v>
      </c>
      <c r="P1138" s="115" t="s">
        <v>400</v>
      </c>
      <c r="Q1138" s="115" t="s">
        <v>400</v>
      </c>
      <c r="R1138" s="115">
        <v>0</v>
      </c>
      <c r="S1138" s="115">
        <v>0</v>
      </c>
      <c r="T1138" s="115">
        <v>0</v>
      </c>
      <c r="U1138" s="119"/>
      <c r="V1138" s="119"/>
      <c r="W1138" s="119"/>
      <c r="X1138" s="119"/>
      <c r="Y1138" s="119"/>
      <c r="Z1138" s="119"/>
      <c r="AA1138" s="119"/>
      <c r="AB1138" s="119"/>
      <c r="AC1138" s="119"/>
      <c r="AD1138" s="119"/>
      <c r="AE1138" s="119"/>
      <c r="AF1138" s="119"/>
      <c r="AG1138" s="119"/>
      <c r="AH1138" s="119"/>
      <c r="AI1138" s="119"/>
      <c r="AJ1138" s="119"/>
      <c r="AK1138" s="119"/>
      <c r="AL1138" s="119"/>
      <c r="AM1138" s="119"/>
      <c r="AN1138" s="119"/>
      <c r="AO1138" s="119"/>
      <c r="AP1138" s="119"/>
      <c r="AQ1138" s="119"/>
      <c r="AR1138" s="119"/>
      <c r="AS1138" s="119"/>
      <c r="AT1138" s="119"/>
      <c r="AU1138" s="119"/>
      <c r="AV1138" s="119"/>
      <c r="AW1138" s="119"/>
      <c r="AX1138" s="119"/>
      <c r="AY1138" s="119"/>
      <c r="AZ1138" s="119"/>
      <c r="BA1138" s="119"/>
      <c r="BB1138" s="107">
        <v>45884</v>
      </c>
    </row>
    <row r="1139" spans="1:54" s="207" customFormat="1" ht="13.95" customHeight="1" x14ac:dyDescent="0.25">
      <c r="A1139" s="208" t="s">
        <v>2779</v>
      </c>
      <c r="B1139" s="209" t="s">
        <v>20420</v>
      </c>
      <c r="C1139" s="113" t="s">
        <v>2780</v>
      </c>
      <c r="D1139" s="113" t="s">
        <v>2781</v>
      </c>
      <c r="E1139" s="210">
        <v>1988</v>
      </c>
      <c r="F1139" s="210">
        <v>1086</v>
      </c>
      <c r="G1139" s="113" t="s">
        <v>1</v>
      </c>
      <c r="H1139" s="113">
        <v>0</v>
      </c>
      <c r="I1139" s="113">
        <v>0</v>
      </c>
      <c r="J1139" s="115">
        <v>1</v>
      </c>
      <c r="K1139" s="116" t="s">
        <v>174</v>
      </c>
      <c r="L1139" s="115">
        <v>0</v>
      </c>
      <c r="M1139" s="115">
        <v>0</v>
      </c>
      <c r="N1139" s="115">
        <v>0</v>
      </c>
      <c r="O1139" s="115">
        <v>0</v>
      </c>
      <c r="P1139" s="115" t="s">
        <v>400</v>
      </c>
      <c r="Q1139" s="115">
        <v>1</v>
      </c>
      <c r="R1139" s="115">
        <v>0</v>
      </c>
      <c r="S1139" s="115">
        <v>0</v>
      </c>
      <c r="T1139" s="115">
        <v>0</v>
      </c>
      <c r="U1139" s="119"/>
      <c r="V1139" s="119"/>
      <c r="W1139" s="119"/>
      <c r="X1139" s="119"/>
      <c r="Y1139" s="119"/>
      <c r="Z1139" s="119"/>
      <c r="AA1139" s="119"/>
      <c r="AB1139" s="119"/>
      <c r="AC1139" s="119"/>
      <c r="AD1139" s="119"/>
      <c r="AE1139" s="119"/>
      <c r="AF1139" s="119"/>
      <c r="AG1139" s="119"/>
      <c r="AH1139" s="119"/>
      <c r="AI1139" s="119"/>
      <c r="AJ1139" s="119"/>
      <c r="AK1139" s="119"/>
      <c r="AL1139" s="119"/>
      <c r="AM1139" s="119"/>
      <c r="AN1139" s="119"/>
      <c r="AO1139" s="119"/>
      <c r="AP1139" s="119"/>
      <c r="AQ1139" s="119"/>
      <c r="AR1139" s="119"/>
      <c r="AS1139" s="119"/>
      <c r="AT1139" s="119"/>
      <c r="AU1139" s="119"/>
      <c r="AV1139" s="119"/>
      <c r="AW1139" s="119"/>
      <c r="AX1139" s="119"/>
      <c r="AY1139" s="119"/>
      <c r="AZ1139" s="119"/>
      <c r="BA1139" s="119"/>
      <c r="BB1139" s="107">
        <v>45884</v>
      </c>
    </row>
    <row r="1140" spans="1:54" s="207" customFormat="1" ht="13.95" customHeight="1" x14ac:dyDescent="0.25">
      <c r="A1140" s="208" t="s">
        <v>2782</v>
      </c>
      <c r="B1140" s="209" t="s">
        <v>20420</v>
      </c>
      <c r="C1140" s="113" t="s">
        <v>2783</v>
      </c>
      <c r="D1140" s="113" t="s">
        <v>23075</v>
      </c>
      <c r="E1140" s="210">
        <v>1999</v>
      </c>
      <c r="F1140" s="210">
        <v>1086</v>
      </c>
      <c r="G1140" s="113" t="s">
        <v>1</v>
      </c>
      <c r="H1140" s="113">
        <v>1</v>
      </c>
      <c r="I1140" s="113">
        <v>1</v>
      </c>
      <c r="J1140" s="115">
        <v>1</v>
      </c>
      <c r="K1140" s="116" t="s">
        <v>174</v>
      </c>
      <c r="L1140" s="115">
        <v>1</v>
      </c>
      <c r="M1140" s="115">
        <v>1</v>
      </c>
      <c r="N1140" s="115">
        <v>0</v>
      </c>
      <c r="O1140" s="115">
        <v>1</v>
      </c>
      <c r="P1140" s="115" t="s">
        <v>400</v>
      </c>
      <c r="Q1140" s="115" t="s">
        <v>400</v>
      </c>
      <c r="R1140" s="115">
        <v>0</v>
      </c>
      <c r="S1140" s="115">
        <v>0</v>
      </c>
      <c r="T1140" s="115">
        <v>0</v>
      </c>
      <c r="U1140" s="119"/>
      <c r="V1140" s="119"/>
      <c r="W1140" s="119"/>
      <c r="X1140" s="119"/>
      <c r="Y1140" s="119"/>
      <c r="Z1140" s="119"/>
      <c r="AA1140" s="119"/>
      <c r="AB1140" s="119"/>
      <c r="AC1140" s="119"/>
      <c r="AD1140" s="119"/>
      <c r="AE1140" s="119"/>
      <c r="AF1140" s="119"/>
      <c r="AG1140" s="119"/>
      <c r="AH1140" s="119"/>
      <c r="AI1140" s="119"/>
      <c r="AJ1140" s="119"/>
      <c r="AK1140" s="119"/>
      <c r="AL1140" s="119"/>
      <c r="AM1140" s="119"/>
      <c r="AN1140" s="119"/>
      <c r="AO1140" s="119"/>
      <c r="AP1140" s="119"/>
      <c r="AQ1140" s="119"/>
      <c r="AR1140" s="119"/>
      <c r="AS1140" s="119"/>
      <c r="AT1140" s="119"/>
      <c r="AU1140" s="119"/>
      <c r="AV1140" s="119"/>
      <c r="AW1140" s="119"/>
      <c r="AX1140" s="119"/>
      <c r="AY1140" s="119"/>
      <c r="AZ1140" s="119"/>
      <c r="BA1140" s="119"/>
      <c r="BB1140" s="107">
        <v>45884</v>
      </c>
    </row>
    <row r="1141" spans="1:54" s="207" customFormat="1" ht="13.95" customHeight="1" x14ac:dyDescent="0.25">
      <c r="A1141" s="208" t="s">
        <v>2784</v>
      </c>
      <c r="B1141" s="209" t="s">
        <v>20420</v>
      </c>
      <c r="C1141" s="113" t="s">
        <v>2785</v>
      </c>
      <c r="D1141" s="113" t="s">
        <v>2786</v>
      </c>
      <c r="E1141" s="210">
        <v>1988</v>
      </c>
      <c r="F1141" s="210">
        <v>1088</v>
      </c>
      <c r="G1141" s="113" t="s">
        <v>1</v>
      </c>
      <c r="H1141" s="113">
        <v>0</v>
      </c>
      <c r="I1141" s="113">
        <v>0</v>
      </c>
      <c r="J1141" s="115">
        <v>1</v>
      </c>
      <c r="K1141" s="116" t="s">
        <v>174</v>
      </c>
      <c r="L1141" s="115">
        <v>1</v>
      </c>
      <c r="M1141" s="115">
        <v>0</v>
      </c>
      <c r="N1141" s="115">
        <v>0</v>
      </c>
      <c r="O1141" s="115">
        <v>1</v>
      </c>
      <c r="P1141" s="115">
        <v>1</v>
      </c>
      <c r="Q1141" s="115" t="s">
        <v>400</v>
      </c>
      <c r="R1141" s="115">
        <v>1</v>
      </c>
      <c r="S1141" s="115">
        <v>0</v>
      </c>
      <c r="T1141" s="115">
        <v>0</v>
      </c>
      <c r="U1141" s="119"/>
      <c r="V1141" s="119"/>
      <c r="W1141" s="119"/>
      <c r="X1141" s="119"/>
      <c r="Y1141" s="119"/>
      <c r="Z1141" s="119"/>
      <c r="AA1141" s="119"/>
      <c r="AB1141" s="119"/>
      <c r="AC1141" s="119"/>
      <c r="AD1141" s="119"/>
      <c r="AE1141" s="119"/>
      <c r="AF1141" s="119"/>
      <c r="AG1141" s="119"/>
      <c r="AH1141" s="119"/>
      <c r="AI1141" s="119"/>
      <c r="AJ1141" s="119"/>
      <c r="AK1141" s="119"/>
      <c r="AL1141" s="119"/>
      <c r="AM1141" s="119"/>
      <c r="AN1141" s="119"/>
      <c r="AO1141" s="119"/>
      <c r="AP1141" s="119"/>
      <c r="AQ1141" s="119"/>
      <c r="AR1141" s="119"/>
      <c r="AS1141" s="119"/>
      <c r="AT1141" s="119"/>
      <c r="AU1141" s="119"/>
      <c r="AV1141" s="119"/>
      <c r="AW1141" s="119"/>
      <c r="AX1141" s="119"/>
      <c r="AY1141" s="119"/>
      <c r="AZ1141" s="119"/>
      <c r="BA1141" s="119"/>
      <c r="BB1141" s="107">
        <v>45884</v>
      </c>
    </row>
    <row r="1142" spans="1:54" s="207" customFormat="1" ht="13.95" customHeight="1" x14ac:dyDescent="0.25">
      <c r="A1142" s="208" t="s">
        <v>2787</v>
      </c>
      <c r="B1142" s="209" t="s">
        <v>20420</v>
      </c>
      <c r="C1142" s="113" t="s">
        <v>2788</v>
      </c>
      <c r="D1142" s="113" t="s">
        <v>23076</v>
      </c>
      <c r="E1142" s="210">
        <v>1971</v>
      </c>
      <c r="F1142" s="210">
        <v>1090</v>
      </c>
      <c r="G1142" s="113" t="s">
        <v>1</v>
      </c>
      <c r="H1142" s="113">
        <v>0</v>
      </c>
      <c r="I1142" s="113">
        <v>0</v>
      </c>
      <c r="J1142" s="115">
        <v>1</v>
      </c>
      <c r="K1142" s="116" t="s">
        <v>174</v>
      </c>
      <c r="L1142" s="115">
        <v>1</v>
      </c>
      <c r="M1142" s="115">
        <v>0</v>
      </c>
      <c r="N1142" s="115">
        <v>1</v>
      </c>
      <c r="O1142" s="115">
        <v>1</v>
      </c>
      <c r="P1142" s="115">
        <v>1</v>
      </c>
      <c r="Q1142" s="115" t="s">
        <v>400</v>
      </c>
      <c r="R1142" s="115">
        <v>1</v>
      </c>
      <c r="S1142" s="115">
        <v>0</v>
      </c>
      <c r="T1142" s="115">
        <v>0</v>
      </c>
      <c r="U1142" s="119"/>
      <c r="V1142" s="119"/>
      <c r="W1142" s="119"/>
      <c r="X1142" s="119"/>
      <c r="Y1142" s="119"/>
      <c r="Z1142" s="119"/>
      <c r="AA1142" s="119"/>
      <c r="AB1142" s="119"/>
      <c r="AC1142" s="119"/>
      <c r="AD1142" s="119"/>
      <c r="AE1142" s="119"/>
      <c r="AF1142" s="119"/>
      <c r="AG1142" s="119"/>
      <c r="AH1142" s="119"/>
      <c r="AI1142" s="119"/>
      <c r="AJ1142" s="119"/>
      <c r="AK1142" s="119"/>
      <c r="AL1142" s="119"/>
      <c r="AM1142" s="119"/>
      <c r="AN1142" s="119"/>
      <c r="AO1142" s="119"/>
      <c r="AP1142" s="119"/>
      <c r="AQ1142" s="119"/>
      <c r="AR1142" s="119"/>
      <c r="AS1142" s="119"/>
      <c r="AT1142" s="119"/>
      <c r="AU1142" s="119"/>
      <c r="AV1142" s="119"/>
      <c r="AW1142" s="119"/>
      <c r="AX1142" s="119"/>
      <c r="AY1142" s="119"/>
      <c r="AZ1142" s="119"/>
      <c r="BA1142" s="119"/>
      <c r="BB1142" s="107">
        <v>45884</v>
      </c>
    </row>
    <row r="1143" spans="1:54" s="207" customFormat="1" ht="13.95" customHeight="1" x14ac:dyDescent="0.25">
      <c r="A1143" s="208" t="s">
        <v>2789</v>
      </c>
      <c r="B1143" s="209" t="s">
        <v>20420</v>
      </c>
      <c r="C1143" s="113" t="s">
        <v>2790</v>
      </c>
      <c r="D1143" s="113" t="s">
        <v>23077</v>
      </c>
      <c r="E1143" s="210">
        <v>1984</v>
      </c>
      <c r="F1143" s="210">
        <v>1090</v>
      </c>
      <c r="G1143" s="113" t="s">
        <v>1</v>
      </c>
      <c r="H1143" s="113">
        <v>0</v>
      </c>
      <c r="I1143" s="113">
        <v>0</v>
      </c>
      <c r="J1143" s="115">
        <v>1</v>
      </c>
      <c r="K1143" s="116" t="s">
        <v>174</v>
      </c>
      <c r="L1143" s="115">
        <v>1</v>
      </c>
      <c r="M1143" s="115">
        <v>0</v>
      </c>
      <c r="N1143" s="115">
        <v>0</v>
      </c>
      <c r="O1143" s="115">
        <v>1</v>
      </c>
      <c r="P1143" s="115">
        <v>1</v>
      </c>
      <c r="Q1143" s="115" t="s">
        <v>400</v>
      </c>
      <c r="R1143" s="115">
        <v>1</v>
      </c>
      <c r="S1143" s="115">
        <v>0</v>
      </c>
      <c r="T1143" s="115">
        <v>0</v>
      </c>
      <c r="U1143" s="119"/>
      <c r="V1143" s="119"/>
      <c r="W1143" s="119"/>
      <c r="X1143" s="119"/>
      <c r="Y1143" s="119"/>
      <c r="Z1143" s="119"/>
      <c r="AA1143" s="119"/>
      <c r="AB1143" s="119"/>
      <c r="AC1143" s="119"/>
      <c r="AD1143" s="119"/>
      <c r="AE1143" s="119"/>
      <c r="AF1143" s="119"/>
      <c r="AG1143" s="119"/>
      <c r="AH1143" s="119"/>
      <c r="AI1143" s="119"/>
      <c r="AJ1143" s="119"/>
      <c r="AK1143" s="119"/>
      <c r="AL1143" s="119"/>
      <c r="AM1143" s="119"/>
      <c r="AN1143" s="119"/>
      <c r="AO1143" s="119"/>
      <c r="AP1143" s="119"/>
      <c r="AQ1143" s="119"/>
      <c r="AR1143" s="119"/>
      <c r="AS1143" s="119"/>
      <c r="AT1143" s="119"/>
      <c r="AU1143" s="119"/>
      <c r="AV1143" s="119"/>
      <c r="AW1143" s="119"/>
      <c r="AX1143" s="119"/>
      <c r="AY1143" s="119"/>
      <c r="AZ1143" s="119"/>
      <c r="BA1143" s="119"/>
      <c r="BB1143" s="107">
        <v>45884</v>
      </c>
    </row>
    <row r="1144" spans="1:54" s="207" customFormat="1" ht="13.95" customHeight="1" x14ac:dyDescent="0.25">
      <c r="A1144" s="208" t="s">
        <v>2791</v>
      </c>
      <c r="B1144" s="209" t="s">
        <v>20420</v>
      </c>
      <c r="C1144" s="113" t="s">
        <v>2792</v>
      </c>
      <c r="D1144" s="113" t="s">
        <v>23078</v>
      </c>
      <c r="E1144" s="210">
        <v>1969</v>
      </c>
      <c r="F1144" s="210">
        <v>1092</v>
      </c>
      <c r="G1144" s="113" t="s">
        <v>1</v>
      </c>
      <c r="H1144" s="113">
        <v>0</v>
      </c>
      <c r="I1144" s="113">
        <v>0</v>
      </c>
      <c r="J1144" s="115">
        <v>1</v>
      </c>
      <c r="K1144" s="116" t="s">
        <v>174</v>
      </c>
      <c r="L1144" s="115">
        <v>1</v>
      </c>
      <c r="M1144" s="115">
        <v>0</v>
      </c>
      <c r="N1144" s="115">
        <v>1</v>
      </c>
      <c r="O1144" s="115">
        <v>1</v>
      </c>
      <c r="P1144" s="115" t="s">
        <v>400</v>
      </c>
      <c r="Q1144" s="115" t="s">
        <v>400</v>
      </c>
      <c r="R1144" s="115">
        <v>1</v>
      </c>
      <c r="S1144" s="115">
        <v>0</v>
      </c>
      <c r="T1144" s="115">
        <v>0</v>
      </c>
      <c r="U1144" s="119"/>
      <c r="V1144" s="119"/>
      <c r="W1144" s="119"/>
      <c r="X1144" s="119"/>
      <c r="Y1144" s="119"/>
      <c r="Z1144" s="119"/>
      <c r="AA1144" s="119"/>
      <c r="AB1144" s="119"/>
      <c r="AC1144" s="119"/>
      <c r="AD1144" s="119"/>
      <c r="AE1144" s="119"/>
      <c r="AF1144" s="119"/>
      <c r="AG1144" s="119"/>
      <c r="AH1144" s="119"/>
      <c r="AI1144" s="119"/>
      <c r="AJ1144" s="119"/>
      <c r="AK1144" s="119"/>
      <c r="AL1144" s="119"/>
      <c r="AM1144" s="119"/>
      <c r="AN1144" s="119"/>
      <c r="AO1144" s="119"/>
      <c r="AP1144" s="119"/>
      <c r="AQ1144" s="119"/>
      <c r="AR1144" s="119"/>
      <c r="AS1144" s="119"/>
      <c r="AT1144" s="119"/>
      <c r="AU1144" s="119"/>
      <c r="AV1144" s="119"/>
      <c r="AW1144" s="119"/>
      <c r="AX1144" s="119"/>
      <c r="AY1144" s="119"/>
      <c r="AZ1144" s="119"/>
      <c r="BA1144" s="119"/>
      <c r="BB1144" s="107">
        <v>45884</v>
      </c>
    </row>
    <row r="1145" spans="1:54" s="207" customFormat="1" ht="13.95" customHeight="1" x14ac:dyDescent="0.25">
      <c r="A1145" s="208" t="s">
        <v>2793</v>
      </c>
      <c r="B1145" s="209" t="s">
        <v>20420</v>
      </c>
      <c r="C1145" s="113" t="s">
        <v>2794</v>
      </c>
      <c r="D1145" s="113" t="s">
        <v>2795</v>
      </c>
      <c r="E1145" s="210">
        <v>1973</v>
      </c>
      <c r="F1145" s="210">
        <v>1093</v>
      </c>
      <c r="G1145" s="113" t="s">
        <v>1</v>
      </c>
      <c r="H1145" s="113">
        <v>0</v>
      </c>
      <c r="I1145" s="113">
        <v>0</v>
      </c>
      <c r="J1145" s="115">
        <v>1</v>
      </c>
      <c r="K1145" s="211">
        <v>1</v>
      </c>
      <c r="L1145" s="115">
        <v>1</v>
      </c>
      <c r="M1145" s="115">
        <v>1</v>
      </c>
      <c r="N1145" s="115">
        <v>0</v>
      </c>
      <c r="O1145" s="115">
        <v>1</v>
      </c>
      <c r="P1145" s="115" t="s">
        <v>400</v>
      </c>
      <c r="Q1145" s="115" t="s">
        <v>400</v>
      </c>
      <c r="R1145" s="115">
        <v>0</v>
      </c>
      <c r="S1145" s="115">
        <v>0</v>
      </c>
      <c r="T1145" s="115">
        <v>0</v>
      </c>
      <c r="U1145" s="119"/>
      <c r="V1145" s="119"/>
      <c r="W1145" s="119"/>
      <c r="X1145" s="119"/>
      <c r="Y1145" s="119"/>
      <c r="Z1145" s="119"/>
      <c r="AA1145" s="119"/>
      <c r="AB1145" s="119"/>
      <c r="AC1145" s="119"/>
      <c r="AD1145" s="119"/>
      <c r="AE1145" s="119"/>
      <c r="AF1145" s="119"/>
      <c r="AG1145" s="119"/>
      <c r="AH1145" s="119"/>
      <c r="AI1145" s="119"/>
      <c r="AJ1145" s="119"/>
      <c r="AK1145" s="119"/>
      <c r="AL1145" s="119"/>
      <c r="AM1145" s="119"/>
      <c r="AN1145" s="119"/>
      <c r="AO1145" s="119"/>
      <c r="AP1145" s="119"/>
      <c r="AQ1145" s="119"/>
      <c r="AR1145" s="119"/>
      <c r="AS1145" s="119"/>
      <c r="AT1145" s="119"/>
      <c r="AU1145" s="119"/>
      <c r="AV1145" s="119"/>
      <c r="AW1145" s="119"/>
      <c r="AX1145" s="119"/>
      <c r="AY1145" s="119"/>
      <c r="AZ1145" s="119"/>
      <c r="BA1145" s="119"/>
      <c r="BB1145" s="107">
        <v>45884</v>
      </c>
    </row>
    <row r="1146" spans="1:54" s="207" customFormat="1" ht="13.95" customHeight="1" x14ac:dyDescent="0.25">
      <c r="A1146" s="208" t="s">
        <v>2796</v>
      </c>
      <c r="B1146" s="209" t="s">
        <v>20420</v>
      </c>
      <c r="C1146" s="113" t="s">
        <v>2797</v>
      </c>
      <c r="D1146" s="113" t="s">
        <v>23079</v>
      </c>
      <c r="E1146" s="210">
        <v>2009</v>
      </c>
      <c r="F1146" s="210">
        <v>1094</v>
      </c>
      <c r="G1146" s="113" t="s">
        <v>1</v>
      </c>
      <c r="H1146" s="113">
        <v>0</v>
      </c>
      <c r="I1146" s="113">
        <v>0</v>
      </c>
      <c r="J1146" s="115">
        <v>1</v>
      </c>
      <c r="K1146" s="116" t="s">
        <v>174</v>
      </c>
      <c r="L1146" s="115">
        <v>0</v>
      </c>
      <c r="M1146" s="115">
        <v>0</v>
      </c>
      <c r="N1146" s="212">
        <v>1</v>
      </c>
      <c r="O1146" s="115">
        <v>1</v>
      </c>
      <c r="P1146" s="115" t="s">
        <v>400</v>
      </c>
      <c r="Q1146" s="115" t="s">
        <v>400</v>
      </c>
      <c r="R1146" s="115">
        <v>1</v>
      </c>
      <c r="S1146" s="115">
        <v>0</v>
      </c>
      <c r="T1146" s="115">
        <v>0</v>
      </c>
      <c r="U1146" s="119"/>
      <c r="V1146" s="119"/>
      <c r="W1146" s="119"/>
      <c r="X1146" s="119"/>
      <c r="Y1146" s="119"/>
      <c r="Z1146" s="119"/>
      <c r="AA1146" s="119"/>
      <c r="AB1146" s="119"/>
      <c r="AC1146" s="119"/>
      <c r="AD1146" s="119"/>
      <c r="AE1146" s="119"/>
      <c r="AF1146" s="119"/>
      <c r="AG1146" s="119"/>
      <c r="AH1146" s="119"/>
      <c r="AI1146" s="119"/>
      <c r="AJ1146" s="119"/>
      <c r="AK1146" s="119"/>
      <c r="AL1146" s="119"/>
      <c r="AM1146" s="119"/>
      <c r="AN1146" s="119"/>
      <c r="AO1146" s="119"/>
      <c r="AP1146" s="119"/>
      <c r="AQ1146" s="119"/>
      <c r="AR1146" s="119"/>
      <c r="AS1146" s="119"/>
      <c r="AT1146" s="119"/>
      <c r="AU1146" s="119"/>
      <c r="AV1146" s="119"/>
      <c r="AW1146" s="119"/>
      <c r="AX1146" s="119"/>
      <c r="AY1146" s="119"/>
      <c r="AZ1146" s="119"/>
      <c r="BA1146" s="119"/>
      <c r="BB1146" s="107">
        <v>45884</v>
      </c>
    </row>
    <row r="1147" spans="1:54" s="207" customFormat="1" ht="13.95" customHeight="1" x14ac:dyDescent="0.25">
      <c r="A1147" s="208" t="s">
        <v>2798</v>
      </c>
      <c r="B1147" s="209" t="s">
        <v>20420</v>
      </c>
      <c r="C1147" s="113" t="s">
        <v>2799</v>
      </c>
      <c r="D1147" s="113" t="s">
        <v>23080</v>
      </c>
      <c r="E1147" s="210">
        <v>1979</v>
      </c>
      <c r="F1147" s="210">
        <v>1094</v>
      </c>
      <c r="G1147" s="113" t="s">
        <v>1</v>
      </c>
      <c r="H1147" s="113">
        <v>0</v>
      </c>
      <c r="I1147" s="113">
        <v>0</v>
      </c>
      <c r="J1147" s="115">
        <v>1</v>
      </c>
      <c r="K1147" s="116" t="s">
        <v>174</v>
      </c>
      <c r="L1147" s="115">
        <v>0</v>
      </c>
      <c r="M1147" s="115">
        <v>0</v>
      </c>
      <c r="N1147" s="115">
        <v>1</v>
      </c>
      <c r="O1147" s="115">
        <v>0</v>
      </c>
      <c r="P1147" s="115" t="s">
        <v>400</v>
      </c>
      <c r="Q1147" s="115" t="s">
        <v>400</v>
      </c>
      <c r="R1147" s="115">
        <v>0</v>
      </c>
      <c r="S1147" s="115">
        <v>0</v>
      </c>
      <c r="T1147" s="115">
        <v>0</v>
      </c>
      <c r="U1147" s="119"/>
      <c r="V1147" s="119"/>
      <c r="W1147" s="119"/>
      <c r="X1147" s="119"/>
      <c r="Y1147" s="119"/>
      <c r="Z1147" s="119"/>
      <c r="AA1147" s="119"/>
      <c r="AB1147" s="119"/>
      <c r="AC1147" s="119"/>
      <c r="AD1147" s="119"/>
      <c r="AE1147" s="119"/>
      <c r="AF1147" s="119"/>
      <c r="AG1147" s="119"/>
      <c r="AH1147" s="119"/>
      <c r="AI1147" s="119"/>
      <c r="AJ1147" s="119"/>
      <c r="AK1147" s="119"/>
      <c r="AL1147" s="119"/>
      <c r="AM1147" s="119"/>
      <c r="AN1147" s="119"/>
      <c r="AO1147" s="119"/>
      <c r="AP1147" s="119"/>
      <c r="AQ1147" s="119"/>
      <c r="AR1147" s="119"/>
      <c r="AS1147" s="119"/>
      <c r="AT1147" s="119"/>
      <c r="AU1147" s="119"/>
      <c r="AV1147" s="119"/>
      <c r="AW1147" s="119"/>
      <c r="AX1147" s="119"/>
      <c r="AY1147" s="119"/>
      <c r="AZ1147" s="119"/>
      <c r="BA1147" s="119"/>
      <c r="BB1147" s="107">
        <v>45884</v>
      </c>
    </row>
    <row r="1148" spans="1:54" s="207" customFormat="1" ht="13.95" customHeight="1" x14ac:dyDescent="0.25">
      <c r="A1148" s="208" t="s">
        <v>2800</v>
      </c>
      <c r="B1148" s="209" t="s">
        <v>20420</v>
      </c>
      <c r="C1148" s="113" t="s">
        <v>2801</v>
      </c>
      <c r="D1148" s="113" t="s">
        <v>2802</v>
      </c>
      <c r="E1148" s="210">
        <v>1962</v>
      </c>
      <c r="F1148" s="210">
        <v>1095</v>
      </c>
      <c r="G1148" s="113" t="s">
        <v>1</v>
      </c>
      <c r="H1148" s="113">
        <v>0</v>
      </c>
      <c r="I1148" s="113">
        <v>0</v>
      </c>
      <c r="J1148" s="115">
        <v>1</v>
      </c>
      <c r="K1148" s="211">
        <v>1</v>
      </c>
      <c r="L1148" s="115">
        <v>1</v>
      </c>
      <c r="M1148" s="115">
        <v>1</v>
      </c>
      <c r="N1148" s="115">
        <v>0</v>
      </c>
      <c r="O1148" s="115">
        <v>0</v>
      </c>
      <c r="P1148" s="115" t="s">
        <v>400</v>
      </c>
      <c r="Q1148" s="115" t="s">
        <v>400</v>
      </c>
      <c r="R1148" s="115">
        <v>0</v>
      </c>
      <c r="S1148" s="115">
        <v>0</v>
      </c>
      <c r="T1148" s="115">
        <v>0</v>
      </c>
      <c r="U1148" s="119"/>
      <c r="V1148" s="119"/>
      <c r="W1148" s="119"/>
      <c r="X1148" s="119"/>
      <c r="Y1148" s="119"/>
      <c r="Z1148" s="119"/>
      <c r="AA1148" s="119"/>
      <c r="AB1148" s="119"/>
      <c r="AC1148" s="119"/>
      <c r="AD1148" s="119"/>
      <c r="AE1148" s="119"/>
      <c r="AF1148" s="119"/>
      <c r="AG1148" s="119"/>
      <c r="AH1148" s="119"/>
      <c r="AI1148" s="119"/>
      <c r="AJ1148" s="119"/>
      <c r="AK1148" s="119"/>
      <c r="AL1148" s="119"/>
      <c r="AM1148" s="119"/>
      <c r="AN1148" s="119"/>
      <c r="AO1148" s="119"/>
      <c r="AP1148" s="119"/>
      <c r="AQ1148" s="119"/>
      <c r="AR1148" s="119"/>
      <c r="AS1148" s="119"/>
      <c r="AT1148" s="119"/>
      <c r="AU1148" s="119"/>
      <c r="AV1148" s="119"/>
      <c r="AW1148" s="119"/>
      <c r="AX1148" s="119"/>
      <c r="AY1148" s="119"/>
      <c r="AZ1148" s="119"/>
      <c r="BA1148" s="119"/>
      <c r="BB1148" s="107">
        <v>45884</v>
      </c>
    </row>
    <row r="1149" spans="1:54" s="207" customFormat="1" ht="13.95" customHeight="1" x14ac:dyDescent="0.25">
      <c r="A1149" s="208" t="s">
        <v>2803</v>
      </c>
      <c r="B1149" s="209" t="s">
        <v>20420</v>
      </c>
      <c r="C1149" s="113" t="s">
        <v>2804</v>
      </c>
      <c r="D1149" s="113" t="s">
        <v>2805</v>
      </c>
      <c r="E1149" s="210">
        <v>1992</v>
      </c>
      <c r="F1149" s="210">
        <v>1774</v>
      </c>
      <c r="G1149" s="113" t="s">
        <v>1</v>
      </c>
      <c r="H1149" s="113">
        <v>0</v>
      </c>
      <c r="I1149" s="113">
        <v>0</v>
      </c>
      <c r="J1149" s="115">
        <v>1</v>
      </c>
      <c r="K1149" s="116" t="s">
        <v>174</v>
      </c>
      <c r="L1149" s="115">
        <v>0</v>
      </c>
      <c r="M1149" s="115">
        <v>0</v>
      </c>
      <c r="N1149" s="115">
        <v>1</v>
      </c>
      <c r="O1149" s="115">
        <v>0</v>
      </c>
      <c r="P1149" s="115" t="s">
        <v>400</v>
      </c>
      <c r="Q1149" s="115" t="s">
        <v>400</v>
      </c>
      <c r="R1149" s="115">
        <v>0</v>
      </c>
      <c r="S1149" s="115">
        <v>0</v>
      </c>
      <c r="T1149" s="115">
        <v>0</v>
      </c>
      <c r="U1149" s="119"/>
      <c r="V1149" s="119"/>
      <c r="W1149" s="119"/>
      <c r="X1149" s="119"/>
      <c r="Y1149" s="119"/>
      <c r="Z1149" s="119"/>
      <c r="AA1149" s="119"/>
      <c r="AB1149" s="119"/>
      <c r="AC1149" s="119"/>
      <c r="AD1149" s="119"/>
      <c r="AE1149" s="119"/>
      <c r="AF1149" s="119"/>
      <c r="AG1149" s="119"/>
      <c r="AH1149" s="119"/>
      <c r="AI1149" s="119"/>
      <c r="AJ1149" s="119"/>
      <c r="AK1149" s="119"/>
      <c r="AL1149" s="119"/>
      <c r="AM1149" s="119"/>
      <c r="AN1149" s="119"/>
      <c r="AO1149" s="119"/>
      <c r="AP1149" s="119"/>
      <c r="AQ1149" s="119"/>
      <c r="AR1149" s="119"/>
      <c r="AS1149" s="119"/>
      <c r="AT1149" s="119"/>
      <c r="AU1149" s="119"/>
      <c r="AV1149" s="119"/>
      <c r="AW1149" s="119"/>
      <c r="AX1149" s="119"/>
      <c r="AY1149" s="119"/>
      <c r="AZ1149" s="119"/>
      <c r="BA1149" s="119"/>
      <c r="BB1149" s="107">
        <v>45884</v>
      </c>
    </row>
    <row r="1150" spans="1:54" s="207" customFormat="1" ht="13.95" customHeight="1" x14ac:dyDescent="0.25">
      <c r="A1150" s="208" t="s">
        <v>2806</v>
      </c>
      <c r="B1150" s="209" t="s">
        <v>20420</v>
      </c>
      <c r="C1150" s="113" t="s">
        <v>2807</v>
      </c>
      <c r="D1150" s="113" t="s">
        <v>23081</v>
      </c>
      <c r="E1150" s="210">
        <v>1989</v>
      </c>
      <c r="F1150" s="210">
        <v>1097</v>
      </c>
      <c r="G1150" s="113" t="s">
        <v>1</v>
      </c>
      <c r="H1150" s="113">
        <v>0</v>
      </c>
      <c r="I1150" s="113">
        <v>0</v>
      </c>
      <c r="J1150" s="115">
        <v>1</v>
      </c>
      <c r="K1150" s="211">
        <v>1</v>
      </c>
      <c r="L1150" s="115">
        <v>1</v>
      </c>
      <c r="M1150" s="115">
        <v>0</v>
      </c>
      <c r="N1150" s="115">
        <v>0</v>
      </c>
      <c r="O1150" s="115">
        <v>1</v>
      </c>
      <c r="P1150" s="115">
        <v>1</v>
      </c>
      <c r="Q1150" s="115" t="s">
        <v>400</v>
      </c>
      <c r="R1150" s="115">
        <v>1</v>
      </c>
      <c r="S1150" s="115">
        <v>0</v>
      </c>
      <c r="T1150" s="115">
        <v>0</v>
      </c>
      <c r="U1150" s="119"/>
      <c r="V1150" s="119"/>
      <c r="W1150" s="119"/>
      <c r="X1150" s="119"/>
      <c r="Y1150" s="119"/>
      <c r="Z1150" s="119"/>
      <c r="AA1150" s="119"/>
      <c r="AB1150" s="119"/>
      <c r="AC1150" s="119"/>
      <c r="AD1150" s="119"/>
      <c r="AE1150" s="119"/>
      <c r="AF1150" s="119"/>
      <c r="AG1150" s="119"/>
      <c r="AH1150" s="119"/>
      <c r="AI1150" s="119"/>
      <c r="AJ1150" s="119"/>
      <c r="AK1150" s="119"/>
      <c r="AL1150" s="119"/>
      <c r="AM1150" s="119"/>
      <c r="AN1150" s="119"/>
      <c r="AO1150" s="119"/>
      <c r="AP1150" s="119"/>
      <c r="AQ1150" s="119"/>
      <c r="AR1150" s="119"/>
      <c r="AS1150" s="119"/>
      <c r="AT1150" s="119"/>
      <c r="AU1150" s="119"/>
      <c r="AV1150" s="119"/>
      <c r="AW1150" s="119"/>
      <c r="AX1150" s="119"/>
      <c r="AY1150" s="119"/>
      <c r="AZ1150" s="119"/>
      <c r="BA1150" s="119"/>
      <c r="BB1150" s="107">
        <v>45884</v>
      </c>
    </row>
    <row r="1151" spans="1:54" s="207" customFormat="1" ht="13.95" customHeight="1" x14ac:dyDescent="0.25">
      <c r="A1151" s="208" t="s">
        <v>2808</v>
      </c>
      <c r="B1151" s="209" t="s">
        <v>20420</v>
      </c>
      <c r="C1151" s="113" t="s">
        <v>2809</v>
      </c>
      <c r="D1151" s="113" t="s">
        <v>23082</v>
      </c>
      <c r="E1151" s="210">
        <v>2005</v>
      </c>
      <c r="F1151" s="210">
        <v>1100</v>
      </c>
      <c r="G1151" s="113" t="s">
        <v>1</v>
      </c>
      <c r="H1151" s="113">
        <v>0</v>
      </c>
      <c r="I1151" s="113">
        <v>0</v>
      </c>
      <c r="J1151" s="115">
        <v>1</v>
      </c>
      <c r="K1151" s="116" t="s">
        <v>174</v>
      </c>
      <c r="L1151" s="115">
        <v>1</v>
      </c>
      <c r="M1151" s="115">
        <v>0</v>
      </c>
      <c r="N1151" s="115">
        <v>0</v>
      </c>
      <c r="O1151" s="115">
        <v>1</v>
      </c>
      <c r="P1151" s="115">
        <v>1</v>
      </c>
      <c r="Q1151" s="115" t="s">
        <v>400</v>
      </c>
      <c r="R1151" s="115">
        <v>1</v>
      </c>
      <c r="S1151" s="115">
        <v>0</v>
      </c>
      <c r="T1151" s="115">
        <v>0</v>
      </c>
      <c r="U1151" s="119"/>
      <c r="V1151" s="119"/>
      <c r="W1151" s="119"/>
      <c r="X1151" s="119"/>
      <c r="Y1151" s="119"/>
      <c r="Z1151" s="119"/>
      <c r="AA1151" s="119"/>
      <c r="AB1151" s="119"/>
      <c r="AC1151" s="119"/>
      <c r="AD1151" s="119"/>
      <c r="AE1151" s="119"/>
      <c r="AF1151" s="119"/>
      <c r="AG1151" s="119"/>
      <c r="AH1151" s="119"/>
      <c r="AI1151" s="119"/>
      <c r="AJ1151" s="119"/>
      <c r="AK1151" s="119"/>
      <c r="AL1151" s="119"/>
      <c r="AM1151" s="119"/>
      <c r="AN1151" s="119"/>
      <c r="AO1151" s="119"/>
      <c r="AP1151" s="119"/>
      <c r="AQ1151" s="119"/>
      <c r="AR1151" s="119"/>
      <c r="AS1151" s="119"/>
      <c r="AT1151" s="119"/>
      <c r="AU1151" s="119"/>
      <c r="AV1151" s="119"/>
      <c r="AW1151" s="119"/>
      <c r="AX1151" s="119"/>
      <c r="AY1151" s="119"/>
      <c r="AZ1151" s="119"/>
      <c r="BA1151" s="119"/>
      <c r="BB1151" s="107">
        <v>45884</v>
      </c>
    </row>
    <row r="1152" spans="1:54" s="207" customFormat="1" ht="13.95" customHeight="1" x14ac:dyDescent="0.25">
      <c r="A1152" s="208" t="s">
        <v>2810</v>
      </c>
      <c r="B1152" s="209" t="s">
        <v>20420</v>
      </c>
      <c r="C1152" s="113" t="s">
        <v>2811</v>
      </c>
      <c r="D1152" s="113" t="s">
        <v>23083</v>
      </c>
      <c r="E1152" s="210">
        <v>2000</v>
      </c>
      <c r="F1152" s="210">
        <v>1100</v>
      </c>
      <c r="G1152" s="113" t="s">
        <v>1</v>
      </c>
      <c r="H1152" s="113">
        <v>1</v>
      </c>
      <c r="I1152" s="113">
        <v>1</v>
      </c>
      <c r="J1152" s="115">
        <v>1</v>
      </c>
      <c r="K1152" s="116" t="s">
        <v>174</v>
      </c>
      <c r="L1152" s="115">
        <v>0</v>
      </c>
      <c r="M1152" s="115">
        <v>1</v>
      </c>
      <c r="N1152" s="115">
        <v>0</v>
      </c>
      <c r="O1152" s="115">
        <v>0</v>
      </c>
      <c r="P1152" s="115" t="s">
        <v>400</v>
      </c>
      <c r="Q1152" s="115" t="s">
        <v>400</v>
      </c>
      <c r="R1152" s="115">
        <v>1</v>
      </c>
      <c r="S1152" s="115">
        <v>0</v>
      </c>
      <c r="T1152" s="115">
        <v>0</v>
      </c>
      <c r="U1152" s="119"/>
      <c r="V1152" s="119"/>
      <c r="W1152" s="119"/>
      <c r="X1152" s="119"/>
      <c r="Y1152" s="119"/>
      <c r="Z1152" s="119"/>
      <c r="AA1152" s="119"/>
      <c r="AB1152" s="119"/>
      <c r="AC1152" s="119"/>
      <c r="AD1152" s="119"/>
      <c r="AE1152" s="119"/>
      <c r="AF1152" s="119"/>
      <c r="AG1152" s="119"/>
      <c r="AH1152" s="119"/>
      <c r="AI1152" s="119"/>
      <c r="AJ1152" s="119"/>
      <c r="AK1152" s="119"/>
      <c r="AL1152" s="119"/>
      <c r="AM1152" s="119"/>
      <c r="AN1152" s="119"/>
      <c r="AO1152" s="119"/>
      <c r="AP1152" s="119"/>
      <c r="AQ1152" s="119"/>
      <c r="AR1152" s="119"/>
      <c r="AS1152" s="119"/>
      <c r="AT1152" s="119"/>
      <c r="AU1152" s="119"/>
      <c r="AV1152" s="119"/>
      <c r="AW1152" s="119"/>
      <c r="AX1152" s="119"/>
      <c r="AY1152" s="119"/>
      <c r="AZ1152" s="119"/>
      <c r="BA1152" s="119"/>
      <c r="BB1152" s="107">
        <v>45884</v>
      </c>
    </row>
    <row r="1153" spans="1:54" s="207" customFormat="1" ht="13.95" customHeight="1" x14ac:dyDescent="0.25">
      <c r="A1153" s="208" t="s">
        <v>2812</v>
      </c>
      <c r="B1153" s="209" t="s">
        <v>20420</v>
      </c>
      <c r="C1153" s="113" t="s">
        <v>2813</v>
      </c>
      <c r="D1153" s="113" t="s">
        <v>23084</v>
      </c>
      <c r="E1153" s="210">
        <v>1976</v>
      </c>
      <c r="F1153" s="210">
        <v>1101</v>
      </c>
      <c r="G1153" s="113" t="s">
        <v>1</v>
      </c>
      <c r="H1153" s="113">
        <v>0</v>
      </c>
      <c r="I1153" s="113">
        <v>0</v>
      </c>
      <c r="J1153" s="115">
        <v>1</v>
      </c>
      <c r="K1153" s="211">
        <v>1</v>
      </c>
      <c r="L1153" s="115">
        <v>1</v>
      </c>
      <c r="M1153" s="115">
        <v>1</v>
      </c>
      <c r="N1153" s="115">
        <v>0</v>
      </c>
      <c r="O1153" s="115">
        <v>1</v>
      </c>
      <c r="P1153" s="115" t="s">
        <v>400</v>
      </c>
      <c r="Q1153" s="115" t="s">
        <v>400</v>
      </c>
      <c r="R1153" s="115">
        <v>1</v>
      </c>
      <c r="S1153" s="115">
        <v>0</v>
      </c>
      <c r="T1153" s="115">
        <v>0</v>
      </c>
      <c r="U1153" s="119"/>
      <c r="V1153" s="119"/>
      <c r="W1153" s="119"/>
      <c r="X1153" s="119"/>
      <c r="Y1153" s="119"/>
      <c r="Z1153" s="119"/>
      <c r="AA1153" s="119"/>
      <c r="AB1153" s="119"/>
      <c r="AC1153" s="119"/>
      <c r="AD1153" s="119"/>
      <c r="AE1153" s="119"/>
      <c r="AF1153" s="119"/>
      <c r="AG1153" s="119"/>
      <c r="AH1153" s="119"/>
      <c r="AI1153" s="119"/>
      <c r="AJ1153" s="119"/>
      <c r="AK1153" s="119"/>
      <c r="AL1153" s="119"/>
      <c r="AM1153" s="119"/>
      <c r="AN1153" s="119"/>
      <c r="AO1153" s="119"/>
      <c r="AP1153" s="119"/>
      <c r="AQ1153" s="119"/>
      <c r="AR1153" s="119"/>
      <c r="AS1153" s="119"/>
      <c r="AT1153" s="119"/>
      <c r="AU1153" s="119"/>
      <c r="AV1153" s="119"/>
      <c r="AW1153" s="119"/>
      <c r="AX1153" s="119"/>
      <c r="AY1153" s="119"/>
      <c r="AZ1153" s="119"/>
      <c r="BA1153" s="119"/>
      <c r="BB1153" s="107">
        <v>45884</v>
      </c>
    </row>
    <row r="1154" spans="1:54" s="207" customFormat="1" ht="13.95" customHeight="1" x14ac:dyDescent="0.25">
      <c r="A1154" s="208" t="s">
        <v>2814</v>
      </c>
      <c r="B1154" s="209" t="s">
        <v>20420</v>
      </c>
      <c r="C1154" s="113" t="s">
        <v>2815</v>
      </c>
      <c r="D1154" s="113" t="s">
        <v>2816</v>
      </c>
      <c r="E1154" s="210">
        <v>1986</v>
      </c>
      <c r="F1154" s="210">
        <v>1102</v>
      </c>
      <c r="G1154" s="113" t="s">
        <v>1</v>
      </c>
      <c r="H1154" s="113">
        <v>0</v>
      </c>
      <c r="I1154" s="113">
        <v>0</v>
      </c>
      <c r="J1154" s="115">
        <v>1</v>
      </c>
      <c r="K1154" s="116" t="s">
        <v>174</v>
      </c>
      <c r="L1154" s="115">
        <v>1</v>
      </c>
      <c r="M1154" s="115">
        <v>0</v>
      </c>
      <c r="N1154" s="115">
        <v>0</v>
      </c>
      <c r="O1154" s="115">
        <v>1</v>
      </c>
      <c r="P1154" s="115">
        <v>1</v>
      </c>
      <c r="Q1154" s="115" t="s">
        <v>400</v>
      </c>
      <c r="R1154" s="115">
        <v>0</v>
      </c>
      <c r="S1154" s="115">
        <v>0</v>
      </c>
      <c r="T1154" s="115">
        <v>0</v>
      </c>
      <c r="U1154" s="119"/>
      <c r="V1154" s="119"/>
      <c r="W1154" s="119"/>
      <c r="X1154" s="119"/>
      <c r="Y1154" s="119"/>
      <c r="Z1154" s="119"/>
      <c r="AA1154" s="119"/>
      <c r="AB1154" s="119"/>
      <c r="AC1154" s="119"/>
      <c r="AD1154" s="119"/>
      <c r="AE1154" s="119"/>
      <c r="AF1154" s="119"/>
      <c r="AG1154" s="119"/>
      <c r="AH1154" s="119"/>
      <c r="AI1154" s="119"/>
      <c r="AJ1154" s="119"/>
      <c r="AK1154" s="119"/>
      <c r="AL1154" s="119"/>
      <c r="AM1154" s="119"/>
      <c r="AN1154" s="119"/>
      <c r="AO1154" s="119"/>
      <c r="AP1154" s="119"/>
      <c r="AQ1154" s="119"/>
      <c r="AR1154" s="119"/>
      <c r="AS1154" s="119"/>
      <c r="AT1154" s="119"/>
      <c r="AU1154" s="119"/>
      <c r="AV1154" s="119"/>
      <c r="AW1154" s="119"/>
      <c r="AX1154" s="119"/>
      <c r="AY1154" s="119"/>
      <c r="AZ1154" s="119"/>
      <c r="BA1154" s="119"/>
      <c r="BB1154" s="107">
        <v>45884</v>
      </c>
    </row>
    <row r="1155" spans="1:54" s="207" customFormat="1" ht="13.95" customHeight="1" x14ac:dyDescent="0.25">
      <c r="A1155" s="208" t="s">
        <v>2817</v>
      </c>
      <c r="B1155" s="209" t="s">
        <v>20420</v>
      </c>
      <c r="C1155" s="113" t="s">
        <v>2818</v>
      </c>
      <c r="D1155" s="113" t="s">
        <v>2819</v>
      </c>
      <c r="E1155" s="210">
        <v>1999</v>
      </c>
      <c r="F1155" s="210">
        <v>1104</v>
      </c>
      <c r="G1155" s="113" t="s">
        <v>1</v>
      </c>
      <c r="H1155" s="113">
        <v>0</v>
      </c>
      <c r="I1155" s="113">
        <v>0</v>
      </c>
      <c r="J1155" s="115">
        <v>1</v>
      </c>
      <c r="K1155" s="211">
        <v>1</v>
      </c>
      <c r="L1155" s="115">
        <v>1</v>
      </c>
      <c r="M1155" s="115">
        <v>0</v>
      </c>
      <c r="N1155" s="115">
        <v>0</v>
      </c>
      <c r="O1155" s="115">
        <v>1</v>
      </c>
      <c r="P1155" s="115">
        <v>1</v>
      </c>
      <c r="Q1155" s="115" t="s">
        <v>400</v>
      </c>
      <c r="R1155" s="115">
        <v>1</v>
      </c>
      <c r="S1155" s="115">
        <v>0</v>
      </c>
      <c r="T1155" s="115">
        <v>0</v>
      </c>
      <c r="U1155" s="119"/>
      <c r="V1155" s="119"/>
      <c r="W1155" s="119"/>
      <c r="X1155" s="119"/>
      <c r="Y1155" s="119"/>
      <c r="Z1155" s="119"/>
      <c r="AA1155" s="119"/>
      <c r="AB1155" s="119"/>
      <c r="AC1155" s="119"/>
      <c r="AD1155" s="119"/>
      <c r="AE1155" s="119"/>
      <c r="AF1155" s="119"/>
      <c r="AG1155" s="119"/>
      <c r="AH1155" s="119"/>
      <c r="AI1155" s="119"/>
      <c r="AJ1155" s="119"/>
      <c r="AK1155" s="119"/>
      <c r="AL1155" s="119"/>
      <c r="AM1155" s="119"/>
      <c r="AN1155" s="119"/>
      <c r="AO1155" s="119"/>
      <c r="AP1155" s="119"/>
      <c r="AQ1155" s="119"/>
      <c r="AR1155" s="119"/>
      <c r="AS1155" s="119"/>
      <c r="AT1155" s="119"/>
      <c r="AU1155" s="119"/>
      <c r="AV1155" s="119"/>
      <c r="AW1155" s="119"/>
      <c r="AX1155" s="119"/>
      <c r="AY1155" s="119"/>
      <c r="AZ1155" s="119"/>
      <c r="BA1155" s="119"/>
      <c r="BB1155" s="107">
        <v>45884</v>
      </c>
    </row>
    <row r="1156" spans="1:54" s="207" customFormat="1" ht="13.95" customHeight="1" x14ac:dyDescent="0.25">
      <c r="A1156" s="208" t="s">
        <v>2820</v>
      </c>
      <c r="B1156" s="209" t="s">
        <v>20420</v>
      </c>
      <c r="C1156" s="113" t="s">
        <v>2821</v>
      </c>
      <c r="D1156" s="113" t="s">
        <v>23085</v>
      </c>
      <c r="E1156" s="210">
        <v>1975</v>
      </c>
      <c r="F1156" s="210">
        <v>1105</v>
      </c>
      <c r="G1156" s="113" t="s">
        <v>1</v>
      </c>
      <c r="H1156" s="113">
        <v>0</v>
      </c>
      <c r="I1156" s="113">
        <v>0</v>
      </c>
      <c r="J1156" s="115">
        <v>1</v>
      </c>
      <c r="K1156" s="211">
        <v>1</v>
      </c>
      <c r="L1156" s="115">
        <v>0</v>
      </c>
      <c r="M1156" s="115">
        <v>1</v>
      </c>
      <c r="N1156" s="115">
        <v>0</v>
      </c>
      <c r="O1156" s="115">
        <v>1</v>
      </c>
      <c r="P1156" s="115" t="s">
        <v>400</v>
      </c>
      <c r="Q1156" s="115" t="s">
        <v>400</v>
      </c>
      <c r="R1156" s="115">
        <v>1</v>
      </c>
      <c r="S1156" s="115">
        <v>0</v>
      </c>
      <c r="T1156" s="115">
        <v>0</v>
      </c>
      <c r="U1156" s="119"/>
      <c r="V1156" s="119"/>
      <c r="W1156" s="119"/>
      <c r="X1156" s="119"/>
      <c r="Y1156" s="119"/>
      <c r="Z1156" s="119"/>
      <c r="AA1156" s="119"/>
      <c r="AB1156" s="119"/>
      <c r="AC1156" s="119"/>
      <c r="AD1156" s="119"/>
      <c r="AE1156" s="119"/>
      <c r="AF1156" s="119"/>
      <c r="AG1156" s="119"/>
      <c r="AH1156" s="119"/>
      <c r="AI1156" s="119"/>
      <c r="AJ1156" s="119"/>
      <c r="AK1156" s="119"/>
      <c r="AL1156" s="119"/>
      <c r="AM1156" s="119"/>
      <c r="AN1156" s="119"/>
      <c r="AO1156" s="119"/>
      <c r="AP1156" s="119"/>
      <c r="AQ1156" s="119"/>
      <c r="AR1156" s="119"/>
      <c r="AS1156" s="119"/>
      <c r="AT1156" s="119"/>
      <c r="AU1156" s="119"/>
      <c r="AV1156" s="119"/>
      <c r="AW1156" s="119"/>
      <c r="AX1156" s="119"/>
      <c r="AY1156" s="119"/>
      <c r="AZ1156" s="119"/>
      <c r="BA1156" s="119"/>
      <c r="BB1156" s="107">
        <v>45884</v>
      </c>
    </row>
    <row r="1157" spans="1:54" s="207" customFormat="1" ht="13.95" customHeight="1" x14ac:dyDescent="0.25">
      <c r="A1157" s="208" t="s">
        <v>2822</v>
      </c>
      <c r="B1157" s="209" t="s">
        <v>20420</v>
      </c>
      <c r="C1157" s="113" t="s">
        <v>2823</v>
      </c>
      <c r="D1157" s="113" t="s">
        <v>23086</v>
      </c>
      <c r="E1157" s="210">
        <v>1986</v>
      </c>
      <c r="F1157" s="210">
        <v>1105</v>
      </c>
      <c r="G1157" s="113" t="s">
        <v>1</v>
      </c>
      <c r="H1157" s="113">
        <v>0</v>
      </c>
      <c r="I1157" s="113">
        <v>0</v>
      </c>
      <c r="J1157" s="115">
        <v>1</v>
      </c>
      <c r="K1157" s="211">
        <v>1</v>
      </c>
      <c r="L1157" s="115">
        <v>1</v>
      </c>
      <c r="M1157" s="115">
        <v>0</v>
      </c>
      <c r="N1157" s="115">
        <v>0</v>
      </c>
      <c r="O1157" s="115">
        <v>0</v>
      </c>
      <c r="P1157" s="115" t="s">
        <v>400</v>
      </c>
      <c r="Q1157" s="115" t="s">
        <v>400</v>
      </c>
      <c r="R1157" s="115">
        <v>0</v>
      </c>
      <c r="S1157" s="115">
        <v>0</v>
      </c>
      <c r="T1157" s="115">
        <v>0</v>
      </c>
      <c r="U1157" s="119"/>
      <c r="V1157" s="119"/>
      <c r="W1157" s="119"/>
      <c r="X1157" s="119"/>
      <c r="Y1157" s="119"/>
      <c r="Z1157" s="119"/>
      <c r="AA1157" s="119"/>
      <c r="AB1157" s="119"/>
      <c r="AC1157" s="119"/>
      <c r="AD1157" s="119"/>
      <c r="AE1157" s="119"/>
      <c r="AF1157" s="119"/>
      <c r="AG1157" s="119"/>
      <c r="AH1157" s="119"/>
      <c r="AI1157" s="119"/>
      <c r="AJ1157" s="119"/>
      <c r="AK1157" s="119"/>
      <c r="AL1157" s="119"/>
      <c r="AM1157" s="119"/>
      <c r="AN1157" s="119"/>
      <c r="AO1157" s="119"/>
      <c r="AP1157" s="119"/>
      <c r="AQ1157" s="119"/>
      <c r="AR1157" s="119"/>
      <c r="AS1157" s="119"/>
      <c r="AT1157" s="119"/>
      <c r="AU1157" s="119"/>
      <c r="AV1157" s="119"/>
      <c r="AW1157" s="119"/>
      <c r="AX1157" s="119"/>
      <c r="AY1157" s="119"/>
      <c r="AZ1157" s="119"/>
      <c r="BA1157" s="119"/>
      <c r="BB1157" s="107">
        <v>45884</v>
      </c>
    </row>
    <row r="1158" spans="1:54" s="207" customFormat="1" ht="13.95" customHeight="1" x14ac:dyDescent="0.25">
      <c r="A1158" s="208" t="s">
        <v>2824</v>
      </c>
      <c r="B1158" s="209" t="s">
        <v>20420</v>
      </c>
      <c r="C1158" s="113" t="s">
        <v>2825</v>
      </c>
      <c r="D1158" s="113" t="s">
        <v>2826</v>
      </c>
      <c r="E1158" s="210">
        <v>1979</v>
      </c>
      <c r="F1158" s="210">
        <v>1111</v>
      </c>
      <c r="G1158" s="113" t="s">
        <v>1</v>
      </c>
      <c r="H1158" s="113">
        <v>0</v>
      </c>
      <c r="I1158" s="113">
        <v>0</v>
      </c>
      <c r="J1158" s="115">
        <v>1</v>
      </c>
      <c r="K1158" s="116" t="s">
        <v>174</v>
      </c>
      <c r="L1158" s="115">
        <v>1</v>
      </c>
      <c r="M1158" s="115">
        <v>1</v>
      </c>
      <c r="N1158" s="115">
        <v>1</v>
      </c>
      <c r="O1158" s="115">
        <v>0</v>
      </c>
      <c r="P1158" s="115" t="s">
        <v>400</v>
      </c>
      <c r="Q1158" s="115" t="s">
        <v>400</v>
      </c>
      <c r="R1158" s="115">
        <v>0</v>
      </c>
      <c r="S1158" s="115">
        <v>0</v>
      </c>
      <c r="T1158" s="115">
        <v>0</v>
      </c>
      <c r="U1158" s="119"/>
      <c r="V1158" s="119"/>
      <c r="W1158" s="119"/>
      <c r="X1158" s="119"/>
      <c r="Y1158" s="119"/>
      <c r="Z1158" s="119"/>
      <c r="AA1158" s="119"/>
      <c r="AB1158" s="119"/>
      <c r="AC1158" s="119"/>
      <c r="AD1158" s="119"/>
      <c r="AE1158" s="119"/>
      <c r="AF1158" s="119"/>
      <c r="AG1158" s="119"/>
      <c r="AH1158" s="119"/>
      <c r="AI1158" s="119"/>
      <c r="AJ1158" s="119"/>
      <c r="AK1158" s="119"/>
      <c r="AL1158" s="119"/>
      <c r="AM1158" s="119"/>
      <c r="AN1158" s="119"/>
      <c r="AO1158" s="119"/>
      <c r="AP1158" s="119"/>
      <c r="AQ1158" s="119"/>
      <c r="AR1158" s="119"/>
      <c r="AS1158" s="119"/>
      <c r="AT1158" s="119"/>
      <c r="AU1158" s="119"/>
      <c r="AV1158" s="119"/>
      <c r="AW1158" s="119"/>
      <c r="AX1158" s="119"/>
      <c r="AY1158" s="119"/>
      <c r="AZ1158" s="119"/>
      <c r="BA1158" s="119"/>
      <c r="BB1158" s="107">
        <v>45884</v>
      </c>
    </row>
    <row r="1159" spans="1:54" s="207" customFormat="1" ht="13.95" customHeight="1" x14ac:dyDescent="0.25">
      <c r="A1159" s="208" t="s">
        <v>2827</v>
      </c>
      <c r="B1159" s="209" t="s">
        <v>20420</v>
      </c>
      <c r="C1159" s="113" t="s">
        <v>2828</v>
      </c>
      <c r="D1159" s="113" t="s">
        <v>23087</v>
      </c>
      <c r="E1159" s="210">
        <v>1976</v>
      </c>
      <c r="F1159" s="210">
        <v>1114</v>
      </c>
      <c r="G1159" s="113" t="s">
        <v>1</v>
      </c>
      <c r="H1159" s="113">
        <v>0</v>
      </c>
      <c r="I1159" s="113">
        <v>0</v>
      </c>
      <c r="J1159" s="115">
        <v>1</v>
      </c>
      <c r="K1159" s="116" t="s">
        <v>174</v>
      </c>
      <c r="L1159" s="115">
        <v>0</v>
      </c>
      <c r="M1159" s="115">
        <v>1</v>
      </c>
      <c r="N1159" s="115">
        <v>1</v>
      </c>
      <c r="O1159" s="115">
        <v>1</v>
      </c>
      <c r="P1159" s="115" t="s">
        <v>400</v>
      </c>
      <c r="Q1159" s="115" t="s">
        <v>400</v>
      </c>
      <c r="R1159" s="115">
        <v>1</v>
      </c>
      <c r="S1159" s="115">
        <v>0</v>
      </c>
      <c r="T1159" s="115">
        <v>0</v>
      </c>
      <c r="U1159" s="119"/>
      <c r="V1159" s="119"/>
      <c r="W1159" s="119"/>
      <c r="X1159" s="119"/>
      <c r="Y1159" s="119"/>
      <c r="Z1159" s="119"/>
      <c r="AA1159" s="119"/>
      <c r="AB1159" s="119"/>
      <c r="AC1159" s="119"/>
      <c r="AD1159" s="119"/>
      <c r="AE1159" s="119"/>
      <c r="AF1159" s="119"/>
      <c r="AG1159" s="119"/>
      <c r="AH1159" s="119"/>
      <c r="AI1159" s="119"/>
      <c r="AJ1159" s="119"/>
      <c r="AK1159" s="119"/>
      <c r="AL1159" s="119"/>
      <c r="AM1159" s="119"/>
      <c r="AN1159" s="119"/>
      <c r="AO1159" s="119"/>
      <c r="AP1159" s="119"/>
      <c r="AQ1159" s="119"/>
      <c r="AR1159" s="119"/>
      <c r="AS1159" s="119"/>
      <c r="AT1159" s="119"/>
      <c r="AU1159" s="119"/>
      <c r="AV1159" s="119"/>
      <c r="AW1159" s="119"/>
      <c r="AX1159" s="119"/>
      <c r="AY1159" s="119"/>
      <c r="AZ1159" s="119"/>
      <c r="BA1159" s="119"/>
      <c r="BB1159" s="107">
        <v>45884</v>
      </c>
    </row>
    <row r="1160" spans="1:54" s="207" customFormat="1" ht="13.95" customHeight="1" x14ac:dyDescent="0.25">
      <c r="A1160" s="208" t="s">
        <v>2829</v>
      </c>
      <c r="B1160" s="209" t="s">
        <v>20420</v>
      </c>
      <c r="C1160" s="113" t="s">
        <v>2830</v>
      </c>
      <c r="D1160" s="113" t="s">
        <v>2831</v>
      </c>
      <c r="E1160" s="210">
        <v>1994</v>
      </c>
      <c r="F1160" s="210">
        <v>1114</v>
      </c>
      <c r="G1160" s="113" t="s">
        <v>1</v>
      </c>
      <c r="H1160" s="113">
        <v>0</v>
      </c>
      <c r="I1160" s="113">
        <v>0</v>
      </c>
      <c r="J1160" s="115">
        <v>1</v>
      </c>
      <c r="K1160" s="116" t="s">
        <v>174</v>
      </c>
      <c r="L1160" s="115">
        <v>1</v>
      </c>
      <c r="M1160" s="115">
        <v>0</v>
      </c>
      <c r="N1160" s="115">
        <v>0</v>
      </c>
      <c r="O1160" s="115">
        <v>1</v>
      </c>
      <c r="P1160" s="115">
        <v>1</v>
      </c>
      <c r="Q1160" s="115" t="s">
        <v>400</v>
      </c>
      <c r="R1160" s="115">
        <v>1</v>
      </c>
      <c r="S1160" s="115">
        <v>0</v>
      </c>
      <c r="T1160" s="115">
        <v>0</v>
      </c>
      <c r="U1160" s="119"/>
      <c r="V1160" s="119"/>
      <c r="W1160" s="119"/>
      <c r="X1160" s="119"/>
      <c r="Y1160" s="119"/>
      <c r="Z1160" s="119"/>
      <c r="AA1160" s="119"/>
      <c r="AB1160" s="119"/>
      <c r="AC1160" s="119"/>
      <c r="AD1160" s="119"/>
      <c r="AE1160" s="119"/>
      <c r="AF1160" s="119"/>
      <c r="AG1160" s="119"/>
      <c r="AH1160" s="119"/>
      <c r="AI1160" s="119"/>
      <c r="AJ1160" s="119"/>
      <c r="AK1160" s="119"/>
      <c r="AL1160" s="119"/>
      <c r="AM1160" s="119"/>
      <c r="AN1160" s="119"/>
      <c r="AO1160" s="119"/>
      <c r="AP1160" s="119"/>
      <c r="AQ1160" s="119"/>
      <c r="AR1160" s="119"/>
      <c r="AS1160" s="119"/>
      <c r="AT1160" s="119"/>
      <c r="AU1160" s="119"/>
      <c r="AV1160" s="119"/>
      <c r="AW1160" s="119"/>
      <c r="AX1160" s="119"/>
      <c r="AY1160" s="119"/>
      <c r="AZ1160" s="119"/>
      <c r="BA1160" s="119"/>
      <c r="BB1160" s="107">
        <v>45884</v>
      </c>
    </row>
    <row r="1161" spans="1:54" s="207" customFormat="1" ht="13.95" customHeight="1" x14ac:dyDescent="0.25">
      <c r="A1161" s="208" t="s">
        <v>2832</v>
      </c>
      <c r="B1161" s="209" t="s">
        <v>20420</v>
      </c>
      <c r="C1161" s="113" t="s">
        <v>2833</v>
      </c>
      <c r="D1161" s="113" t="s">
        <v>23088</v>
      </c>
      <c r="E1161" s="210">
        <v>1990</v>
      </c>
      <c r="F1161" s="210">
        <v>1116</v>
      </c>
      <c r="G1161" s="113" t="s">
        <v>1</v>
      </c>
      <c r="H1161" s="113">
        <v>0</v>
      </c>
      <c r="I1161" s="113">
        <v>0</v>
      </c>
      <c r="J1161" s="115">
        <v>1</v>
      </c>
      <c r="K1161" s="116" t="s">
        <v>174</v>
      </c>
      <c r="L1161" s="115">
        <v>1</v>
      </c>
      <c r="M1161" s="115">
        <v>1</v>
      </c>
      <c r="N1161" s="115">
        <v>0</v>
      </c>
      <c r="O1161" s="115">
        <v>1</v>
      </c>
      <c r="P1161" s="115" t="s">
        <v>400</v>
      </c>
      <c r="Q1161" s="115" t="s">
        <v>400</v>
      </c>
      <c r="R1161" s="115">
        <v>0</v>
      </c>
      <c r="S1161" s="115">
        <v>0</v>
      </c>
      <c r="T1161" s="115">
        <v>0</v>
      </c>
      <c r="U1161" s="119"/>
      <c r="V1161" s="119"/>
      <c r="W1161" s="119"/>
      <c r="X1161" s="119"/>
      <c r="Y1161" s="119"/>
      <c r="Z1161" s="119"/>
      <c r="AA1161" s="119"/>
      <c r="AB1161" s="119"/>
      <c r="AC1161" s="119"/>
      <c r="AD1161" s="119"/>
      <c r="AE1161" s="119"/>
      <c r="AF1161" s="119"/>
      <c r="AG1161" s="119"/>
      <c r="AH1161" s="119"/>
      <c r="AI1161" s="119"/>
      <c r="AJ1161" s="119"/>
      <c r="AK1161" s="119"/>
      <c r="AL1161" s="119"/>
      <c r="AM1161" s="119"/>
      <c r="AN1161" s="119"/>
      <c r="AO1161" s="119"/>
      <c r="AP1161" s="119"/>
      <c r="AQ1161" s="119"/>
      <c r="AR1161" s="119"/>
      <c r="AS1161" s="119"/>
      <c r="AT1161" s="119"/>
      <c r="AU1161" s="119"/>
      <c r="AV1161" s="119"/>
      <c r="AW1161" s="119"/>
      <c r="AX1161" s="119"/>
      <c r="AY1161" s="119"/>
      <c r="AZ1161" s="119"/>
      <c r="BA1161" s="119"/>
      <c r="BB1161" s="107">
        <v>45884</v>
      </c>
    </row>
    <row r="1162" spans="1:54" s="207" customFormat="1" ht="13.95" customHeight="1" x14ac:dyDescent="0.25">
      <c r="A1162" s="208" t="s">
        <v>2834</v>
      </c>
      <c r="B1162" s="209" t="s">
        <v>20420</v>
      </c>
      <c r="C1162" s="113" t="s">
        <v>2835</v>
      </c>
      <c r="D1162" s="113" t="s">
        <v>23089</v>
      </c>
      <c r="E1162" s="210">
        <v>1994</v>
      </c>
      <c r="F1162" s="210">
        <v>1121</v>
      </c>
      <c r="G1162" s="113" t="s">
        <v>1</v>
      </c>
      <c r="H1162" s="113">
        <v>0</v>
      </c>
      <c r="I1162" s="113">
        <v>0</v>
      </c>
      <c r="J1162" s="115">
        <v>1</v>
      </c>
      <c r="K1162" s="116" t="s">
        <v>174</v>
      </c>
      <c r="L1162" s="115">
        <v>0</v>
      </c>
      <c r="M1162" s="115">
        <v>0</v>
      </c>
      <c r="N1162" s="115">
        <v>0</v>
      </c>
      <c r="O1162" s="115">
        <v>0</v>
      </c>
      <c r="P1162" s="115" t="s">
        <v>400</v>
      </c>
      <c r="Q1162" s="115" t="s">
        <v>400</v>
      </c>
      <c r="R1162" s="115">
        <v>0</v>
      </c>
      <c r="S1162" s="115">
        <v>0</v>
      </c>
      <c r="T1162" s="115">
        <v>0</v>
      </c>
      <c r="U1162" s="119"/>
      <c r="V1162" s="119"/>
      <c r="W1162" s="119"/>
      <c r="X1162" s="119"/>
      <c r="Y1162" s="119"/>
      <c r="Z1162" s="119"/>
      <c r="AA1162" s="119"/>
      <c r="AB1162" s="119"/>
      <c r="AC1162" s="119"/>
      <c r="AD1162" s="119"/>
      <c r="AE1162" s="119"/>
      <c r="AF1162" s="119"/>
      <c r="AG1162" s="119"/>
      <c r="AH1162" s="119"/>
      <c r="AI1162" s="119"/>
      <c r="AJ1162" s="119"/>
      <c r="AK1162" s="119"/>
      <c r="AL1162" s="119"/>
      <c r="AM1162" s="119"/>
      <c r="AN1162" s="119"/>
      <c r="AO1162" s="119"/>
      <c r="AP1162" s="119"/>
      <c r="AQ1162" s="119"/>
      <c r="AR1162" s="119"/>
      <c r="AS1162" s="119"/>
      <c r="AT1162" s="119"/>
      <c r="AU1162" s="119"/>
      <c r="AV1162" s="119"/>
      <c r="AW1162" s="119"/>
      <c r="AX1162" s="119"/>
      <c r="AY1162" s="119"/>
      <c r="AZ1162" s="119"/>
      <c r="BA1162" s="119"/>
      <c r="BB1162" s="107">
        <v>45884</v>
      </c>
    </row>
    <row r="1163" spans="1:54" s="207" customFormat="1" ht="13.95" customHeight="1" x14ac:dyDescent="0.25">
      <c r="A1163" s="208" t="s">
        <v>2836</v>
      </c>
      <c r="B1163" s="209" t="s">
        <v>20420</v>
      </c>
      <c r="C1163" s="113" t="s">
        <v>2837</v>
      </c>
      <c r="D1163" s="113" t="s">
        <v>23090</v>
      </c>
      <c r="E1163" s="210">
        <v>1976</v>
      </c>
      <c r="F1163" s="210">
        <v>1125</v>
      </c>
      <c r="G1163" s="113" t="s">
        <v>1</v>
      </c>
      <c r="H1163" s="113">
        <v>0</v>
      </c>
      <c r="I1163" s="113">
        <v>0</v>
      </c>
      <c r="J1163" s="115">
        <v>1</v>
      </c>
      <c r="K1163" s="116" t="s">
        <v>174</v>
      </c>
      <c r="L1163" s="115">
        <v>1</v>
      </c>
      <c r="M1163" s="115">
        <v>0</v>
      </c>
      <c r="N1163" s="115">
        <v>0</v>
      </c>
      <c r="O1163" s="115">
        <v>1</v>
      </c>
      <c r="P1163" s="115">
        <v>1</v>
      </c>
      <c r="Q1163" s="115" t="s">
        <v>400</v>
      </c>
      <c r="R1163" s="115">
        <v>0</v>
      </c>
      <c r="S1163" s="115">
        <v>0</v>
      </c>
      <c r="T1163" s="115">
        <v>0</v>
      </c>
      <c r="U1163" s="119"/>
      <c r="V1163" s="119"/>
      <c r="W1163" s="119"/>
      <c r="X1163" s="119"/>
      <c r="Y1163" s="119"/>
      <c r="Z1163" s="119"/>
      <c r="AA1163" s="119"/>
      <c r="AB1163" s="119"/>
      <c r="AC1163" s="119"/>
      <c r="AD1163" s="119"/>
      <c r="AE1163" s="119"/>
      <c r="AF1163" s="119"/>
      <c r="AG1163" s="119"/>
      <c r="AH1163" s="119"/>
      <c r="AI1163" s="119"/>
      <c r="AJ1163" s="119"/>
      <c r="AK1163" s="119"/>
      <c r="AL1163" s="119"/>
      <c r="AM1163" s="119"/>
      <c r="AN1163" s="119"/>
      <c r="AO1163" s="119"/>
      <c r="AP1163" s="119"/>
      <c r="AQ1163" s="119"/>
      <c r="AR1163" s="119"/>
      <c r="AS1163" s="119"/>
      <c r="AT1163" s="119"/>
      <c r="AU1163" s="119"/>
      <c r="AV1163" s="119"/>
      <c r="AW1163" s="119"/>
      <c r="AX1163" s="119"/>
      <c r="AY1163" s="119"/>
      <c r="AZ1163" s="119"/>
      <c r="BA1163" s="119"/>
      <c r="BB1163" s="107">
        <v>45884</v>
      </c>
    </row>
    <row r="1164" spans="1:54" s="207" customFormat="1" ht="13.95" customHeight="1" x14ac:dyDescent="0.25">
      <c r="A1164" s="208" t="s">
        <v>2838</v>
      </c>
      <c r="B1164" s="209" t="s">
        <v>20420</v>
      </c>
      <c r="C1164" s="113" t="s">
        <v>2839</v>
      </c>
      <c r="D1164" s="113" t="s">
        <v>2840</v>
      </c>
      <c r="E1164" s="210">
        <v>1996</v>
      </c>
      <c r="F1164" s="210">
        <v>1125</v>
      </c>
      <c r="G1164" s="113" t="s">
        <v>1</v>
      </c>
      <c r="H1164" s="113">
        <v>0</v>
      </c>
      <c r="I1164" s="113">
        <v>0</v>
      </c>
      <c r="J1164" s="115">
        <v>1</v>
      </c>
      <c r="K1164" s="116" t="s">
        <v>174</v>
      </c>
      <c r="L1164" s="115">
        <v>1</v>
      </c>
      <c r="M1164" s="115">
        <v>1</v>
      </c>
      <c r="N1164" s="115">
        <v>0</v>
      </c>
      <c r="O1164" s="115">
        <v>0</v>
      </c>
      <c r="P1164" s="115" t="s">
        <v>400</v>
      </c>
      <c r="Q1164" s="115" t="s">
        <v>400</v>
      </c>
      <c r="R1164" s="115">
        <v>0</v>
      </c>
      <c r="S1164" s="115">
        <v>0</v>
      </c>
      <c r="T1164" s="115">
        <v>0</v>
      </c>
      <c r="U1164" s="119"/>
      <c r="V1164" s="119"/>
      <c r="W1164" s="119"/>
      <c r="X1164" s="119"/>
      <c r="Y1164" s="119"/>
      <c r="Z1164" s="119"/>
      <c r="AA1164" s="119"/>
      <c r="AB1164" s="119"/>
      <c r="AC1164" s="119"/>
      <c r="AD1164" s="119"/>
      <c r="AE1164" s="119"/>
      <c r="AF1164" s="119"/>
      <c r="AG1164" s="119"/>
      <c r="AH1164" s="119"/>
      <c r="AI1164" s="119"/>
      <c r="AJ1164" s="119"/>
      <c r="AK1164" s="119"/>
      <c r="AL1164" s="119"/>
      <c r="AM1164" s="119"/>
      <c r="AN1164" s="119"/>
      <c r="AO1164" s="119"/>
      <c r="AP1164" s="119"/>
      <c r="AQ1164" s="119"/>
      <c r="AR1164" s="119"/>
      <c r="AS1164" s="119"/>
      <c r="AT1164" s="119"/>
      <c r="AU1164" s="119"/>
      <c r="AV1164" s="119"/>
      <c r="AW1164" s="119"/>
      <c r="AX1164" s="119"/>
      <c r="AY1164" s="119"/>
      <c r="AZ1164" s="119"/>
      <c r="BA1164" s="119"/>
      <c r="BB1164" s="107">
        <v>45884</v>
      </c>
    </row>
    <row r="1165" spans="1:54" s="207" customFormat="1" ht="13.95" customHeight="1" x14ac:dyDescent="0.25">
      <c r="A1165" s="208" t="s">
        <v>2841</v>
      </c>
      <c r="B1165" s="209" t="s">
        <v>20420</v>
      </c>
      <c r="C1165" s="113" t="s">
        <v>2842</v>
      </c>
      <c r="D1165" s="113" t="s">
        <v>23091</v>
      </c>
      <c r="E1165" s="210">
        <v>1994</v>
      </c>
      <c r="F1165" s="210">
        <v>1125</v>
      </c>
      <c r="G1165" s="113" t="s">
        <v>1</v>
      </c>
      <c r="H1165" s="113">
        <v>0</v>
      </c>
      <c r="I1165" s="113">
        <v>0</v>
      </c>
      <c r="J1165" s="115">
        <v>1</v>
      </c>
      <c r="K1165" s="116" t="s">
        <v>174</v>
      </c>
      <c r="L1165" s="115">
        <v>0</v>
      </c>
      <c r="M1165" s="115">
        <v>0</v>
      </c>
      <c r="N1165" s="115">
        <v>0</v>
      </c>
      <c r="O1165" s="115">
        <v>0</v>
      </c>
      <c r="P1165" s="115" t="s">
        <v>400</v>
      </c>
      <c r="Q1165" s="115" t="s">
        <v>400</v>
      </c>
      <c r="R1165" s="115">
        <v>0</v>
      </c>
      <c r="S1165" s="115">
        <v>0</v>
      </c>
      <c r="T1165" s="115">
        <v>0</v>
      </c>
      <c r="U1165" s="119"/>
      <c r="V1165" s="119"/>
      <c r="W1165" s="119"/>
      <c r="X1165" s="119"/>
      <c r="Y1165" s="119"/>
      <c r="Z1165" s="119"/>
      <c r="AA1165" s="119"/>
      <c r="AB1165" s="119"/>
      <c r="AC1165" s="119"/>
      <c r="AD1165" s="119"/>
      <c r="AE1165" s="119"/>
      <c r="AF1165" s="119"/>
      <c r="AG1165" s="119"/>
      <c r="AH1165" s="119"/>
      <c r="AI1165" s="119"/>
      <c r="AJ1165" s="119"/>
      <c r="AK1165" s="119"/>
      <c r="AL1165" s="119"/>
      <c r="AM1165" s="119"/>
      <c r="AN1165" s="119"/>
      <c r="AO1165" s="119"/>
      <c r="AP1165" s="119"/>
      <c r="AQ1165" s="119"/>
      <c r="AR1165" s="119"/>
      <c r="AS1165" s="119"/>
      <c r="AT1165" s="119"/>
      <c r="AU1165" s="119"/>
      <c r="AV1165" s="119"/>
      <c r="AW1165" s="119"/>
      <c r="AX1165" s="119"/>
      <c r="AY1165" s="119"/>
      <c r="AZ1165" s="119"/>
      <c r="BA1165" s="119"/>
      <c r="BB1165" s="107">
        <v>45884</v>
      </c>
    </row>
    <row r="1166" spans="1:54" s="207" customFormat="1" ht="13.95" customHeight="1" x14ac:dyDescent="0.25">
      <c r="A1166" s="208" t="s">
        <v>2843</v>
      </c>
      <c r="B1166" s="209" t="s">
        <v>20420</v>
      </c>
      <c r="C1166" s="113" t="s">
        <v>2844</v>
      </c>
      <c r="D1166" s="113" t="s">
        <v>21493</v>
      </c>
      <c r="E1166" s="210">
        <v>1997</v>
      </c>
      <c r="F1166" s="210">
        <v>1126</v>
      </c>
      <c r="G1166" s="113" t="s">
        <v>1</v>
      </c>
      <c r="H1166" s="113">
        <v>0</v>
      </c>
      <c r="I1166" s="113">
        <v>0</v>
      </c>
      <c r="J1166" s="115">
        <v>1</v>
      </c>
      <c r="K1166" s="116" t="s">
        <v>174</v>
      </c>
      <c r="L1166" s="115">
        <v>1</v>
      </c>
      <c r="M1166" s="115">
        <v>1</v>
      </c>
      <c r="N1166" s="115">
        <v>0</v>
      </c>
      <c r="O1166" s="115">
        <v>1</v>
      </c>
      <c r="P1166" s="115">
        <v>1</v>
      </c>
      <c r="Q1166" s="115" t="s">
        <v>400</v>
      </c>
      <c r="R1166" s="115">
        <v>1</v>
      </c>
      <c r="S1166" s="115">
        <v>0</v>
      </c>
      <c r="T1166" s="115">
        <v>0</v>
      </c>
      <c r="U1166" s="119"/>
      <c r="V1166" s="119"/>
      <c r="W1166" s="119"/>
      <c r="X1166" s="119"/>
      <c r="Y1166" s="119"/>
      <c r="Z1166" s="119"/>
      <c r="AA1166" s="119"/>
      <c r="AB1166" s="119"/>
      <c r="AC1166" s="119"/>
      <c r="AD1166" s="119"/>
      <c r="AE1166" s="119"/>
      <c r="AF1166" s="119"/>
      <c r="AG1166" s="119"/>
      <c r="AH1166" s="119"/>
      <c r="AI1166" s="119"/>
      <c r="AJ1166" s="119"/>
      <c r="AK1166" s="119"/>
      <c r="AL1166" s="119"/>
      <c r="AM1166" s="119"/>
      <c r="AN1166" s="119"/>
      <c r="AO1166" s="119"/>
      <c r="AP1166" s="119"/>
      <c r="AQ1166" s="119"/>
      <c r="AR1166" s="119"/>
      <c r="AS1166" s="119"/>
      <c r="AT1166" s="119"/>
      <c r="AU1166" s="119"/>
      <c r="AV1166" s="119"/>
      <c r="AW1166" s="119"/>
      <c r="AX1166" s="119"/>
      <c r="AY1166" s="119"/>
      <c r="AZ1166" s="119"/>
      <c r="BA1166" s="119"/>
      <c r="BB1166" s="107">
        <v>45884</v>
      </c>
    </row>
    <row r="1167" spans="1:54" s="207" customFormat="1" ht="13.95" customHeight="1" x14ac:dyDescent="0.25">
      <c r="A1167" s="208" t="s">
        <v>2845</v>
      </c>
      <c r="B1167" s="209" t="s">
        <v>20420</v>
      </c>
      <c r="C1167" s="113" t="s">
        <v>2846</v>
      </c>
      <c r="D1167" s="113" t="s">
        <v>2847</v>
      </c>
      <c r="E1167" s="210">
        <v>1995</v>
      </c>
      <c r="F1167" s="210">
        <v>1126</v>
      </c>
      <c r="G1167" s="113" t="s">
        <v>1</v>
      </c>
      <c r="H1167" s="113">
        <v>0</v>
      </c>
      <c r="I1167" s="113">
        <v>0</v>
      </c>
      <c r="J1167" s="115">
        <v>1</v>
      </c>
      <c r="K1167" s="116" t="s">
        <v>174</v>
      </c>
      <c r="L1167" s="115">
        <v>1</v>
      </c>
      <c r="M1167" s="115">
        <v>1</v>
      </c>
      <c r="N1167" s="115">
        <v>0</v>
      </c>
      <c r="O1167" s="115">
        <v>1</v>
      </c>
      <c r="P1167" s="115" t="s">
        <v>400</v>
      </c>
      <c r="Q1167" s="115" t="s">
        <v>400</v>
      </c>
      <c r="R1167" s="115">
        <v>1</v>
      </c>
      <c r="S1167" s="115">
        <v>0</v>
      </c>
      <c r="T1167" s="115">
        <v>0</v>
      </c>
      <c r="U1167" s="119"/>
      <c r="V1167" s="119"/>
      <c r="W1167" s="119"/>
      <c r="X1167" s="119"/>
      <c r="Y1167" s="119"/>
      <c r="Z1167" s="119"/>
      <c r="AA1167" s="119"/>
      <c r="AB1167" s="119"/>
      <c r="AC1167" s="119"/>
      <c r="AD1167" s="119"/>
      <c r="AE1167" s="119"/>
      <c r="AF1167" s="119"/>
      <c r="AG1167" s="119"/>
      <c r="AH1167" s="119"/>
      <c r="AI1167" s="119"/>
      <c r="AJ1167" s="119"/>
      <c r="AK1167" s="119"/>
      <c r="AL1167" s="119"/>
      <c r="AM1167" s="119"/>
      <c r="AN1167" s="119"/>
      <c r="AO1167" s="119"/>
      <c r="AP1167" s="119"/>
      <c r="AQ1167" s="119"/>
      <c r="AR1167" s="119"/>
      <c r="AS1167" s="119"/>
      <c r="AT1167" s="119"/>
      <c r="AU1167" s="119"/>
      <c r="AV1167" s="119"/>
      <c r="AW1167" s="119"/>
      <c r="AX1167" s="119"/>
      <c r="AY1167" s="119"/>
      <c r="AZ1167" s="119"/>
      <c r="BA1167" s="119"/>
      <c r="BB1167" s="107">
        <v>45884</v>
      </c>
    </row>
    <row r="1168" spans="1:54" s="207" customFormat="1" ht="13.95" customHeight="1" x14ac:dyDescent="0.25">
      <c r="A1168" s="208" t="s">
        <v>2848</v>
      </c>
      <c r="B1168" s="209" t="s">
        <v>20420</v>
      </c>
      <c r="C1168" s="113" t="s">
        <v>2849</v>
      </c>
      <c r="D1168" s="113" t="s">
        <v>2850</v>
      </c>
      <c r="E1168" s="210">
        <v>1984</v>
      </c>
      <c r="F1168" s="210">
        <v>1129</v>
      </c>
      <c r="G1168" s="113" t="s">
        <v>1</v>
      </c>
      <c r="H1168" s="113">
        <v>0</v>
      </c>
      <c r="I1168" s="113">
        <v>0</v>
      </c>
      <c r="J1168" s="115">
        <v>1</v>
      </c>
      <c r="K1168" s="116" t="s">
        <v>174</v>
      </c>
      <c r="L1168" s="115">
        <v>1</v>
      </c>
      <c r="M1168" s="115">
        <v>0</v>
      </c>
      <c r="N1168" s="115">
        <v>1</v>
      </c>
      <c r="O1168" s="115">
        <v>1</v>
      </c>
      <c r="P1168" s="115">
        <v>1</v>
      </c>
      <c r="Q1168" s="115" t="s">
        <v>400</v>
      </c>
      <c r="R1168" s="115">
        <v>1</v>
      </c>
      <c r="S1168" s="115">
        <v>0</v>
      </c>
      <c r="T1168" s="115">
        <v>0</v>
      </c>
      <c r="U1168" s="119"/>
      <c r="V1168" s="119"/>
      <c r="W1168" s="119"/>
      <c r="X1168" s="119"/>
      <c r="Y1168" s="119"/>
      <c r="Z1168" s="119"/>
      <c r="AA1168" s="119"/>
      <c r="AB1168" s="119"/>
      <c r="AC1168" s="119"/>
      <c r="AD1168" s="119"/>
      <c r="AE1168" s="119"/>
      <c r="AF1168" s="119"/>
      <c r="AG1168" s="119"/>
      <c r="AH1168" s="119"/>
      <c r="AI1168" s="119"/>
      <c r="AJ1168" s="119"/>
      <c r="AK1168" s="119"/>
      <c r="AL1168" s="119"/>
      <c r="AM1168" s="119"/>
      <c r="AN1168" s="119"/>
      <c r="AO1168" s="119"/>
      <c r="AP1168" s="119"/>
      <c r="AQ1168" s="119"/>
      <c r="AR1168" s="119"/>
      <c r="AS1168" s="119"/>
      <c r="AT1168" s="119"/>
      <c r="AU1168" s="119"/>
      <c r="AV1168" s="119"/>
      <c r="AW1168" s="119"/>
      <c r="AX1168" s="119"/>
      <c r="AY1168" s="119"/>
      <c r="AZ1168" s="119"/>
      <c r="BA1168" s="119"/>
      <c r="BB1168" s="107">
        <v>45884</v>
      </c>
    </row>
    <row r="1169" spans="1:54" s="207" customFormat="1" ht="13.95" customHeight="1" x14ac:dyDescent="0.25">
      <c r="A1169" s="208" t="s">
        <v>2851</v>
      </c>
      <c r="B1169" s="209" t="s">
        <v>20420</v>
      </c>
      <c r="C1169" s="113" t="s">
        <v>2852</v>
      </c>
      <c r="D1169" s="113" t="s">
        <v>2853</v>
      </c>
      <c r="E1169" s="210">
        <v>1949</v>
      </c>
      <c r="F1169" s="210">
        <v>1132</v>
      </c>
      <c r="G1169" s="113" t="s">
        <v>1</v>
      </c>
      <c r="H1169" s="113">
        <v>0</v>
      </c>
      <c r="I1169" s="113">
        <v>0</v>
      </c>
      <c r="J1169" s="115">
        <v>1</v>
      </c>
      <c r="K1169" s="211">
        <v>1</v>
      </c>
      <c r="L1169" s="115">
        <v>1</v>
      </c>
      <c r="M1169" s="115">
        <v>0</v>
      </c>
      <c r="N1169" s="115">
        <v>0</v>
      </c>
      <c r="O1169" s="115">
        <v>1</v>
      </c>
      <c r="P1169" s="115">
        <v>1</v>
      </c>
      <c r="Q1169" s="115" t="s">
        <v>400</v>
      </c>
      <c r="R1169" s="115">
        <v>1</v>
      </c>
      <c r="S1169" s="115">
        <v>0</v>
      </c>
      <c r="T1169" s="115">
        <v>0</v>
      </c>
      <c r="U1169" s="119"/>
      <c r="V1169" s="119"/>
      <c r="W1169" s="119"/>
      <c r="X1169" s="119"/>
      <c r="Y1169" s="119"/>
      <c r="Z1169" s="119"/>
      <c r="AA1169" s="119"/>
      <c r="AB1169" s="119"/>
      <c r="AC1169" s="119"/>
      <c r="AD1169" s="119"/>
      <c r="AE1169" s="119"/>
      <c r="AF1169" s="119"/>
      <c r="AG1169" s="119"/>
      <c r="AH1169" s="119"/>
      <c r="AI1169" s="119"/>
      <c r="AJ1169" s="119"/>
      <c r="AK1169" s="119"/>
      <c r="AL1169" s="119"/>
      <c r="AM1169" s="119"/>
      <c r="AN1169" s="119"/>
      <c r="AO1169" s="119"/>
      <c r="AP1169" s="119"/>
      <c r="AQ1169" s="119"/>
      <c r="AR1169" s="119"/>
      <c r="AS1169" s="119"/>
      <c r="AT1169" s="119"/>
      <c r="AU1169" s="119"/>
      <c r="AV1169" s="119"/>
      <c r="AW1169" s="119"/>
      <c r="AX1169" s="119"/>
      <c r="AY1169" s="119"/>
      <c r="AZ1169" s="119"/>
      <c r="BA1169" s="119"/>
      <c r="BB1169" s="107">
        <v>45884</v>
      </c>
    </row>
    <row r="1170" spans="1:54" s="207" customFormat="1" ht="13.95" customHeight="1" x14ac:dyDescent="0.25">
      <c r="A1170" s="208" t="s">
        <v>2854</v>
      </c>
      <c r="B1170" s="209" t="s">
        <v>20420</v>
      </c>
      <c r="C1170" s="113" t="s">
        <v>2855</v>
      </c>
      <c r="D1170" s="113" t="s">
        <v>23092</v>
      </c>
      <c r="E1170" s="210">
        <v>1976</v>
      </c>
      <c r="F1170" s="210">
        <v>1132</v>
      </c>
      <c r="G1170" s="113" t="s">
        <v>1</v>
      </c>
      <c r="H1170" s="113">
        <v>0</v>
      </c>
      <c r="I1170" s="113">
        <v>0</v>
      </c>
      <c r="J1170" s="115">
        <v>1</v>
      </c>
      <c r="K1170" s="211">
        <v>1</v>
      </c>
      <c r="L1170" s="115">
        <v>1</v>
      </c>
      <c r="M1170" s="115">
        <v>1</v>
      </c>
      <c r="N1170" s="115">
        <v>0</v>
      </c>
      <c r="O1170" s="115">
        <v>1</v>
      </c>
      <c r="P1170" s="115" t="s">
        <v>400</v>
      </c>
      <c r="Q1170" s="115" t="s">
        <v>400</v>
      </c>
      <c r="R1170" s="115">
        <v>1</v>
      </c>
      <c r="S1170" s="115">
        <v>0</v>
      </c>
      <c r="T1170" s="115">
        <v>0</v>
      </c>
      <c r="U1170" s="119"/>
      <c r="V1170" s="119"/>
      <c r="W1170" s="119"/>
      <c r="X1170" s="119"/>
      <c r="Y1170" s="119"/>
      <c r="Z1170" s="119"/>
      <c r="AA1170" s="119"/>
      <c r="AB1170" s="119"/>
      <c r="AC1170" s="119"/>
      <c r="AD1170" s="119"/>
      <c r="AE1170" s="119"/>
      <c r="AF1170" s="119"/>
      <c r="AG1170" s="119"/>
      <c r="AH1170" s="119"/>
      <c r="AI1170" s="119"/>
      <c r="AJ1170" s="119"/>
      <c r="AK1170" s="119"/>
      <c r="AL1170" s="119"/>
      <c r="AM1170" s="119"/>
      <c r="AN1170" s="119"/>
      <c r="AO1170" s="119"/>
      <c r="AP1170" s="119"/>
      <c r="AQ1170" s="119"/>
      <c r="AR1170" s="119"/>
      <c r="AS1170" s="119"/>
      <c r="AT1170" s="119"/>
      <c r="AU1170" s="119"/>
      <c r="AV1170" s="119"/>
      <c r="AW1170" s="119"/>
      <c r="AX1170" s="119"/>
      <c r="AY1170" s="119"/>
      <c r="AZ1170" s="119"/>
      <c r="BA1170" s="119"/>
      <c r="BB1170" s="107">
        <v>45884</v>
      </c>
    </row>
    <row r="1171" spans="1:54" s="207" customFormat="1" ht="13.95" customHeight="1" x14ac:dyDescent="0.25">
      <c r="A1171" s="208" t="s">
        <v>2856</v>
      </c>
      <c r="B1171" s="209" t="s">
        <v>20420</v>
      </c>
      <c r="C1171" s="113" t="s">
        <v>2857</v>
      </c>
      <c r="D1171" s="113" t="s">
        <v>2858</v>
      </c>
      <c r="E1171" s="210">
        <v>2008</v>
      </c>
      <c r="F1171" s="210">
        <v>1134</v>
      </c>
      <c r="G1171" s="113" t="s">
        <v>1</v>
      </c>
      <c r="H1171" s="113">
        <v>0</v>
      </c>
      <c r="I1171" s="113">
        <v>0</v>
      </c>
      <c r="J1171" s="115">
        <v>1</v>
      </c>
      <c r="K1171" s="211">
        <v>1</v>
      </c>
      <c r="L1171" s="115">
        <v>1</v>
      </c>
      <c r="M1171" s="115">
        <v>0</v>
      </c>
      <c r="N1171" s="115">
        <v>0</v>
      </c>
      <c r="O1171" s="115">
        <v>0</v>
      </c>
      <c r="P1171" s="115" t="s">
        <v>400</v>
      </c>
      <c r="Q1171" s="115" t="s">
        <v>400</v>
      </c>
      <c r="R1171" s="115">
        <v>0</v>
      </c>
      <c r="S1171" s="115">
        <v>0</v>
      </c>
      <c r="T1171" s="115">
        <v>0</v>
      </c>
      <c r="U1171" s="119"/>
      <c r="V1171" s="119"/>
      <c r="W1171" s="119"/>
      <c r="X1171" s="119"/>
      <c r="Y1171" s="119"/>
      <c r="Z1171" s="119"/>
      <c r="AA1171" s="119"/>
      <c r="AB1171" s="119"/>
      <c r="AC1171" s="119"/>
      <c r="AD1171" s="119"/>
      <c r="AE1171" s="119"/>
      <c r="AF1171" s="119"/>
      <c r="AG1171" s="119"/>
      <c r="AH1171" s="119"/>
      <c r="AI1171" s="119"/>
      <c r="AJ1171" s="119"/>
      <c r="AK1171" s="119"/>
      <c r="AL1171" s="119"/>
      <c r="AM1171" s="119"/>
      <c r="AN1171" s="119"/>
      <c r="AO1171" s="119"/>
      <c r="AP1171" s="119"/>
      <c r="AQ1171" s="119"/>
      <c r="AR1171" s="119"/>
      <c r="AS1171" s="119"/>
      <c r="AT1171" s="119"/>
      <c r="AU1171" s="119"/>
      <c r="AV1171" s="119"/>
      <c r="AW1171" s="119"/>
      <c r="AX1171" s="119"/>
      <c r="AY1171" s="119"/>
      <c r="AZ1171" s="119"/>
      <c r="BA1171" s="119"/>
      <c r="BB1171" s="107">
        <v>45884</v>
      </c>
    </row>
    <row r="1172" spans="1:54" s="207" customFormat="1" ht="13.95" customHeight="1" x14ac:dyDescent="0.25">
      <c r="A1172" s="208" t="s">
        <v>2859</v>
      </c>
      <c r="B1172" s="209" t="s">
        <v>20420</v>
      </c>
      <c r="C1172" s="113" t="s">
        <v>2860</v>
      </c>
      <c r="D1172" s="113" t="s">
        <v>23093</v>
      </c>
      <c r="E1172" s="210">
        <v>1976</v>
      </c>
      <c r="F1172" s="210">
        <v>1134</v>
      </c>
      <c r="G1172" s="113" t="s">
        <v>1</v>
      </c>
      <c r="H1172" s="113">
        <v>0</v>
      </c>
      <c r="I1172" s="113">
        <v>0</v>
      </c>
      <c r="J1172" s="115">
        <v>1</v>
      </c>
      <c r="K1172" s="116" t="s">
        <v>174</v>
      </c>
      <c r="L1172" s="115">
        <v>1</v>
      </c>
      <c r="M1172" s="115">
        <v>1</v>
      </c>
      <c r="N1172" s="115">
        <v>1</v>
      </c>
      <c r="O1172" s="115">
        <v>1</v>
      </c>
      <c r="P1172" s="115" t="s">
        <v>400</v>
      </c>
      <c r="Q1172" s="115" t="s">
        <v>400</v>
      </c>
      <c r="R1172" s="115">
        <v>1</v>
      </c>
      <c r="S1172" s="115">
        <v>0</v>
      </c>
      <c r="T1172" s="115">
        <v>0</v>
      </c>
      <c r="U1172" s="119"/>
      <c r="V1172" s="119"/>
      <c r="W1172" s="119"/>
      <c r="X1172" s="119"/>
      <c r="Y1172" s="119"/>
      <c r="Z1172" s="119"/>
      <c r="AA1172" s="119"/>
      <c r="AB1172" s="119"/>
      <c r="AC1172" s="119"/>
      <c r="AD1172" s="119"/>
      <c r="AE1172" s="119"/>
      <c r="AF1172" s="119"/>
      <c r="AG1172" s="119"/>
      <c r="AH1172" s="119"/>
      <c r="AI1172" s="119"/>
      <c r="AJ1172" s="119"/>
      <c r="AK1172" s="119"/>
      <c r="AL1172" s="119"/>
      <c r="AM1172" s="119"/>
      <c r="AN1172" s="119"/>
      <c r="AO1172" s="119"/>
      <c r="AP1172" s="119"/>
      <c r="AQ1172" s="119"/>
      <c r="AR1172" s="119"/>
      <c r="AS1172" s="119"/>
      <c r="AT1172" s="119"/>
      <c r="AU1172" s="119"/>
      <c r="AV1172" s="119"/>
      <c r="AW1172" s="119"/>
      <c r="AX1172" s="119"/>
      <c r="AY1172" s="119"/>
      <c r="AZ1172" s="119"/>
      <c r="BA1172" s="119"/>
      <c r="BB1172" s="107">
        <v>45884</v>
      </c>
    </row>
    <row r="1173" spans="1:54" s="207" customFormat="1" ht="13.95" customHeight="1" x14ac:dyDescent="0.25">
      <c r="A1173" s="208" t="s">
        <v>2861</v>
      </c>
      <c r="B1173" s="209" t="s">
        <v>20420</v>
      </c>
      <c r="C1173" s="113" t="s">
        <v>2862</v>
      </c>
      <c r="D1173" s="113" t="s">
        <v>2863</v>
      </c>
      <c r="E1173" s="210">
        <v>1970</v>
      </c>
      <c r="F1173" s="210">
        <v>1139</v>
      </c>
      <c r="G1173" s="113" t="s">
        <v>1</v>
      </c>
      <c r="H1173" s="113">
        <v>0</v>
      </c>
      <c r="I1173" s="113">
        <v>0</v>
      </c>
      <c r="J1173" s="115">
        <v>1</v>
      </c>
      <c r="K1173" s="116" t="s">
        <v>174</v>
      </c>
      <c r="L1173" s="115">
        <v>1</v>
      </c>
      <c r="M1173" s="115">
        <v>0</v>
      </c>
      <c r="N1173" s="115">
        <v>0</v>
      </c>
      <c r="O1173" s="115">
        <v>1</v>
      </c>
      <c r="P1173" s="115">
        <v>1</v>
      </c>
      <c r="Q1173" s="115" t="s">
        <v>400</v>
      </c>
      <c r="R1173" s="115">
        <v>1</v>
      </c>
      <c r="S1173" s="115">
        <v>0</v>
      </c>
      <c r="T1173" s="115">
        <v>0</v>
      </c>
      <c r="U1173" s="119"/>
      <c r="V1173" s="119"/>
      <c r="W1173" s="119"/>
      <c r="X1173" s="119"/>
      <c r="Y1173" s="119"/>
      <c r="Z1173" s="119"/>
      <c r="AA1173" s="119"/>
      <c r="AB1173" s="119"/>
      <c r="AC1173" s="119"/>
      <c r="AD1173" s="119"/>
      <c r="AE1173" s="119"/>
      <c r="AF1173" s="119"/>
      <c r="AG1173" s="119"/>
      <c r="AH1173" s="119"/>
      <c r="AI1173" s="119"/>
      <c r="AJ1173" s="119"/>
      <c r="AK1173" s="119"/>
      <c r="AL1173" s="119"/>
      <c r="AM1173" s="119"/>
      <c r="AN1173" s="119"/>
      <c r="AO1173" s="119"/>
      <c r="AP1173" s="119"/>
      <c r="AQ1173" s="119"/>
      <c r="AR1173" s="119"/>
      <c r="AS1173" s="119"/>
      <c r="AT1173" s="119"/>
      <c r="AU1173" s="119"/>
      <c r="AV1173" s="119"/>
      <c r="AW1173" s="119"/>
      <c r="AX1173" s="119"/>
      <c r="AY1173" s="119"/>
      <c r="AZ1173" s="119"/>
      <c r="BA1173" s="119"/>
      <c r="BB1173" s="107">
        <v>45884</v>
      </c>
    </row>
    <row r="1174" spans="1:54" s="207" customFormat="1" ht="13.95" customHeight="1" x14ac:dyDescent="0.25">
      <c r="A1174" s="208" t="s">
        <v>2864</v>
      </c>
      <c r="B1174" s="209" t="s">
        <v>20420</v>
      </c>
      <c r="C1174" s="113" t="s">
        <v>2865</v>
      </c>
      <c r="D1174" s="113" t="s">
        <v>2866</v>
      </c>
      <c r="E1174" s="210">
        <v>1951</v>
      </c>
      <c r="F1174" s="210">
        <v>1140</v>
      </c>
      <c r="G1174" s="113" t="s">
        <v>1</v>
      </c>
      <c r="H1174" s="113">
        <v>0</v>
      </c>
      <c r="I1174" s="113">
        <v>0</v>
      </c>
      <c r="J1174" s="115">
        <v>1</v>
      </c>
      <c r="K1174" s="116" t="s">
        <v>174</v>
      </c>
      <c r="L1174" s="115">
        <v>0</v>
      </c>
      <c r="M1174" s="115">
        <v>1</v>
      </c>
      <c r="N1174" s="115">
        <v>0</v>
      </c>
      <c r="O1174" s="115">
        <v>1</v>
      </c>
      <c r="P1174" s="115" t="s">
        <v>400</v>
      </c>
      <c r="Q1174" s="115" t="s">
        <v>400</v>
      </c>
      <c r="R1174" s="115">
        <v>0</v>
      </c>
      <c r="S1174" s="115">
        <v>0</v>
      </c>
      <c r="T1174" s="115">
        <v>0</v>
      </c>
      <c r="U1174" s="119"/>
      <c r="V1174" s="119"/>
      <c r="W1174" s="119"/>
      <c r="X1174" s="119"/>
      <c r="Y1174" s="119"/>
      <c r="Z1174" s="119"/>
      <c r="AA1174" s="119"/>
      <c r="AB1174" s="119"/>
      <c r="AC1174" s="119"/>
      <c r="AD1174" s="119"/>
      <c r="AE1174" s="119"/>
      <c r="AF1174" s="119"/>
      <c r="AG1174" s="119"/>
      <c r="AH1174" s="119"/>
      <c r="AI1174" s="119"/>
      <c r="AJ1174" s="119"/>
      <c r="AK1174" s="119"/>
      <c r="AL1174" s="119"/>
      <c r="AM1174" s="119"/>
      <c r="AN1174" s="119"/>
      <c r="AO1174" s="119"/>
      <c r="AP1174" s="119"/>
      <c r="AQ1174" s="119"/>
      <c r="AR1174" s="119"/>
      <c r="AS1174" s="119"/>
      <c r="AT1174" s="119"/>
      <c r="AU1174" s="119"/>
      <c r="AV1174" s="119"/>
      <c r="AW1174" s="119"/>
      <c r="AX1174" s="119"/>
      <c r="AY1174" s="119"/>
      <c r="AZ1174" s="119"/>
      <c r="BA1174" s="119"/>
      <c r="BB1174" s="107">
        <v>45884</v>
      </c>
    </row>
    <row r="1175" spans="1:54" s="207" customFormat="1" ht="13.95" customHeight="1" x14ac:dyDescent="0.25">
      <c r="A1175" s="208" t="s">
        <v>2867</v>
      </c>
      <c r="B1175" s="209" t="s">
        <v>20420</v>
      </c>
      <c r="C1175" s="113" t="s">
        <v>2868</v>
      </c>
      <c r="D1175" s="113" t="s">
        <v>2869</v>
      </c>
      <c r="E1175" s="210">
        <v>1990</v>
      </c>
      <c r="F1175" s="210">
        <v>1140</v>
      </c>
      <c r="G1175" s="113" t="s">
        <v>1</v>
      </c>
      <c r="H1175" s="113">
        <v>0</v>
      </c>
      <c r="I1175" s="113">
        <v>0</v>
      </c>
      <c r="J1175" s="115">
        <v>1</v>
      </c>
      <c r="K1175" s="116" t="s">
        <v>174</v>
      </c>
      <c r="L1175" s="115">
        <v>1</v>
      </c>
      <c r="M1175" s="115">
        <v>1</v>
      </c>
      <c r="N1175" s="115">
        <v>0</v>
      </c>
      <c r="O1175" s="115">
        <v>1</v>
      </c>
      <c r="P1175" s="115" t="s">
        <v>400</v>
      </c>
      <c r="Q1175" s="115" t="s">
        <v>400</v>
      </c>
      <c r="R1175" s="115">
        <v>0</v>
      </c>
      <c r="S1175" s="115">
        <v>0</v>
      </c>
      <c r="T1175" s="115">
        <v>0</v>
      </c>
      <c r="U1175" s="119"/>
      <c r="V1175" s="119"/>
      <c r="W1175" s="119"/>
      <c r="X1175" s="119"/>
      <c r="Y1175" s="119"/>
      <c r="Z1175" s="119"/>
      <c r="AA1175" s="119"/>
      <c r="AB1175" s="119"/>
      <c r="AC1175" s="119"/>
      <c r="AD1175" s="119"/>
      <c r="AE1175" s="119"/>
      <c r="AF1175" s="119"/>
      <c r="AG1175" s="119"/>
      <c r="AH1175" s="119"/>
      <c r="AI1175" s="119"/>
      <c r="AJ1175" s="119"/>
      <c r="AK1175" s="119"/>
      <c r="AL1175" s="119"/>
      <c r="AM1175" s="119"/>
      <c r="AN1175" s="119"/>
      <c r="AO1175" s="119"/>
      <c r="AP1175" s="119"/>
      <c r="AQ1175" s="119"/>
      <c r="AR1175" s="119"/>
      <c r="AS1175" s="119"/>
      <c r="AT1175" s="119"/>
      <c r="AU1175" s="119"/>
      <c r="AV1175" s="119"/>
      <c r="AW1175" s="119"/>
      <c r="AX1175" s="119"/>
      <c r="AY1175" s="119"/>
      <c r="AZ1175" s="119"/>
      <c r="BA1175" s="119"/>
      <c r="BB1175" s="107">
        <v>45884</v>
      </c>
    </row>
    <row r="1176" spans="1:54" s="207" customFormat="1" ht="13.95" customHeight="1" x14ac:dyDescent="0.25">
      <c r="A1176" s="208" t="s">
        <v>2870</v>
      </c>
      <c r="B1176" s="209" t="s">
        <v>20420</v>
      </c>
      <c r="C1176" s="113" t="s">
        <v>2871</v>
      </c>
      <c r="D1176" s="113" t="s">
        <v>23094</v>
      </c>
      <c r="E1176" s="210">
        <v>1969</v>
      </c>
      <c r="F1176" s="210">
        <v>1142</v>
      </c>
      <c r="G1176" s="113" t="s">
        <v>1</v>
      </c>
      <c r="H1176" s="113">
        <v>0</v>
      </c>
      <c r="I1176" s="113">
        <v>0</v>
      </c>
      <c r="J1176" s="115">
        <v>1</v>
      </c>
      <c r="K1176" s="116" t="s">
        <v>174</v>
      </c>
      <c r="L1176" s="115">
        <v>1</v>
      </c>
      <c r="M1176" s="115">
        <v>0</v>
      </c>
      <c r="N1176" s="115">
        <v>0</v>
      </c>
      <c r="O1176" s="115">
        <v>1</v>
      </c>
      <c r="P1176" s="115">
        <v>1</v>
      </c>
      <c r="Q1176" s="115" t="s">
        <v>400</v>
      </c>
      <c r="R1176" s="115">
        <v>1</v>
      </c>
      <c r="S1176" s="115">
        <v>0</v>
      </c>
      <c r="T1176" s="115">
        <v>0</v>
      </c>
      <c r="U1176" s="119"/>
      <c r="V1176" s="119"/>
      <c r="W1176" s="119"/>
      <c r="X1176" s="119"/>
      <c r="Y1176" s="119"/>
      <c r="Z1176" s="119"/>
      <c r="AA1176" s="119"/>
      <c r="AB1176" s="119"/>
      <c r="AC1176" s="119"/>
      <c r="AD1176" s="119"/>
      <c r="AE1176" s="119"/>
      <c r="AF1176" s="119"/>
      <c r="AG1176" s="119"/>
      <c r="AH1176" s="119"/>
      <c r="AI1176" s="119"/>
      <c r="AJ1176" s="119"/>
      <c r="AK1176" s="119"/>
      <c r="AL1176" s="119"/>
      <c r="AM1176" s="119"/>
      <c r="AN1176" s="119"/>
      <c r="AO1176" s="119"/>
      <c r="AP1176" s="119"/>
      <c r="AQ1176" s="119"/>
      <c r="AR1176" s="119"/>
      <c r="AS1176" s="119"/>
      <c r="AT1176" s="119"/>
      <c r="AU1176" s="119"/>
      <c r="AV1176" s="119"/>
      <c r="AW1176" s="119"/>
      <c r="AX1176" s="119"/>
      <c r="AY1176" s="119"/>
      <c r="AZ1176" s="119"/>
      <c r="BA1176" s="119"/>
      <c r="BB1176" s="107">
        <v>45884</v>
      </c>
    </row>
    <row r="1177" spans="1:54" s="207" customFormat="1" ht="13.95" customHeight="1" x14ac:dyDescent="0.25">
      <c r="A1177" s="208" t="s">
        <v>2872</v>
      </c>
      <c r="B1177" s="209" t="s">
        <v>20420</v>
      </c>
      <c r="C1177" s="113" t="s">
        <v>2873</v>
      </c>
      <c r="D1177" s="113" t="s">
        <v>23095</v>
      </c>
      <c r="E1177" s="210">
        <v>1976</v>
      </c>
      <c r="F1177" s="210">
        <v>1144</v>
      </c>
      <c r="G1177" s="113" t="s">
        <v>1</v>
      </c>
      <c r="H1177" s="113">
        <v>0</v>
      </c>
      <c r="I1177" s="113">
        <v>0</v>
      </c>
      <c r="J1177" s="115">
        <v>1</v>
      </c>
      <c r="K1177" s="116" t="s">
        <v>174</v>
      </c>
      <c r="L1177" s="115">
        <v>1</v>
      </c>
      <c r="M1177" s="115">
        <v>0</v>
      </c>
      <c r="N1177" s="115">
        <v>0</v>
      </c>
      <c r="O1177" s="115">
        <v>1</v>
      </c>
      <c r="P1177" s="115">
        <v>1</v>
      </c>
      <c r="Q1177" s="115" t="s">
        <v>400</v>
      </c>
      <c r="R1177" s="115">
        <v>1</v>
      </c>
      <c r="S1177" s="115">
        <v>0</v>
      </c>
      <c r="T1177" s="115">
        <v>0</v>
      </c>
      <c r="U1177" s="119"/>
      <c r="V1177" s="119"/>
      <c r="W1177" s="119"/>
      <c r="X1177" s="119"/>
      <c r="Y1177" s="119"/>
      <c r="Z1177" s="119"/>
      <c r="AA1177" s="119"/>
      <c r="AB1177" s="119"/>
      <c r="AC1177" s="119"/>
      <c r="AD1177" s="119"/>
      <c r="AE1177" s="119"/>
      <c r="AF1177" s="119"/>
      <c r="AG1177" s="119"/>
      <c r="AH1177" s="119"/>
      <c r="AI1177" s="119"/>
      <c r="AJ1177" s="119"/>
      <c r="AK1177" s="119"/>
      <c r="AL1177" s="119"/>
      <c r="AM1177" s="119"/>
      <c r="AN1177" s="119"/>
      <c r="AO1177" s="119"/>
      <c r="AP1177" s="119"/>
      <c r="AQ1177" s="119"/>
      <c r="AR1177" s="119"/>
      <c r="AS1177" s="119"/>
      <c r="AT1177" s="119"/>
      <c r="AU1177" s="119"/>
      <c r="AV1177" s="119"/>
      <c r="AW1177" s="119"/>
      <c r="AX1177" s="119"/>
      <c r="AY1177" s="119"/>
      <c r="AZ1177" s="119"/>
      <c r="BA1177" s="119"/>
      <c r="BB1177" s="107">
        <v>45884</v>
      </c>
    </row>
    <row r="1178" spans="1:54" s="207" customFormat="1" ht="13.95" customHeight="1" x14ac:dyDescent="0.25">
      <c r="A1178" s="208" t="s">
        <v>2874</v>
      </c>
      <c r="B1178" s="209" t="s">
        <v>20420</v>
      </c>
      <c r="C1178" s="113" t="s">
        <v>2875</v>
      </c>
      <c r="D1178" s="113" t="s">
        <v>23096</v>
      </c>
      <c r="E1178" s="210">
        <v>1984</v>
      </c>
      <c r="F1178" s="210">
        <v>1144</v>
      </c>
      <c r="G1178" s="113" t="s">
        <v>1</v>
      </c>
      <c r="H1178" s="113">
        <v>0</v>
      </c>
      <c r="I1178" s="113">
        <v>0</v>
      </c>
      <c r="J1178" s="115">
        <v>1</v>
      </c>
      <c r="K1178" s="116" t="s">
        <v>174</v>
      </c>
      <c r="L1178" s="115">
        <v>1</v>
      </c>
      <c r="M1178" s="115">
        <v>0</v>
      </c>
      <c r="N1178" s="115">
        <v>0</v>
      </c>
      <c r="O1178" s="115">
        <v>1</v>
      </c>
      <c r="P1178" s="115">
        <v>1</v>
      </c>
      <c r="Q1178" s="115" t="s">
        <v>400</v>
      </c>
      <c r="R1178" s="115">
        <v>1</v>
      </c>
      <c r="S1178" s="115">
        <v>0</v>
      </c>
      <c r="T1178" s="115">
        <v>0</v>
      </c>
      <c r="U1178" s="119"/>
      <c r="V1178" s="119"/>
      <c r="W1178" s="119"/>
      <c r="X1178" s="119"/>
      <c r="Y1178" s="119"/>
      <c r="Z1178" s="119"/>
      <c r="AA1178" s="119"/>
      <c r="AB1178" s="119"/>
      <c r="AC1178" s="119"/>
      <c r="AD1178" s="119"/>
      <c r="AE1178" s="119"/>
      <c r="AF1178" s="119"/>
      <c r="AG1178" s="119"/>
      <c r="AH1178" s="119"/>
      <c r="AI1178" s="119"/>
      <c r="AJ1178" s="119"/>
      <c r="AK1178" s="119"/>
      <c r="AL1178" s="119"/>
      <c r="AM1178" s="119"/>
      <c r="AN1178" s="119"/>
      <c r="AO1178" s="119"/>
      <c r="AP1178" s="119"/>
      <c r="AQ1178" s="119"/>
      <c r="AR1178" s="119"/>
      <c r="AS1178" s="119"/>
      <c r="AT1178" s="119"/>
      <c r="AU1178" s="119"/>
      <c r="AV1178" s="119"/>
      <c r="AW1178" s="119"/>
      <c r="AX1178" s="119"/>
      <c r="AY1178" s="119"/>
      <c r="AZ1178" s="119"/>
      <c r="BA1178" s="119"/>
      <c r="BB1178" s="107">
        <v>45884</v>
      </c>
    </row>
    <row r="1179" spans="1:54" s="207" customFormat="1" ht="13.95" customHeight="1" x14ac:dyDescent="0.25">
      <c r="A1179" s="208" t="s">
        <v>2876</v>
      </c>
      <c r="B1179" s="209" t="s">
        <v>20420</v>
      </c>
      <c r="C1179" s="113" t="s">
        <v>2877</v>
      </c>
      <c r="D1179" s="113" t="s">
        <v>2878</v>
      </c>
      <c r="E1179" s="210">
        <v>2004</v>
      </c>
      <c r="F1179" s="210">
        <v>1145</v>
      </c>
      <c r="G1179" s="113" t="s">
        <v>1</v>
      </c>
      <c r="H1179" s="113">
        <v>0</v>
      </c>
      <c r="I1179" s="113">
        <v>0</v>
      </c>
      <c r="J1179" s="115">
        <v>1</v>
      </c>
      <c r="K1179" s="211">
        <v>1</v>
      </c>
      <c r="L1179" s="115">
        <v>1</v>
      </c>
      <c r="M1179" s="115">
        <v>0</v>
      </c>
      <c r="N1179" s="115">
        <v>0</v>
      </c>
      <c r="O1179" s="115">
        <v>0</v>
      </c>
      <c r="P1179" s="115">
        <v>1</v>
      </c>
      <c r="Q1179" s="115" t="s">
        <v>400</v>
      </c>
      <c r="R1179" s="115">
        <v>0</v>
      </c>
      <c r="S1179" s="115">
        <v>0</v>
      </c>
      <c r="T1179" s="115">
        <v>0</v>
      </c>
      <c r="U1179" s="119"/>
      <c r="V1179" s="119"/>
      <c r="W1179" s="119"/>
      <c r="X1179" s="119"/>
      <c r="Y1179" s="119"/>
      <c r="Z1179" s="119"/>
      <c r="AA1179" s="119"/>
      <c r="AB1179" s="119"/>
      <c r="AC1179" s="119"/>
      <c r="AD1179" s="119"/>
      <c r="AE1179" s="119"/>
      <c r="AF1179" s="119"/>
      <c r="AG1179" s="119"/>
      <c r="AH1179" s="119"/>
      <c r="AI1179" s="119"/>
      <c r="AJ1179" s="119"/>
      <c r="AK1179" s="119"/>
      <c r="AL1179" s="119"/>
      <c r="AM1179" s="119"/>
      <c r="AN1179" s="119"/>
      <c r="AO1179" s="119"/>
      <c r="AP1179" s="119"/>
      <c r="AQ1179" s="119"/>
      <c r="AR1179" s="119"/>
      <c r="AS1179" s="119"/>
      <c r="AT1179" s="119"/>
      <c r="AU1179" s="119"/>
      <c r="AV1179" s="119"/>
      <c r="AW1179" s="119"/>
      <c r="AX1179" s="119"/>
      <c r="AY1179" s="119"/>
      <c r="AZ1179" s="119"/>
      <c r="BA1179" s="119"/>
      <c r="BB1179" s="107">
        <v>45884</v>
      </c>
    </row>
    <row r="1180" spans="1:54" s="207" customFormat="1" ht="13.95" customHeight="1" x14ac:dyDescent="0.25">
      <c r="A1180" s="208" t="s">
        <v>2879</v>
      </c>
      <c r="B1180" s="209" t="s">
        <v>20420</v>
      </c>
      <c r="C1180" s="113" t="s">
        <v>2880</v>
      </c>
      <c r="D1180" s="113" t="s">
        <v>2881</v>
      </c>
      <c r="E1180" s="210">
        <v>1997</v>
      </c>
      <c r="F1180" s="210">
        <v>1149</v>
      </c>
      <c r="G1180" s="113" t="s">
        <v>1</v>
      </c>
      <c r="H1180" s="113">
        <v>1</v>
      </c>
      <c r="I1180" s="113">
        <v>1</v>
      </c>
      <c r="J1180" s="115">
        <v>1</v>
      </c>
      <c r="K1180" s="116" t="s">
        <v>174</v>
      </c>
      <c r="L1180" s="115">
        <v>0</v>
      </c>
      <c r="M1180" s="115">
        <v>1</v>
      </c>
      <c r="N1180" s="115">
        <v>0</v>
      </c>
      <c r="O1180" s="115">
        <v>0</v>
      </c>
      <c r="P1180" s="115" t="s">
        <v>400</v>
      </c>
      <c r="Q1180" s="115" t="s">
        <v>400</v>
      </c>
      <c r="R1180" s="115">
        <v>0</v>
      </c>
      <c r="S1180" s="115">
        <v>0</v>
      </c>
      <c r="T1180" s="115">
        <v>0</v>
      </c>
      <c r="U1180" s="119"/>
      <c r="V1180" s="119"/>
      <c r="W1180" s="119"/>
      <c r="X1180" s="119"/>
      <c r="Y1180" s="119"/>
      <c r="Z1180" s="119"/>
      <c r="AA1180" s="119"/>
      <c r="AB1180" s="119"/>
      <c r="AC1180" s="119"/>
      <c r="AD1180" s="119"/>
      <c r="AE1180" s="119"/>
      <c r="AF1180" s="119"/>
      <c r="AG1180" s="119"/>
      <c r="AH1180" s="119"/>
      <c r="AI1180" s="119"/>
      <c r="AJ1180" s="119"/>
      <c r="AK1180" s="119"/>
      <c r="AL1180" s="119"/>
      <c r="AM1180" s="119"/>
      <c r="AN1180" s="119"/>
      <c r="AO1180" s="119"/>
      <c r="AP1180" s="119"/>
      <c r="AQ1180" s="119"/>
      <c r="AR1180" s="119"/>
      <c r="AS1180" s="119"/>
      <c r="AT1180" s="119"/>
      <c r="AU1180" s="119"/>
      <c r="AV1180" s="119"/>
      <c r="AW1180" s="119"/>
      <c r="AX1180" s="119"/>
      <c r="AY1180" s="119"/>
      <c r="AZ1180" s="119"/>
      <c r="BA1180" s="119"/>
      <c r="BB1180" s="107">
        <v>45884</v>
      </c>
    </row>
    <row r="1181" spans="1:54" s="207" customFormat="1" ht="13.95" customHeight="1" x14ac:dyDescent="0.25">
      <c r="A1181" s="208" t="s">
        <v>2882</v>
      </c>
      <c r="B1181" s="209" t="s">
        <v>20420</v>
      </c>
      <c r="C1181" s="113" t="s">
        <v>2883</v>
      </c>
      <c r="D1181" s="113" t="s">
        <v>23097</v>
      </c>
      <c r="E1181" s="210">
        <v>1970</v>
      </c>
      <c r="F1181" s="210">
        <v>1150</v>
      </c>
      <c r="G1181" s="113" t="s">
        <v>1</v>
      </c>
      <c r="H1181" s="113">
        <v>0</v>
      </c>
      <c r="I1181" s="113">
        <v>0</v>
      </c>
      <c r="J1181" s="115">
        <v>1</v>
      </c>
      <c r="K1181" s="116" t="s">
        <v>174</v>
      </c>
      <c r="L1181" s="115">
        <v>1</v>
      </c>
      <c r="M1181" s="115">
        <v>1</v>
      </c>
      <c r="N1181" s="115">
        <v>0</v>
      </c>
      <c r="O1181" s="115">
        <v>1</v>
      </c>
      <c r="P1181" s="115" t="s">
        <v>400</v>
      </c>
      <c r="Q1181" s="115" t="s">
        <v>400</v>
      </c>
      <c r="R1181" s="115">
        <v>1</v>
      </c>
      <c r="S1181" s="115">
        <v>0</v>
      </c>
      <c r="T1181" s="115">
        <v>0</v>
      </c>
      <c r="U1181" s="119"/>
      <c r="V1181" s="119"/>
      <c r="W1181" s="119"/>
      <c r="X1181" s="119"/>
      <c r="Y1181" s="119"/>
      <c r="Z1181" s="119"/>
      <c r="AA1181" s="119"/>
      <c r="AB1181" s="119"/>
      <c r="AC1181" s="119"/>
      <c r="AD1181" s="119"/>
      <c r="AE1181" s="119"/>
      <c r="AF1181" s="119"/>
      <c r="AG1181" s="119"/>
      <c r="AH1181" s="119"/>
      <c r="AI1181" s="119"/>
      <c r="AJ1181" s="119"/>
      <c r="AK1181" s="119"/>
      <c r="AL1181" s="119"/>
      <c r="AM1181" s="119"/>
      <c r="AN1181" s="119"/>
      <c r="AO1181" s="119"/>
      <c r="AP1181" s="119"/>
      <c r="AQ1181" s="119"/>
      <c r="AR1181" s="119"/>
      <c r="AS1181" s="119"/>
      <c r="AT1181" s="119"/>
      <c r="AU1181" s="119"/>
      <c r="AV1181" s="119"/>
      <c r="AW1181" s="119"/>
      <c r="AX1181" s="119"/>
      <c r="AY1181" s="119"/>
      <c r="AZ1181" s="119"/>
      <c r="BA1181" s="119"/>
      <c r="BB1181" s="107">
        <v>45884</v>
      </c>
    </row>
    <row r="1182" spans="1:54" s="207" customFormat="1" ht="13.95" customHeight="1" x14ac:dyDescent="0.25">
      <c r="A1182" s="208" t="s">
        <v>2884</v>
      </c>
      <c r="B1182" s="209" t="s">
        <v>20420</v>
      </c>
      <c r="C1182" s="113" t="s">
        <v>2885</v>
      </c>
      <c r="D1182" s="113" t="s">
        <v>23098</v>
      </c>
      <c r="E1182" s="210">
        <v>1975</v>
      </c>
      <c r="F1182" s="210">
        <v>1151</v>
      </c>
      <c r="G1182" s="113" t="s">
        <v>1</v>
      </c>
      <c r="H1182" s="113">
        <v>0</v>
      </c>
      <c r="I1182" s="113">
        <v>0</v>
      </c>
      <c r="J1182" s="115">
        <v>1</v>
      </c>
      <c r="K1182" s="116" t="s">
        <v>174</v>
      </c>
      <c r="L1182" s="115">
        <v>1</v>
      </c>
      <c r="M1182" s="115">
        <v>0</v>
      </c>
      <c r="N1182" s="115">
        <v>0</v>
      </c>
      <c r="O1182" s="115">
        <v>1</v>
      </c>
      <c r="P1182" s="115">
        <v>1</v>
      </c>
      <c r="Q1182" s="115" t="s">
        <v>400</v>
      </c>
      <c r="R1182" s="115">
        <v>1</v>
      </c>
      <c r="S1182" s="115">
        <v>0</v>
      </c>
      <c r="T1182" s="115">
        <v>0</v>
      </c>
      <c r="U1182" s="119"/>
      <c r="V1182" s="119"/>
      <c r="W1182" s="119"/>
      <c r="X1182" s="119"/>
      <c r="Y1182" s="119"/>
      <c r="Z1182" s="119"/>
      <c r="AA1182" s="119"/>
      <c r="AB1182" s="119"/>
      <c r="AC1182" s="119"/>
      <c r="AD1182" s="119"/>
      <c r="AE1182" s="119"/>
      <c r="AF1182" s="119"/>
      <c r="AG1182" s="119"/>
      <c r="AH1182" s="119"/>
      <c r="AI1182" s="119"/>
      <c r="AJ1182" s="119"/>
      <c r="AK1182" s="119"/>
      <c r="AL1182" s="119"/>
      <c r="AM1182" s="119"/>
      <c r="AN1182" s="119"/>
      <c r="AO1182" s="119"/>
      <c r="AP1182" s="119"/>
      <c r="AQ1182" s="119"/>
      <c r="AR1182" s="119"/>
      <c r="AS1182" s="119"/>
      <c r="AT1182" s="119"/>
      <c r="AU1182" s="119"/>
      <c r="AV1182" s="119"/>
      <c r="AW1182" s="119"/>
      <c r="AX1182" s="119"/>
      <c r="AY1182" s="119"/>
      <c r="AZ1182" s="119"/>
      <c r="BA1182" s="119"/>
      <c r="BB1182" s="107">
        <v>45884</v>
      </c>
    </row>
    <row r="1183" spans="1:54" s="207" customFormat="1" ht="13.95" customHeight="1" x14ac:dyDescent="0.25">
      <c r="A1183" s="208" t="s">
        <v>2886</v>
      </c>
      <c r="B1183" s="209" t="s">
        <v>20420</v>
      </c>
      <c r="C1183" s="113" t="s">
        <v>2887</v>
      </c>
      <c r="D1183" s="113" t="s">
        <v>23099</v>
      </c>
      <c r="E1183" s="210">
        <v>1987</v>
      </c>
      <c r="F1183" s="210">
        <v>1154</v>
      </c>
      <c r="G1183" s="113" t="s">
        <v>1</v>
      </c>
      <c r="H1183" s="113">
        <v>0</v>
      </c>
      <c r="I1183" s="113">
        <v>0</v>
      </c>
      <c r="J1183" s="115">
        <v>1</v>
      </c>
      <c r="K1183" s="116" t="s">
        <v>174</v>
      </c>
      <c r="L1183" s="115">
        <v>0</v>
      </c>
      <c r="M1183" s="115">
        <v>0</v>
      </c>
      <c r="N1183" s="115">
        <v>1</v>
      </c>
      <c r="O1183" s="115">
        <v>1</v>
      </c>
      <c r="P1183" s="115">
        <v>1</v>
      </c>
      <c r="Q1183" s="115" t="s">
        <v>400</v>
      </c>
      <c r="R1183" s="115">
        <v>0</v>
      </c>
      <c r="S1183" s="115">
        <v>0</v>
      </c>
      <c r="T1183" s="115">
        <v>0</v>
      </c>
      <c r="U1183" s="119"/>
      <c r="V1183" s="119"/>
      <c r="W1183" s="119"/>
      <c r="X1183" s="119"/>
      <c r="Y1183" s="119"/>
      <c r="Z1183" s="119"/>
      <c r="AA1183" s="119"/>
      <c r="AB1183" s="119"/>
      <c r="AC1183" s="119"/>
      <c r="AD1183" s="119"/>
      <c r="AE1183" s="119"/>
      <c r="AF1183" s="119"/>
      <c r="AG1183" s="119"/>
      <c r="AH1183" s="119"/>
      <c r="AI1183" s="119"/>
      <c r="AJ1183" s="119"/>
      <c r="AK1183" s="119"/>
      <c r="AL1183" s="119"/>
      <c r="AM1183" s="119"/>
      <c r="AN1183" s="119"/>
      <c r="AO1183" s="119"/>
      <c r="AP1183" s="119"/>
      <c r="AQ1183" s="119"/>
      <c r="AR1183" s="119"/>
      <c r="AS1183" s="119"/>
      <c r="AT1183" s="119"/>
      <c r="AU1183" s="119"/>
      <c r="AV1183" s="119"/>
      <c r="AW1183" s="119"/>
      <c r="AX1183" s="119"/>
      <c r="AY1183" s="119"/>
      <c r="AZ1183" s="119"/>
      <c r="BA1183" s="119"/>
      <c r="BB1183" s="107">
        <v>45884</v>
      </c>
    </row>
    <row r="1184" spans="1:54" s="207" customFormat="1" ht="13.95" customHeight="1" x14ac:dyDescent="0.25">
      <c r="A1184" s="208" t="s">
        <v>2888</v>
      </c>
      <c r="B1184" s="209" t="s">
        <v>20420</v>
      </c>
      <c r="C1184" s="113" t="s">
        <v>2889</v>
      </c>
      <c r="D1184" s="113" t="s">
        <v>23100</v>
      </c>
      <c r="E1184" s="210">
        <v>1976</v>
      </c>
      <c r="F1184" s="210">
        <v>1155</v>
      </c>
      <c r="G1184" s="113" t="s">
        <v>1</v>
      </c>
      <c r="H1184" s="113">
        <v>0</v>
      </c>
      <c r="I1184" s="113">
        <v>0</v>
      </c>
      <c r="J1184" s="115">
        <v>1</v>
      </c>
      <c r="K1184" s="211">
        <v>1</v>
      </c>
      <c r="L1184" s="115">
        <v>1</v>
      </c>
      <c r="M1184" s="115">
        <v>0</v>
      </c>
      <c r="N1184" s="115">
        <v>0</v>
      </c>
      <c r="O1184" s="115">
        <v>1</v>
      </c>
      <c r="P1184" s="115">
        <v>1</v>
      </c>
      <c r="Q1184" s="115" t="s">
        <v>400</v>
      </c>
      <c r="R1184" s="115">
        <v>0</v>
      </c>
      <c r="S1184" s="115">
        <v>0</v>
      </c>
      <c r="T1184" s="115">
        <v>0</v>
      </c>
      <c r="U1184" s="119"/>
      <c r="V1184" s="119"/>
      <c r="W1184" s="119"/>
      <c r="X1184" s="119"/>
      <c r="Y1184" s="119"/>
      <c r="Z1184" s="119"/>
      <c r="AA1184" s="119"/>
      <c r="AB1184" s="119"/>
      <c r="AC1184" s="119"/>
      <c r="AD1184" s="119"/>
      <c r="AE1184" s="119"/>
      <c r="AF1184" s="119"/>
      <c r="AG1184" s="119"/>
      <c r="AH1184" s="119"/>
      <c r="AI1184" s="119"/>
      <c r="AJ1184" s="119"/>
      <c r="AK1184" s="119"/>
      <c r="AL1184" s="119"/>
      <c r="AM1184" s="119"/>
      <c r="AN1184" s="119"/>
      <c r="AO1184" s="119"/>
      <c r="AP1184" s="119"/>
      <c r="AQ1184" s="119"/>
      <c r="AR1184" s="119"/>
      <c r="AS1184" s="119"/>
      <c r="AT1184" s="119"/>
      <c r="AU1184" s="119"/>
      <c r="AV1184" s="119"/>
      <c r="AW1184" s="119"/>
      <c r="AX1184" s="119"/>
      <c r="AY1184" s="119"/>
      <c r="AZ1184" s="119"/>
      <c r="BA1184" s="119"/>
      <c r="BB1184" s="107">
        <v>45884</v>
      </c>
    </row>
    <row r="1185" spans="1:54" s="207" customFormat="1" ht="13.95" customHeight="1" x14ac:dyDescent="0.25">
      <c r="A1185" s="208" t="s">
        <v>2890</v>
      </c>
      <c r="B1185" s="209" t="s">
        <v>20420</v>
      </c>
      <c r="C1185" s="113" t="s">
        <v>2891</v>
      </c>
      <c r="D1185" s="113" t="s">
        <v>23101</v>
      </c>
      <c r="E1185" s="210">
        <v>2002</v>
      </c>
      <c r="F1185" s="210">
        <v>1155</v>
      </c>
      <c r="G1185" s="113" t="s">
        <v>1</v>
      </c>
      <c r="H1185" s="113">
        <v>0</v>
      </c>
      <c r="I1185" s="113">
        <v>0</v>
      </c>
      <c r="J1185" s="115">
        <v>1</v>
      </c>
      <c r="K1185" s="116" t="s">
        <v>174</v>
      </c>
      <c r="L1185" s="115">
        <v>1</v>
      </c>
      <c r="M1185" s="115">
        <v>1</v>
      </c>
      <c r="N1185" s="115">
        <v>0</v>
      </c>
      <c r="O1185" s="115">
        <v>0</v>
      </c>
      <c r="P1185" s="115" t="s">
        <v>400</v>
      </c>
      <c r="Q1185" s="115" t="s">
        <v>400</v>
      </c>
      <c r="R1185" s="115">
        <v>0</v>
      </c>
      <c r="S1185" s="115">
        <v>0</v>
      </c>
      <c r="T1185" s="115">
        <v>0</v>
      </c>
      <c r="U1185" s="119"/>
      <c r="V1185" s="119"/>
      <c r="W1185" s="119"/>
      <c r="X1185" s="119"/>
      <c r="Y1185" s="119"/>
      <c r="Z1185" s="119"/>
      <c r="AA1185" s="119"/>
      <c r="AB1185" s="119"/>
      <c r="AC1185" s="119"/>
      <c r="AD1185" s="119"/>
      <c r="AE1185" s="119"/>
      <c r="AF1185" s="119"/>
      <c r="AG1185" s="119"/>
      <c r="AH1185" s="119"/>
      <c r="AI1185" s="119"/>
      <c r="AJ1185" s="119"/>
      <c r="AK1185" s="119"/>
      <c r="AL1185" s="119"/>
      <c r="AM1185" s="119"/>
      <c r="AN1185" s="119"/>
      <c r="AO1185" s="119"/>
      <c r="AP1185" s="119"/>
      <c r="AQ1185" s="119"/>
      <c r="AR1185" s="119"/>
      <c r="AS1185" s="119"/>
      <c r="AT1185" s="119"/>
      <c r="AU1185" s="119"/>
      <c r="AV1185" s="119"/>
      <c r="AW1185" s="119"/>
      <c r="AX1185" s="119"/>
      <c r="AY1185" s="119"/>
      <c r="AZ1185" s="119"/>
      <c r="BA1185" s="119"/>
      <c r="BB1185" s="107">
        <v>45884</v>
      </c>
    </row>
    <row r="1186" spans="1:54" s="207" customFormat="1" ht="13.95" customHeight="1" x14ac:dyDescent="0.25">
      <c r="A1186" s="208" t="s">
        <v>2892</v>
      </c>
      <c r="B1186" s="209" t="s">
        <v>20420</v>
      </c>
      <c r="C1186" s="113" t="s">
        <v>2893</v>
      </c>
      <c r="D1186" s="113" t="s">
        <v>23102</v>
      </c>
      <c r="E1186" s="210">
        <v>1991</v>
      </c>
      <c r="F1186" s="210">
        <v>1156</v>
      </c>
      <c r="G1186" s="113" t="s">
        <v>1</v>
      </c>
      <c r="H1186" s="113">
        <v>0</v>
      </c>
      <c r="I1186" s="113">
        <v>0</v>
      </c>
      <c r="J1186" s="115">
        <v>1</v>
      </c>
      <c r="K1186" s="211">
        <v>1</v>
      </c>
      <c r="L1186" s="115">
        <v>1</v>
      </c>
      <c r="M1186" s="115">
        <v>1</v>
      </c>
      <c r="N1186" s="115">
        <v>0</v>
      </c>
      <c r="O1186" s="115">
        <v>0</v>
      </c>
      <c r="P1186" s="115" t="s">
        <v>400</v>
      </c>
      <c r="Q1186" s="115" t="s">
        <v>400</v>
      </c>
      <c r="R1186" s="115">
        <v>0</v>
      </c>
      <c r="S1186" s="115">
        <v>0</v>
      </c>
      <c r="T1186" s="115">
        <v>0</v>
      </c>
      <c r="U1186" s="119"/>
      <c r="V1186" s="119"/>
      <c r="W1186" s="119"/>
      <c r="X1186" s="119"/>
      <c r="Y1186" s="119"/>
      <c r="Z1186" s="119"/>
      <c r="AA1186" s="119"/>
      <c r="AB1186" s="119"/>
      <c r="AC1186" s="119"/>
      <c r="AD1186" s="119"/>
      <c r="AE1186" s="119"/>
      <c r="AF1186" s="119"/>
      <c r="AG1186" s="119"/>
      <c r="AH1186" s="119"/>
      <c r="AI1186" s="119"/>
      <c r="AJ1186" s="119"/>
      <c r="AK1186" s="119"/>
      <c r="AL1186" s="119"/>
      <c r="AM1186" s="119"/>
      <c r="AN1186" s="119"/>
      <c r="AO1186" s="119"/>
      <c r="AP1186" s="119"/>
      <c r="AQ1186" s="119"/>
      <c r="AR1186" s="119"/>
      <c r="AS1186" s="119"/>
      <c r="AT1186" s="119"/>
      <c r="AU1186" s="119"/>
      <c r="AV1186" s="119"/>
      <c r="AW1186" s="119"/>
      <c r="AX1186" s="119"/>
      <c r="AY1186" s="119"/>
      <c r="AZ1186" s="119"/>
      <c r="BA1186" s="119"/>
      <c r="BB1186" s="107">
        <v>45884</v>
      </c>
    </row>
    <row r="1187" spans="1:54" s="207" customFormat="1" ht="13.95" customHeight="1" x14ac:dyDescent="0.25">
      <c r="A1187" s="208" t="s">
        <v>2894</v>
      </c>
      <c r="B1187" s="209" t="s">
        <v>20420</v>
      </c>
      <c r="C1187" s="113" t="s">
        <v>2895</v>
      </c>
      <c r="D1187" s="113" t="s">
        <v>2896</v>
      </c>
      <c r="E1187" s="210">
        <v>1970</v>
      </c>
      <c r="F1187" s="210">
        <v>1158</v>
      </c>
      <c r="G1187" s="113" t="s">
        <v>1</v>
      </c>
      <c r="H1187" s="113">
        <v>0</v>
      </c>
      <c r="I1187" s="113">
        <v>0</v>
      </c>
      <c r="J1187" s="115">
        <v>1</v>
      </c>
      <c r="K1187" s="211">
        <v>1</v>
      </c>
      <c r="L1187" s="115">
        <v>1</v>
      </c>
      <c r="M1187" s="115">
        <v>1</v>
      </c>
      <c r="N1187" s="115">
        <v>0</v>
      </c>
      <c r="O1187" s="115">
        <v>1</v>
      </c>
      <c r="P1187" s="115" t="s">
        <v>400</v>
      </c>
      <c r="Q1187" s="115" t="s">
        <v>400</v>
      </c>
      <c r="R1187" s="115">
        <v>0</v>
      </c>
      <c r="S1187" s="115">
        <v>0</v>
      </c>
      <c r="T1187" s="115">
        <v>0</v>
      </c>
      <c r="U1187" s="119"/>
      <c r="V1187" s="119"/>
      <c r="W1187" s="119"/>
      <c r="X1187" s="119"/>
      <c r="Y1187" s="119"/>
      <c r="Z1187" s="119"/>
      <c r="AA1187" s="119"/>
      <c r="AB1187" s="119"/>
      <c r="AC1187" s="119"/>
      <c r="AD1187" s="119"/>
      <c r="AE1187" s="119"/>
      <c r="AF1187" s="119"/>
      <c r="AG1187" s="119"/>
      <c r="AH1187" s="119"/>
      <c r="AI1187" s="119"/>
      <c r="AJ1187" s="119"/>
      <c r="AK1187" s="119"/>
      <c r="AL1187" s="119"/>
      <c r="AM1187" s="119"/>
      <c r="AN1187" s="119"/>
      <c r="AO1187" s="119"/>
      <c r="AP1187" s="119"/>
      <c r="AQ1187" s="119"/>
      <c r="AR1187" s="119"/>
      <c r="AS1187" s="119"/>
      <c r="AT1187" s="119"/>
      <c r="AU1187" s="119"/>
      <c r="AV1187" s="119"/>
      <c r="AW1187" s="119"/>
      <c r="AX1187" s="119"/>
      <c r="AY1187" s="119"/>
      <c r="AZ1187" s="119"/>
      <c r="BA1187" s="119"/>
      <c r="BB1187" s="107">
        <v>45884</v>
      </c>
    </row>
    <row r="1188" spans="1:54" s="207" customFormat="1" ht="13.95" customHeight="1" x14ac:dyDescent="0.25">
      <c r="A1188" s="208" t="s">
        <v>2897</v>
      </c>
      <c r="B1188" s="209" t="s">
        <v>20420</v>
      </c>
      <c r="C1188" s="113" t="s">
        <v>2898</v>
      </c>
      <c r="D1188" s="113" t="s">
        <v>23103</v>
      </c>
      <c r="E1188" s="210">
        <v>1982</v>
      </c>
      <c r="F1188" s="210">
        <v>1158</v>
      </c>
      <c r="G1188" s="113" t="s">
        <v>1</v>
      </c>
      <c r="H1188" s="113">
        <v>0</v>
      </c>
      <c r="I1188" s="113">
        <v>0</v>
      </c>
      <c r="J1188" s="115">
        <v>1</v>
      </c>
      <c r="K1188" s="116" t="s">
        <v>174</v>
      </c>
      <c r="L1188" s="115">
        <v>1</v>
      </c>
      <c r="M1188" s="115">
        <v>1</v>
      </c>
      <c r="N1188" s="115">
        <v>1</v>
      </c>
      <c r="O1188" s="115">
        <v>1</v>
      </c>
      <c r="P1188" s="115" t="s">
        <v>400</v>
      </c>
      <c r="Q1188" s="115" t="s">
        <v>400</v>
      </c>
      <c r="R1188" s="115">
        <v>1</v>
      </c>
      <c r="S1188" s="115">
        <v>0</v>
      </c>
      <c r="T1188" s="115">
        <v>0</v>
      </c>
      <c r="U1188" s="119"/>
      <c r="V1188" s="119"/>
      <c r="W1188" s="119"/>
      <c r="X1188" s="119"/>
      <c r="Y1188" s="119"/>
      <c r="Z1188" s="119"/>
      <c r="AA1188" s="119"/>
      <c r="AB1188" s="119"/>
      <c r="AC1188" s="119"/>
      <c r="AD1188" s="119"/>
      <c r="AE1188" s="119"/>
      <c r="AF1188" s="119"/>
      <c r="AG1188" s="119"/>
      <c r="AH1188" s="119"/>
      <c r="AI1188" s="119"/>
      <c r="AJ1188" s="119"/>
      <c r="AK1188" s="119"/>
      <c r="AL1188" s="119"/>
      <c r="AM1188" s="119"/>
      <c r="AN1188" s="119"/>
      <c r="AO1188" s="119"/>
      <c r="AP1188" s="119"/>
      <c r="AQ1188" s="119"/>
      <c r="AR1188" s="119"/>
      <c r="AS1188" s="119"/>
      <c r="AT1188" s="119"/>
      <c r="AU1188" s="119"/>
      <c r="AV1188" s="119"/>
      <c r="AW1188" s="119"/>
      <c r="AX1188" s="119"/>
      <c r="AY1188" s="119"/>
      <c r="AZ1188" s="119"/>
      <c r="BA1188" s="119"/>
      <c r="BB1188" s="107">
        <v>45884</v>
      </c>
    </row>
    <row r="1189" spans="1:54" s="207" customFormat="1" ht="13.95" customHeight="1" x14ac:dyDescent="0.25">
      <c r="A1189" s="208" t="s">
        <v>2899</v>
      </c>
      <c r="B1189" s="209" t="s">
        <v>20420</v>
      </c>
      <c r="C1189" s="113" t="s">
        <v>2900</v>
      </c>
      <c r="D1189" s="113" t="s">
        <v>23104</v>
      </c>
      <c r="E1189" s="210">
        <v>1983</v>
      </c>
      <c r="F1189" s="210">
        <v>1159</v>
      </c>
      <c r="G1189" s="113" t="s">
        <v>1</v>
      </c>
      <c r="H1189" s="113">
        <v>0</v>
      </c>
      <c r="I1189" s="113">
        <v>0</v>
      </c>
      <c r="J1189" s="115">
        <v>1</v>
      </c>
      <c r="K1189" s="116" t="s">
        <v>174</v>
      </c>
      <c r="L1189" s="115">
        <v>0</v>
      </c>
      <c r="M1189" s="115">
        <v>0</v>
      </c>
      <c r="N1189" s="115">
        <v>0</v>
      </c>
      <c r="O1189" s="115">
        <v>0</v>
      </c>
      <c r="P1189" s="115" t="s">
        <v>400</v>
      </c>
      <c r="Q1189" s="115" t="s">
        <v>400</v>
      </c>
      <c r="R1189" s="115">
        <v>0</v>
      </c>
      <c r="S1189" s="115">
        <v>0</v>
      </c>
      <c r="T1189" s="115">
        <v>0</v>
      </c>
      <c r="U1189" s="119"/>
      <c r="V1189" s="119"/>
      <c r="W1189" s="119"/>
      <c r="X1189" s="119"/>
      <c r="Y1189" s="119"/>
      <c r="Z1189" s="119"/>
      <c r="AA1189" s="119"/>
      <c r="AB1189" s="119"/>
      <c r="AC1189" s="119"/>
      <c r="AD1189" s="119"/>
      <c r="AE1189" s="119"/>
      <c r="AF1189" s="119"/>
      <c r="AG1189" s="119"/>
      <c r="AH1189" s="119"/>
      <c r="AI1189" s="119"/>
      <c r="AJ1189" s="119"/>
      <c r="AK1189" s="119"/>
      <c r="AL1189" s="119"/>
      <c r="AM1189" s="119"/>
      <c r="AN1189" s="119"/>
      <c r="AO1189" s="119"/>
      <c r="AP1189" s="119"/>
      <c r="AQ1189" s="119"/>
      <c r="AR1189" s="119"/>
      <c r="AS1189" s="119"/>
      <c r="AT1189" s="119"/>
      <c r="AU1189" s="119"/>
      <c r="AV1189" s="119"/>
      <c r="AW1189" s="119"/>
      <c r="AX1189" s="119"/>
      <c r="AY1189" s="119"/>
      <c r="AZ1189" s="119"/>
      <c r="BA1189" s="119"/>
      <c r="BB1189" s="107">
        <v>45884</v>
      </c>
    </row>
    <row r="1190" spans="1:54" s="207" customFormat="1" ht="13.95" customHeight="1" x14ac:dyDescent="0.25">
      <c r="A1190" s="208" t="s">
        <v>2901</v>
      </c>
      <c r="B1190" s="209" t="s">
        <v>20420</v>
      </c>
      <c r="C1190" s="113" t="s">
        <v>2902</v>
      </c>
      <c r="D1190" s="113" t="s">
        <v>2903</v>
      </c>
      <c r="E1190" s="210">
        <v>1994</v>
      </c>
      <c r="F1190" s="210">
        <v>1160</v>
      </c>
      <c r="G1190" s="113" t="s">
        <v>1</v>
      </c>
      <c r="H1190" s="113">
        <v>0</v>
      </c>
      <c r="I1190" s="113">
        <v>0</v>
      </c>
      <c r="J1190" s="115">
        <v>1</v>
      </c>
      <c r="K1190" s="116" t="s">
        <v>174</v>
      </c>
      <c r="L1190" s="115">
        <v>1</v>
      </c>
      <c r="M1190" s="115">
        <v>0</v>
      </c>
      <c r="N1190" s="115">
        <v>0</v>
      </c>
      <c r="O1190" s="115">
        <v>1</v>
      </c>
      <c r="P1190" s="115">
        <v>1</v>
      </c>
      <c r="Q1190" s="115" t="s">
        <v>400</v>
      </c>
      <c r="R1190" s="115">
        <v>1</v>
      </c>
      <c r="S1190" s="115">
        <v>0</v>
      </c>
      <c r="T1190" s="115">
        <v>0</v>
      </c>
      <c r="U1190" s="119"/>
      <c r="V1190" s="119"/>
      <c r="W1190" s="119"/>
      <c r="X1190" s="119"/>
      <c r="Y1190" s="119"/>
      <c r="Z1190" s="119"/>
      <c r="AA1190" s="119"/>
      <c r="AB1190" s="119"/>
      <c r="AC1190" s="119"/>
      <c r="AD1190" s="119"/>
      <c r="AE1190" s="119"/>
      <c r="AF1190" s="119"/>
      <c r="AG1190" s="119"/>
      <c r="AH1190" s="119"/>
      <c r="AI1190" s="119"/>
      <c r="AJ1190" s="119"/>
      <c r="AK1190" s="119"/>
      <c r="AL1190" s="119"/>
      <c r="AM1190" s="119"/>
      <c r="AN1190" s="119"/>
      <c r="AO1190" s="119"/>
      <c r="AP1190" s="119"/>
      <c r="AQ1190" s="119"/>
      <c r="AR1190" s="119"/>
      <c r="AS1190" s="119"/>
      <c r="AT1190" s="119"/>
      <c r="AU1190" s="119"/>
      <c r="AV1190" s="119"/>
      <c r="AW1190" s="119"/>
      <c r="AX1190" s="119"/>
      <c r="AY1190" s="119"/>
      <c r="AZ1190" s="119"/>
      <c r="BA1190" s="119"/>
      <c r="BB1190" s="107">
        <v>45884</v>
      </c>
    </row>
    <row r="1191" spans="1:54" s="207" customFormat="1" ht="13.95" customHeight="1" x14ac:dyDescent="0.25">
      <c r="A1191" s="208" t="s">
        <v>2904</v>
      </c>
      <c r="B1191" s="209" t="s">
        <v>20420</v>
      </c>
      <c r="C1191" s="113" t="s">
        <v>2905</v>
      </c>
      <c r="D1191" s="113" t="s">
        <v>2906</v>
      </c>
      <c r="E1191" s="210">
        <v>1960</v>
      </c>
      <c r="F1191" s="210">
        <v>1160</v>
      </c>
      <c r="G1191" s="113" t="s">
        <v>1</v>
      </c>
      <c r="H1191" s="113">
        <v>0</v>
      </c>
      <c r="I1191" s="113">
        <v>0</v>
      </c>
      <c r="J1191" s="115">
        <v>1</v>
      </c>
      <c r="K1191" s="116" t="s">
        <v>174</v>
      </c>
      <c r="L1191" s="115">
        <v>1</v>
      </c>
      <c r="M1191" s="115">
        <v>0</v>
      </c>
      <c r="N1191" s="115">
        <v>0</v>
      </c>
      <c r="O1191" s="115">
        <v>1</v>
      </c>
      <c r="P1191" s="115">
        <v>1</v>
      </c>
      <c r="Q1191" s="115">
        <v>1</v>
      </c>
      <c r="R1191" s="115">
        <v>1</v>
      </c>
      <c r="S1191" s="115">
        <v>0</v>
      </c>
      <c r="T1191" s="115">
        <v>0</v>
      </c>
      <c r="U1191" s="119"/>
      <c r="V1191" s="119"/>
      <c r="W1191" s="119"/>
      <c r="X1191" s="119"/>
      <c r="Y1191" s="119"/>
      <c r="Z1191" s="119"/>
      <c r="AA1191" s="119"/>
      <c r="AB1191" s="119"/>
      <c r="AC1191" s="119"/>
      <c r="AD1191" s="119"/>
      <c r="AE1191" s="119"/>
      <c r="AF1191" s="119"/>
      <c r="AG1191" s="119"/>
      <c r="AH1191" s="119"/>
      <c r="AI1191" s="119"/>
      <c r="AJ1191" s="119"/>
      <c r="AK1191" s="119"/>
      <c r="AL1191" s="119"/>
      <c r="AM1191" s="119"/>
      <c r="AN1191" s="119"/>
      <c r="AO1191" s="119"/>
      <c r="AP1191" s="119"/>
      <c r="AQ1191" s="119"/>
      <c r="AR1191" s="119"/>
      <c r="AS1191" s="119"/>
      <c r="AT1191" s="119"/>
      <c r="AU1191" s="119"/>
      <c r="AV1191" s="119"/>
      <c r="AW1191" s="119"/>
      <c r="AX1191" s="119"/>
      <c r="AY1191" s="119"/>
      <c r="AZ1191" s="119"/>
      <c r="BA1191" s="119"/>
      <c r="BB1191" s="107">
        <v>45884</v>
      </c>
    </row>
    <row r="1192" spans="1:54" s="207" customFormat="1" ht="13.95" customHeight="1" x14ac:dyDescent="0.25">
      <c r="A1192" s="208" t="s">
        <v>2907</v>
      </c>
      <c r="B1192" s="209" t="s">
        <v>20420</v>
      </c>
      <c r="C1192" s="113" t="s">
        <v>2908</v>
      </c>
      <c r="D1192" s="113" t="s">
        <v>2909</v>
      </c>
      <c r="E1192" s="210">
        <v>1976</v>
      </c>
      <c r="F1192" s="210">
        <v>1162</v>
      </c>
      <c r="G1192" s="113" t="s">
        <v>1</v>
      </c>
      <c r="H1192" s="113">
        <v>0</v>
      </c>
      <c r="I1192" s="113">
        <v>0</v>
      </c>
      <c r="J1192" s="115">
        <v>1</v>
      </c>
      <c r="K1192" s="116" t="s">
        <v>174</v>
      </c>
      <c r="L1192" s="115">
        <v>1</v>
      </c>
      <c r="M1192" s="115">
        <v>0</v>
      </c>
      <c r="N1192" s="115">
        <v>0</v>
      </c>
      <c r="O1192" s="115">
        <v>1</v>
      </c>
      <c r="P1192" s="115">
        <v>1</v>
      </c>
      <c r="Q1192" s="115" t="s">
        <v>400</v>
      </c>
      <c r="R1192" s="115">
        <v>1</v>
      </c>
      <c r="S1192" s="115">
        <v>0</v>
      </c>
      <c r="T1192" s="115">
        <v>0</v>
      </c>
      <c r="U1192" s="119"/>
      <c r="V1192" s="119"/>
      <c r="W1192" s="119"/>
      <c r="X1192" s="119"/>
      <c r="Y1192" s="119"/>
      <c r="Z1192" s="119"/>
      <c r="AA1192" s="119"/>
      <c r="AB1192" s="119"/>
      <c r="AC1192" s="119"/>
      <c r="AD1192" s="119"/>
      <c r="AE1192" s="119"/>
      <c r="AF1192" s="119"/>
      <c r="AG1192" s="119"/>
      <c r="AH1192" s="119"/>
      <c r="AI1192" s="119"/>
      <c r="AJ1192" s="119"/>
      <c r="AK1192" s="119"/>
      <c r="AL1192" s="119"/>
      <c r="AM1192" s="119"/>
      <c r="AN1192" s="119"/>
      <c r="AO1192" s="119"/>
      <c r="AP1192" s="119"/>
      <c r="AQ1192" s="119"/>
      <c r="AR1192" s="119"/>
      <c r="AS1192" s="119"/>
      <c r="AT1192" s="119"/>
      <c r="AU1192" s="119"/>
      <c r="AV1192" s="119"/>
      <c r="AW1192" s="119"/>
      <c r="AX1192" s="119"/>
      <c r="AY1192" s="119"/>
      <c r="AZ1192" s="119"/>
      <c r="BA1192" s="119"/>
      <c r="BB1192" s="107">
        <v>45884</v>
      </c>
    </row>
    <row r="1193" spans="1:54" s="207" customFormat="1" ht="13.95" customHeight="1" x14ac:dyDescent="0.25">
      <c r="A1193" s="208" t="s">
        <v>2910</v>
      </c>
      <c r="B1193" s="209" t="s">
        <v>20420</v>
      </c>
      <c r="C1193" s="113" t="s">
        <v>2911</v>
      </c>
      <c r="D1193" s="113" t="s">
        <v>2912</v>
      </c>
      <c r="E1193" s="210">
        <v>1974</v>
      </c>
      <c r="F1193" s="210">
        <v>1162</v>
      </c>
      <c r="G1193" s="113" t="s">
        <v>1</v>
      </c>
      <c r="H1193" s="113">
        <v>0</v>
      </c>
      <c r="I1193" s="113">
        <v>0</v>
      </c>
      <c r="J1193" s="115">
        <v>1</v>
      </c>
      <c r="K1193" s="116" t="s">
        <v>174</v>
      </c>
      <c r="L1193" s="115">
        <v>1</v>
      </c>
      <c r="M1193" s="115">
        <v>0</v>
      </c>
      <c r="N1193" s="115">
        <v>0</v>
      </c>
      <c r="O1193" s="115">
        <v>1</v>
      </c>
      <c r="P1193" s="115">
        <v>1</v>
      </c>
      <c r="Q1193" s="115" t="s">
        <v>400</v>
      </c>
      <c r="R1193" s="115">
        <v>1</v>
      </c>
      <c r="S1193" s="115">
        <v>0</v>
      </c>
      <c r="T1193" s="115">
        <v>0</v>
      </c>
      <c r="U1193" s="119"/>
      <c r="V1193" s="119"/>
      <c r="W1193" s="119"/>
      <c r="X1193" s="119"/>
      <c r="Y1193" s="119"/>
      <c r="Z1193" s="119"/>
      <c r="AA1193" s="119"/>
      <c r="AB1193" s="119"/>
      <c r="AC1193" s="119"/>
      <c r="AD1193" s="119"/>
      <c r="AE1193" s="119"/>
      <c r="AF1193" s="119"/>
      <c r="AG1193" s="119"/>
      <c r="AH1193" s="119"/>
      <c r="AI1193" s="119"/>
      <c r="AJ1193" s="119"/>
      <c r="AK1193" s="119"/>
      <c r="AL1193" s="119"/>
      <c r="AM1193" s="119"/>
      <c r="AN1193" s="119"/>
      <c r="AO1193" s="119"/>
      <c r="AP1193" s="119"/>
      <c r="AQ1193" s="119"/>
      <c r="AR1193" s="119"/>
      <c r="AS1193" s="119"/>
      <c r="AT1193" s="119"/>
      <c r="AU1193" s="119"/>
      <c r="AV1193" s="119"/>
      <c r="AW1193" s="119"/>
      <c r="AX1193" s="119"/>
      <c r="AY1193" s="119"/>
      <c r="AZ1193" s="119"/>
      <c r="BA1193" s="119"/>
      <c r="BB1193" s="107">
        <v>45884</v>
      </c>
    </row>
    <row r="1194" spans="1:54" s="207" customFormat="1" ht="13.95" customHeight="1" x14ac:dyDescent="0.25">
      <c r="A1194" s="208" t="s">
        <v>2913</v>
      </c>
      <c r="B1194" s="209" t="s">
        <v>20420</v>
      </c>
      <c r="C1194" s="113" t="s">
        <v>2914</v>
      </c>
      <c r="D1194" s="113" t="s">
        <v>23105</v>
      </c>
      <c r="E1194" s="210">
        <v>1979</v>
      </c>
      <c r="F1194" s="210">
        <v>1163</v>
      </c>
      <c r="G1194" s="113" t="s">
        <v>1</v>
      </c>
      <c r="H1194" s="113">
        <v>0</v>
      </c>
      <c r="I1194" s="113">
        <v>0</v>
      </c>
      <c r="J1194" s="115">
        <v>1</v>
      </c>
      <c r="K1194" s="116" t="s">
        <v>174</v>
      </c>
      <c r="L1194" s="115">
        <v>0</v>
      </c>
      <c r="M1194" s="115">
        <v>1</v>
      </c>
      <c r="N1194" s="115">
        <v>0</v>
      </c>
      <c r="O1194" s="115">
        <v>0</v>
      </c>
      <c r="P1194" s="115" t="s">
        <v>400</v>
      </c>
      <c r="Q1194" s="115" t="s">
        <v>400</v>
      </c>
      <c r="R1194" s="115">
        <v>0</v>
      </c>
      <c r="S1194" s="115">
        <v>0</v>
      </c>
      <c r="T1194" s="115">
        <v>0</v>
      </c>
      <c r="U1194" s="119"/>
      <c r="V1194" s="119"/>
      <c r="W1194" s="119"/>
      <c r="X1194" s="119"/>
      <c r="Y1194" s="119"/>
      <c r="Z1194" s="119"/>
      <c r="AA1194" s="119"/>
      <c r="AB1194" s="119"/>
      <c r="AC1194" s="119"/>
      <c r="AD1194" s="119"/>
      <c r="AE1194" s="119"/>
      <c r="AF1194" s="119"/>
      <c r="AG1194" s="119"/>
      <c r="AH1194" s="119"/>
      <c r="AI1194" s="119"/>
      <c r="AJ1194" s="119"/>
      <c r="AK1194" s="119"/>
      <c r="AL1194" s="119"/>
      <c r="AM1194" s="119"/>
      <c r="AN1194" s="119"/>
      <c r="AO1194" s="119"/>
      <c r="AP1194" s="119"/>
      <c r="AQ1194" s="119"/>
      <c r="AR1194" s="119"/>
      <c r="AS1194" s="119"/>
      <c r="AT1194" s="119"/>
      <c r="AU1194" s="119"/>
      <c r="AV1194" s="119"/>
      <c r="AW1194" s="119"/>
      <c r="AX1194" s="119"/>
      <c r="AY1194" s="119"/>
      <c r="AZ1194" s="119"/>
      <c r="BA1194" s="119"/>
      <c r="BB1194" s="107">
        <v>45884</v>
      </c>
    </row>
    <row r="1195" spans="1:54" s="207" customFormat="1" ht="13.95" customHeight="1" x14ac:dyDescent="0.25">
      <c r="A1195" s="208" t="s">
        <v>2915</v>
      </c>
      <c r="B1195" s="209" t="s">
        <v>20420</v>
      </c>
      <c r="C1195" s="113" t="s">
        <v>2916</v>
      </c>
      <c r="D1195" s="113" t="s">
        <v>23106</v>
      </c>
      <c r="E1195" s="210">
        <v>1980</v>
      </c>
      <c r="F1195" s="210">
        <v>1164</v>
      </c>
      <c r="G1195" s="113" t="s">
        <v>1</v>
      </c>
      <c r="H1195" s="113">
        <v>0</v>
      </c>
      <c r="I1195" s="113">
        <v>0</v>
      </c>
      <c r="J1195" s="115">
        <v>1</v>
      </c>
      <c r="K1195" s="116" t="s">
        <v>174</v>
      </c>
      <c r="L1195" s="115">
        <v>1</v>
      </c>
      <c r="M1195" s="115">
        <v>0</v>
      </c>
      <c r="N1195" s="115">
        <v>0</v>
      </c>
      <c r="O1195" s="115">
        <v>1</v>
      </c>
      <c r="P1195" s="115">
        <v>1</v>
      </c>
      <c r="Q1195" s="115" t="s">
        <v>400</v>
      </c>
      <c r="R1195" s="115">
        <v>1</v>
      </c>
      <c r="S1195" s="115">
        <v>0</v>
      </c>
      <c r="T1195" s="115">
        <v>0</v>
      </c>
      <c r="U1195" s="119"/>
      <c r="V1195" s="119"/>
      <c r="W1195" s="119"/>
      <c r="X1195" s="119"/>
      <c r="Y1195" s="119"/>
      <c r="Z1195" s="119"/>
      <c r="AA1195" s="119"/>
      <c r="AB1195" s="119"/>
      <c r="AC1195" s="119"/>
      <c r="AD1195" s="119"/>
      <c r="AE1195" s="119"/>
      <c r="AF1195" s="119"/>
      <c r="AG1195" s="119"/>
      <c r="AH1195" s="119"/>
      <c r="AI1195" s="119"/>
      <c r="AJ1195" s="119"/>
      <c r="AK1195" s="119"/>
      <c r="AL1195" s="119"/>
      <c r="AM1195" s="119"/>
      <c r="AN1195" s="119"/>
      <c r="AO1195" s="119"/>
      <c r="AP1195" s="119"/>
      <c r="AQ1195" s="119"/>
      <c r="AR1195" s="119"/>
      <c r="AS1195" s="119"/>
      <c r="AT1195" s="119"/>
      <c r="AU1195" s="119"/>
      <c r="AV1195" s="119"/>
      <c r="AW1195" s="119"/>
      <c r="AX1195" s="119"/>
      <c r="AY1195" s="119"/>
      <c r="AZ1195" s="119"/>
      <c r="BA1195" s="119"/>
      <c r="BB1195" s="107">
        <v>45884</v>
      </c>
    </row>
    <row r="1196" spans="1:54" s="207" customFormat="1" ht="13.95" customHeight="1" x14ac:dyDescent="0.25">
      <c r="A1196" s="208" t="s">
        <v>2917</v>
      </c>
      <c r="B1196" s="209" t="s">
        <v>20420</v>
      </c>
      <c r="C1196" s="113" t="s">
        <v>2918</v>
      </c>
      <c r="D1196" s="113" t="s">
        <v>23107</v>
      </c>
      <c r="E1196" s="210">
        <v>1992</v>
      </c>
      <c r="F1196" s="210">
        <v>1164</v>
      </c>
      <c r="G1196" s="113" t="s">
        <v>1</v>
      </c>
      <c r="H1196" s="113">
        <v>0</v>
      </c>
      <c r="I1196" s="113">
        <v>0</v>
      </c>
      <c r="J1196" s="115">
        <v>1</v>
      </c>
      <c r="K1196" s="116" t="s">
        <v>174</v>
      </c>
      <c r="L1196" s="115">
        <v>1</v>
      </c>
      <c r="M1196" s="115">
        <v>1</v>
      </c>
      <c r="N1196" s="115">
        <v>0</v>
      </c>
      <c r="O1196" s="115">
        <v>0</v>
      </c>
      <c r="P1196" s="115" t="s">
        <v>400</v>
      </c>
      <c r="Q1196" s="115" t="s">
        <v>400</v>
      </c>
      <c r="R1196" s="115">
        <v>0</v>
      </c>
      <c r="S1196" s="115">
        <v>0</v>
      </c>
      <c r="T1196" s="115">
        <v>0</v>
      </c>
      <c r="U1196" s="119"/>
      <c r="V1196" s="119"/>
      <c r="W1196" s="119"/>
      <c r="X1196" s="119"/>
      <c r="Y1196" s="119"/>
      <c r="Z1196" s="119"/>
      <c r="AA1196" s="119"/>
      <c r="AB1196" s="119"/>
      <c r="AC1196" s="119"/>
      <c r="AD1196" s="119"/>
      <c r="AE1196" s="119"/>
      <c r="AF1196" s="119"/>
      <c r="AG1196" s="119"/>
      <c r="AH1196" s="119"/>
      <c r="AI1196" s="119"/>
      <c r="AJ1196" s="119"/>
      <c r="AK1196" s="119"/>
      <c r="AL1196" s="119"/>
      <c r="AM1196" s="119"/>
      <c r="AN1196" s="119"/>
      <c r="AO1196" s="119"/>
      <c r="AP1196" s="119"/>
      <c r="AQ1196" s="119"/>
      <c r="AR1196" s="119"/>
      <c r="AS1196" s="119"/>
      <c r="AT1196" s="119"/>
      <c r="AU1196" s="119"/>
      <c r="AV1196" s="119"/>
      <c r="AW1196" s="119"/>
      <c r="AX1196" s="119"/>
      <c r="AY1196" s="119"/>
      <c r="AZ1196" s="119"/>
      <c r="BA1196" s="119"/>
      <c r="BB1196" s="107">
        <v>45884</v>
      </c>
    </row>
    <row r="1197" spans="1:54" s="207" customFormat="1" ht="13.95" customHeight="1" x14ac:dyDescent="0.25">
      <c r="A1197" s="208" t="s">
        <v>2919</v>
      </c>
      <c r="B1197" s="209" t="s">
        <v>20420</v>
      </c>
      <c r="C1197" s="113" t="s">
        <v>2920</v>
      </c>
      <c r="D1197" s="113" t="s">
        <v>23108</v>
      </c>
      <c r="E1197" s="210">
        <v>1986</v>
      </c>
      <c r="F1197" s="210">
        <v>1166</v>
      </c>
      <c r="G1197" s="113" t="s">
        <v>1</v>
      </c>
      <c r="H1197" s="113">
        <v>0</v>
      </c>
      <c r="I1197" s="113">
        <v>0</v>
      </c>
      <c r="J1197" s="115">
        <v>1</v>
      </c>
      <c r="K1197" s="116" t="s">
        <v>174</v>
      </c>
      <c r="L1197" s="115">
        <v>1</v>
      </c>
      <c r="M1197" s="115">
        <v>1</v>
      </c>
      <c r="N1197" s="115">
        <v>0</v>
      </c>
      <c r="O1197" s="115">
        <v>0</v>
      </c>
      <c r="P1197" s="115" t="s">
        <v>400</v>
      </c>
      <c r="Q1197" s="115" t="s">
        <v>400</v>
      </c>
      <c r="R1197" s="115">
        <v>1</v>
      </c>
      <c r="S1197" s="115">
        <v>0</v>
      </c>
      <c r="T1197" s="115">
        <v>0</v>
      </c>
      <c r="U1197" s="119"/>
      <c r="V1197" s="119"/>
      <c r="W1197" s="119"/>
      <c r="X1197" s="119"/>
      <c r="Y1197" s="119"/>
      <c r="Z1197" s="119"/>
      <c r="AA1197" s="119"/>
      <c r="AB1197" s="119"/>
      <c r="AC1197" s="119"/>
      <c r="AD1197" s="119"/>
      <c r="AE1197" s="119"/>
      <c r="AF1197" s="119"/>
      <c r="AG1197" s="119"/>
      <c r="AH1197" s="119"/>
      <c r="AI1197" s="119"/>
      <c r="AJ1197" s="119"/>
      <c r="AK1197" s="119"/>
      <c r="AL1197" s="119"/>
      <c r="AM1197" s="119"/>
      <c r="AN1197" s="119"/>
      <c r="AO1197" s="119"/>
      <c r="AP1197" s="119"/>
      <c r="AQ1197" s="119"/>
      <c r="AR1197" s="119"/>
      <c r="AS1197" s="119"/>
      <c r="AT1197" s="119"/>
      <c r="AU1197" s="119"/>
      <c r="AV1197" s="119"/>
      <c r="AW1197" s="119"/>
      <c r="AX1197" s="119"/>
      <c r="AY1197" s="119"/>
      <c r="AZ1197" s="119"/>
      <c r="BA1197" s="119"/>
      <c r="BB1197" s="107">
        <v>45884</v>
      </c>
    </row>
    <row r="1198" spans="1:54" s="207" customFormat="1" ht="13.95" customHeight="1" x14ac:dyDescent="0.25">
      <c r="A1198" s="208" t="s">
        <v>2921</v>
      </c>
      <c r="B1198" s="209" t="s">
        <v>20420</v>
      </c>
      <c r="C1198" s="113" t="s">
        <v>2922</v>
      </c>
      <c r="D1198" s="113" t="s">
        <v>23109</v>
      </c>
      <c r="E1198" s="210">
        <v>1981</v>
      </c>
      <c r="F1198" s="210">
        <v>1166</v>
      </c>
      <c r="G1198" s="113" t="s">
        <v>1</v>
      </c>
      <c r="H1198" s="113">
        <v>0</v>
      </c>
      <c r="I1198" s="113">
        <v>0</v>
      </c>
      <c r="J1198" s="115">
        <v>1</v>
      </c>
      <c r="K1198" s="116" t="s">
        <v>174</v>
      </c>
      <c r="L1198" s="115">
        <v>1</v>
      </c>
      <c r="M1198" s="115">
        <v>0</v>
      </c>
      <c r="N1198" s="115">
        <v>0</v>
      </c>
      <c r="O1198" s="115">
        <v>1</v>
      </c>
      <c r="P1198" s="115">
        <v>1</v>
      </c>
      <c r="Q1198" s="115" t="s">
        <v>400</v>
      </c>
      <c r="R1198" s="115">
        <v>1</v>
      </c>
      <c r="S1198" s="115">
        <v>0</v>
      </c>
      <c r="T1198" s="115">
        <v>0</v>
      </c>
      <c r="U1198" s="119"/>
      <c r="V1198" s="119"/>
      <c r="W1198" s="119"/>
      <c r="X1198" s="119"/>
      <c r="Y1198" s="119"/>
      <c r="Z1198" s="119"/>
      <c r="AA1198" s="119"/>
      <c r="AB1198" s="119"/>
      <c r="AC1198" s="119"/>
      <c r="AD1198" s="119"/>
      <c r="AE1198" s="119"/>
      <c r="AF1198" s="119"/>
      <c r="AG1198" s="119"/>
      <c r="AH1198" s="119"/>
      <c r="AI1198" s="119"/>
      <c r="AJ1198" s="119"/>
      <c r="AK1198" s="119"/>
      <c r="AL1198" s="119"/>
      <c r="AM1198" s="119"/>
      <c r="AN1198" s="119"/>
      <c r="AO1198" s="119"/>
      <c r="AP1198" s="119"/>
      <c r="AQ1198" s="119"/>
      <c r="AR1198" s="119"/>
      <c r="AS1198" s="119"/>
      <c r="AT1198" s="119"/>
      <c r="AU1198" s="119"/>
      <c r="AV1198" s="119"/>
      <c r="AW1198" s="119"/>
      <c r="AX1198" s="119"/>
      <c r="AY1198" s="119"/>
      <c r="AZ1198" s="119"/>
      <c r="BA1198" s="119"/>
      <c r="BB1198" s="107">
        <v>45884</v>
      </c>
    </row>
    <row r="1199" spans="1:54" s="207" customFormat="1" ht="13.95" customHeight="1" x14ac:dyDescent="0.25">
      <c r="A1199" s="208" t="s">
        <v>2923</v>
      </c>
      <c r="B1199" s="209" t="s">
        <v>20420</v>
      </c>
      <c r="C1199" s="113" t="s">
        <v>2924</v>
      </c>
      <c r="D1199" s="113" t="s">
        <v>2925</v>
      </c>
      <c r="E1199" s="210">
        <v>1994</v>
      </c>
      <c r="F1199" s="210">
        <v>1169</v>
      </c>
      <c r="G1199" s="113" t="s">
        <v>1</v>
      </c>
      <c r="H1199" s="113">
        <v>0</v>
      </c>
      <c r="I1199" s="113">
        <v>0</v>
      </c>
      <c r="J1199" s="115">
        <v>1</v>
      </c>
      <c r="K1199" s="116" t="s">
        <v>174</v>
      </c>
      <c r="L1199" s="115">
        <v>0</v>
      </c>
      <c r="M1199" s="115">
        <v>1</v>
      </c>
      <c r="N1199" s="115">
        <v>0</v>
      </c>
      <c r="O1199" s="115">
        <v>1</v>
      </c>
      <c r="P1199" s="115" t="s">
        <v>400</v>
      </c>
      <c r="Q1199" s="115" t="s">
        <v>400</v>
      </c>
      <c r="R1199" s="115">
        <v>1</v>
      </c>
      <c r="S1199" s="115">
        <v>0</v>
      </c>
      <c r="T1199" s="115">
        <v>0</v>
      </c>
      <c r="U1199" s="119"/>
      <c r="V1199" s="119"/>
      <c r="W1199" s="119"/>
      <c r="X1199" s="119"/>
      <c r="Y1199" s="119"/>
      <c r="Z1199" s="119"/>
      <c r="AA1199" s="119"/>
      <c r="AB1199" s="119"/>
      <c r="AC1199" s="119"/>
      <c r="AD1199" s="119"/>
      <c r="AE1199" s="119"/>
      <c r="AF1199" s="119"/>
      <c r="AG1199" s="119"/>
      <c r="AH1199" s="119"/>
      <c r="AI1199" s="119"/>
      <c r="AJ1199" s="119"/>
      <c r="AK1199" s="119"/>
      <c r="AL1199" s="119"/>
      <c r="AM1199" s="119"/>
      <c r="AN1199" s="119"/>
      <c r="AO1199" s="119"/>
      <c r="AP1199" s="119"/>
      <c r="AQ1199" s="119"/>
      <c r="AR1199" s="119"/>
      <c r="AS1199" s="119"/>
      <c r="AT1199" s="119"/>
      <c r="AU1199" s="119"/>
      <c r="AV1199" s="119"/>
      <c r="AW1199" s="119"/>
      <c r="AX1199" s="119"/>
      <c r="AY1199" s="119"/>
      <c r="AZ1199" s="119"/>
      <c r="BA1199" s="119"/>
      <c r="BB1199" s="107">
        <v>45884</v>
      </c>
    </row>
    <row r="1200" spans="1:54" s="207" customFormat="1" ht="13.95" customHeight="1" x14ac:dyDescent="0.25">
      <c r="A1200" s="208" t="s">
        <v>2926</v>
      </c>
      <c r="B1200" s="209" t="s">
        <v>20420</v>
      </c>
      <c r="C1200" s="113" t="s">
        <v>2927</v>
      </c>
      <c r="D1200" s="113" t="s">
        <v>2928</v>
      </c>
      <c r="E1200" s="210">
        <v>1988</v>
      </c>
      <c r="F1200" s="210">
        <v>1170</v>
      </c>
      <c r="G1200" s="113" t="s">
        <v>1</v>
      </c>
      <c r="H1200" s="113">
        <v>0</v>
      </c>
      <c r="I1200" s="113">
        <v>0</v>
      </c>
      <c r="J1200" s="115">
        <v>1</v>
      </c>
      <c r="K1200" s="116" t="s">
        <v>174</v>
      </c>
      <c r="L1200" s="120">
        <v>0</v>
      </c>
      <c r="M1200" s="115">
        <v>1</v>
      </c>
      <c r="N1200" s="120">
        <v>1</v>
      </c>
      <c r="O1200" s="115">
        <v>0</v>
      </c>
      <c r="P1200" s="115" t="s">
        <v>400</v>
      </c>
      <c r="Q1200" s="115" t="s">
        <v>400</v>
      </c>
      <c r="R1200" s="115">
        <v>0</v>
      </c>
      <c r="S1200" s="115">
        <v>0</v>
      </c>
      <c r="T1200" s="115">
        <v>0</v>
      </c>
      <c r="U1200" s="119"/>
      <c r="V1200" s="119"/>
      <c r="W1200" s="119"/>
      <c r="X1200" s="119"/>
      <c r="Y1200" s="119"/>
      <c r="Z1200" s="119"/>
      <c r="AA1200" s="119"/>
      <c r="AB1200" s="119"/>
      <c r="AC1200" s="119"/>
      <c r="AD1200" s="119"/>
      <c r="AE1200" s="119"/>
      <c r="AF1200" s="119"/>
      <c r="AG1200" s="119"/>
      <c r="AH1200" s="119"/>
      <c r="AI1200" s="119"/>
      <c r="AJ1200" s="119"/>
      <c r="AK1200" s="119"/>
      <c r="AL1200" s="119"/>
      <c r="AM1200" s="119"/>
      <c r="AN1200" s="119"/>
      <c r="AO1200" s="119"/>
      <c r="AP1200" s="119"/>
      <c r="AQ1200" s="119"/>
      <c r="AR1200" s="119"/>
      <c r="AS1200" s="119"/>
      <c r="AT1200" s="119"/>
      <c r="AU1200" s="119"/>
      <c r="AV1200" s="119"/>
      <c r="AW1200" s="119"/>
      <c r="AX1200" s="119"/>
      <c r="AY1200" s="119"/>
      <c r="AZ1200" s="119"/>
      <c r="BA1200" s="119"/>
      <c r="BB1200" s="107">
        <v>45884</v>
      </c>
    </row>
    <row r="1201" spans="1:54" s="207" customFormat="1" ht="13.95" customHeight="1" x14ac:dyDescent="0.25">
      <c r="A1201" s="208" t="s">
        <v>2929</v>
      </c>
      <c r="B1201" s="209" t="s">
        <v>20420</v>
      </c>
      <c r="C1201" s="113" t="s">
        <v>2930</v>
      </c>
      <c r="D1201" s="113" t="s">
        <v>23110</v>
      </c>
      <c r="E1201" s="210">
        <v>1977</v>
      </c>
      <c r="F1201" s="210">
        <v>1170</v>
      </c>
      <c r="G1201" s="113" t="s">
        <v>1</v>
      </c>
      <c r="H1201" s="113">
        <v>0</v>
      </c>
      <c r="I1201" s="113">
        <v>0</v>
      </c>
      <c r="J1201" s="115">
        <v>1</v>
      </c>
      <c r="K1201" s="116" t="s">
        <v>174</v>
      </c>
      <c r="L1201" s="115">
        <v>1</v>
      </c>
      <c r="M1201" s="115">
        <v>1</v>
      </c>
      <c r="N1201" s="115">
        <v>0</v>
      </c>
      <c r="O1201" s="115">
        <v>1</v>
      </c>
      <c r="P1201" s="115" t="s">
        <v>400</v>
      </c>
      <c r="Q1201" s="115" t="s">
        <v>400</v>
      </c>
      <c r="R1201" s="115">
        <v>1</v>
      </c>
      <c r="S1201" s="115">
        <v>0</v>
      </c>
      <c r="T1201" s="115">
        <v>0</v>
      </c>
      <c r="U1201" s="119"/>
      <c r="V1201" s="119"/>
      <c r="W1201" s="119"/>
      <c r="X1201" s="119"/>
      <c r="Y1201" s="119"/>
      <c r="Z1201" s="119"/>
      <c r="AA1201" s="119"/>
      <c r="AB1201" s="119"/>
      <c r="AC1201" s="119"/>
      <c r="AD1201" s="119"/>
      <c r="AE1201" s="119"/>
      <c r="AF1201" s="119"/>
      <c r="AG1201" s="119"/>
      <c r="AH1201" s="119"/>
      <c r="AI1201" s="119"/>
      <c r="AJ1201" s="119"/>
      <c r="AK1201" s="119"/>
      <c r="AL1201" s="119"/>
      <c r="AM1201" s="119"/>
      <c r="AN1201" s="119"/>
      <c r="AO1201" s="119"/>
      <c r="AP1201" s="119"/>
      <c r="AQ1201" s="119"/>
      <c r="AR1201" s="119"/>
      <c r="AS1201" s="119"/>
      <c r="AT1201" s="119"/>
      <c r="AU1201" s="119"/>
      <c r="AV1201" s="119"/>
      <c r="AW1201" s="119"/>
      <c r="AX1201" s="119"/>
      <c r="AY1201" s="119"/>
      <c r="AZ1201" s="119"/>
      <c r="BA1201" s="119"/>
      <c r="BB1201" s="107">
        <v>45884</v>
      </c>
    </row>
    <row r="1202" spans="1:54" s="207" customFormat="1" ht="13.95" customHeight="1" x14ac:dyDescent="0.25">
      <c r="A1202" s="208" t="s">
        <v>2931</v>
      </c>
      <c r="B1202" s="209" t="s">
        <v>20420</v>
      </c>
      <c r="C1202" s="113" t="s">
        <v>2932</v>
      </c>
      <c r="D1202" s="113" t="s">
        <v>2933</v>
      </c>
      <c r="E1202" s="210">
        <v>1992</v>
      </c>
      <c r="F1202" s="210">
        <v>1170</v>
      </c>
      <c r="G1202" s="113" t="s">
        <v>1</v>
      </c>
      <c r="H1202" s="113">
        <v>0</v>
      </c>
      <c r="I1202" s="113">
        <v>0</v>
      </c>
      <c r="J1202" s="115">
        <v>1</v>
      </c>
      <c r="K1202" s="116" t="s">
        <v>174</v>
      </c>
      <c r="L1202" s="115">
        <v>1</v>
      </c>
      <c r="M1202" s="115">
        <v>1</v>
      </c>
      <c r="N1202" s="115">
        <v>0</v>
      </c>
      <c r="O1202" s="115">
        <v>0</v>
      </c>
      <c r="P1202" s="115" t="s">
        <v>400</v>
      </c>
      <c r="Q1202" s="115" t="s">
        <v>400</v>
      </c>
      <c r="R1202" s="115">
        <v>0</v>
      </c>
      <c r="S1202" s="115">
        <v>0</v>
      </c>
      <c r="T1202" s="115">
        <v>0</v>
      </c>
      <c r="U1202" s="119"/>
      <c r="V1202" s="119"/>
      <c r="W1202" s="119"/>
      <c r="X1202" s="119"/>
      <c r="Y1202" s="119"/>
      <c r="Z1202" s="119"/>
      <c r="AA1202" s="119"/>
      <c r="AB1202" s="119"/>
      <c r="AC1202" s="119"/>
      <c r="AD1202" s="119"/>
      <c r="AE1202" s="119"/>
      <c r="AF1202" s="119"/>
      <c r="AG1202" s="119"/>
      <c r="AH1202" s="119"/>
      <c r="AI1202" s="119"/>
      <c r="AJ1202" s="119"/>
      <c r="AK1202" s="119"/>
      <c r="AL1202" s="119"/>
      <c r="AM1202" s="119"/>
      <c r="AN1202" s="119"/>
      <c r="AO1202" s="119"/>
      <c r="AP1202" s="119"/>
      <c r="AQ1202" s="119"/>
      <c r="AR1202" s="119"/>
      <c r="AS1202" s="119"/>
      <c r="AT1202" s="119"/>
      <c r="AU1202" s="119"/>
      <c r="AV1202" s="119"/>
      <c r="AW1202" s="119"/>
      <c r="AX1202" s="119"/>
      <c r="AY1202" s="119"/>
      <c r="AZ1202" s="119"/>
      <c r="BA1202" s="119"/>
      <c r="BB1202" s="107">
        <v>45884</v>
      </c>
    </row>
    <row r="1203" spans="1:54" s="207" customFormat="1" ht="13.95" customHeight="1" x14ac:dyDescent="0.25">
      <c r="A1203" s="208" t="s">
        <v>2934</v>
      </c>
      <c r="B1203" s="209" t="s">
        <v>20420</v>
      </c>
      <c r="C1203" s="113" t="s">
        <v>2935</v>
      </c>
      <c r="D1203" s="113" t="s">
        <v>23111</v>
      </c>
      <c r="E1203" s="210">
        <v>1963</v>
      </c>
      <c r="F1203" s="210">
        <v>1170</v>
      </c>
      <c r="G1203" s="113" t="s">
        <v>1</v>
      </c>
      <c r="H1203" s="113">
        <v>0</v>
      </c>
      <c r="I1203" s="113">
        <v>0</v>
      </c>
      <c r="J1203" s="115">
        <v>1</v>
      </c>
      <c r="K1203" s="116" t="s">
        <v>174</v>
      </c>
      <c r="L1203" s="115">
        <v>1</v>
      </c>
      <c r="M1203" s="115">
        <v>0</v>
      </c>
      <c r="N1203" s="115">
        <v>0</v>
      </c>
      <c r="O1203" s="115">
        <v>0</v>
      </c>
      <c r="P1203" s="115" t="s">
        <v>400</v>
      </c>
      <c r="Q1203" s="115" t="s">
        <v>400</v>
      </c>
      <c r="R1203" s="115">
        <v>0</v>
      </c>
      <c r="S1203" s="115">
        <v>0</v>
      </c>
      <c r="T1203" s="115">
        <v>0</v>
      </c>
      <c r="U1203" s="119"/>
      <c r="V1203" s="119"/>
      <c r="W1203" s="119"/>
      <c r="X1203" s="119"/>
      <c r="Y1203" s="119"/>
      <c r="Z1203" s="119"/>
      <c r="AA1203" s="119"/>
      <c r="AB1203" s="119"/>
      <c r="AC1203" s="119"/>
      <c r="AD1203" s="119"/>
      <c r="AE1203" s="119"/>
      <c r="AF1203" s="119"/>
      <c r="AG1203" s="119"/>
      <c r="AH1203" s="119"/>
      <c r="AI1203" s="119"/>
      <c r="AJ1203" s="119"/>
      <c r="AK1203" s="119"/>
      <c r="AL1203" s="119"/>
      <c r="AM1203" s="119"/>
      <c r="AN1203" s="119"/>
      <c r="AO1203" s="119"/>
      <c r="AP1203" s="119"/>
      <c r="AQ1203" s="119"/>
      <c r="AR1203" s="119"/>
      <c r="AS1203" s="119"/>
      <c r="AT1203" s="119"/>
      <c r="AU1203" s="119"/>
      <c r="AV1203" s="119"/>
      <c r="AW1203" s="119"/>
      <c r="AX1203" s="119"/>
      <c r="AY1203" s="119"/>
      <c r="AZ1203" s="119"/>
      <c r="BA1203" s="119"/>
      <c r="BB1203" s="107">
        <v>45884</v>
      </c>
    </row>
    <row r="1204" spans="1:54" s="207" customFormat="1" ht="13.95" customHeight="1" x14ac:dyDescent="0.25">
      <c r="A1204" s="208" t="s">
        <v>2936</v>
      </c>
      <c r="B1204" s="209" t="s">
        <v>20420</v>
      </c>
      <c r="C1204" s="113" t="s">
        <v>2937</v>
      </c>
      <c r="D1204" s="113" t="s">
        <v>2938</v>
      </c>
      <c r="E1204" s="210">
        <v>1997</v>
      </c>
      <c r="F1204" s="210">
        <v>1171</v>
      </c>
      <c r="G1204" s="113" t="s">
        <v>1</v>
      </c>
      <c r="H1204" s="113">
        <v>0</v>
      </c>
      <c r="I1204" s="113">
        <v>0</v>
      </c>
      <c r="J1204" s="115">
        <v>1</v>
      </c>
      <c r="K1204" s="116" t="s">
        <v>174</v>
      </c>
      <c r="L1204" s="115">
        <v>1</v>
      </c>
      <c r="M1204" s="115">
        <v>0</v>
      </c>
      <c r="N1204" s="115">
        <v>0</v>
      </c>
      <c r="O1204" s="115">
        <v>1</v>
      </c>
      <c r="P1204" s="115">
        <v>1</v>
      </c>
      <c r="Q1204" s="115" t="s">
        <v>400</v>
      </c>
      <c r="R1204" s="115">
        <v>0</v>
      </c>
      <c r="S1204" s="115">
        <v>0</v>
      </c>
      <c r="T1204" s="115">
        <v>0</v>
      </c>
      <c r="U1204" s="119"/>
      <c r="V1204" s="119"/>
      <c r="W1204" s="119"/>
      <c r="X1204" s="119"/>
      <c r="Y1204" s="119"/>
      <c r="Z1204" s="119"/>
      <c r="AA1204" s="119"/>
      <c r="AB1204" s="119"/>
      <c r="AC1204" s="119"/>
      <c r="AD1204" s="119"/>
      <c r="AE1204" s="119"/>
      <c r="AF1204" s="119"/>
      <c r="AG1204" s="119"/>
      <c r="AH1204" s="119"/>
      <c r="AI1204" s="119"/>
      <c r="AJ1204" s="119"/>
      <c r="AK1204" s="119"/>
      <c r="AL1204" s="119"/>
      <c r="AM1204" s="119"/>
      <c r="AN1204" s="119"/>
      <c r="AO1204" s="119"/>
      <c r="AP1204" s="119"/>
      <c r="AQ1204" s="119"/>
      <c r="AR1204" s="119"/>
      <c r="AS1204" s="119"/>
      <c r="AT1204" s="119"/>
      <c r="AU1204" s="119"/>
      <c r="AV1204" s="119"/>
      <c r="AW1204" s="119"/>
      <c r="AX1204" s="119"/>
      <c r="AY1204" s="119"/>
      <c r="AZ1204" s="119"/>
      <c r="BA1204" s="119"/>
      <c r="BB1204" s="107">
        <v>45884</v>
      </c>
    </row>
    <row r="1205" spans="1:54" s="207" customFormat="1" ht="13.95" customHeight="1" x14ac:dyDescent="0.25">
      <c r="A1205" s="208" t="s">
        <v>2939</v>
      </c>
      <c r="B1205" s="209" t="s">
        <v>20420</v>
      </c>
      <c r="C1205" s="113" t="s">
        <v>2940</v>
      </c>
      <c r="D1205" s="113" t="s">
        <v>2941</v>
      </c>
      <c r="E1205" s="210">
        <v>1990</v>
      </c>
      <c r="F1205" s="210">
        <v>1171</v>
      </c>
      <c r="G1205" s="113" t="s">
        <v>1</v>
      </c>
      <c r="H1205" s="113">
        <v>0</v>
      </c>
      <c r="I1205" s="113">
        <v>0</v>
      </c>
      <c r="J1205" s="115">
        <v>1</v>
      </c>
      <c r="K1205" s="116" t="s">
        <v>174</v>
      </c>
      <c r="L1205" s="115">
        <v>1</v>
      </c>
      <c r="M1205" s="115">
        <v>0</v>
      </c>
      <c r="N1205" s="115">
        <v>0</v>
      </c>
      <c r="O1205" s="115">
        <v>1</v>
      </c>
      <c r="P1205" s="115">
        <v>1</v>
      </c>
      <c r="Q1205" s="115">
        <v>1</v>
      </c>
      <c r="R1205" s="115">
        <v>0</v>
      </c>
      <c r="S1205" s="115">
        <v>0</v>
      </c>
      <c r="T1205" s="115">
        <v>0</v>
      </c>
      <c r="U1205" s="119"/>
      <c r="V1205" s="119"/>
      <c r="W1205" s="119"/>
      <c r="X1205" s="119"/>
      <c r="Y1205" s="119"/>
      <c r="Z1205" s="119"/>
      <c r="AA1205" s="119"/>
      <c r="AB1205" s="119"/>
      <c r="AC1205" s="119"/>
      <c r="AD1205" s="119"/>
      <c r="AE1205" s="119"/>
      <c r="AF1205" s="119"/>
      <c r="AG1205" s="119"/>
      <c r="AH1205" s="119"/>
      <c r="AI1205" s="119"/>
      <c r="AJ1205" s="119"/>
      <c r="AK1205" s="119"/>
      <c r="AL1205" s="119"/>
      <c r="AM1205" s="119"/>
      <c r="AN1205" s="119"/>
      <c r="AO1205" s="119"/>
      <c r="AP1205" s="119"/>
      <c r="AQ1205" s="119"/>
      <c r="AR1205" s="119"/>
      <c r="AS1205" s="119"/>
      <c r="AT1205" s="119"/>
      <c r="AU1205" s="119"/>
      <c r="AV1205" s="119"/>
      <c r="AW1205" s="119"/>
      <c r="AX1205" s="119"/>
      <c r="AY1205" s="119"/>
      <c r="AZ1205" s="119"/>
      <c r="BA1205" s="119"/>
      <c r="BB1205" s="107">
        <v>45884</v>
      </c>
    </row>
    <row r="1206" spans="1:54" s="207" customFormat="1" ht="13.95" customHeight="1" x14ac:dyDescent="0.25">
      <c r="A1206" s="208" t="s">
        <v>2942</v>
      </c>
      <c r="B1206" s="209" t="s">
        <v>20420</v>
      </c>
      <c r="C1206" s="113" t="s">
        <v>2943</v>
      </c>
      <c r="D1206" s="113" t="s">
        <v>2944</v>
      </c>
      <c r="E1206" s="210">
        <v>2012</v>
      </c>
      <c r="F1206" s="210">
        <v>2056</v>
      </c>
      <c r="G1206" s="113" t="s">
        <v>1</v>
      </c>
      <c r="H1206" s="113">
        <v>0</v>
      </c>
      <c r="I1206" s="113">
        <v>0</v>
      </c>
      <c r="J1206" s="115">
        <v>1</v>
      </c>
      <c r="K1206" s="211">
        <v>1</v>
      </c>
      <c r="L1206" s="115">
        <v>1</v>
      </c>
      <c r="M1206" s="115">
        <v>0</v>
      </c>
      <c r="N1206" s="115">
        <v>1</v>
      </c>
      <c r="O1206" s="115">
        <v>1</v>
      </c>
      <c r="P1206" s="115">
        <v>1</v>
      </c>
      <c r="Q1206" s="115" t="s">
        <v>400</v>
      </c>
      <c r="R1206" s="115">
        <v>1</v>
      </c>
      <c r="S1206" s="115">
        <v>0</v>
      </c>
      <c r="T1206" s="115">
        <v>0</v>
      </c>
      <c r="U1206" s="119"/>
      <c r="V1206" s="119"/>
      <c r="W1206" s="119"/>
      <c r="X1206" s="119"/>
      <c r="Y1206" s="119"/>
      <c r="Z1206" s="119"/>
      <c r="AA1206" s="119"/>
      <c r="AB1206" s="119"/>
      <c r="AC1206" s="119"/>
      <c r="AD1206" s="119"/>
      <c r="AE1206" s="119"/>
      <c r="AF1206" s="119"/>
      <c r="AG1206" s="119"/>
      <c r="AH1206" s="119"/>
      <c r="AI1206" s="119"/>
      <c r="AJ1206" s="119"/>
      <c r="AK1206" s="119"/>
      <c r="AL1206" s="119"/>
      <c r="AM1206" s="119"/>
      <c r="AN1206" s="119"/>
      <c r="AO1206" s="119"/>
      <c r="AP1206" s="119"/>
      <c r="AQ1206" s="119"/>
      <c r="AR1206" s="119"/>
      <c r="AS1206" s="119"/>
      <c r="AT1206" s="119"/>
      <c r="AU1206" s="119"/>
      <c r="AV1206" s="119"/>
      <c r="AW1206" s="119"/>
      <c r="AX1206" s="119"/>
      <c r="AY1206" s="119"/>
      <c r="AZ1206" s="119"/>
      <c r="BA1206" s="119"/>
      <c r="BB1206" s="107">
        <v>45884</v>
      </c>
    </row>
    <row r="1207" spans="1:54" s="207" customFormat="1" ht="13.95" customHeight="1" x14ac:dyDescent="0.25">
      <c r="A1207" s="208" t="s">
        <v>2945</v>
      </c>
      <c r="B1207" s="209" t="s">
        <v>20420</v>
      </c>
      <c r="C1207" s="113" t="s">
        <v>2946</v>
      </c>
      <c r="D1207" s="113" t="s">
        <v>23112</v>
      </c>
      <c r="E1207" s="210">
        <v>1996</v>
      </c>
      <c r="F1207" s="210">
        <v>1176</v>
      </c>
      <c r="G1207" s="113" t="s">
        <v>1</v>
      </c>
      <c r="H1207" s="113">
        <v>0</v>
      </c>
      <c r="I1207" s="113">
        <v>0</v>
      </c>
      <c r="J1207" s="115">
        <v>1</v>
      </c>
      <c r="K1207" s="116" t="s">
        <v>174</v>
      </c>
      <c r="L1207" s="115">
        <v>1</v>
      </c>
      <c r="M1207" s="115">
        <v>1</v>
      </c>
      <c r="N1207" s="115">
        <v>0</v>
      </c>
      <c r="O1207" s="115">
        <v>0</v>
      </c>
      <c r="P1207" s="115" t="s">
        <v>400</v>
      </c>
      <c r="Q1207" s="115" t="s">
        <v>400</v>
      </c>
      <c r="R1207" s="115">
        <v>0</v>
      </c>
      <c r="S1207" s="115">
        <v>0</v>
      </c>
      <c r="T1207" s="115">
        <v>0</v>
      </c>
      <c r="U1207" s="119"/>
      <c r="V1207" s="119"/>
      <c r="W1207" s="119"/>
      <c r="X1207" s="119"/>
      <c r="Y1207" s="119"/>
      <c r="Z1207" s="119"/>
      <c r="AA1207" s="119"/>
      <c r="AB1207" s="119"/>
      <c r="AC1207" s="119"/>
      <c r="AD1207" s="119"/>
      <c r="AE1207" s="119"/>
      <c r="AF1207" s="119"/>
      <c r="AG1207" s="119"/>
      <c r="AH1207" s="119"/>
      <c r="AI1207" s="119"/>
      <c r="AJ1207" s="119"/>
      <c r="AK1207" s="119"/>
      <c r="AL1207" s="119"/>
      <c r="AM1207" s="119"/>
      <c r="AN1207" s="119"/>
      <c r="AO1207" s="119"/>
      <c r="AP1207" s="119"/>
      <c r="AQ1207" s="119"/>
      <c r="AR1207" s="119"/>
      <c r="AS1207" s="119"/>
      <c r="AT1207" s="119"/>
      <c r="AU1207" s="119"/>
      <c r="AV1207" s="119"/>
      <c r="AW1207" s="119"/>
      <c r="AX1207" s="119"/>
      <c r="AY1207" s="119"/>
      <c r="AZ1207" s="119"/>
      <c r="BA1207" s="119"/>
      <c r="BB1207" s="107">
        <v>45884</v>
      </c>
    </row>
    <row r="1208" spans="1:54" s="207" customFormat="1" ht="13.95" customHeight="1" x14ac:dyDescent="0.25">
      <c r="A1208" s="208" t="s">
        <v>2947</v>
      </c>
      <c r="B1208" s="209" t="s">
        <v>20420</v>
      </c>
      <c r="C1208" s="113" t="s">
        <v>2948</v>
      </c>
      <c r="D1208" s="113" t="s">
        <v>2949</v>
      </c>
      <c r="E1208" s="210">
        <v>1991</v>
      </c>
      <c r="F1208" s="210">
        <v>1180</v>
      </c>
      <c r="G1208" s="113" t="s">
        <v>1</v>
      </c>
      <c r="H1208" s="113">
        <v>0</v>
      </c>
      <c r="I1208" s="113">
        <v>0</v>
      </c>
      <c r="J1208" s="115">
        <v>1</v>
      </c>
      <c r="K1208" s="116" t="s">
        <v>174</v>
      </c>
      <c r="L1208" s="115">
        <v>1</v>
      </c>
      <c r="M1208" s="115">
        <v>1</v>
      </c>
      <c r="N1208" s="115">
        <v>0</v>
      </c>
      <c r="O1208" s="115">
        <v>0</v>
      </c>
      <c r="P1208" s="115" t="s">
        <v>400</v>
      </c>
      <c r="Q1208" s="115" t="s">
        <v>400</v>
      </c>
      <c r="R1208" s="115">
        <v>1</v>
      </c>
      <c r="S1208" s="115">
        <v>0</v>
      </c>
      <c r="T1208" s="115">
        <v>0</v>
      </c>
      <c r="U1208" s="119"/>
      <c r="V1208" s="119"/>
      <c r="W1208" s="119"/>
      <c r="X1208" s="119"/>
      <c r="Y1208" s="119"/>
      <c r="Z1208" s="119"/>
      <c r="AA1208" s="119"/>
      <c r="AB1208" s="119"/>
      <c r="AC1208" s="119"/>
      <c r="AD1208" s="119"/>
      <c r="AE1208" s="119"/>
      <c r="AF1208" s="119"/>
      <c r="AG1208" s="119"/>
      <c r="AH1208" s="119"/>
      <c r="AI1208" s="119"/>
      <c r="AJ1208" s="119"/>
      <c r="AK1208" s="119"/>
      <c r="AL1208" s="119"/>
      <c r="AM1208" s="119"/>
      <c r="AN1208" s="119"/>
      <c r="AO1208" s="119"/>
      <c r="AP1208" s="119"/>
      <c r="AQ1208" s="119"/>
      <c r="AR1208" s="119"/>
      <c r="AS1208" s="119"/>
      <c r="AT1208" s="119"/>
      <c r="AU1208" s="119"/>
      <c r="AV1208" s="119"/>
      <c r="AW1208" s="119"/>
      <c r="AX1208" s="119"/>
      <c r="AY1208" s="119"/>
      <c r="AZ1208" s="119"/>
      <c r="BA1208" s="119"/>
      <c r="BB1208" s="107">
        <v>45884</v>
      </c>
    </row>
    <row r="1209" spans="1:54" s="207" customFormat="1" ht="13.95" customHeight="1" x14ac:dyDescent="0.25">
      <c r="A1209" s="208" t="s">
        <v>2950</v>
      </c>
      <c r="B1209" s="209" t="s">
        <v>20420</v>
      </c>
      <c r="C1209" s="113" t="s">
        <v>2951</v>
      </c>
      <c r="D1209" s="113" t="s">
        <v>2952</v>
      </c>
      <c r="E1209" s="210">
        <v>1992</v>
      </c>
      <c r="F1209" s="210">
        <v>1184</v>
      </c>
      <c r="G1209" s="113" t="s">
        <v>1</v>
      </c>
      <c r="H1209" s="113">
        <v>1</v>
      </c>
      <c r="I1209" s="113">
        <v>1</v>
      </c>
      <c r="J1209" s="115">
        <v>1</v>
      </c>
      <c r="K1209" s="116" t="s">
        <v>174</v>
      </c>
      <c r="L1209" s="115">
        <v>1</v>
      </c>
      <c r="M1209" s="115">
        <v>1</v>
      </c>
      <c r="N1209" s="115">
        <v>1</v>
      </c>
      <c r="O1209" s="115">
        <v>0</v>
      </c>
      <c r="P1209" s="115" t="s">
        <v>400</v>
      </c>
      <c r="Q1209" s="115" t="s">
        <v>400</v>
      </c>
      <c r="R1209" s="115">
        <v>1</v>
      </c>
      <c r="S1209" s="115">
        <v>0</v>
      </c>
      <c r="T1209" s="115">
        <v>0</v>
      </c>
      <c r="U1209" s="119"/>
      <c r="V1209" s="119"/>
      <c r="W1209" s="119"/>
      <c r="X1209" s="119"/>
      <c r="Y1209" s="119"/>
      <c r="Z1209" s="119"/>
      <c r="AA1209" s="119"/>
      <c r="AB1209" s="119"/>
      <c r="AC1209" s="119"/>
      <c r="AD1209" s="119"/>
      <c r="AE1209" s="119"/>
      <c r="AF1209" s="119"/>
      <c r="AG1209" s="119"/>
      <c r="AH1209" s="119"/>
      <c r="AI1209" s="119"/>
      <c r="AJ1209" s="119"/>
      <c r="AK1209" s="119"/>
      <c r="AL1209" s="119"/>
      <c r="AM1209" s="119"/>
      <c r="AN1209" s="119"/>
      <c r="AO1209" s="119"/>
      <c r="AP1209" s="119"/>
      <c r="AQ1209" s="119"/>
      <c r="AR1209" s="119"/>
      <c r="AS1209" s="119"/>
      <c r="AT1209" s="119"/>
      <c r="AU1209" s="119"/>
      <c r="AV1209" s="119"/>
      <c r="AW1209" s="119"/>
      <c r="AX1209" s="119"/>
      <c r="AY1209" s="119"/>
      <c r="AZ1209" s="119"/>
      <c r="BA1209" s="119"/>
      <c r="BB1209" s="107">
        <v>45884</v>
      </c>
    </row>
    <row r="1210" spans="1:54" s="207" customFormat="1" ht="13.95" customHeight="1" x14ac:dyDescent="0.25">
      <c r="A1210" s="208" t="s">
        <v>2953</v>
      </c>
      <c r="B1210" s="209" t="s">
        <v>20420</v>
      </c>
      <c r="C1210" s="113" t="s">
        <v>2954</v>
      </c>
      <c r="D1210" s="113" t="s">
        <v>23113</v>
      </c>
      <c r="E1210" s="210">
        <v>1987</v>
      </c>
      <c r="F1210" s="210">
        <v>1184</v>
      </c>
      <c r="G1210" s="113" t="s">
        <v>1</v>
      </c>
      <c r="H1210" s="113">
        <v>0</v>
      </c>
      <c r="I1210" s="113">
        <v>0</v>
      </c>
      <c r="J1210" s="115">
        <v>1</v>
      </c>
      <c r="K1210" s="116" t="s">
        <v>174</v>
      </c>
      <c r="L1210" s="115">
        <v>1</v>
      </c>
      <c r="M1210" s="115">
        <v>1</v>
      </c>
      <c r="N1210" s="115">
        <v>0</v>
      </c>
      <c r="O1210" s="115">
        <v>1</v>
      </c>
      <c r="P1210" s="115" t="s">
        <v>400</v>
      </c>
      <c r="Q1210" s="115" t="s">
        <v>400</v>
      </c>
      <c r="R1210" s="115">
        <v>1</v>
      </c>
      <c r="S1210" s="115">
        <v>0</v>
      </c>
      <c r="T1210" s="115">
        <v>0</v>
      </c>
      <c r="U1210" s="119"/>
      <c r="V1210" s="119"/>
      <c r="W1210" s="119"/>
      <c r="X1210" s="119"/>
      <c r="Y1210" s="119"/>
      <c r="Z1210" s="119"/>
      <c r="AA1210" s="119"/>
      <c r="AB1210" s="119"/>
      <c r="AC1210" s="119"/>
      <c r="AD1210" s="119"/>
      <c r="AE1210" s="119"/>
      <c r="AF1210" s="119"/>
      <c r="AG1210" s="119"/>
      <c r="AH1210" s="119"/>
      <c r="AI1210" s="119"/>
      <c r="AJ1210" s="119"/>
      <c r="AK1210" s="119"/>
      <c r="AL1210" s="119"/>
      <c r="AM1210" s="119"/>
      <c r="AN1210" s="119"/>
      <c r="AO1210" s="119"/>
      <c r="AP1210" s="119"/>
      <c r="AQ1210" s="119"/>
      <c r="AR1210" s="119"/>
      <c r="AS1210" s="119"/>
      <c r="AT1210" s="119"/>
      <c r="AU1210" s="119"/>
      <c r="AV1210" s="119"/>
      <c r="AW1210" s="119"/>
      <c r="AX1210" s="119"/>
      <c r="AY1210" s="119"/>
      <c r="AZ1210" s="119"/>
      <c r="BA1210" s="119"/>
      <c r="BB1210" s="107">
        <v>45884</v>
      </c>
    </row>
    <row r="1211" spans="1:54" s="207" customFormat="1" ht="13.95" customHeight="1" x14ac:dyDescent="0.25">
      <c r="A1211" s="208" t="s">
        <v>2955</v>
      </c>
      <c r="B1211" s="209" t="s">
        <v>20420</v>
      </c>
      <c r="C1211" s="113" t="s">
        <v>2956</v>
      </c>
      <c r="D1211" s="113" t="s">
        <v>2957</v>
      </c>
      <c r="E1211" s="210">
        <v>1981</v>
      </c>
      <c r="F1211" s="210">
        <v>1184</v>
      </c>
      <c r="G1211" s="113" t="s">
        <v>1</v>
      </c>
      <c r="H1211" s="113">
        <v>0</v>
      </c>
      <c r="I1211" s="113">
        <v>0</v>
      </c>
      <c r="J1211" s="115">
        <v>1</v>
      </c>
      <c r="K1211" s="116" t="s">
        <v>174</v>
      </c>
      <c r="L1211" s="115">
        <v>1</v>
      </c>
      <c r="M1211" s="115">
        <v>1</v>
      </c>
      <c r="N1211" s="115">
        <v>0</v>
      </c>
      <c r="O1211" s="115">
        <v>1</v>
      </c>
      <c r="P1211" s="115" t="s">
        <v>400</v>
      </c>
      <c r="Q1211" s="115" t="s">
        <v>400</v>
      </c>
      <c r="R1211" s="115">
        <v>1</v>
      </c>
      <c r="S1211" s="115">
        <v>0</v>
      </c>
      <c r="T1211" s="115">
        <v>0</v>
      </c>
      <c r="U1211" s="119"/>
      <c r="V1211" s="119"/>
      <c r="W1211" s="119"/>
      <c r="X1211" s="119"/>
      <c r="Y1211" s="119"/>
      <c r="Z1211" s="119"/>
      <c r="AA1211" s="119"/>
      <c r="AB1211" s="119"/>
      <c r="AC1211" s="119"/>
      <c r="AD1211" s="119"/>
      <c r="AE1211" s="119"/>
      <c r="AF1211" s="119"/>
      <c r="AG1211" s="119"/>
      <c r="AH1211" s="119"/>
      <c r="AI1211" s="119"/>
      <c r="AJ1211" s="119"/>
      <c r="AK1211" s="119"/>
      <c r="AL1211" s="119"/>
      <c r="AM1211" s="119"/>
      <c r="AN1211" s="119"/>
      <c r="AO1211" s="119"/>
      <c r="AP1211" s="119"/>
      <c r="AQ1211" s="119"/>
      <c r="AR1211" s="119"/>
      <c r="AS1211" s="119"/>
      <c r="AT1211" s="119"/>
      <c r="AU1211" s="119"/>
      <c r="AV1211" s="119"/>
      <c r="AW1211" s="119"/>
      <c r="AX1211" s="119"/>
      <c r="AY1211" s="119"/>
      <c r="AZ1211" s="119"/>
      <c r="BA1211" s="119"/>
      <c r="BB1211" s="107">
        <v>45884</v>
      </c>
    </row>
    <row r="1212" spans="1:54" s="207" customFormat="1" ht="13.95" customHeight="1" x14ac:dyDescent="0.25">
      <c r="A1212" s="208" t="s">
        <v>2958</v>
      </c>
      <c r="B1212" s="209" t="s">
        <v>20420</v>
      </c>
      <c r="C1212" s="113" t="s">
        <v>2959</v>
      </c>
      <c r="D1212" s="113" t="s">
        <v>2960</v>
      </c>
      <c r="E1212" s="210">
        <v>1961</v>
      </c>
      <c r="F1212" s="210">
        <v>1187</v>
      </c>
      <c r="G1212" s="113" t="s">
        <v>1</v>
      </c>
      <c r="H1212" s="113">
        <v>0</v>
      </c>
      <c r="I1212" s="113">
        <v>0</v>
      </c>
      <c r="J1212" s="115">
        <v>1</v>
      </c>
      <c r="K1212" s="116" t="s">
        <v>174</v>
      </c>
      <c r="L1212" s="115">
        <v>1</v>
      </c>
      <c r="M1212" s="115">
        <v>1</v>
      </c>
      <c r="N1212" s="115">
        <v>1</v>
      </c>
      <c r="O1212" s="115">
        <v>0</v>
      </c>
      <c r="P1212" s="115" t="s">
        <v>400</v>
      </c>
      <c r="Q1212" s="115" t="s">
        <v>400</v>
      </c>
      <c r="R1212" s="115">
        <v>0</v>
      </c>
      <c r="S1212" s="115">
        <v>0</v>
      </c>
      <c r="T1212" s="115">
        <v>0</v>
      </c>
      <c r="U1212" s="119"/>
      <c r="V1212" s="119"/>
      <c r="W1212" s="119"/>
      <c r="X1212" s="119"/>
      <c r="Y1212" s="119"/>
      <c r="Z1212" s="119"/>
      <c r="AA1212" s="119"/>
      <c r="AB1212" s="119"/>
      <c r="AC1212" s="119"/>
      <c r="AD1212" s="119"/>
      <c r="AE1212" s="119"/>
      <c r="AF1212" s="119"/>
      <c r="AG1212" s="119"/>
      <c r="AH1212" s="119"/>
      <c r="AI1212" s="119"/>
      <c r="AJ1212" s="119"/>
      <c r="AK1212" s="119"/>
      <c r="AL1212" s="119"/>
      <c r="AM1212" s="119"/>
      <c r="AN1212" s="119"/>
      <c r="AO1212" s="119"/>
      <c r="AP1212" s="119"/>
      <c r="AQ1212" s="119"/>
      <c r="AR1212" s="119"/>
      <c r="AS1212" s="119"/>
      <c r="AT1212" s="119"/>
      <c r="AU1212" s="119"/>
      <c r="AV1212" s="119"/>
      <c r="AW1212" s="119"/>
      <c r="AX1212" s="119"/>
      <c r="AY1212" s="119"/>
      <c r="AZ1212" s="119"/>
      <c r="BA1212" s="119"/>
      <c r="BB1212" s="107">
        <v>45884</v>
      </c>
    </row>
    <row r="1213" spans="1:54" s="207" customFormat="1" ht="13.95" customHeight="1" x14ac:dyDescent="0.25">
      <c r="A1213" s="208" t="s">
        <v>2961</v>
      </c>
      <c r="B1213" s="209" t="s">
        <v>20420</v>
      </c>
      <c r="C1213" s="113" t="s">
        <v>2962</v>
      </c>
      <c r="D1213" s="113" t="s">
        <v>23114</v>
      </c>
      <c r="E1213" s="210">
        <v>1995</v>
      </c>
      <c r="F1213" s="210">
        <v>1188</v>
      </c>
      <c r="G1213" s="113" t="s">
        <v>1</v>
      </c>
      <c r="H1213" s="113">
        <v>0</v>
      </c>
      <c r="I1213" s="113">
        <v>0</v>
      </c>
      <c r="J1213" s="115">
        <v>1</v>
      </c>
      <c r="K1213" s="116" t="s">
        <v>174</v>
      </c>
      <c r="L1213" s="115">
        <v>1</v>
      </c>
      <c r="M1213" s="115">
        <v>0</v>
      </c>
      <c r="N1213" s="115">
        <v>0</v>
      </c>
      <c r="O1213" s="115">
        <v>1</v>
      </c>
      <c r="P1213" s="115">
        <v>1</v>
      </c>
      <c r="Q1213" s="115" t="s">
        <v>400</v>
      </c>
      <c r="R1213" s="115">
        <v>1</v>
      </c>
      <c r="S1213" s="115">
        <v>0</v>
      </c>
      <c r="T1213" s="115">
        <v>0</v>
      </c>
      <c r="U1213" s="119"/>
      <c r="V1213" s="119"/>
      <c r="W1213" s="119"/>
      <c r="X1213" s="119"/>
      <c r="Y1213" s="119"/>
      <c r="Z1213" s="119"/>
      <c r="AA1213" s="119"/>
      <c r="AB1213" s="119"/>
      <c r="AC1213" s="119"/>
      <c r="AD1213" s="119"/>
      <c r="AE1213" s="119"/>
      <c r="AF1213" s="119"/>
      <c r="AG1213" s="119"/>
      <c r="AH1213" s="119"/>
      <c r="AI1213" s="119"/>
      <c r="AJ1213" s="119"/>
      <c r="AK1213" s="119"/>
      <c r="AL1213" s="119"/>
      <c r="AM1213" s="119"/>
      <c r="AN1213" s="119"/>
      <c r="AO1213" s="119"/>
      <c r="AP1213" s="119"/>
      <c r="AQ1213" s="119"/>
      <c r="AR1213" s="119"/>
      <c r="AS1213" s="119"/>
      <c r="AT1213" s="119"/>
      <c r="AU1213" s="119"/>
      <c r="AV1213" s="119"/>
      <c r="AW1213" s="119"/>
      <c r="AX1213" s="119"/>
      <c r="AY1213" s="119"/>
      <c r="AZ1213" s="119"/>
      <c r="BA1213" s="119"/>
      <c r="BB1213" s="107">
        <v>45884</v>
      </c>
    </row>
    <row r="1214" spans="1:54" s="207" customFormat="1" ht="13.95" customHeight="1" x14ac:dyDescent="0.25">
      <c r="A1214" s="208" t="s">
        <v>2963</v>
      </c>
      <c r="B1214" s="209" t="s">
        <v>20420</v>
      </c>
      <c r="C1214" s="113" t="s">
        <v>2964</v>
      </c>
      <c r="D1214" s="113" t="s">
        <v>23115</v>
      </c>
      <c r="E1214" s="210">
        <v>1980</v>
      </c>
      <c r="F1214" s="210">
        <v>1190</v>
      </c>
      <c r="G1214" s="113" t="s">
        <v>1</v>
      </c>
      <c r="H1214" s="113">
        <v>0</v>
      </c>
      <c r="I1214" s="113">
        <v>0</v>
      </c>
      <c r="J1214" s="115">
        <v>1</v>
      </c>
      <c r="K1214" s="211">
        <v>1</v>
      </c>
      <c r="L1214" s="115">
        <v>1</v>
      </c>
      <c r="M1214" s="115">
        <v>0</v>
      </c>
      <c r="N1214" s="115">
        <v>0</v>
      </c>
      <c r="O1214" s="115">
        <v>1</v>
      </c>
      <c r="P1214" s="115">
        <v>1</v>
      </c>
      <c r="Q1214" s="115" t="s">
        <v>400</v>
      </c>
      <c r="R1214" s="115">
        <v>1</v>
      </c>
      <c r="S1214" s="115">
        <v>0</v>
      </c>
      <c r="T1214" s="115">
        <v>0</v>
      </c>
      <c r="U1214" s="119"/>
      <c r="V1214" s="119"/>
      <c r="W1214" s="119"/>
      <c r="X1214" s="119"/>
      <c r="Y1214" s="119"/>
      <c r="Z1214" s="119"/>
      <c r="AA1214" s="119"/>
      <c r="AB1214" s="119"/>
      <c r="AC1214" s="119"/>
      <c r="AD1214" s="119"/>
      <c r="AE1214" s="119"/>
      <c r="AF1214" s="119"/>
      <c r="AG1214" s="119"/>
      <c r="AH1214" s="119"/>
      <c r="AI1214" s="119"/>
      <c r="AJ1214" s="119"/>
      <c r="AK1214" s="119"/>
      <c r="AL1214" s="119"/>
      <c r="AM1214" s="119"/>
      <c r="AN1214" s="119"/>
      <c r="AO1214" s="119"/>
      <c r="AP1214" s="119"/>
      <c r="AQ1214" s="119"/>
      <c r="AR1214" s="119"/>
      <c r="AS1214" s="119"/>
      <c r="AT1214" s="119"/>
      <c r="AU1214" s="119"/>
      <c r="AV1214" s="119"/>
      <c r="AW1214" s="119"/>
      <c r="AX1214" s="119"/>
      <c r="AY1214" s="119"/>
      <c r="AZ1214" s="119"/>
      <c r="BA1214" s="119"/>
      <c r="BB1214" s="107">
        <v>45884</v>
      </c>
    </row>
    <row r="1215" spans="1:54" s="207" customFormat="1" ht="13.95" customHeight="1" x14ac:dyDescent="0.25">
      <c r="A1215" s="208" t="s">
        <v>2965</v>
      </c>
      <c r="B1215" s="209" t="s">
        <v>20420</v>
      </c>
      <c r="C1215" s="113" t="s">
        <v>2966</v>
      </c>
      <c r="D1215" s="113" t="s">
        <v>2967</v>
      </c>
      <c r="E1215" s="210">
        <v>1960</v>
      </c>
      <c r="F1215" s="210">
        <v>1190</v>
      </c>
      <c r="G1215" s="113" t="s">
        <v>1</v>
      </c>
      <c r="H1215" s="113">
        <v>1</v>
      </c>
      <c r="I1215" s="113">
        <v>0</v>
      </c>
      <c r="J1215" s="115">
        <v>1</v>
      </c>
      <c r="K1215" s="116" t="s">
        <v>174</v>
      </c>
      <c r="L1215" s="115">
        <v>1</v>
      </c>
      <c r="M1215" s="115">
        <v>1</v>
      </c>
      <c r="N1215" s="115">
        <v>0</v>
      </c>
      <c r="O1215" s="115">
        <v>1</v>
      </c>
      <c r="P1215" s="115" t="s">
        <v>400</v>
      </c>
      <c r="Q1215" s="115" t="s">
        <v>400</v>
      </c>
      <c r="R1215" s="115">
        <v>1</v>
      </c>
      <c r="S1215" s="115">
        <v>0</v>
      </c>
      <c r="T1215" s="115">
        <v>0</v>
      </c>
      <c r="U1215" s="119"/>
      <c r="V1215" s="119"/>
      <c r="W1215" s="119"/>
      <c r="X1215" s="119"/>
      <c r="Y1215" s="119"/>
      <c r="Z1215" s="119"/>
      <c r="AA1215" s="119"/>
      <c r="AB1215" s="119"/>
      <c r="AC1215" s="119"/>
      <c r="AD1215" s="119"/>
      <c r="AE1215" s="119"/>
      <c r="AF1215" s="119"/>
      <c r="AG1215" s="119"/>
      <c r="AH1215" s="119"/>
      <c r="AI1215" s="119"/>
      <c r="AJ1215" s="119"/>
      <c r="AK1215" s="119"/>
      <c r="AL1215" s="119"/>
      <c r="AM1215" s="119"/>
      <c r="AN1215" s="119"/>
      <c r="AO1215" s="119"/>
      <c r="AP1215" s="119"/>
      <c r="AQ1215" s="119"/>
      <c r="AR1215" s="119"/>
      <c r="AS1215" s="119"/>
      <c r="AT1215" s="119"/>
      <c r="AU1215" s="119"/>
      <c r="AV1215" s="119"/>
      <c r="AW1215" s="119"/>
      <c r="AX1215" s="119"/>
      <c r="AY1215" s="119"/>
      <c r="AZ1215" s="119"/>
      <c r="BA1215" s="119"/>
      <c r="BB1215" s="107">
        <v>45884</v>
      </c>
    </row>
    <row r="1216" spans="1:54" s="207" customFormat="1" ht="13.95" customHeight="1" x14ac:dyDescent="0.25">
      <c r="A1216" s="208" t="s">
        <v>2968</v>
      </c>
      <c r="B1216" s="209" t="s">
        <v>20420</v>
      </c>
      <c r="C1216" s="113" t="s">
        <v>2969</v>
      </c>
      <c r="D1216" s="113" t="s">
        <v>23116</v>
      </c>
      <c r="E1216" s="210">
        <v>1991</v>
      </c>
      <c r="F1216" s="210">
        <v>1193</v>
      </c>
      <c r="G1216" s="113" t="s">
        <v>1</v>
      </c>
      <c r="H1216" s="113">
        <v>0</v>
      </c>
      <c r="I1216" s="113">
        <v>0</v>
      </c>
      <c r="J1216" s="115">
        <v>1</v>
      </c>
      <c r="K1216" s="116" t="s">
        <v>174</v>
      </c>
      <c r="L1216" s="115">
        <v>1</v>
      </c>
      <c r="M1216" s="115">
        <v>1</v>
      </c>
      <c r="N1216" s="115">
        <v>0</v>
      </c>
      <c r="O1216" s="115">
        <v>1</v>
      </c>
      <c r="P1216" s="115" t="s">
        <v>400</v>
      </c>
      <c r="Q1216" s="115" t="s">
        <v>400</v>
      </c>
      <c r="R1216" s="115">
        <v>0</v>
      </c>
      <c r="S1216" s="115">
        <v>0</v>
      </c>
      <c r="T1216" s="115">
        <v>0</v>
      </c>
      <c r="U1216" s="119"/>
      <c r="V1216" s="119"/>
      <c r="W1216" s="119"/>
      <c r="X1216" s="119"/>
      <c r="Y1216" s="119"/>
      <c r="Z1216" s="119"/>
      <c r="AA1216" s="119"/>
      <c r="AB1216" s="119"/>
      <c r="AC1216" s="119"/>
      <c r="AD1216" s="119"/>
      <c r="AE1216" s="119"/>
      <c r="AF1216" s="119"/>
      <c r="AG1216" s="119"/>
      <c r="AH1216" s="119"/>
      <c r="AI1216" s="119"/>
      <c r="AJ1216" s="119"/>
      <c r="AK1216" s="119"/>
      <c r="AL1216" s="119"/>
      <c r="AM1216" s="119"/>
      <c r="AN1216" s="119"/>
      <c r="AO1216" s="119"/>
      <c r="AP1216" s="119"/>
      <c r="AQ1216" s="119"/>
      <c r="AR1216" s="119"/>
      <c r="AS1216" s="119"/>
      <c r="AT1216" s="119"/>
      <c r="AU1216" s="119"/>
      <c r="AV1216" s="119"/>
      <c r="AW1216" s="119"/>
      <c r="AX1216" s="119"/>
      <c r="AY1216" s="119"/>
      <c r="AZ1216" s="119"/>
      <c r="BA1216" s="119"/>
      <c r="BB1216" s="107">
        <v>45884</v>
      </c>
    </row>
    <row r="1217" spans="1:54" s="207" customFormat="1" ht="13.95" customHeight="1" x14ac:dyDescent="0.25">
      <c r="A1217" s="208" t="s">
        <v>2970</v>
      </c>
      <c r="B1217" s="209" t="s">
        <v>20420</v>
      </c>
      <c r="C1217" s="113" t="s">
        <v>2971</v>
      </c>
      <c r="D1217" s="113" t="s">
        <v>23117</v>
      </c>
      <c r="E1217" s="210">
        <v>2003</v>
      </c>
      <c r="F1217" s="210">
        <v>1193</v>
      </c>
      <c r="G1217" s="113" t="s">
        <v>1</v>
      </c>
      <c r="H1217" s="113">
        <v>0</v>
      </c>
      <c r="I1217" s="113">
        <v>0</v>
      </c>
      <c r="J1217" s="115">
        <v>1</v>
      </c>
      <c r="K1217" s="211">
        <v>1</v>
      </c>
      <c r="L1217" s="115">
        <v>1</v>
      </c>
      <c r="M1217" s="115">
        <v>0</v>
      </c>
      <c r="N1217" s="115">
        <v>0</v>
      </c>
      <c r="O1217" s="115">
        <v>1</v>
      </c>
      <c r="P1217" s="115">
        <v>1</v>
      </c>
      <c r="Q1217" s="115" t="s">
        <v>400</v>
      </c>
      <c r="R1217" s="115">
        <v>1</v>
      </c>
      <c r="S1217" s="115">
        <v>0</v>
      </c>
      <c r="T1217" s="115">
        <v>0</v>
      </c>
      <c r="U1217" s="119"/>
      <c r="V1217" s="119"/>
      <c r="W1217" s="119"/>
      <c r="X1217" s="119"/>
      <c r="Y1217" s="119"/>
      <c r="Z1217" s="119"/>
      <c r="AA1217" s="119"/>
      <c r="AB1217" s="119"/>
      <c r="AC1217" s="119"/>
      <c r="AD1217" s="119"/>
      <c r="AE1217" s="119"/>
      <c r="AF1217" s="119"/>
      <c r="AG1217" s="119"/>
      <c r="AH1217" s="119"/>
      <c r="AI1217" s="119"/>
      <c r="AJ1217" s="119"/>
      <c r="AK1217" s="119"/>
      <c r="AL1217" s="119"/>
      <c r="AM1217" s="119"/>
      <c r="AN1217" s="119"/>
      <c r="AO1217" s="119"/>
      <c r="AP1217" s="119"/>
      <c r="AQ1217" s="119"/>
      <c r="AR1217" s="119"/>
      <c r="AS1217" s="119"/>
      <c r="AT1217" s="119"/>
      <c r="AU1217" s="119"/>
      <c r="AV1217" s="119"/>
      <c r="AW1217" s="119"/>
      <c r="AX1217" s="119"/>
      <c r="AY1217" s="119"/>
      <c r="AZ1217" s="119"/>
      <c r="BA1217" s="119"/>
      <c r="BB1217" s="107">
        <v>45884</v>
      </c>
    </row>
    <row r="1218" spans="1:54" s="207" customFormat="1" ht="13.95" customHeight="1" x14ac:dyDescent="0.25">
      <c r="A1218" s="208" t="s">
        <v>2972</v>
      </c>
      <c r="B1218" s="209" t="s">
        <v>20420</v>
      </c>
      <c r="C1218" s="113" t="s">
        <v>2973</v>
      </c>
      <c r="D1218" s="113" t="s">
        <v>23118</v>
      </c>
      <c r="E1218" s="210">
        <v>1982</v>
      </c>
      <c r="F1218" s="210">
        <v>1194</v>
      </c>
      <c r="G1218" s="113" t="s">
        <v>1</v>
      </c>
      <c r="H1218" s="113">
        <v>0</v>
      </c>
      <c r="I1218" s="113">
        <v>0</v>
      </c>
      <c r="J1218" s="115">
        <v>1</v>
      </c>
      <c r="K1218" s="211">
        <v>1</v>
      </c>
      <c r="L1218" s="115">
        <v>1</v>
      </c>
      <c r="M1218" s="115">
        <v>0</v>
      </c>
      <c r="N1218" s="115">
        <v>0</v>
      </c>
      <c r="O1218" s="115">
        <v>1</v>
      </c>
      <c r="P1218" s="115">
        <v>1</v>
      </c>
      <c r="Q1218" s="115" t="s">
        <v>400</v>
      </c>
      <c r="R1218" s="115">
        <v>0</v>
      </c>
      <c r="S1218" s="115">
        <v>0</v>
      </c>
      <c r="T1218" s="115">
        <v>0</v>
      </c>
      <c r="U1218" s="119"/>
      <c r="V1218" s="119"/>
      <c r="W1218" s="119"/>
      <c r="X1218" s="119"/>
      <c r="Y1218" s="119"/>
      <c r="Z1218" s="119"/>
      <c r="AA1218" s="119"/>
      <c r="AB1218" s="119"/>
      <c r="AC1218" s="119"/>
      <c r="AD1218" s="119"/>
      <c r="AE1218" s="119"/>
      <c r="AF1218" s="119"/>
      <c r="AG1218" s="119"/>
      <c r="AH1218" s="119"/>
      <c r="AI1218" s="119"/>
      <c r="AJ1218" s="119"/>
      <c r="AK1218" s="119"/>
      <c r="AL1218" s="119"/>
      <c r="AM1218" s="119"/>
      <c r="AN1218" s="119"/>
      <c r="AO1218" s="119"/>
      <c r="AP1218" s="119"/>
      <c r="AQ1218" s="119"/>
      <c r="AR1218" s="119"/>
      <c r="AS1218" s="119"/>
      <c r="AT1218" s="119"/>
      <c r="AU1218" s="119"/>
      <c r="AV1218" s="119"/>
      <c r="AW1218" s="119"/>
      <c r="AX1218" s="119"/>
      <c r="AY1218" s="119"/>
      <c r="AZ1218" s="119"/>
      <c r="BA1218" s="119"/>
      <c r="BB1218" s="107">
        <v>45884</v>
      </c>
    </row>
    <row r="1219" spans="1:54" s="207" customFormat="1" ht="13.95" customHeight="1" x14ac:dyDescent="0.25">
      <c r="A1219" s="208" t="s">
        <v>2974</v>
      </c>
      <c r="B1219" s="209" t="s">
        <v>20420</v>
      </c>
      <c r="C1219" s="113" t="s">
        <v>2975</v>
      </c>
      <c r="D1219" s="113" t="s">
        <v>2976</v>
      </c>
      <c r="E1219" s="210">
        <v>1976</v>
      </c>
      <c r="F1219" s="210">
        <v>1194</v>
      </c>
      <c r="G1219" s="113" t="s">
        <v>1</v>
      </c>
      <c r="H1219" s="113">
        <v>0</v>
      </c>
      <c r="I1219" s="113">
        <v>0</v>
      </c>
      <c r="J1219" s="115">
        <v>1</v>
      </c>
      <c r="K1219" s="116" t="s">
        <v>174</v>
      </c>
      <c r="L1219" s="115">
        <v>1</v>
      </c>
      <c r="M1219" s="115">
        <v>0</v>
      </c>
      <c r="N1219" s="115">
        <v>0</v>
      </c>
      <c r="O1219" s="115">
        <v>1</v>
      </c>
      <c r="P1219" s="115">
        <v>1</v>
      </c>
      <c r="Q1219" s="115" t="s">
        <v>400</v>
      </c>
      <c r="R1219" s="115">
        <v>1</v>
      </c>
      <c r="S1219" s="115">
        <v>0</v>
      </c>
      <c r="T1219" s="115">
        <v>0</v>
      </c>
      <c r="U1219" s="119"/>
      <c r="V1219" s="119"/>
      <c r="W1219" s="119"/>
      <c r="X1219" s="119"/>
      <c r="Y1219" s="119"/>
      <c r="Z1219" s="119"/>
      <c r="AA1219" s="119"/>
      <c r="AB1219" s="119"/>
      <c r="AC1219" s="119"/>
      <c r="AD1219" s="119"/>
      <c r="AE1219" s="119"/>
      <c r="AF1219" s="119"/>
      <c r="AG1219" s="119"/>
      <c r="AH1219" s="119"/>
      <c r="AI1219" s="119"/>
      <c r="AJ1219" s="119"/>
      <c r="AK1219" s="119"/>
      <c r="AL1219" s="119"/>
      <c r="AM1219" s="119"/>
      <c r="AN1219" s="119"/>
      <c r="AO1219" s="119"/>
      <c r="AP1219" s="119"/>
      <c r="AQ1219" s="119"/>
      <c r="AR1219" s="119"/>
      <c r="AS1219" s="119"/>
      <c r="AT1219" s="119"/>
      <c r="AU1219" s="119"/>
      <c r="AV1219" s="119"/>
      <c r="AW1219" s="119"/>
      <c r="AX1219" s="119"/>
      <c r="AY1219" s="119"/>
      <c r="AZ1219" s="119"/>
      <c r="BA1219" s="119"/>
      <c r="BB1219" s="107">
        <v>45884</v>
      </c>
    </row>
    <row r="1220" spans="1:54" s="207" customFormat="1" ht="13.95" customHeight="1" x14ac:dyDescent="0.25">
      <c r="A1220" s="208" t="s">
        <v>2977</v>
      </c>
      <c r="B1220" s="209" t="s">
        <v>20420</v>
      </c>
      <c r="C1220" s="113" t="s">
        <v>2978</v>
      </c>
      <c r="D1220" s="113" t="s">
        <v>23119</v>
      </c>
      <c r="E1220" s="210">
        <v>1958</v>
      </c>
      <c r="F1220" s="210">
        <v>1196</v>
      </c>
      <c r="G1220" s="113" t="s">
        <v>1</v>
      </c>
      <c r="H1220" s="113">
        <v>0</v>
      </c>
      <c r="I1220" s="113">
        <v>0</v>
      </c>
      <c r="J1220" s="115">
        <v>1</v>
      </c>
      <c r="K1220" s="116" t="s">
        <v>174</v>
      </c>
      <c r="L1220" s="115">
        <v>1</v>
      </c>
      <c r="M1220" s="120">
        <v>1</v>
      </c>
      <c r="N1220" s="115">
        <v>0</v>
      </c>
      <c r="O1220" s="115">
        <v>1</v>
      </c>
      <c r="P1220" s="212">
        <v>0</v>
      </c>
      <c r="Q1220" s="115" t="s">
        <v>400</v>
      </c>
      <c r="R1220" s="115">
        <v>1</v>
      </c>
      <c r="S1220" s="115">
        <v>0</v>
      </c>
      <c r="T1220" s="115">
        <v>0</v>
      </c>
      <c r="U1220" s="119"/>
      <c r="V1220" s="119"/>
      <c r="W1220" s="119"/>
      <c r="X1220" s="119"/>
      <c r="Y1220" s="119"/>
      <c r="Z1220" s="119"/>
      <c r="AA1220" s="119"/>
      <c r="AB1220" s="119"/>
      <c r="AC1220" s="119"/>
      <c r="AD1220" s="119"/>
      <c r="AE1220" s="119"/>
      <c r="AF1220" s="119"/>
      <c r="AG1220" s="119"/>
      <c r="AH1220" s="119"/>
      <c r="AI1220" s="119"/>
      <c r="AJ1220" s="119"/>
      <c r="AK1220" s="119"/>
      <c r="AL1220" s="119"/>
      <c r="AM1220" s="119"/>
      <c r="AN1220" s="119"/>
      <c r="AO1220" s="119"/>
      <c r="AP1220" s="119"/>
      <c r="AQ1220" s="119"/>
      <c r="AR1220" s="119"/>
      <c r="AS1220" s="119"/>
      <c r="AT1220" s="119"/>
      <c r="AU1220" s="119"/>
      <c r="AV1220" s="119"/>
      <c r="AW1220" s="119"/>
      <c r="AX1220" s="119"/>
      <c r="AY1220" s="119"/>
      <c r="AZ1220" s="119"/>
      <c r="BA1220" s="119"/>
      <c r="BB1220" s="107">
        <v>45884</v>
      </c>
    </row>
    <row r="1221" spans="1:54" s="207" customFormat="1" ht="13.95" customHeight="1" x14ac:dyDescent="0.25">
      <c r="A1221" s="208" t="s">
        <v>2979</v>
      </c>
      <c r="B1221" s="209" t="s">
        <v>20420</v>
      </c>
      <c r="C1221" s="113" t="s">
        <v>2980</v>
      </c>
      <c r="D1221" s="113" t="s">
        <v>23120</v>
      </c>
      <c r="E1221" s="210">
        <v>1987</v>
      </c>
      <c r="F1221" s="210">
        <v>1196</v>
      </c>
      <c r="G1221" s="113" t="s">
        <v>1</v>
      </c>
      <c r="H1221" s="113">
        <v>0</v>
      </c>
      <c r="I1221" s="113">
        <v>0</v>
      </c>
      <c r="J1221" s="115">
        <v>1</v>
      </c>
      <c r="K1221" s="116" t="s">
        <v>174</v>
      </c>
      <c r="L1221" s="115">
        <v>1</v>
      </c>
      <c r="M1221" s="115">
        <v>1</v>
      </c>
      <c r="N1221" s="115">
        <v>0</v>
      </c>
      <c r="O1221" s="115">
        <v>1</v>
      </c>
      <c r="P1221" s="115" t="s">
        <v>400</v>
      </c>
      <c r="Q1221" s="115" t="s">
        <v>400</v>
      </c>
      <c r="R1221" s="115">
        <v>1</v>
      </c>
      <c r="S1221" s="115">
        <v>0</v>
      </c>
      <c r="T1221" s="115">
        <v>0</v>
      </c>
      <c r="U1221" s="119"/>
      <c r="V1221" s="119"/>
      <c r="W1221" s="119"/>
      <c r="X1221" s="119"/>
      <c r="Y1221" s="119"/>
      <c r="Z1221" s="119"/>
      <c r="AA1221" s="119"/>
      <c r="AB1221" s="119"/>
      <c r="AC1221" s="119"/>
      <c r="AD1221" s="119"/>
      <c r="AE1221" s="119"/>
      <c r="AF1221" s="119"/>
      <c r="AG1221" s="119"/>
      <c r="AH1221" s="119"/>
      <c r="AI1221" s="119"/>
      <c r="AJ1221" s="119"/>
      <c r="AK1221" s="119"/>
      <c r="AL1221" s="119"/>
      <c r="AM1221" s="119"/>
      <c r="AN1221" s="119"/>
      <c r="AO1221" s="119"/>
      <c r="AP1221" s="119"/>
      <c r="AQ1221" s="119"/>
      <c r="AR1221" s="119"/>
      <c r="AS1221" s="119"/>
      <c r="AT1221" s="119"/>
      <c r="AU1221" s="119"/>
      <c r="AV1221" s="119"/>
      <c r="AW1221" s="119"/>
      <c r="AX1221" s="119"/>
      <c r="AY1221" s="119"/>
      <c r="AZ1221" s="119"/>
      <c r="BA1221" s="119"/>
      <c r="BB1221" s="107">
        <v>45884</v>
      </c>
    </row>
    <row r="1222" spans="1:54" s="207" customFormat="1" ht="13.95" customHeight="1" x14ac:dyDescent="0.25">
      <c r="A1222" s="208" t="s">
        <v>2981</v>
      </c>
      <c r="B1222" s="209" t="s">
        <v>20420</v>
      </c>
      <c r="C1222" s="113" t="s">
        <v>2982</v>
      </c>
      <c r="D1222" s="113" t="s">
        <v>2983</v>
      </c>
      <c r="E1222" s="210">
        <v>1988</v>
      </c>
      <c r="F1222" s="210">
        <v>1198</v>
      </c>
      <c r="G1222" s="113" t="s">
        <v>1</v>
      </c>
      <c r="H1222" s="113">
        <v>0</v>
      </c>
      <c r="I1222" s="113">
        <v>0</v>
      </c>
      <c r="J1222" s="115">
        <v>1</v>
      </c>
      <c r="K1222" s="116" t="s">
        <v>174</v>
      </c>
      <c r="L1222" s="115">
        <v>1</v>
      </c>
      <c r="M1222" s="115">
        <v>0</v>
      </c>
      <c r="N1222" s="115">
        <v>0</v>
      </c>
      <c r="O1222" s="115">
        <v>0</v>
      </c>
      <c r="P1222" s="115">
        <v>1</v>
      </c>
      <c r="Q1222" s="115" t="s">
        <v>400</v>
      </c>
      <c r="R1222" s="115">
        <v>0</v>
      </c>
      <c r="S1222" s="115">
        <v>0</v>
      </c>
      <c r="T1222" s="115">
        <v>0</v>
      </c>
      <c r="U1222" s="119"/>
      <c r="V1222" s="119"/>
      <c r="W1222" s="119"/>
      <c r="X1222" s="119"/>
      <c r="Y1222" s="119"/>
      <c r="Z1222" s="119"/>
      <c r="AA1222" s="119"/>
      <c r="AB1222" s="119"/>
      <c r="AC1222" s="119"/>
      <c r="AD1222" s="119"/>
      <c r="AE1222" s="119"/>
      <c r="AF1222" s="119"/>
      <c r="AG1222" s="119"/>
      <c r="AH1222" s="119"/>
      <c r="AI1222" s="119"/>
      <c r="AJ1222" s="119"/>
      <c r="AK1222" s="119"/>
      <c r="AL1222" s="119"/>
      <c r="AM1222" s="119"/>
      <c r="AN1222" s="119"/>
      <c r="AO1222" s="119"/>
      <c r="AP1222" s="119"/>
      <c r="AQ1222" s="119"/>
      <c r="AR1222" s="119"/>
      <c r="AS1222" s="119"/>
      <c r="AT1222" s="119"/>
      <c r="AU1222" s="119"/>
      <c r="AV1222" s="119"/>
      <c r="AW1222" s="119"/>
      <c r="AX1222" s="119"/>
      <c r="AY1222" s="119"/>
      <c r="AZ1222" s="119"/>
      <c r="BA1222" s="119"/>
      <c r="BB1222" s="107">
        <v>45884</v>
      </c>
    </row>
    <row r="1223" spans="1:54" s="207" customFormat="1" ht="13.95" customHeight="1" x14ac:dyDescent="0.25">
      <c r="A1223" s="208" t="s">
        <v>2984</v>
      </c>
      <c r="B1223" s="209" t="s">
        <v>20420</v>
      </c>
      <c r="C1223" s="113" t="s">
        <v>2985</v>
      </c>
      <c r="D1223" s="113" t="s">
        <v>23121</v>
      </c>
      <c r="E1223" s="210">
        <v>2007</v>
      </c>
      <c r="F1223" s="210">
        <v>1199</v>
      </c>
      <c r="G1223" s="113" t="s">
        <v>1</v>
      </c>
      <c r="H1223" s="113">
        <v>0</v>
      </c>
      <c r="I1223" s="113">
        <v>0</v>
      </c>
      <c r="J1223" s="115">
        <v>1</v>
      </c>
      <c r="K1223" s="116" t="s">
        <v>174</v>
      </c>
      <c r="L1223" s="115">
        <v>1</v>
      </c>
      <c r="M1223" s="115">
        <v>0</v>
      </c>
      <c r="N1223" s="115">
        <v>0</v>
      </c>
      <c r="O1223" s="115">
        <v>1</v>
      </c>
      <c r="P1223" s="115">
        <v>1</v>
      </c>
      <c r="Q1223" s="115" t="s">
        <v>400</v>
      </c>
      <c r="R1223" s="115">
        <v>1</v>
      </c>
      <c r="S1223" s="115">
        <v>0</v>
      </c>
      <c r="T1223" s="115">
        <v>0</v>
      </c>
      <c r="U1223" s="119"/>
      <c r="V1223" s="119"/>
      <c r="W1223" s="119"/>
      <c r="X1223" s="119"/>
      <c r="Y1223" s="119"/>
      <c r="Z1223" s="119"/>
      <c r="AA1223" s="119"/>
      <c r="AB1223" s="119"/>
      <c r="AC1223" s="119"/>
      <c r="AD1223" s="119"/>
      <c r="AE1223" s="119"/>
      <c r="AF1223" s="119"/>
      <c r="AG1223" s="119"/>
      <c r="AH1223" s="119"/>
      <c r="AI1223" s="119"/>
      <c r="AJ1223" s="119"/>
      <c r="AK1223" s="119"/>
      <c r="AL1223" s="119"/>
      <c r="AM1223" s="119"/>
      <c r="AN1223" s="119"/>
      <c r="AO1223" s="119"/>
      <c r="AP1223" s="119"/>
      <c r="AQ1223" s="119"/>
      <c r="AR1223" s="119"/>
      <c r="AS1223" s="119"/>
      <c r="AT1223" s="119"/>
      <c r="AU1223" s="119"/>
      <c r="AV1223" s="119"/>
      <c r="AW1223" s="119"/>
      <c r="AX1223" s="119"/>
      <c r="AY1223" s="119"/>
      <c r="AZ1223" s="119"/>
      <c r="BA1223" s="119"/>
      <c r="BB1223" s="107">
        <v>45884</v>
      </c>
    </row>
    <row r="1224" spans="1:54" s="207" customFormat="1" ht="13.95" customHeight="1" x14ac:dyDescent="0.25">
      <c r="A1224" s="208" t="s">
        <v>2986</v>
      </c>
      <c r="B1224" s="209" t="s">
        <v>20420</v>
      </c>
      <c r="C1224" s="113" t="s">
        <v>2987</v>
      </c>
      <c r="D1224" s="113" t="s">
        <v>2988</v>
      </c>
      <c r="E1224" s="210">
        <v>1999</v>
      </c>
      <c r="F1224" s="210">
        <v>1200</v>
      </c>
      <c r="G1224" s="113" t="s">
        <v>1</v>
      </c>
      <c r="H1224" s="113">
        <v>0</v>
      </c>
      <c r="I1224" s="113">
        <v>0</v>
      </c>
      <c r="J1224" s="115">
        <v>1</v>
      </c>
      <c r="K1224" s="116" t="s">
        <v>174</v>
      </c>
      <c r="L1224" s="115">
        <v>1</v>
      </c>
      <c r="M1224" s="115">
        <v>0</v>
      </c>
      <c r="N1224" s="115">
        <v>0</v>
      </c>
      <c r="O1224" s="115">
        <v>0</v>
      </c>
      <c r="P1224" s="120">
        <v>1</v>
      </c>
      <c r="Q1224" s="115" t="s">
        <v>400</v>
      </c>
      <c r="R1224" s="115">
        <v>1</v>
      </c>
      <c r="S1224" s="115">
        <v>0</v>
      </c>
      <c r="T1224" s="115">
        <v>0</v>
      </c>
      <c r="U1224" s="119"/>
      <c r="V1224" s="119"/>
      <c r="W1224" s="119"/>
      <c r="X1224" s="119"/>
      <c r="Y1224" s="119"/>
      <c r="Z1224" s="119"/>
      <c r="AA1224" s="119"/>
      <c r="AB1224" s="119"/>
      <c r="AC1224" s="119"/>
      <c r="AD1224" s="119"/>
      <c r="AE1224" s="119"/>
      <c r="AF1224" s="119"/>
      <c r="AG1224" s="119"/>
      <c r="AH1224" s="119"/>
      <c r="AI1224" s="119"/>
      <c r="AJ1224" s="119"/>
      <c r="AK1224" s="119"/>
      <c r="AL1224" s="119"/>
      <c r="AM1224" s="119"/>
      <c r="AN1224" s="119"/>
      <c r="AO1224" s="119"/>
      <c r="AP1224" s="119"/>
      <c r="AQ1224" s="119"/>
      <c r="AR1224" s="119"/>
      <c r="AS1224" s="119"/>
      <c r="AT1224" s="119"/>
      <c r="AU1224" s="119"/>
      <c r="AV1224" s="119"/>
      <c r="AW1224" s="119"/>
      <c r="AX1224" s="119"/>
      <c r="AY1224" s="119"/>
      <c r="AZ1224" s="119"/>
      <c r="BA1224" s="119"/>
      <c r="BB1224" s="107">
        <v>45884</v>
      </c>
    </row>
    <row r="1225" spans="1:54" s="207" customFormat="1" ht="13.95" customHeight="1" x14ac:dyDescent="0.25">
      <c r="A1225" s="208" t="s">
        <v>2989</v>
      </c>
      <c r="B1225" s="209" t="s">
        <v>20420</v>
      </c>
      <c r="C1225" s="113" t="s">
        <v>2990</v>
      </c>
      <c r="D1225" s="113" t="s">
        <v>2991</v>
      </c>
      <c r="E1225" s="210">
        <v>1995</v>
      </c>
      <c r="F1225" s="210">
        <v>1200</v>
      </c>
      <c r="G1225" s="113" t="s">
        <v>1</v>
      </c>
      <c r="H1225" s="113">
        <v>0</v>
      </c>
      <c r="I1225" s="113">
        <v>0</v>
      </c>
      <c r="J1225" s="115">
        <v>1</v>
      </c>
      <c r="K1225" s="116" t="s">
        <v>174</v>
      </c>
      <c r="L1225" s="115">
        <v>1</v>
      </c>
      <c r="M1225" s="115">
        <v>1</v>
      </c>
      <c r="N1225" s="115">
        <v>0</v>
      </c>
      <c r="O1225" s="115">
        <v>0</v>
      </c>
      <c r="P1225" s="115" t="s">
        <v>400</v>
      </c>
      <c r="Q1225" s="115" t="s">
        <v>400</v>
      </c>
      <c r="R1225" s="115">
        <v>0</v>
      </c>
      <c r="S1225" s="115">
        <v>0</v>
      </c>
      <c r="T1225" s="115">
        <v>0</v>
      </c>
      <c r="U1225" s="119"/>
      <c r="V1225" s="119"/>
      <c r="W1225" s="119"/>
      <c r="X1225" s="119"/>
      <c r="Y1225" s="119"/>
      <c r="Z1225" s="119"/>
      <c r="AA1225" s="119"/>
      <c r="AB1225" s="119"/>
      <c r="AC1225" s="119"/>
      <c r="AD1225" s="119"/>
      <c r="AE1225" s="119"/>
      <c r="AF1225" s="119"/>
      <c r="AG1225" s="119"/>
      <c r="AH1225" s="119"/>
      <c r="AI1225" s="119"/>
      <c r="AJ1225" s="119"/>
      <c r="AK1225" s="119"/>
      <c r="AL1225" s="119"/>
      <c r="AM1225" s="119"/>
      <c r="AN1225" s="119"/>
      <c r="AO1225" s="119"/>
      <c r="AP1225" s="119"/>
      <c r="AQ1225" s="119"/>
      <c r="AR1225" s="119"/>
      <c r="AS1225" s="119"/>
      <c r="AT1225" s="119"/>
      <c r="AU1225" s="119"/>
      <c r="AV1225" s="119"/>
      <c r="AW1225" s="119"/>
      <c r="AX1225" s="119"/>
      <c r="AY1225" s="119"/>
      <c r="AZ1225" s="119"/>
      <c r="BA1225" s="119"/>
      <c r="BB1225" s="107">
        <v>45884</v>
      </c>
    </row>
    <row r="1226" spans="1:54" s="207" customFormat="1" ht="13.95" customHeight="1" x14ac:dyDescent="0.25">
      <c r="A1226" s="208" t="s">
        <v>2992</v>
      </c>
      <c r="B1226" s="209" t="s">
        <v>20420</v>
      </c>
      <c r="C1226" s="113" t="s">
        <v>2993</v>
      </c>
      <c r="D1226" s="113" t="s">
        <v>23122</v>
      </c>
      <c r="E1226" s="210">
        <v>1995</v>
      </c>
      <c r="F1226" s="210">
        <v>1200</v>
      </c>
      <c r="G1226" s="113" t="s">
        <v>1</v>
      </c>
      <c r="H1226" s="113">
        <v>0</v>
      </c>
      <c r="I1226" s="113">
        <v>0</v>
      </c>
      <c r="J1226" s="115">
        <v>1</v>
      </c>
      <c r="K1226" s="116" t="s">
        <v>174</v>
      </c>
      <c r="L1226" s="115">
        <v>1</v>
      </c>
      <c r="M1226" s="115">
        <v>0</v>
      </c>
      <c r="N1226" s="115">
        <v>0</v>
      </c>
      <c r="O1226" s="115">
        <v>1</v>
      </c>
      <c r="P1226" s="115">
        <v>1</v>
      </c>
      <c r="Q1226" s="115">
        <v>1</v>
      </c>
      <c r="R1226" s="115">
        <v>0</v>
      </c>
      <c r="S1226" s="115">
        <v>0</v>
      </c>
      <c r="T1226" s="115">
        <v>0</v>
      </c>
      <c r="U1226" s="119"/>
      <c r="V1226" s="119"/>
      <c r="W1226" s="119"/>
      <c r="X1226" s="119"/>
      <c r="Y1226" s="119"/>
      <c r="Z1226" s="119"/>
      <c r="AA1226" s="119"/>
      <c r="AB1226" s="119"/>
      <c r="AC1226" s="119"/>
      <c r="AD1226" s="119"/>
      <c r="AE1226" s="119"/>
      <c r="AF1226" s="119"/>
      <c r="AG1226" s="119"/>
      <c r="AH1226" s="119"/>
      <c r="AI1226" s="119"/>
      <c r="AJ1226" s="119"/>
      <c r="AK1226" s="119"/>
      <c r="AL1226" s="119"/>
      <c r="AM1226" s="119"/>
      <c r="AN1226" s="119"/>
      <c r="AO1226" s="119"/>
      <c r="AP1226" s="119"/>
      <c r="AQ1226" s="119"/>
      <c r="AR1226" s="119"/>
      <c r="AS1226" s="119"/>
      <c r="AT1226" s="119"/>
      <c r="AU1226" s="119"/>
      <c r="AV1226" s="119"/>
      <c r="AW1226" s="119"/>
      <c r="AX1226" s="119"/>
      <c r="AY1226" s="119"/>
      <c r="AZ1226" s="119"/>
      <c r="BA1226" s="119"/>
      <c r="BB1226" s="107">
        <v>45884</v>
      </c>
    </row>
    <row r="1227" spans="1:54" s="207" customFormat="1" ht="13.95" customHeight="1" x14ac:dyDescent="0.25">
      <c r="A1227" s="208" t="s">
        <v>2994</v>
      </c>
      <c r="B1227" s="209" t="s">
        <v>20420</v>
      </c>
      <c r="C1227" s="113" t="s">
        <v>2995</v>
      </c>
      <c r="D1227" s="113" t="s">
        <v>2996</v>
      </c>
      <c r="E1227" s="210">
        <v>1989</v>
      </c>
      <c r="F1227" s="210">
        <v>1200</v>
      </c>
      <c r="G1227" s="113" t="s">
        <v>1</v>
      </c>
      <c r="H1227" s="113">
        <v>0</v>
      </c>
      <c r="I1227" s="113">
        <v>0</v>
      </c>
      <c r="J1227" s="115">
        <v>1</v>
      </c>
      <c r="K1227" s="116" t="s">
        <v>174</v>
      </c>
      <c r="L1227" s="115">
        <v>1</v>
      </c>
      <c r="M1227" s="115">
        <v>1</v>
      </c>
      <c r="N1227" s="115">
        <v>0</v>
      </c>
      <c r="O1227" s="115">
        <v>1</v>
      </c>
      <c r="P1227" s="115" t="s">
        <v>400</v>
      </c>
      <c r="Q1227" s="115" t="s">
        <v>400</v>
      </c>
      <c r="R1227" s="115">
        <v>0</v>
      </c>
      <c r="S1227" s="115">
        <v>0</v>
      </c>
      <c r="T1227" s="115">
        <v>0</v>
      </c>
      <c r="U1227" s="119"/>
      <c r="V1227" s="119"/>
      <c r="W1227" s="119"/>
      <c r="X1227" s="119"/>
      <c r="Y1227" s="119"/>
      <c r="Z1227" s="119"/>
      <c r="AA1227" s="119"/>
      <c r="AB1227" s="119"/>
      <c r="AC1227" s="119"/>
      <c r="AD1227" s="119"/>
      <c r="AE1227" s="119"/>
      <c r="AF1227" s="119"/>
      <c r="AG1227" s="119"/>
      <c r="AH1227" s="119"/>
      <c r="AI1227" s="119"/>
      <c r="AJ1227" s="119"/>
      <c r="AK1227" s="119"/>
      <c r="AL1227" s="119"/>
      <c r="AM1227" s="119"/>
      <c r="AN1227" s="119"/>
      <c r="AO1227" s="119"/>
      <c r="AP1227" s="119"/>
      <c r="AQ1227" s="119"/>
      <c r="AR1227" s="119"/>
      <c r="AS1227" s="119"/>
      <c r="AT1227" s="119"/>
      <c r="AU1227" s="119"/>
      <c r="AV1227" s="119"/>
      <c r="AW1227" s="119"/>
      <c r="AX1227" s="119"/>
      <c r="AY1227" s="119"/>
      <c r="AZ1227" s="119"/>
      <c r="BA1227" s="119"/>
      <c r="BB1227" s="107">
        <v>45884</v>
      </c>
    </row>
    <row r="1228" spans="1:54" s="207" customFormat="1" ht="13.95" customHeight="1" x14ac:dyDescent="0.25">
      <c r="A1228" s="208" t="s">
        <v>2997</v>
      </c>
      <c r="B1228" s="209" t="s">
        <v>20420</v>
      </c>
      <c r="C1228" s="113" t="s">
        <v>2998</v>
      </c>
      <c r="D1228" s="113" t="s">
        <v>23123</v>
      </c>
      <c r="E1228" s="210">
        <v>1989</v>
      </c>
      <c r="F1228" s="210">
        <v>1200</v>
      </c>
      <c r="G1228" s="113" t="s">
        <v>1</v>
      </c>
      <c r="H1228" s="113">
        <v>0</v>
      </c>
      <c r="I1228" s="113">
        <v>0</v>
      </c>
      <c r="J1228" s="115">
        <v>1</v>
      </c>
      <c r="K1228" s="116" t="s">
        <v>174</v>
      </c>
      <c r="L1228" s="115">
        <v>1</v>
      </c>
      <c r="M1228" s="115">
        <v>0</v>
      </c>
      <c r="N1228" s="115">
        <v>0</v>
      </c>
      <c r="O1228" s="115">
        <v>1</v>
      </c>
      <c r="P1228" s="115">
        <v>1</v>
      </c>
      <c r="Q1228" s="115" t="s">
        <v>400</v>
      </c>
      <c r="R1228" s="115">
        <v>0</v>
      </c>
      <c r="S1228" s="115">
        <v>0</v>
      </c>
      <c r="T1228" s="115">
        <v>0</v>
      </c>
      <c r="U1228" s="119"/>
      <c r="V1228" s="119"/>
      <c r="W1228" s="119"/>
      <c r="X1228" s="119"/>
      <c r="Y1228" s="119"/>
      <c r="Z1228" s="119"/>
      <c r="AA1228" s="119"/>
      <c r="AB1228" s="119"/>
      <c r="AC1228" s="119"/>
      <c r="AD1228" s="119"/>
      <c r="AE1228" s="119"/>
      <c r="AF1228" s="119"/>
      <c r="AG1228" s="119"/>
      <c r="AH1228" s="119"/>
      <c r="AI1228" s="119"/>
      <c r="AJ1228" s="119"/>
      <c r="AK1228" s="119"/>
      <c r="AL1228" s="119"/>
      <c r="AM1228" s="119"/>
      <c r="AN1228" s="119"/>
      <c r="AO1228" s="119"/>
      <c r="AP1228" s="119"/>
      <c r="AQ1228" s="119"/>
      <c r="AR1228" s="119"/>
      <c r="AS1228" s="119"/>
      <c r="AT1228" s="119"/>
      <c r="AU1228" s="119"/>
      <c r="AV1228" s="119"/>
      <c r="AW1228" s="119"/>
      <c r="AX1228" s="119"/>
      <c r="AY1228" s="119"/>
      <c r="AZ1228" s="119"/>
      <c r="BA1228" s="119"/>
      <c r="BB1228" s="107">
        <v>45884</v>
      </c>
    </row>
    <row r="1229" spans="1:54" s="207" customFormat="1" ht="13.95" customHeight="1" x14ac:dyDescent="0.25">
      <c r="A1229" s="208" t="s">
        <v>2999</v>
      </c>
      <c r="B1229" s="209" t="s">
        <v>20420</v>
      </c>
      <c r="C1229" s="113" t="s">
        <v>3000</v>
      </c>
      <c r="D1229" s="113" t="s">
        <v>23124</v>
      </c>
      <c r="E1229" s="210">
        <v>1989</v>
      </c>
      <c r="F1229" s="210">
        <v>1200</v>
      </c>
      <c r="G1229" s="113" t="s">
        <v>1</v>
      </c>
      <c r="H1229" s="113">
        <v>0</v>
      </c>
      <c r="I1229" s="113">
        <v>0</v>
      </c>
      <c r="J1229" s="115">
        <v>1</v>
      </c>
      <c r="K1229" s="116" t="s">
        <v>174</v>
      </c>
      <c r="L1229" s="115">
        <v>1</v>
      </c>
      <c r="M1229" s="212">
        <v>0</v>
      </c>
      <c r="N1229" s="115">
        <v>0</v>
      </c>
      <c r="O1229" s="115">
        <v>1</v>
      </c>
      <c r="P1229" s="115" t="s">
        <v>400</v>
      </c>
      <c r="Q1229" s="115" t="s">
        <v>400</v>
      </c>
      <c r="R1229" s="115">
        <v>0</v>
      </c>
      <c r="S1229" s="115">
        <v>0</v>
      </c>
      <c r="T1229" s="115">
        <v>0</v>
      </c>
      <c r="U1229" s="119"/>
      <c r="V1229" s="119"/>
      <c r="W1229" s="119"/>
      <c r="X1229" s="119"/>
      <c r="Y1229" s="119"/>
      <c r="Z1229" s="119"/>
      <c r="AA1229" s="119"/>
      <c r="AB1229" s="119"/>
      <c r="AC1229" s="119"/>
      <c r="AD1229" s="119"/>
      <c r="AE1229" s="119"/>
      <c r="AF1229" s="119"/>
      <c r="AG1229" s="119"/>
      <c r="AH1229" s="119"/>
      <c r="AI1229" s="119"/>
      <c r="AJ1229" s="119"/>
      <c r="AK1229" s="119"/>
      <c r="AL1229" s="119"/>
      <c r="AM1229" s="119"/>
      <c r="AN1229" s="119"/>
      <c r="AO1229" s="119"/>
      <c r="AP1229" s="119"/>
      <c r="AQ1229" s="119"/>
      <c r="AR1229" s="119"/>
      <c r="AS1229" s="119"/>
      <c r="AT1229" s="119"/>
      <c r="AU1229" s="119"/>
      <c r="AV1229" s="119"/>
      <c r="AW1229" s="119"/>
      <c r="AX1229" s="119"/>
      <c r="AY1229" s="119"/>
      <c r="AZ1229" s="119"/>
      <c r="BA1229" s="119"/>
      <c r="BB1229" s="107">
        <v>45884</v>
      </c>
    </row>
    <row r="1230" spans="1:54" s="207" customFormat="1" ht="13.95" customHeight="1" x14ac:dyDescent="0.25">
      <c r="A1230" s="208" t="s">
        <v>3001</v>
      </c>
      <c r="B1230" s="209" t="s">
        <v>20420</v>
      </c>
      <c r="C1230" s="113" t="s">
        <v>3002</v>
      </c>
      <c r="D1230" s="113" t="s">
        <v>3003</v>
      </c>
      <c r="E1230" s="210">
        <v>1992</v>
      </c>
      <c r="F1230" s="210">
        <v>1200</v>
      </c>
      <c r="G1230" s="113" t="s">
        <v>1</v>
      </c>
      <c r="H1230" s="113">
        <v>0</v>
      </c>
      <c r="I1230" s="113">
        <v>0</v>
      </c>
      <c r="J1230" s="115">
        <v>1</v>
      </c>
      <c r="K1230" s="116" t="s">
        <v>174</v>
      </c>
      <c r="L1230" s="115">
        <v>1</v>
      </c>
      <c r="M1230" s="115">
        <v>0</v>
      </c>
      <c r="N1230" s="115">
        <v>0</v>
      </c>
      <c r="O1230" s="115">
        <v>1</v>
      </c>
      <c r="P1230" s="115">
        <v>1</v>
      </c>
      <c r="Q1230" s="115" t="s">
        <v>400</v>
      </c>
      <c r="R1230" s="115">
        <v>0</v>
      </c>
      <c r="S1230" s="115">
        <v>0</v>
      </c>
      <c r="T1230" s="115">
        <v>0</v>
      </c>
      <c r="U1230" s="119"/>
      <c r="V1230" s="119"/>
      <c r="W1230" s="119"/>
      <c r="X1230" s="119"/>
      <c r="Y1230" s="119"/>
      <c r="Z1230" s="119"/>
      <c r="AA1230" s="119"/>
      <c r="AB1230" s="119"/>
      <c r="AC1230" s="119"/>
      <c r="AD1230" s="119"/>
      <c r="AE1230" s="119"/>
      <c r="AF1230" s="119"/>
      <c r="AG1230" s="119"/>
      <c r="AH1230" s="119"/>
      <c r="AI1230" s="119"/>
      <c r="AJ1230" s="119"/>
      <c r="AK1230" s="119"/>
      <c r="AL1230" s="119"/>
      <c r="AM1230" s="119"/>
      <c r="AN1230" s="119"/>
      <c r="AO1230" s="119"/>
      <c r="AP1230" s="119"/>
      <c r="AQ1230" s="119"/>
      <c r="AR1230" s="119"/>
      <c r="AS1230" s="119"/>
      <c r="AT1230" s="119"/>
      <c r="AU1230" s="119"/>
      <c r="AV1230" s="119"/>
      <c r="AW1230" s="119"/>
      <c r="AX1230" s="119"/>
      <c r="AY1230" s="119"/>
      <c r="AZ1230" s="119"/>
      <c r="BA1230" s="119"/>
      <c r="BB1230" s="107">
        <v>45884</v>
      </c>
    </row>
    <row r="1231" spans="1:54" s="207" customFormat="1" ht="13.95" customHeight="1" x14ac:dyDescent="0.25">
      <c r="A1231" s="208" t="s">
        <v>3004</v>
      </c>
      <c r="B1231" s="209" t="s">
        <v>20420</v>
      </c>
      <c r="C1231" s="113" t="s">
        <v>3005</v>
      </c>
      <c r="D1231" s="113" t="s">
        <v>23125</v>
      </c>
      <c r="E1231" s="210">
        <v>1993</v>
      </c>
      <c r="F1231" s="210">
        <v>1200</v>
      </c>
      <c r="G1231" s="113" t="s">
        <v>1</v>
      </c>
      <c r="H1231" s="113">
        <v>0</v>
      </c>
      <c r="I1231" s="113">
        <v>0</v>
      </c>
      <c r="J1231" s="115">
        <v>1</v>
      </c>
      <c r="K1231" s="116" t="s">
        <v>174</v>
      </c>
      <c r="L1231" s="115">
        <v>1</v>
      </c>
      <c r="M1231" s="115">
        <v>1</v>
      </c>
      <c r="N1231" s="115">
        <v>0</v>
      </c>
      <c r="O1231" s="115">
        <v>0</v>
      </c>
      <c r="P1231" s="115" t="s">
        <v>400</v>
      </c>
      <c r="Q1231" s="115" t="s">
        <v>400</v>
      </c>
      <c r="R1231" s="115">
        <v>0</v>
      </c>
      <c r="S1231" s="115">
        <v>0</v>
      </c>
      <c r="T1231" s="115">
        <v>0</v>
      </c>
      <c r="U1231" s="119"/>
      <c r="V1231" s="119"/>
      <c r="W1231" s="119"/>
      <c r="X1231" s="119"/>
      <c r="Y1231" s="119"/>
      <c r="Z1231" s="119"/>
      <c r="AA1231" s="119"/>
      <c r="AB1231" s="119"/>
      <c r="AC1231" s="119"/>
      <c r="AD1231" s="119"/>
      <c r="AE1231" s="119"/>
      <c r="AF1231" s="119"/>
      <c r="AG1231" s="119"/>
      <c r="AH1231" s="119"/>
      <c r="AI1231" s="119"/>
      <c r="AJ1231" s="119"/>
      <c r="AK1231" s="119"/>
      <c r="AL1231" s="119"/>
      <c r="AM1231" s="119"/>
      <c r="AN1231" s="119"/>
      <c r="AO1231" s="119"/>
      <c r="AP1231" s="119"/>
      <c r="AQ1231" s="119"/>
      <c r="AR1231" s="119"/>
      <c r="AS1231" s="119"/>
      <c r="AT1231" s="119"/>
      <c r="AU1231" s="119"/>
      <c r="AV1231" s="119"/>
      <c r="AW1231" s="119"/>
      <c r="AX1231" s="119"/>
      <c r="AY1231" s="119"/>
      <c r="AZ1231" s="119"/>
      <c r="BA1231" s="119"/>
      <c r="BB1231" s="107">
        <v>45884</v>
      </c>
    </row>
    <row r="1232" spans="1:54" s="207" customFormat="1" ht="13.95" customHeight="1" x14ac:dyDescent="0.25">
      <c r="A1232" s="208" t="s">
        <v>3006</v>
      </c>
      <c r="B1232" s="209" t="s">
        <v>20420</v>
      </c>
      <c r="C1232" s="113" t="s">
        <v>3007</v>
      </c>
      <c r="D1232" s="113" t="s">
        <v>23126</v>
      </c>
      <c r="E1232" s="210">
        <v>1989</v>
      </c>
      <c r="F1232" s="210">
        <v>1200</v>
      </c>
      <c r="G1232" s="113" t="s">
        <v>1</v>
      </c>
      <c r="H1232" s="113">
        <v>0</v>
      </c>
      <c r="I1232" s="113">
        <v>0</v>
      </c>
      <c r="J1232" s="115">
        <v>1</v>
      </c>
      <c r="K1232" s="116" t="s">
        <v>174</v>
      </c>
      <c r="L1232" s="115">
        <v>1</v>
      </c>
      <c r="M1232" s="115">
        <v>0</v>
      </c>
      <c r="N1232" s="115">
        <v>0</v>
      </c>
      <c r="O1232" s="115">
        <v>1</v>
      </c>
      <c r="P1232" s="115">
        <v>1</v>
      </c>
      <c r="Q1232" s="115" t="s">
        <v>400</v>
      </c>
      <c r="R1232" s="115">
        <v>0</v>
      </c>
      <c r="S1232" s="115">
        <v>0</v>
      </c>
      <c r="T1232" s="115">
        <v>0</v>
      </c>
      <c r="U1232" s="119"/>
      <c r="V1232" s="119"/>
      <c r="W1232" s="119"/>
      <c r="X1232" s="119"/>
      <c r="Y1232" s="119"/>
      <c r="Z1232" s="119"/>
      <c r="AA1232" s="119"/>
      <c r="AB1232" s="119"/>
      <c r="AC1232" s="119"/>
      <c r="AD1232" s="119"/>
      <c r="AE1232" s="119"/>
      <c r="AF1232" s="119"/>
      <c r="AG1232" s="119"/>
      <c r="AH1232" s="119"/>
      <c r="AI1232" s="119"/>
      <c r="AJ1232" s="119"/>
      <c r="AK1232" s="119"/>
      <c r="AL1232" s="119"/>
      <c r="AM1232" s="119"/>
      <c r="AN1232" s="119"/>
      <c r="AO1232" s="119"/>
      <c r="AP1232" s="119"/>
      <c r="AQ1232" s="119"/>
      <c r="AR1232" s="119"/>
      <c r="AS1232" s="119"/>
      <c r="AT1232" s="119"/>
      <c r="AU1232" s="119"/>
      <c r="AV1232" s="119"/>
      <c r="AW1232" s="119"/>
      <c r="AX1232" s="119"/>
      <c r="AY1232" s="119"/>
      <c r="AZ1232" s="119"/>
      <c r="BA1232" s="119"/>
      <c r="BB1232" s="107">
        <v>45884</v>
      </c>
    </row>
    <row r="1233" spans="1:54" s="207" customFormat="1" ht="13.95" customHeight="1" x14ac:dyDescent="0.25">
      <c r="A1233" s="208" t="s">
        <v>3008</v>
      </c>
      <c r="B1233" s="209" t="s">
        <v>20420</v>
      </c>
      <c r="C1233" s="113" t="s">
        <v>3009</v>
      </c>
      <c r="D1233" s="113" t="s">
        <v>3010</v>
      </c>
      <c r="E1233" s="210">
        <v>1988</v>
      </c>
      <c r="F1233" s="210">
        <v>1200</v>
      </c>
      <c r="G1233" s="113" t="s">
        <v>1</v>
      </c>
      <c r="H1233" s="113">
        <v>0</v>
      </c>
      <c r="I1233" s="113">
        <v>0</v>
      </c>
      <c r="J1233" s="115">
        <v>1</v>
      </c>
      <c r="K1233" s="116" t="s">
        <v>174</v>
      </c>
      <c r="L1233" s="115">
        <v>1</v>
      </c>
      <c r="M1233" s="115">
        <v>1</v>
      </c>
      <c r="N1233" s="115">
        <v>0</v>
      </c>
      <c r="O1233" s="115">
        <v>0</v>
      </c>
      <c r="P1233" s="115" t="s">
        <v>400</v>
      </c>
      <c r="Q1233" s="115" t="s">
        <v>400</v>
      </c>
      <c r="R1233" s="115">
        <v>0</v>
      </c>
      <c r="S1233" s="115">
        <v>0</v>
      </c>
      <c r="T1233" s="115">
        <v>0</v>
      </c>
      <c r="U1233" s="119"/>
      <c r="V1233" s="119"/>
      <c r="W1233" s="119"/>
      <c r="X1233" s="119"/>
      <c r="Y1233" s="119"/>
      <c r="Z1233" s="119"/>
      <c r="AA1233" s="119"/>
      <c r="AB1233" s="119"/>
      <c r="AC1233" s="119"/>
      <c r="AD1233" s="119"/>
      <c r="AE1233" s="119"/>
      <c r="AF1233" s="119"/>
      <c r="AG1233" s="119"/>
      <c r="AH1233" s="119"/>
      <c r="AI1233" s="119"/>
      <c r="AJ1233" s="119"/>
      <c r="AK1233" s="119"/>
      <c r="AL1233" s="119"/>
      <c r="AM1233" s="119"/>
      <c r="AN1233" s="119"/>
      <c r="AO1233" s="119"/>
      <c r="AP1233" s="119"/>
      <c r="AQ1233" s="119"/>
      <c r="AR1233" s="119"/>
      <c r="AS1233" s="119"/>
      <c r="AT1233" s="119"/>
      <c r="AU1233" s="119"/>
      <c r="AV1233" s="119"/>
      <c r="AW1233" s="119"/>
      <c r="AX1233" s="119"/>
      <c r="AY1233" s="119"/>
      <c r="AZ1233" s="119"/>
      <c r="BA1233" s="119"/>
      <c r="BB1233" s="107">
        <v>45884</v>
      </c>
    </row>
    <row r="1234" spans="1:54" s="207" customFormat="1" ht="13.95" customHeight="1" x14ac:dyDescent="0.25">
      <c r="A1234" s="208" t="s">
        <v>3011</v>
      </c>
      <c r="B1234" s="209" t="s">
        <v>20420</v>
      </c>
      <c r="C1234" s="113" t="s">
        <v>3012</v>
      </c>
      <c r="D1234" s="113" t="s">
        <v>3013</v>
      </c>
      <c r="E1234" s="210">
        <v>1993</v>
      </c>
      <c r="F1234" s="210">
        <v>1200</v>
      </c>
      <c r="G1234" s="113" t="s">
        <v>1</v>
      </c>
      <c r="H1234" s="113">
        <v>0</v>
      </c>
      <c r="I1234" s="113">
        <v>0</v>
      </c>
      <c r="J1234" s="115">
        <v>1</v>
      </c>
      <c r="K1234" s="116" t="s">
        <v>174</v>
      </c>
      <c r="L1234" s="115">
        <v>1</v>
      </c>
      <c r="M1234" s="115">
        <v>1</v>
      </c>
      <c r="N1234" s="115">
        <v>0</v>
      </c>
      <c r="O1234" s="115">
        <v>1</v>
      </c>
      <c r="P1234" s="115" t="s">
        <v>400</v>
      </c>
      <c r="Q1234" s="115" t="s">
        <v>400</v>
      </c>
      <c r="R1234" s="115">
        <v>1</v>
      </c>
      <c r="S1234" s="115">
        <v>0</v>
      </c>
      <c r="T1234" s="115">
        <v>0</v>
      </c>
      <c r="U1234" s="119"/>
      <c r="V1234" s="119"/>
      <c r="W1234" s="119"/>
      <c r="X1234" s="119"/>
      <c r="Y1234" s="119"/>
      <c r="Z1234" s="119"/>
      <c r="AA1234" s="119"/>
      <c r="AB1234" s="119"/>
      <c r="AC1234" s="119"/>
      <c r="AD1234" s="119"/>
      <c r="AE1234" s="119"/>
      <c r="AF1234" s="119"/>
      <c r="AG1234" s="119"/>
      <c r="AH1234" s="119"/>
      <c r="AI1234" s="119"/>
      <c r="AJ1234" s="119"/>
      <c r="AK1234" s="119"/>
      <c r="AL1234" s="119"/>
      <c r="AM1234" s="119"/>
      <c r="AN1234" s="119"/>
      <c r="AO1234" s="119"/>
      <c r="AP1234" s="119"/>
      <c r="AQ1234" s="119"/>
      <c r="AR1234" s="119"/>
      <c r="AS1234" s="119"/>
      <c r="AT1234" s="119"/>
      <c r="AU1234" s="119"/>
      <c r="AV1234" s="119"/>
      <c r="AW1234" s="119"/>
      <c r="AX1234" s="119"/>
      <c r="AY1234" s="119"/>
      <c r="AZ1234" s="119"/>
      <c r="BA1234" s="119"/>
      <c r="BB1234" s="107">
        <v>45884</v>
      </c>
    </row>
    <row r="1235" spans="1:54" s="207" customFormat="1" ht="13.95" customHeight="1" x14ac:dyDescent="0.25">
      <c r="A1235" s="208" t="s">
        <v>3014</v>
      </c>
      <c r="B1235" s="209" t="s">
        <v>20420</v>
      </c>
      <c r="C1235" s="113" t="s">
        <v>3015</v>
      </c>
      <c r="D1235" s="113" t="s">
        <v>23127</v>
      </c>
      <c r="E1235" s="210">
        <v>1989</v>
      </c>
      <c r="F1235" s="210">
        <v>1200</v>
      </c>
      <c r="G1235" s="113" t="s">
        <v>1</v>
      </c>
      <c r="H1235" s="113">
        <v>0</v>
      </c>
      <c r="I1235" s="113">
        <v>0</v>
      </c>
      <c r="J1235" s="115">
        <v>1</v>
      </c>
      <c r="K1235" s="211">
        <v>1</v>
      </c>
      <c r="L1235" s="115">
        <v>1</v>
      </c>
      <c r="M1235" s="115">
        <v>0</v>
      </c>
      <c r="N1235" s="115">
        <v>0</v>
      </c>
      <c r="O1235" s="115">
        <v>1</v>
      </c>
      <c r="P1235" s="115">
        <v>1</v>
      </c>
      <c r="Q1235" s="115" t="s">
        <v>400</v>
      </c>
      <c r="R1235" s="115">
        <v>0</v>
      </c>
      <c r="S1235" s="115">
        <v>0</v>
      </c>
      <c r="T1235" s="115">
        <v>0</v>
      </c>
      <c r="U1235" s="119"/>
      <c r="V1235" s="119"/>
      <c r="W1235" s="119"/>
      <c r="X1235" s="119"/>
      <c r="Y1235" s="119"/>
      <c r="Z1235" s="119"/>
      <c r="AA1235" s="119"/>
      <c r="AB1235" s="119"/>
      <c r="AC1235" s="119"/>
      <c r="AD1235" s="119"/>
      <c r="AE1235" s="119"/>
      <c r="AF1235" s="119"/>
      <c r="AG1235" s="119"/>
      <c r="AH1235" s="119"/>
      <c r="AI1235" s="119"/>
      <c r="AJ1235" s="119"/>
      <c r="AK1235" s="119"/>
      <c r="AL1235" s="119"/>
      <c r="AM1235" s="119"/>
      <c r="AN1235" s="119"/>
      <c r="AO1235" s="119"/>
      <c r="AP1235" s="119"/>
      <c r="AQ1235" s="119"/>
      <c r="AR1235" s="119"/>
      <c r="AS1235" s="119"/>
      <c r="AT1235" s="119"/>
      <c r="AU1235" s="119"/>
      <c r="AV1235" s="119"/>
      <c r="AW1235" s="119"/>
      <c r="AX1235" s="119"/>
      <c r="AY1235" s="119"/>
      <c r="AZ1235" s="119"/>
      <c r="BA1235" s="119"/>
      <c r="BB1235" s="107">
        <v>45884</v>
      </c>
    </row>
    <row r="1236" spans="1:54" s="207" customFormat="1" ht="13.95" customHeight="1" x14ac:dyDescent="0.25">
      <c r="A1236" s="208" t="s">
        <v>3016</v>
      </c>
      <c r="B1236" s="209" t="s">
        <v>20420</v>
      </c>
      <c r="C1236" s="113" t="s">
        <v>3017</v>
      </c>
      <c r="D1236" s="113" t="s">
        <v>23128</v>
      </c>
      <c r="E1236" s="210">
        <v>1998</v>
      </c>
      <c r="F1236" s="210">
        <v>1200</v>
      </c>
      <c r="G1236" s="113" t="s">
        <v>1</v>
      </c>
      <c r="H1236" s="113">
        <v>0</v>
      </c>
      <c r="I1236" s="113">
        <v>0</v>
      </c>
      <c r="J1236" s="115">
        <v>1</v>
      </c>
      <c r="K1236" s="211">
        <v>1</v>
      </c>
      <c r="L1236" s="115">
        <v>0</v>
      </c>
      <c r="M1236" s="115">
        <v>1</v>
      </c>
      <c r="N1236" s="115">
        <v>0</v>
      </c>
      <c r="O1236" s="115">
        <v>0</v>
      </c>
      <c r="P1236" s="115" t="s">
        <v>400</v>
      </c>
      <c r="Q1236" s="115" t="s">
        <v>400</v>
      </c>
      <c r="R1236" s="115">
        <v>1</v>
      </c>
      <c r="S1236" s="115">
        <v>0</v>
      </c>
      <c r="T1236" s="115">
        <v>0</v>
      </c>
      <c r="U1236" s="119"/>
      <c r="V1236" s="119"/>
      <c r="W1236" s="119"/>
      <c r="X1236" s="119"/>
      <c r="Y1236" s="119"/>
      <c r="Z1236" s="119"/>
      <c r="AA1236" s="119"/>
      <c r="AB1236" s="119"/>
      <c r="AC1236" s="119"/>
      <c r="AD1236" s="119"/>
      <c r="AE1236" s="119"/>
      <c r="AF1236" s="119"/>
      <c r="AG1236" s="119"/>
      <c r="AH1236" s="119"/>
      <c r="AI1236" s="119"/>
      <c r="AJ1236" s="119"/>
      <c r="AK1236" s="119"/>
      <c r="AL1236" s="119"/>
      <c r="AM1236" s="119"/>
      <c r="AN1236" s="119"/>
      <c r="AO1236" s="119"/>
      <c r="AP1236" s="119"/>
      <c r="AQ1236" s="119"/>
      <c r="AR1236" s="119"/>
      <c r="AS1236" s="119"/>
      <c r="AT1236" s="119"/>
      <c r="AU1236" s="119"/>
      <c r="AV1236" s="119"/>
      <c r="AW1236" s="119"/>
      <c r="AX1236" s="119"/>
      <c r="AY1236" s="119"/>
      <c r="AZ1236" s="119"/>
      <c r="BA1236" s="119"/>
      <c r="BB1236" s="107">
        <v>45884</v>
      </c>
    </row>
    <row r="1237" spans="1:54" s="207" customFormat="1" ht="13.95" customHeight="1" x14ac:dyDescent="0.25">
      <c r="A1237" s="208" t="s">
        <v>3018</v>
      </c>
      <c r="B1237" s="209" t="s">
        <v>20420</v>
      </c>
      <c r="C1237" s="113" t="s">
        <v>3019</v>
      </c>
      <c r="D1237" s="113" t="s">
        <v>23129</v>
      </c>
      <c r="E1237" s="210">
        <v>1992</v>
      </c>
      <c r="F1237" s="210">
        <v>1200</v>
      </c>
      <c r="G1237" s="113" t="s">
        <v>1</v>
      </c>
      <c r="H1237" s="113">
        <v>0</v>
      </c>
      <c r="I1237" s="113">
        <v>0</v>
      </c>
      <c r="J1237" s="115">
        <v>1</v>
      </c>
      <c r="K1237" s="116" t="s">
        <v>174</v>
      </c>
      <c r="L1237" s="115">
        <v>1</v>
      </c>
      <c r="M1237" s="115">
        <v>0</v>
      </c>
      <c r="N1237" s="115">
        <v>0</v>
      </c>
      <c r="O1237" s="115">
        <v>1</v>
      </c>
      <c r="P1237" s="115">
        <v>1</v>
      </c>
      <c r="Q1237" s="115" t="s">
        <v>400</v>
      </c>
      <c r="R1237" s="115">
        <v>1</v>
      </c>
      <c r="S1237" s="115">
        <v>0</v>
      </c>
      <c r="T1237" s="115">
        <v>0</v>
      </c>
      <c r="U1237" s="119"/>
      <c r="V1237" s="119"/>
      <c r="W1237" s="119"/>
      <c r="X1237" s="119"/>
      <c r="Y1237" s="119"/>
      <c r="Z1237" s="119"/>
      <c r="AA1237" s="119"/>
      <c r="AB1237" s="119"/>
      <c r="AC1237" s="119"/>
      <c r="AD1237" s="119"/>
      <c r="AE1237" s="119"/>
      <c r="AF1237" s="119"/>
      <c r="AG1237" s="119"/>
      <c r="AH1237" s="119"/>
      <c r="AI1237" s="119"/>
      <c r="AJ1237" s="119"/>
      <c r="AK1237" s="119"/>
      <c r="AL1237" s="119"/>
      <c r="AM1237" s="119"/>
      <c r="AN1237" s="119"/>
      <c r="AO1237" s="119"/>
      <c r="AP1237" s="119"/>
      <c r="AQ1237" s="119"/>
      <c r="AR1237" s="119"/>
      <c r="AS1237" s="119"/>
      <c r="AT1237" s="119"/>
      <c r="AU1237" s="119"/>
      <c r="AV1237" s="119"/>
      <c r="AW1237" s="119"/>
      <c r="AX1237" s="119"/>
      <c r="AY1237" s="119"/>
      <c r="AZ1237" s="119"/>
      <c r="BA1237" s="119"/>
      <c r="BB1237" s="107">
        <v>45884</v>
      </c>
    </row>
    <row r="1238" spans="1:54" s="207" customFormat="1" ht="13.95" customHeight="1" x14ac:dyDescent="0.25">
      <c r="A1238" s="208" t="s">
        <v>3020</v>
      </c>
      <c r="B1238" s="209" t="s">
        <v>20420</v>
      </c>
      <c r="C1238" s="113" t="s">
        <v>3021</v>
      </c>
      <c r="D1238" s="113" t="s">
        <v>3022</v>
      </c>
      <c r="E1238" s="210">
        <v>1993</v>
      </c>
      <c r="F1238" s="210">
        <v>1200</v>
      </c>
      <c r="G1238" s="113" t="s">
        <v>1</v>
      </c>
      <c r="H1238" s="113">
        <v>0</v>
      </c>
      <c r="I1238" s="113">
        <v>0</v>
      </c>
      <c r="J1238" s="115">
        <v>1</v>
      </c>
      <c r="K1238" s="116" t="s">
        <v>174</v>
      </c>
      <c r="L1238" s="115">
        <v>0</v>
      </c>
      <c r="M1238" s="115">
        <v>1</v>
      </c>
      <c r="N1238" s="115">
        <v>0</v>
      </c>
      <c r="O1238" s="115">
        <v>0</v>
      </c>
      <c r="P1238" s="115" t="s">
        <v>400</v>
      </c>
      <c r="Q1238" s="115" t="s">
        <v>400</v>
      </c>
      <c r="R1238" s="115">
        <v>0</v>
      </c>
      <c r="S1238" s="115">
        <v>0</v>
      </c>
      <c r="T1238" s="115">
        <v>0</v>
      </c>
      <c r="U1238" s="119"/>
      <c r="V1238" s="119"/>
      <c r="W1238" s="119"/>
      <c r="X1238" s="119"/>
      <c r="Y1238" s="119"/>
      <c r="Z1238" s="119"/>
      <c r="AA1238" s="119"/>
      <c r="AB1238" s="119"/>
      <c r="AC1238" s="119"/>
      <c r="AD1238" s="119"/>
      <c r="AE1238" s="119"/>
      <c r="AF1238" s="119"/>
      <c r="AG1238" s="119"/>
      <c r="AH1238" s="119"/>
      <c r="AI1238" s="119"/>
      <c r="AJ1238" s="119"/>
      <c r="AK1238" s="119"/>
      <c r="AL1238" s="119"/>
      <c r="AM1238" s="119"/>
      <c r="AN1238" s="119"/>
      <c r="AO1238" s="119"/>
      <c r="AP1238" s="119"/>
      <c r="AQ1238" s="119"/>
      <c r="AR1238" s="119"/>
      <c r="AS1238" s="119"/>
      <c r="AT1238" s="119"/>
      <c r="AU1238" s="119"/>
      <c r="AV1238" s="119"/>
      <c r="AW1238" s="119"/>
      <c r="AX1238" s="119"/>
      <c r="AY1238" s="119"/>
      <c r="AZ1238" s="119"/>
      <c r="BA1238" s="119"/>
      <c r="BB1238" s="107">
        <v>45884</v>
      </c>
    </row>
    <row r="1239" spans="1:54" s="207" customFormat="1" ht="13.95" customHeight="1" x14ac:dyDescent="0.25">
      <c r="A1239" s="208" t="s">
        <v>3023</v>
      </c>
      <c r="B1239" s="209" t="s">
        <v>20420</v>
      </c>
      <c r="C1239" s="113" t="s">
        <v>3024</v>
      </c>
      <c r="D1239" s="113" t="s">
        <v>23130</v>
      </c>
      <c r="E1239" s="210">
        <v>1986</v>
      </c>
      <c r="F1239" s="210">
        <v>1200</v>
      </c>
      <c r="G1239" s="113" t="s">
        <v>1</v>
      </c>
      <c r="H1239" s="113">
        <v>0</v>
      </c>
      <c r="I1239" s="113">
        <v>0</v>
      </c>
      <c r="J1239" s="115">
        <v>1</v>
      </c>
      <c r="K1239" s="116" t="s">
        <v>174</v>
      </c>
      <c r="L1239" s="115">
        <v>1</v>
      </c>
      <c r="M1239" s="115">
        <v>1</v>
      </c>
      <c r="N1239" s="115">
        <v>0</v>
      </c>
      <c r="O1239" s="115">
        <v>0</v>
      </c>
      <c r="P1239" s="115" t="s">
        <v>400</v>
      </c>
      <c r="Q1239" s="115" t="s">
        <v>400</v>
      </c>
      <c r="R1239" s="115">
        <v>1</v>
      </c>
      <c r="S1239" s="115">
        <v>0</v>
      </c>
      <c r="T1239" s="115">
        <v>0</v>
      </c>
      <c r="U1239" s="119"/>
      <c r="V1239" s="119"/>
      <c r="W1239" s="119"/>
      <c r="X1239" s="119"/>
      <c r="Y1239" s="119"/>
      <c r="Z1239" s="119"/>
      <c r="AA1239" s="119"/>
      <c r="AB1239" s="119"/>
      <c r="AC1239" s="119"/>
      <c r="AD1239" s="119"/>
      <c r="AE1239" s="119"/>
      <c r="AF1239" s="119"/>
      <c r="AG1239" s="119"/>
      <c r="AH1239" s="119"/>
      <c r="AI1239" s="119"/>
      <c r="AJ1239" s="119"/>
      <c r="AK1239" s="119"/>
      <c r="AL1239" s="119"/>
      <c r="AM1239" s="119"/>
      <c r="AN1239" s="119"/>
      <c r="AO1239" s="119"/>
      <c r="AP1239" s="119"/>
      <c r="AQ1239" s="119"/>
      <c r="AR1239" s="119"/>
      <c r="AS1239" s="119"/>
      <c r="AT1239" s="119"/>
      <c r="AU1239" s="119"/>
      <c r="AV1239" s="119"/>
      <c r="AW1239" s="119"/>
      <c r="AX1239" s="119"/>
      <c r="AY1239" s="119"/>
      <c r="AZ1239" s="119"/>
      <c r="BA1239" s="119"/>
      <c r="BB1239" s="107">
        <v>45884</v>
      </c>
    </row>
    <row r="1240" spans="1:54" s="207" customFormat="1" ht="13.95" customHeight="1" x14ac:dyDescent="0.25">
      <c r="A1240" s="208" t="s">
        <v>3025</v>
      </c>
      <c r="B1240" s="209" t="s">
        <v>20420</v>
      </c>
      <c r="C1240" s="113" t="s">
        <v>3026</v>
      </c>
      <c r="D1240" s="113" t="s">
        <v>23131</v>
      </c>
      <c r="E1240" s="210">
        <v>1990</v>
      </c>
      <c r="F1240" s="210">
        <v>1200</v>
      </c>
      <c r="G1240" s="113" t="s">
        <v>1</v>
      </c>
      <c r="H1240" s="113">
        <v>0</v>
      </c>
      <c r="I1240" s="113">
        <v>0</v>
      </c>
      <c r="J1240" s="115">
        <v>1</v>
      </c>
      <c r="K1240" s="116" t="s">
        <v>174</v>
      </c>
      <c r="L1240" s="115">
        <v>1</v>
      </c>
      <c r="M1240" s="115">
        <v>0</v>
      </c>
      <c r="N1240" s="115">
        <v>0</v>
      </c>
      <c r="O1240" s="115">
        <v>0</v>
      </c>
      <c r="P1240" s="115" t="s">
        <v>400</v>
      </c>
      <c r="Q1240" s="115" t="s">
        <v>400</v>
      </c>
      <c r="R1240" s="115">
        <v>0</v>
      </c>
      <c r="S1240" s="115">
        <v>0</v>
      </c>
      <c r="T1240" s="115">
        <v>0</v>
      </c>
      <c r="U1240" s="119"/>
      <c r="V1240" s="119"/>
      <c r="W1240" s="119"/>
      <c r="X1240" s="119"/>
      <c r="Y1240" s="119"/>
      <c r="Z1240" s="119"/>
      <c r="AA1240" s="119"/>
      <c r="AB1240" s="119"/>
      <c r="AC1240" s="119"/>
      <c r="AD1240" s="119"/>
      <c r="AE1240" s="119"/>
      <c r="AF1240" s="119"/>
      <c r="AG1240" s="119"/>
      <c r="AH1240" s="119"/>
      <c r="AI1240" s="119"/>
      <c r="AJ1240" s="119"/>
      <c r="AK1240" s="119"/>
      <c r="AL1240" s="119"/>
      <c r="AM1240" s="119"/>
      <c r="AN1240" s="119"/>
      <c r="AO1240" s="119"/>
      <c r="AP1240" s="119"/>
      <c r="AQ1240" s="119"/>
      <c r="AR1240" s="119"/>
      <c r="AS1240" s="119"/>
      <c r="AT1240" s="119"/>
      <c r="AU1240" s="119"/>
      <c r="AV1240" s="119"/>
      <c r="AW1240" s="119"/>
      <c r="AX1240" s="119"/>
      <c r="AY1240" s="119"/>
      <c r="AZ1240" s="119"/>
      <c r="BA1240" s="119"/>
      <c r="BB1240" s="107">
        <v>45884</v>
      </c>
    </row>
    <row r="1241" spans="1:54" s="207" customFormat="1" ht="13.95" customHeight="1" x14ac:dyDescent="0.25">
      <c r="A1241" s="208" t="s">
        <v>3027</v>
      </c>
      <c r="B1241" s="209" t="s">
        <v>20420</v>
      </c>
      <c r="C1241" s="113" t="s">
        <v>3028</v>
      </c>
      <c r="D1241" s="113" t="s">
        <v>3029</v>
      </c>
      <c r="E1241" s="210">
        <v>1992</v>
      </c>
      <c r="F1241" s="210">
        <v>1200</v>
      </c>
      <c r="G1241" s="113" t="s">
        <v>1</v>
      </c>
      <c r="H1241" s="113">
        <v>0</v>
      </c>
      <c r="I1241" s="113">
        <v>0</v>
      </c>
      <c r="J1241" s="115">
        <v>1</v>
      </c>
      <c r="K1241" s="211">
        <v>1</v>
      </c>
      <c r="L1241" s="115">
        <v>1</v>
      </c>
      <c r="M1241" s="115">
        <v>0</v>
      </c>
      <c r="N1241" s="115">
        <v>0</v>
      </c>
      <c r="O1241" s="115">
        <v>1</v>
      </c>
      <c r="P1241" s="115">
        <v>1</v>
      </c>
      <c r="Q1241" s="115" t="s">
        <v>400</v>
      </c>
      <c r="R1241" s="115">
        <v>0</v>
      </c>
      <c r="S1241" s="115">
        <v>0</v>
      </c>
      <c r="T1241" s="115">
        <v>0</v>
      </c>
      <c r="U1241" s="119"/>
      <c r="V1241" s="119"/>
      <c r="W1241" s="119"/>
      <c r="X1241" s="119"/>
      <c r="Y1241" s="119"/>
      <c r="Z1241" s="119"/>
      <c r="AA1241" s="119"/>
      <c r="AB1241" s="119"/>
      <c r="AC1241" s="119"/>
      <c r="AD1241" s="119"/>
      <c r="AE1241" s="119"/>
      <c r="AF1241" s="119"/>
      <c r="AG1241" s="119"/>
      <c r="AH1241" s="119"/>
      <c r="AI1241" s="119"/>
      <c r="AJ1241" s="119"/>
      <c r="AK1241" s="119"/>
      <c r="AL1241" s="119"/>
      <c r="AM1241" s="119"/>
      <c r="AN1241" s="119"/>
      <c r="AO1241" s="119"/>
      <c r="AP1241" s="119"/>
      <c r="AQ1241" s="119"/>
      <c r="AR1241" s="119"/>
      <c r="AS1241" s="119"/>
      <c r="AT1241" s="119"/>
      <c r="AU1241" s="119"/>
      <c r="AV1241" s="119"/>
      <c r="AW1241" s="119"/>
      <c r="AX1241" s="119"/>
      <c r="AY1241" s="119"/>
      <c r="AZ1241" s="119"/>
      <c r="BA1241" s="119"/>
      <c r="BB1241" s="107">
        <v>45884</v>
      </c>
    </row>
    <row r="1242" spans="1:54" s="207" customFormat="1" ht="13.95" customHeight="1" x14ac:dyDescent="0.25">
      <c r="A1242" s="208" t="s">
        <v>3030</v>
      </c>
      <c r="B1242" s="209" t="s">
        <v>20420</v>
      </c>
      <c r="C1242" s="113" t="s">
        <v>3031</v>
      </c>
      <c r="D1242" s="113" t="s">
        <v>23132</v>
      </c>
      <c r="E1242" s="210">
        <v>1998</v>
      </c>
      <c r="F1242" s="210">
        <v>1200</v>
      </c>
      <c r="G1242" s="113" t="s">
        <v>1</v>
      </c>
      <c r="H1242" s="113">
        <v>0</v>
      </c>
      <c r="I1242" s="113">
        <v>0</v>
      </c>
      <c r="J1242" s="115">
        <v>1</v>
      </c>
      <c r="K1242" s="211">
        <v>1</v>
      </c>
      <c r="L1242" s="115">
        <v>1</v>
      </c>
      <c r="M1242" s="115">
        <v>1</v>
      </c>
      <c r="N1242" s="115">
        <v>0</v>
      </c>
      <c r="O1242" s="115">
        <v>0</v>
      </c>
      <c r="P1242" s="115" t="s">
        <v>400</v>
      </c>
      <c r="Q1242" s="115" t="s">
        <v>400</v>
      </c>
      <c r="R1242" s="115">
        <v>0</v>
      </c>
      <c r="S1242" s="115">
        <v>0</v>
      </c>
      <c r="T1242" s="115">
        <v>0</v>
      </c>
      <c r="U1242" s="119"/>
      <c r="V1242" s="119"/>
      <c r="W1242" s="119"/>
      <c r="X1242" s="119"/>
      <c r="Y1242" s="119"/>
      <c r="Z1242" s="119"/>
      <c r="AA1242" s="119"/>
      <c r="AB1242" s="119"/>
      <c r="AC1242" s="119"/>
      <c r="AD1242" s="119"/>
      <c r="AE1242" s="119"/>
      <c r="AF1242" s="119"/>
      <c r="AG1242" s="119"/>
      <c r="AH1242" s="119"/>
      <c r="AI1242" s="119"/>
      <c r="AJ1242" s="119"/>
      <c r="AK1242" s="119"/>
      <c r="AL1242" s="119"/>
      <c r="AM1242" s="119"/>
      <c r="AN1242" s="119"/>
      <c r="AO1242" s="119"/>
      <c r="AP1242" s="119"/>
      <c r="AQ1242" s="119"/>
      <c r="AR1242" s="119"/>
      <c r="AS1242" s="119"/>
      <c r="AT1242" s="119"/>
      <c r="AU1242" s="119"/>
      <c r="AV1242" s="119"/>
      <c r="AW1242" s="119"/>
      <c r="AX1242" s="119"/>
      <c r="AY1242" s="119"/>
      <c r="AZ1242" s="119"/>
      <c r="BA1242" s="119"/>
      <c r="BB1242" s="107">
        <v>45884</v>
      </c>
    </row>
    <row r="1243" spans="1:54" s="207" customFormat="1" ht="13.95" customHeight="1" x14ac:dyDescent="0.25">
      <c r="A1243" s="208" t="s">
        <v>3032</v>
      </c>
      <c r="B1243" s="209" t="s">
        <v>20420</v>
      </c>
      <c r="C1243" s="113" t="s">
        <v>3033</v>
      </c>
      <c r="D1243" s="113" t="s">
        <v>3034</v>
      </c>
      <c r="E1243" s="210">
        <v>1992</v>
      </c>
      <c r="F1243" s="210">
        <v>1200</v>
      </c>
      <c r="G1243" s="113" t="s">
        <v>1</v>
      </c>
      <c r="H1243" s="113">
        <v>0</v>
      </c>
      <c r="I1243" s="113">
        <v>0</v>
      </c>
      <c r="J1243" s="115">
        <v>1</v>
      </c>
      <c r="K1243" s="116" t="s">
        <v>174</v>
      </c>
      <c r="L1243" s="115">
        <v>1</v>
      </c>
      <c r="M1243" s="115">
        <v>0</v>
      </c>
      <c r="N1243" s="115">
        <v>0</v>
      </c>
      <c r="O1243" s="115">
        <v>1</v>
      </c>
      <c r="P1243" s="115">
        <v>1</v>
      </c>
      <c r="Q1243" s="115" t="s">
        <v>400</v>
      </c>
      <c r="R1243" s="115">
        <v>0</v>
      </c>
      <c r="S1243" s="115">
        <v>0</v>
      </c>
      <c r="T1243" s="115">
        <v>0</v>
      </c>
      <c r="U1243" s="119"/>
      <c r="V1243" s="119"/>
      <c r="W1243" s="119"/>
      <c r="X1243" s="119"/>
      <c r="Y1243" s="119"/>
      <c r="Z1243" s="119"/>
      <c r="AA1243" s="119"/>
      <c r="AB1243" s="119"/>
      <c r="AC1243" s="119"/>
      <c r="AD1243" s="119"/>
      <c r="AE1243" s="119"/>
      <c r="AF1243" s="119"/>
      <c r="AG1243" s="119"/>
      <c r="AH1243" s="119"/>
      <c r="AI1243" s="119"/>
      <c r="AJ1243" s="119"/>
      <c r="AK1243" s="119"/>
      <c r="AL1243" s="119"/>
      <c r="AM1243" s="119"/>
      <c r="AN1243" s="119"/>
      <c r="AO1243" s="119"/>
      <c r="AP1243" s="119"/>
      <c r="AQ1243" s="119"/>
      <c r="AR1243" s="119"/>
      <c r="AS1243" s="119"/>
      <c r="AT1243" s="119"/>
      <c r="AU1243" s="119"/>
      <c r="AV1243" s="119"/>
      <c r="AW1243" s="119"/>
      <c r="AX1243" s="119"/>
      <c r="AY1243" s="119"/>
      <c r="AZ1243" s="119"/>
      <c r="BA1243" s="119"/>
      <c r="BB1243" s="107">
        <v>45884</v>
      </c>
    </row>
    <row r="1244" spans="1:54" s="207" customFormat="1" ht="13.95" customHeight="1" x14ac:dyDescent="0.25">
      <c r="A1244" s="208" t="s">
        <v>3035</v>
      </c>
      <c r="B1244" s="209" t="s">
        <v>20420</v>
      </c>
      <c r="C1244" s="113" t="s">
        <v>3036</v>
      </c>
      <c r="D1244" s="113" t="s">
        <v>23133</v>
      </c>
      <c r="E1244" s="210">
        <v>1989</v>
      </c>
      <c r="F1244" s="210">
        <v>1200</v>
      </c>
      <c r="G1244" s="113" t="s">
        <v>1</v>
      </c>
      <c r="H1244" s="113">
        <v>0</v>
      </c>
      <c r="I1244" s="113">
        <v>0</v>
      </c>
      <c r="J1244" s="115">
        <v>1</v>
      </c>
      <c r="K1244" s="116" t="s">
        <v>174</v>
      </c>
      <c r="L1244" s="115">
        <v>1</v>
      </c>
      <c r="M1244" s="115">
        <v>1</v>
      </c>
      <c r="N1244" s="115">
        <v>0</v>
      </c>
      <c r="O1244" s="115">
        <v>1</v>
      </c>
      <c r="P1244" s="115" t="s">
        <v>400</v>
      </c>
      <c r="Q1244" s="115">
        <v>1</v>
      </c>
      <c r="R1244" s="115">
        <v>0</v>
      </c>
      <c r="S1244" s="115">
        <v>0</v>
      </c>
      <c r="T1244" s="115">
        <v>0</v>
      </c>
      <c r="U1244" s="119"/>
      <c r="V1244" s="119"/>
      <c r="W1244" s="119"/>
      <c r="X1244" s="119"/>
      <c r="Y1244" s="119"/>
      <c r="Z1244" s="119"/>
      <c r="AA1244" s="119"/>
      <c r="AB1244" s="119"/>
      <c r="AC1244" s="119"/>
      <c r="AD1244" s="119"/>
      <c r="AE1244" s="119"/>
      <c r="AF1244" s="119"/>
      <c r="AG1244" s="119"/>
      <c r="AH1244" s="119"/>
      <c r="AI1244" s="119"/>
      <c r="AJ1244" s="119"/>
      <c r="AK1244" s="119"/>
      <c r="AL1244" s="119"/>
      <c r="AM1244" s="119"/>
      <c r="AN1244" s="119"/>
      <c r="AO1244" s="119"/>
      <c r="AP1244" s="119"/>
      <c r="AQ1244" s="119"/>
      <c r="AR1244" s="119"/>
      <c r="AS1244" s="119"/>
      <c r="AT1244" s="119"/>
      <c r="AU1244" s="119"/>
      <c r="AV1244" s="119"/>
      <c r="AW1244" s="119"/>
      <c r="AX1244" s="119"/>
      <c r="AY1244" s="119"/>
      <c r="AZ1244" s="119"/>
      <c r="BA1244" s="119"/>
      <c r="BB1244" s="107">
        <v>45884</v>
      </c>
    </row>
    <row r="1245" spans="1:54" s="207" customFormat="1" ht="13.95" customHeight="1" x14ac:dyDescent="0.25">
      <c r="A1245" s="208" t="s">
        <v>3037</v>
      </c>
      <c r="B1245" s="209" t="s">
        <v>20420</v>
      </c>
      <c r="C1245" s="113" t="s">
        <v>3038</v>
      </c>
      <c r="D1245" s="113" t="s">
        <v>23134</v>
      </c>
      <c r="E1245" s="210">
        <v>1995</v>
      </c>
      <c r="F1245" s="210">
        <v>1200</v>
      </c>
      <c r="G1245" s="113" t="s">
        <v>1</v>
      </c>
      <c r="H1245" s="113">
        <v>0</v>
      </c>
      <c r="I1245" s="113">
        <v>0</v>
      </c>
      <c r="J1245" s="115">
        <v>1</v>
      </c>
      <c r="K1245" s="116" t="s">
        <v>174</v>
      </c>
      <c r="L1245" s="115">
        <v>1</v>
      </c>
      <c r="M1245" s="115">
        <v>0</v>
      </c>
      <c r="N1245" s="115">
        <v>0</v>
      </c>
      <c r="O1245" s="115">
        <v>0</v>
      </c>
      <c r="P1245" s="115">
        <v>1</v>
      </c>
      <c r="Q1245" s="115">
        <v>1</v>
      </c>
      <c r="R1245" s="115">
        <v>0</v>
      </c>
      <c r="S1245" s="115">
        <v>0</v>
      </c>
      <c r="T1245" s="115">
        <v>0</v>
      </c>
      <c r="U1245" s="119"/>
      <c r="V1245" s="119"/>
      <c r="W1245" s="119"/>
      <c r="X1245" s="119"/>
      <c r="Y1245" s="119"/>
      <c r="Z1245" s="119"/>
      <c r="AA1245" s="119"/>
      <c r="AB1245" s="119"/>
      <c r="AC1245" s="119"/>
      <c r="AD1245" s="119"/>
      <c r="AE1245" s="119"/>
      <c r="AF1245" s="119"/>
      <c r="AG1245" s="119"/>
      <c r="AH1245" s="119"/>
      <c r="AI1245" s="119"/>
      <c r="AJ1245" s="119"/>
      <c r="AK1245" s="119"/>
      <c r="AL1245" s="119"/>
      <c r="AM1245" s="119"/>
      <c r="AN1245" s="119"/>
      <c r="AO1245" s="119"/>
      <c r="AP1245" s="119"/>
      <c r="AQ1245" s="119"/>
      <c r="AR1245" s="119"/>
      <c r="AS1245" s="119"/>
      <c r="AT1245" s="119"/>
      <c r="AU1245" s="119"/>
      <c r="AV1245" s="119"/>
      <c r="AW1245" s="119"/>
      <c r="AX1245" s="119"/>
      <c r="AY1245" s="119"/>
      <c r="AZ1245" s="119"/>
      <c r="BA1245" s="119"/>
      <c r="BB1245" s="107">
        <v>45884</v>
      </c>
    </row>
    <row r="1246" spans="1:54" s="207" customFormat="1" ht="13.95" customHeight="1" x14ac:dyDescent="0.25">
      <c r="A1246" s="208" t="s">
        <v>3039</v>
      </c>
      <c r="B1246" s="209" t="s">
        <v>20420</v>
      </c>
      <c r="C1246" s="113" t="s">
        <v>3040</v>
      </c>
      <c r="D1246" s="113" t="s">
        <v>23135</v>
      </c>
      <c r="E1246" s="210">
        <v>1994</v>
      </c>
      <c r="F1246" s="210">
        <v>1200</v>
      </c>
      <c r="G1246" s="113" t="s">
        <v>1</v>
      </c>
      <c r="H1246" s="113">
        <v>0</v>
      </c>
      <c r="I1246" s="113">
        <v>0</v>
      </c>
      <c r="J1246" s="115">
        <v>1</v>
      </c>
      <c r="K1246" s="116" t="s">
        <v>174</v>
      </c>
      <c r="L1246" s="115">
        <v>1</v>
      </c>
      <c r="M1246" s="115">
        <v>0</v>
      </c>
      <c r="N1246" s="115">
        <v>0</v>
      </c>
      <c r="O1246" s="115">
        <v>1</v>
      </c>
      <c r="P1246" s="115">
        <v>1</v>
      </c>
      <c r="Q1246" s="115" t="s">
        <v>400</v>
      </c>
      <c r="R1246" s="115">
        <v>0</v>
      </c>
      <c r="S1246" s="115">
        <v>0</v>
      </c>
      <c r="T1246" s="115">
        <v>0</v>
      </c>
      <c r="U1246" s="119"/>
      <c r="V1246" s="119"/>
      <c r="W1246" s="119"/>
      <c r="X1246" s="119"/>
      <c r="Y1246" s="119"/>
      <c r="Z1246" s="119"/>
      <c r="AA1246" s="119"/>
      <c r="AB1246" s="119"/>
      <c r="AC1246" s="119"/>
      <c r="AD1246" s="119"/>
      <c r="AE1246" s="119"/>
      <c r="AF1246" s="119"/>
      <c r="AG1246" s="119"/>
      <c r="AH1246" s="119"/>
      <c r="AI1246" s="119"/>
      <c r="AJ1246" s="119"/>
      <c r="AK1246" s="119"/>
      <c r="AL1246" s="119"/>
      <c r="AM1246" s="119"/>
      <c r="AN1246" s="119"/>
      <c r="AO1246" s="119"/>
      <c r="AP1246" s="119"/>
      <c r="AQ1246" s="119"/>
      <c r="AR1246" s="119"/>
      <c r="AS1246" s="119"/>
      <c r="AT1246" s="119"/>
      <c r="AU1246" s="119"/>
      <c r="AV1246" s="119"/>
      <c r="AW1246" s="119"/>
      <c r="AX1246" s="119"/>
      <c r="AY1246" s="119"/>
      <c r="AZ1246" s="119"/>
      <c r="BA1246" s="119"/>
      <c r="BB1246" s="107">
        <v>45884</v>
      </c>
    </row>
    <row r="1247" spans="1:54" s="207" customFormat="1" ht="13.95" customHeight="1" x14ac:dyDescent="0.25">
      <c r="A1247" s="208" t="s">
        <v>3041</v>
      </c>
      <c r="B1247" s="209" t="s">
        <v>20420</v>
      </c>
      <c r="C1247" s="113" t="s">
        <v>3042</v>
      </c>
      <c r="D1247" s="113" t="s">
        <v>23136</v>
      </c>
      <c r="E1247" s="210">
        <v>1986</v>
      </c>
      <c r="F1247" s="210">
        <v>1200</v>
      </c>
      <c r="G1247" s="113" t="s">
        <v>1</v>
      </c>
      <c r="H1247" s="113">
        <v>0</v>
      </c>
      <c r="I1247" s="113">
        <v>0</v>
      </c>
      <c r="J1247" s="115">
        <v>1</v>
      </c>
      <c r="K1247" s="116" t="s">
        <v>174</v>
      </c>
      <c r="L1247" s="115">
        <v>1</v>
      </c>
      <c r="M1247" s="115">
        <v>0</v>
      </c>
      <c r="N1247" s="115">
        <v>0</v>
      </c>
      <c r="O1247" s="115">
        <v>1</v>
      </c>
      <c r="P1247" s="115">
        <v>1</v>
      </c>
      <c r="Q1247" s="115" t="s">
        <v>400</v>
      </c>
      <c r="R1247" s="115">
        <v>0</v>
      </c>
      <c r="S1247" s="115">
        <v>0</v>
      </c>
      <c r="T1247" s="115">
        <v>0</v>
      </c>
      <c r="U1247" s="119"/>
      <c r="V1247" s="119"/>
      <c r="W1247" s="119"/>
      <c r="X1247" s="119"/>
      <c r="Y1247" s="119"/>
      <c r="Z1247" s="119"/>
      <c r="AA1247" s="119"/>
      <c r="AB1247" s="119"/>
      <c r="AC1247" s="119"/>
      <c r="AD1247" s="119"/>
      <c r="AE1247" s="119"/>
      <c r="AF1247" s="119"/>
      <c r="AG1247" s="119"/>
      <c r="AH1247" s="119"/>
      <c r="AI1247" s="119"/>
      <c r="AJ1247" s="119"/>
      <c r="AK1247" s="119"/>
      <c r="AL1247" s="119"/>
      <c r="AM1247" s="119"/>
      <c r="AN1247" s="119"/>
      <c r="AO1247" s="119"/>
      <c r="AP1247" s="119"/>
      <c r="AQ1247" s="119"/>
      <c r="AR1247" s="119"/>
      <c r="AS1247" s="119"/>
      <c r="AT1247" s="119"/>
      <c r="AU1247" s="119"/>
      <c r="AV1247" s="119"/>
      <c r="AW1247" s="119"/>
      <c r="AX1247" s="119"/>
      <c r="AY1247" s="119"/>
      <c r="AZ1247" s="119"/>
      <c r="BA1247" s="119"/>
      <c r="BB1247" s="107">
        <v>45884</v>
      </c>
    </row>
    <row r="1248" spans="1:54" s="207" customFormat="1" ht="13.95" customHeight="1" x14ac:dyDescent="0.25">
      <c r="A1248" s="208" t="s">
        <v>3043</v>
      </c>
      <c r="B1248" s="209" t="s">
        <v>20420</v>
      </c>
      <c r="C1248" s="113" t="s">
        <v>3044</v>
      </c>
      <c r="D1248" s="113" t="s">
        <v>23137</v>
      </c>
      <c r="E1248" s="210">
        <v>1987</v>
      </c>
      <c r="F1248" s="210">
        <v>1200</v>
      </c>
      <c r="G1248" s="113" t="s">
        <v>1</v>
      </c>
      <c r="H1248" s="113">
        <v>0</v>
      </c>
      <c r="I1248" s="113">
        <v>0</v>
      </c>
      <c r="J1248" s="115">
        <v>1</v>
      </c>
      <c r="K1248" s="116" t="s">
        <v>174</v>
      </c>
      <c r="L1248" s="115">
        <v>1</v>
      </c>
      <c r="M1248" s="115">
        <v>0</v>
      </c>
      <c r="N1248" s="115">
        <v>0</v>
      </c>
      <c r="O1248" s="115">
        <v>1</v>
      </c>
      <c r="P1248" s="115">
        <v>1</v>
      </c>
      <c r="Q1248" s="115" t="s">
        <v>400</v>
      </c>
      <c r="R1248" s="115">
        <v>0</v>
      </c>
      <c r="S1248" s="115">
        <v>0</v>
      </c>
      <c r="T1248" s="115">
        <v>0</v>
      </c>
      <c r="U1248" s="119"/>
      <c r="V1248" s="119"/>
      <c r="W1248" s="119"/>
      <c r="X1248" s="119"/>
      <c r="Y1248" s="119"/>
      <c r="Z1248" s="119"/>
      <c r="AA1248" s="119"/>
      <c r="AB1248" s="119"/>
      <c r="AC1248" s="119"/>
      <c r="AD1248" s="119"/>
      <c r="AE1248" s="119"/>
      <c r="AF1248" s="119"/>
      <c r="AG1248" s="119"/>
      <c r="AH1248" s="119"/>
      <c r="AI1248" s="119"/>
      <c r="AJ1248" s="119"/>
      <c r="AK1248" s="119"/>
      <c r="AL1248" s="119"/>
      <c r="AM1248" s="119"/>
      <c r="AN1248" s="119"/>
      <c r="AO1248" s="119"/>
      <c r="AP1248" s="119"/>
      <c r="AQ1248" s="119"/>
      <c r="AR1248" s="119"/>
      <c r="AS1248" s="119"/>
      <c r="AT1248" s="119"/>
      <c r="AU1248" s="119"/>
      <c r="AV1248" s="119"/>
      <c r="AW1248" s="119"/>
      <c r="AX1248" s="119"/>
      <c r="AY1248" s="119"/>
      <c r="AZ1248" s="119"/>
      <c r="BA1248" s="119"/>
      <c r="BB1248" s="107">
        <v>45884</v>
      </c>
    </row>
    <row r="1249" spans="1:54" s="207" customFormat="1" ht="13.95" customHeight="1" x14ac:dyDescent="0.25">
      <c r="A1249" s="208" t="s">
        <v>3045</v>
      </c>
      <c r="B1249" s="209" t="s">
        <v>20420</v>
      </c>
      <c r="C1249" s="113" t="s">
        <v>3046</v>
      </c>
      <c r="D1249" s="113" t="s">
        <v>3047</v>
      </c>
      <c r="E1249" s="210">
        <v>1973</v>
      </c>
      <c r="F1249" s="210">
        <v>1200</v>
      </c>
      <c r="G1249" s="113" t="s">
        <v>1</v>
      </c>
      <c r="H1249" s="113">
        <v>0</v>
      </c>
      <c r="I1249" s="113">
        <v>0</v>
      </c>
      <c r="J1249" s="115">
        <v>1</v>
      </c>
      <c r="K1249" s="116" t="s">
        <v>174</v>
      </c>
      <c r="L1249" s="115">
        <v>1</v>
      </c>
      <c r="M1249" s="115">
        <v>1</v>
      </c>
      <c r="N1249" s="115">
        <v>1</v>
      </c>
      <c r="O1249" s="115">
        <v>1</v>
      </c>
      <c r="P1249" s="115" t="s">
        <v>400</v>
      </c>
      <c r="Q1249" s="115" t="s">
        <v>400</v>
      </c>
      <c r="R1249" s="115">
        <v>1</v>
      </c>
      <c r="S1249" s="115">
        <v>0</v>
      </c>
      <c r="T1249" s="115">
        <v>0</v>
      </c>
      <c r="U1249" s="119"/>
      <c r="V1249" s="119"/>
      <c r="W1249" s="119"/>
      <c r="X1249" s="119"/>
      <c r="Y1249" s="119"/>
      <c r="Z1249" s="119"/>
      <c r="AA1249" s="119"/>
      <c r="AB1249" s="119"/>
      <c r="AC1249" s="119"/>
      <c r="AD1249" s="119"/>
      <c r="AE1249" s="119"/>
      <c r="AF1249" s="119"/>
      <c r="AG1249" s="119"/>
      <c r="AH1249" s="119"/>
      <c r="AI1249" s="119"/>
      <c r="AJ1249" s="119"/>
      <c r="AK1249" s="119"/>
      <c r="AL1249" s="119"/>
      <c r="AM1249" s="119"/>
      <c r="AN1249" s="119"/>
      <c r="AO1249" s="119"/>
      <c r="AP1249" s="119"/>
      <c r="AQ1249" s="119"/>
      <c r="AR1249" s="119"/>
      <c r="AS1249" s="119"/>
      <c r="AT1249" s="119"/>
      <c r="AU1249" s="119"/>
      <c r="AV1249" s="119"/>
      <c r="AW1249" s="119"/>
      <c r="AX1249" s="119"/>
      <c r="AY1249" s="119"/>
      <c r="AZ1249" s="119"/>
      <c r="BA1249" s="119"/>
      <c r="BB1249" s="107">
        <v>45884</v>
      </c>
    </row>
    <row r="1250" spans="1:54" s="207" customFormat="1" ht="13.95" customHeight="1" x14ac:dyDescent="0.25">
      <c r="A1250" s="208" t="s">
        <v>3048</v>
      </c>
      <c r="B1250" s="209" t="s">
        <v>20420</v>
      </c>
      <c r="C1250" s="113" t="s">
        <v>3049</v>
      </c>
      <c r="D1250" s="113" t="s">
        <v>23138</v>
      </c>
      <c r="E1250" s="210">
        <v>1988</v>
      </c>
      <c r="F1250" s="210">
        <v>1200</v>
      </c>
      <c r="G1250" s="113" t="s">
        <v>1</v>
      </c>
      <c r="H1250" s="113">
        <v>0</v>
      </c>
      <c r="I1250" s="113">
        <v>0</v>
      </c>
      <c r="J1250" s="115">
        <v>1</v>
      </c>
      <c r="K1250" s="116" t="s">
        <v>174</v>
      </c>
      <c r="L1250" s="115">
        <v>0</v>
      </c>
      <c r="M1250" s="115">
        <v>1</v>
      </c>
      <c r="N1250" s="115">
        <v>0</v>
      </c>
      <c r="O1250" s="115">
        <v>1</v>
      </c>
      <c r="P1250" s="115" t="s">
        <v>400</v>
      </c>
      <c r="Q1250" s="115" t="s">
        <v>400</v>
      </c>
      <c r="R1250" s="115">
        <v>0</v>
      </c>
      <c r="S1250" s="115">
        <v>0</v>
      </c>
      <c r="T1250" s="115">
        <v>0</v>
      </c>
      <c r="U1250" s="119"/>
      <c r="V1250" s="119"/>
      <c r="W1250" s="119"/>
      <c r="X1250" s="119"/>
      <c r="Y1250" s="119"/>
      <c r="Z1250" s="119"/>
      <c r="AA1250" s="119"/>
      <c r="AB1250" s="119"/>
      <c r="AC1250" s="119"/>
      <c r="AD1250" s="119"/>
      <c r="AE1250" s="119"/>
      <c r="AF1250" s="119"/>
      <c r="AG1250" s="119"/>
      <c r="AH1250" s="119"/>
      <c r="AI1250" s="119"/>
      <c r="AJ1250" s="119"/>
      <c r="AK1250" s="119"/>
      <c r="AL1250" s="119"/>
      <c r="AM1250" s="119"/>
      <c r="AN1250" s="119"/>
      <c r="AO1250" s="119"/>
      <c r="AP1250" s="119"/>
      <c r="AQ1250" s="119"/>
      <c r="AR1250" s="119"/>
      <c r="AS1250" s="119"/>
      <c r="AT1250" s="119"/>
      <c r="AU1250" s="119"/>
      <c r="AV1250" s="119"/>
      <c r="AW1250" s="119"/>
      <c r="AX1250" s="119"/>
      <c r="AY1250" s="119"/>
      <c r="AZ1250" s="119"/>
      <c r="BA1250" s="119"/>
      <c r="BB1250" s="107">
        <v>45884</v>
      </c>
    </row>
    <row r="1251" spans="1:54" s="207" customFormat="1" ht="13.95" customHeight="1" x14ac:dyDescent="0.25">
      <c r="A1251" s="208" t="s">
        <v>3050</v>
      </c>
      <c r="B1251" s="209" t="s">
        <v>20420</v>
      </c>
      <c r="C1251" s="113" t="s">
        <v>3051</v>
      </c>
      <c r="D1251" s="113" t="s">
        <v>23139</v>
      </c>
      <c r="E1251" s="210">
        <v>1971</v>
      </c>
      <c r="F1251" s="210">
        <v>1201</v>
      </c>
      <c r="G1251" s="113" t="s">
        <v>1</v>
      </c>
      <c r="H1251" s="113">
        <v>0</v>
      </c>
      <c r="I1251" s="113">
        <v>0</v>
      </c>
      <c r="J1251" s="115">
        <v>1</v>
      </c>
      <c r="K1251" s="211">
        <v>1</v>
      </c>
      <c r="L1251" s="115">
        <v>1</v>
      </c>
      <c r="M1251" s="115">
        <v>0</v>
      </c>
      <c r="N1251" s="115">
        <v>0</v>
      </c>
      <c r="O1251" s="115">
        <v>1</v>
      </c>
      <c r="P1251" s="115">
        <v>1</v>
      </c>
      <c r="Q1251" s="115" t="s">
        <v>400</v>
      </c>
      <c r="R1251" s="115">
        <v>1</v>
      </c>
      <c r="S1251" s="115">
        <v>0</v>
      </c>
      <c r="T1251" s="115">
        <v>0</v>
      </c>
      <c r="U1251" s="119"/>
      <c r="V1251" s="119"/>
      <c r="W1251" s="119"/>
      <c r="X1251" s="119"/>
      <c r="Y1251" s="119"/>
      <c r="Z1251" s="119"/>
      <c r="AA1251" s="119"/>
      <c r="AB1251" s="119"/>
      <c r="AC1251" s="119"/>
      <c r="AD1251" s="119"/>
      <c r="AE1251" s="119"/>
      <c r="AF1251" s="119"/>
      <c r="AG1251" s="119"/>
      <c r="AH1251" s="119"/>
      <c r="AI1251" s="119"/>
      <c r="AJ1251" s="119"/>
      <c r="AK1251" s="119"/>
      <c r="AL1251" s="119"/>
      <c r="AM1251" s="119"/>
      <c r="AN1251" s="119"/>
      <c r="AO1251" s="119"/>
      <c r="AP1251" s="119"/>
      <c r="AQ1251" s="119"/>
      <c r="AR1251" s="119"/>
      <c r="AS1251" s="119"/>
      <c r="AT1251" s="119"/>
      <c r="AU1251" s="119"/>
      <c r="AV1251" s="119"/>
      <c r="AW1251" s="119"/>
      <c r="AX1251" s="119"/>
      <c r="AY1251" s="119"/>
      <c r="AZ1251" s="119"/>
      <c r="BA1251" s="119"/>
      <c r="BB1251" s="107">
        <v>45884</v>
      </c>
    </row>
    <row r="1252" spans="1:54" s="207" customFormat="1" ht="13.95" customHeight="1" x14ac:dyDescent="0.25">
      <c r="A1252" s="208" t="s">
        <v>3052</v>
      </c>
      <c r="B1252" s="209" t="s">
        <v>20420</v>
      </c>
      <c r="C1252" s="113" t="s">
        <v>3053</v>
      </c>
      <c r="D1252" s="113" t="s">
        <v>3054</v>
      </c>
      <c r="E1252" s="210">
        <v>1987</v>
      </c>
      <c r="F1252" s="210">
        <v>1202</v>
      </c>
      <c r="G1252" s="113" t="s">
        <v>1</v>
      </c>
      <c r="H1252" s="113">
        <v>0</v>
      </c>
      <c r="I1252" s="113">
        <v>0</v>
      </c>
      <c r="J1252" s="115">
        <v>1</v>
      </c>
      <c r="K1252" s="116" t="s">
        <v>174</v>
      </c>
      <c r="L1252" s="115">
        <v>1</v>
      </c>
      <c r="M1252" s="115">
        <v>1</v>
      </c>
      <c r="N1252" s="115">
        <v>0</v>
      </c>
      <c r="O1252" s="115">
        <v>0</v>
      </c>
      <c r="P1252" s="115" t="s">
        <v>400</v>
      </c>
      <c r="Q1252" s="115" t="s">
        <v>400</v>
      </c>
      <c r="R1252" s="115">
        <v>0</v>
      </c>
      <c r="S1252" s="115">
        <v>0</v>
      </c>
      <c r="T1252" s="115">
        <v>0</v>
      </c>
      <c r="U1252" s="119"/>
      <c r="V1252" s="119"/>
      <c r="W1252" s="119"/>
      <c r="X1252" s="119"/>
      <c r="Y1252" s="119"/>
      <c r="Z1252" s="119"/>
      <c r="AA1252" s="119"/>
      <c r="AB1252" s="119"/>
      <c r="AC1252" s="119"/>
      <c r="AD1252" s="119"/>
      <c r="AE1252" s="119"/>
      <c r="AF1252" s="119"/>
      <c r="AG1252" s="119"/>
      <c r="AH1252" s="119"/>
      <c r="AI1252" s="119"/>
      <c r="AJ1252" s="119"/>
      <c r="AK1252" s="119"/>
      <c r="AL1252" s="119"/>
      <c r="AM1252" s="119"/>
      <c r="AN1252" s="119"/>
      <c r="AO1252" s="119"/>
      <c r="AP1252" s="119"/>
      <c r="AQ1252" s="119"/>
      <c r="AR1252" s="119"/>
      <c r="AS1252" s="119"/>
      <c r="AT1252" s="119"/>
      <c r="AU1252" s="119"/>
      <c r="AV1252" s="119"/>
      <c r="AW1252" s="119"/>
      <c r="AX1252" s="119"/>
      <c r="AY1252" s="119"/>
      <c r="AZ1252" s="119"/>
      <c r="BA1252" s="119"/>
      <c r="BB1252" s="107">
        <v>45884</v>
      </c>
    </row>
    <row r="1253" spans="1:54" s="207" customFormat="1" ht="13.95" customHeight="1" x14ac:dyDescent="0.25">
      <c r="A1253" s="208" t="s">
        <v>3055</v>
      </c>
      <c r="B1253" s="209" t="s">
        <v>20420</v>
      </c>
      <c r="C1253" s="113" t="s">
        <v>3056</v>
      </c>
      <c r="D1253" s="113" t="s">
        <v>3057</v>
      </c>
      <c r="E1253" s="210">
        <v>1974</v>
      </c>
      <c r="F1253" s="210">
        <v>1202</v>
      </c>
      <c r="G1253" s="113" t="s">
        <v>1</v>
      </c>
      <c r="H1253" s="113">
        <v>0</v>
      </c>
      <c r="I1253" s="113">
        <v>0</v>
      </c>
      <c r="J1253" s="115">
        <v>1</v>
      </c>
      <c r="K1253" s="116" t="s">
        <v>174</v>
      </c>
      <c r="L1253" s="115">
        <v>1</v>
      </c>
      <c r="M1253" s="115">
        <v>1</v>
      </c>
      <c r="N1253" s="115">
        <v>0</v>
      </c>
      <c r="O1253" s="115">
        <v>1</v>
      </c>
      <c r="P1253" s="115" t="s">
        <v>400</v>
      </c>
      <c r="Q1253" s="115" t="s">
        <v>400</v>
      </c>
      <c r="R1253" s="115">
        <v>1</v>
      </c>
      <c r="S1253" s="115">
        <v>0</v>
      </c>
      <c r="T1253" s="115">
        <v>0</v>
      </c>
      <c r="U1253" s="119"/>
      <c r="V1253" s="119"/>
      <c r="W1253" s="119"/>
      <c r="X1253" s="119"/>
      <c r="Y1253" s="119"/>
      <c r="Z1253" s="119"/>
      <c r="AA1253" s="119"/>
      <c r="AB1253" s="119"/>
      <c r="AC1253" s="119"/>
      <c r="AD1253" s="119"/>
      <c r="AE1253" s="119"/>
      <c r="AF1253" s="119"/>
      <c r="AG1253" s="119"/>
      <c r="AH1253" s="119"/>
      <c r="AI1253" s="119"/>
      <c r="AJ1253" s="119"/>
      <c r="AK1253" s="119"/>
      <c r="AL1253" s="119"/>
      <c r="AM1253" s="119"/>
      <c r="AN1253" s="119"/>
      <c r="AO1253" s="119"/>
      <c r="AP1253" s="119"/>
      <c r="AQ1253" s="119"/>
      <c r="AR1253" s="119"/>
      <c r="AS1253" s="119"/>
      <c r="AT1253" s="119"/>
      <c r="AU1253" s="119"/>
      <c r="AV1253" s="119"/>
      <c r="AW1253" s="119"/>
      <c r="AX1253" s="119"/>
      <c r="AY1253" s="119"/>
      <c r="AZ1253" s="119"/>
      <c r="BA1253" s="119"/>
      <c r="BB1253" s="107">
        <v>45884</v>
      </c>
    </row>
    <row r="1254" spans="1:54" s="207" customFormat="1" ht="13.95" customHeight="1" x14ac:dyDescent="0.25">
      <c r="A1254" s="208" t="s">
        <v>3058</v>
      </c>
      <c r="B1254" s="209" t="s">
        <v>20420</v>
      </c>
      <c r="C1254" s="113" t="s">
        <v>3059</v>
      </c>
      <c r="D1254" s="113" t="s">
        <v>3060</v>
      </c>
      <c r="E1254" s="210">
        <v>1963</v>
      </c>
      <c r="F1254" s="210">
        <v>1203</v>
      </c>
      <c r="G1254" s="113" t="s">
        <v>1</v>
      </c>
      <c r="H1254" s="113">
        <v>0</v>
      </c>
      <c r="I1254" s="113">
        <v>0</v>
      </c>
      <c r="J1254" s="115">
        <v>1</v>
      </c>
      <c r="K1254" s="116" t="s">
        <v>174</v>
      </c>
      <c r="L1254" s="115">
        <v>1</v>
      </c>
      <c r="M1254" s="115">
        <v>1</v>
      </c>
      <c r="N1254" s="115">
        <v>0</v>
      </c>
      <c r="O1254" s="115">
        <v>0</v>
      </c>
      <c r="P1254" s="115" t="s">
        <v>400</v>
      </c>
      <c r="Q1254" s="115" t="s">
        <v>400</v>
      </c>
      <c r="R1254" s="115">
        <v>0</v>
      </c>
      <c r="S1254" s="115">
        <v>0</v>
      </c>
      <c r="T1254" s="115">
        <v>0</v>
      </c>
      <c r="U1254" s="119"/>
      <c r="V1254" s="119"/>
      <c r="W1254" s="119"/>
      <c r="X1254" s="119"/>
      <c r="Y1254" s="119"/>
      <c r="Z1254" s="119"/>
      <c r="AA1254" s="119"/>
      <c r="AB1254" s="119"/>
      <c r="AC1254" s="119"/>
      <c r="AD1254" s="119"/>
      <c r="AE1254" s="119"/>
      <c r="AF1254" s="119"/>
      <c r="AG1254" s="119"/>
      <c r="AH1254" s="119"/>
      <c r="AI1254" s="119"/>
      <c r="AJ1254" s="119"/>
      <c r="AK1254" s="119"/>
      <c r="AL1254" s="119"/>
      <c r="AM1254" s="119"/>
      <c r="AN1254" s="119"/>
      <c r="AO1254" s="119"/>
      <c r="AP1254" s="119"/>
      <c r="AQ1254" s="119"/>
      <c r="AR1254" s="119"/>
      <c r="AS1254" s="119"/>
      <c r="AT1254" s="119"/>
      <c r="AU1254" s="119"/>
      <c r="AV1254" s="119"/>
      <c r="AW1254" s="119"/>
      <c r="AX1254" s="119"/>
      <c r="AY1254" s="119"/>
      <c r="AZ1254" s="119"/>
      <c r="BA1254" s="119"/>
      <c r="BB1254" s="107">
        <v>45884</v>
      </c>
    </row>
    <row r="1255" spans="1:54" s="207" customFormat="1" ht="13.95" customHeight="1" x14ac:dyDescent="0.25">
      <c r="A1255" s="208" t="s">
        <v>3061</v>
      </c>
      <c r="B1255" s="209" t="s">
        <v>20420</v>
      </c>
      <c r="C1255" s="113" t="s">
        <v>3062</v>
      </c>
      <c r="D1255" s="113" t="s">
        <v>23140</v>
      </c>
      <c r="E1255" s="210">
        <v>1974</v>
      </c>
      <c r="F1255" s="210">
        <v>1206</v>
      </c>
      <c r="G1255" s="113" t="s">
        <v>1</v>
      </c>
      <c r="H1255" s="113">
        <v>0</v>
      </c>
      <c r="I1255" s="113">
        <v>0</v>
      </c>
      <c r="J1255" s="115">
        <v>1</v>
      </c>
      <c r="K1255" s="211">
        <v>1</v>
      </c>
      <c r="L1255" s="115">
        <v>1</v>
      </c>
      <c r="M1255" s="115">
        <v>0</v>
      </c>
      <c r="N1255" s="115">
        <v>0</v>
      </c>
      <c r="O1255" s="115">
        <v>1</v>
      </c>
      <c r="P1255" s="115">
        <v>1</v>
      </c>
      <c r="Q1255" s="115" t="s">
        <v>400</v>
      </c>
      <c r="R1255" s="115">
        <v>1</v>
      </c>
      <c r="S1255" s="115">
        <v>0</v>
      </c>
      <c r="T1255" s="115">
        <v>0</v>
      </c>
      <c r="U1255" s="119"/>
      <c r="V1255" s="119"/>
      <c r="W1255" s="119"/>
      <c r="X1255" s="119"/>
      <c r="Y1255" s="119"/>
      <c r="Z1255" s="119"/>
      <c r="AA1255" s="119"/>
      <c r="AB1255" s="119"/>
      <c r="AC1255" s="119"/>
      <c r="AD1255" s="119"/>
      <c r="AE1255" s="119"/>
      <c r="AF1255" s="119"/>
      <c r="AG1255" s="119"/>
      <c r="AH1255" s="119"/>
      <c r="AI1255" s="119"/>
      <c r="AJ1255" s="119"/>
      <c r="AK1255" s="119"/>
      <c r="AL1255" s="119"/>
      <c r="AM1255" s="119"/>
      <c r="AN1255" s="119"/>
      <c r="AO1255" s="119"/>
      <c r="AP1255" s="119"/>
      <c r="AQ1255" s="119"/>
      <c r="AR1255" s="119"/>
      <c r="AS1255" s="119"/>
      <c r="AT1255" s="119"/>
      <c r="AU1255" s="119"/>
      <c r="AV1255" s="119"/>
      <c r="AW1255" s="119"/>
      <c r="AX1255" s="119"/>
      <c r="AY1255" s="119"/>
      <c r="AZ1255" s="119"/>
      <c r="BA1255" s="119"/>
      <c r="BB1255" s="107">
        <v>45884</v>
      </c>
    </row>
    <row r="1256" spans="1:54" s="207" customFormat="1" ht="13.95" customHeight="1" x14ac:dyDescent="0.25">
      <c r="A1256" s="208" t="s">
        <v>3063</v>
      </c>
      <c r="B1256" s="209" t="s">
        <v>20420</v>
      </c>
      <c r="C1256" s="113" t="s">
        <v>3064</v>
      </c>
      <c r="D1256" s="113" t="s">
        <v>23141</v>
      </c>
      <c r="E1256" s="210">
        <v>1952</v>
      </c>
      <c r="F1256" s="210">
        <v>1206</v>
      </c>
      <c r="G1256" s="113" t="s">
        <v>1</v>
      </c>
      <c r="H1256" s="113">
        <v>0</v>
      </c>
      <c r="I1256" s="113">
        <v>0</v>
      </c>
      <c r="J1256" s="115">
        <v>1</v>
      </c>
      <c r="K1256" s="116" t="s">
        <v>174</v>
      </c>
      <c r="L1256" s="115">
        <v>1</v>
      </c>
      <c r="M1256" s="115">
        <v>1</v>
      </c>
      <c r="N1256" s="115">
        <v>0</v>
      </c>
      <c r="O1256" s="115">
        <v>1</v>
      </c>
      <c r="P1256" s="115" t="s">
        <v>400</v>
      </c>
      <c r="Q1256" s="115" t="s">
        <v>400</v>
      </c>
      <c r="R1256" s="115">
        <v>1</v>
      </c>
      <c r="S1256" s="115">
        <v>0</v>
      </c>
      <c r="T1256" s="115">
        <v>0</v>
      </c>
      <c r="U1256" s="119"/>
      <c r="V1256" s="119"/>
      <c r="W1256" s="119"/>
      <c r="X1256" s="119"/>
      <c r="Y1256" s="119"/>
      <c r="Z1256" s="119"/>
      <c r="AA1256" s="119"/>
      <c r="AB1256" s="119"/>
      <c r="AC1256" s="119"/>
      <c r="AD1256" s="119"/>
      <c r="AE1256" s="119"/>
      <c r="AF1256" s="119"/>
      <c r="AG1256" s="119"/>
      <c r="AH1256" s="119"/>
      <c r="AI1256" s="119"/>
      <c r="AJ1256" s="119"/>
      <c r="AK1256" s="119"/>
      <c r="AL1256" s="119"/>
      <c r="AM1256" s="119"/>
      <c r="AN1256" s="119"/>
      <c r="AO1256" s="119"/>
      <c r="AP1256" s="119"/>
      <c r="AQ1256" s="119"/>
      <c r="AR1256" s="119"/>
      <c r="AS1256" s="119"/>
      <c r="AT1256" s="119"/>
      <c r="AU1256" s="119"/>
      <c r="AV1256" s="119"/>
      <c r="AW1256" s="119"/>
      <c r="AX1256" s="119"/>
      <c r="AY1256" s="119"/>
      <c r="AZ1256" s="119"/>
      <c r="BA1256" s="119"/>
      <c r="BB1256" s="107">
        <v>45884</v>
      </c>
    </row>
    <row r="1257" spans="1:54" s="207" customFormat="1" ht="13.95" customHeight="1" x14ac:dyDescent="0.25">
      <c r="A1257" s="208" t="s">
        <v>3065</v>
      </c>
      <c r="B1257" s="209" t="s">
        <v>20420</v>
      </c>
      <c r="C1257" s="113" t="s">
        <v>3066</v>
      </c>
      <c r="D1257" s="113" t="s">
        <v>23142</v>
      </c>
      <c r="E1257" s="210">
        <v>1994</v>
      </c>
      <c r="F1257" s="210">
        <v>1208</v>
      </c>
      <c r="G1257" s="113" t="s">
        <v>1</v>
      </c>
      <c r="H1257" s="113">
        <v>0</v>
      </c>
      <c r="I1257" s="113">
        <v>0</v>
      </c>
      <c r="J1257" s="115">
        <v>1</v>
      </c>
      <c r="K1257" s="116" t="s">
        <v>174</v>
      </c>
      <c r="L1257" s="115">
        <v>1</v>
      </c>
      <c r="M1257" s="115">
        <v>1</v>
      </c>
      <c r="N1257" s="115">
        <v>0</v>
      </c>
      <c r="O1257" s="115">
        <v>0</v>
      </c>
      <c r="P1257" s="115" t="s">
        <v>400</v>
      </c>
      <c r="Q1257" s="115" t="s">
        <v>400</v>
      </c>
      <c r="R1257" s="115">
        <v>0</v>
      </c>
      <c r="S1257" s="115">
        <v>0</v>
      </c>
      <c r="T1257" s="115">
        <v>0</v>
      </c>
      <c r="U1257" s="119"/>
      <c r="V1257" s="119"/>
      <c r="W1257" s="119"/>
      <c r="X1257" s="119"/>
      <c r="Y1257" s="119"/>
      <c r="Z1257" s="119"/>
      <c r="AA1257" s="119"/>
      <c r="AB1257" s="119"/>
      <c r="AC1257" s="119"/>
      <c r="AD1257" s="119"/>
      <c r="AE1257" s="119"/>
      <c r="AF1257" s="119"/>
      <c r="AG1257" s="119"/>
      <c r="AH1257" s="119"/>
      <c r="AI1257" s="119"/>
      <c r="AJ1257" s="119"/>
      <c r="AK1257" s="119"/>
      <c r="AL1257" s="119"/>
      <c r="AM1257" s="119"/>
      <c r="AN1257" s="119"/>
      <c r="AO1257" s="119"/>
      <c r="AP1257" s="119"/>
      <c r="AQ1257" s="119"/>
      <c r="AR1257" s="119"/>
      <c r="AS1257" s="119"/>
      <c r="AT1257" s="119"/>
      <c r="AU1257" s="119"/>
      <c r="AV1257" s="119"/>
      <c r="AW1257" s="119"/>
      <c r="AX1257" s="119"/>
      <c r="AY1257" s="119"/>
      <c r="AZ1257" s="119"/>
      <c r="BA1257" s="119"/>
      <c r="BB1257" s="107">
        <v>45884</v>
      </c>
    </row>
    <row r="1258" spans="1:54" s="207" customFormat="1" ht="13.95" customHeight="1" x14ac:dyDescent="0.25">
      <c r="A1258" s="208" t="s">
        <v>3067</v>
      </c>
      <c r="B1258" s="209" t="s">
        <v>20420</v>
      </c>
      <c r="C1258" s="113" t="s">
        <v>3068</v>
      </c>
      <c r="D1258" s="113" t="s">
        <v>23143</v>
      </c>
      <c r="E1258" s="210">
        <v>1961</v>
      </c>
      <c r="F1258" s="210">
        <v>1209</v>
      </c>
      <c r="G1258" s="113" t="s">
        <v>1</v>
      </c>
      <c r="H1258" s="113">
        <v>0</v>
      </c>
      <c r="I1258" s="113">
        <v>0</v>
      </c>
      <c r="J1258" s="115">
        <v>1</v>
      </c>
      <c r="K1258" s="116" t="s">
        <v>174</v>
      </c>
      <c r="L1258" s="115">
        <v>1</v>
      </c>
      <c r="M1258" s="115">
        <v>0</v>
      </c>
      <c r="N1258" s="115">
        <v>0</v>
      </c>
      <c r="O1258" s="115">
        <v>1</v>
      </c>
      <c r="P1258" s="115">
        <v>1</v>
      </c>
      <c r="Q1258" s="115">
        <v>1</v>
      </c>
      <c r="R1258" s="115">
        <v>1</v>
      </c>
      <c r="S1258" s="115">
        <v>0</v>
      </c>
      <c r="T1258" s="115">
        <v>0</v>
      </c>
      <c r="U1258" s="119"/>
      <c r="V1258" s="119"/>
      <c r="W1258" s="119"/>
      <c r="X1258" s="119"/>
      <c r="Y1258" s="119"/>
      <c r="Z1258" s="119"/>
      <c r="AA1258" s="119"/>
      <c r="AB1258" s="119"/>
      <c r="AC1258" s="119"/>
      <c r="AD1258" s="119"/>
      <c r="AE1258" s="119"/>
      <c r="AF1258" s="119"/>
      <c r="AG1258" s="119"/>
      <c r="AH1258" s="119"/>
      <c r="AI1258" s="119"/>
      <c r="AJ1258" s="119"/>
      <c r="AK1258" s="119"/>
      <c r="AL1258" s="119"/>
      <c r="AM1258" s="119"/>
      <c r="AN1258" s="119"/>
      <c r="AO1258" s="119"/>
      <c r="AP1258" s="119"/>
      <c r="AQ1258" s="119"/>
      <c r="AR1258" s="119"/>
      <c r="AS1258" s="119"/>
      <c r="AT1258" s="119"/>
      <c r="AU1258" s="119"/>
      <c r="AV1258" s="119"/>
      <c r="AW1258" s="119"/>
      <c r="AX1258" s="119"/>
      <c r="AY1258" s="119"/>
      <c r="AZ1258" s="119"/>
      <c r="BA1258" s="119"/>
      <c r="BB1258" s="107">
        <v>45884</v>
      </c>
    </row>
    <row r="1259" spans="1:54" s="207" customFormat="1" ht="13.95" customHeight="1" x14ac:dyDescent="0.25">
      <c r="A1259" s="208" t="s">
        <v>3069</v>
      </c>
      <c r="B1259" s="209" t="s">
        <v>20420</v>
      </c>
      <c r="C1259" s="113" t="s">
        <v>3070</v>
      </c>
      <c r="D1259" s="113" t="s">
        <v>23144</v>
      </c>
      <c r="E1259" s="210">
        <v>2003</v>
      </c>
      <c r="F1259" s="210">
        <v>1212</v>
      </c>
      <c r="G1259" s="113" t="s">
        <v>1</v>
      </c>
      <c r="H1259" s="113">
        <v>0</v>
      </c>
      <c r="I1259" s="113">
        <v>0</v>
      </c>
      <c r="J1259" s="115">
        <v>1</v>
      </c>
      <c r="K1259" s="116" t="s">
        <v>174</v>
      </c>
      <c r="L1259" s="115">
        <v>1</v>
      </c>
      <c r="M1259" s="115">
        <v>1</v>
      </c>
      <c r="N1259" s="115">
        <v>0</v>
      </c>
      <c r="O1259" s="115">
        <v>1</v>
      </c>
      <c r="P1259" s="115">
        <v>1</v>
      </c>
      <c r="Q1259" s="115" t="s">
        <v>400</v>
      </c>
      <c r="R1259" s="115">
        <v>0</v>
      </c>
      <c r="S1259" s="115">
        <v>0</v>
      </c>
      <c r="T1259" s="115">
        <v>0</v>
      </c>
      <c r="U1259" s="119"/>
      <c r="V1259" s="119"/>
      <c r="W1259" s="119"/>
      <c r="X1259" s="119"/>
      <c r="Y1259" s="119"/>
      <c r="Z1259" s="119"/>
      <c r="AA1259" s="119"/>
      <c r="AB1259" s="119"/>
      <c r="AC1259" s="119"/>
      <c r="AD1259" s="119"/>
      <c r="AE1259" s="119"/>
      <c r="AF1259" s="119"/>
      <c r="AG1259" s="119"/>
      <c r="AH1259" s="119"/>
      <c r="AI1259" s="119"/>
      <c r="AJ1259" s="119"/>
      <c r="AK1259" s="119"/>
      <c r="AL1259" s="119"/>
      <c r="AM1259" s="119"/>
      <c r="AN1259" s="119"/>
      <c r="AO1259" s="119"/>
      <c r="AP1259" s="119"/>
      <c r="AQ1259" s="119"/>
      <c r="AR1259" s="119"/>
      <c r="AS1259" s="119"/>
      <c r="AT1259" s="119"/>
      <c r="AU1259" s="119"/>
      <c r="AV1259" s="119"/>
      <c r="AW1259" s="119"/>
      <c r="AX1259" s="119"/>
      <c r="AY1259" s="119"/>
      <c r="AZ1259" s="119"/>
      <c r="BA1259" s="119"/>
      <c r="BB1259" s="107">
        <v>45884</v>
      </c>
    </row>
    <row r="1260" spans="1:54" s="207" customFormat="1" ht="13.95" customHeight="1" x14ac:dyDescent="0.25">
      <c r="A1260" s="208" t="s">
        <v>3071</v>
      </c>
      <c r="B1260" s="209" t="s">
        <v>20420</v>
      </c>
      <c r="C1260" s="113" t="s">
        <v>3072</v>
      </c>
      <c r="D1260" s="113" t="s">
        <v>3073</v>
      </c>
      <c r="E1260" s="210">
        <v>2002</v>
      </c>
      <c r="F1260" s="210">
        <v>1214</v>
      </c>
      <c r="G1260" s="113" t="s">
        <v>1</v>
      </c>
      <c r="H1260" s="113">
        <v>0</v>
      </c>
      <c r="I1260" s="113">
        <v>0</v>
      </c>
      <c r="J1260" s="115">
        <v>1</v>
      </c>
      <c r="K1260" s="116" t="s">
        <v>174</v>
      </c>
      <c r="L1260" s="115">
        <v>1</v>
      </c>
      <c r="M1260" s="115">
        <v>1</v>
      </c>
      <c r="N1260" s="115">
        <v>0</v>
      </c>
      <c r="O1260" s="115">
        <v>1</v>
      </c>
      <c r="P1260" s="115" t="s">
        <v>400</v>
      </c>
      <c r="Q1260" s="115" t="s">
        <v>400</v>
      </c>
      <c r="R1260" s="115">
        <v>1</v>
      </c>
      <c r="S1260" s="115">
        <v>0</v>
      </c>
      <c r="T1260" s="115">
        <v>0</v>
      </c>
      <c r="U1260" s="119"/>
      <c r="V1260" s="119"/>
      <c r="W1260" s="119"/>
      <c r="X1260" s="119"/>
      <c r="Y1260" s="119"/>
      <c r="Z1260" s="119"/>
      <c r="AA1260" s="119"/>
      <c r="AB1260" s="119"/>
      <c r="AC1260" s="119"/>
      <c r="AD1260" s="119"/>
      <c r="AE1260" s="119"/>
      <c r="AF1260" s="119"/>
      <c r="AG1260" s="119"/>
      <c r="AH1260" s="119"/>
      <c r="AI1260" s="119"/>
      <c r="AJ1260" s="119"/>
      <c r="AK1260" s="119"/>
      <c r="AL1260" s="119"/>
      <c r="AM1260" s="119"/>
      <c r="AN1260" s="119"/>
      <c r="AO1260" s="119"/>
      <c r="AP1260" s="119"/>
      <c r="AQ1260" s="119"/>
      <c r="AR1260" s="119"/>
      <c r="AS1260" s="119"/>
      <c r="AT1260" s="119"/>
      <c r="AU1260" s="119"/>
      <c r="AV1260" s="119"/>
      <c r="AW1260" s="119"/>
      <c r="AX1260" s="119"/>
      <c r="AY1260" s="119"/>
      <c r="AZ1260" s="119"/>
      <c r="BA1260" s="119"/>
      <c r="BB1260" s="107">
        <v>45884</v>
      </c>
    </row>
    <row r="1261" spans="1:54" s="207" customFormat="1" ht="13.95" customHeight="1" x14ac:dyDescent="0.25">
      <c r="A1261" s="208" t="s">
        <v>3074</v>
      </c>
      <c r="B1261" s="209" t="s">
        <v>20420</v>
      </c>
      <c r="C1261" s="113" t="s">
        <v>3075</v>
      </c>
      <c r="D1261" s="113" t="s">
        <v>23145</v>
      </c>
      <c r="E1261" s="210">
        <v>1969</v>
      </c>
      <c r="F1261" s="210">
        <v>1214</v>
      </c>
      <c r="G1261" s="113" t="s">
        <v>1</v>
      </c>
      <c r="H1261" s="113">
        <v>0</v>
      </c>
      <c r="I1261" s="113">
        <v>0</v>
      </c>
      <c r="J1261" s="115">
        <v>1</v>
      </c>
      <c r="K1261" s="116" t="s">
        <v>174</v>
      </c>
      <c r="L1261" s="115">
        <v>1</v>
      </c>
      <c r="M1261" s="115">
        <v>0</v>
      </c>
      <c r="N1261" s="115">
        <v>0</v>
      </c>
      <c r="O1261" s="115">
        <v>1</v>
      </c>
      <c r="P1261" s="115" t="s">
        <v>400</v>
      </c>
      <c r="Q1261" s="115" t="s">
        <v>400</v>
      </c>
      <c r="R1261" s="115">
        <v>1</v>
      </c>
      <c r="S1261" s="115">
        <v>0</v>
      </c>
      <c r="T1261" s="115">
        <v>0</v>
      </c>
      <c r="U1261" s="119"/>
      <c r="V1261" s="119"/>
      <c r="W1261" s="119"/>
      <c r="X1261" s="119"/>
      <c r="Y1261" s="119"/>
      <c r="Z1261" s="119"/>
      <c r="AA1261" s="119"/>
      <c r="AB1261" s="119"/>
      <c r="AC1261" s="119"/>
      <c r="AD1261" s="119"/>
      <c r="AE1261" s="119"/>
      <c r="AF1261" s="119"/>
      <c r="AG1261" s="119"/>
      <c r="AH1261" s="119"/>
      <c r="AI1261" s="119"/>
      <c r="AJ1261" s="119"/>
      <c r="AK1261" s="119"/>
      <c r="AL1261" s="119"/>
      <c r="AM1261" s="119"/>
      <c r="AN1261" s="119"/>
      <c r="AO1261" s="119"/>
      <c r="AP1261" s="119"/>
      <c r="AQ1261" s="119"/>
      <c r="AR1261" s="119"/>
      <c r="AS1261" s="119"/>
      <c r="AT1261" s="119"/>
      <c r="AU1261" s="119"/>
      <c r="AV1261" s="119"/>
      <c r="AW1261" s="119"/>
      <c r="AX1261" s="119"/>
      <c r="AY1261" s="119"/>
      <c r="AZ1261" s="119"/>
      <c r="BA1261" s="119"/>
      <c r="BB1261" s="107">
        <v>45884</v>
      </c>
    </row>
    <row r="1262" spans="1:54" s="207" customFormat="1" ht="13.95" customHeight="1" x14ac:dyDescent="0.25">
      <c r="A1262" s="208" t="s">
        <v>3076</v>
      </c>
      <c r="B1262" s="209" t="s">
        <v>20420</v>
      </c>
      <c r="C1262" s="113" t="s">
        <v>3077</v>
      </c>
      <c r="D1262" s="113" t="s">
        <v>3078</v>
      </c>
      <c r="E1262" s="210">
        <v>1974</v>
      </c>
      <c r="F1262" s="210">
        <v>1217</v>
      </c>
      <c r="G1262" s="113" t="s">
        <v>1</v>
      </c>
      <c r="H1262" s="113">
        <v>0</v>
      </c>
      <c r="I1262" s="113">
        <v>0</v>
      </c>
      <c r="J1262" s="115">
        <v>1</v>
      </c>
      <c r="K1262" s="211">
        <v>1</v>
      </c>
      <c r="L1262" s="115">
        <v>1</v>
      </c>
      <c r="M1262" s="115">
        <v>1</v>
      </c>
      <c r="N1262" s="115">
        <v>1</v>
      </c>
      <c r="O1262" s="115">
        <v>1</v>
      </c>
      <c r="P1262" s="115" t="s">
        <v>400</v>
      </c>
      <c r="Q1262" s="115" t="s">
        <v>400</v>
      </c>
      <c r="R1262" s="115">
        <v>1</v>
      </c>
      <c r="S1262" s="115">
        <v>0</v>
      </c>
      <c r="T1262" s="115">
        <v>0</v>
      </c>
      <c r="U1262" s="119"/>
      <c r="V1262" s="119"/>
      <c r="W1262" s="119"/>
      <c r="X1262" s="119"/>
      <c r="Y1262" s="119"/>
      <c r="Z1262" s="119"/>
      <c r="AA1262" s="119"/>
      <c r="AB1262" s="119"/>
      <c r="AC1262" s="119"/>
      <c r="AD1262" s="119"/>
      <c r="AE1262" s="119"/>
      <c r="AF1262" s="119"/>
      <c r="AG1262" s="119"/>
      <c r="AH1262" s="119"/>
      <c r="AI1262" s="119"/>
      <c r="AJ1262" s="119"/>
      <c r="AK1262" s="119"/>
      <c r="AL1262" s="119"/>
      <c r="AM1262" s="119"/>
      <c r="AN1262" s="119"/>
      <c r="AO1262" s="119"/>
      <c r="AP1262" s="119"/>
      <c r="AQ1262" s="119"/>
      <c r="AR1262" s="119"/>
      <c r="AS1262" s="119"/>
      <c r="AT1262" s="119"/>
      <c r="AU1262" s="119"/>
      <c r="AV1262" s="119"/>
      <c r="AW1262" s="119"/>
      <c r="AX1262" s="119"/>
      <c r="AY1262" s="119"/>
      <c r="AZ1262" s="119"/>
      <c r="BA1262" s="119"/>
      <c r="BB1262" s="107">
        <v>45884</v>
      </c>
    </row>
    <row r="1263" spans="1:54" s="207" customFormat="1" ht="13.95" customHeight="1" x14ac:dyDescent="0.25">
      <c r="A1263" s="208" t="s">
        <v>3079</v>
      </c>
      <c r="B1263" s="209" t="s">
        <v>20420</v>
      </c>
      <c r="C1263" s="113" t="s">
        <v>3080</v>
      </c>
      <c r="D1263" s="113" t="s">
        <v>3081</v>
      </c>
      <c r="E1263" s="210">
        <v>1988</v>
      </c>
      <c r="F1263" s="210">
        <v>1226</v>
      </c>
      <c r="G1263" s="113" t="s">
        <v>1</v>
      </c>
      <c r="H1263" s="113">
        <v>0</v>
      </c>
      <c r="I1263" s="113">
        <v>0</v>
      </c>
      <c r="J1263" s="115">
        <v>1</v>
      </c>
      <c r="K1263" s="116" t="s">
        <v>174</v>
      </c>
      <c r="L1263" s="115">
        <v>1</v>
      </c>
      <c r="M1263" s="115">
        <v>0</v>
      </c>
      <c r="N1263" s="115">
        <v>1</v>
      </c>
      <c r="O1263" s="115">
        <v>0</v>
      </c>
      <c r="P1263" s="115">
        <v>1</v>
      </c>
      <c r="Q1263" s="115" t="s">
        <v>400</v>
      </c>
      <c r="R1263" s="115">
        <v>1</v>
      </c>
      <c r="S1263" s="115">
        <v>0</v>
      </c>
      <c r="T1263" s="115">
        <v>0</v>
      </c>
      <c r="U1263" s="119"/>
      <c r="V1263" s="119"/>
      <c r="W1263" s="119"/>
      <c r="X1263" s="119"/>
      <c r="Y1263" s="119"/>
      <c r="Z1263" s="119"/>
      <c r="AA1263" s="119"/>
      <c r="AB1263" s="119"/>
      <c r="AC1263" s="119"/>
      <c r="AD1263" s="119"/>
      <c r="AE1263" s="119"/>
      <c r="AF1263" s="119"/>
      <c r="AG1263" s="119"/>
      <c r="AH1263" s="119"/>
      <c r="AI1263" s="119"/>
      <c r="AJ1263" s="119"/>
      <c r="AK1263" s="119"/>
      <c r="AL1263" s="119"/>
      <c r="AM1263" s="119"/>
      <c r="AN1263" s="119"/>
      <c r="AO1263" s="119"/>
      <c r="AP1263" s="119"/>
      <c r="AQ1263" s="119"/>
      <c r="AR1263" s="119"/>
      <c r="AS1263" s="119"/>
      <c r="AT1263" s="119"/>
      <c r="AU1263" s="119"/>
      <c r="AV1263" s="119"/>
      <c r="AW1263" s="119"/>
      <c r="AX1263" s="119"/>
      <c r="AY1263" s="119"/>
      <c r="AZ1263" s="119"/>
      <c r="BA1263" s="119"/>
      <c r="BB1263" s="107">
        <v>45884</v>
      </c>
    </row>
    <row r="1264" spans="1:54" s="207" customFormat="1" ht="13.95" customHeight="1" x14ac:dyDescent="0.25">
      <c r="A1264" s="208" t="s">
        <v>3082</v>
      </c>
      <c r="B1264" s="209" t="s">
        <v>20420</v>
      </c>
      <c r="C1264" s="113" t="s">
        <v>3083</v>
      </c>
      <c r="D1264" s="113" t="s">
        <v>23146</v>
      </c>
      <c r="E1264" s="210">
        <v>1988</v>
      </c>
      <c r="F1264" s="210">
        <v>1227</v>
      </c>
      <c r="G1264" s="113" t="s">
        <v>1</v>
      </c>
      <c r="H1264" s="113">
        <v>0</v>
      </c>
      <c r="I1264" s="113">
        <v>0</v>
      </c>
      <c r="J1264" s="115">
        <v>1</v>
      </c>
      <c r="K1264" s="116" t="s">
        <v>174</v>
      </c>
      <c r="L1264" s="115">
        <v>1</v>
      </c>
      <c r="M1264" s="115">
        <v>1</v>
      </c>
      <c r="N1264" s="115">
        <v>0</v>
      </c>
      <c r="O1264" s="115">
        <v>0</v>
      </c>
      <c r="P1264" s="115" t="s">
        <v>400</v>
      </c>
      <c r="Q1264" s="115" t="s">
        <v>400</v>
      </c>
      <c r="R1264" s="115">
        <v>0</v>
      </c>
      <c r="S1264" s="115">
        <v>0</v>
      </c>
      <c r="T1264" s="115">
        <v>0</v>
      </c>
      <c r="U1264" s="119"/>
      <c r="V1264" s="119"/>
      <c r="W1264" s="119"/>
      <c r="X1264" s="119"/>
      <c r="Y1264" s="119"/>
      <c r="Z1264" s="119"/>
      <c r="AA1264" s="119"/>
      <c r="AB1264" s="119"/>
      <c r="AC1264" s="119"/>
      <c r="AD1264" s="119"/>
      <c r="AE1264" s="119"/>
      <c r="AF1264" s="119"/>
      <c r="AG1264" s="119"/>
      <c r="AH1264" s="119"/>
      <c r="AI1264" s="119"/>
      <c r="AJ1264" s="119"/>
      <c r="AK1264" s="119"/>
      <c r="AL1264" s="119"/>
      <c r="AM1264" s="119"/>
      <c r="AN1264" s="119"/>
      <c r="AO1264" s="119"/>
      <c r="AP1264" s="119"/>
      <c r="AQ1264" s="119"/>
      <c r="AR1264" s="119"/>
      <c r="AS1264" s="119"/>
      <c r="AT1264" s="119"/>
      <c r="AU1264" s="119"/>
      <c r="AV1264" s="119"/>
      <c r="AW1264" s="119"/>
      <c r="AX1264" s="119"/>
      <c r="AY1264" s="119"/>
      <c r="AZ1264" s="119"/>
      <c r="BA1264" s="119"/>
      <c r="BB1264" s="107">
        <v>45884</v>
      </c>
    </row>
    <row r="1265" spans="1:54" s="207" customFormat="1" ht="13.95" customHeight="1" x14ac:dyDescent="0.25">
      <c r="A1265" s="208" t="s">
        <v>3084</v>
      </c>
      <c r="B1265" s="209" t="s">
        <v>20420</v>
      </c>
      <c r="C1265" s="113" t="s">
        <v>3085</v>
      </c>
      <c r="D1265" s="113" t="s">
        <v>3086</v>
      </c>
      <c r="E1265" s="210">
        <v>1963</v>
      </c>
      <c r="F1265" s="210">
        <v>1228</v>
      </c>
      <c r="G1265" s="113" t="s">
        <v>1</v>
      </c>
      <c r="H1265" s="113">
        <v>0</v>
      </c>
      <c r="I1265" s="113">
        <v>0</v>
      </c>
      <c r="J1265" s="115">
        <v>1</v>
      </c>
      <c r="K1265" s="116" t="s">
        <v>174</v>
      </c>
      <c r="L1265" s="115">
        <v>1</v>
      </c>
      <c r="M1265" s="115">
        <v>1</v>
      </c>
      <c r="N1265" s="115">
        <v>1</v>
      </c>
      <c r="O1265" s="115">
        <v>0</v>
      </c>
      <c r="P1265" s="115" t="s">
        <v>400</v>
      </c>
      <c r="Q1265" s="115" t="s">
        <v>400</v>
      </c>
      <c r="R1265" s="115">
        <v>1</v>
      </c>
      <c r="S1265" s="115">
        <v>0</v>
      </c>
      <c r="T1265" s="115">
        <v>0</v>
      </c>
      <c r="U1265" s="119"/>
      <c r="V1265" s="119"/>
      <c r="W1265" s="119"/>
      <c r="X1265" s="119"/>
      <c r="Y1265" s="119"/>
      <c r="Z1265" s="119"/>
      <c r="AA1265" s="119"/>
      <c r="AB1265" s="119"/>
      <c r="AC1265" s="119"/>
      <c r="AD1265" s="119"/>
      <c r="AE1265" s="119"/>
      <c r="AF1265" s="119"/>
      <c r="AG1265" s="119"/>
      <c r="AH1265" s="119"/>
      <c r="AI1265" s="119"/>
      <c r="AJ1265" s="119"/>
      <c r="AK1265" s="119"/>
      <c r="AL1265" s="119"/>
      <c r="AM1265" s="119"/>
      <c r="AN1265" s="119"/>
      <c r="AO1265" s="119"/>
      <c r="AP1265" s="119"/>
      <c r="AQ1265" s="119"/>
      <c r="AR1265" s="119"/>
      <c r="AS1265" s="119"/>
      <c r="AT1265" s="119"/>
      <c r="AU1265" s="119"/>
      <c r="AV1265" s="119"/>
      <c r="AW1265" s="119"/>
      <c r="AX1265" s="119"/>
      <c r="AY1265" s="119"/>
      <c r="AZ1265" s="119"/>
      <c r="BA1265" s="119"/>
      <c r="BB1265" s="107">
        <v>45884</v>
      </c>
    </row>
    <row r="1266" spans="1:54" s="207" customFormat="1" ht="13.95" customHeight="1" x14ac:dyDescent="0.25">
      <c r="A1266" s="208" t="s">
        <v>3087</v>
      </c>
      <c r="B1266" s="209" t="s">
        <v>20420</v>
      </c>
      <c r="C1266" s="113" t="s">
        <v>3088</v>
      </c>
      <c r="D1266" s="113" t="s">
        <v>23147</v>
      </c>
      <c r="E1266" s="210">
        <v>1994</v>
      </c>
      <c r="F1266" s="210">
        <v>1231</v>
      </c>
      <c r="G1266" s="113" t="s">
        <v>1</v>
      </c>
      <c r="H1266" s="113">
        <v>0</v>
      </c>
      <c r="I1266" s="113">
        <v>0</v>
      </c>
      <c r="J1266" s="115">
        <v>1</v>
      </c>
      <c r="K1266" s="116" t="s">
        <v>174</v>
      </c>
      <c r="L1266" s="115">
        <v>1</v>
      </c>
      <c r="M1266" s="115">
        <v>0</v>
      </c>
      <c r="N1266" s="115">
        <v>0</v>
      </c>
      <c r="O1266" s="115">
        <v>0</v>
      </c>
      <c r="P1266" s="115">
        <v>1</v>
      </c>
      <c r="Q1266" s="115" t="s">
        <v>400</v>
      </c>
      <c r="R1266" s="115">
        <v>0</v>
      </c>
      <c r="S1266" s="115">
        <v>0</v>
      </c>
      <c r="T1266" s="115">
        <v>0</v>
      </c>
      <c r="U1266" s="119"/>
      <c r="V1266" s="119"/>
      <c r="W1266" s="119"/>
      <c r="X1266" s="119"/>
      <c r="Y1266" s="119"/>
      <c r="Z1266" s="119"/>
      <c r="AA1266" s="119"/>
      <c r="AB1266" s="119"/>
      <c r="AC1266" s="119"/>
      <c r="AD1266" s="119"/>
      <c r="AE1266" s="119"/>
      <c r="AF1266" s="119"/>
      <c r="AG1266" s="119"/>
      <c r="AH1266" s="119"/>
      <c r="AI1266" s="119"/>
      <c r="AJ1266" s="119"/>
      <c r="AK1266" s="119"/>
      <c r="AL1266" s="119"/>
      <c r="AM1266" s="119"/>
      <c r="AN1266" s="119"/>
      <c r="AO1266" s="119"/>
      <c r="AP1266" s="119"/>
      <c r="AQ1266" s="119"/>
      <c r="AR1266" s="119"/>
      <c r="AS1266" s="119"/>
      <c r="AT1266" s="119"/>
      <c r="AU1266" s="119"/>
      <c r="AV1266" s="119"/>
      <c r="AW1266" s="119"/>
      <c r="AX1266" s="119"/>
      <c r="AY1266" s="119"/>
      <c r="AZ1266" s="119"/>
      <c r="BA1266" s="119"/>
      <c r="BB1266" s="107">
        <v>45884</v>
      </c>
    </row>
    <row r="1267" spans="1:54" s="207" customFormat="1" ht="13.95" customHeight="1" x14ac:dyDescent="0.25">
      <c r="A1267" s="208" t="s">
        <v>3089</v>
      </c>
      <c r="B1267" s="209" t="s">
        <v>20420</v>
      </c>
      <c r="C1267" s="113" t="s">
        <v>3090</v>
      </c>
      <c r="D1267" s="113" t="s">
        <v>3091</v>
      </c>
      <c r="E1267" s="210">
        <v>1982</v>
      </c>
      <c r="F1267" s="210">
        <v>1235</v>
      </c>
      <c r="G1267" s="113" t="s">
        <v>1</v>
      </c>
      <c r="H1267" s="113">
        <v>0</v>
      </c>
      <c r="I1267" s="113">
        <v>0</v>
      </c>
      <c r="J1267" s="115">
        <v>1</v>
      </c>
      <c r="K1267" s="116" t="s">
        <v>174</v>
      </c>
      <c r="L1267" s="115">
        <v>1</v>
      </c>
      <c r="M1267" s="115">
        <v>0</v>
      </c>
      <c r="N1267" s="115">
        <v>0</v>
      </c>
      <c r="O1267" s="115">
        <v>1</v>
      </c>
      <c r="P1267" s="115">
        <v>1</v>
      </c>
      <c r="Q1267" s="115" t="s">
        <v>400</v>
      </c>
      <c r="R1267" s="115">
        <v>1</v>
      </c>
      <c r="S1267" s="115">
        <v>0</v>
      </c>
      <c r="T1267" s="115">
        <v>0</v>
      </c>
      <c r="U1267" s="119"/>
      <c r="V1267" s="119"/>
      <c r="W1267" s="119"/>
      <c r="X1267" s="119"/>
      <c r="Y1267" s="119"/>
      <c r="Z1267" s="119"/>
      <c r="AA1267" s="119"/>
      <c r="AB1267" s="119"/>
      <c r="AC1267" s="119"/>
      <c r="AD1267" s="119"/>
      <c r="AE1267" s="119"/>
      <c r="AF1267" s="119"/>
      <c r="AG1267" s="119"/>
      <c r="AH1267" s="119"/>
      <c r="AI1267" s="119"/>
      <c r="AJ1267" s="119"/>
      <c r="AK1267" s="119"/>
      <c r="AL1267" s="119"/>
      <c r="AM1267" s="119"/>
      <c r="AN1267" s="119"/>
      <c r="AO1267" s="119"/>
      <c r="AP1267" s="119"/>
      <c r="AQ1267" s="119"/>
      <c r="AR1267" s="119"/>
      <c r="AS1267" s="119"/>
      <c r="AT1267" s="119"/>
      <c r="AU1267" s="119"/>
      <c r="AV1267" s="119"/>
      <c r="AW1267" s="119"/>
      <c r="AX1267" s="119"/>
      <c r="AY1267" s="119"/>
      <c r="AZ1267" s="119"/>
      <c r="BA1267" s="119"/>
      <c r="BB1267" s="107">
        <v>45884</v>
      </c>
    </row>
    <row r="1268" spans="1:54" s="207" customFormat="1" ht="13.95" customHeight="1" x14ac:dyDescent="0.25">
      <c r="A1268" s="208" t="s">
        <v>3092</v>
      </c>
      <c r="B1268" s="209" t="s">
        <v>20420</v>
      </c>
      <c r="C1268" s="113" t="s">
        <v>3093</v>
      </c>
      <c r="D1268" s="113" t="s">
        <v>23148</v>
      </c>
      <c r="E1268" s="210">
        <v>1996</v>
      </c>
      <c r="F1268" s="210">
        <v>1242</v>
      </c>
      <c r="G1268" s="113" t="s">
        <v>1</v>
      </c>
      <c r="H1268" s="113">
        <v>0</v>
      </c>
      <c r="I1268" s="113">
        <v>0</v>
      </c>
      <c r="J1268" s="115">
        <v>1</v>
      </c>
      <c r="K1268" s="211">
        <v>1</v>
      </c>
      <c r="L1268" s="115">
        <v>1</v>
      </c>
      <c r="M1268" s="115">
        <v>0</v>
      </c>
      <c r="N1268" s="115">
        <v>0</v>
      </c>
      <c r="O1268" s="115">
        <v>1</v>
      </c>
      <c r="P1268" s="115">
        <v>1</v>
      </c>
      <c r="Q1268" s="115" t="s">
        <v>400</v>
      </c>
      <c r="R1268" s="115">
        <v>1</v>
      </c>
      <c r="S1268" s="115">
        <v>0</v>
      </c>
      <c r="T1268" s="115">
        <v>0</v>
      </c>
      <c r="U1268" s="119"/>
      <c r="V1268" s="119"/>
      <c r="W1268" s="119"/>
      <c r="X1268" s="119"/>
      <c r="Y1268" s="119"/>
      <c r="Z1268" s="119"/>
      <c r="AA1268" s="119"/>
      <c r="AB1268" s="119"/>
      <c r="AC1268" s="119"/>
      <c r="AD1268" s="119"/>
      <c r="AE1268" s="119"/>
      <c r="AF1268" s="119"/>
      <c r="AG1268" s="119"/>
      <c r="AH1268" s="119"/>
      <c r="AI1268" s="119"/>
      <c r="AJ1268" s="119"/>
      <c r="AK1268" s="119"/>
      <c r="AL1268" s="119"/>
      <c r="AM1268" s="119"/>
      <c r="AN1268" s="119"/>
      <c r="AO1268" s="119"/>
      <c r="AP1268" s="119"/>
      <c r="AQ1268" s="119"/>
      <c r="AR1268" s="119"/>
      <c r="AS1268" s="119"/>
      <c r="AT1268" s="119"/>
      <c r="AU1268" s="119"/>
      <c r="AV1268" s="119"/>
      <c r="AW1268" s="119"/>
      <c r="AX1268" s="119"/>
      <c r="AY1268" s="119"/>
      <c r="AZ1268" s="119"/>
      <c r="BA1268" s="119"/>
      <c r="BB1268" s="107">
        <v>45884</v>
      </c>
    </row>
    <row r="1269" spans="1:54" s="207" customFormat="1" ht="13.95" customHeight="1" x14ac:dyDescent="0.25">
      <c r="A1269" s="208" t="s">
        <v>3094</v>
      </c>
      <c r="B1269" s="209" t="s">
        <v>20420</v>
      </c>
      <c r="C1269" s="113" t="s">
        <v>3095</v>
      </c>
      <c r="D1269" s="113" t="s">
        <v>23149</v>
      </c>
      <c r="E1269" s="210">
        <v>1992</v>
      </c>
      <c r="F1269" s="210">
        <v>1243</v>
      </c>
      <c r="G1269" s="113" t="s">
        <v>1</v>
      </c>
      <c r="H1269" s="113">
        <v>0</v>
      </c>
      <c r="I1269" s="113">
        <v>0</v>
      </c>
      <c r="J1269" s="115">
        <v>1</v>
      </c>
      <c r="K1269" s="116" t="s">
        <v>174</v>
      </c>
      <c r="L1269" s="115">
        <v>1</v>
      </c>
      <c r="M1269" s="115">
        <v>1</v>
      </c>
      <c r="N1269" s="115">
        <v>0</v>
      </c>
      <c r="O1269" s="115">
        <v>1</v>
      </c>
      <c r="P1269" s="115" t="s">
        <v>400</v>
      </c>
      <c r="Q1269" s="115" t="s">
        <v>400</v>
      </c>
      <c r="R1269" s="115">
        <v>1</v>
      </c>
      <c r="S1269" s="115">
        <v>0</v>
      </c>
      <c r="T1269" s="115">
        <v>0</v>
      </c>
      <c r="U1269" s="119"/>
      <c r="V1269" s="119"/>
      <c r="W1269" s="119"/>
      <c r="X1269" s="119"/>
      <c r="Y1269" s="119"/>
      <c r="Z1269" s="119"/>
      <c r="AA1269" s="119"/>
      <c r="AB1269" s="119"/>
      <c r="AC1269" s="119"/>
      <c r="AD1269" s="119"/>
      <c r="AE1269" s="119"/>
      <c r="AF1269" s="119"/>
      <c r="AG1269" s="119"/>
      <c r="AH1269" s="119"/>
      <c r="AI1269" s="119"/>
      <c r="AJ1269" s="119"/>
      <c r="AK1269" s="119"/>
      <c r="AL1269" s="119"/>
      <c r="AM1269" s="119"/>
      <c r="AN1269" s="119"/>
      <c r="AO1269" s="119"/>
      <c r="AP1269" s="119"/>
      <c r="AQ1269" s="119"/>
      <c r="AR1269" s="119"/>
      <c r="AS1269" s="119"/>
      <c r="AT1269" s="119"/>
      <c r="AU1269" s="119"/>
      <c r="AV1269" s="119"/>
      <c r="AW1269" s="119"/>
      <c r="AX1269" s="119"/>
      <c r="AY1269" s="119"/>
      <c r="AZ1269" s="119"/>
      <c r="BA1269" s="119"/>
      <c r="BB1269" s="107">
        <v>45884</v>
      </c>
    </row>
    <row r="1270" spans="1:54" s="207" customFormat="1" ht="13.95" customHeight="1" x14ac:dyDescent="0.25">
      <c r="A1270" s="208" t="s">
        <v>3096</v>
      </c>
      <c r="B1270" s="209" t="s">
        <v>20420</v>
      </c>
      <c r="C1270" s="113" t="s">
        <v>3097</v>
      </c>
      <c r="D1270" s="113" t="s">
        <v>23150</v>
      </c>
      <c r="E1270" s="210">
        <v>1977</v>
      </c>
      <c r="F1270" s="210">
        <v>1244</v>
      </c>
      <c r="G1270" s="113" t="s">
        <v>1</v>
      </c>
      <c r="H1270" s="113">
        <v>0</v>
      </c>
      <c r="I1270" s="113">
        <v>0</v>
      </c>
      <c r="J1270" s="115">
        <v>1</v>
      </c>
      <c r="K1270" s="116" t="s">
        <v>174</v>
      </c>
      <c r="L1270" s="115">
        <v>1</v>
      </c>
      <c r="M1270" s="115">
        <v>1</v>
      </c>
      <c r="N1270" s="115">
        <v>1</v>
      </c>
      <c r="O1270" s="115">
        <v>1</v>
      </c>
      <c r="P1270" s="115" t="s">
        <v>400</v>
      </c>
      <c r="Q1270" s="115" t="s">
        <v>400</v>
      </c>
      <c r="R1270" s="115">
        <v>0</v>
      </c>
      <c r="S1270" s="115">
        <v>0</v>
      </c>
      <c r="T1270" s="115">
        <v>0</v>
      </c>
      <c r="U1270" s="119"/>
      <c r="V1270" s="119"/>
      <c r="W1270" s="119"/>
      <c r="X1270" s="119"/>
      <c r="Y1270" s="119"/>
      <c r="Z1270" s="119"/>
      <c r="AA1270" s="119"/>
      <c r="AB1270" s="119"/>
      <c r="AC1270" s="119"/>
      <c r="AD1270" s="119"/>
      <c r="AE1270" s="119"/>
      <c r="AF1270" s="119"/>
      <c r="AG1270" s="119"/>
      <c r="AH1270" s="119"/>
      <c r="AI1270" s="119"/>
      <c r="AJ1270" s="119"/>
      <c r="AK1270" s="119"/>
      <c r="AL1270" s="119"/>
      <c r="AM1270" s="119"/>
      <c r="AN1270" s="119"/>
      <c r="AO1270" s="119"/>
      <c r="AP1270" s="119"/>
      <c r="AQ1270" s="119"/>
      <c r="AR1270" s="119"/>
      <c r="AS1270" s="119"/>
      <c r="AT1270" s="119"/>
      <c r="AU1270" s="119"/>
      <c r="AV1270" s="119"/>
      <c r="AW1270" s="119"/>
      <c r="AX1270" s="119"/>
      <c r="AY1270" s="119"/>
      <c r="AZ1270" s="119"/>
      <c r="BA1270" s="119"/>
      <c r="BB1270" s="107">
        <v>45884</v>
      </c>
    </row>
    <row r="1271" spans="1:54" s="207" customFormat="1" ht="13.95" customHeight="1" x14ac:dyDescent="0.25">
      <c r="A1271" s="208" t="s">
        <v>3098</v>
      </c>
      <c r="B1271" s="209" t="s">
        <v>20420</v>
      </c>
      <c r="C1271" s="113" t="s">
        <v>3099</v>
      </c>
      <c r="D1271" s="113" t="s">
        <v>23151</v>
      </c>
      <c r="E1271" s="210">
        <v>2004</v>
      </c>
      <c r="F1271" s="210">
        <v>1246</v>
      </c>
      <c r="G1271" s="113" t="s">
        <v>1</v>
      </c>
      <c r="H1271" s="113">
        <v>0</v>
      </c>
      <c r="I1271" s="113">
        <v>0</v>
      </c>
      <c r="J1271" s="115">
        <v>1</v>
      </c>
      <c r="K1271" s="116" t="s">
        <v>174</v>
      </c>
      <c r="L1271" s="115">
        <v>0</v>
      </c>
      <c r="M1271" s="115">
        <v>0</v>
      </c>
      <c r="N1271" s="115">
        <v>0</v>
      </c>
      <c r="O1271" s="115">
        <v>0</v>
      </c>
      <c r="P1271" s="212">
        <v>0</v>
      </c>
      <c r="Q1271" s="115" t="s">
        <v>400</v>
      </c>
      <c r="R1271" s="115">
        <v>0</v>
      </c>
      <c r="S1271" s="115">
        <v>0</v>
      </c>
      <c r="T1271" s="115">
        <v>0</v>
      </c>
      <c r="U1271" s="119"/>
      <c r="V1271" s="119"/>
      <c r="W1271" s="119"/>
      <c r="X1271" s="119"/>
      <c r="Y1271" s="119"/>
      <c r="Z1271" s="119"/>
      <c r="AA1271" s="119"/>
      <c r="AB1271" s="119"/>
      <c r="AC1271" s="119"/>
      <c r="AD1271" s="119"/>
      <c r="AE1271" s="119"/>
      <c r="AF1271" s="119"/>
      <c r="AG1271" s="119"/>
      <c r="AH1271" s="119"/>
      <c r="AI1271" s="119"/>
      <c r="AJ1271" s="119"/>
      <c r="AK1271" s="119"/>
      <c r="AL1271" s="119"/>
      <c r="AM1271" s="119"/>
      <c r="AN1271" s="119"/>
      <c r="AO1271" s="119"/>
      <c r="AP1271" s="119"/>
      <c r="AQ1271" s="119"/>
      <c r="AR1271" s="119"/>
      <c r="AS1271" s="119"/>
      <c r="AT1271" s="119"/>
      <c r="AU1271" s="119"/>
      <c r="AV1271" s="119"/>
      <c r="AW1271" s="119"/>
      <c r="AX1271" s="119"/>
      <c r="AY1271" s="119"/>
      <c r="AZ1271" s="119"/>
      <c r="BA1271" s="119"/>
      <c r="BB1271" s="107">
        <v>45884</v>
      </c>
    </row>
    <row r="1272" spans="1:54" s="207" customFormat="1" ht="13.95" customHeight="1" x14ac:dyDescent="0.25">
      <c r="A1272" s="208" t="s">
        <v>3100</v>
      </c>
      <c r="B1272" s="209" t="s">
        <v>20420</v>
      </c>
      <c r="C1272" s="113" t="s">
        <v>3101</v>
      </c>
      <c r="D1272" s="113" t="s">
        <v>23152</v>
      </c>
      <c r="E1272" s="210">
        <v>1992</v>
      </c>
      <c r="F1272" s="210">
        <v>1247</v>
      </c>
      <c r="G1272" s="113" t="s">
        <v>1</v>
      </c>
      <c r="H1272" s="113">
        <v>0</v>
      </c>
      <c r="I1272" s="113">
        <v>0</v>
      </c>
      <c r="J1272" s="115">
        <v>1</v>
      </c>
      <c r="K1272" s="116" t="s">
        <v>174</v>
      </c>
      <c r="L1272" s="115">
        <v>1</v>
      </c>
      <c r="M1272" s="115">
        <v>1</v>
      </c>
      <c r="N1272" s="115">
        <v>0</v>
      </c>
      <c r="O1272" s="115">
        <v>1</v>
      </c>
      <c r="P1272" s="115" t="s">
        <v>400</v>
      </c>
      <c r="Q1272" s="115" t="s">
        <v>400</v>
      </c>
      <c r="R1272" s="115">
        <v>0</v>
      </c>
      <c r="S1272" s="115">
        <v>0</v>
      </c>
      <c r="T1272" s="115">
        <v>0</v>
      </c>
      <c r="U1272" s="119"/>
      <c r="V1272" s="119"/>
      <c r="W1272" s="119"/>
      <c r="X1272" s="119"/>
      <c r="Y1272" s="119"/>
      <c r="Z1272" s="119"/>
      <c r="AA1272" s="119"/>
      <c r="AB1272" s="119"/>
      <c r="AC1272" s="119"/>
      <c r="AD1272" s="119"/>
      <c r="AE1272" s="119"/>
      <c r="AF1272" s="119"/>
      <c r="AG1272" s="119"/>
      <c r="AH1272" s="119"/>
      <c r="AI1272" s="119"/>
      <c r="AJ1272" s="119"/>
      <c r="AK1272" s="119"/>
      <c r="AL1272" s="119"/>
      <c r="AM1272" s="119"/>
      <c r="AN1272" s="119"/>
      <c r="AO1272" s="119"/>
      <c r="AP1272" s="119"/>
      <c r="AQ1272" s="119"/>
      <c r="AR1272" s="119"/>
      <c r="AS1272" s="119"/>
      <c r="AT1272" s="119"/>
      <c r="AU1272" s="119"/>
      <c r="AV1272" s="119"/>
      <c r="AW1272" s="119"/>
      <c r="AX1272" s="119"/>
      <c r="AY1272" s="119"/>
      <c r="AZ1272" s="119"/>
      <c r="BA1272" s="119"/>
      <c r="BB1272" s="107">
        <v>45884</v>
      </c>
    </row>
    <row r="1273" spans="1:54" s="207" customFormat="1" ht="13.95" customHeight="1" x14ac:dyDescent="0.25">
      <c r="A1273" s="208" t="s">
        <v>3102</v>
      </c>
      <c r="B1273" s="209" t="s">
        <v>20420</v>
      </c>
      <c r="C1273" s="113" t="s">
        <v>3103</v>
      </c>
      <c r="D1273" s="113" t="s">
        <v>3104</v>
      </c>
      <c r="E1273" s="210">
        <v>1990</v>
      </c>
      <c r="F1273" s="210">
        <v>1247</v>
      </c>
      <c r="G1273" s="113" t="s">
        <v>1</v>
      </c>
      <c r="H1273" s="113">
        <v>0</v>
      </c>
      <c r="I1273" s="113">
        <v>0</v>
      </c>
      <c r="J1273" s="115">
        <v>1</v>
      </c>
      <c r="K1273" s="211">
        <v>1</v>
      </c>
      <c r="L1273" s="115">
        <v>1</v>
      </c>
      <c r="M1273" s="115">
        <v>1</v>
      </c>
      <c r="N1273" s="115">
        <v>0</v>
      </c>
      <c r="O1273" s="115">
        <v>0</v>
      </c>
      <c r="P1273" s="115" t="s">
        <v>400</v>
      </c>
      <c r="Q1273" s="115" t="s">
        <v>400</v>
      </c>
      <c r="R1273" s="115">
        <v>1</v>
      </c>
      <c r="S1273" s="115">
        <v>0</v>
      </c>
      <c r="T1273" s="115">
        <v>0</v>
      </c>
      <c r="U1273" s="119"/>
      <c r="V1273" s="119"/>
      <c r="W1273" s="119"/>
      <c r="X1273" s="119"/>
      <c r="Y1273" s="119"/>
      <c r="Z1273" s="119"/>
      <c r="AA1273" s="119"/>
      <c r="AB1273" s="119"/>
      <c r="AC1273" s="119"/>
      <c r="AD1273" s="119"/>
      <c r="AE1273" s="119"/>
      <c r="AF1273" s="119"/>
      <c r="AG1273" s="119"/>
      <c r="AH1273" s="119"/>
      <c r="AI1273" s="119"/>
      <c r="AJ1273" s="119"/>
      <c r="AK1273" s="119"/>
      <c r="AL1273" s="119"/>
      <c r="AM1273" s="119"/>
      <c r="AN1273" s="119"/>
      <c r="AO1273" s="119"/>
      <c r="AP1273" s="119"/>
      <c r="AQ1273" s="119"/>
      <c r="AR1273" s="119"/>
      <c r="AS1273" s="119"/>
      <c r="AT1273" s="119"/>
      <c r="AU1273" s="119"/>
      <c r="AV1273" s="119"/>
      <c r="AW1273" s="119"/>
      <c r="AX1273" s="119"/>
      <c r="AY1273" s="119"/>
      <c r="AZ1273" s="119"/>
      <c r="BA1273" s="119"/>
      <c r="BB1273" s="107">
        <v>45884</v>
      </c>
    </row>
    <row r="1274" spans="1:54" s="207" customFormat="1" ht="13.95" customHeight="1" x14ac:dyDescent="0.25">
      <c r="A1274" s="208" t="s">
        <v>3105</v>
      </c>
      <c r="B1274" s="209" t="s">
        <v>20420</v>
      </c>
      <c r="C1274" s="113" t="s">
        <v>3106</v>
      </c>
      <c r="D1274" s="113" t="s">
        <v>3107</v>
      </c>
      <c r="E1274" s="210">
        <v>1989</v>
      </c>
      <c r="F1274" s="210">
        <v>1247</v>
      </c>
      <c r="G1274" s="113" t="s">
        <v>1</v>
      </c>
      <c r="H1274" s="113">
        <v>0</v>
      </c>
      <c r="I1274" s="113">
        <v>0</v>
      </c>
      <c r="J1274" s="115">
        <v>1</v>
      </c>
      <c r="K1274" s="116" t="s">
        <v>174</v>
      </c>
      <c r="L1274" s="115">
        <v>1</v>
      </c>
      <c r="M1274" s="115">
        <v>0</v>
      </c>
      <c r="N1274" s="115">
        <v>0</v>
      </c>
      <c r="O1274" s="115">
        <v>1</v>
      </c>
      <c r="P1274" s="115">
        <v>1</v>
      </c>
      <c r="Q1274" s="115" t="s">
        <v>400</v>
      </c>
      <c r="R1274" s="115">
        <v>0</v>
      </c>
      <c r="S1274" s="115">
        <v>0</v>
      </c>
      <c r="T1274" s="115">
        <v>0</v>
      </c>
      <c r="U1274" s="119"/>
      <c r="V1274" s="119"/>
      <c r="W1274" s="119"/>
      <c r="X1274" s="119"/>
      <c r="Y1274" s="119"/>
      <c r="Z1274" s="119"/>
      <c r="AA1274" s="119"/>
      <c r="AB1274" s="119"/>
      <c r="AC1274" s="119"/>
      <c r="AD1274" s="119"/>
      <c r="AE1274" s="119"/>
      <c r="AF1274" s="119"/>
      <c r="AG1274" s="119"/>
      <c r="AH1274" s="119"/>
      <c r="AI1274" s="119"/>
      <c r="AJ1274" s="119"/>
      <c r="AK1274" s="119"/>
      <c r="AL1274" s="119"/>
      <c r="AM1274" s="119"/>
      <c r="AN1274" s="119"/>
      <c r="AO1274" s="119"/>
      <c r="AP1274" s="119"/>
      <c r="AQ1274" s="119"/>
      <c r="AR1274" s="119"/>
      <c r="AS1274" s="119"/>
      <c r="AT1274" s="119"/>
      <c r="AU1274" s="119"/>
      <c r="AV1274" s="119"/>
      <c r="AW1274" s="119"/>
      <c r="AX1274" s="119"/>
      <c r="AY1274" s="119"/>
      <c r="AZ1274" s="119"/>
      <c r="BA1274" s="119"/>
      <c r="BB1274" s="107">
        <v>45884</v>
      </c>
    </row>
    <row r="1275" spans="1:54" s="207" customFormat="1" ht="13.95" customHeight="1" x14ac:dyDescent="0.25">
      <c r="A1275" s="208" t="s">
        <v>3108</v>
      </c>
      <c r="B1275" s="209" t="s">
        <v>20420</v>
      </c>
      <c r="C1275" s="113" t="s">
        <v>3109</v>
      </c>
      <c r="D1275" s="113" t="s">
        <v>23153</v>
      </c>
      <c r="E1275" s="210">
        <v>1975</v>
      </c>
      <c r="F1275" s="210">
        <v>1248</v>
      </c>
      <c r="G1275" s="113" t="s">
        <v>1</v>
      </c>
      <c r="H1275" s="113">
        <v>0</v>
      </c>
      <c r="I1275" s="113">
        <v>0</v>
      </c>
      <c r="J1275" s="115">
        <v>1</v>
      </c>
      <c r="K1275" s="116" t="s">
        <v>174</v>
      </c>
      <c r="L1275" s="115">
        <v>1</v>
      </c>
      <c r="M1275" s="115">
        <v>0</v>
      </c>
      <c r="N1275" s="115">
        <v>0</v>
      </c>
      <c r="O1275" s="115">
        <v>1</v>
      </c>
      <c r="P1275" s="115">
        <v>1</v>
      </c>
      <c r="Q1275" s="115" t="s">
        <v>400</v>
      </c>
      <c r="R1275" s="115">
        <v>1</v>
      </c>
      <c r="S1275" s="115">
        <v>0</v>
      </c>
      <c r="T1275" s="115">
        <v>0</v>
      </c>
      <c r="U1275" s="119"/>
      <c r="V1275" s="119"/>
      <c r="W1275" s="119"/>
      <c r="X1275" s="119"/>
      <c r="Y1275" s="119"/>
      <c r="Z1275" s="119"/>
      <c r="AA1275" s="119"/>
      <c r="AB1275" s="119"/>
      <c r="AC1275" s="119"/>
      <c r="AD1275" s="119"/>
      <c r="AE1275" s="119"/>
      <c r="AF1275" s="119"/>
      <c r="AG1275" s="119"/>
      <c r="AH1275" s="119"/>
      <c r="AI1275" s="119"/>
      <c r="AJ1275" s="119"/>
      <c r="AK1275" s="119"/>
      <c r="AL1275" s="119"/>
      <c r="AM1275" s="119"/>
      <c r="AN1275" s="119"/>
      <c r="AO1275" s="119"/>
      <c r="AP1275" s="119"/>
      <c r="AQ1275" s="119"/>
      <c r="AR1275" s="119"/>
      <c r="AS1275" s="119"/>
      <c r="AT1275" s="119"/>
      <c r="AU1275" s="119"/>
      <c r="AV1275" s="119"/>
      <c r="AW1275" s="119"/>
      <c r="AX1275" s="119"/>
      <c r="AY1275" s="119"/>
      <c r="AZ1275" s="119"/>
      <c r="BA1275" s="119"/>
      <c r="BB1275" s="107">
        <v>45884</v>
      </c>
    </row>
    <row r="1276" spans="1:54" s="207" customFormat="1" ht="13.95" customHeight="1" x14ac:dyDescent="0.25">
      <c r="A1276" s="208" t="s">
        <v>3110</v>
      </c>
      <c r="B1276" s="209" t="s">
        <v>20420</v>
      </c>
      <c r="C1276" s="113" t="s">
        <v>3111</v>
      </c>
      <c r="D1276" s="113" t="s">
        <v>23154</v>
      </c>
      <c r="E1276" s="210">
        <v>1977</v>
      </c>
      <c r="F1276" s="210">
        <v>1248</v>
      </c>
      <c r="G1276" s="113" t="s">
        <v>1</v>
      </c>
      <c r="H1276" s="113">
        <v>0</v>
      </c>
      <c r="I1276" s="113">
        <v>0</v>
      </c>
      <c r="J1276" s="115">
        <v>1</v>
      </c>
      <c r="K1276" s="211">
        <v>1</v>
      </c>
      <c r="L1276" s="115">
        <v>1</v>
      </c>
      <c r="M1276" s="115">
        <v>0</v>
      </c>
      <c r="N1276" s="115">
        <v>0</v>
      </c>
      <c r="O1276" s="115">
        <v>1</v>
      </c>
      <c r="P1276" s="115">
        <v>1</v>
      </c>
      <c r="Q1276" s="115" t="s">
        <v>400</v>
      </c>
      <c r="R1276" s="115">
        <v>0</v>
      </c>
      <c r="S1276" s="115">
        <v>0</v>
      </c>
      <c r="T1276" s="115">
        <v>0</v>
      </c>
      <c r="U1276" s="119"/>
      <c r="V1276" s="119"/>
      <c r="W1276" s="119"/>
      <c r="X1276" s="119"/>
      <c r="Y1276" s="119"/>
      <c r="Z1276" s="119"/>
      <c r="AA1276" s="119"/>
      <c r="AB1276" s="119"/>
      <c r="AC1276" s="119"/>
      <c r="AD1276" s="119"/>
      <c r="AE1276" s="119"/>
      <c r="AF1276" s="119"/>
      <c r="AG1276" s="119"/>
      <c r="AH1276" s="119"/>
      <c r="AI1276" s="119"/>
      <c r="AJ1276" s="119"/>
      <c r="AK1276" s="119"/>
      <c r="AL1276" s="119"/>
      <c r="AM1276" s="119"/>
      <c r="AN1276" s="119"/>
      <c r="AO1276" s="119"/>
      <c r="AP1276" s="119"/>
      <c r="AQ1276" s="119"/>
      <c r="AR1276" s="119"/>
      <c r="AS1276" s="119"/>
      <c r="AT1276" s="119"/>
      <c r="AU1276" s="119"/>
      <c r="AV1276" s="119"/>
      <c r="AW1276" s="119"/>
      <c r="AX1276" s="119"/>
      <c r="AY1276" s="119"/>
      <c r="AZ1276" s="119"/>
      <c r="BA1276" s="119"/>
      <c r="BB1276" s="107">
        <v>45884</v>
      </c>
    </row>
    <row r="1277" spans="1:54" s="207" customFormat="1" ht="13.95" customHeight="1" x14ac:dyDescent="0.25">
      <c r="A1277" s="208" t="s">
        <v>3112</v>
      </c>
      <c r="B1277" s="209" t="s">
        <v>20420</v>
      </c>
      <c r="C1277" s="113" t="s">
        <v>3113</v>
      </c>
      <c r="D1277" s="113" t="s">
        <v>3114</v>
      </c>
      <c r="E1277" s="210">
        <v>1977</v>
      </c>
      <c r="F1277" s="210">
        <v>1250</v>
      </c>
      <c r="G1277" s="113" t="s">
        <v>1</v>
      </c>
      <c r="H1277" s="113">
        <v>0</v>
      </c>
      <c r="I1277" s="113">
        <v>0</v>
      </c>
      <c r="J1277" s="115">
        <v>1</v>
      </c>
      <c r="K1277" s="116" t="s">
        <v>174</v>
      </c>
      <c r="L1277" s="115">
        <v>1</v>
      </c>
      <c r="M1277" s="115">
        <v>0</v>
      </c>
      <c r="N1277" s="115">
        <v>0</v>
      </c>
      <c r="O1277" s="115">
        <v>1</v>
      </c>
      <c r="P1277" s="115">
        <v>1</v>
      </c>
      <c r="Q1277" s="115" t="s">
        <v>400</v>
      </c>
      <c r="R1277" s="115">
        <v>1</v>
      </c>
      <c r="S1277" s="115">
        <v>0</v>
      </c>
      <c r="T1277" s="115">
        <v>0</v>
      </c>
      <c r="U1277" s="119"/>
      <c r="V1277" s="119"/>
      <c r="W1277" s="119"/>
      <c r="X1277" s="119"/>
      <c r="Y1277" s="119"/>
      <c r="Z1277" s="119"/>
      <c r="AA1277" s="119"/>
      <c r="AB1277" s="119"/>
      <c r="AC1277" s="119"/>
      <c r="AD1277" s="119"/>
      <c r="AE1277" s="119"/>
      <c r="AF1277" s="119"/>
      <c r="AG1277" s="119"/>
      <c r="AH1277" s="119"/>
      <c r="AI1277" s="119"/>
      <c r="AJ1277" s="119"/>
      <c r="AK1277" s="119"/>
      <c r="AL1277" s="119"/>
      <c r="AM1277" s="119"/>
      <c r="AN1277" s="119"/>
      <c r="AO1277" s="119"/>
      <c r="AP1277" s="119"/>
      <c r="AQ1277" s="119"/>
      <c r="AR1277" s="119"/>
      <c r="AS1277" s="119"/>
      <c r="AT1277" s="119"/>
      <c r="AU1277" s="119"/>
      <c r="AV1277" s="119"/>
      <c r="AW1277" s="119"/>
      <c r="AX1277" s="119"/>
      <c r="AY1277" s="119"/>
      <c r="AZ1277" s="119"/>
      <c r="BA1277" s="119"/>
      <c r="BB1277" s="107">
        <v>45884</v>
      </c>
    </row>
    <row r="1278" spans="1:54" s="207" customFormat="1" ht="13.95" customHeight="1" x14ac:dyDescent="0.25">
      <c r="A1278" s="208" t="s">
        <v>3115</v>
      </c>
      <c r="B1278" s="209" t="s">
        <v>20420</v>
      </c>
      <c r="C1278" s="113" t="s">
        <v>3116</v>
      </c>
      <c r="D1278" s="113" t="s">
        <v>23155</v>
      </c>
      <c r="E1278" s="210">
        <v>1992</v>
      </c>
      <c r="F1278" s="210">
        <v>1251</v>
      </c>
      <c r="G1278" s="113" t="s">
        <v>1</v>
      </c>
      <c r="H1278" s="113">
        <v>0</v>
      </c>
      <c r="I1278" s="113">
        <v>0</v>
      </c>
      <c r="J1278" s="115">
        <v>1</v>
      </c>
      <c r="K1278" s="116" t="s">
        <v>174</v>
      </c>
      <c r="L1278" s="115">
        <v>0</v>
      </c>
      <c r="M1278" s="115">
        <v>0</v>
      </c>
      <c r="N1278" s="115">
        <v>1</v>
      </c>
      <c r="O1278" s="115">
        <v>0</v>
      </c>
      <c r="P1278" s="115" t="s">
        <v>400</v>
      </c>
      <c r="Q1278" s="115" t="s">
        <v>400</v>
      </c>
      <c r="R1278" s="115">
        <v>0</v>
      </c>
      <c r="S1278" s="115">
        <v>0</v>
      </c>
      <c r="T1278" s="115">
        <v>0</v>
      </c>
      <c r="U1278" s="119"/>
      <c r="V1278" s="119"/>
      <c r="W1278" s="119"/>
      <c r="X1278" s="119"/>
      <c r="Y1278" s="119"/>
      <c r="Z1278" s="119"/>
      <c r="AA1278" s="119"/>
      <c r="AB1278" s="119"/>
      <c r="AC1278" s="119"/>
      <c r="AD1278" s="119"/>
      <c r="AE1278" s="119"/>
      <c r="AF1278" s="119"/>
      <c r="AG1278" s="119"/>
      <c r="AH1278" s="119"/>
      <c r="AI1278" s="119"/>
      <c r="AJ1278" s="119"/>
      <c r="AK1278" s="119"/>
      <c r="AL1278" s="119"/>
      <c r="AM1278" s="119"/>
      <c r="AN1278" s="119"/>
      <c r="AO1278" s="119"/>
      <c r="AP1278" s="119"/>
      <c r="AQ1278" s="119"/>
      <c r="AR1278" s="119"/>
      <c r="AS1278" s="119"/>
      <c r="AT1278" s="119"/>
      <c r="AU1278" s="119"/>
      <c r="AV1278" s="119"/>
      <c r="AW1278" s="119"/>
      <c r="AX1278" s="119"/>
      <c r="AY1278" s="119"/>
      <c r="AZ1278" s="119"/>
      <c r="BA1278" s="119"/>
      <c r="BB1278" s="107">
        <v>45884</v>
      </c>
    </row>
    <row r="1279" spans="1:54" s="207" customFormat="1" ht="13.95" customHeight="1" x14ac:dyDescent="0.25">
      <c r="A1279" s="208" t="s">
        <v>3117</v>
      </c>
      <c r="B1279" s="209" t="s">
        <v>20420</v>
      </c>
      <c r="C1279" s="113" t="s">
        <v>3118</v>
      </c>
      <c r="D1279" s="113" t="s">
        <v>23156</v>
      </c>
      <c r="E1279" s="210">
        <v>1989</v>
      </c>
      <c r="F1279" s="210">
        <v>1254</v>
      </c>
      <c r="G1279" s="113" t="s">
        <v>1</v>
      </c>
      <c r="H1279" s="113">
        <v>0</v>
      </c>
      <c r="I1279" s="113">
        <v>0</v>
      </c>
      <c r="J1279" s="115">
        <v>1</v>
      </c>
      <c r="K1279" s="116" t="s">
        <v>174</v>
      </c>
      <c r="L1279" s="115">
        <v>1</v>
      </c>
      <c r="M1279" s="115">
        <v>0</v>
      </c>
      <c r="N1279" s="115">
        <v>0</v>
      </c>
      <c r="O1279" s="115">
        <v>1</v>
      </c>
      <c r="P1279" s="115">
        <v>1</v>
      </c>
      <c r="Q1279" s="115" t="s">
        <v>400</v>
      </c>
      <c r="R1279" s="115">
        <v>1</v>
      </c>
      <c r="S1279" s="115">
        <v>0</v>
      </c>
      <c r="T1279" s="115">
        <v>0</v>
      </c>
      <c r="U1279" s="119"/>
      <c r="V1279" s="119"/>
      <c r="W1279" s="119"/>
      <c r="X1279" s="119"/>
      <c r="Y1279" s="119"/>
      <c r="Z1279" s="119"/>
      <c r="AA1279" s="119"/>
      <c r="AB1279" s="119"/>
      <c r="AC1279" s="119"/>
      <c r="AD1279" s="119"/>
      <c r="AE1279" s="119"/>
      <c r="AF1279" s="119"/>
      <c r="AG1279" s="119"/>
      <c r="AH1279" s="119"/>
      <c r="AI1279" s="119"/>
      <c r="AJ1279" s="119"/>
      <c r="AK1279" s="119"/>
      <c r="AL1279" s="119"/>
      <c r="AM1279" s="119"/>
      <c r="AN1279" s="119"/>
      <c r="AO1279" s="119"/>
      <c r="AP1279" s="119"/>
      <c r="AQ1279" s="119"/>
      <c r="AR1279" s="119"/>
      <c r="AS1279" s="119"/>
      <c r="AT1279" s="119"/>
      <c r="AU1279" s="119"/>
      <c r="AV1279" s="119"/>
      <c r="AW1279" s="119"/>
      <c r="AX1279" s="119"/>
      <c r="AY1279" s="119"/>
      <c r="AZ1279" s="119"/>
      <c r="BA1279" s="119"/>
      <c r="BB1279" s="107">
        <v>45884</v>
      </c>
    </row>
    <row r="1280" spans="1:54" s="207" customFormat="1" ht="13.95" customHeight="1" x14ac:dyDescent="0.25">
      <c r="A1280" s="208" t="s">
        <v>3119</v>
      </c>
      <c r="B1280" s="209" t="s">
        <v>20420</v>
      </c>
      <c r="C1280" s="113" t="s">
        <v>3120</v>
      </c>
      <c r="D1280" s="113" t="s">
        <v>23157</v>
      </c>
      <c r="E1280" s="210">
        <v>1973</v>
      </c>
      <c r="F1280" s="210">
        <v>1258</v>
      </c>
      <c r="G1280" s="113" t="s">
        <v>1</v>
      </c>
      <c r="H1280" s="113">
        <v>0</v>
      </c>
      <c r="I1280" s="113">
        <v>0</v>
      </c>
      <c r="J1280" s="115">
        <v>1</v>
      </c>
      <c r="K1280" s="116" t="s">
        <v>174</v>
      </c>
      <c r="L1280" s="115">
        <v>1</v>
      </c>
      <c r="M1280" s="115">
        <v>0</v>
      </c>
      <c r="N1280" s="115">
        <v>0</v>
      </c>
      <c r="O1280" s="115">
        <v>1</v>
      </c>
      <c r="P1280" s="115">
        <v>1</v>
      </c>
      <c r="Q1280" s="115" t="s">
        <v>400</v>
      </c>
      <c r="R1280" s="115">
        <v>1</v>
      </c>
      <c r="S1280" s="115">
        <v>0</v>
      </c>
      <c r="T1280" s="115">
        <v>0</v>
      </c>
      <c r="U1280" s="119"/>
      <c r="V1280" s="119"/>
      <c r="W1280" s="119"/>
      <c r="X1280" s="119"/>
      <c r="Y1280" s="119"/>
      <c r="Z1280" s="119"/>
      <c r="AA1280" s="119"/>
      <c r="AB1280" s="119"/>
      <c r="AC1280" s="119"/>
      <c r="AD1280" s="119"/>
      <c r="AE1280" s="119"/>
      <c r="AF1280" s="119"/>
      <c r="AG1280" s="119"/>
      <c r="AH1280" s="119"/>
      <c r="AI1280" s="119"/>
      <c r="AJ1280" s="119"/>
      <c r="AK1280" s="119"/>
      <c r="AL1280" s="119"/>
      <c r="AM1280" s="119"/>
      <c r="AN1280" s="119"/>
      <c r="AO1280" s="119"/>
      <c r="AP1280" s="119"/>
      <c r="AQ1280" s="119"/>
      <c r="AR1280" s="119"/>
      <c r="AS1280" s="119"/>
      <c r="AT1280" s="119"/>
      <c r="AU1280" s="119"/>
      <c r="AV1280" s="119"/>
      <c r="AW1280" s="119"/>
      <c r="AX1280" s="119"/>
      <c r="AY1280" s="119"/>
      <c r="AZ1280" s="119"/>
      <c r="BA1280" s="119"/>
      <c r="BB1280" s="107">
        <v>45884</v>
      </c>
    </row>
    <row r="1281" spans="1:54" s="207" customFormat="1" ht="13.95" customHeight="1" x14ac:dyDescent="0.25">
      <c r="A1281" s="208" t="s">
        <v>3121</v>
      </c>
      <c r="B1281" s="209" t="s">
        <v>20420</v>
      </c>
      <c r="C1281" s="113" t="s">
        <v>3122</v>
      </c>
      <c r="D1281" s="113" t="s">
        <v>23158</v>
      </c>
      <c r="E1281" s="210">
        <v>1973</v>
      </c>
      <c r="F1281" s="210">
        <v>1261</v>
      </c>
      <c r="G1281" s="113" t="s">
        <v>1</v>
      </c>
      <c r="H1281" s="113">
        <v>0</v>
      </c>
      <c r="I1281" s="113">
        <v>0</v>
      </c>
      <c r="J1281" s="115">
        <v>1</v>
      </c>
      <c r="K1281" s="211">
        <v>1</v>
      </c>
      <c r="L1281" s="115">
        <v>1</v>
      </c>
      <c r="M1281" s="115">
        <v>0</v>
      </c>
      <c r="N1281" s="115">
        <v>0</v>
      </c>
      <c r="O1281" s="115">
        <v>1</v>
      </c>
      <c r="P1281" s="115">
        <v>1</v>
      </c>
      <c r="Q1281" s="115" t="s">
        <v>400</v>
      </c>
      <c r="R1281" s="115">
        <v>1</v>
      </c>
      <c r="S1281" s="115">
        <v>0</v>
      </c>
      <c r="T1281" s="115">
        <v>0</v>
      </c>
      <c r="U1281" s="119"/>
      <c r="V1281" s="119"/>
      <c r="W1281" s="119"/>
      <c r="X1281" s="119"/>
      <c r="Y1281" s="119"/>
      <c r="Z1281" s="119"/>
      <c r="AA1281" s="119"/>
      <c r="AB1281" s="119"/>
      <c r="AC1281" s="119"/>
      <c r="AD1281" s="119"/>
      <c r="AE1281" s="119"/>
      <c r="AF1281" s="119"/>
      <c r="AG1281" s="119"/>
      <c r="AH1281" s="119"/>
      <c r="AI1281" s="119"/>
      <c r="AJ1281" s="119"/>
      <c r="AK1281" s="119"/>
      <c r="AL1281" s="119"/>
      <c r="AM1281" s="119"/>
      <c r="AN1281" s="119"/>
      <c r="AO1281" s="119"/>
      <c r="AP1281" s="119"/>
      <c r="AQ1281" s="119"/>
      <c r="AR1281" s="119"/>
      <c r="AS1281" s="119"/>
      <c r="AT1281" s="119"/>
      <c r="AU1281" s="119"/>
      <c r="AV1281" s="119"/>
      <c r="AW1281" s="119"/>
      <c r="AX1281" s="119"/>
      <c r="AY1281" s="119"/>
      <c r="AZ1281" s="119"/>
      <c r="BA1281" s="119"/>
      <c r="BB1281" s="107">
        <v>45884</v>
      </c>
    </row>
    <row r="1282" spans="1:54" s="207" customFormat="1" ht="13.95" customHeight="1" x14ac:dyDescent="0.25">
      <c r="A1282" s="208" t="s">
        <v>3123</v>
      </c>
      <c r="B1282" s="209" t="s">
        <v>20420</v>
      </c>
      <c r="C1282" s="113" t="s">
        <v>3124</v>
      </c>
      <c r="D1282" s="113" t="s">
        <v>23159</v>
      </c>
      <c r="E1282" s="210">
        <v>1998</v>
      </c>
      <c r="F1282" s="210">
        <v>1262</v>
      </c>
      <c r="G1282" s="113" t="s">
        <v>1</v>
      </c>
      <c r="H1282" s="113">
        <v>0</v>
      </c>
      <c r="I1282" s="113">
        <v>0</v>
      </c>
      <c r="J1282" s="115">
        <v>1</v>
      </c>
      <c r="K1282" s="116" t="s">
        <v>174</v>
      </c>
      <c r="L1282" s="115">
        <v>1</v>
      </c>
      <c r="M1282" s="115">
        <v>1</v>
      </c>
      <c r="N1282" s="115">
        <v>0</v>
      </c>
      <c r="O1282" s="115">
        <v>0</v>
      </c>
      <c r="P1282" s="115" t="s">
        <v>400</v>
      </c>
      <c r="Q1282" s="115" t="s">
        <v>400</v>
      </c>
      <c r="R1282" s="115">
        <v>0</v>
      </c>
      <c r="S1282" s="115">
        <v>0</v>
      </c>
      <c r="T1282" s="115">
        <v>0</v>
      </c>
      <c r="U1282" s="119"/>
      <c r="V1282" s="119"/>
      <c r="W1282" s="119"/>
      <c r="X1282" s="119"/>
      <c r="Y1282" s="119"/>
      <c r="Z1282" s="119"/>
      <c r="AA1282" s="119"/>
      <c r="AB1282" s="119"/>
      <c r="AC1282" s="119"/>
      <c r="AD1282" s="119"/>
      <c r="AE1282" s="119"/>
      <c r="AF1282" s="119"/>
      <c r="AG1282" s="119"/>
      <c r="AH1282" s="119"/>
      <c r="AI1282" s="119"/>
      <c r="AJ1282" s="119"/>
      <c r="AK1282" s="119"/>
      <c r="AL1282" s="119"/>
      <c r="AM1282" s="119"/>
      <c r="AN1282" s="119"/>
      <c r="AO1282" s="119"/>
      <c r="AP1282" s="119"/>
      <c r="AQ1282" s="119"/>
      <c r="AR1282" s="119"/>
      <c r="AS1282" s="119"/>
      <c r="AT1282" s="119"/>
      <c r="AU1282" s="119"/>
      <c r="AV1282" s="119"/>
      <c r="AW1282" s="119"/>
      <c r="AX1282" s="119"/>
      <c r="AY1282" s="119"/>
      <c r="AZ1282" s="119"/>
      <c r="BA1282" s="119"/>
      <c r="BB1282" s="107">
        <v>45884</v>
      </c>
    </row>
    <row r="1283" spans="1:54" s="207" customFormat="1" ht="13.95" customHeight="1" x14ac:dyDescent="0.25">
      <c r="A1283" s="208" t="s">
        <v>3125</v>
      </c>
      <c r="B1283" s="209" t="s">
        <v>20420</v>
      </c>
      <c r="C1283" s="113" t="s">
        <v>3126</v>
      </c>
      <c r="D1283" s="113" t="s">
        <v>23160</v>
      </c>
      <c r="E1283" s="210">
        <v>2015</v>
      </c>
      <c r="F1283" s="210">
        <v>1262</v>
      </c>
      <c r="G1283" s="113" t="s">
        <v>1</v>
      </c>
      <c r="H1283" s="113">
        <v>0</v>
      </c>
      <c r="I1283" s="113">
        <v>0</v>
      </c>
      <c r="J1283" s="115">
        <v>1</v>
      </c>
      <c r="K1283" s="116" t="s">
        <v>174</v>
      </c>
      <c r="L1283" s="115">
        <v>0</v>
      </c>
      <c r="M1283" s="115">
        <v>0</v>
      </c>
      <c r="N1283" s="115">
        <v>0</v>
      </c>
      <c r="O1283" s="115">
        <v>0</v>
      </c>
      <c r="P1283" s="115" t="s">
        <v>400</v>
      </c>
      <c r="Q1283" s="115">
        <v>1</v>
      </c>
      <c r="R1283" s="115">
        <v>0</v>
      </c>
      <c r="S1283" s="115">
        <v>0</v>
      </c>
      <c r="T1283" s="115">
        <v>0</v>
      </c>
      <c r="U1283" s="119"/>
      <c r="V1283" s="119"/>
      <c r="W1283" s="119"/>
      <c r="X1283" s="119"/>
      <c r="Y1283" s="119"/>
      <c r="Z1283" s="119"/>
      <c r="AA1283" s="119"/>
      <c r="AB1283" s="119"/>
      <c r="AC1283" s="119"/>
      <c r="AD1283" s="119"/>
      <c r="AE1283" s="119"/>
      <c r="AF1283" s="119"/>
      <c r="AG1283" s="119"/>
      <c r="AH1283" s="119"/>
      <c r="AI1283" s="119"/>
      <c r="AJ1283" s="119"/>
      <c r="AK1283" s="119"/>
      <c r="AL1283" s="119"/>
      <c r="AM1283" s="119"/>
      <c r="AN1283" s="119"/>
      <c r="AO1283" s="119"/>
      <c r="AP1283" s="119"/>
      <c r="AQ1283" s="119"/>
      <c r="AR1283" s="119"/>
      <c r="AS1283" s="119"/>
      <c r="AT1283" s="119"/>
      <c r="AU1283" s="119"/>
      <c r="AV1283" s="119"/>
      <c r="AW1283" s="119"/>
      <c r="AX1283" s="119"/>
      <c r="AY1283" s="119"/>
      <c r="AZ1283" s="119"/>
      <c r="BA1283" s="119"/>
      <c r="BB1283" s="107">
        <v>45884</v>
      </c>
    </row>
    <row r="1284" spans="1:54" s="207" customFormat="1" ht="13.95" customHeight="1" x14ac:dyDescent="0.25">
      <c r="A1284" s="208" t="s">
        <v>3127</v>
      </c>
      <c r="B1284" s="209" t="s">
        <v>20420</v>
      </c>
      <c r="C1284" s="113" t="s">
        <v>3128</v>
      </c>
      <c r="D1284" s="113" t="s">
        <v>23161</v>
      </c>
      <c r="E1284" s="210">
        <v>1985</v>
      </c>
      <c r="F1284" s="210">
        <v>1263</v>
      </c>
      <c r="G1284" s="113" t="s">
        <v>1</v>
      </c>
      <c r="H1284" s="113">
        <v>0</v>
      </c>
      <c r="I1284" s="113">
        <v>0</v>
      </c>
      <c r="J1284" s="115">
        <v>1</v>
      </c>
      <c r="K1284" s="116" t="s">
        <v>174</v>
      </c>
      <c r="L1284" s="115">
        <v>1</v>
      </c>
      <c r="M1284" s="115">
        <v>0</v>
      </c>
      <c r="N1284" s="115">
        <v>0</v>
      </c>
      <c r="O1284" s="115">
        <v>1</v>
      </c>
      <c r="P1284" s="115">
        <v>1</v>
      </c>
      <c r="Q1284" s="115" t="s">
        <v>400</v>
      </c>
      <c r="R1284" s="115">
        <v>0</v>
      </c>
      <c r="S1284" s="115">
        <v>0</v>
      </c>
      <c r="T1284" s="115">
        <v>0</v>
      </c>
      <c r="U1284" s="119"/>
      <c r="V1284" s="119"/>
      <c r="W1284" s="119"/>
      <c r="X1284" s="119"/>
      <c r="Y1284" s="119"/>
      <c r="Z1284" s="119"/>
      <c r="AA1284" s="119"/>
      <c r="AB1284" s="119"/>
      <c r="AC1284" s="119"/>
      <c r="AD1284" s="119"/>
      <c r="AE1284" s="119"/>
      <c r="AF1284" s="119"/>
      <c r="AG1284" s="119"/>
      <c r="AH1284" s="119"/>
      <c r="AI1284" s="119"/>
      <c r="AJ1284" s="119"/>
      <c r="AK1284" s="119"/>
      <c r="AL1284" s="119"/>
      <c r="AM1284" s="119"/>
      <c r="AN1284" s="119"/>
      <c r="AO1284" s="119"/>
      <c r="AP1284" s="119"/>
      <c r="AQ1284" s="119"/>
      <c r="AR1284" s="119"/>
      <c r="AS1284" s="119"/>
      <c r="AT1284" s="119"/>
      <c r="AU1284" s="119"/>
      <c r="AV1284" s="119"/>
      <c r="AW1284" s="119"/>
      <c r="AX1284" s="119"/>
      <c r="AY1284" s="119"/>
      <c r="AZ1284" s="119"/>
      <c r="BA1284" s="119"/>
      <c r="BB1284" s="107">
        <v>45884</v>
      </c>
    </row>
    <row r="1285" spans="1:54" s="207" customFormat="1" ht="13.95" customHeight="1" x14ac:dyDescent="0.25">
      <c r="A1285" s="208" t="s">
        <v>3129</v>
      </c>
      <c r="B1285" s="209" t="s">
        <v>20420</v>
      </c>
      <c r="C1285" s="113" t="s">
        <v>3130</v>
      </c>
      <c r="D1285" s="113" t="s">
        <v>23162</v>
      </c>
      <c r="E1285" s="210">
        <v>2004</v>
      </c>
      <c r="F1285" s="210">
        <v>1265</v>
      </c>
      <c r="G1285" s="113" t="s">
        <v>1</v>
      </c>
      <c r="H1285" s="113">
        <v>0</v>
      </c>
      <c r="I1285" s="113">
        <v>0</v>
      </c>
      <c r="J1285" s="115">
        <v>1</v>
      </c>
      <c r="K1285" s="211">
        <v>1</v>
      </c>
      <c r="L1285" s="115">
        <v>1</v>
      </c>
      <c r="M1285" s="115">
        <v>0</v>
      </c>
      <c r="N1285" s="115">
        <v>0</v>
      </c>
      <c r="O1285" s="115">
        <v>0</v>
      </c>
      <c r="P1285" s="115">
        <v>1</v>
      </c>
      <c r="Q1285" s="115" t="s">
        <v>400</v>
      </c>
      <c r="R1285" s="115">
        <v>0</v>
      </c>
      <c r="S1285" s="115">
        <v>0</v>
      </c>
      <c r="T1285" s="115">
        <v>0</v>
      </c>
      <c r="U1285" s="119"/>
      <c r="V1285" s="119"/>
      <c r="W1285" s="119"/>
      <c r="X1285" s="119"/>
      <c r="Y1285" s="119"/>
      <c r="Z1285" s="119"/>
      <c r="AA1285" s="119"/>
      <c r="AB1285" s="119"/>
      <c r="AC1285" s="119"/>
      <c r="AD1285" s="119"/>
      <c r="AE1285" s="119"/>
      <c r="AF1285" s="119"/>
      <c r="AG1285" s="119"/>
      <c r="AH1285" s="119"/>
      <c r="AI1285" s="119"/>
      <c r="AJ1285" s="119"/>
      <c r="AK1285" s="119"/>
      <c r="AL1285" s="119"/>
      <c r="AM1285" s="119"/>
      <c r="AN1285" s="119"/>
      <c r="AO1285" s="119"/>
      <c r="AP1285" s="119"/>
      <c r="AQ1285" s="119"/>
      <c r="AR1285" s="119"/>
      <c r="AS1285" s="119"/>
      <c r="AT1285" s="119"/>
      <c r="AU1285" s="119"/>
      <c r="AV1285" s="119"/>
      <c r="AW1285" s="119"/>
      <c r="AX1285" s="119"/>
      <c r="AY1285" s="119"/>
      <c r="AZ1285" s="119"/>
      <c r="BA1285" s="119"/>
      <c r="BB1285" s="107">
        <v>45884</v>
      </c>
    </row>
    <row r="1286" spans="1:54" s="207" customFormat="1" ht="13.95" customHeight="1" x14ac:dyDescent="0.25">
      <c r="A1286" s="208" t="s">
        <v>3131</v>
      </c>
      <c r="B1286" s="209" t="s">
        <v>20420</v>
      </c>
      <c r="C1286" s="113" t="s">
        <v>3132</v>
      </c>
      <c r="D1286" s="113" t="s">
        <v>23163</v>
      </c>
      <c r="E1286" s="210">
        <v>1993</v>
      </c>
      <c r="F1286" s="210">
        <v>1267</v>
      </c>
      <c r="G1286" s="113" t="s">
        <v>1</v>
      </c>
      <c r="H1286" s="113">
        <v>0</v>
      </c>
      <c r="I1286" s="113">
        <v>0</v>
      </c>
      <c r="J1286" s="115">
        <v>1</v>
      </c>
      <c r="K1286" s="116" t="s">
        <v>174</v>
      </c>
      <c r="L1286" s="115">
        <v>1</v>
      </c>
      <c r="M1286" s="115">
        <v>1</v>
      </c>
      <c r="N1286" s="115">
        <v>1</v>
      </c>
      <c r="O1286" s="115">
        <v>0</v>
      </c>
      <c r="P1286" s="115" t="s">
        <v>400</v>
      </c>
      <c r="Q1286" s="115" t="s">
        <v>400</v>
      </c>
      <c r="R1286" s="115">
        <v>1</v>
      </c>
      <c r="S1286" s="115">
        <v>0</v>
      </c>
      <c r="T1286" s="115">
        <v>0</v>
      </c>
      <c r="U1286" s="119"/>
      <c r="V1286" s="119"/>
      <c r="W1286" s="119"/>
      <c r="X1286" s="119"/>
      <c r="Y1286" s="119"/>
      <c r="Z1286" s="119"/>
      <c r="AA1286" s="119"/>
      <c r="AB1286" s="119"/>
      <c r="AC1286" s="119"/>
      <c r="AD1286" s="119"/>
      <c r="AE1286" s="119"/>
      <c r="AF1286" s="119"/>
      <c r="AG1286" s="119"/>
      <c r="AH1286" s="119"/>
      <c r="AI1286" s="119"/>
      <c r="AJ1286" s="119"/>
      <c r="AK1286" s="119"/>
      <c r="AL1286" s="119"/>
      <c r="AM1286" s="119"/>
      <c r="AN1286" s="119"/>
      <c r="AO1286" s="119"/>
      <c r="AP1286" s="119"/>
      <c r="AQ1286" s="119"/>
      <c r="AR1286" s="119"/>
      <c r="AS1286" s="119"/>
      <c r="AT1286" s="119"/>
      <c r="AU1286" s="119"/>
      <c r="AV1286" s="119"/>
      <c r="AW1286" s="119"/>
      <c r="AX1286" s="119"/>
      <c r="AY1286" s="119"/>
      <c r="AZ1286" s="119"/>
      <c r="BA1286" s="119"/>
      <c r="BB1286" s="107">
        <v>45884</v>
      </c>
    </row>
    <row r="1287" spans="1:54" s="207" customFormat="1" ht="13.95" customHeight="1" x14ac:dyDescent="0.25">
      <c r="A1287" s="208" t="s">
        <v>3133</v>
      </c>
      <c r="B1287" s="209" t="s">
        <v>20420</v>
      </c>
      <c r="C1287" s="113" t="s">
        <v>3134</v>
      </c>
      <c r="D1287" s="113" t="s">
        <v>3135</v>
      </c>
      <c r="E1287" s="210">
        <v>1996</v>
      </c>
      <c r="F1287" s="210">
        <v>1268</v>
      </c>
      <c r="G1287" s="113" t="s">
        <v>1</v>
      </c>
      <c r="H1287" s="113">
        <v>0</v>
      </c>
      <c r="I1287" s="113">
        <v>0</v>
      </c>
      <c r="J1287" s="115">
        <v>1</v>
      </c>
      <c r="K1287" s="116" t="s">
        <v>174</v>
      </c>
      <c r="L1287" s="115">
        <v>1</v>
      </c>
      <c r="M1287" s="115">
        <v>0</v>
      </c>
      <c r="N1287" s="115">
        <v>0</v>
      </c>
      <c r="O1287" s="115">
        <v>0</v>
      </c>
      <c r="P1287" s="115" t="s">
        <v>400</v>
      </c>
      <c r="Q1287" s="115" t="s">
        <v>400</v>
      </c>
      <c r="R1287" s="115">
        <v>0</v>
      </c>
      <c r="S1287" s="115">
        <v>0</v>
      </c>
      <c r="T1287" s="115">
        <v>0</v>
      </c>
      <c r="U1287" s="119"/>
      <c r="V1287" s="119"/>
      <c r="W1287" s="119"/>
      <c r="X1287" s="119"/>
      <c r="Y1287" s="119"/>
      <c r="Z1287" s="119"/>
      <c r="AA1287" s="119"/>
      <c r="AB1287" s="119"/>
      <c r="AC1287" s="119"/>
      <c r="AD1287" s="119"/>
      <c r="AE1287" s="119"/>
      <c r="AF1287" s="119"/>
      <c r="AG1287" s="119"/>
      <c r="AH1287" s="119"/>
      <c r="AI1287" s="119"/>
      <c r="AJ1287" s="119"/>
      <c r="AK1287" s="119"/>
      <c r="AL1287" s="119"/>
      <c r="AM1287" s="119"/>
      <c r="AN1287" s="119"/>
      <c r="AO1287" s="119"/>
      <c r="AP1287" s="119"/>
      <c r="AQ1287" s="119"/>
      <c r="AR1287" s="119"/>
      <c r="AS1287" s="119"/>
      <c r="AT1287" s="119"/>
      <c r="AU1287" s="119"/>
      <c r="AV1287" s="119"/>
      <c r="AW1287" s="119"/>
      <c r="AX1287" s="119"/>
      <c r="AY1287" s="119"/>
      <c r="AZ1287" s="119"/>
      <c r="BA1287" s="119"/>
      <c r="BB1287" s="107">
        <v>45884</v>
      </c>
    </row>
    <row r="1288" spans="1:54" s="207" customFormat="1" ht="13.95" customHeight="1" x14ac:dyDescent="0.25">
      <c r="A1288" s="208" t="s">
        <v>3136</v>
      </c>
      <c r="B1288" s="209" t="s">
        <v>20420</v>
      </c>
      <c r="C1288" s="113" t="s">
        <v>3137</v>
      </c>
      <c r="D1288" s="113" t="s">
        <v>3138</v>
      </c>
      <c r="E1288" s="210">
        <v>1973</v>
      </c>
      <c r="F1288" s="210">
        <v>1268</v>
      </c>
      <c r="G1288" s="113" t="s">
        <v>1</v>
      </c>
      <c r="H1288" s="113">
        <v>0</v>
      </c>
      <c r="I1288" s="113">
        <v>0</v>
      </c>
      <c r="J1288" s="115">
        <v>0</v>
      </c>
      <c r="K1288" s="116" t="s">
        <v>174</v>
      </c>
      <c r="L1288" s="115">
        <v>0</v>
      </c>
      <c r="M1288" s="115">
        <v>0</v>
      </c>
      <c r="N1288" s="115">
        <v>0</v>
      </c>
      <c r="O1288" s="115">
        <v>1</v>
      </c>
      <c r="P1288" s="115" t="s">
        <v>400</v>
      </c>
      <c r="Q1288" s="115" t="s">
        <v>400</v>
      </c>
      <c r="R1288" s="115">
        <v>0</v>
      </c>
      <c r="S1288" s="115">
        <v>0</v>
      </c>
      <c r="T1288" s="115">
        <v>0</v>
      </c>
      <c r="U1288" s="119"/>
      <c r="V1288" s="119"/>
      <c r="W1288" s="119"/>
      <c r="X1288" s="119"/>
      <c r="Y1288" s="119"/>
      <c r="Z1288" s="119"/>
      <c r="AA1288" s="119"/>
      <c r="AB1288" s="119"/>
      <c r="AC1288" s="119"/>
      <c r="AD1288" s="119"/>
      <c r="AE1288" s="119"/>
      <c r="AF1288" s="119"/>
      <c r="AG1288" s="119"/>
      <c r="AH1288" s="119"/>
      <c r="AI1288" s="119"/>
      <c r="AJ1288" s="119"/>
      <c r="AK1288" s="119"/>
      <c r="AL1288" s="119"/>
      <c r="AM1288" s="119"/>
      <c r="AN1288" s="119"/>
      <c r="AO1288" s="119"/>
      <c r="AP1288" s="119"/>
      <c r="AQ1288" s="119"/>
      <c r="AR1288" s="119"/>
      <c r="AS1288" s="119"/>
      <c r="AT1288" s="119"/>
      <c r="AU1288" s="119"/>
      <c r="AV1288" s="119"/>
      <c r="AW1288" s="119"/>
      <c r="AX1288" s="119"/>
      <c r="AY1288" s="119"/>
      <c r="AZ1288" s="119"/>
      <c r="BA1288" s="119"/>
      <c r="BB1288" s="107">
        <v>45884</v>
      </c>
    </row>
    <row r="1289" spans="1:54" s="207" customFormat="1" ht="13.95" customHeight="1" x14ac:dyDescent="0.25">
      <c r="A1289" s="208" t="s">
        <v>3139</v>
      </c>
      <c r="B1289" s="209" t="s">
        <v>20420</v>
      </c>
      <c r="C1289" s="113" t="s">
        <v>3140</v>
      </c>
      <c r="D1289" s="113" t="s">
        <v>23164</v>
      </c>
      <c r="E1289" s="210">
        <v>1994</v>
      </c>
      <c r="F1289" s="210">
        <v>1270</v>
      </c>
      <c r="G1289" s="113" t="s">
        <v>1</v>
      </c>
      <c r="H1289" s="113">
        <v>0</v>
      </c>
      <c r="I1289" s="113">
        <v>0</v>
      </c>
      <c r="J1289" s="115">
        <v>1</v>
      </c>
      <c r="K1289" s="116" t="s">
        <v>174</v>
      </c>
      <c r="L1289" s="115">
        <v>0</v>
      </c>
      <c r="M1289" s="115">
        <v>0</v>
      </c>
      <c r="N1289" s="115">
        <v>0</v>
      </c>
      <c r="O1289" s="115">
        <v>0</v>
      </c>
      <c r="P1289" s="115" t="s">
        <v>400</v>
      </c>
      <c r="Q1289" s="115" t="s">
        <v>400</v>
      </c>
      <c r="R1289" s="115">
        <v>0</v>
      </c>
      <c r="S1289" s="115">
        <v>0</v>
      </c>
      <c r="T1289" s="115">
        <v>0</v>
      </c>
      <c r="U1289" s="119"/>
      <c r="V1289" s="119"/>
      <c r="W1289" s="119"/>
      <c r="X1289" s="119"/>
      <c r="Y1289" s="119"/>
      <c r="Z1289" s="119"/>
      <c r="AA1289" s="119"/>
      <c r="AB1289" s="119"/>
      <c r="AC1289" s="119"/>
      <c r="AD1289" s="119"/>
      <c r="AE1289" s="119"/>
      <c r="AF1289" s="119"/>
      <c r="AG1289" s="119"/>
      <c r="AH1289" s="119"/>
      <c r="AI1289" s="119"/>
      <c r="AJ1289" s="119"/>
      <c r="AK1289" s="119"/>
      <c r="AL1289" s="119"/>
      <c r="AM1289" s="119"/>
      <c r="AN1289" s="119"/>
      <c r="AO1289" s="119"/>
      <c r="AP1289" s="119"/>
      <c r="AQ1289" s="119"/>
      <c r="AR1289" s="119"/>
      <c r="AS1289" s="119"/>
      <c r="AT1289" s="119"/>
      <c r="AU1289" s="119"/>
      <c r="AV1289" s="119"/>
      <c r="AW1289" s="119"/>
      <c r="AX1289" s="119"/>
      <c r="AY1289" s="119"/>
      <c r="AZ1289" s="119"/>
      <c r="BA1289" s="119"/>
      <c r="BB1289" s="107">
        <v>45884</v>
      </c>
    </row>
    <row r="1290" spans="1:54" s="207" customFormat="1" ht="13.95" customHeight="1" x14ac:dyDescent="0.25">
      <c r="A1290" s="208" t="s">
        <v>3141</v>
      </c>
      <c r="B1290" s="209" t="s">
        <v>20420</v>
      </c>
      <c r="C1290" s="113" t="s">
        <v>3142</v>
      </c>
      <c r="D1290" s="113" t="s">
        <v>23165</v>
      </c>
      <c r="E1290" s="210">
        <v>1992</v>
      </c>
      <c r="F1290" s="210">
        <v>1271</v>
      </c>
      <c r="G1290" s="113" t="s">
        <v>1</v>
      </c>
      <c r="H1290" s="113">
        <v>0</v>
      </c>
      <c r="I1290" s="113">
        <v>0</v>
      </c>
      <c r="J1290" s="115">
        <v>1</v>
      </c>
      <c r="K1290" s="211">
        <v>1</v>
      </c>
      <c r="L1290" s="115">
        <v>0</v>
      </c>
      <c r="M1290" s="115">
        <v>0</v>
      </c>
      <c r="N1290" s="115">
        <v>0</v>
      </c>
      <c r="O1290" s="115">
        <v>0</v>
      </c>
      <c r="P1290" s="115">
        <v>1</v>
      </c>
      <c r="Q1290" s="115" t="s">
        <v>400</v>
      </c>
      <c r="R1290" s="115">
        <v>1</v>
      </c>
      <c r="S1290" s="115">
        <v>0</v>
      </c>
      <c r="T1290" s="115">
        <v>0</v>
      </c>
      <c r="U1290" s="119"/>
      <c r="V1290" s="119"/>
      <c r="W1290" s="119"/>
      <c r="X1290" s="119"/>
      <c r="Y1290" s="119"/>
      <c r="Z1290" s="119"/>
      <c r="AA1290" s="119"/>
      <c r="AB1290" s="119"/>
      <c r="AC1290" s="119"/>
      <c r="AD1290" s="119"/>
      <c r="AE1290" s="119"/>
      <c r="AF1290" s="119"/>
      <c r="AG1290" s="119"/>
      <c r="AH1290" s="119"/>
      <c r="AI1290" s="119"/>
      <c r="AJ1290" s="119"/>
      <c r="AK1290" s="119"/>
      <c r="AL1290" s="119"/>
      <c r="AM1290" s="119"/>
      <c r="AN1290" s="119"/>
      <c r="AO1290" s="119"/>
      <c r="AP1290" s="119"/>
      <c r="AQ1290" s="119"/>
      <c r="AR1290" s="119"/>
      <c r="AS1290" s="119"/>
      <c r="AT1290" s="119"/>
      <c r="AU1290" s="119"/>
      <c r="AV1290" s="119"/>
      <c r="AW1290" s="119"/>
      <c r="AX1290" s="119"/>
      <c r="AY1290" s="119"/>
      <c r="AZ1290" s="119"/>
      <c r="BA1290" s="119"/>
      <c r="BB1290" s="107">
        <v>45884</v>
      </c>
    </row>
    <row r="1291" spans="1:54" s="207" customFormat="1" ht="13.95" customHeight="1" x14ac:dyDescent="0.25">
      <c r="A1291" s="208" t="s">
        <v>3143</v>
      </c>
      <c r="B1291" s="209" t="s">
        <v>20420</v>
      </c>
      <c r="C1291" s="113" t="s">
        <v>3144</v>
      </c>
      <c r="D1291" s="113" t="s">
        <v>3145</v>
      </c>
      <c r="E1291" s="210">
        <v>1989</v>
      </c>
      <c r="F1291" s="210">
        <v>1273</v>
      </c>
      <c r="G1291" s="113" t="s">
        <v>1</v>
      </c>
      <c r="H1291" s="113">
        <v>0</v>
      </c>
      <c r="I1291" s="113">
        <v>0</v>
      </c>
      <c r="J1291" s="115">
        <v>1</v>
      </c>
      <c r="K1291" s="116" t="s">
        <v>174</v>
      </c>
      <c r="L1291" s="115">
        <v>0</v>
      </c>
      <c r="M1291" s="115">
        <v>0</v>
      </c>
      <c r="N1291" s="115">
        <v>0</v>
      </c>
      <c r="O1291" s="115">
        <v>0</v>
      </c>
      <c r="P1291" s="115" t="s">
        <v>400</v>
      </c>
      <c r="Q1291" s="115" t="s">
        <v>400</v>
      </c>
      <c r="R1291" s="115">
        <v>0</v>
      </c>
      <c r="S1291" s="115">
        <v>0</v>
      </c>
      <c r="T1291" s="115">
        <v>0</v>
      </c>
      <c r="U1291" s="119"/>
      <c r="V1291" s="119"/>
      <c r="W1291" s="119"/>
      <c r="X1291" s="119"/>
      <c r="Y1291" s="119"/>
      <c r="Z1291" s="119"/>
      <c r="AA1291" s="119"/>
      <c r="AB1291" s="119"/>
      <c r="AC1291" s="119"/>
      <c r="AD1291" s="119"/>
      <c r="AE1291" s="119"/>
      <c r="AF1291" s="119"/>
      <c r="AG1291" s="119"/>
      <c r="AH1291" s="119"/>
      <c r="AI1291" s="119"/>
      <c r="AJ1291" s="119"/>
      <c r="AK1291" s="119"/>
      <c r="AL1291" s="119"/>
      <c r="AM1291" s="119"/>
      <c r="AN1291" s="119"/>
      <c r="AO1291" s="119"/>
      <c r="AP1291" s="119"/>
      <c r="AQ1291" s="119"/>
      <c r="AR1291" s="119"/>
      <c r="AS1291" s="119"/>
      <c r="AT1291" s="119"/>
      <c r="AU1291" s="119"/>
      <c r="AV1291" s="119"/>
      <c r="AW1291" s="119"/>
      <c r="AX1291" s="119"/>
      <c r="AY1291" s="119"/>
      <c r="AZ1291" s="119"/>
      <c r="BA1291" s="119"/>
      <c r="BB1291" s="107">
        <v>45884</v>
      </c>
    </row>
    <row r="1292" spans="1:54" s="207" customFormat="1" ht="13.95" customHeight="1" x14ac:dyDescent="0.25">
      <c r="A1292" s="208" t="s">
        <v>3146</v>
      </c>
      <c r="B1292" s="209" t="s">
        <v>20420</v>
      </c>
      <c r="C1292" s="113" t="s">
        <v>3147</v>
      </c>
      <c r="D1292" s="113" t="s">
        <v>3148</v>
      </c>
      <c r="E1292" s="210">
        <v>1984</v>
      </c>
      <c r="F1292" s="210">
        <v>1274</v>
      </c>
      <c r="G1292" s="113" t="s">
        <v>1</v>
      </c>
      <c r="H1292" s="113">
        <v>0</v>
      </c>
      <c r="I1292" s="113">
        <v>0</v>
      </c>
      <c r="J1292" s="115">
        <v>1</v>
      </c>
      <c r="K1292" s="116" t="s">
        <v>174</v>
      </c>
      <c r="L1292" s="115">
        <v>0</v>
      </c>
      <c r="M1292" s="115">
        <v>0</v>
      </c>
      <c r="N1292" s="115">
        <v>1</v>
      </c>
      <c r="O1292" s="115">
        <v>0</v>
      </c>
      <c r="P1292" s="115">
        <v>1</v>
      </c>
      <c r="Q1292" s="115" t="s">
        <v>400</v>
      </c>
      <c r="R1292" s="115">
        <v>1</v>
      </c>
      <c r="S1292" s="115">
        <v>0</v>
      </c>
      <c r="T1292" s="115">
        <v>0</v>
      </c>
      <c r="U1292" s="119"/>
      <c r="V1292" s="119"/>
      <c r="W1292" s="119"/>
      <c r="X1292" s="119"/>
      <c r="Y1292" s="119"/>
      <c r="Z1292" s="119"/>
      <c r="AA1292" s="119"/>
      <c r="AB1292" s="119"/>
      <c r="AC1292" s="119"/>
      <c r="AD1292" s="119"/>
      <c r="AE1292" s="119"/>
      <c r="AF1292" s="119"/>
      <c r="AG1292" s="119"/>
      <c r="AH1292" s="119"/>
      <c r="AI1292" s="119"/>
      <c r="AJ1292" s="119"/>
      <c r="AK1292" s="119"/>
      <c r="AL1292" s="119"/>
      <c r="AM1292" s="119"/>
      <c r="AN1292" s="119"/>
      <c r="AO1292" s="119"/>
      <c r="AP1292" s="119"/>
      <c r="AQ1292" s="119"/>
      <c r="AR1292" s="119"/>
      <c r="AS1292" s="119"/>
      <c r="AT1292" s="119"/>
      <c r="AU1292" s="119"/>
      <c r="AV1292" s="119"/>
      <c r="AW1292" s="119"/>
      <c r="AX1292" s="119"/>
      <c r="AY1292" s="119"/>
      <c r="AZ1292" s="119"/>
      <c r="BA1292" s="119"/>
      <c r="BB1292" s="107">
        <v>45884</v>
      </c>
    </row>
    <row r="1293" spans="1:54" s="207" customFormat="1" ht="13.95" customHeight="1" x14ac:dyDescent="0.25">
      <c r="A1293" s="208" t="s">
        <v>3149</v>
      </c>
      <c r="B1293" s="209" t="s">
        <v>20420</v>
      </c>
      <c r="C1293" s="113" t="s">
        <v>3150</v>
      </c>
      <c r="D1293" s="113" t="s">
        <v>23166</v>
      </c>
      <c r="E1293" s="210">
        <v>2004</v>
      </c>
      <c r="F1293" s="210">
        <v>1274</v>
      </c>
      <c r="G1293" s="113" t="s">
        <v>1</v>
      </c>
      <c r="H1293" s="113">
        <v>0</v>
      </c>
      <c r="I1293" s="113">
        <v>0</v>
      </c>
      <c r="J1293" s="115">
        <v>1</v>
      </c>
      <c r="K1293" s="116" t="s">
        <v>174</v>
      </c>
      <c r="L1293" s="115">
        <v>0</v>
      </c>
      <c r="M1293" s="115">
        <v>1</v>
      </c>
      <c r="N1293" s="115">
        <v>0</v>
      </c>
      <c r="O1293" s="115">
        <v>0</v>
      </c>
      <c r="P1293" s="115" t="s">
        <v>400</v>
      </c>
      <c r="Q1293" s="115" t="s">
        <v>400</v>
      </c>
      <c r="R1293" s="115">
        <v>0</v>
      </c>
      <c r="S1293" s="115">
        <v>0</v>
      </c>
      <c r="T1293" s="115">
        <v>0</v>
      </c>
      <c r="U1293" s="119"/>
      <c r="V1293" s="119"/>
      <c r="W1293" s="119"/>
      <c r="X1293" s="119"/>
      <c r="Y1293" s="119"/>
      <c r="Z1293" s="119"/>
      <c r="AA1293" s="119"/>
      <c r="AB1293" s="119"/>
      <c r="AC1293" s="119"/>
      <c r="AD1293" s="119"/>
      <c r="AE1293" s="119"/>
      <c r="AF1293" s="119"/>
      <c r="AG1293" s="119"/>
      <c r="AH1293" s="119"/>
      <c r="AI1293" s="119"/>
      <c r="AJ1293" s="119"/>
      <c r="AK1293" s="119"/>
      <c r="AL1293" s="119"/>
      <c r="AM1293" s="119"/>
      <c r="AN1293" s="119"/>
      <c r="AO1293" s="119"/>
      <c r="AP1293" s="119"/>
      <c r="AQ1293" s="119"/>
      <c r="AR1293" s="119"/>
      <c r="AS1293" s="119"/>
      <c r="AT1293" s="119"/>
      <c r="AU1293" s="119"/>
      <c r="AV1293" s="119"/>
      <c r="AW1293" s="119"/>
      <c r="AX1293" s="119"/>
      <c r="AY1293" s="119"/>
      <c r="AZ1293" s="119"/>
      <c r="BA1293" s="119"/>
      <c r="BB1293" s="107">
        <v>45884</v>
      </c>
    </row>
    <row r="1294" spans="1:54" s="207" customFormat="1" ht="13.95" customHeight="1" x14ac:dyDescent="0.25">
      <c r="A1294" s="208" t="s">
        <v>3151</v>
      </c>
      <c r="B1294" s="209" t="s">
        <v>20420</v>
      </c>
      <c r="C1294" s="113" t="s">
        <v>3152</v>
      </c>
      <c r="D1294" s="113" t="s">
        <v>3153</v>
      </c>
      <c r="E1294" s="210">
        <v>1983</v>
      </c>
      <c r="F1294" s="210">
        <v>1275</v>
      </c>
      <c r="G1294" s="113" t="s">
        <v>1</v>
      </c>
      <c r="H1294" s="113">
        <v>0</v>
      </c>
      <c r="I1294" s="113">
        <v>0</v>
      </c>
      <c r="J1294" s="115">
        <v>1</v>
      </c>
      <c r="K1294" s="116" t="s">
        <v>174</v>
      </c>
      <c r="L1294" s="115">
        <v>1</v>
      </c>
      <c r="M1294" s="115">
        <v>0</v>
      </c>
      <c r="N1294" s="115">
        <v>0</v>
      </c>
      <c r="O1294" s="115">
        <v>1</v>
      </c>
      <c r="P1294" s="115">
        <v>1</v>
      </c>
      <c r="Q1294" s="115" t="s">
        <v>400</v>
      </c>
      <c r="R1294" s="115">
        <v>1</v>
      </c>
      <c r="S1294" s="115">
        <v>0</v>
      </c>
      <c r="T1294" s="115">
        <v>0</v>
      </c>
      <c r="U1294" s="119"/>
      <c r="V1294" s="119"/>
      <c r="W1294" s="119"/>
      <c r="X1294" s="119"/>
      <c r="Y1294" s="119"/>
      <c r="Z1294" s="119"/>
      <c r="AA1294" s="119"/>
      <c r="AB1294" s="119"/>
      <c r="AC1294" s="119"/>
      <c r="AD1294" s="119"/>
      <c r="AE1294" s="119"/>
      <c r="AF1294" s="119"/>
      <c r="AG1294" s="119"/>
      <c r="AH1294" s="119"/>
      <c r="AI1294" s="119"/>
      <c r="AJ1294" s="119"/>
      <c r="AK1294" s="119"/>
      <c r="AL1294" s="119"/>
      <c r="AM1294" s="119"/>
      <c r="AN1294" s="119"/>
      <c r="AO1294" s="119"/>
      <c r="AP1294" s="119"/>
      <c r="AQ1294" s="119"/>
      <c r="AR1294" s="119"/>
      <c r="AS1294" s="119"/>
      <c r="AT1294" s="119"/>
      <c r="AU1294" s="119"/>
      <c r="AV1294" s="119"/>
      <c r="AW1294" s="119"/>
      <c r="AX1294" s="119"/>
      <c r="AY1294" s="119"/>
      <c r="AZ1294" s="119"/>
      <c r="BA1294" s="119"/>
      <c r="BB1294" s="107">
        <v>45884</v>
      </c>
    </row>
    <row r="1295" spans="1:54" s="207" customFormat="1" ht="13.95" customHeight="1" x14ac:dyDescent="0.25">
      <c r="A1295" s="208" t="s">
        <v>3154</v>
      </c>
      <c r="B1295" s="209" t="s">
        <v>20420</v>
      </c>
      <c r="C1295" s="113" t="s">
        <v>3155</v>
      </c>
      <c r="D1295" s="113" t="s">
        <v>23167</v>
      </c>
      <c r="E1295" s="210">
        <v>1985</v>
      </c>
      <c r="F1295" s="210">
        <v>1275</v>
      </c>
      <c r="G1295" s="113" t="s">
        <v>1</v>
      </c>
      <c r="H1295" s="113">
        <v>0</v>
      </c>
      <c r="I1295" s="113">
        <v>0</v>
      </c>
      <c r="J1295" s="115">
        <v>1</v>
      </c>
      <c r="K1295" s="116" t="s">
        <v>174</v>
      </c>
      <c r="L1295" s="115">
        <v>1</v>
      </c>
      <c r="M1295" s="115">
        <v>1</v>
      </c>
      <c r="N1295" s="115">
        <v>0</v>
      </c>
      <c r="O1295" s="115">
        <v>1</v>
      </c>
      <c r="P1295" s="115">
        <v>1</v>
      </c>
      <c r="Q1295" s="115" t="s">
        <v>400</v>
      </c>
      <c r="R1295" s="115">
        <v>1</v>
      </c>
      <c r="S1295" s="115">
        <v>0</v>
      </c>
      <c r="T1295" s="115">
        <v>0</v>
      </c>
      <c r="U1295" s="119"/>
      <c r="V1295" s="119"/>
      <c r="W1295" s="119"/>
      <c r="X1295" s="119"/>
      <c r="Y1295" s="119"/>
      <c r="Z1295" s="119"/>
      <c r="AA1295" s="119"/>
      <c r="AB1295" s="119"/>
      <c r="AC1295" s="119"/>
      <c r="AD1295" s="119"/>
      <c r="AE1295" s="119"/>
      <c r="AF1295" s="119"/>
      <c r="AG1295" s="119"/>
      <c r="AH1295" s="119"/>
      <c r="AI1295" s="119"/>
      <c r="AJ1295" s="119"/>
      <c r="AK1295" s="119"/>
      <c r="AL1295" s="119"/>
      <c r="AM1295" s="119"/>
      <c r="AN1295" s="119"/>
      <c r="AO1295" s="119"/>
      <c r="AP1295" s="119"/>
      <c r="AQ1295" s="119"/>
      <c r="AR1295" s="119"/>
      <c r="AS1295" s="119"/>
      <c r="AT1295" s="119"/>
      <c r="AU1295" s="119"/>
      <c r="AV1295" s="119"/>
      <c r="AW1295" s="119"/>
      <c r="AX1295" s="119"/>
      <c r="AY1295" s="119"/>
      <c r="AZ1295" s="119"/>
      <c r="BA1295" s="119"/>
      <c r="BB1295" s="107">
        <v>45884</v>
      </c>
    </row>
    <row r="1296" spans="1:54" s="207" customFormat="1" ht="13.95" customHeight="1" x14ac:dyDescent="0.25">
      <c r="A1296" s="208" t="s">
        <v>3156</v>
      </c>
      <c r="B1296" s="209" t="s">
        <v>20420</v>
      </c>
      <c r="C1296" s="113" t="s">
        <v>3157</v>
      </c>
      <c r="D1296" s="113" t="s">
        <v>3158</v>
      </c>
      <c r="E1296" s="210">
        <v>1978</v>
      </c>
      <c r="F1296" s="210">
        <v>1275</v>
      </c>
      <c r="G1296" s="113" t="s">
        <v>1</v>
      </c>
      <c r="H1296" s="113">
        <v>0</v>
      </c>
      <c r="I1296" s="113">
        <v>0</v>
      </c>
      <c r="J1296" s="115">
        <v>1</v>
      </c>
      <c r="K1296" s="116" t="s">
        <v>174</v>
      </c>
      <c r="L1296" s="115">
        <v>1</v>
      </c>
      <c r="M1296" s="115">
        <v>0</v>
      </c>
      <c r="N1296" s="115">
        <v>0</v>
      </c>
      <c r="O1296" s="115">
        <v>1</v>
      </c>
      <c r="P1296" s="115">
        <v>1</v>
      </c>
      <c r="Q1296" s="115" t="s">
        <v>400</v>
      </c>
      <c r="R1296" s="115">
        <v>1</v>
      </c>
      <c r="S1296" s="115">
        <v>0</v>
      </c>
      <c r="T1296" s="115">
        <v>0</v>
      </c>
      <c r="U1296" s="119"/>
      <c r="V1296" s="119"/>
      <c r="W1296" s="119"/>
      <c r="X1296" s="119"/>
      <c r="Y1296" s="119"/>
      <c r="Z1296" s="119"/>
      <c r="AA1296" s="119"/>
      <c r="AB1296" s="119"/>
      <c r="AC1296" s="119"/>
      <c r="AD1296" s="119"/>
      <c r="AE1296" s="119"/>
      <c r="AF1296" s="119"/>
      <c r="AG1296" s="119"/>
      <c r="AH1296" s="119"/>
      <c r="AI1296" s="119"/>
      <c r="AJ1296" s="119"/>
      <c r="AK1296" s="119"/>
      <c r="AL1296" s="119"/>
      <c r="AM1296" s="119"/>
      <c r="AN1296" s="119"/>
      <c r="AO1296" s="119"/>
      <c r="AP1296" s="119"/>
      <c r="AQ1296" s="119"/>
      <c r="AR1296" s="119"/>
      <c r="AS1296" s="119"/>
      <c r="AT1296" s="119"/>
      <c r="AU1296" s="119"/>
      <c r="AV1296" s="119"/>
      <c r="AW1296" s="119"/>
      <c r="AX1296" s="119"/>
      <c r="AY1296" s="119"/>
      <c r="AZ1296" s="119"/>
      <c r="BA1296" s="119"/>
      <c r="BB1296" s="107">
        <v>45884</v>
      </c>
    </row>
    <row r="1297" spans="1:54" s="207" customFormat="1" ht="13.95" customHeight="1" x14ac:dyDescent="0.25">
      <c r="A1297" s="208" t="s">
        <v>3159</v>
      </c>
      <c r="B1297" s="209" t="s">
        <v>20420</v>
      </c>
      <c r="C1297" s="113" t="s">
        <v>3160</v>
      </c>
      <c r="D1297" s="113" t="s">
        <v>23168</v>
      </c>
      <c r="E1297" s="210">
        <v>1952</v>
      </c>
      <c r="F1297" s="210">
        <v>1276</v>
      </c>
      <c r="G1297" s="113" t="s">
        <v>1</v>
      </c>
      <c r="H1297" s="113">
        <v>0</v>
      </c>
      <c r="I1297" s="113">
        <v>0</v>
      </c>
      <c r="J1297" s="115">
        <v>1</v>
      </c>
      <c r="K1297" s="211">
        <v>1</v>
      </c>
      <c r="L1297" s="115">
        <v>1</v>
      </c>
      <c r="M1297" s="115">
        <v>1</v>
      </c>
      <c r="N1297" s="115">
        <v>1</v>
      </c>
      <c r="O1297" s="115">
        <v>1</v>
      </c>
      <c r="P1297" s="115" t="s">
        <v>400</v>
      </c>
      <c r="Q1297" s="115" t="s">
        <v>400</v>
      </c>
      <c r="R1297" s="115">
        <v>1</v>
      </c>
      <c r="S1297" s="115">
        <v>0</v>
      </c>
      <c r="T1297" s="115">
        <v>0</v>
      </c>
      <c r="U1297" s="119"/>
      <c r="V1297" s="119"/>
      <c r="W1297" s="119"/>
      <c r="X1297" s="119"/>
      <c r="Y1297" s="119"/>
      <c r="Z1297" s="119"/>
      <c r="AA1297" s="119"/>
      <c r="AB1297" s="119"/>
      <c r="AC1297" s="119"/>
      <c r="AD1297" s="119"/>
      <c r="AE1297" s="119"/>
      <c r="AF1297" s="119"/>
      <c r="AG1297" s="119"/>
      <c r="AH1297" s="119"/>
      <c r="AI1297" s="119"/>
      <c r="AJ1297" s="119"/>
      <c r="AK1297" s="119"/>
      <c r="AL1297" s="119"/>
      <c r="AM1297" s="119"/>
      <c r="AN1297" s="119"/>
      <c r="AO1297" s="119"/>
      <c r="AP1297" s="119"/>
      <c r="AQ1297" s="119"/>
      <c r="AR1297" s="119"/>
      <c r="AS1297" s="119"/>
      <c r="AT1297" s="119"/>
      <c r="AU1297" s="119"/>
      <c r="AV1297" s="119"/>
      <c r="AW1297" s="119"/>
      <c r="AX1297" s="119"/>
      <c r="AY1297" s="119"/>
      <c r="AZ1297" s="119"/>
      <c r="BA1297" s="119"/>
      <c r="BB1297" s="107">
        <v>45884</v>
      </c>
    </row>
    <row r="1298" spans="1:54" s="207" customFormat="1" ht="13.95" customHeight="1" x14ac:dyDescent="0.25">
      <c r="A1298" s="208" t="s">
        <v>3161</v>
      </c>
      <c r="B1298" s="209" t="s">
        <v>20420</v>
      </c>
      <c r="C1298" s="113" t="s">
        <v>3162</v>
      </c>
      <c r="D1298" s="113" t="s">
        <v>3163</v>
      </c>
      <c r="E1298" s="210">
        <v>1978</v>
      </c>
      <c r="F1298" s="210">
        <v>1277</v>
      </c>
      <c r="G1298" s="113" t="s">
        <v>1</v>
      </c>
      <c r="H1298" s="113">
        <v>0</v>
      </c>
      <c r="I1298" s="113">
        <v>0</v>
      </c>
      <c r="J1298" s="115">
        <v>1</v>
      </c>
      <c r="K1298" s="116" t="s">
        <v>174</v>
      </c>
      <c r="L1298" s="115">
        <v>1</v>
      </c>
      <c r="M1298" s="115">
        <v>0</v>
      </c>
      <c r="N1298" s="115">
        <v>0</v>
      </c>
      <c r="O1298" s="115">
        <v>1</v>
      </c>
      <c r="P1298" s="115">
        <v>1</v>
      </c>
      <c r="Q1298" s="115" t="s">
        <v>400</v>
      </c>
      <c r="R1298" s="115">
        <v>1</v>
      </c>
      <c r="S1298" s="115">
        <v>0</v>
      </c>
      <c r="T1298" s="115">
        <v>0</v>
      </c>
      <c r="U1298" s="119"/>
      <c r="V1298" s="119"/>
      <c r="W1298" s="119"/>
      <c r="X1298" s="119"/>
      <c r="Y1298" s="119"/>
      <c r="Z1298" s="119"/>
      <c r="AA1298" s="119"/>
      <c r="AB1298" s="119"/>
      <c r="AC1298" s="119"/>
      <c r="AD1298" s="119"/>
      <c r="AE1298" s="119"/>
      <c r="AF1298" s="119"/>
      <c r="AG1298" s="119"/>
      <c r="AH1298" s="119"/>
      <c r="AI1298" s="119"/>
      <c r="AJ1298" s="119"/>
      <c r="AK1298" s="119"/>
      <c r="AL1298" s="119"/>
      <c r="AM1298" s="119"/>
      <c r="AN1298" s="119"/>
      <c r="AO1298" s="119"/>
      <c r="AP1298" s="119"/>
      <c r="AQ1298" s="119"/>
      <c r="AR1298" s="119"/>
      <c r="AS1298" s="119"/>
      <c r="AT1298" s="119"/>
      <c r="AU1298" s="119"/>
      <c r="AV1298" s="119"/>
      <c r="AW1298" s="119"/>
      <c r="AX1298" s="119"/>
      <c r="AY1298" s="119"/>
      <c r="AZ1298" s="119"/>
      <c r="BA1298" s="119"/>
      <c r="BB1298" s="107">
        <v>45884</v>
      </c>
    </row>
    <row r="1299" spans="1:54" s="207" customFormat="1" ht="13.95" customHeight="1" x14ac:dyDescent="0.25">
      <c r="A1299" s="208" t="s">
        <v>3164</v>
      </c>
      <c r="B1299" s="209" t="s">
        <v>20420</v>
      </c>
      <c r="C1299" s="113" t="s">
        <v>3165</v>
      </c>
      <c r="D1299" s="113" t="s">
        <v>23169</v>
      </c>
      <c r="E1299" s="210">
        <v>2000</v>
      </c>
      <c r="F1299" s="210">
        <v>1280</v>
      </c>
      <c r="G1299" s="113" t="s">
        <v>8</v>
      </c>
      <c r="H1299" s="113">
        <v>0</v>
      </c>
      <c r="I1299" s="113">
        <v>0</v>
      </c>
      <c r="J1299" s="115">
        <v>0</v>
      </c>
      <c r="K1299" s="116" t="s">
        <v>174</v>
      </c>
      <c r="L1299" s="115">
        <v>0</v>
      </c>
      <c r="M1299" s="115">
        <v>0</v>
      </c>
      <c r="N1299" s="115">
        <v>0</v>
      </c>
      <c r="O1299" s="115">
        <v>0</v>
      </c>
      <c r="P1299" s="115" t="s">
        <v>400</v>
      </c>
      <c r="Q1299" s="115" t="s">
        <v>400</v>
      </c>
      <c r="R1299" s="115">
        <v>0</v>
      </c>
      <c r="S1299" s="115">
        <v>0</v>
      </c>
      <c r="T1299" s="115">
        <v>0</v>
      </c>
      <c r="U1299" s="113" t="s">
        <v>174</v>
      </c>
      <c r="V1299" s="113" t="s">
        <v>174</v>
      </c>
      <c r="W1299" s="113" t="s">
        <v>174</v>
      </c>
      <c r="X1299" s="113" t="s">
        <v>174</v>
      </c>
      <c r="Y1299" s="113" t="s">
        <v>174</v>
      </c>
      <c r="Z1299" s="113" t="s">
        <v>174</v>
      </c>
      <c r="AA1299" s="113" t="s">
        <v>174</v>
      </c>
      <c r="AB1299" s="113" t="s">
        <v>174</v>
      </c>
      <c r="AC1299" s="113" t="s">
        <v>174</v>
      </c>
      <c r="AD1299" s="113" t="s">
        <v>174</v>
      </c>
      <c r="AE1299" s="113" t="s">
        <v>174</v>
      </c>
      <c r="AF1299" s="113" t="s">
        <v>174</v>
      </c>
      <c r="AG1299" s="113" t="s">
        <v>174</v>
      </c>
      <c r="AH1299" s="113" t="s">
        <v>174</v>
      </c>
      <c r="AI1299" s="113" t="s">
        <v>174</v>
      </c>
      <c r="AJ1299" s="113" t="s">
        <v>174</v>
      </c>
      <c r="AK1299" s="113" t="s">
        <v>174</v>
      </c>
      <c r="AL1299" s="113" t="s">
        <v>174</v>
      </c>
      <c r="AM1299" s="113" t="s">
        <v>174</v>
      </c>
      <c r="AN1299" s="113" t="s">
        <v>174</v>
      </c>
      <c r="AO1299" s="113" t="s">
        <v>174</v>
      </c>
      <c r="AP1299" s="113" t="s">
        <v>174</v>
      </c>
      <c r="AQ1299" s="113" t="s">
        <v>174</v>
      </c>
      <c r="AR1299" s="113" t="s">
        <v>174</v>
      </c>
      <c r="AS1299" s="113" t="s">
        <v>174</v>
      </c>
      <c r="AT1299" s="121" t="s">
        <v>174</v>
      </c>
      <c r="AU1299" s="113" t="s">
        <v>174</v>
      </c>
      <c r="AV1299" s="113" t="s">
        <v>174</v>
      </c>
      <c r="AW1299" s="113" t="s">
        <v>174</v>
      </c>
      <c r="AX1299" s="113"/>
      <c r="AY1299" s="113"/>
      <c r="AZ1299" s="113"/>
      <c r="BA1299" s="113"/>
      <c r="BB1299" s="107">
        <v>45884</v>
      </c>
    </row>
    <row r="1300" spans="1:54" s="207" customFormat="1" ht="13.95" customHeight="1" x14ac:dyDescent="0.25">
      <c r="A1300" s="208" t="s">
        <v>3166</v>
      </c>
      <c r="B1300" s="209" t="s">
        <v>20420</v>
      </c>
      <c r="C1300" s="113" t="s">
        <v>3167</v>
      </c>
      <c r="D1300" s="113" t="s">
        <v>23170</v>
      </c>
      <c r="E1300" s="210">
        <v>2014</v>
      </c>
      <c r="F1300" s="210">
        <v>1282</v>
      </c>
      <c r="G1300" s="113" t="s">
        <v>1</v>
      </c>
      <c r="H1300" s="113">
        <v>0</v>
      </c>
      <c r="I1300" s="113">
        <v>0</v>
      </c>
      <c r="J1300" s="115">
        <v>1</v>
      </c>
      <c r="K1300" s="211">
        <v>1</v>
      </c>
      <c r="L1300" s="115">
        <v>1</v>
      </c>
      <c r="M1300" s="115">
        <v>1</v>
      </c>
      <c r="N1300" s="115">
        <v>1</v>
      </c>
      <c r="O1300" s="115">
        <v>0</v>
      </c>
      <c r="P1300" s="115" t="s">
        <v>400</v>
      </c>
      <c r="Q1300" s="115" t="s">
        <v>400</v>
      </c>
      <c r="R1300" s="115">
        <v>0</v>
      </c>
      <c r="S1300" s="115">
        <v>0</v>
      </c>
      <c r="T1300" s="115">
        <v>0</v>
      </c>
      <c r="U1300" s="119"/>
      <c r="V1300" s="119"/>
      <c r="W1300" s="119"/>
      <c r="X1300" s="119"/>
      <c r="Y1300" s="119"/>
      <c r="Z1300" s="119"/>
      <c r="AA1300" s="119"/>
      <c r="AB1300" s="119"/>
      <c r="AC1300" s="119"/>
      <c r="AD1300" s="119"/>
      <c r="AE1300" s="119"/>
      <c r="AF1300" s="119"/>
      <c r="AG1300" s="119"/>
      <c r="AH1300" s="119"/>
      <c r="AI1300" s="119"/>
      <c r="AJ1300" s="119"/>
      <c r="AK1300" s="119"/>
      <c r="AL1300" s="119"/>
      <c r="AM1300" s="119"/>
      <c r="AN1300" s="119"/>
      <c r="AO1300" s="119"/>
      <c r="AP1300" s="119"/>
      <c r="AQ1300" s="119"/>
      <c r="AR1300" s="119"/>
      <c r="AS1300" s="119"/>
      <c r="AT1300" s="119"/>
      <c r="AU1300" s="119"/>
      <c r="AV1300" s="119"/>
      <c r="AW1300" s="119"/>
      <c r="AX1300" s="119"/>
      <c r="AY1300" s="119"/>
      <c r="AZ1300" s="119"/>
      <c r="BA1300" s="119"/>
      <c r="BB1300" s="107">
        <v>45884</v>
      </c>
    </row>
    <row r="1301" spans="1:54" s="207" customFormat="1" ht="13.95" customHeight="1" x14ac:dyDescent="0.25">
      <c r="A1301" s="208" t="s">
        <v>3168</v>
      </c>
      <c r="B1301" s="209" t="s">
        <v>20420</v>
      </c>
      <c r="C1301" s="113" t="s">
        <v>3169</v>
      </c>
      <c r="D1301" s="113" t="s">
        <v>23171</v>
      </c>
      <c r="E1301" s="210">
        <v>1992</v>
      </c>
      <c r="F1301" s="210">
        <v>1283</v>
      </c>
      <c r="G1301" s="113" t="s">
        <v>1</v>
      </c>
      <c r="H1301" s="113">
        <v>0</v>
      </c>
      <c r="I1301" s="113">
        <v>0</v>
      </c>
      <c r="J1301" s="115">
        <v>1</v>
      </c>
      <c r="K1301" s="116" t="s">
        <v>174</v>
      </c>
      <c r="L1301" s="115">
        <v>1</v>
      </c>
      <c r="M1301" s="115">
        <v>0</v>
      </c>
      <c r="N1301" s="115">
        <v>0</v>
      </c>
      <c r="O1301" s="115">
        <v>1</v>
      </c>
      <c r="P1301" s="115">
        <v>1</v>
      </c>
      <c r="Q1301" s="115" t="s">
        <v>400</v>
      </c>
      <c r="R1301" s="115">
        <v>1</v>
      </c>
      <c r="S1301" s="115">
        <v>0</v>
      </c>
      <c r="T1301" s="115">
        <v>0</v>
      </c>
      <c r="U1301" s="119"/>
      <c r="V1301" s="119"/>
      <c r="W1301" s="119"/>
      <c r="X1301" s="119"/>
      <c r="Y1301" s="119"/>
      <c r="Z1301" s="119"/>
      <c r="AA1301" s="119"/>
      <c r="AB1301" s="119"/>
      <c r="AC1301" s="119"/>
      <c r="AD1301" s="119"/>
      <c r="AE1301" s="119"/>
      <c r="AF1301" s="119"/>
      <c r="AG1301" s="119"/>
      <c r="AH1301" s="119"/>
      <c r="AI1301" s="119"/>
      <c r="AJ1301" s="119"/>
      <c r="AK1301" s="119"/>
      <c r="AL1301" s="119"/>
      <c r="AM1301" s="119"/>
      <c r="AN1301" s="119"/>
      <c r="AO1301" s="119"/>
      <c r="AP1301" s="119"/>
      <c r="AQ1301" s="119"/>
      <c r="AR1301" s="119"/>
      <c r="AS1301" s="119"/>
      <c r="AT1301" s="119"/>
      <c r="AU1301" s="119"/>
      <c r="AV1301" s="119"/>
      <c r="AW1301" s="119"/>
      <c r="AX1301" s="119"/>
      <c r="AY1301" s="119"/>
      <c r="AZ1301" s="119"/>
      <c r="BA1301" s="119"/>
      <c r="BB1301" s="107">
        <v>45884</v>
      </c>
    </row>
    <row r="1302" spans="1:54" s="207" customFormat="1" ht="13.95" customHeight="1" x14ac:dyDescent="0.25">
      <c r="A1302" s="208" t="s">
        <v>3170</v>
      </c>
      <c r="B1302" s="209" t="s">
        <v>20420</v>
      </c>
      <c r="C1302" s="113" t="s">
        <v>3171</v>
      </c>
      <c r="D1302" s="113" t="s">
        <v>23172</v>
      </c>
      <c r="E1302" s="210">
        <v>1991</v>
      </c>
      <c r="F1302" s="210">
        <v>1288</v>
      </c>
      <c r="G1302" s="113" t="s">
        <v>1</v>
      </c>
      <c r="H1302" s="113">
        <v>0</v>
      </c>
      <c r="I1302" s="113">
        <v>0</v>
      </c>
      <c r="J1302" s="115">
        <v>1</v>
      </c>
      <c r="K1302" s="116" t="s">
        <v>174</v>
      </c>
      <c r="L1302" s="115">
        <v>1</v>
      </c>
      <c r="M1302" s="115">
        <v>1</v>
      </c>
      <c r="N1302" s="115">
        <v>0</v>
      </c>
      <c r="O1302" s="115">
        <v>1</v>
      </c>
      <c r="P1302" s="115" t="s">
        <v>400</v>
      </c>
      <c r="Q1302" s="115" t="s">
        <v>400</v>
      </c>
      <c r="R1302" s="212">
        <v>1</v>
      </c>
      <c r="S1302" s="115">
        <v>0</v>
      </c>
      <c r="T1302" s="115">
        <v>0</v>
      </c>
      <c r="U1302" s="119"/>
      <c r="V1302" s="119"/>
      <c r="W1302" s="119"/>
      <c r="X1302" s="119"/>
      <c r="Y1302" s="119"/>
      <c r="Z1302" s="119"/>
      <c r="AA1302" s="119"/>
      <c r="AB1302" s="119"/>
      <c r="AC1302" s="119"/>
      <c r="AD1302" s="119"/>
      <c r="AE1302" s="119"/>
      <c r="AF1302" s="119"/>
      <c r="AG1302" s="119"/>
      <c r="AH1302" s="119"/>
      <c r="AI1302" s="119"/>
      <c r="AJ1302" s="119"/>
      <c r="AK1302" s="119"/>
      <c r="AL1302" s="119"/>
      <c r="AM1302" s="119"/>
      <c r="AN1302" s="119"/>
      <c r="AO1302" s="119"/>
      <c r="AP1302" s="119"/>
      <c r="AQ1302" s="119"/>
      <c r="AR1302" s="119"/>
      <c r="AS1302" s="119"/>
      <c r="AT1302" s="119"/>
      <c r="AU1302" s="119"/>
      <c r="AV1302" s="119"/>
      <c r="AW1302" s="119"/>
      <c r="AX1302" s="119"/>
      <c r="AY1302" s="119"/>
      <c r="AZ1302" s="119"/>
      <c r="BA1302" s="119"/>
      <c r="BB1302" s="107">
        <v>45884</v>
      </c>
    </row>
    <row r="1303" spans="1:54" s="207" customFormat="1" ht="13.95" customHeight="1" x14ac:dyDescent="0.25">
      <c r="A1303" s="208" t="s">
        <v>3172</v>
      </c>
      <c r="B1303" s="209" t="s">
        <v>20420</v>
      </c>
      <c r="C1303" s="113" t="s">
        <v>3173</v>
      </c>
      <c r="D1303" s="113" t="s">
        <v>23173</v>
      </c>
      <c r="E1303" s="210">
        <v>2003</v>
      </c>
      <c r="F1303" s="210">
        <v>1290</v>
      </c>
      <c r="G1303" s="113" t="s">
        <v>1</v>
      </c>
      <c r="H1303" s="113">
        <v>0</v>
      </c>
      <c r="I1303" s="113">
        <v>0</v>
      </c>
      <c r="J1303" s="115">
        <v>1</v>
      </c>
      <c r="K1303" s="116" t="s">
        <v>174</v>
      </c>
      <c r="L1303" s="115">
        <v>1</v>
      </c>
      <c r="M1303" s="115">
        <v>1</v>
      </c>
      <c r="N1303" s="212">
        <v>1</v>
      </c>
      <c r="O1303" s="115">
        <v>0</v>
      </c>
      <c r="P1303" s="115">
        <v>1</v>
      </c>
      <c r="Q1303" s="115" t="s">
        <v>400</v>
      </c>
      <c r="R1303" s="115">
        <v>0</v>
      </c>
      <c r="S1303" s="115">
        <v>0</v>
      </c>
      <c r="T1303" s="115">
        <v>0</v>
      </c>
      <c r="U1303" s="119"/>
      <c r="V1303" s="119"/>
      <c r="W1303" s="119"/>
      <c r="X1303" s="119"/>
      <c r="Y1303" s="119"/>
      <c r="Z1303" s="119"/>
      <c r="AA1303" s="119"/>
      <c r="AB1303" s="119"/>
      <c r="AC1303" s="119"/>
      <c r="AD1303" s="119"/>
      <c r="AE1303" s="119"/>
      <c r="AF1303" s="119"/>
      <c r="AG1303" s="119"/>
      <c r="AH1303" s="119"/>
      <c r="AI1303" s="119"/>
      <c r="AJ1303" s="119"/>
      <c r="AK1303" s="119"/>
      <c r="AL1303" s="119"/>
      <c r="AM1303" s="119"/>
      <c r="AN1303" s="119"/>
      <c r="AO1303" s="119"/>
      <c r="AP1303" s="119"/>
      <c r="AQ1303" s="119"/>
      <c r="AR1303" s="119"/>
      <c r="AS1303" s="119"/>
      <c r="AT1303" s="119"/>
      <c r="AU1303" s="119"/>
      <c r="AV1303" s="119"/>
      <c r="AW1303" s="119"/>
      <c r="AX1303" s="119"/>
      <c r="AY1303" s="119"/>
      <c r="AZ1303" s="119"/>
      <c r="BA1303" s="119"/>
      <c r="BB1303" s="107">
        <v>45884</v>
      </c>
    </row>
    <row r="1304" spans="1:54" s="207" customFormat="1" ht="13.95" customHeight="1" x14ac:dyDescent="0.25">
      <c r="A1304" s="208" t="s">
        <v>3174</v>
      </c>
      <c r="B1304" s="209" t="s">
        <v>20420</v>
      </c>
      <c r="C1304" s="113" t="s">
        <v>3175</v>
      </c>
      <c r="D1304" s="113" t="s">
        <v>3176</v>
      </c>
      <c r="E1304" s="210">
        <v>1984</v>
      </c>
      <c r="F1304" s="210">
        <v>1291</v>
      </c>
      <c r="G1304" s="113" t="s">
        <v>1</v>
      </c>
      <c r="H1304" s="113">
        <v>0</v>
      </c>
      <c r="I1304" s="113">
        <v>0</v>
      </c>
      <c r="J1304" s="115">
        <v>1</v>
      </c>
      <c r="K1304" s="116" t="s">
        <v>174</v>
      </c>
      <c r="L1304" s="115">
        <v>1</v>
      </c>
      <c r="M1304" s="115">
        <v>0</v>
      </c>
      <c r="N1304" s="115">
        <v>0</v>
      </c>
      <c r="O1304" s="115">
        <v>0</v>
      </c>
      <c r="P1304" s="115">
        <v>1</v>
      </c>
      <c r="Q1304" s="115">
        <v>1</v>
      </c>
      <c r="R1304" s="115">
        <v>1</v>
      </c>
      <c r="S1304" s="115">
        <v>0</v>
      </c>
      <c r="T1304" s="115">
        <v>0</v>
      </c>
      <c r="U1304" s="119"/>
      <c r="V1304" s="119"/>
      <c r="W1304" s="119"/>
      <c r="X1304" s="119"/>
      <c r="Y1304" s="119"/>
      <c r="Z1304" s="119"/>
      <c r="AA1304" s="119"/>
      <c r="AB1304" s="119"/>
      <c r="AC1304" s="119"/>
      <c r="AD1304" s="119"/>
      <c r="AE1304" s="119"/>
      <c r="AF1304" s="119"/>
      <c r="AG1304" s="119"/>
      <c r="AH1304" s="119"/>
      <c r="AI1304" s="119"/>
      <c r="AJ1304" s="119"/>
      <c r="AK1304" s="119"/>
      <c r="AL1304" s="119"/>
      <c r="AM1304" s="119"/>
      <c r="AN1304" s="119"/>
      <c r="AO1304" s="119"/>
      <c r="AP1304" s="119"/>
      <c r="AQ1304" s="119"/>
      <c r="AR1304" s="119"/>
      <c r="AS1304" s="119"/>
      <c r="AT1304" s="119"/>
      <c r="AU1304" s="119"/>
      <c r="AV1304" s="119"/>
      <c r="AW1304" s="119"/>
      <c r="AX1304" s="119"/>
      <c r="AY1304" s="119"/>
      <c r="AZ1304" s="119"/>
      <c r="BA1304" s="119"/>
      <c r="BB1304" s="107">
        <v>45884</v>
      </c>
    </row>
    <row r="1305" spans="1:54" s="207" customFormat="1" ht="13.95" customHeight="1" x14ac:dyDescent="0.25">
      <c r="A1305" s="208" t="s">
        <v>3177</v>
      </c>
      <c r="B1305" s="209" t="s">
        <v>20420</v>
      </c>
      <c r="C1305" s="113" t="s">
        <v>3178</v>
      </c>
      <c r="D1305" s="113" t="s">
        <v>23174</v>
      </c>
      <c r="E1305" s="210">
        <v>1949</v>
      </c>
      <c r="F1305" s="210">
        <v>1293</v>
      </c>
      <c r="G1305" s="113" t="s">
        <v>1</v>
      </c>
      <c r="H1305" s="113">
        <v>1</v>
      </c>
      <c r="I1305" s="113">
        <v>1</v>
      </c>
      <c r="J1305" s="115">
        <v>1</v>
      </c>
      <c r="K1305" s="116" t="s">
        <v>174</v>
      </c>
      <c r="L1305" s="115">
        <v>0</v>
      </c>
      <c r="M1305" s="115">
        <v>0</v>
      </c>
      <c r="N1305" s="115">
        <v>0</v>
      </c>
      <c r="O1305" s="115">
        <v>1</v>
      </c>
      <c r="P1305" s="115">
        <v>1</v>
      </c>
      <c r="Q1305" s="115" t="s">
        <v>400</v>
      </c>
      <c r="R1305" s="115">
        <v>1</v>
      </c>
      <c r="S1305" s="115">
        <v>0</v>
      </c>
      <c r="T1305" s="115">
        <v>0</v>
      </c>
      <c r="U1305" s="119"/>
      <c r="V1305" s="119"/>
      <c r="W1305" s="119"/>
      <c r="X1305" s="119"/>
      <c r="Y1305" s="119"/>
      <c r="Z1305" s="119"/>
      <c r="AA1305" s="119"/>
      <c r="AB1305" s="119"/>
      <c r="AC1305" s="119"/>
      <c r="AD1305" s="119"/>
      <c r="AE1305" s="119"/>
      <c r="AF1305" s="119"/>
      <c r="AG1305" s="119"/>
      <c r="AH1305" s="119"/>
      <c r="AI1305" s="119"/>
      <c r="AJ1305" s="119"/>
      <c r="AK1305" s="119"/>
      <c r="AL1305" s="119"/>
      <c r="AM1305" s="119"/>
      <c r="AN1305" s="119"/>
      <c r="AO1305" s="119"/>
      <c r="AP1305" s="119"/>
      <c r="AQ1305" s="119"/>
      <c r="AR1305" s="119"/>
      <c r="AS1305" s="119"/>
      <c r="AT1305" s="119"/>
      <c r="AU1305" s="119"/>
      <c r="AV1305" s="119"/>
      <c r="AW1305" s="119"/>
      <c r="AX1305" s="119"/>
      <c r="AY1305" s="119"/>
      <c r="AZ1305" s="119"/>
      <c r="BA1305" s="119"/>
      <c r="BB1305" s="107">
        <v>45884</v>
      </c>
    </row>
    <row r="1306" spans="1:54" s="207" customFormat="1" ht="13.95" customHeight="1" x14ac:dyDescent="0.25">
      <c r="A1306" s="208" t="s">
        <v>3179</v>
      </c>
      <c r="B1306" s="209" t="s">
        <v>20420</v>
      </c>
      <c r="C1306" s="113" t="s">
        <v>3180</v>
      </c>
      <c r="D1306" s="113" t="s">
        <v>3181</v>
      </c>
      <c r="E1306" s="210">
        <v>1967</v>
      </c>
      <c r="F1306" s="210">
        <v>1294</v>
      </c>
      <c r="G1306" s="113" t="s">
        <v>1</v>
      </c>
      <c r="H1306" s="113">
        <v>0</v>
      </c>
      <c r="I1306" s="113">
        <v>0</v>
      </c>
      <c r="J1306" s="115">
        <v>1</v>
      </c>
      <c r="K1306" s="116" t="s">
        <v>174</v>
      </c>
      <c r="L1306" s="115">
        <v>1</v>
      </c>
      <c r="M1306" s="115">
        <v>0</v>
      </c>
      <c r="N1306" s="115">
        <v>0</v>
      </c>
      <c r="O1306" s="115">
        <v>1</v>
      </c>
      <c r="P1306" s="115">
        <v>1</v>
      </c>
      <c r="Q1306" s="115" t="s">
        <v>400</v>
      </c>
      <c r="R1306" s="115">
        <v>0</v>
      </c>
      <c r="S1306" s="115">
        <v>0</v>
      </c>
      <c r="T1306" s="115">
        <v>0</v>
      </c>
      <c r="U1306" s="119"/>
      <c r="V1306" s="119"/>
      <c r="W1306" s="119"/>
      <c r="X1306" s="119"/>
      <c r="Y1306" s="119"/>
      <c r="Z1306" s="119"/>
      <c r="AA1306" s="119"/>
      <c r="AB1306" s="119"/>
      <c r="AC1306" s="119"/>
      <c r="AD1306" s="119"/>
      <c r="AE1306" s="119"/>
      <c r="AF1306" s="119"/>
      <c r="AG1306" s="119"/>
      <c r="AH1306" s="119"/>
      <c r="AI1306" s="119"/>
      <c r="AJ1306" s="119"/>
      <c r="AK1306" s="119"/>
      <c r="AL1306" s="119"/>
      <c r="AM1306" s="119"/>
      <c r="AN1306" s="119"/>
      <c r="AO1306" s="119"/>
      <c r="AP1306" s="119"/>
      <c r="AQ1306" s="119"/>
      <c r="AR1306" s="119"/>
      <c r="AS1306" s="119"/>
      <c r="AT1306" s="119"/>
      <c r="AU1306" s="119"/>
      <c r="AV1306" s="119"/>
      <c r="AW1306" s="119"/>
      <c r="AX1306" s="119"/>
      <c r="AY1306" s="119"/>
      <c r="AZ1306" s="119"/>
      <c r="BA1306" s="119"/>
      <c r="BB1306" s="107">
        <v>45884</v>
      </c>
    </row>
    <row r="1307" spans="1:54" s="207" customFormat="1" ht="13.95" customHeight="1" x14ac:dyDescent="0.25">
      <c r="A1307" s="208" t="s">
        <v>3182</v>
      </c>
      <c r="B1307" s="209" t="s">
        <v>20420</v>
      </c>
      <c r="C1307" s="113" t="s">
        <v>3183</v>
      </c>
      <c r="D1307" s="113" t="s">
        <v>23175</v>
      </c>
      <c r="E1307" s="210">
        <v>1969</v>
      </c>
      <c r="F1307" s="210">
        <v>1295</v>
      </c>
      <c r="G1307" s="113" t="s">
        <v>1</v>
      </c>
      <c r="H1307" s="113">
        <v>0</v>
      </c>
      <c r="I1307" s="113">
        <v>0</v>
      </c>
      <c r="J1307" s="115">
        <v>1</v>
      </c>
      <c r="K1307" s="116" t="s">
        <v>174</v>
      </c>
      <c r="L1307" s="115">
        <v>1</v>
      </c>
      <c r="M1307" s="115">
        <v>1</v>
      </c>
      <c r="N1307" s="115">
        <v>0</v>
      </c>
      <c r="O1307" s="115">
        <v>1</v>
      </c>
      <c r="P1307" s="115" t="s">
        <v>400</v>
      </c>
      <c r="Q1307" s="115" t="s">
        <v>400</v>
      </c>
      <c r="R1307" s="115">
        <v>0</v>
      </c>
      <c r="S1307" s="115">
        <v>0</v>
      </c>
      <c r="T1307" s="115">
        <v>0</v>
      </c>
      <c r="U1307" s="119"/>
      <c r="V1307" s="119"/>
      <c r="W1307" s="119"/>
      <c r="X1307" s="119"/>
      <c r="Y1307" s="119"/>
      <c r="Z1307" s="119"/>
      <c r="AA1307" s="119"/>
      <c r="AB1307" s="119"/>
      <c r="AC1307" s="119"/>
      <c r="AD1307" s="119"/>
      <c r="AE1307" s="119"/>
      <c r="AF1307" s="119"/>
      <c r="AG1307" s="119"/>
      <c r="AH1307" s="119"/>
      <c r="AI1307" s="119"/>
      <c r="AJ1307" s="119"/>
      <c r="AK1307" s="119"/>
      <c r="AL1307" s="119"/>
      <c r="AM1307" s="119"/>
      <c r="AN1307" s="119"/>
      <c r="AO1307" s="119"/>
      <c r="AP1307" s="119"/>
      <c r="AQ1307" s="119"/>
      <c r="AR1307" s="119"/>
      <c r="AS1307" s="119"/>
      <c r="AT1307" s="119"/>
      <c r="AU1307" s="119"/>
      <c r="AV1307" s="119"/>
      <c r="AW1307" s="119"/>
      <c r="AX1307" s="119"/>
      <c r="AY1307" s="119"/>
      <c r="AZ1307" s="119"/>
      <c r="BA1307" s="119"/>
      <c r="BB1307" s="107">
        <v>45884</v>
      </c>
    </row>
    <row r="1308" spans="1:54" s="207" customFormat="1" ht="13.95" customHeight="1" x14ac:dyDescent="0.25">
      <c r="A1308" s="208" t="s">
        <v>3184</v>
      </c>
      <c r="B1308" s="209" t="s">
        <v>20420</v>
      </c>
      <c r="C1308" s="113" t="s">
        <v>3185</v>
      </c>
      <c r="D1308" s="113" t="s">
        <v>23176</v>
      </c>
      <c r="E1308" s="210">
        <v>1987</v>
      </c>
      <c r="F1308" s="210">
        <v>1295</v>
      </c>
      <c r="G1308" s="113" t="s">
        <v>1</v>
      </c>
      <c r="H1308" s="113">
        <v>0</v>
      </c>
      <c r="I1308" s="113">
        <v>0</v>
      </c>
      <c r="J1308" s="115">
        <v>1</v>
      </c>
      <c r="K1308" s="116" t="s">
        <v>174</v>
      </c>
      <c r="L1308" s="115">
        <v>0</v>
      </c>
      <c r="M1308" s="115">
        <v>0</v>
      </c>
      <c r="N1308" s="115">
        <v>1</v>
      </c>
      <c r="O1308" s="115">
        <v>0</v>
      </c>
      <c r="P1308" s="115" t="s">
        <v>400</v>
      </c>
      <c r="Q1308" s="115" t="s">
        <v>400</v>
      </c>
      <c r="R1308" s="115">
        <v>1</v>
      </c>
      <c r="S1308" s="115">
        <v>0</v>
      </c>
      <c r="T1308" s="115">
        <v>0</v>
      </c>
      <c r="U1308" s="119"/>
      <c r="V1308" s="119"/>
      <c r="W1308" s="119"/>
      <c r="X1308" s="119"/>
      <c r="Y1308" s="119"/>
      <c r="Z1308" s="119"/>
      <c r="AA1308" s="119"/>
      <c r="AB1308" s="119"/>
      <c r="AC1308" s="119"/>
      <c r="AD1308" s="119"/>
      <c r="AE1308" s="119"/>
      <c r="AF1308" s="119"/>
      <c r="AG1308" s="119"/>
      <c r="AH1308" s="119"/>
      <c r="AI1308" s="119"/>
      <c r="AJ1308" s="119"/>
      <c r="AK1308" s="119"/>
      <c r="AL1308" s="119"/>
      <c r="AM1308" s="119"/>
      <c r="AN1308" s="119"/>
      <c r="AO1308" s="119"/>
      <c r="AP1308" s="119"/>
      <c r="AQ1308" s="119"/>
      <c r="AR1308" s="119"/>
      <c r="AS1308" s="119"/>
      <c r="AT1308" s="119"/>
      <c r="AU1308" s="119"/>
      <c r="AV1308" s="119"/>
      <c r="AW1308" s="119"/>
      <c r="AX1308" s="119"/>
      <c r="AY1308" s="119"/>
      <c r="AZ1308" s="119"/>
      <c r="BA1308" s="119"/>
      <c r="BB1308" s="107">
        <v>45884</v>
      </c>
    </row>
    <row r="1309" spans="1:54" s="207" customFormat="1" ht="13.95" customHeight="1" x14ac:dyDescent="0.25">
      <c r="A1309" s="208" t="s">
        <v>3186</v>
      </c>
      <c r="B1309" s="209" t="s">
        <v>20420</v>
      </c>
      <c r="C1309" s="113" t="s">
        <v>3187</v>
      </c>
      <c r="D1309" s="113" t="s">
        <v>23177</v>
      </c>
      <c r="E1309" s="210">
        <v>2000</v>
      </c>
      <c r="F1309" s="210">
        <v>1295</v>
      </c>
      <c r="G1309" s="113" t="s">
        <v>1</v>
      </c>
      <c r="H1309" s="113">
        <v>0</v>
      </c>
      <c r="I1309" s="113">
        <v>0</v>
      </c>
      <c r="J1309" s="115">
        <v>1</v>
      </c>
      <c r="K1309" s="211">
        <v>1</v>
      </c>
      <c r="L1309" s="115">
        <v>0</v>
      </c>
      <c r="M1309" s="115">
        <v>1</v>
      </c>
      <c r="N1309" s="115">
        <v>0</v>
      </c>
      <c r="O1309" s="115">
        <v>0</v>
      </c>
      <c r="P1309" s="115" t="s">
        <v>400</v>
      </c>
      <c r="Q1309" s="115" t="s">
        <v>400</v>
      </c>
      <c r="R1309" s="115">
        <v>0</v>
      </c>
      <c r="S1309" s="115">
        <v>0</v>
      </c>
      <c r="T1309" s="115">
        <v>0</v>
      </c>
      <c r="U1309" s="119"/>
      <c r="V1309" s="119"/>
      <c r="W1309" s="119"/>
      <c r="X1309" s="119"/>
      <c r="Y1309" s="119"/>
      <c r="Z1309" s="119"/>
      <c r="AA1309" s="119"/>
      <c r="AB1309" s="119"/>
      <c r="AC1309" s="119"/>
      <c r="AD1309" s="119"/>
      <c r="AE1309" s="119"/>
      <c r="AF1309" s="119"/>
      <c r="AG1309" s="119"/>
      <c r="AH1309" s="119"/>
      <c r="AI1309" s="119"/>
      <c r="AJ1309" s="119"/>
      <c r="AK1309" s="119"/>
      <c r="AL1309" s="119"/>
      <c r="AM1309" s="119"/>
      <c r="AN1309" s="119"/>
      <c r="AO1309" s="119"/>
      <c r="AP1309" s="119"/>
      <c r="AQ1309" s="119"/>
      <c r="AR1309" s="119"/>
      <c r="AS1309" s="119"/>
      <c r="AT1309" s="119"/>
      <c r="AU1309" s="119"/>
      <c r="AV1309" s="119"/>
      <c r="AW1309" s="119"/>
      <c r="AX1309" s="119"/>
      <c r="AY1309" s="119"/>
      <c r="AZ1309" s="119"/>
      <c r="BA1309" s="119"/>
      <c r="BB1309" s="107">
        <v>45884</v>
      </c>
    </row>
    <row r="1310" spans="1:54" s="207" customFormat="1" ht="13.95" customHeight="1" x14ac:dyDescent="0.25">
      <c r="A1310" s="208" t="s">
        <v>3188</v>
      </c>
      <c r="B1310" s="209" t="s">
        <v>20420</v>
      </c>
      <c r="C1310" s="113" t="s">
        <v>3189</v>
      </c>
      <c r="D1310" s="113" t="s">
        <v>3190</v>
      </c>
      <c r="E1310" s="210">
        <v>1972</v>
      </c>
      <c r="F1310" s="210">
        <v>1298</v>
      </c>
      <c r="G1310" s="113" t="s">
        <v>1</v>
      </c>
      <c r="H1310" s="113">
        <v>0</v>
      </c>
      <c r="I1310" s="113">
        <v>0</v>
      </c>
      <c r="J1310" s="115">
        <v>1</v>
      </c>
      <c r="K1310" s="211">
        <v>1</v>
      </c>
      <c r="L1310" s="115">
        <v>1</v>
      </c>
      <c r="M1310" s="115">
        <v>0</v>
      </c>
      <c r="N1310" s="115">
        <v>0</v>
      </c>
      <c r="O1310" s="115">
        <v>1</v>
      </c>
      <c r="P1310" s="115">
        <v>1</v>
      </c>
      <c r="Q1310" s="115" t="s">
        <v>400</v>
      </c>
      <c r="R1310" s="115">
        <v>1</v>
      </c>
      <c r="S1310" s="115">
        <v>0</v>
      </c>
      <c r="T1310" s="115">
        <v>0</v>
      </c>
      <c r="U1310" s="119"/>
      <c r="V1310" s="119"/>
      <c r="W1310" s="119"/>
      <c r="X1310" s="119"/>
      <c r="Y1310" s="119"/>
      <c r="Z1310" s="119"/>
      <c r="AA1310" s="119"/>
      <c r="AB1310" s="119"/>
      <c r="AC1310" s="119"/>
      <c r="AD1310" s="119"/>
      <c r="AE1310" s="119"/>
      <c r="AF1310" s="119"/>
      <c r="AG1310" s="119"/>
      <c r="AH1310" s="119"/>
      <c r="AI1310" s="119"/>
      <c r="AJ1310" s="119"/>
      <c r="AK1310" s="119"/>
      <c r="AL1310" s="119"/>
      <c r="AM1310" s="119"/>
      <c r="AN1310" s="119"/>
      <c r="AO1310" s="119"/>
      <c r="AP1310" s="119"/>
      <c r="AQ1310" s="119"/>
      <c r="AR1310" s="119"/>
      <c r="AS1310" s="119"/>
      <c r="AT1310" s="119"/>
      <c r="AU1310" s="119"/>
      <c r="AV1310" s="119"/>
      <c r="AW1310" s="119"/>
      <c r="AX1310" s="119"/>
      <c r="AY1310" s="119"/>
      <c r="AZ1310" s="119"/>
      <c r="BA1310" s="119"/>
      <c r="BB1310" s="107">
        <v>45884</v>
      </c>
    </row>
    <row r="1311" spans="1:54" s="207" customFormat="1" ht="13.95" customHeight="1" x14ac:dyDescent="0.25">
      <c r="A1311" s="208" t="s">
        <v>3191</v>
      </c>
      <c r="B1311" s="209" t="s">
        <v>20420</v>
      </c>
      <c r="C1311" s="113" t="s">
        <v>3192</v>
      </c>
      <c r="D1311" s="113" t="s">
        <v>23178</v>
      </c>
      <c r="E1311" s="210">
        <v>1985</v>
      </c>
      <c r="F1311" s="210">
        <v>1299</v>
      </c>
      <c r="G1311" s="113" t="s">
        <v>1</v>
      </c>
      <c r="H1311" s="113">
        <v>0</v>
      </c>
      <c r="I1311" s="113">
        <v>0</v>
      </c>
      <c r="J1311" s="115">
        <v>1</v>
      </c>
      <c r="K1311" s="116" t="s">
        <v>174</v>
      </c>
      <c r="L1311" s="115">
        <v>0</v>
      </c>
      <c r="M1311" s="115">
        <v>0</v>
      </c>
      <c r="N1311" s="115">
        <v>0</v>
      </c>
      <c r="O1311" s="115">
        <v>0</v>
      </c>
      <c r="P1311" s="115" t="s">
        <v>400</v>
      </c>
      <c r="Q1311" s="115" t="s">
        <v>400</v>
      </c>
      <c r="R1311" s="115">
        <v>0</v>
      </c>
      <c r="S1311" s="115">
        <v>0</v>
      </c>
      <c r="T1311" s="115">
        <v>0</v>
      </c>
      <c r="U1311" s="119"/>
      <c r="V1311" s="119"/>
      <c r="W1311" s="119"/>
      <c r="X1311" s="119"/>
      <c r="Y1311" s="119"/>
      <c r="Z1311" s="119"/>
      <c r="AA1311" s="119"/>
      <c r="AB1311" s="119"/>
      <c r="AC1311" s="119"/>
      <c r="AD1311" s="119"/>
      <c r="AE1311" s="119"/>
      <c r="AF1311" s="119"/>
      <c r="AG1311" s="119"/>
      <c r="AH1311" s="119"/>
      <c r="AI1311" s="119"/>
      <c r="AJ1311" s="119"/>
      <c r="AK1311" s="119"/>
      <c r="AL1311" s="119"/>
      <c r="AM1311" s="119"/>
      <c r="AN1311" s="119"/>
      <c r="AO1311" s="119"/>
      <c r="AP1311" s="119"/>
      <c r="AQ1311" s="119"/>
      <c r="AR1311" s="119"/>
      <c r="AS1311" s="119"/>
      <c r="AT1311" s="119"/>
      <c r="AU1311" s="119"/>
      <c r="AV1311" s="119"/>
      <c r="AW1311" s="119"/>
      <c r="AX1311" s="119"/>
      <c r="AY1311" s="119"/>
      <c r="AZ1311" s="119"/>
      <c r="BA1311" s="119"/>
      <c r="BB1311" s="107">
        <v>45884</v>
      </c>
    </row>
    <row r="1312" spans="1:54" s="207" customFormat="1" ht="13.95" customHeight="1" x14ac:dyDescent="0.25">
      <c r="A1312" s="208" t="s">
        <v>3193</v>
      </c>
      <c r="B1312" s="209" t="s">
        <v>20420</v>
      </c>
      <c r="C1312" s="113" t="s">
        <v>3194</v>
      </c>
      <c r="D1312" s="113" t="s">
        <v>3195</v>
      </c>
      <c r="E1312" s="210">
        <v>1991</v>
      </c>
      <c r="F1312" s="210">
        <v>1300</v>
      </c>
      <c r="G1312" s="113" t="s">
        <v>1</v>
      </c>
      <c r="H1312" s="113">
        <v>0</v>
      </c>
      <c r="I1312" s="113">
        <v>0</v>
      </c>
      <c r="J1312" s="115">
        <v>1</v>
      </c>
      <c r="K1312" s="116" t="s">
        <v>174</v>
      </c>
      <c r="L1312" s="115">
        <v>1</v>
      </c>
      <c r="M1312" s="115">
        <v>1</v>
      </c>
      <c r="N1312" s="115">
        <v>0</v>
      </c>
      <c r="O1312" s="115">
        <v>0</v>
      </c>
      <c r="P1312" s="115" t="s">
        <v>400</v>
      </c>
      <c r="Q1312" s="115" t="s">
        <v>400</v>
      </c>
      <c r="R1312" s="115">
        <v>0</v>
      </c>
      <c r="S1312" s="115">
        <v>0</v>
      </c>
      <c r="T1312" s="115">
        <v>0</v>
      </c>
      <c r="U1312" s="119"/>
      <c r="V1312" s="119"/>
      <c r="W1312" s="119"/>
      <c r="X1312" s="119"/>
      <c r="Y1312" s="119"/>
      <c r="Z1312" s="119"/>
      <c r="AA1312" s="119"/>
      <c r="AB1312" s="119"/>
      <c r="AC1312" s="119"/>
      <c r="AD1312" s="119"/>
      <c r="AE1312" s="119"/>
      <c r="AF1312" s="119"/>
      <c r="AG1312" s="119"/>
      <c r="AH1312" s="119"/>
      <c r="AI1312" s="119"/>
      <c r="AJ1312" s="119"/>
      <c r="AK1312" s="119"/>
      <c r="AL1312" s="119"/>
      <c r="AM1312" s="119"/>
      <c r="AN1312" s="119"/>
      <c r="AO1312" s="119"/>
      <c r="AP1312" s="119"/>
      <c r="AQ1312" s="119"/>
      <c r="AR1312" s="119"/>
      <c r="AS1312" s="119"/>
      <c r="AT1312" s="119"/>
      <c r="AU1312" s="119"/>
      <c r="AV1312" s="119"/>
      <c r="AW1312" s="119"/>
      <c r="AX1312" s="119"/>
      <c r="AY1312" s="119"/>
      <c r="AZ1312" s="119"/>
      <c r="BA1312" s="119"/>
      <c r="BB1312" s="107">
        <v>45884</v>
      </c>
    </row>
    <row r="1313" spans="1:54" s="207" customFormat="1" ht="13.95" customHeight="1" x14ac:dyDescent="0.25">
      <c r="A1313" s="208" t="s">
        <v>3196</v>
      </c>
      <c r="B1313" s="209" t="s">
        <v>20420</v>
      </c>
      <c r="C1313" s="113" t="s">
        <v>3197</v>
      </c>
      <c r="D1313" s="113" t="s">
        <v>23179</v>
      </c>
      <c r="E1313" s="210">
        <v>1993</v>
      </c>
      <c r="F1313" s="210">
        <v>1300</v>
      </c>
      <c r="G1313" s="113" t="s">
        <v>1</v>
      </c>
      <c r="H1313" s="113">
        <v>0</v>
      </c>
      <c r="I1313" s="113">
        <v>0</v>
      </c>
      <c r="J1313" s="115">
        <v>1</v>
      </c>
      <c r="K1313" s="116" t="s">
        <v>174</v>
      </c>
      <c r="L1313" s="115">
        <v>1</v>
      </c>
      <c r="M1313" s="115">
        <v>1</v>
      </c>
      <c r="N1313" s="115">
        <v>0</v>
      </c>
      <c r="O1313" s="115">
        <v>0</v>
      </c>
      <c r="P1313" s="115" t="s">
        <v>400</v>
      </c>
      <c r="Q1313" s="115" t="s">
        <v>400</v>
      </c>
      <c r="R1313" s="115">
        <v>1</v>
      </c>
      <c r="S1313" s="115">
        <v>0</v>
      </c>
      <c r="T1313" s="115">
        <v>0</v>
      </c>
      <c r="U1313" s="119"/>
      <c r="V1313" s="119"/>
      <c r="W1313" s="119"/>
      <c r="X1313" s="119"/>
      <c r="Y1313" s="119"/>
      <c r="Z1313" s="119"/>
      <c r="AA1313" s="119"/>
      <c r="AB1313" s="119"/>
      <c r="AC1313" s="119"/>
      <c r="AD1313" s="119"/>
      <c r="AE1313" s="119"/>
      <c r="AF1313" s="119"/>
      <c r="AG1313" s="119"/>
      <c r="AH1313" s="119"/>
      <c r="AI1313" s="119"/>
      <c r="AJ1313" s="119"/>
      <c r="AK1313" s="119"/>
      <c r="AL1313" s="119"/>
      <c r="AM1313" s="119"/>
      <c r="AN1313" s="119"/>
      <c r="AO1313" s="119"/>
      <c r="AP1313" s="119"/>
      <c r="AQ1313" s="119"/>
      <c r="AR1313" s="119"/>
      <c r="AS1313" s="119"/>
      <c r="AT1313" s="119"/>
      <c r="AU1313" s="119"/>
      <c r="AV1313" s="119"/>
      <c r="AW1313" s="119"/>
      <c r="AX1313" s="119"/>
      <c r="AY1313" s="119"/>
      <c r="AZ1313" s="119"/>
      <c r="BA1313" s="119"/>
      <c r="BB1313" s="107">
        <v>45884</v>
      </c>
    </row>
    <row r="1314" spans="1:54" s="207" customFormat="1" ht="13.95" customHeight="1" x14ac:dyDescent="0.25">
      <c r="A1314" s="208" t="s">
        <v>3198</v>
      </c>
      <c r="B1314" s="209" t="s">
        <v>20420</v>
      </c>
      <c r="C1314" s="113" t="s">
        <v>3199</v>
      </c>
      <c r="D1314" s="113" t="s">
        <v>23180</v>
      </c>
      <c r="E1314" s="210">
        <v>1998</v>
      </c>
      <c r="F1314" s="210">
        <v>1300</v>
      </c>
      <c r="G1314" s="113" t="s">
        <v>1</v>
      </c>
      <c r="H1314" s="113">
        <v>0</v>
      </c>
      <c r="I1314" s="113">
        <v>0</v>
      </c>
      <c r="J1314" s="115">
        <v>1</v>
      </c>
      <c r="K1314" s="116" t="s">
        <v>174</v>
      </c>
      <c r="L1314" s="115">
        <v>1</v>
      </c>
      <c r="M1314" s="115">
        <v>0</v>
      </c>
      <c r="N1314" s="115">
        <v>0</v>
      </c>
      <c r="O1314" s="115">
        <v>1</v>
      </c>
      <c r="P1314" s="115">
        <v>1</v>
      </c>
      <c r="Q1314" s="115" t="s">
        <v>400</v>
      </c>
      <c r="R1314" s="115">
        <v>1</v>
      </c>
      <c r="S1314" s="115">
        <v>0</v>
      </c>
      <c r="T1314" s="115">
        <v>0</v>
      </c>
      <c r="U1314" s="119"/>
      <c r="V1314" s="119"/>
      <c r="W1314" s="119"/>
      <c r="X1314" s="119"/>
      <c r="Y1314" s="119"/>
      <c r="Z1314" s="119"/>
      <c r="AA1314" s="119"/>
      <c r="AB1314" s="119"/>
      <c r="AC1314" s="119"/>
      <c r="AD1314" s="119"/>
      <c r="AE1314" s="119"/>
      <c r="AF1314" s="119"/>
      <c r="AG1314" s="119"/>
      <c r="AH1314" s="119"/>
      <c r="AI1314" s="119"/>
      <c r="AJ1314" s="119"/>
      <c r="AK1314" s="119"/>
      <c r="AL1314" s="119"/>
      <c r="AM1314" s="119"/>
      <c r="AN1314" s="119"/>
      <c r="AO1314" s="119"/>
      <c r="AP1314" s="119"/>
      <c r="AQ1314" s="119"/>
      <c r="AR1314" s="119"/>
      <c r="AS1314" s="119"/>
      <c r="AT1314" s="119"/>
      <c r="AU1314" s="119"/>
      <c r="AV1314" s="119"/>
      <c r="AW1314" s="119"/>
      <c r="AX1314" s="119"/>
      <c r="AY1314" s="119"/>
      <c r="AZ1314" s="119"/>
      <c r="BA1314" s="119"/>
      <c r="BB1314" s="107">
        <v>45884</v>
      </c>
    </row>
    <row r="1315" spans="1:54" s="207" customFormat="1" ht="13.95" customHeight="1" x14ac:dyDescent="0.25">
      <c r="A1315" s="208" t="s">
        <v>3200</v>
      </c>
      <c r="B1315" s="209" t="s">
        <v>20420</v>
      </c>
      <c r="C1315" s="113" t="s">
        <v>21978</v>
      </c>
      <c r="D1315" s="113" t="s">
        <v>23181</v>
      </c>
      <c r="E1315" s="210">
        <v>1999</v>
      </c>
      <c r="F1315" s="210">
        <v>1300</v>
      </c>
      <c r="G1315" s="113" t="s">
        <v>1</v>
      </c>
      <c r="H1315" s="113">
        <v>0</v>
      </c>
      <c r="I1315" s="113">
        <v>0</v>
      </c>
      <c r="J1315" s="115">
        <v>1</v>
      </c>
      <c r="K1315" s="116" t="s">
        <v>174</v>
      </c>
      <c r="L1315" s="115">
        <v>1</v>
      </c>
      <c r="M1315" s="115">
        <v>1</v>
      </c>
      <c r="N1315" s="115">
        <v>0</v>
      </c>
      <c r="O1315" s="115">
        <v>0</v>
      </c>
      <c r="P1315" s="115" t="s">
        <v>400</v>
      </c>
      <c r="Q1315" s="115" t="s">
        <v>400</v>
      </c>
      <c r="R1315" s="115">
        <v>0</v>
      </c>
      <c r="S1315" s="115">
        <v>0</v>
      </c>
      <c r="T1315" s="115">
        <v>0</v>
      </c>
      <c r="U1315" s="119"/>
      <c r="V1315" s="119"/>
      <c r="W1315" s="119"/>
      <c r="X1315" s="119"/>
      <c r="Y1315" s="119"/>
      <c r="Z1315" s="119"/>
      <c r="AA1315" s="119"/>
      <c r="AB1315" s="119"/>
      <c r="AC1315" s="119"/>
      <c r="AD1315" s="119"/>
      <c r="AE1315" s="119"/>
      <c r="AF1315" s="119"/>
      <c r="AG1315" s="119"/>
      <c r="AH1315" s="119"/>
      <c r="AI1315" s="119"/>
      <c r="AJ1315" s="119"/>
      <c r="AK1315" s="119"/>
      <c r="AL1315" s="119"/>
      <c r="AM1315" s="119"/>
      <c r="AN1315" s="119"/>
      <c r="AO1315" s="119"/>
      <c r="AP1315" s="119"/>
      <c r="AQ1315" s="119"/>
      <c r="AR1315" s="119"/>
      <c r="AS1315" s="119"/>
      <c r="AT1315" s="119"/>
      <c r="AU1315" s="119"/>
      <c r="AV1315" s="119"/>
      <c r="AW1315" s="119"/>
      <c r="AX1315" s="119"/>
      <c r="AY1315" s="119"/>
      <c r="AZ1315" s="119"/>
      <c r="BA1315" s="119"/>
      <c r="BB1315" s="107">
        <v>45884</v>
      </c>
    </row>
    <row r="1316" spans="1:54" s="207" customFormat="1" ht="13.95" customHeight="1" x14ac:dyDescent="0.25">
      <c r="A1316" s="208" t="s">
        <v>3201</v>
      </c>
      <c r="B1316" s="209" t="s">
        <v>20420</v>
      </c>
      <c r="C1316" s="113" t="s">
        <v>3202</v>
      </c>
      <c r="D1316" s="113" t="s">
        <v>23182</v>
      </c>
      <c r="E1316" s="210">
        <v>1991</v>
      </c>
      <c r="F1316" s="210">
        <v>1300</v>
      </c>
      <c r="G1316" s="113" t="s">
        <v>1</v>
      </c>
      <c r="H1316" s="113">
        <v>0</v>
      </c>
      <c r="I1316" s="113">
        <v>0</v>
      </c>
      <c r="J1316" s="115">
        <v>1</v>
      </c>
      <c r="K1316" s="116" t="s">
        <v>174</v>
      </c>
      <c r="L1316" s="115">
        <v>1</v>
      </c>
      <c r="M1316" s="115">
        <v>0</v>
      </c>
      <c r="N1316" s="115">
        <v>0</v>
      </c>
      <c r="O1316" s="115">
        <v>1</v>
      </c>
      <c r="P1316" s="115">
        <v>1</v>
      </c>
      <c r="Q1316" s="115" t="s">
        <v>400</v>
      </c>
      <c r="R1316" s="115">
        <v>1</v>
      </c>
      <c r="S1316" s="115">
        <v>0</v>
      </c>
      <c r="T1316" s="115">
        <v>0</v>
      </c>
      <c r="U1316" s="119"/>
      <c r="V1316" s="119"/>
      <c r="W1316" s="119"/>
      <c r="X1316" s="119"/>
      <c r="Y1316" s="119"/>
      <c r="Z1316" s="119"/>
      <c r="AA1316" s="119"/>
      <c r="AB1316" s="119"/>
      <c r="AC1316" s="119"/>
      <c r="AD1316" s="119"/>
      <c r="AE1316" s="119"/>
      <c r="AF1316" s="119"/>
      <c r="AG1316" s="119"/>
      <c r="AH1316" s="119"/>
      <c r="AI1316" s="119"/>
      <c r="AJ1316" s="119"/>
      <c r="AK1316" s="119"/>
      <c r="AL1316" s="119"/>
      <c r="AM1316" s="119"/>
      <c r="AN1316" s="119"/>
      <c r="AO1316" s="119"/>
      <c r="AP1316" s="119"/>
      <c r="AQ1316" s="119"/>
      <c r="AR1316" s="119"/>
      <c r="AS1316" s="119"/>
      <c r="AT1316" s="119"/>
      <c r="AU1316" s="119"/>
      <c r="AV1316" s="119"/>
      <c r="AW1316" s="119"/>
      <c r="AX1316" s="119"/>
      <c r="AY1316" s="119"/>
      <c r="AZ1316" s="119"/>
      <c r="BA1316" s="119"/>
      <c r="BB1316" s="107">
        <v>45884</v>
      </c>
    </row>
    <row r="1317" spans="1:54" s="207" customFormat="1" ht="13.95" customHeight="1" x14ac:dyDescent="0.25">
      <c r="A1317" s="208" t="s">
        <v>3203</v>
      </c>
      <c r="B1317" s="209" t="s">
        <v>20420</v>
      </c>
      <c r="C1317" s="113" t="s">
        <v>3204</v>
      </c>
      <c r="D1317" s="113" t="s">
        <v>23183</v>
      </c>
      <c r="E1317" s="210">
        <v>1975</v>
      </c>
      <c r="F1317" s="210">
        <v>1300</v>
      </c>
      <c r="G1317" s="113" t="s">
        <v>1</v>
      </c>
      <c r="H1317" s="113">
        <v>0</v>
      </c>
      <c r="I1317" s="113">
        <v>0</v>
      </c>
      <c r="J1317" s="115">
        <v>1</v>
      </c>
      <c r="K1317" s="116" t="s">
        <v>174</v>
      </c>
      <c r="L1317" s="115">
        <v>1</v>
      </c>
      <c r="M1317" s="115">
        <v>1</v>
      </c>
      <c r="N1317" s="115">
        <v>0</v>
      </c>
      <c r="O1317" s="115">
        <v>1</v>
      </c>
      <c r="P1317" s="115" t="s">
        <v>400</v>
      </c>
      <c r="Q1317" s="115" t="s">
        <v>400</v>
      </c>
      <c r="R1317" s="115">
        <v>1</v>
      </c>
      <c r="S1317" s="115">
        <v>0</v>
      </c>
      <c r="T1317" s="115">
        <v>0</v>
      </c>
      <c r="U1317" s="119"/>
      <c r="V1317" s="119"/>
      <c r="W1317" s="119"/>
      <c r="X1317" s="119"/>
      <c r="Y1317" s="119"/>
      <c r="Z1317" s="119"/>
      <c r="AA1317" s="119"/>
      <c r="AB1317" s="119"/>
      <c r="AC1317" s="119"/>
      <c r="AD1317" s="119"/>
      <c r="AE1317" s="119"/>
      <c r="AF1317" s="119"/>
      <c r="AG1317" s="119"/>
      <c r="AH1317" s="119"/>
      <c r="AI1317" s="119"/>
      <c r="AJ1317" s="119"/>
      <c r="AK1317" s="119"/>
      <c r="AL1317" s="119"/>
      <c r="AM1317" s="119"/>
      <c r="AN1317" s="119"/>
      <c r="AO1317" s="119"/>
      <c r="AP1317" s="119"/>
      <c r="AQ1317" s="119"/>
      <c r="AR1317" s="119"/>
      <c r="AS1317" s="119"/>
      <c r="AT1317" s="119"/>
      <c r="AU1317" s="119"/>
      <c r="AV1317" s="119"/>
      <c r="AW1317" s="119"/>
      <c r="AX1317" s="119"/>
      <c r="AY1317" s="119"/>
      <c r="AZ1317" s="119"/>
      <c r="BA1317" s="119"/>
      <c r="BB1317" s="107">
        <v>45884</v>
      </c>
    </row>
    <row r="1318" spans="1:54" s="207" customFormat="1" ht="13.95" customHeight="1" x14ac:dyDescent="0.25">
      <c r="A1318" s="208" t="s">
        <v>3205</v>
      </c>
      <c r="B1318" s="209" t="s">
        <v>20420</v>
      </c>
      <c r="C1318" s="113" t="s">
        <v>3206</v>
      </c>
      <c r="D1318" s="113" t="s">
        <v>23184</v>
      </c>
      <c r="E1318" s="210">
        <v>1993</v>
      </c>
      <c r="F1318" s="210">
        <v>1303</v>
      </c>
      <c r="G1318" s="113" t="s">
        <v>1</v>
      </c>
      <c r="H1318" s="113">
        <v>0</v>
      </c>
      <c r="I1318" s="113">
        <v>0</v>
      </c>
      <c r="J1318" s="115">
        <v>1</v>
      </c>
      <c r="K1318" s="116" t="s">
        <v>174</v>
      </c>
      <c r="L1318" s="115">
        <v>1</v>
      </c>
      <c r="M1318" s="115">
        <v>0</v>
      </c>
      <c r="N1318" s="115">
        <v>0</v>
      </c>
      <c r="O1318" s="115">
        <v>1</v>
      </c>
      <c r="P1318" s="115">
        <v>1</v>
      </c>
      <c r="Q1318" s="115" t="s">
        <v>400</v>
      </c>
      <c r="R1318" s="115">
        <v>0</v>
      </c>
      <c r="S1318" s="115">
        <v>0</v>
      </c>
      <c r="T1318" s="115">
        <v>0</v>
      </c>
      <c r="U1318" s="119"/>
      <c r="V1318" s="119"/>
      <c r="W1318" s="119"/>
      <c r="X1318" s="119"/>
      <c r="Y1318" s="119"/>
      <c r="Z1318" s="119"/>
      <c r="AA1318" s="119"/>
      <c r="AB1318" s="119"/>
      <c r="AC1318" s="119"/>
      <c r="AD1318" s="119"/>
      <c r="AE1318" s="119"/>
      <c r="AF1318" s="119"/>
      <c r="AG1318" s="119"/>
      <c r="AH1318" s="119"/>
      <c r="AI1318" s="119"/>
      <c r="AJ1318" s="119"/>
      <c r="AK1318" s="119"/>
      <c r="AL1318" s="119"/>
      <c r="AM1318" s="119"/>
      <c r="AN1318" s="119"/>
      <c r="AO1318" s="119"/>
      <c r="AP1318" s="119"/>
      <c r="AQ1318" s="119"/>
      <c r="AR1318" s="119"/>
      <c r="AS1318" s="119"/>
      <c r="AT1318" s="119"/>
      <c r="AU1318" s="119"/>
      <c r="AV1318" s="119"/>
      <c r="AW1318" s="119"/>
      <c r="AX1318" s="119"/>
      <c r="AY1318" s="119"/>
      <c r="AZ1318" s="119"/>
      <c r="BA1318" s="119"/>
      <c r="BB1318" s="107">
        <v>45884</v>
      </c>
    </row>
    <row r="1319" spans="1:54" s="207" customFormat="1" ht="13.95" customHeight="1" x14ac:dyDescent="0.25">
      <c r="A1319" s="208" t="s">
        <v>3207</v>
      </c>
      <c r="B1319" s="209" t="s">
        <v>20420</v>
      </c>
      <c r="C1319" s="113" t="s">
        <v>3208</v>
      </c>
      <c r="D1319" s="113" t="s">
        <v>23185</v>
      </c>
      <c r="E1319" s="210">
        <v>1980</v>
      </c>
      <c r="F1319" s="210">
        <v>1309</v>
      </c>
      <c r="G1319" s="113" t="s">
        <v>1</v>
      </c>
      <c r="H1319" s="113">
        <v>0</v>
      </c>
      <c r="I1319" s="113">
        <v>0</v>
      </c>
      <c r="J1319" s="115">
        <v>1</v>
      </c>
      <c r="K1319" s="116" t="s">
        <v>174</v>
      </c>
      <c r="L1319" s="115">
        <v>1</v>
      </c>
      <c r="M1319" s="115">
        <v>0</v>
      </c>
      <c r="N1319" s="115">
        <v>0</v>
      </c>
      <c r="O1319" s="115">
        <v>1</v>
      </c>
      <c r="P1319" s="115">
        <v>1</v>
      </c>
      <c r="Q1319" s="115" t="s">
        <v>400</v>
      </c>
      <c r="R1319" s="115">
        <v>1</v>
      </c>
      <c r="S1319" s="115">
        <v>0</v>
      </c>
      <c r="T1319" s="115">
        <v>0</v>
      </c>
      <c r="U1319" s="119"/>
      <c r="V1319" s="119"/>
      <c r="W1319" s="119"/>
      <c r="X1319" s="119"/>
      <c r="Y1319" s="119"/>
      <c r="Z1319" s="119"/>
      <c r="AA1319" s="119"/>
      <c r="AB1319" s="119"/>
      <c r="AC1319" s="119"/>
      <c r="AD1319" s="119"/>
      <c r="AE1319" s="119"/>
      <c r="AF1319" s="119"/>
      <c r="AG1319" s="119"/>
      <c r="AH1319" s="119"/>
      <c r="AI1319" s="119"/>
      <c r="AJ1319" s="119"/>
      <c r="AK1319" s="119"/>
      <c r="AL1319" s="119"/>
      <c r="AM1319" s="119"/>
      <c r="AN1319" s="119"/>
      <c r="AO1319" s="119"/>
      <c r="AP1319" s="119"/>
      <c r="AQ1319" s="119"/>
      <c r="AR1319" s="119"/>
      <c r="AS1319" s="119"/>
      <c r="AT1319" s="119"/>
      <c r="AU1319" s="119"/>
      <c r="AV1319" s="119"/>
      <c r="AW1319" s="119"/>
      <c r="AX1319" s="119"/>
      <c r="AY1319" s="119"/>
      <c r="AZ1319" s="119"/>
      <c r="BA1319" s="119"/>
      <c r="BB1319" s="107">
        <v>45884</v>
      </c>
    </row>
    <row r="1320" spans="1:54" s="207" customFormat="1" ht="13.95" customHeight="1" x14ac:dyDescent="0.25">
      <c r="A1320" s="208" t="s">
        <v>3209</v>
      </c>
      <c r="B1320" s="209" t="s">
        <v>20420</v>
      </c>
      <c r="C1320" s="113" t="s">
        <v>3210</v>
      </c>
      <c r="D1320" s="113" t="s">
        <v>23186</v>
      </c>
      <c r="E1320" s="210">
        <v>1984</v>
      </c>
      <c r="F1320" s="210">
        <v>1311</v>
      </c>
      <c r="G1320" s="113" t="s">
        <v>1</v>
      </c>
      <c r="H1320" s="113">
        <v>0</v>
      </c>
      <c r="I1320" s="113">
        <v>0</v>
      </c>
      <c r="J1320" s="115">
        <v>1</v>
      </c>
      <c r="K1320" s="211">
        <v>1</v>
      </c>
      <c r="L1320" s="115">
        <v>1</v>
      </c>
      <c r="M1320" s="115">
        <v>1</v>
      </c>
      <c r="N1320" s="115">
        <v>1</v>
      </c>
      <c r="O1320" s="115">
        <v>1</v>
      </c>
      <c r="P1320" s="115" t="s">
        <v>400</v>
      </c>
      <c r="Q1320" s="115" t="s">
        <v>400</v>
      </c>
      <c r="R1320" s="115">
        <v>1</v>
      </c>
      <c r="S1320" s="115">
        <v>0</v>
      </c>
      <c r="T1320" s="115">
        <v>0</v>
      </c>
      <c r="U1320" s="119"/>
      <c r="V1320" s="119"/>
      <c r="W1320" s="119"/>
      <c r="X1320" s="119"/>
      <c r="Y1320" s="119"/>
      <c r="Z1320" s="119"/>
      <c r="AA1320" s="119"/>
      <c r="AB1320" s="119"/>
      <c r="AC1320" s="119"/>
      <c r="AD1320" s="119"/>
      <c r="AE1320" s="119"/>
      <c r="AF1320" s="119"/>
      <c r="AG1320" s="119"/>
      <c r="AH1320" s="119"/>
      <c r="AI1320" s="119"/>
      <c r="AJ1320" s="119"/>
      <c r="AK1320" s="119"/>
      <c r="AL1320" s="119"/>
      <c r="AM1320" s="119"/>
      <c r="AN1320" s="119"/>
      <c r="AO1320" s="119"/>
      <c r="AP1320" s="119"/>
      <c r="AQ1320" s="119"/>
      <c r="AR1320" s="119"/>
      <c r="AS1320" s="119"/>
      <c r="AT1320" s="119"/>
      <c r="AU1320" s="119"/>
      <c r="AV1320" s="119"/>
      <c r="AW1320" s="119"/>
      <c r="AX1320" s="119"/>
      <c r="AY1320" s="119"/>
      <c r="AZ1320" s="119"/>
      <c r="BA1320" s="119"/>
      <c r="BB1320" s="107">
        <v>45884</v>
      </c>
    </row>
    <row r="1321" spans="1:54" s="207" customFormat="1" ht="13.95" customHeight="1" x14ac:dyDescent="0.25">
      <c r="A1321" s="208" t="s">
        <v>3211</v>
      </c>
      <c r="B1321" s="209" t="s">
        <v>20420</v>
      </c>
      <c r="C1321" s="113" t="s">
        <v>3212</v>
      </c>
      <c r="D1321" s="113" t="s">
        <v>23187</v>
      </c>
      <c r="E1321" s="210">
        <v>1996</v>
      </c>
      <c r="F1321" s="210">
        <v>1312</v>
      </c>
      <c r="G1321" s="113" t="s">
        <v>1</v>
      </c>
      <c r="H1321" s="113">
        <v>0</v>
      </c>
      <c r="I1321" s="113">
        <v>0</v>
      </c>
      <c r="J1321" s="115">
        <v>0</v>
      </c>
      <c r="K1321" s="116" t="s">
        <v>174</v>
      </c>
      <c r="L1321" s="115">
        <v>1</v>
      </c>
      <c r="M1321" s="115">
        <v>0</v>
      </c>
      <c r="N1321" s="115">
        <v>1</v>
      </c>
      <c r="O1321" s="115">
        <v>1</v>
      </c>
      <c r="P1321" s="115" t="s">
        <v>400</v>
      </c>
      <c r="Q1321" s="115" t="s">
        <v>400</v>
      </c>
      <c r="R1321" s="115">
        <v>1</v>
      </c>
      <c r="S1321" s="115">
        <v>0</v>
      </c>
      <c r="T1321" s="115">
        <v>0</v>
      </c>
      <c r="U1321" s="119"/>
      <c r="V1321" s="119"/>
      <c r="W1321" s="119"/>
      <c r="X1321" s="119"/>
      <c r="Y1321" s="119"/>
      <c r="Z1321" s="119"/>
      <c r="AA1321" s="119"/>
      <c r="AB1321" s="119"/>
      <c r="AC1321" s="119"/>
      <c r="AD1321" s="119"/>
      <c r="AE1321" s="119"/>
      <c r="AF1321" s="119"/>
      <c r="AG1321" s="119"/>
      <c r="AH1321" s="119"/>
      <c r="AI1321" s="119"/>
      <c r="AJ1321" s="119"/>
      <c r="AK1321" s="119"/>
      <c r="AL1321" s="119"/>
      <c r="AM1321" s="119"/>
      <c r="AN1321" s="119"/>
      <c r="AO1321" s="119"/>
      <c r="AP1321" s="119"/>
      <c r="AQ1321" s="119"/>
      <c r="AR1321" s="119"/>
      <c r="AS1321" s="119"/>
      <c r="AT1321" s="119"/>
      <c r="AU1321" s="119"/>
      <c r="AV1321" s="119"/>
      <c r="AW1321" s="119"/>
      <c r="AX1321" s="119"/>
      <c r="AY1321" s="119"/>
      <c r="AZ1321" s="119"/>
      <c r="BA1321" s="119"/>
      <c r="BB1321" s="107">
        <v>45884</v>
      </c>
    </row>
    <row r="1322" spans="1:54" s="207" customFormat="1" ht="13.95" customHeight="1" x14ac:dyDescent="0.25">
      <c r="A1322" s="208" t="s">
        <v>3213</v>
      </c>
      <c r="B1322" s="209" t="s">
        <v>20420</v>
      </c>
      <c r="C1322" s="113" t="s">
        <v>3214</v>
      </c>
      <c r="D1322" s="113" t="s">
        <v>23188</v>
      </c>
      <c r="E1322" s="210">
        <v>1995</v>
      </c>
      <c r="F1322" s="210">
        <v>1481</v>
      </c>
      <c r="G1322" s="113" t="s">
        <v>1</v>
      </c>
      <c r="H1322" s="113">
        <v>0</v>
      </c>
      <c r="I1322" s="113">
        <v>0</v>
      </c>
      <c r="J1322" s="115">
        <v>1</v>
      </c>
      <c r="K1322" s="116" t="s">
        <v>174</v>
      </c>
      <c r="L1322" s="115">
        <v>1</v>
      </c>
      <c r="M1322" s="115">
        <v>1</v>
      </c>
      <c r="N1322" s="115">
        <v>0</v>
      </c>
      <c r="O1322" s="115">
        <v>1</v>
      </c>
      <c r="P1322" s="115" t="s">
        <v>400</v>
      </c>
      <c r="Q1322" s="115" t="s">
        <v>400</v>
      </c>
      <c r="R1322" s="115">
        <v>0</v>
      </c>
      <c r="S1322" s="115">
        <v>0</v>
      </c>
      <c r="T1322" s="115">
        <v>0</v>
      </c>
      <c r="U1322" s="119"/>
      <c r="V1322" s="119"/>
      <c r="W1322" s="119"/>
      <c r="X1322" s="119"/>
      <c r="Y1322" s="119"/>
      <c r="Z1322" s="119"/>
      <c r="AA1322" s="119"/>
      <c r="AB1322" s="119"/>
      <c r="AC1322" s="119"/>
      <c r="AD1322" s="119"/>
      <c r="AE1322" s="119"/>
      <c r="AF1322" s="119"/>
      <c r="AG1322" s="119"/>
      <c r="AH1322" s="119"/>
      <c r="AI1322" s="119"/>
      <c r="AJ1322" s="119"/>
      <c r="AK1322" s="119"/>
      <c r="AL1322" s="119"/>
      <c r="AM1322" s="119"/>
      <c r="AN1322" s="119"/>
      <c r="AO1322" s="119"/>
      <c r="AP1322" s="119"/>
      <c r="AQ1322" s="119"/>
      <c r="AR1322" s="119"/>
      <c r="AS1322" s="119"/>
      <c r="AT1322" s="119"/>
      <c r="AU1322" s="119"/>
      <c r="AV1322" s="119"/>
      <c r="AW1322" s="119"/>
      <c r="AX1322" s="119"/>
      <c r="AY1322" s="119"/>
      <c r="AZ1322" s="119"/>
      <c r="BA1322" s="119"/>
      <c r="BB1322" s="107">
        <v>45884</v>
      </c>
    </row>
    <row r="1323" spans="1:54" s="207" customFormat="1" ht="13.95" customHeight="1" x14ac:dyDescent="0.25">
      <c r="A1323" s="208" t="s">
        <v>3215</v>
      </c>
      <c r="B1323" s="209" t="s">
        <v>20420</v>
      </c>
      <c r="C1323" s="113" t="s">
        <v>3216</v>
      </c>
      <c r="D1323" s="113" t="s">
        <v>3217</v>
      </c>
      <c r="E1323" s="210">
        <v>1976</v>
      </c>
      <c r="F1323" s="210">
        <v>1315</v>
      </c>
      <c r="G1323" s="113" t="s">
        <v>1</v>
      </c>
      <c r="H1323" s="113">
        <v>0</v>
      </c>
      <c r="I1323" s="113">
        <v>0</v>
      </c>
      <c r="J1323" s="115">
        <v>1</v>
      </c>
      <c r="K1323" s="211">
        <v>1</v>
      </c>
      <c r="L1323" s="115">
        <v>1</v>
      </c>
      <c r="M1323" s="115">
        <v>0</v>
      </c>
      <c r="N1323" s="115">
        <v>1</v>
      </c>
      <c r="O1323" s="115">
        <v>1</v>
      </c>
      <c r="P1323" s="115">
        <v>1</v>
      </c>
      <c r="Q1323" s="115" t="s">
        <v>400</v>
      </c>
      <c r="R1323" s="115">
        <v>1</v>
      </c>
      <c r="S1323" s="115">
        <v>0</v>
      </c>
      <c r="T1323" s="115">
        <v>0</v>
      </c>
      <c r="U1323" s="119"/>
      <c r="V1323" s="119"/>
      <c r="W1323" s="119"/>
      <c r="X1323" s="119"/>
      <c r="Y1323" s="119"/>
      <c r="Z1323" s="119"/>
      <c r="AA1323" s="119"/>
      <c r="AB1323" s="119"/>
      <c r="AC1323" s="119"/>
      <c r="AD1323" s="119"/>
      <c r="AE1323" s="119"/>
      <c r="AF1323" s="119"/>
      <c r="AG1323" s="119"/>
      <c r="AH1323" s="119"/>
      <c r="AI1323" s="119"/>
      <c r="AJ1323" s="119"/>
      <c r="AK1323" s="119"/>
      <c r="AL1323" s="119"/>
      <c r="AM1323" s="119"/>
      <c r="AN1323" s="119"/>
      <c r="AO1323" s="119"/>
      <c r="AP1323" s="119"/>
      <c r="AQ1323" s="119"/>
      <c r="AR1323" s="119"/>
      <c r="AS1323" s="119"/>
      <c r="AT1323" s="119"/>
      <c r="AU1323" s="119"/>
      <c r="AV1323" s="119"/>
      <c r="AW1323" s="119"/>
      <c r="AX1323" s="119"/>
      <c r="AY1323" s="119"/>
      <c r="AZ1323" s="119"/>
      <c r="BA1323" s="119"/>
      <c r="BB1323" s="107">
        <v>45884</v>
      </c>
    </row>
    <row r="1324" spans="1:54" s="207" customFormat="1" ht="13.95" customHeight="1" x14ac:dyDescent="0.25">
      <c r="A1324" s="208" t="s">
        <v>3218</v>
      </c>
      <c r="B1324" s="209" t="s">
        <v>20420</v>
      </c>
      <c r="C1324" s="113" t="s">
        <v>3219</v>
      </c>
      <c r="D1324" s="113" t="s">
        <v>23189</v>
      </c>
      <c r="E1324" s="210">
        <v>1975</v>
      </c>
      <c r="F1324" s="210">
        <v>1316</v>
      </c>
      <c r="G1324" s="113" t="s">
        <v>1</v>
      </c>
      <c r="H1324" s="113">
        <v>0</v>
      </c>
      <c r="I1324" s="113">
        <v>0</v>
      </c>
      <c r="J1324" s="115">
        <v>1</v>
      </c>
      <c r="K1324" s="116" t="s">
        <v>174</v>
      </c>
      <c r="L1324" s="115">
        <v>1</v>
      </c>
      <c r="M1324" s="115">
        <v>1</v>
      </c>
      <c r="N1324" s="115">
        <v>0</v>
      </c>
      <c r="O1324" s="115">
        <v>1</v>
      </c>
      <c r="P1324" s="115" t="s">
        <v>400</v>
      </c>
      <c r="Q1324" s="115" t="s">
        <v>400</v>
      </c>
      <c r="R1324" s="115">
        <v>1</v>
      </c>
      <c r="S1324" s="115">
        <v>0</v>
      </c>
      <c r="T1324" s="115">
        <v>0</v>
      </c>
      <c r="U1324" s="119"/>
      <c r="V1324" s="119"/>
      <c r="W1324" s="119"/>
      <c r="X1324" s="119"/>
      <c r="Y1324" s="119"/>
      <c r="Z1324" s="119"/>
      <c r="AA1324" s="119"/>
      <c r="AB1324" s="119"/>
      <c r="AC1324" s="119"/>
      <c r="AD1324" s="119"/>
      <c r="AE1324" s="119"/>
      <c r="AF1324" s="119"/>
      <c r="AG1324" s="119"/>
      <c r="AH1324" s="119"/>
      <c r="AI1324" s="119"/>
      <c r="AJ1324" s="119"/>
      <c r="AK1324" s="119"/>
      <c r="AL1324" s="119"/>
      <c r="AM1324" s="119"/>
      <c r="AN1324" s="119"/>
      <c r="AO1324" s="119"/>
      <c r="AP1324" s="119"/>
      <c r="AQ1324" s="119"/>
      <c r="AR1324" s="119"/>
      <c r="AS1324" s="119"/>
      <c r="AT1324" s="119"/>
      <c r="AU1324" s="119"/>
      <c r="AV1324" s="119"/>
      <c r="AW1324" s="119"/>
      <c r="AX1324" s="119"/>
      <c r="AY1324" s="119"/>
      <c r="AZ1324" s="119"/>
      <c r="BA1324" s="119"/>
      <c r="BB1324" s="107">
        <v>45884</v>
      </c>
    </row>
    <row r="1325" spans="1:54" s="207" customFormat="1" ht="13.95" customHeight="1" x14ac:dyDescent="0.25">
      <c r="A1325" s="208" t="s">
        <v>3220</v>
      </c>
      <c r="B1325" s="209" t="s">
        <v>20420</v>
      </c>
      <c r="C1325" s="113" t="s">
        <v>3221</v>
      </c>
      <c r="D1325" s="113" t="s">
        <v>3222</v>
      </c>
      <c r="E1325" s="210">
        <v>1974</v>
      </c>
      <c r="F1325" s="210">
        <v>1321</v>
      </c>
      <c r="G1325" s="113" t="s">
        <v>1</v>
      </c>
      <c r="H1325" s="113">
        <v>0</v>
      </c>
      <c r="I1325" s="113">
        <v>0</v>
      </c>
      <c r="J1325" s="115">
        <v>1</v>
      </c>
      <c r="K1325" s="116" t="s">
        <v>174</v>
      </c>
      <c r="L1325" s="115">
        <v>1</v>
      </c>
      <c r="M1325" s="115">
        <v>0</v>
      </c>
      <c r="N1325" s="115">
        <v>0</v>
      </c>
      <c r="O1325" s="115">
        <v>1</v>
      </c>
      <c r="P1325" s="115">
        <v>1</v>
      </c>
      <c r="Q1325" s="115" t="s">
        <v>400</v>
      </c>
      <c r="R1325" s="115">
        <v>1</v>
      </c>
      <c r="S1325" s="115">
        <v>0</v>
      </c>
      <c r="T1325" s="115">
        <v>0</v>
      </c>
      <c r="U1325" s="119"/>
      <c r="V1325" s="119"/>
      <c r="W1325" s="119"/>
      <c r="X1325" s="119"/>
      <c r="Y1325" s="119"/>
      <c r="Z1325" s="119"/>
      <c r="AA1325" s="119"/>
      <c r="AB1325" s="119"/>
      <c r="AC1325" s="119"/>
      <c r="AD1325" s="119"/>
      <c r="AE1325" s="119"/>
      <c r="AF1325" s="119"/>
      <c r="AG1325" s="119"/>
      <c r="AH1325" s="119"/>
      <c r="AI1325" s="119"/>
      <c r="AJ1325" s="119"/>
      <c r="AK1325" s="119"/>
      <c r="AL1325" s="119"/>
      <c r="AM1325" s="119"/>
      <c r="AN1325" s="119"/>
      <c r="AO1325" s="119"/>
      <c r="AP1325" s="119"/>
      <c r="AQ1325" s="119"/>
      <c r="AR1325" s="119"/>
      <c r="AS1325" s="119"/>
      <c r="AT1325" s="119"/>
      <c r="AU1325" s="119"/>
      <c r="AV1325" s="119"/>
      <c r="AW1325" s="119"/>
      <c r="AX1325" s="119"/>
      <c r="AY1325" s="119"/>
      <c r="AZ1325" s="119"/>
      <c r="BA1325" s="119"/>
      <c r="BB1325" s="107">
        <v>45884</v>
      </c>
    </row>
    <row r="1326" spans="1:54" s="207" customFormat="1" ht="13.95" customHeight="1" x14ac:dyDescent="0.25">
      <c r="A1326" s="208" t="s">
        <v>3223</v>
      </c>
      <c r="B1326" s="209" t="s">
        <v>20420</v>
      </c>
      <c r="C1326" s="113" t="s">
        <v>3224</v>
      </c>
      <c r="D1326" s="113" t="s">
        <v>23190</v>
      </c>
      <c r="E1326" s="210">
        <v>1985</v>
      </c>
      <c r="F1326" s="210">
        <v>1323</v>
      </c>
      <c r="G1326" s="113" t="s">
        <v>1</v>
      </c>
      <c r="H1326" s="113">
        <v>0</v>
      </c>
      <c r="I1326" s="113">
        <v>0</v>
      </c>
      <c r="J1326" s="115">
        <v>1</v>
      </c>
      <c r="K1326" s="116" t="s">
        <v>174</v>
      </c>
      <c r="L1326" s="115">
        <v>1</v>
      </c>
      <c r="M1326" s="115">
        <v>0</v>
      </c>
      <c r="N1326" s="115">
        <v>0</v>
      </c>
      <c r="O1326" s="115">
        <v>1</v>
      </c>
      <c r="P1326" s="115">
        <v>1</v>
      </c>
      <c r="Q1326" s="115" t="s">
        <v>400</v>
      </c>
      <c r="R1326" s="115">
        <v>1</v>
      </c>
      <c r="S1326" s="115">
        <v>0</v>
      </c>
      <c r="T1326" s="115">
        <v>0</v>
      </c>
      <c r="U1326" s="119"/>
      <c r="V1326" s="119"/>
      <c r="W1326" s="119"/>
      <c r="X1326" s="119"/>
      <c r="Y1326" s="119"/>
      <c r="Z1326" s="119"/>
      <c r="AA1326" s="119"/>
      <c r="AB1326" s="119"/>
      <c r="AC1326" s="119"/>
      <c r="AD1326" s="119"/>
      <c r="AE1326" s="119"/>
      <c r="AF1326" s="119"/>
      <c r="AG1326" s="119"/>
      <c r="AH1326" s="119"/>
      <c r="AI1326" s="119"/>
      <c r="AJ1326" s="119"/>
      <c r="AK1326" s="119"/>
      <c r="AL1326" s="119"/>
      <c r="AM1326" s="119"/>
      <c r="AN1326" s="119"/>
      <c r="AO1326" s="119"/>
      <c r="AP1326" s="119"/>
      <c r="AQ1326" s="119"/>
      <c r="AR1326" s="119"/>
      <c r="AS1326" s="119"/>
      <c r="AT1326" s="119"/>
      <c r="AU1326" s="119"/>
      <c r="AV1326" s="119"/>
      <c r="AW1326" s="119"/>
      <c r="AX1326" s="119"/>
      <c r="AY1326" s="119"/>
      <c r="AZ1326" s="119"/>
      <c r="BA1326" s="119"/>
      <c r="BB1326" s="107">
        <v>45884</v>
      </c>
    </row>
    <row r="1327" spans="1:54" s="207" customFormat="1" ht="13.95" customHeight="1" x14ac:dyDescent="0.25">
      <c r="A1327" s="208" t="s">
        <v>3225</v>
      </c>
      <c r="B1327" s="209" t="s">
        <v>20420</v>
      </c>
      <c r="C1327" s="113" t="s">
        <v>3226</v>
      </c>
      <c r="D1327" s="113" t="s">
        <v>23191</v>
      </c>
      <c r="E1327" s="210">
        <v>1996</v>
      </c>
      <c r="F1327" s="210">
        <v>1323</v>
      </c>
      <c r="G1327" s="113" t="s">
        <v>1</v>
      </c>
      <c r="H1327" s="113">
        <v>0</v>
      </c>
      <c r="I1327" s="113">
        <v>0</v>
      </c>
      <c r="J1327" s="115">
        <v>1</v>
      </c>
      <c r="K1327" s="116" t="s">
        <v>174</v>
      </c>
      <c r="L1327" s="115">
        <v>1</v>
      </c>
      <c r="M1327" s="115">
        <v>1</v>
      </c>
      <c r="N1327" s="115">
        <v>0</v>
      </c>
      <c r="O1327" s="115">
        <v>1</v>
      </c>
      <c r="P1327" s="115" t="s">
        <v>400</v>
      </c>
      <c r="Q1327" s="115" t="s">
        <v>400</v>
      </c>
      <c r="R1327" s="115">
        <v>1</v>
      </c>
      <c r="S1327" s="115">
        <v>0</v>
      </c>
      <c r="T1327" s="115">
        <v>0</v>
      </c>
      <c r="U1327" s="119"/>
      <c r="V1327" s="119"/>
      <c r="W1327" s="119"/>
      <c r="X1327" s="119"/>
      <c r="Y1327" s="119"/>
      <c r="Z1327" s="119"/>
      <c r="AA1327" s="119"/>
      <c r="AB1327" s="119"/>
      <c r="AC1327" s="119"/>
      <c r="AD1327" s="119"/>
      <c r="AE1327" s="119"/>
      <c r="AF1327" s="119"/>
      <c r="AG1327" s="119"/>
      <c r="AH1327" s="119"/>
      <c r="AI1327" s="119"/>
      <c r="AJ1327" s="119"/>
      <c r="AK1327" s="119"/>
      <c r="AL1327" s="119"/>
      <c r="AM1327" s="119"/>
      <c r="AN1327" s="119"/>
      <c r="AO1327" s="119"/>
      <c r="AP1327" s="119"/>
      <c r="AQ1327" s="119"/>
      <c r="AR1327" s="119"/>
      <c r="AS1327" s="119"/>
      <c r="AT1327" s="119"/>
      <c r="AU1327" s="119"/>
      <c r="AV1327" s="119"/>
      <c r="AW1327" s="119"/>
      <c r="AX1327" s="119"/>
      <c r="AY1327" s="119"/>
      <c r="AZ1327" s="119"/>
      <c r="BA1327" s="119"/>
      <c r="BB1327" s="107">
        <v>45884</v>
      </c>
    </row>
    <row r="1328" spans="1:54" s="207" customFormat="1" ht="13.95" customHeight="1" x14ac:dyDescent="0.25">
      <c r="A1328" s="208" t="s">
        <v>3227</v>
      </c>
      <c r="B1328" s="209" t="s">
        <v>20420</v>
      </c>
      <c r="C1328" s="113" t="s">
        <v>3228</v>
      </c>
      <c r="D1328" s="113" t="s">
        <v>23192</v>
      </c>
      <c r="E1328" s="210">
        <v>1985</v>
      </c>
      <c r="F1328" s="210">
        <v>1323</v>
      </c>
      <c r="G1328" s="113" t="s">
        <v>1</v>
      </c>
      <c r="H1328" s="113">
        <v>0</v>
      </c>
      <c r="I1328" s="113">
        <v>0</v>
      </c>
      <c r="J1328" s="115">
        <v>1</v>
      </c>
      <c r="K1328" s="211">
        <v>1</v>
      </c>
      <c r="L1328" s="115">
        <v>1</v>
      </c>
      <c r="M1328" s="115">
        <v>0</v>
      </c>
      <c r="N1328" s="115">
        <v>0</v>
      </c>
      <c r="O1328" s="115">
        <v>1</v>
      </c>
      <c r="P1328" s="115">
        <v>1</v>
      </c>
      <c r="Q1328" s="115" t="s">
        <v>400</v>
      </c>
      <c r="R1328" s="115">
        <v>1</v>
      </c>
      <c r="S1328" s="115">
        <v>0</v>
      </c>
      <c r="T1328" s="115">
        <v>0</v>
      </c>
      <c r="U1328" s="119"/>
      <c r="V1328" s="119"/>
      <c r="W1328" s="119"/>
      <c r="X1328" s="119"/>
      <c r="Y1328" s="119"/>
      <c r="Z1328" s="119"/>
      <c r="AA1328" s="119"/>
      <c r="AB1328" s="119"/>
      <c r="AC1328" s="119"/>
      <c r="AD1328" s="119"/>
      <c r="AE1328" s="119"/>
      <c r="AF1328" s="119"/>
      <c r="AG1328" s="119"/>
      <c r="AH1328" s="119"/>
      <c r="AI1328" s="119"/>
      <c r="AJ1328" s="119"/>
      <c r="AK1328" s="119"/>
      <c r="AL1328" s="119"/>
      <c r="AM1328" s="119"/>
      <c r="AN1328" s="119"/>
      <c r="AO1328" s="119"/>
      <c r="AP1328" s="119"/>
      <c r="AQ1328" s="119"/>
      <c r="AR1328" s="119"/>
      <c r="AS1328" s="119"/>
      <c r="AT1328" s="119"/>
      <c r="AU1328" s="119"/>
      <c r="AV1328" s="119"/>
      <c r="AW1328" s="119"/>
      <c r="AX1328" s="119"/>
      <c r="AY1328" s="119"/>
      <c r="AZ1328" s="119"/>
      <c r="BA1328" s="119"/>
      <c r="BB1328" s="107">
        <v>45884</v>
      </c>
    </row>
    <row r="1329" spans="1:54" s="207" customFormat="1" ht="13.95" customHeight="1" x14ac:dyDescent="0.25">
      <c r="A1329" s="208" t="s">
        <v>3229</v>
      </c>
      <c r="B1329" s="209" t="s">
        <v>20420</v>
      </c>
      <c r="C1329" s="113" t="s">
        <v>3230</v>
      </c>
      <c r="D1329" s="113" t="s">
        <v>3231</v>
      </c>
      <c r="E1329" s="210">
        <v>1989</v>
      </c>
      <c r="F1329" s="210">
        <v>1325</v>
      </c>
      <c r="G1329" s="113" t="s">
        <v>1</v>
      </c>
      <c r="H1329" s="113">
        <v>0</v>
      </c>
      <c r="I1329" s="113">
        <v>0</v>
      </c>
      <c r="J1329" s="115">
        <v>1</v>
      </c>
      <c r="K1329" s="116" t="s">
        <v>174</v>
      </c>
      <c r="L1329" s="115">
        <v>1</v>
      </c>
      <c r="M1329" s="115">
        <v>1</v>
      </c>
      <c r="N1329" s="115">
        <v>0</v>
      </c>
      <c r="O1329" s="115">
        <v>0</v>
      </c>
      <c r="P1329" s="115" t="s">
        <v>400</v>
      </c>
      <c r="Q1329" s="115" t="s">
        <v>400</v>
      </c>
      <c r="R1329" s="115">
        <v>0</v>
      </c>
      <c r="S1329" s="115">
        <v>0</v>
      </c>
      <c r="T1329" s="115">
        <v>0</v>
      </c>
      <c r="U1329" s="119"/>
      <c r="V1329" s="119"/>
      <c r="W1329" s="119"/>
      <c r="X1329" s="119"/>
      <c r="Y1329" s="119"/>
      <c r="Z1329" s="119"/>
      <c r="AA1329" s="119"/>
      <c r="AB1329" s="119"/>
      <c r="AC1329" s="119"/>
      <c r="AD1329" s="119"/>
      <c r="AE1329" s="119"/>
      <c r="AF1329" s="119"/>
      <c r="AG1329" s="119"/>
      <c r="AH1329" s="119"/>
      <c r="AI1329" s="119"/>
      <c r="AJ1329" s="119"/>
      <c r="AK1329" s="119"/>
      <c r="AL1329" s="119"/>
      <c r="AM1329" s="119"/>
      <c r="AN1329" s="119"/>
      <c r="AO1329" s="119"/>
      <c r="AP1329" s="119"/>
      <c r="AQ1329" s="119"/>
      <c r="AR1329" s="119"/>
      <c r="AS1329" s="119"/>
      <c r="AT1329" s="119"/>
      <c r="AU1329" s="119"/>
      <c r="AV1329" s="119"/>
      <c r="AW1329" s="119"/>
      <c r="AX1329" s="119"/>
      <c r="AY1329" s="119"/>
      <c r="AZ1329" s="119"/>
      <c r="BA1329" s="119"/>
      <c r="BB1329" s="107">
        <v>45884</v>
      </c>
    </row>
    <row r="1330" spans="1:54" s="207" customFormat="1" ht="13.95" customHeight="1" x14ac:dyDescent="0.25">
      <c r="A1330" s="208" t="s">
        <v>3232</v>
      </c>
      <c r="B1330" s="209" t="s">
        <v>20420</v>
      </c>
      <c r="C1330" s="113" t="s">
        <v>3233</v>
      </c>
      <c r="D1330" s="113" t="s">
        <v>3234</v>
      </c>
      <c r="E1330" s="210">
        <v>2013</v>
      </c>
      <c r="F1330" s="210">
        <v>1327</v>
      </c>
      <c r="G1330" s="113" t="s">
        <v>1</v>
      </c>
      <c r="H1330" s="113">
        <v>0</v>
      </c>
      <c r="I1330" s="113">
        <v>0</v>
      </c>
      <c r="J1330" s="115">
        <v>1</v>
      </c>
      <c r="K1330" s="116" t="s">
        <v>174</v>
      </c>
      <c r="L1330" s="115">
        <v>1</v>
      </c>
      <c r="M1330" s="115">
        <v>0</v>
      </c>
      <c r="N1330" s="115">
        <v>0</v>
      </c>
      <c r="O1330" s="115">
        <v>0</v>
      </c>
      <c r="P1330" s="115">
        <v>1</v>
      </c>
      <c r="Q1330" s="115">
        <v>1</v>
      </c>
      <c r="R1330" s="115">
        <v>0</v>
      </c>
      <c r="S1330" s="115">
        <v>0</v>
      </c>
      <c r="T1330" s="115">
        <v>0</v>
      </c>
      <c r="U1330" s="119"/>
      <c r="V1330" s="119"/>
      <c r="W1330" s="119"/>
      <c r="X1330" s="119"/>
      <c r="Y1330" s="119"/>
      <c r="Z1330" s="119"/>
      <c r="AA1330" s="119"/>
      <c r="AB1330" s="119"/>
      <c r="AC1330" s="119"/>
      <c r="AD1330" s="119"/>
      <c r="AE1330" s="119"/>
      <c r="AF1330" s="119"/>
      <c r="AG1330" s="119"/>
      <c r="AH1330" s="119"/>
      <c r="AI1330" s="119"/>
      <c r="AJ1330" s="119"/>
      <c r="AK1330" s="119"/>
      <c r="AL1330" s="119"/>
      <c r="AM1330" s="119"/>
      <c r="AN1330" s="119"/>
      <c r="AO1330" s="119"/>
      <c r="AP1330" s="119"/>
      <c r="AQ1330" s="119"/>
      <c r="AR1330" s="119"/>
      <c r="AS1330" s="119"/>
      <c r="AT1330" s="119"/>
      <c r="AU1330" s="119"/>
      <c r="AV1330" s="119"/>
      <c r="AW1330" s="119"/>
      <c r="AX1330" s="119"/>
      <c r="AY1330" s="119"/>
      <c r="AZ1330" s="119"/>
      <c r="BA1330" s="119"/>
      <c r="BB1330" s="107">
        <v>45884</v>
      </c>
    </row>
    <row r="1331" spans="1:54" s="207" customFormat="1" ht="13.95" customHeight="1" x14ac:dyDescent="0.25">
      <c r="A1331" s="208" t="s">
        <v>3235</v>
      </c>
      <c r="B1331" s="209" t="s">
        <v>20420</v>
      </c>
      <c r="C1331" s="113" t="s">
        <v>3236</v>
      </c>
      <c r="D1331" s="113" t="s">
        <v>3237</v>
      </c>
      <c r="E1331" s="210">
        <v>1998</v>
      </c>
      <c r="F1331" s="210">
        <v>1327</v>
      </c>
      <c r="G1331" s="113" t="s">
        <v>1</v>
      </c>
      <c r="H1331" s="113">
        <v>0</v>
      </c>
      <c r="I1331" s="113">
        <v>0</v>
      </c>
      <c r="J1331" s="115">
        <v>1</v>
      </c>
      <c r="K1331" s="116" t="s">
        <v>174</v>
      </c>
      <c r="L1331" s="115">
        <v>0</v>
      </c>
      <c r="M1331" s="115">
        <v>1</v>
      </c>
      <c r="N1331" s="115">
        <v>1</v>
      </c>
      <c r="O1331" s="115">
        <v>0</v>
      </c>
      <c r="P1331" s="115" t="s">
        <v>400</v>
      </c>
      <c r="Q1331" s="115" t="s">
        <v>400</v>
      </c>
      <c r="R1331" s="115">
        <v>0</v>
      </c>
      <c r="S1331" s="115">
        <v>0</v>
      </c>
      <c r="T1331" s="115">
        <v>0</v>
      </c>
      <c r="U1331" s="119"/>
      <c r="V1331" s="119"/>
      <c r="W1331" s="119"/>
      <c r="X1331" s="119"/>
      <c r="Y1331" s="119"/>
      <c r="Z1331" s="119"/>
      <c r="AA1331" s="119"/>
      <c r="AB1331" s="119"/>
      <c r="AC1331" s="119"/>
      <c r="AD1331" s="119"/>
      <c r="AE1331" s="119"/>
      <c r="AF1331" s="119"/>
      <c r="AG1331" s="119"/>
      <c r="AH1331" s="119"/>
      <c r="AI1331" s="119"/>
      <c r="AJ1331" s="119"/>
      <c r="AK1331" s="119"/>
      <c r="AL1331" s="119"/>
      <c r="AM1331" s="119"/>
      <c r="AN1331" s="119"/>
      <c r="AO1331" s="119"/>
      <c r="AP1331" s="119"/>
      <c r="AQ1331" s="119"/>
      <c r="AR1331" s="119"/>
      <c r="AS1331" s="119"/>
      <c r="AT1331" s="119"/>
      <c r="AU1331" s="119"/>
      <c r="AV1331" s="119"/>
      <c r="AW1331" s="119"/>
      <c r="AX1331" s="119"/>
      <c r="AY1331" s="119"/>
      <c r="AZ1331" s="119"/>
      <c r="BA1331" s="119"/>
      <c r="BB1331" s="107">
        <v>45884</v>
      </c>
    </row>
    <row r="1332" spans="1:54" s="207" customFormat="1" ht="13.95" customHeight="1" x14ac:dyDescent="0.25">
      <c r="A1332" s="208" t="s">
        <v>3238</v>
      </c>
      <c r="B1332" s="209" t="s">
        <v>20420</v>
      </c>
      <c r="C1332" s="113" t="s">
        <v>3239</v>
      </c>
      <c r="D1332" s="113" t="s">
        <v>3240</v>
      </c>
      <c r="E1332" s="210">
        <v>1956</v>
      </c>
      <c r="F1332" s="210">
        <v>1328</v>
      </c>
      <c r="G1332" s="113" t="s">
        <v>1</v>
      </c>
      <c r="H1332" s="113">
        <v>0</v>
      </c>
      <c r="I1332" s="113">
        <v>0</v>
      </c>
      <c r="J1332" s="115">
        <v>1</v>
      </c>
      <c r="K1332" s="116" t="s">
        <v>174</v>
      </c>
      <c r="L1332" s="115">
        <v>1</v>
      </c>
      <c r="M1332" s="115">
        <v>1</v>
      </c>
      <c r="N1332" s="115">
        <v>0</v>
      </c>
      <c r="O1332" s="115">
        <v>1</v>
      </c>
      <c r="P1332" s="115" t="s">
        <v>400</v>
      </c>
      <c r="Q1332" s="115" t="s">
        <v>400</v>
      </c>
      <c r="R1332" s="115">
        <v>1</v>
      </c>
      <c r="S1332" s="115">
        <v>0</v>
      </c>
      <c r="T1332" s="115">
        <v>0</v>
      </c>
      <c r="U1332" s="119"/>
      <c r="V1332" s="119"/>
      <c r="W1332" s="119"/>
      <c r="X1332" s="119"/>
      <c r="Y1332" s="119"/>
      <c r="Z1332" s="119"/>
      <c r="AA1332" s="119"/>
      <c r="AB1332" s="119"/>
      <c r="AC1332" s="119"/>
      <c r="AD1332" s="119"/>
      <c r="AE1332" s="119"/>
      <c r="AF1332" s="119"/>
      <c r="AG1332" s="119"/>
      <c r="AH1332" s="119"/>
      <c r="AI1332" s="119"/>
      <c r="AJ1332" s="119"/>
      <c r="AK1332" s="119"/>
      <c r="AL1332" s="119"/>
      <c r="AM1332" s="119"/>
      <c r="AN1332" s="119"/>
      <c r="AO1332" s="119"/>
      <c r="AP1332" s="119"/>
      <c r="AQ1332" s="119"/>
      <c r="AR1332" s="119"/>
      <c r="AS1332" s="119"/>
      <c r="AT1332" s="119"/>
      <c r="AU1332" s="119"/>
      <c r="AV1332" s="119"/>
      <c r="AW1332" s="119"/>
      <c r="AX1332" s="119"/>
      <c r="AY1332" s="119"/>
      <c r="AZ1332" s="119"/>
      <c r="BA1332" s="119"/>
      <c r="BB1332" s="107">
        <v>45884</v>
      </c>
    </row>
    <row r="1333" spans="1:54" s="207" customFormat="1" ht="13.95" customHeight="1" x14ac:dyDescent="0.25">
      <c r="A1333" s="208" t="s">
        <v>3241</v>
      </c>
      <c r="B1333" s="209" t="s">
        <v>20420</v>
      </c>
      <c r="C1333" s="113" t="s">
        <v>3242</v>
      </c>
      <c r="D1333" s="113" t="s">
        <v>23193</v>
      </c>
      <c r="E1333" s="210">
        <v>1951</v>
      </c>
      <c r="F1333" s="210">
        <v>1329</v>
      </c>
      <c r="G1333" s="113" t="s">
        <v>1</v>
      </c>
      <c r="H1333" s="113">
        <v>0</v>
      </c>
      <c r="I1333" s="113">
        <v>0</v>
      </c>
      <c r="J1333" s="115">
        <v>1</v>
      </c>
      <c r="K1333" s="211">
        <v>1</v>
      </c>
      <c r="L1333" s="115">
        <v>1</v>
      </c>
      <c r="M1333" s="115">
        <v>1</v>
      </c>
      <c r="N1333" s="115">
        <v>0</v>
      </c>
      <c r="O1333" s="115">
        <v>0</v>
      </c>
      <c r="P1333" s="115" t="s">
        <v>400</v>
      </c>
      <c r="Q1333" s="115" t="s">
        <v>400</v>
      </c>
      <c r="R1333" s="115">
        <v>1</v>
      </c>
      <c r="S1333" s="115">
        <v>0</v>
      </c>
      <c r="T1333" s="115">
        <v>0</v>
      </c>
      <c r="U1333" s="119"/>
      <c r="V1333" s="119"/>
      <c r="W1333" s="119"/>
      <c r="X1333" s="119"/>
      <c r="Y1333" s="119"/>
      <c r="Z1333" s="119"/>
      <c r="AA1333" s="119"/>
      <c r="AB1333" s="119"/>
      <c r="AC1333" s="119"/>
      <c r="AD1333" s="119"/>
      <c r="AE1333" s="119"/>
      <c r="AF1333" s="119"/>
      <c r="AG1333" s="119"/>
      <c r="AH1333" s="119"/>
      <c r="AI1333" s="119"/>
      <c r="AJ1333" s="119"/>
      <c r="AK1333" s="119"/>
      <c r="AL1333" s="119"/>
      <c r="AM1333" s="119"/>
      <c r="AN1333" s="119"/>
      <c r="AO1333" s="119"/>
      <c r="AP1333" s="119"/>
      <c r="AQ1333" s="119"/>
      <c r="AR1333" s="119"/>
      <c r="AS1333" s="119"/>
      <c r="AT1333" s="119"/>
      <c r="AU1333" s="119"/>
      <c r="AV1333" s="119"/>
      <c r="AW1333" s="119"/>
      <c r="AX1333" s="119"/>
      <c r="AY1333" s="119"/>
      <c r="AZ1333" s="119"/>
      <c r="BA1333" s="119"/>
      <c r="BB1333" s="107">
        <v>45884</v>
      </c>
    </row>
    <row r="1334" spans="1:54" s="207" customFormat="1" ht="13.95" customHeight="1" x14ac:dyDescent="0.25">
      <c r="A1334" s="208" t="s">
        <v>3243</v>
      </c>
      <c r="B1334" s="209" t="s">
        <v>20420</v>
      </c>
      <c r="C1334" s="113" t="s">
        <v>3244</v>
      </c>
      <c r="D1334" s="113" t="s">
        <v>23194</v>
      </c>
      <c r="E1334" s="210">
        <v>2004</v>
      </c>
      <c r="F1334" s="210">
        <v>2458</v>
      </c>
      <c r="G1334" s="113" t="s">
        <v>1</v>
      </c>
      <c r="H1334" s="113">
        <v>1</v>
      </c>
      <c r="I1334" s="113">
        <v>1</v>
      </c>
      <c r="J1334" s="115">
        <v>1</v>
      </c>
      <c r="K1334" s="116" t="s">
        <v>174</v>
      </c>
      <c r="L1334" s="115">
        <v>1</v>
      </c>
      <c r="M1334" s="115">
        <v>1</v>
      </c>
      <c r="N1334" s="115">
        <v>0</v>
      </c>
      <c r="O1334" s="115">
        <v>0</v>
      </c>
      <c r="P1334" s="115" t="s">
        <v>400</v>
      </c>
      <c r="Q1334" s="115" t="s">
        <v>400</v>
      </c>
      <c r="R1334" s="115">
        <v>1</v>
      </c>
      <c r="S1334" s="115">
        <v>0</v>
      </c>
      <c r="T1334" s="115">
        <v>0</v>
      </c>
      <c r="U1334" s="119"/>
      <c r="V1334" s="119"/>
      <c r="W1334" s="119"/>
      <c r="X1334" s="119"/>
      <c r="Y1334" s="119"/>
      <c r="Z1334" s="119"/>
      <c r="AA1334" s="119"/>
      <c r="AB1334" s="119"/>
      <c r="AC1334" s="119"/>
      <c r="AD1334" s="119"/>
      <c r="AE1334" s="119"/>
      <c r="AF1334" s="119"/>
      <c r="AG1334" s="119"/>
      <c r="AH1334" s="119"/>
      <c r="AI1334" s="119"/>
      <c r="AJ1334" s="119"/>
      <c r="AK1334" s="119"/>
      <c r="AL1334" s="119"/>
      <c r="AM1334" s="119"/>
      <c r="AN1334" s="119"/>
      <c r="AO1334" s="119"/>
      <c r="AP1334" s="119"/>
      <c r="AQ1334" s="119"/>
      <c r="AR1334" s="119"/>
      <c r="AS1334" s="119"/>
      <c r="AT1334" s="119"/>
      <c r="AU1334" s="119"/>
      <c r="AV1334" s="119"/>
      <c r="AW1334" s="119"/>
      <c r="AX1334" s="119"/>
      <c r="AY1334" s="119"/>
      <c r="AZ1334" s="119"/>
      <c r="BA1334" s="119"/>
      <c r="BB1334" s="107">
        <v>45884</v>
      </c>
    </row>
    <row r="1335" spans="1:54" s="207" customFormat="1" ht="13.95" customHeight="1" x14ac:dyDescent="0.25">
      <c r="A1335" s="208" t="s">
        <v>3245</v>
      </c>
      <c r="B1335" s="209" t="s">
        <v>20420</v>
      </c>
      <c r="C1335" s="113" t="s">
        <v>3246</v>
      </c>
      <c r="D1335" s="113" t="s">
        <v>3247</v>
      </c>
      <c r="E1335" s="210">
        <v>2007</v>
      </c>
      <c r="F1335" s="210">
        <v>1330</v>
      </c>
      <c r="G1335" s="113" t="s">
        <v>1</v>
      </c>
      <c r="H1335" s="113">
        <v>0</v>
      </c>
      <c r="I1335" s="113">
        <v>0</v>
      </c>
      <c r="J1335" s="115">
        <v>1</v>
      </c>
      <c r="K1335" s="211">
        <v>1</v>
      </c>
      <c r="L1335" s="115">
        <v>1</v>
      </c>
      <c r="M1335" s="115">
        <v>1</v>
      </c>
      <c r="N1335" s="115">
        <v>1</v>
      </c>
      <c r="O1335" s="115">
        <v>1</v>
      </c>
      <c r="P1335" s="115" t="s">
        <v>400</v>
      </c>
      <c r="Q1335" s="115" t="s">
        <v>400</v>
      </c>
      <c r="R1335" s="115">
        <v>1</v>
      </c>
      <c r="S1335" s="115">
        <v>0</v>
      </c>
      <c r="T1335" s="115">
        <v>0</v>
      </c>
      <c r="U1335" s="119"/>
      <c r="V1335" s="119"/>
      <c r="W1335" s="119"/>
      <c r="X1335" s="119"/>
      <c r="Y1335" s="119"/>
      <c r="Z1335" s="119"/>
      <c r="AA1335" s="119"/>
      <c r="AB1335" s="119"/>
      <c r="AC1335" s="119"/>
      <c r="AD1335" s="119"/>
      <c r="AE1335" s="119"/>
      <c r="AF1335" s="119"/>
      <c r="AG1335" s="119"/>
      <c r="AH1335" s="119"/>
      <c r="AI1335" s="119"/>
      <c r="AJ1335" s="119"/>
      <c r="AK1335" s="119"/>
      <c r="AL1335" s="119"/>
      <c r="AM1335" s="119"/>
      <c r="AN1335" s="119"/>
      <c r="AO1335" s="119"/>
      <c r="AP1335" s="119"/>
      <c r="AQ1335" s="119"/>
      <c r="AR1335" s="119"/>
      <c r="AS1335" s="119"/>
      <c r="AT1335" s="119"/>
      <c r="AU1335" s="119"/>
      <c r="AV1335" s="119"/>
      <c r="AW1335" s="119"/>
      <c r="AX1335" s="119"/>
      <c r="AY1335" s="119"/>
      <c r="AZ1335" s="119"/>
      <c r="BA1335" s="119"/>
      <c r="BB1335" s="107">
        <v>45884</v>
      </c>
    </row>
    <row r="1336" spans="1:54" s="207" customFormat="1" ht="13.95" customHeight="1" x14ac:dyDescent="0.25">
      <c r="A1336" s="208" t="s">
        <v>3248</v>
      </c>
      <c r="B1336" s="209" t="s">
        <v>20420</v>
      </c>
      <c r="C1336" s="113" t="s">
        <v>3249</v>
      </c>
      <c r="D1336" s="113" t="s">
        <v>3250</v>
      </c>
      <c r="E1336" s="210">
        <v>1960</v>
      </c>
      <c r="F1336" s="210">
        <v>1331</v>
      </c>
      <c r="G1336" s="113" t="s">
        <v>1</v>
      </c>
      <c r="H1336" s="113">
        <v>0</v>
      </c>
      <c r="I1336" s="113">
        <v>0</v>
      </c>
      <c r="J1336" s="115">
        <v>1</v>
      </c>
      <c r="K1336" s="116" t="s">
        <v>174</v>
      </c>
      <c r="L1336" s="115">
        <v>1</v>
      </c>
      <c r="M1336" s="115">
        <v>1</v>
      </c>
      <c r="N1336" s="115">
        <v>0</v>
      </c>
      <c r="O1336" s="115">
        <v>1</v>
      </c>
      <c r="P1336" s="115" t="s">
        <v>400</v>
      </c>
      <c r="Q1336" s="115" t="s">
        <v>400</v>
      </c>
      <c r="R1336" s="115">
        <v>0</v>
      </c>
      <c r="S1336" s="115">
        <v>0</v>
      </c>
      <c r="T1336" s="115">
        <v>0</v>
      </c>
      <c r="U1336" s="119"/>
      <c r="V1336" s="119"/>
      <c r="W1336" s="119"/>
      <c r="X1336" s="119"/>
      <c r="Y1336" s="119"/>
      <c r="Z1336" s="119"/>
      <c r="AA1336" s="119"/>
      <c r="AB1336" s="119"/>
      <c r="AC1336" s="119"/>
      <c r="AD1336" s="119"/>
      <c r="AE1336" s="119"/>
      <c r="AF1336" s="119"/>
      <c r="AG1336" s="119"/>
      <c r="AH1336" s="119"/>
      <c r="AI1336" s="119"/>
      <c r="AJ1336" s="119"/>
      <c r="AK1336" s="119"/>
      <c r="AL1336" s="119"/>
      <c r="AM1336" s="119"/>
      <c r="AN1336" s="119"/>
      <c r="AO1336" s="119"/>
      <c r="AP1336" s="119"/>
      <c r="AQ1336" s="119"/>
      <c r="AR1336" s="119"/>
      <c r="AS1336" s="119"/>
      <c r="AT1336" s="119"/>
      <c r="AU1336" s="119"/>
      <c r="AV1336" s="119"/>
      <c r="AW1336" s="119"/>
      <c r="AX1336" s="119"/>
      <c r="AY1336" s="119"/>
      <c r="AZ1336" s="119"/>
      <c r="BA1336" s="119"/>
      <c r="BB1336" s="107">
        <v>45884</v>
      </c>
    </row>
    <row r="1337" spans="1:54" s="207" customFormat="1" ht="13.95" customHeight="1" x14ac:dyDescent="0.25">
      <c r="A1337" s="208" t="s">
        <v>3251</v>
      </c>
      <c r="B1337" s="209" t="s">
        <v>20420</v>
      </c>
      <c r="C1337" s="113" t="s">
        <v>3252</v>
      </c>
      <c r="D1337" s="113" t="s">
        <v>23195</v>
      </c>
      <c r="E1337" s="210">
        <v>1985</v>
      </c>
      <c r="F1337" s="210">
        <v>1331</v>
      </c>
      <c r="G1337" s="113" t="s">
        <v>1</v>
      </c>
      <c r="H1337" s="113">
        <v>0</v>
      </c>
      <c r="I1337" s="113">
        <v>0</v>
      </c>
      <c r="J1337" s="115">
        <v>1</v>
      </c>
      <c r="K1337" s="116" t="s">
        <v>174</v>
      </c>
      <c r="L1337" s="115">
        <v>0</v>
      </c>
      <c r="M1337" s="115">
        <v>0</v>
      </c>
      <c r="N1337" s="115">
        <v>1</v>
      </c>
      <c r="O1337" s="115">
        <v>0</v>
      </c>
      <c r="P1337" s="115" t="s">
        <v>400</v>
      </c>
      <c r="Q1337" s="115" t="s">
        <v>400</v>
      </c>
      <c r="R1337" s="115">
        <v>1</v>
      </c>
      <c r="S1337" s="115">
        <v>0</v>
      </c>
      <c r="T1337" s="115">
        <v>0</v>
      </c>
      <c r="U1337" s="119"/>
      <c r="V1337" s="119"/>
      <c r="W1337" s="119"/>
      <c r="X1337" s="119"/>
      <c r="Y1337" s="119"/>
      <c r="Z1337" s="119"/>
      <c r="AA1337" s="119"/>
      <c r="AB1337" s="119"/>
      <c r="AC1337" s="119"/>
      <c r="AD1337" s="119"/>
      <c r="AE1337" s="119"/>
      <c r="AF1337" s="119"/>
      <c r="AG1337" s="119"/>
      <c r="AH1337" s="119"/>
      <c r="AI1337" s="119"/>
      <c r="AJ1337" s="119"/>
      <c r="AK1337" s="119"/>
      <c r="AL1337" s="119"/>
      <c r="AM1337" s="119"/>
      <c r="AN1337" s="119"/>
      <c r="AO1337" s="119"/>
      <c r="AP1337" s="119"/>
      <c r="AQ1337" s="119"/>
      <c r="AR1337" s="119"/>
      <c r="AS1337" s="119"/>
      <c r="AT1337" s="119"/>
      <c r="AU1337" s="119"/>
      <c r="AV1337" s="119"/>
      <c r="AW1337" s="119"/>
      <c r="AX1337" s="119"/>
      <c r="AY1337" s="119"/>
      <c r="AZ1337" s="119"/>
      <c r="BA1337" s="119"/>
      <c r="BB1337" s="107">
        <v>45884</v>
      </c>
    </row>
    <row r="1338" spans="1:54" s="207" customFormat="1" ht="13.95" customHeight="1" x14ac:dyDescent="0.25">
      <c r="A1338" s="208" t="s">
        <v>3253</v>
      </c>
      <c r="B1338" s="209" t="s">
        <v>20420</v>
      </c>
      <c r="C1338" s="113" t="s">
        <v>3254</v>
      </c>
      <c r="D1338" s="113" t="s">
        <v>3255</v>
      </c>
      <c r="E1338" s="210">
        <v>1964</v>
      </c>
      <c r="F1338" s="210">
        <v>1332</v>
      </c>
      <c r="G1338" s="113" t="s">
        <v>1</v>
      </c>
      <c r="H1338" s="113">
        <v>0</v>
      </c>
      <c r="I1338" s="113">
        <v>0</v>
      </c>
      <c r="J1338" s="115">
        <v>1</v>
      </c>
      <c r="K1338" s="116" t="s">
        <v>174</v>
      </c>
      <c r="L1338" s="115">
        <v>1</v>
      </c>
      <c r="M1338" s="115">
        <v>0</v>
      </c>
      <c r="N1338" s="115">
        <v>0</v>
      </c>
      <c r="O1338" s="115">
        <v>1</v>
      </c>
      <c r="P1338" s="115">
        <v>1</v>
      </c>
      <c r="Q1338" s="115" t="s">
        <v>400</v>
      </c>
      <c r="R1338" s="115">
        <v>1</v>
      </c>
      <c r="S1338" s="115">
        <v>0</v>
      </c>
      <c r="T1338" s="115">
        <v>0</v>
      </c>
      <c r="U1338" s="119"/>
      <c r="V1338" s="119"/>
      <c r="W1338" s="119"/>
      <c r="X1338" s="119"/>
      <c r="Y1338" s="119"/>
      <c r="Z1338" s="119"/>
      <c r="AA1338" s="119"/>
      <c r="AB1338" s="119"/>
      <c r="AC1338" s="119"/>
      <c r="AD1338" s="119"/>
      <c r="AE1338" s="119"/>
      <c r="AF1338" s="119"/>
      <c r="AG1338" s="119"/>
      <c r="AH1338" s="119"/>
      <c r="AI1338" s="119"/>
      <c r="AJ1338" s="119"/>
      <c r="AK1338" s="119"/>
      <c r="AL1338" s="119"/>
      <c r="AM1338" s="119"/>
      <c r="AN1338" s="119"/>
      <c r="AO1338" s="119"/>
      <c r="AP1338" s="119"/>
      <c r="AQ1338" s="119"/>
      <c r="AR1338" s="119"/>
      <c r="AS1338" s="119"/>
      <c r="AT1338" s="119"/>
      <c r="AU1338" s="119"/>
      <c r="AV1338" s="119"/>
      <c r="AW1338" s="119"/>
      <c r="AX1338" s="119"/>
      <c r="AY1338" s="119"/>
      <c r="AZ1338" s="119"/>
      <c r="BA1338" s="119"/>
      <c r="BB1338" s="107">
        <v>45884</v>
      </c>
    </row>
    <row r="1339" spans="1:54" s="207" customFormat="1" ht="13.95" customHeight="1" x14ac:dyDescent="0.25">
      <c r="A1339" s="208" t="s">
        <v>3256</v>
      </c>
      <c r="B1339" s="209" t="s">
        <v>20420</v>
      </c>
      <c r="C1339" s="113" t="s">
        <v>3257</v>
      </c>
      <c r="D1339" s="113" t="s">
        <v>23196</v>
      </c>
      <c r="E1339" s="210">
        <v>1995</v>
      </c>
      <c r="F1339" s="210">
        <v>1333</v>
      </c>
      <c r="G1339" s="113" t="s">
        <v>1</v>
      </c>
      <c r="H1339" s="113">
        <v>0</v>
      </c>
      <c r="I1339" s="113">
        <v>0</v>
      </c>
      <c r="J1339" s="115">
        <v>1</v>
      </c>
      <c r="K1339" s="116" t="s">
        <v>174</v>
      </c>
      <c r="L1339" s="115">
        <v>1</v>
      </c>
      <c r="M1339" s="115">
        <v>0</v>
      </c>
      <c r="N1339" s="115">
        <v>0</v>
      </c>
      <c r="O1339" s="115">
        <v>1</v>
      </c>
      <c r="P1339" s="115" t="s">
        <v>400</v>
      </c>
      <c r="Q1339" s="115" t="s">
        <v>400</v>
      </c>
      <c r="R1339" s="115">
        <v>1</v>
      </c>
      <c r="S1339" s="115">
        <v>0</v>
      </c>
      <c r="T1339" s="115">
        <v>0</v>
      </c>
      <c r="U1339" s="119"/>
      <c r="V1339" s="119"/>
      <c r="W1339" s="119"/>
      <c r="X1339" s="119"/>
      <c r="Y1339" s="119"/>
      <c r="Z1339" s="119"/>
      <c r="AA1339" s="119"/>
      <c r="AB1339" s="119"/>
      <c r="AC1339" s="119"/>
      <c r="AD1339" s="119"/>
      <c r="AE1339" s="119"/>
      <c r="AF1339" s="119"/>
      <c r="AG1339" s="119"/>
      <c r="AH1339" s="119"/>
      <c r="AI1339" s="119"/>
      <c r="AJ1339" s="119"/>
      <c r="AK1339" s="119"/>
      <c r="AL1339" s="119"/>
      <c r="AM1339" s="119"/>
      <c r="AN1339" s="119"/>
      <c r="AO1339" s="119"/>
      <c r="AP1339" s="119"/>
      <c r="AQ1339" s="119"/>
      <c r="AR1339" s="119"/>
      <c r="AS1339" s="119"/>
      <c r="AT1339" s="119"/>
      <c r="AU1339" s="119"/>
      <c r="AV1339" s="119"/>
      <c r="AW1339" s="119"/>
      <c r="AX1339" s="119"/>
      <c r="AY1339" s="119"/>
      <c r="AZ1339" s="119"/>
      <c r="BA1339" s="119"/>
      <c r="BB1339" s="107">
        <v>45884</v>
      </c>
    </row>
    <row r="1340" spans="1:54" s="207" customFormat="1" ht="13.95" customHeight="1" x14ac:dyDescent="0.25">
      <c r="A1340" s="208" t="s">
        <v>3258</v>
      </c>
      <c r="B1340" s="209" t="s">
        <v>20420</v>
      </c>
      <c r="C1340" s="113" t="s">
        <v>3259</v>
      </c>
      <c r="D1340" s="113" t="s">
        <v>3260</v>
      </c>
      <c r="E1340" s="210">
        <v>1998</v>
      </c>
      <c r="F1340" s="210">
        <v>1333</v>
      </c>
      <c r="G1340" s="113" t="s">
        <v>1</v>
      </c>
      <c r="H1340" s="113">
        <v>0</v>
      </c>
      <c r="I1340" s="113">
        <v>0</v>
      </c>
      <c r="J1340" s="115">
        <v>1</v>
      </c>
      <c r="K1340" s="116" t="s">
        <v>174</v>
      </c>
      <c r="L1340" s="115">
        <v>1</v>
      </c>
      <c r="M1340" s="212">
        <v>1</v>
      </c>
      <c r="N1340" s="115">
        <v>1</v>
      </c>
      <c r="O1340" s="115">
        <v>1</v>
      </c>
      <c r="P1340" s="212">
        <v>0</v>
      </c>
      <c r="Q1340" s="115" t="s">
        <v>400</v>
      </c>
      <c r="R1340" s="115">
        <v>0</v>
      </c>
      <c r="S1340" s="115">
        <v>0</v>
      </c>
      <c r="T1340" s="115">
        <v>0</v>
      </c>
      <c r="U1340" s="119"/>
      <c r="V1340" s="119"/>
      <c r="W1340" s="119"/>
      <c r="X1340" s="119"/>
      <c r="Y1340" s="119"/>
      <c r="Z1340" s="119"/>
      <c r="AA1340" s="119"/>
      <c r="AB1340" s="119"/>
      <c r="AC1340" s="119"/>
      <c r="AD1340" s="119"/>
      <c r="AE1340" s="119"/>
      <c r="AF1340" s="119"/>
      <c r="AG1340" s="119"/>
      <c r="AH1340" s="119"/>
      <c r="AI1340" s="119"/>
      <c r="AJ1340" s="119"/>
      <c r="AK1340" s="119"/>
      <c r="AL1340" s="119"/>
      <c r="AM1340" s="119"/>
      <c r="AN1340" s="119"/>
      <c r="AO1340" s="119"/>
      <c r="AP1340" s="119"/>
      <c r="AQ1340" s="119"/>
      <c r="AR1340" s="119"/>
      <c r="AS1340" s="119"/>
      <c r="AT1340" s="119"/>
      <c r="AU1340" s="119"/>
      <c r="AV1340" s="119"/>
      <c r="AW1340" s="119"/>
      <c r="AX1340" s="119"/>
      <c r="AY1340" s="119"/>
      <c r="AZ1340" s="119"/>
      <c r="BA1340" s="119"/>
      <c r="BB1340" s="107">
        <v>45884</v>
      </c>
    </row>
    <row r="1341" spans="1:54" s="207" customFormat="1" ht="13.95" customHeight="1" x14ac:dyDescent="0.25">
      <c r="A1341" s="208" t="s">
        <v>3261</v>
      </c>
      <c r="B1341" s="209" t="s">
        <v>20420</v>
      </c>
      <c r="C1341" s="113" t="s">
        <v>3262</v>
      </c>
      <c r="D1341" s="113" t="s">
        <v>23197</v>
      </c>
      <c r="E1341" s="210">
        <v>1986</v>
      </c>
      <c r="F1341" s="210">
        <v>1338</v>
      </c>
      <c r="G1341" s="113" t="s">
        <v>1</v>
      </c>
      <c r="H1341" s="113">
        <v>0</v>
      </c>
      <c r="I1341" s="113">
        <v>0</v>
      </c>
      <c r="J1341" s="115">
        <v>1</v>
      </c>
      <c r="K1341" s="116" t="s">
        <v>174</v>
      </c>
      <c r="L1341" s="115">
        <v>1</v>
      </c>
      <c r="M1341" s="115">
        <v>0</v>
      </c>
      <c r="N1341" s="115">
        <v>0</v>
      </c>
      <c r="O1341" s="115">
        <v>1</v>
      </c>
      <c r="P1341" s="115">
        <v>1</v>
      </c>
      <c r="Q1341" s="115" t="s">
        <v>400</v>
      </c>
      <c r="R1341" s="115">
        <v>0</v>
      </c>
      <c r="S1341" s="115">
        <v>0</v>
      </c>
      <c r="T1341" s="115">
        <v>0</v>
      </c>
      <c r="U1341" s="119"/>
      <c r="V1341" s="119"/>
      <c r="W1341" s="119"/>
      <c r="X1341" s="119"/>
      <c r="Y1341" s="119"/>
      <c r="Z1341" s="119"/>
      <c r="AA1341" s="119"/>
      <c r="AB1341" s="119"/>
      <c r="AC1341" s="119"/>
      <c r="AD1341" s="119"/>
      <c r="AE1341" s="119"/>
      <c r="AF1341" s="119"/>
      <c r="AG1341" s="119"/>
      <c r="AH1341" s="119"/>
      <c r="AI1341" s="119"/>
      <c r="AJ1341" s="119"/>
      <c r="AK1341" s="119"/>
      <c r="AL1341" s="119"/>
      <c r="AM1341" s="119"/>
      <c r="AN1341" s="119"/>
      <c r="AO1341" s="119"/>
      <c r="AP1341" s="119"/>
      <c r="AQ1341" s="119"/>
      <c r="AR1341" s="119"/>
      <c r="AS1341" s="119"/>
      <c r="AT1341" s="119"/>
      <c r="AU1341" s="119"/>
      <c r="AV1341" s="119"/>
      <c r="AW1341" s="119"/>
      <c r="AX1341" s="119"/>
      <c r="AY1341" s="119"/>
      <c r="AZ1341" s="119"/>
      <c r="BA1341" s="119"/>
      <c r="BB1341" s="107">
        <v>45884</v>
      </c>
    </row>
    <row r="1342" spans="1:54" s="207" customFormat="1" ht="13.95" customHeight="1" x14ac:dyDescent="0.25">
      <c r="A1342" s="208" t="s">
        <v>3263</v>
      </c>
      <c r="B1342" s="209" t="s">
        <v>20420</v>
      </c>
      <c r="C1342" s="113" t="s">
        <v>3264</v>
      </c>
      <c r="D1342" s="113" t="s">
        <v>23198</v>
      </c>
      <c r="E1342" s="210">
        <v>1982</v>
      </c>
      <c r="F1342" s="210">
        <v>1338</v>
      </c>
      <c r="G1342" s="113" t="s">
        <v>1</v>
      </c>
      <c r="H1342" s="113">
        <v>0</v>
      </c>
      <c r="I1342" s="113">
        <v>0</v>
      </c>
      <c r="J1342" s="115">
        <v>1</v>
      </c>
      <c r="K1342" s="116" t="s">
        <v>174</v>
      </c>
      <c r="L1342" s="115">
        <v>1</v>
      </c>
      <c r="M1342" s="115">
        <v>1</v>
      </c>
      <c r="N1342" s="115">
        <v>1</v>
      </c>
      <c r="O1342" s="115">
        <v>1</v>
      </c>
      <c r="P1342" s="115" t="s">
        <v>400</v>
      </c>
      <c r="Q1342" s="115" t="s">
        <v>400</v>
      </c>
      <c r="R1342" s="115">
        <v>1</v>
      </c>
      <c r="S1342" s="115">
        <v>0</v>
      </c>
      <c r="T1342" s="115">
        <v>0</v>
      </c>
      <c r="U1342" s="119"/>
      <c r="V1342" s="119"/>
      <c r="W1342" s="119"/>
      <c r="X1342" s="119"/>
      <c r="Y1342" s="119"/>
      <c r="Z1342" s="119"/>
      <c r="AA1342" s="119"/>
      <c r="AB1342" s="119"/>
      <c r="AC1342" s="119"/>
      <c r="AD1342" s="119"/>
      <c r="AE1342" s="119"/>
      <c r="AF1342" s="119"/>
      <c r="AG1342" s="119"/>
      <c r="AH1342" s="119"/>
      <c r="AI1342" s="119"/>
      <c r="AJ1342" s="119"/>
      <c r="AK1342" s="119"/>
      <c r="AL1342" s="119"/>
      <c r="AM1342" s="119"/>
      <c r="AN1342" s="119"/>
      <c r="AO1342" s="119"/>
      <c r="AP1342" s="119"/>
      <c r="AQ1342" s="119"/>
      <c r="AR1342" s="119"/>
      <c r="AS1342" s="119"/>
      <c r="AT1342" s="119"/>
      <c r="AU1342" s="119"/>
      <c r="AV1342" s="119"/>
      <c r="AW1342" s="119"/>
      <c r="AX1342" s="119"/>
      <c r="AY1342" s="119"/>
      <c r="AZ1342" s="119"/>
      <c r="BA1342" s="119"/>
      <c r="BB1342" s="107">
        <v>45884</v>
      </c>
    </row>
    <row r="1343" spans="1:54" s="207" customFormat="1" ht="13.95" customHeight="1" x14ac:dyDescent="0.25">
      <c r="A1343" s="208" t="s">
        <v>3265</v>
      </c>
      <c r="B1343" s="209" t="s">
        <v>20420</v>
      </c>
      <c r="C1343" s="113" t="s">
        <v>3266</v>
      </c>
      <c r="D1343" s="113" t="s">
        <v>3267</v>
      </c>
      <c r="E1343" s="210">
        <v>1998</v>
      </c>
      <c r="F1343" s="210">
        <v>1340</v>
      </c>
      <c r="G1343" s="113" t="s">
        <v>1</v>
      </c>
      <c r="H1343" s="113">
        <v>1</v>
      </c>
      <c r="I1343" s="113">
        <v>1</v>
      </c>
      <c r="J1343" s="115">
        <v>1</v>
      </c>
      <c r="K1343" s="116" t="s">
        <v>174</v>
      </c>
      <c r="L1343" s="115">
        <v>1</v>
      </c>
      <c r="M1343" s="115">
        <v>0</v>
      </c>
      <c r="N1343" s="115">
        <v>1</v>
      </c>
      <c r="O1343" s="115">
        <v>1</v>
      </c>
      <c r="P1343" s="115">
        <v>1</v>
      </c>
      <c r="Q1343" s="115" t="s">
        <v>400</v>
      </c>
      <c r="R1343" s="115">
        <v>1</v>
      </c>
      <c r="S1343" s="115">
        <v>0</v>
      </c>
      <c r="T1343" s="115">
        <v>0</v>
      </c>
      <c r="U1343" s="119"/>
      <c r="V1343" s="119"/>
      <c r="W1343" s="119"/>
      <c r="X1343" s="119"/>
      <c r="Y1343" s="119"/>
      <c r="Z1343" s="119"/>
      <c r="AA1343" s="119"/>
      <c r="AB1343" s="119"/>
      <c r="AC1343" s="119"/>
      <c r="AD1343" s="119"/>
      <c r="AE1343" s="119"/>
      <c r="AF1343" s="119"/>
      <c r="AG1343" s="119"/>
      <c r="AH1343" s="119"/>
      <c r="AI1343" s="119"/>
      <c r="AJ1343" s="119"/>
      <c r="AK1343" s="119"/>
      <c r="AL1343" s="119"/>
      <c r="AM1343" s="119"/>
      <c r="AN1343" s="119"/>
      <c r="AO1343" s="119"/>
      <c r="AP1343" s="119"/>
      <c r="AQ1343" s="119"/>
      <c r="AR1343" s="119"/>
      <c r="AS1343" s="119"/>
      <c r="AT1343" s="119"/>
      <c r="AU1343" s="119"/>
      <c r="AV1343" s="119"/>
      <c r="AW1343" s="119"/>
      <c r="AX1343" s="119"/>
      <c r="AY1343" s="119"/>
      <c r="AZ1343" s="119"/>
      <c r="BA1343" s="119"/>
      <c r="BB1343" s="107">
        <v>45884</v>
      </c>
    </row>
    <row r="1344" spans="1:54" s="207" customFormat="1" ht="13.95" customHeight="1" x14ac:dyDescent="0.25">
      <c r="A1344" s="208" t="s">
        <v>3268</v>
      </c>
      <c r="B1344" s="209" t="s">
        <v>20420</v>
      </c>
      <c r="C1344" s="113" t="s">
        <v>3269</v>
      </c>
      <c r="D1344" s="113" t="s">
        <v>23199</v>
      </c>
      <c r="E1344" s="210">
        <v>1991</v>
      </c>
      <c r="F1344" s="210">
        <v>1341</v>
      </c>
      <c r="G1344" s="113" t="s">
        <v>1</v>
      </c>
      <c r="H1344" s="113">
        <v>0</v>
      </c>
      <c r="I1344" s="113">
        <v>0</v>
      </c>
      <c r="J1344" s="115">
        <v>1</v>
      </c>
      <c r="K1344" s="116" t="s">
        <v>174</v>
      </c>
      <c r="L1344" s="115">
        <v>0</v>
      </c>
      <c r="M1344" s="115">
        <v>0</v>
      </c>
      <c r="N1344" s="115">
        <v>0</v>
      </c>
      <c r="O1344" s="115">
        <v>1</v>
      </c>
      <c r="P1344" s="115">
        <v>1</v>
      </c>
      <c r="Q1344" s="115" t="s">
        <v>400</v>
      </c>
      <c r="R1344" s="115">
        <v>1</v>
      </c>
      <c r="S1344" s="115">
        <v>0</v>
      </c>
      <c r="T1344" s="115">
        <v>0</v>
      </c>
      <c r="U1344" s="119"/>
      <c r="V1344" s="119"/>
      <c r="W1344" s="119"/>
      <c r="X1344" s="119"/>
      <c r="Y1344" s="119"/>
      <c r="Z1344" s="119"/>
      <c r="AA1344" s="119"/>
      <c r="AB1344" s="119"/>
      <c r="AC1344" s="119"/>
      <c r="AD1344" s="119"/>
      <c r="AE1344" s="119"/>
      <c r="AF1344" s="119"/>
      <c r="AG1344" s="119"/>
      <c r="AH1344" s="119"/>
      <c r="AI1344" s="119"/>
      <c r="AJ1344" s="119"/>
      <c r="AK1344" s="119"/>
      <c r="AL1344" s="119"/>
      <c r="AM1344" s="119"/>
      <c r="AN1344" s="119"/>
      <c r="AO1344" s="119"/>
      <c r="AP1344" s="119"/>
      <c r="AQ1344" s="119"/>
      <c r="AR1344" s="119"/>
      <c r="AS1344" s="119"/>
      <c r="AT1344" s="119"/>
      <c r="AU1344" s="119"/>
      <c r="AV1344" s="119"/>
      <c r="AW1344" s="119"/>
      <c r="AX1344" s="119"/>
      <c r="AY1344" s="119"/>
      <c r="AZ1344" s="119"/>
      <c r="BA1344" s="119"/>
      <c r="BB1344" s="107">
        <v>45884</v>
      </c>
    </row>
    <row r="1345" spans="1:54" s="207" customFormat="1" ht="13.95" customHeight="1" x14ac:dyDescent="0.25">
      <c r="A1345" s="208" t="s">
        <v>3270</v>
      </c>
      <c r="B1345" s="209" t="s">
        <v>20420</v>
      </c>
      <c r="C1345" s="113" t="s">
        <v>3271</v>
      </c>
      <c r="D1345" s="113" t="s">
        <v>3272</v>
      </c>
      <c r="E1345" s="210">
        <v>1987</v>
      </c>
      <c r="F1345" s="210">
        <v>1341</v>
      </c>
      <c r="G1345" s="113" t="s">
        <v>1</v>
      </c>
      <c r="H1345" s="113">
        <v>0</v>
      </c>
      <c r="I1345" s="113">
        <v>0</v>
      </c>
      <c r="J1345" s="115">
        <v>1</v>
      </c>
      <c r="K1345" s="116" t="s">
        <v>174</v>
      </c>
      <c r="L1345" s="115">
        <v>0</v>
      </c>
      <c r="M1345" s="115">
        <v>1</v>
      </c>
      <c r="N1345" s="115">
        <v>0</v>
      </c>
      <c r="O1345" s="115">
        <v>1</v>
      </c>
      <c r="P1345" s="115" t="s">
        <v>400</v>
      </c>
      <c r="Q1345" s="115" t="s">
        <v>400</v>
      </c>
      <c r="R1345" s="115">
        <v>1</v>
      </c>
      <c r="S1345" s="115">
        <v>0</v>
      </c>
      <c r="T1345" s="115">
        <v>0</v>
      </c>
      <c r="U1345" s="119"/>
      <c r="V1345" s="119"/>
      <c r="W1345" s="119"/>
      <c r="X1345" s="119"/>
      <c r="Y1345" s="119"/>
      <c r="Z1345" s="119"/>
      <c r="AA1345" s="119"/>
      <c r="AB1345" s="119"/>
      <c r="AC1345" s="119"/>
      <c r="AD1345" s="119"/>
      <c r="AE1345" s="119"/>
      <c r="AF1345" s="119"/>
      <c r="AG1345" s="119"/>
      <c r="AH1345" s="119"/>
      <c r="AI1345" s="119"/>
      <c r="AJ1345" s="119"/>
      <c r="AK1345" s="119"/>
      <c r="AL1345" s="119"/>
      <c r="AM1345" s="119"/>
      <c r="AN1345" s="119"/>
      <c r="AO1345" s="119"/>
      <c r="AP1345" s="119"/>
      <c r="AQ1345" s="119"/>
      <c r="AR1345" s="119"/>
      <c r="AS1345" s="119"/>
      <c r="AT1345" s="119"/>
      <c r="AU1345" s="119"/>
      <c r="AV1345" s="119"/>
      <c r="AW1345" s="119"/>
      <c r="AX1345" s="119"/>
      <c r="AY1345" s="119"/>
      <c r="AZ1345" s="119"/>
      <c r="BA1345" s="119"/>
      <c r="BB1345" s="107">
        <v>45884</v>
      </c>
    </row>
    <row r="1346" spans="1:54" s="207" customFormat="1" ht="13.95" customHeight="1" x14ac:dyDescent="0.25">
      <c r="A1346" s="208" t="s">
        <v>3273</v>
      </c>
      <c r="B1346" s="209" t="s">
        <v>20420</v>
      </c>
      <c r="C1346" s="113" t="s">
        <v>3274</v>
      </c>
      <c r="D1346" s="113" t="s">
        <v>23200</v>
      </c>
      <c r="E1346" s="210">
        <v>1976</v>
      </c>
      <c r="F1346" s="210">
        <v>1341</v>
      </c>
      <c r="G1346" s="113" t="s">
        <v>1</v>
      </c>
      <c r="H1346" s="113">
        <v>0</v>
      </c>
      <c r="I1346" s="113">
        <v>0</v>
      </c>
      <c r="J1346" s="115">
        <v>1</v>
      </c>
      <c r="K1346" s="116" t="s">
        <v>174</v>
      </c>
      <c r="L1346" s="115">
        <v>0</v>
      </c>
      <c r="M1346" s="115">
        <v>0</v>
      </c>
      <c r="N1346" s="115">
        <v>1</v>
      </c>
      <c r="O1346" s="115">
        <v>1</v>
      </c>
      <c r="P1346" s="115">
        <v>1</v>
      </c>
      <c r="Q1346" s="115" t="s">
        <v>400</v>
      </c>
      <c r="R1346" s="115">
        <v>0</v>
      </c>
      <c r="S1346" s="115">
        <v>0</v>
      </c>
      <c r="T1346" s="115">
        <v>0</v>
      </c>
      <c r="U1346" s="119"/>
      <c r="V1346" s="119"/>
      <c r="W1346" s="119"/>
      <c r="X1346" s="119"/>
      <c r="Y1346" s="119"/>
      <c r="Z1346" s="119"/>
      <c r="AA1346" s="119"/>
      <c r="AB1346" s="119"/>
      <c r="AC1346" s="119"/>
      <c r="AD1346" s="119"/>
      <c r="AE1346" s="119"/>
      <c r="AF1346" s="119"/>
      <c r="AG1346" s="119"/>
      <c r="AH1346" s="119"/>
      <c r="AI1346" s="119"/>
      <c r="AJ1346" s="119"/>
      <c r="AK1346" s="119"/>
      <c r="AL1346" s="119"/>
      <c r="AM1346" s="119"/>
      <c r="AN1346" s="119"/>
      <c r="AO1346" s="119"/>
      <c r="AP1346" s="119"/>
      <c r="AQ1346" s="119"/>
      <c r="AR1346" s="119"/>
      <c r="AS1346" s="119"/>
      <c r="AT1346" s="119"/>
      <c r="AU1346" s="119"/>
      <c r="AV1346" s="119"/>
      <c r="AW1346" s="119"/>
      <c r="AX1346" s="119"/>
      <c r="AY1346" s="119"/>
      <c r="AZ1346" s="119"/>
      <c r="BA1346" s="119"/>
      <c r="BB1346" s="107">
        <v>45884</v>
      </c>
    </row>
    <row r="1347" spans="1:54" s="207" customFormat="1" ht="13.95" customHeight="1" x14ac:dyDescent="0.25">
      <c r="A1347" s="208" t="s">
        <v>3275</v>
      </c>
      <c r="B1347" s="209" t="s">
        <v>20420</v>
      </c>
      <c r="C1347" s="113" t="s">
        <v>3276</v>
      </c>
      <c r="D1347" s="113" t="s">
        <v>3277</v>
      </c>
      <c r="E1347" s="210">
        <v>1949</v>
      </c>
      <c r="F1347" s="210">
        <v>1342</v>
      </c>
      <c r="G1347" s="113" t="s">
        <v>1</v>
      </c>
      <c r="H1347" s="113">
        <v>0</v>
      </c>
      <c r="I1347" s="113">
        <v>0</v>
      </c>
      <c r="J1347" s="115">
        <v>0</v>
      </c>
      <c r="K1347" s="116" t="s">
        <v>174</v>
      </c>
      <c r="L1347" s="115">
        <v>1</v>
      </c>
      <c r="M1347" s="115">
        <v>0</v>
      </c>
      <c r="N1347" s="115">
        <v>0</v>
      </c>
      <c r="O1347" s="115">
        <v>0</v>
      </c>
      <c r="P1347" s="115" t="s">
        <v>400</v>
      </c>
      <c r="Q1347" s="115" t="s">
        <v>400</v>
      </c>
      <c r="R1347" s="115">
        <v>0</v>
      </c>
      <c r="S1347" s="115">
        <v>0</v>
      </c>
      <c r="T1347" s="115">
        <v>0</v>
      </c>
      <c r="U1347" s="119"/>
      <c r="V1347" s="119"/>
      <c r="W1347" s="119"/>
      <c r="X1347" s="119"/>
      <c r="Y1347" s="119"/>
      <c r="Z1347" s="119"/>
      <c r="AA1347" s="119"/>
      <c r="AB1347" s="119"/>
      <c r="AC1347" s="119"/>
      <c r="AD1347" s="119"/>
      <c r="AE1347" s="119"/>
      <c r="AF1347" s="119"/>
      <c r="AG1347" s="119"/>
      <c r="AH1347" s="119"/>
      <c r="AI1347" s="119"/>
      <c r="AJ1347" s="119"/>
      <c r="AK1347" s="119"/>
      <c r="AL1347" s="119"/>
      <c r="AM1347" s="119"/>
      <c r="AN1347" s="119"/>
      <c r="AO1347" s="119"/>
      <c r="AP1347" s="119"/>
      <c r="AQ1347" s="119"/>
      <c r="AR1347" s="119"/>
      <c r="AS1347" s="119"/>
      <c r="AT1347" s="119"/>
      <c r="AU1347" s="119"/>
      <c r="AV1347" s="119"/>
      <c r="AW1347" s="119"/>
      <c r="AX1347" s="119"/>
      <c r="AY1347" s="119"/>
      <c r="AZ1347" s="119"/>
      <c r="BA1347" s="119"/>
      <c r="BB1347" s="107">
        <v>45884</v>
      </c>
    </row>
    <row r="1348" spans="1:54" s="207" customFormat="1" ht="13.95" customHeight="1" x14ac:dyDescent="0.25">
      <c r="A1348" s="208" t="s">
        <v>3278</v>
      </c>
      <c r="B1348" s="209" t="s">
        <v>20420</v>
      </c>
      <c r="C1348" s="113" t="s">
        <v>3279</v>
      </c>
      <c r="D1348" s="113" t="s">
        <v>3280</v>
      </c>
      <c r="E1348" s="210">
        <v>1974</v>
      </c>
      <c r="F1348" s="210">
        <v>1342</v>
      </c>
      <c r="G1348" s="113" t="s">
        <v>1</v>
      </c>
      <c r="H1348" s="113">
        <v>0</v>
      </c>
      <c r="I1348" s="113">
        <v>0</v>
      </c>
      <c r="J1348" s="115">
        <v>1</v>
      </c>
      <c r="K1348" s="116" t="s">
        <v>174</v>
      </c>
      <c r="L1348" s="115">
        <v>1</v>
      </c>
      <c r="M1348" s="115">
        <v>0</v>
      </c>
      <c r="N1348" s="115">
        <v>1</v>
      </c>
      <c r="O1348" s="115">
        <v>1</v>
      </c>
      <c r="P1348" s="115">
        <v>1</v>
      </c>
      <c r="Q1348" s="115">
        <v>1</v>
      </c>
      <c r="R1348" s="115">
        <v>1</v>
      </c>
      <c r="S1348" s="115">
        <v>0</v>
      </c>
      <c r="T1348" s="115">
        <v>0</v>
      </c>
      <c r="U1348" s="119"/>
      <c r="V1348" s="119"/>
      <c r="W1348" s="119"/>
      <c r="X1348" s="119"/>
      <c r="Y1348" s="119"/>
      <c r="Z1348" s="119"/>
      <c r="AA1348" s="119"/>
      <c r="AB1348" s="119"/>
      <c r="AC1348" s="119"/>
      <c r="AD1348" s="119"/>
      <c r="AE1348" s="119"/>
      <c r="AF1348" s="119"/>
      <c r="AG1348" s="119"/>
      <c r="AH1348" s="119"/>
      <c r="AI1348" s="119"/>
      <c r="AJ1348" s="119"/>
      <c r="AK1348" s="119"/>
      <c r="AL1348" s="119"/>
      <c r="AM1348" s="119"/>
      <c r="AN1348" s="119"/>
      <c r="AO1348" s="119"/>
      <c r="AP1348" s="119"/>
      <c r="AQ1348" s="119"/>
      <c r="AR1348" s="119"/>
      <c r="AS1348" s="119"/>
      <c r="AT1348" s="119"/>
      <c r="AU1348" s="119"/>
      <c r="AV1348" s="119"/>
      <c r="AW1348" s="119"/>
      <c r="AX1348" s="119"/>
      <c r="AY1348" s="119"/>
      <c r="AZ1348" s="119"/>
      <c r="BA1348" s="119"/>
      <c r="BB1348" s="107">
        <v>45884</v>
      </c>
    </row>
    <row r="1349" spans="1:54" s="207" customFormat="1" ht="13.95" customHeight="1" x14ac:dyDescent="0.25">
      <c r="A1349" s="208" t="s">
        <v>3281</v>
      </c>
      <c r="B1349" s="209" t="s">
        <v>20420</v>
      </c>
      <c r="C1349" s="113" t="s">
        <v>3282</v>
      </c>
      <c r="D1349" s="113" t="s">
        <v>23201</v>
      </c>
      <c r="E1349" s="210">
        <v>1975</v>
      </c>
      <c r="F1349" s="210">
        <v>1344</v>
      </c>
      <c r="G1349" s="113" t="s">
        <v>1</v>
      </c>
      <c r="H1349" s="113">
        <v>0</v>
      </c>
      <c r="I1349" s="113">
        <v>0</v>
      </c>
      <c r="J1349" s="115">
        <v>1</v>
      </c>
      <c r="K1349" s="211">
        <v>1</v>
      </c>
      <c r="L1349" s="115">
        <v>1</v>
      </c>
      <c r="M1349" s="115">
        <v>0</v>
      </c>
      <c r="N1349" s="115">
        <v>0</v>
      </c>
      <c r="O1349" s="115">
        <v>1</v>
      </c>
      <c r="P1349" s="115">
        <v>1</v>
      </c>
      <c r="Q1349" s="115" t="s">
        <v>400</v>
      </c>
      <c r="R1349" s="115">
        <v>1</v>
      </c>
      <c r="S1349" s="115">
        <v>0</v>
      </c>
      <c r="T1349" s="115">
        <v>0</v>
      </c>
      <c r="U1349" s="119"/>
      <c r="V1349" s="119"/>
      <c r="W1349" s="119"/>
      <c r="X1349" s="119"/>
      <c r="Y1349" s="119"/>
      <c r="Z1349" s="119"/>
      <c r="AA1349" s="119"/>
      <c r="AB1349" s="119"/>
      <c r="AC1349" s="119"/>
      <c r="AD1349" s="119"/>
      <c r="AE1349" s="119"/>
      <c r="AF1349" s="119"/>
      <c r="AG1349" s="119"/>
      <c r="AH1349" s="119"/>
      <c r="AI1349" s="119"/>
      <c r="AJ1349" s="119"/>
      <c r="AK1349" s="119"/>
      <c r="AL1349" s="119"/>
      <c r="AM1349" s="119"/>
      <c r="AN1349" s="119"/>
      <c r="AO1349" s="119"/>
      <c r="AP1349" s="119"/>
      <c r="AQ1349" s="119"/>
      <c r="AR1349" s="119"/>
      <c r="AS1349" s="119"/>
      <c r="AT1349" s="119"/>
      <c r="AU1349" s="119"/>
      <c r="AV1349" s="119"/>
      <c r="AW1349" s="119"/>
      <c r="AX1349" s="119"/>
      <c r="AY1349" s="119"/>
      <c r="AZ1349" s="119"/>
      <c r="BA1349" s="119"/>
      <c r="BB1349" s="107">
        <v>45884</v>
      </c>
    </row>
    <row r="1350" spans="1:54" s="207" customFormat="1" ht="13.95" customHeight="1" x14ac:dyDescent="0.25">
      <c r="A1350" s="208" t="s">
        <v>3283</v>
      </c>
      <c r="B1350" s="209" t="s">
        <v>20420</v>
      </c>
      <c r="C1350" s="113" t="s">
        <v>3284</v>
      </c>
      <c r="D1350" s="113" t="s">
        <v>3285</v>
      </c>
      <c r="E1350" s="210">
        <v>1986</v>
      </c>
      <c r="F1350" s="210">
        <v>1350</v>
      </c>
      <c r="G1350" s="113" t="s">
        <v>1</v>
      </c>
      <c r="H1350" s="113">
        <v>0</v>
      </c>
      <c r="I1350" s="113">
        <v>0</v>
      </c>
      <c r="J1350" s="115">
        <v>1</v>
      </c>
      <c r="K1350" s="116" t="s">
        <v>174</v>
      </c>
      <c r="L1350" s="115">
        <v>1</v>
      </c>
      <c r="M1350" s="115">
        <v>0</v>
      </c>
      <c r="N1350" s="115">
        <v>0</v>
      </c>
      <c r="O1350" s="115">
        <v>1</v>
      </c>
      <c r="P1350" s="115">
        <v>1</v>
      </c>
      <c r="Q1350" s="115" t="s">
        <v>400</v>
      </c>
      <c r="R1350" s="115">
        <v>1</v>
      </c>
      <c r="S1350" s="115">
        <v>0</v>
      </c>
      <c r="T1350" s="115">
        <v>0</v>
      </c>
      <c r="U1350" s="119"/>
      <c r="V1350" s="119"/>
      <c r="W1350" s="119"/>
      <c r="X1350" s="119"/>
      <c r="Y1350" s="119"/>
      <c r="Z1350" s="119"/>
      <c r="AA1350" s="119"/>
      <c r="AB1350" s="119"/>
      <c r="AC1350" s="119"/>
      <c r="AD1350" s="119"/>
      <c r="AE1350" s="119"/>
      <c r="AF1350" s="119"/>
      <c r="AG1350" s="119"/>
      <c r="AH1350" s="119"/>
      <c r="AI1350" s="119"/>
      <c r="AJ1350" s="119"/>
      <c r="AK1350" s="119"/>
      <c r="AL1350" s="119"/>
      <c r="AM1350" s="119"/>
      <c r="AN1350" s="119"/>
      <c r="AO1350" s="119"/>
      <c r="AP1350" s="119"/>
      <c r="AQ1350" s="119"/>
      <c r="AR1350" s="119"/>
      <c r="AS1350" s="119"/>
      <c r="AT1350" s="119"/>
      <c r="AU1350" s="119"/>
      <c r="AV1350" s="119"/>
      <c r="AW1350" s="119"/>
      <c r="AX1350" s="119"/>
      <c r="AY1350" s="119"/>
      <c r="AZ1350" s="119"/>
      <c r="BA1350" s="119"/>
      <c r="BB1350" s="107">
        <v>45884</v>
      </c>
    </row>
    <row r="1351" spans="1:54" s="207" customFormat="1" ht="13.95" customHeight="1" x14ac:dyDescent="0.25">
      <c r="A1351" s="208" t="s">
        <v>3286</v>
      </c>
      <c r="B1351" s="209" t="s">
        <v>20420</v>
      </c>
      <c r="C1351" s="113" t="s">
        <v>3287</v>
      </c>
      <c r="D1351" s="113" t="s">
        <v>3288</v>
      </c>
      <c r="E1351" s="210">
        <v>1966</v>
      </c>
      <c r="F1351" s="210">
        <v>1353</v>
      </c>
      <c r="G1351" s="113" t="s">
        <v>1</v>
      </c>
      <c r="H1351" s="113">
        <v>0</v>
      </c>
      <c r="I1351" s="113">
        <v>0</v>
      </c>
      <c r="J1351" s="115">
        <v>1</v>
      </c>
      <c r="K1351" s="116" t="s">
        <v>174</v>
      </c>
      <c r="L1351" s="115">
        <v>0</v>
      </c>
      <c r="M1351" s="115">
        <v>0</v>
      </c>
      <c r="N1351" s="115">
        <v>0</v>
      </c>
      <c r="O1351" s="115">
        <v>1</v>
      </c>
      <c r="P1351" s="115">
        <v>1</v>
      </c>
      <c r="Q1351" s="115" t="s">
        <v>400</v>
      </c>
      <c r="R1351" s="115">
        <v>1</v>
      </c>
      <c r="S1351" s="115">
        <v>0</v>
      </c>
      <c r="T1351" s="115">
        <v>0</v>
      </c>
      <c r="U1351" s="119"/>
      <c r="V1351" s="119"/>
      <c r="W1351" s="119"/>
      <c r="X1351" s="119"/>
      <c r="Y1351" s="119"/>
      <c r="Z1351" s="119"/>
      <c r="AA1351" s="119"/>
      <c r="AB1351" s="119"/>
      <c r="AC1351" s="119"/>
      <c r="AD1351" s="119"/>
      <c r="AE1351" s="119"/>
      <c r="AF1351" s="119"/>
      <c r="AG1351" s="119"/>
      <c r="AH1351" s="119"/>
      <c r="AI1351" s="119"/>
      <c r="AJ1351" s="119"/>
      <c r="AK1351" s="119"/>
      <c r="AL1351" s="119"/>
      <c r="AM1351" s="119"/>
      <c r="AN1351" s="119"/>
      <c r="AO1351" s="119"/>
      <c r="AP1351" s="119"/>
      <c r="AQ1351" s="119"/>
      <c r="AR1351" s="119"/>
      <c r="AS1351" s="119"/>
      <c r="AT1351" s="119"/>
      <c r="AU1351" s="119"/>
      <c r="AV1351" s="119"/>
      <c r="AW1351" s="119"/>
      <c r="AX1351" s="119"/>
      <c r="AY1351" s="119"/>
      <c r="AZ1351" s="119"/>
      <c r="BA1351" s="119"/>
      <c r="BB1351" s="107">
        <v>45884</v>
      </c>
    </row>
    <row r="1352" spans="1:54" s="207" customFormat="1" ht="13.95" customHeight="1" x14ac:dyDescent="0.25">
      <c r="A1352" s="208" t="s">
        <v>3289</v>
      </c>
      <c r="B1352" s="209" t="s">
        <v>20420</v>
      </c>
      <c r="C1352" s="113" t="s">
        <v>3290</v>
      </c>
      <c r="D1352" s="113" t="s">
        <v>23202</v>
      </c>
      <c r="E1352" s="210">
        <v>1990</v>
      </c>
      <c r="F1352" s="210">
        <v>1354</v>
      </c>
      <c r="G1352" s="113" t="s">
        <v>1</v>
      </c>
      <c r="H1352" s="113">
        <v>0</v>
      </c>
      <c r="I1352" s="113">
        <v>0</v>
      </c>
      <c r="J1352" s="115">
        <v>1</v>
      </c>
      <c r="K1352" s="116" t="s">
        <v>174</v>
      </c>
      <c r="L1352" s="115">
        <v>1</v>
      </c>
      <c r="M1352" s="115">
        <v>0</v>
      </c>
      <c r="N1352" s="115">
        <v>0</v>
      </c>
      <c r="O1352" s="115">
        <v>1</v>
      </c>
      <c r="P1352" s="115">
        <v>1</v>
      </c>
      <c r="Q1352" s="115" t="s">
        <v>400</v>
      </c>
      <c r="R1352" s="115">
        <v>1</v>
      </c>
      <c r="S1352" s="115">
        <v>0</v>
      </c>
      <c r="T1352" s="115">
        <v>0</v>
      </c>
      <c r="U1352" s="119"/>
      <c r="V1352" s="119"/>
      <c r="W1352" s="119"/>
      <c r="X1352" s="119"/>
      <c r="Y1352" s="119"/>
      <c r="Z1352" s="119"/>
      <c r="AA1352" s="119"/>
      <c r="AB1352" s="119"/>
      <c r="AC1352" s="119"/>
      <c r="AD1352" s="119"/>
      <c r="AE1352" s="119"/>
      <c r="AF1352" s="119"/>
      <c r="AG1352" s="119"/>
      <c r="AH1352" s="119"/>
      <c r="AI1352" s="119"/>
      <c r="AJ1352" s="119"/>
      <c r="AK1352" s="119"/>
      <c r="AL1352" s="119"/>
      <c r="AM1352" s="119"/>
      <c r="AN1352" s="119"/>
      <c r="AO1352" s="119"/>
      <c r="AP1352" s="119"/>
      <c r="AQ1352" s="119"/>
      <c r="AR1352" s="119"/>
      <c r="AS1352" s="119"/>
      <c r="AT1352" s="119"/>
      <c r="AU1352" s="119"/>
      <c r="AV1352" s="119"/>
      <c r="AW1352" s="119"/>
      <c r="AX1352" s="119"/>
      <c r="AY1352" s="119"/>
      <c r="AZ1352" s="119"/>
      <c r="BA1352" s="119"/>
      <c r="BB1352" s="107">
        <v>45884</v>
      </c>
    </row>
    <row r="1353" spans="1:54" s="207" customFormat="1" ht="13.95" customHeight="1" x14ac:dyDescent="0.25">
      <c r="A1353" s="208" t="s">
        <v>3291</v>
      </c>
      <c r="B1353" s="209" t="s">
        <v>20420</v>
      </c>
      <c r="C1353" s="113" t="s">
        <v>3292</v>
      </c>
      <c r="D1353" s="113" t="s">
        <v>3293</v>
      </c>
      <c r="E1353" s="210">
        <v>1956</v>
      </c>
      <c r="F1353" s="210">
        <v>1354</v>
      </c>
      <c r="G1353" s="113" t="s">
        <v>1</v>
      </c>
      <c r="H1353" s="113">
        <v>0</v>
      </c>
      <c r="I1353" s="113">
        <v>0</v>
      </c>
      <c r="J1353" s="115">
        <v>0</v>
      </c>
      <c r="K1353" s="116" t="s">
        <v>174</v>
      </c>
      <c r="L1353" s="115">
        <v>0</v>
      </c>
      <c r="M1353" s="115">
        <v>0</v>
      </c>
      <c r="N1353" s="115">
        <v>0</v>
      </c>
      <c r="O1353" s="115">
        <v>0</v>
      </c>
      <c r="P1353" s="115" t="s">
        <v>400</v>
      </c>
      <c r="Q1353" s="115" t="s">
        <v>400</v>
      </c>
      <c r="R1353" s="115">
        <v>0</v>
      </c>
      <c r="S1353" s="115">
        <v>0</v>
      </c>
      <c r="T1353" s="115">
        <v>0</v>
      </c>
      <c r="U1353" s="119"/>
      <c r="V1353" s="119"/>
      <c r="W1353" s="119"/>
      <c r="X1353" s="119"/>
      <c r="Y1353" s="119"/>
      <c r="Z1353" s="119"/>
      <c r="AA1353" s="119"/>
      <c r="AB1353" s="119"/>
      <c r="AC1353" s="119"/>
      <c r="AD1353" s="119"/>
      <c r="AE1353" s="119"/>
      <c r="AF1353" s="122">
        <v>1</v>
      </c>
      <c r="AG1353" s="119"/>
      <c r="AH1353" s="119"/>
      <c r="AI1353" s="119"/>
      <c r="AJ1353" s="119"/>
      <c r="AK1353" s="119"/>
      <c r="AL1353" s="119"/>
      <c r="AM1353" s="119"/>
      <c r="AN1353" s="119"/>
      <c r="AO1353" s="119"/>
      <c r="AP1353" s="119"/>
      <c r="AQ1353" s="119"/>
      <c r="AR1353" s="119"/>
      <c r="AS1353" s="119"/>
      <c r="AT1353" s="119"/>
      <c r="AU1353" s="119"/>
      <c r="AV1353" s="119"/>
      <c r="AW1353" s="119"/>
      <c r="AX1353" s="119"/>
      <c r="AY1353" s="119"/>
      <c r="AZ1353" s="123" t="s">
        <v>23203</v>
      </c>
      <c r="BA1353" s="122" t="s">
        <v>19478</v>
      </c>
      <c r="BB1353" s="107">
        <v>45884</v>
      </c>
    </row>
    <row r="1354" spans="1:54" s="207" customFormat="1" ht="13.95" customHeight="1" x14ac:dyDescent="0.25">
      <c r="A1354" s="208" t="s">
        <v>3294</v>
      </c>
      <c r="B1354" s="209" t="s">
        <v>20420</v>
      </c>
      <c r="C1354" s="113" t="s">
        <v>3295</v>
      </c>
      <c r="D1354" s="113" t="s">
        <v>23204</v>
      </c>
      <c r="E1354" s="210">
        <v>1959</v>
      </c>
      <c r="F1354" s="210">
        <v>1355</v>
      </c>
      <c r="G1354" s="113" t="s">
        <v>1</v>
      </c>
      <c r="H1354" s="113">
        <v>0</v>
      </c>
      <c r="I1354" s="113">
        <v>0</v>
      </c>
      <c r="J1354" s="115">
        <v>1</v>
      </c>
      <c r="K1354" s="116" t="s">
        <v>174</v>
      </c>
      <c r="L1354" s="115">
        <v>1</v>
      </c>
      <c r="M1354" s="115">
        <v>0</v>
      </c>
      <c r="N1354" s="115">
        <v>0</v>
      </c>
      <c r="O1354" s="115">
        <v>1</v>
      </c>
      <c r="P1354" s="115">
        <v>1</v>
      </c>
      <c r="Q1354" s="115" t="s">
        <v>400</v>
      </c>
      <c r="R1354" s="115">
        <v>1</v>
      </c>
      <c r="S1354" s="115">
        <v>0</v>
      </c>
      <c r="T1354" s="115">
        <v>0</v>
      </c>
      <c r="U1354" s="119"/>
      <c r="V1354" s="119"/>
      <c r="W1354" s="119"/>
      <c r="X1354" s="119"/>
      <c r="Y1354" s="119"/>
      <c r="Z1354" s="119"/>
      <c r="AA1354" s="119"/>
      <c r="AB1354" s="119"/>
      <c r="AC1354" s="119"/>
      <c r="AD1354" s="119"/>
      <c r="AE1354" s="119"/>
      <c r="AF1354" s="119"/>
      <c r="AG1354" s="119"/>
      <c r="AH1354" s="119"/>
      <c r="AI1354" s="119"/>
      <c r="AJ1354" s="119"/>
      <c r="AK1354" s="119"/>
      <c r="AL1354" s="119"/>
      <c r="AM1354" s="119"/>
      <c r="AN1354" s="119"/>
      <c r="AO1354" s="119"/>
      <c r="AP1354" s="119"/>
      <c r="AQ1354" s="119"/>
      <c r="AR1354" s="119"/>
      <c r="AS1354" s="119"/>
      <c r="AT1354" s="119"/>
      <c r="AU1354" s="119"/>
      <c r="AV1354" s="119"/>
      <c r="AW1354" s="119"/>
      <c r="AX1354" s="119"/>
      <c r="AY1354" s="119"/>
      <c r="AZ1354" s="119"/>
      <c r="BA1354" s="119"/>
      <c r="BB1354" s="107">
        <v>45884</v>
      </c>
    </row>
    <row r="1355" spans="1:54" s="207" customFormat="1" ht="13.95" customHeight="1" x14ac:dyDescent="0.25">
      <c r="A1355" s="208" t="s">
        <v>3296</v>
      </c>
      <c r="B1355" s="209" t="s">
        <v>20420</v>
      </c>
      <c r="C1355" s="113" t="s">
        <v>3297</v>
      </c>
      <c r="D1355" s="113" t="s">
        <v>3298</v>
      </c>
      <c r="E1355" s="210">
        <v>1987</v>
      </c>
      <c r="F1355" s="210">
        <v>1359</v>
      </c>
      <c r="G1355" s="113" t="s">
        <v>1</v>
      </c>
      <c r="H1355" s="113">
        <v>0</v>
      </c>
      <c r="I1355" s="113">
        <v>0</v>
      </c>
      <c r="J1355" s="115">
        <v>1</v>
      </c>
      <c r="K1355" s="116" t="s">
        <v>174</v>
      </c>
      <c r="L1355" s="115">
        <v>0</v>
      </c>
      <c r="M1355" s="115">
        <v>1</v>
      </c>
      <c r="N1355" s="115">
        <v>0</v>
      </c>
      <c r="O1355" s="115">
        <v>1</v>
      </c>
      <c r="P1355" s="115" t="s">
        <v>400</v>
      </c>
      <c r="Q1355" s="115" t="s">
        <v>400</v>
      </c>
      <c r="R1355" s="115">
        <v>1</v>
      </c>
      <c r="S1355" s="115">
        <v>0</v>
      </c>
      <c r="T1355" s="115">
        <v>0</v>
      </c>
      <c r="U1355" s="119"/>
      <c r="V1355" s="119"/>
      <c r="W1355" s="119"/>
      <c r="X1355" s="119"/>
      <c r="Y1355" s="119"/>
      <c r="Z1355" s="119"/>
      <c r="AA1355" s="119"/>
      <c r="AB1355" s="119"/>
      <c r="AC1355" s="119"/>
      <c r="AD1355" s="119"/>
      <c r="AE1355" s="119"/>
      <c r="AF1355" s="119"/>
      <c r="AG1355" s="119"/>
      <c r="AH1355" s="119"/>
      <c r="AI1355" s="119"/>
      <c r="AJ1355" s="119"/>
      <c r="AK1355" s="119"/>
      <c r="AL1355" s="119"/>
      <c r="AM1355" s="119"/>
      <c r="AN1355" s="119"/>
      <c r="AO1355" s="119"/>
      <c r="AP1355" s="119"/>
      <c r="AQ1355" s="119"/>
      <c r="AR1355" s="119"/>
      <c r="AS1355" s="119"/>
      <c r="AT1355" s="119"/>
      <c r="AU1355" s="119"/>
      <c r="AV1355" s="119"/>
      <c r="AW1355" s="119"/>
      <c r="AX1355" s="119"/>
      <c r="AY1355" s="119"/>
      <c r="AZ1355" s="119"/>
      <c r="BA1355" s="119"/>
      <c r="BB1355" s="107">
        <v>45884</v>
      </c>
    </row>
    <row r="1356" spans="1:54" s="207" customFormat="1" ht="13.95" customHeight="1" x14ac:dyDescent="0.25">
      <c r="A1356" s="208" t="s">
        <v>3299</v>
      </c>
      <c r="B1356" s="209" t="s">
        <v>20420</v>
      </c>
      <c r="C1356" s="113" t="s">
        <v>3300</v>
      </c>
      <c r="D1356" s="113" t="s">
        <v>23205</v>
      </c>
      <c r="E1356" s="210">
        <v>1973</v>
      </c>
      <c r="F1356" s="210">
        <v>1359</v>
      </c>
      <c r="G1356" s="113" t="s">
        <v>1</v>
      </c>
      <c r="H1356" s="113">
        <v>0</v>
      </c>
      <c r="I1356" s="113">
        <v>0</v>
      </c>
      <c r="J1356" s="115">
        <v>1</v>
      </c>
      <c r="K1356" s="116" t="s">
        <v>174</v>
      </c>
      <c r="L1356" s="115">
        <v>1</v>
      </c>
      <c r="M1356" s="115">
        <v>0</v>
      </c>
      <c r="N1356" s="115">
        <v>1</v>
      </c>
      <c r="O1356" s="115">
        <v>0</v>
      </c>
      <c r="P1356" s="115">
        <v>1</v>
      </c>
      <c r="Q1356" s="115" t="s">
        <v>400</v>
      </c>
      <c r="R1356" s="115">
        <v>0</v>
      </c>
      <c r="S1356" s="115">
        <v>0</v>
      </c>
      <c r="T1356" s="115">
        <v>0</v>
      </c>
      <c r="U1356" s="119"/>
      <c r="V1356" s="119"/>
      <c r="W1356" s="119"/>
      <c r="X1356" s="119"/>
      <c r="Y1356" s="119"/>
      <c r="Z1356" s="119"/>
      <c r="AA1356" s="119"/>
      <c r="AB1356" s="119"/>
      <c r="AC1356" s="119"/>
      <c r="AD1356" s="119"/>
      <c r="AE1356" s="119"/>
      <c r="AF1356" s="119"/>
      <c r="AG1356" s="119"/>
      <c r="AH1356" s="119"/>
      <c r="AI1356" s="119"/>
      <c r="AJ1356" s="119"/>
      <c r="AK1356" s="119"/>
      <c r="AL1356" s="119"/>
      <c r="AM1356" s="119"/>
      <c r="AN1356" s="119"/>
      <c r="AO1356" s="119"/>
      <c r="AP1356" s="119"/>
      <c r="AQ1356" s="119"/>
      <c r="AR1356" s="119"/>
      <c r="AS1356" s="119"/>
      <c r="AT1356" s="119"/>
      <c r="AU1356" s="119"/>
      <c r="AV1356" s="119"/>
      <c r="AW1356" s="119"/>
      <c r="AX1356" s="119"/>
      <c r="AY1356" s="119"/>
      <c r="AZ1356" s="119"/>
      <c r="BA1356" s="119"/>
      <c r="BB1356" s="107">
        <v>45884</v>
      </c>
    </row>
    <row r="1357" spans="1:54" s="207" customFormat="1" ht="13.95" customHeight="1" x14ac:dyDescent="0.25">
      <c r="A1357" s="208" t="s">
        <v>3301</v>
      </c>
      <c r="B1357" s="209" t="s">
        <v>20420</v>
      </c>
      <c r="C1357" s="113" t="s">
        <v>3302</v>
      </c>
      <c r="D1357" s="113" t="s">
        <v>3303</v>
      </c>
      <c r="E1357" s="210">
        <v>1953</v>
      </c>
      <c r="F1357" s="210">
        <v>1362</v>
      </c>
      <c r="G1357" s="113" t="s">
        <v>1</v>
      </c>
      <c r="H1357" s="113">
        <v>0</v>
      </c>
      <c r="I1357" s="113">
        <v>0</v>
      </c>
      <c r="J1357" s="115">
        <v>1</v>
      </c>
      <c r="K1357" s="116" t="s">
        <v>174</v>
      </c>
      <c r="L1357" s="115">
        <v>1</v>
      </c>
      <c r="M1357" s="212">
        <v>1</v>
      </c>
      <c r="N1357" s="212">
        <v>1</v>
      </c>
      <c r="O1357" s="212">
        <v>0</v>
      </c>
      <c r="P1357" s="212">
        <v>0</v>
      </c>
      <c r="Q1357" s="115" t="s">
        <v>400</v>
      </c>
      <c r="R1357" s="115">
        <v>1</v>
      </c>
      <c r="S1357" s="115">
        <v>0</v>
      </c>
      <c r="T1357" s="115">
        <v>0</v>
      </c>
      <c r="U1357" s="119"/>
      <c r="V1357" s="119"/>
      <c r="W1357" s="119"/>
      <c r="X1357" s="119"/>
      <c r="Y1357" s="119"/>
      <c r="Z1357" s="119"/>
      <c r="AA1357" s="119"/>
      <c r="AB1357" s="119"/>
      <c r="AC1357" s="119"/>
      <c r="AD1357" s="119"/>
      <c r="AE1357" s="119"/>
      <c r="AF1357" s="119"/>
      <c r="AG1357" s="119"/>
      <c r="AH1357" s="119"/>
      <c r="AI1357" s="119"/>
      <c r="AJ1357" s="119"/>
      <c r="AK1357" s="119"/>
      <c r="AL1357" s="119"/>
      <c r="AM1357" s="119"/>
      <c r="AN1357" s="119"/>
      <c r="AO1357" s="119"/>
      <c r="AP1357" s="119"/>
      <c r="AQ1357" s="119"/>
      <c r="AR1357" s="119"/>
      <c r="AS1357" s="119"/>
      <c r="AT1357" s="119"/>
      <c r="AU1357" s="119"/>
      <c r="AV1357" s="119"/>
      <c r="AW1357" s="119"/>
      <c r="AX1357" s="119"/>
      <c r="AY1357" s="119"/>
      <c r="AZ1357" s="119"/>
      <c r="BA1357" s="119"/>
      <c r="BB1357" s="107">
        <v>45884</v>
      </c>
    </row>
    <row r="1358" spans="1:54" s="207" customFormat="1" ht="13.95" customHeight="1" x14ac:dyDescent="0.25">
      <c r="A1358" s="208" t="s">
        <v>3304</v>
      </c>
      <c r="B1358" s="209" t="s">
        <v>20420</v>
      </c>
      <c r="C1358" s="113" t="s">
        <v>3305</v>
      </c>
      <c r="D1358" s="113" t="s">
        <v>23206</v>
      </c>
      <c r="E1358" s="210">
        <v>1976</v>
      </c>
      <c r="F1358" s="210">
        <v>1365</v>
      </c>
      <c r="G1358" s="113" t="s">
        <v>1</v>
      </c>
      <c r="H1358" s="113">
        <v>0</v>
      </c>
      <c r="I1358" s="113">
        <v>0</v>
      </c>
      <c r="J1358" s="115">
        <v>1</v>
      </c>
      <c r="K1358" s="116" t="s">
        <v>174</v>
      </c>
      <c r="L1358" s="115">
        <v>0</v>
      </c>
      <c r="M1358" s="115">
        <v>1</v>
      </c>
      <c r="N1358" s="115">
        <v>1</v>
      </c>
      <c r="O1358" s="115">
        <v>0</v>
      </c>
      <c r="P1358" s="115" t="s">
        <v>400</v>
      </c>
      <c r="Q1358" s="115" t="s">
        <v>400</v>
      </c>
      <c r="R1358" s="115">
        <v>0</v>
      </c>
      <c r="S1358" s="115">
        <v>0</v>
      </c>
      <c r="T1358" s="115">
        <v>0</v>
      </c>
      <c r="U1358" s="119"/>
      <c r="V1358" s="119"/>
      <c r="W1358" s="119"/>
      <c r="X1358" s="119"/>
      <c r="Y1358" s="119"/>
      <c r="Z1358" s="119"/>
      <c r="AA1358" s="119"/>
      <c r="AB1358" s="119"/>
      <c r="AC1358" s="119"/>
      <c r="AD1358" s="119"/>
      <c r="AE1358" s="119"/>
      <c r="AF1358" s="119"/>
      <c r="AG1358" s="119"/>
      <c r="AH1358" s="119"/>
      <c r="AI1358" s="119"/>
      <c r="AJ1358" s="119"/>
      <c r="AK1358" s="119"/>
      <c r="AL1358" s="119"/>
      <c r="AM1358" s="119"/>
      <c r="AN1358" s="119"/>
      <c r="AO1358" s="119"/>
      <c r="AP1358" s="119"/>
      <c r="AQ1358" s="119"/>
      <c r="AR1358" s="119"/>
      <c r="AS1358" s="119"/>
      <c r="AT1358" s="119"/>
      <c r="AU1358" s="119"/>
      <c r="AV1358" s="119"/>
      <c r="AW1358" s="119"/>
      <c r="AX1358" s="119"/>
      <c r="AY1358" s="119"/>
      <c r="AZ1358" s="119"/>
      <c r="BA1358" s="119"/>
      <c r="BB1358" s="107">
        <v>45884</v>
      </c>
    </row>
    <row r="1359" spans="1:54" s="207" customFormat="1" ht="13.95" customHeight="1" x14ac:dyDescent="0.25">
      <c r="A1359" s="208" t="s">
        <v>3306</v>
      </c>
      <c r="B1359" s="209" t="s">
        <v>20420</v>
      </c>
      <c r="C1359" s="113" t="s">
        <v>3307</v>
      </c>
      <c r="D1359" s="113" t="s">
        <v>23207</v>
      </c>
      <c r="E1359" s="210">
        <v>1988</v>
      </c>
      <c r="F1359" s="210">
        <v>1365</v>
      </c>
      <c r="G1359" s="113" t="s">
        <v>1</v>
      </c>
      <c r="H1359" s="113">
        <v>0</v>
      </c>
      <c r="I1359" s="113">
        <v>0</v>
      </c>
      <c r="J1359" s="115">
        <v>1</v>
      </c>
      <c r="K1359" s="116" t="s">
        <v>174</v>
      </c>
      <c r="L1359" s="115">
        <v>1</v>
      </c>
      <c r="M1359" s="115">
        <v>0</v>
      </c>
      <c r="N1359" s="115">
        <v>0</v>
      </c>
      <c r="O1359" s="115">
        <v>0</v>
      </c>
      <c r="P1359" s="115">
        <v>1</v>
      </c>
      <c r="Q1359" s="115" t="s">
        <v>400</v>
      </c>
      <c r="R1359" s="115">
        <v>1</v>
      </c>
      <c r="S1359" s="115">
        <v>0</v>
      </c>
      <c r="T1359" s="115">
        <v>0</v>
      </c>
      <c r="U1359" s="119"/>
      <c r="V1359" s="119"/>
      <c r="W1359" s="119"/>
      <c r="X1359" s="119"/>
      <c r="Y1359" s="119"/>
      <c r="Z1359" s="119"/>
      <c r="AA1359" s="119"/>
      <c r="AB1359" s="119"/>
      <c r="AC1359" s="119"/>
      <c r="AD1359" s="119"/>
      <c r="AE1359" s="119"/>
      <c r="AF1359" s="119"/>
      <c r="AG1359" s="119"/>
      <c r="AH1359" s="119"/>
      <c r="AI1359" s="119"/>
      <c r="AJ1359" s="119"/>
      <c r="AK1359" s="119"/>
      <c r="AL1359" s="119"/>
      <c r="AM1359" s="119"/>
      <c r="AN1359" s="119"/>
      <c r="AO1359" s="119"/>
      <c r="AP1359" s="119"/>
      <c r="AQ1359" s="119"/>
      <c r="AR1359" s="119"/>
      <c r="AS1359" s="119"/>
      <c r="AT1359" s="119"/>
      <c r="AU1359" s="119"/>
      <c r="AV1359" s="119"/>
      <c r="AW1359" s="119"/>
      <c r="AX1359" s="119"/>
      <c r="AY1359" s="119"/>
      <c r="AZ1359" s="119"/>
      <c r="BA1359" s="119"/>
      <c r="BB1359" s="107">
        <v>45884</v>
      </c>
    </row>
    <row r="1360" spans="1:54" s="207" customFormat="1" ht="13.95" customHeight="1" x14ac:dyDescent="0.25">
      <c r="A1360" s="208" t="s">
        <v>3308</v>
      </c>
      <c r="B1360" s="209" t="s">
        <v>20420</v>
      </c>
      <c r="C1360" s="113" t="s">
        <v>3309</v>
      </c>
      <c r="D1360" s="113" t="s">
        <v>23208</v>
      </c>
      <c r="E1360" s="210">
        <v>1988</v>
      </c>
      <c r="F1360" s="210">
        <v>1368</v>
      </c>
      <c r="G1360" s="113" t="s">
        <v>1</v>
      </c>
      <c r="H1360" s="113">
        <v>0</v>
      </c>
      <c r="I1360" s="113">
        <v>0</v>
      </c>
      <c r="J1360" s="115">
        <v>1</v>
      </c>
      <c r="K1360" s="116" t="s">
        <v>174</v>
      </c>
      <c r="L1360" s="115">
        <v>1</v>
      </c>
      <c r="M1360" s="115">
        <v>0</v>
      </c>
      <c r="N1360" s="115">
        <v>0</v>
      </c>
      <c r="O1360" s="115">
        <v>1</v>
      </c>
      <c r="P1360" s="115">
        <v>1</v>
      </c>
      <c r="Q1360" s="115" t="s">
        <v>400</v>
      </c>
      <c r="R1360" s="115">
        <v>1</v>
      </c>
      <c r="S1360" s="115">
        <v>0</v>
      </c>
      <c r="T1360" s="115">
        <v>0</v>
      </c>
      <c r="U1360" s="119"/>
      <c r="V1360" s="119"/>
      <c r="W1360" s="119"/>
      <c r="X1360" s="119"/>
      <c r="Y1360" s="119"/>
      <c r="Z1360" s="119"/>
      <c r="AA1360" s="119"/>
      <c r="AB1360" s="119"/>
      <c r="AC1360" s="119"/>
      <c r="AD1360" s="119"/>
      <c r="AE1360" s="119"/>
      <c r="AF1360" s="119"/>
      <c r="AG1360" s="119"/>
      <c r="AH1360" s="119"/>
      <c r="AI1360" s="119"/>
      <c r="AJ1360" s="119"/>
      <c r="AK1360" s="119"/>
      <c r="AL1360" s="119"/>
      <c r="AM1360" s="119"/>
      <c r="AN1360" s="119"/>
      <c r="AO1360" s="119"/>
      <c r="AP1360" s="119"/>
      <c r="AQ1360" s="119"/>
      <c r="AR1360" s="119"/>
      <c r="AS1360" s="119"/>
      <c r="AT1360" s="119"/>
      <c r="AU1360" s="119"/>
      <c r="AV1360" s="119"/>
      <c r="AW1360" s="119"/>
      <c r="AX1360" s="119"/>
      <c r="AY1360" s="119"/>
      <c r="AZ1360" s="119"/>
      <c r="BA1360" s="119"/>
      <c r="BB1360" s="107">
        <v>45884</v>
      </c>
    </row>
    <row r="1361" spans="1:54" s="207" customFormat="1" ht="13.95" customHeight="1" x14ac:dyDescent="0.25">
      <c r="A1361" s="208" t="s">
        <v>3310</v>
      </c>
      <c r="B1361" s="209" t="s">
        <v>20420</v>
      </c>
      <c r="C1361" s="113" t="s">
        <v>3311</v>
      </c>
      <c r="D1361" s="113" t="s">
        <v>3312</v>
      </c>
      <c r="E1361" s="210">
        <v>1988</v>
      </c>
      <c r="F1361" s="210">
        <v>1376</v>
      </c>
      <c r="G1361" s="113" t="s">
        <v>1</v>
      </c>
      <c r="H1361" s="113">
        <v>0</v>
      </c>
      <c r="I1361" s="113">
        <v>0</v>
      </c>
      <c r="J1361" s="115">
        <v>1</v>
      </c>
      <c r="K1361" s="116" t="s">
        <v>174</v>
      </c>
      <c r="L1361" s="115">
        <v>1</v>
      </c>
      <c r="M1361" s="115">
        <v>0</v>
      </c>
      <c r="N1361" s="115">
        <v>0</v>
      </c>
      <c r="O1361" s="115">
        <v>1</v>
      </c>
      <c r="P1361" s="115">
        <v>1</v>
      </c>
      <c r="Q1361" s="115" t="s">
        <v>400</v>
      </c>
      <c r="R1361" s="115">
        <v>1</v>
      </c>
      <c r="S1361" s="115">
        <v>0</v>
      </c>
      <c r="T1361" s="115">
        <v>0</v>
      </c>
      <c r="U1361" s="119"/>
      <c r="V1361" s="119"/>
      <c r="W1361" s="119"/>
      <c r="X1361" s="119"/>
      <c r="Y1361" s="119"/>
      <c r="Z1361" s="119"/>
      <c r="AA1361" s="119"/>
      <c r="AB1361" s="119"/>
      <c r="AC1361" s="119"/>
      <c r="AD1361" s="119"/>
      <c r="AE1361" s="119"/>
      <c r="AF1361" s="119"/>
      <c r="AG1361" s="119"/>
      <c r="AH1361" s="119"/>
      <c r="AI1361" s="119"/>
      <c r="AJ1361" s="119"/>
      <c r="AK1361" s="119"/>
      <c r="AL1361" s="119"/>
      <c r="AM1361" s="119"/>
      <c r="AN1361" s="119"/>
      <c r="AO1361" s="119"/>
      <c r="AP1361" s="119"/>
      <c r="AQ1361" s="119"/>
      <c r="AR1361" s="119"/>
      <c r="AS1361" s="119"/>
      <c r="AT1361" s="119"/>
      <c r="AU1361" s="119"/>
      <c r="AV1361" s="119"/>
      <c r="AW1361" s="119"/>
      <c r="AX1361" s="119"/>
      <c r="AY1361" s="119"/>
      <c r="AZ1361" s="119"/>
      <c r="BA1361" s="119"/>
      <c r="BB1361" s="107">
        <v>45884</v>
      </c>
    </row>
    <row r="1362" spans="1:54" s="207" customFormat="1" ht="13.95" customHeight="1" x14ac:dyDescent="0.25">
      <c r="A1362" s="208" t="s">
        <v>3313</v>
      </c>
      <c r="B1362" s="209" t="s">
        <v>20420</v>
      </c>
      <c r="C1362" s="113" t="s">
        <v>3314</v>
      </c>
      <c r="D1362" s="113" t="s">
        <v>23209</v>
      </c>
      <c r="E1362" s="210">
        <v>1975</v>
      </c>
      <c r="F1362" s="210">
        <v>1381</v>
      </c>
      <c r="G1362" s="113" t="s">
        <v>1</v>
      </c>
      <c r="H1362" s="113">
        <v>0</v>
      </c>
      <c r="I1362" s="113">
        <v>0</v>
      </c>
      <c r="J1362" s="115">
        <v>1</v>
      </c>
      <c r="K1362" s="116" t="s">
        <v>174</v>
      </c>
      <c r="L1362" s="115">
        <v>0</v>
      </c>
      <c r="M1362" s="120">
        <v>0</v>
      </c>
      <c r="N1362" s="115">
        <v>0</v>
      </c>
      <c r="O1362" s="115">
        <v>1</v>
      </c>
      <c r="P1362" s="115" t="s">
        <v>400</v>
      </c>
      <c r="Q1362" s="115" t="s">
        <v>400</v>
      </c>
      <c r="R1362" s="115">
        <v>1</v>
      </c>
      <c r="S1362" s="115">
        <v>0</v>
      </c>
      <c r="T1362" s="115">
        <v>0</v>
      </c>
      <c r="U1362" s="119"/>
      <c r="V1362" s="119"/>
      <c r="W1362" s="119"/>
      <c r="X1362" s="119"/>
      <c r="Y1362" s="119"/>
      <c r="Z1362" s="119"/>
      <c r="AA1362" s="119"/>
      <c r="AB1362" s="119"/>
      <c r="AC1362" s="119"/>
      <c r="AD1362" s="119"/>
      <c r="AE1362" s="119"/>
      <c r="AF1362" s="119"/>
      <c r="AG1362" s="119"/>
      <c r="AH1362" s="119"/>
      <c r="AI1362" s="119"/>
      <c r="AJ1362" s="119"/>
      <c r="AK1362" s="119"/>
      <c r="AL1362" s="119"/>
      <c r="AM1362" s="119"/>
      <c r="AN1362" s="119"/>
      <c r="AO1362" s="119"/>
      <c r="AP1362" s="119"/>
      <c r="AQ1362" s="119"/>
      <c r="AR1362" s="119"/>
      <c r="AS1362" s="119"/>
      <c r="AT1362" s="119"/>
      <c r="AU1362" s="119"/>
      <c r="AV1362" s="119"/>
      <c r="AW1362" s="119"/>
      <c r="AX1362" s="119"/>
      <c r="AY1362" s="119"/>
      <c r="AZ1362" s="119"/>
      <c r="BA1362" s="119"/>
      <c r="BB1362" s="107">
        <v>45884</v>
      </c>
    </row>
    <row r="1363" spans="1:54" s="207" customFormat="1" ht="13.95" customHeight="1" x14ac:dyDescent="0.25">
      <c r="A1363" s="208" t="s">
        <v>3315</v>
      </c>
      <c r="B1363" s="209" t="s">
        <v>20420</v>
      </c>
      <c r="C1363" s="113" t="s">
        <v>3316</v>
      </c>
      <c r="D1363" s="113" t="s">
        <v>23158</v>
      </c>
      <c r="E1363" s="210">
        <v>1974</v>
      </c>
      <c r="F1363" s="210">
        <v>1382</v>
      </c>
      <c r="G1363" s="113" t="s">
        <v>1</v>
      </c>
      <c r="H1363" s="113">
        <v>1</v>
      </c>
      <c r="I1363" s="113">
        <v>0</v>
      </c>
      <c r="J1363" s="115">
        <v>1</v>
      </c>
      <c r="K1363" s="116" t="s">
        <v>174</v>
      </c>
      <c r="L1363" s="115">
        <v>0</v>
      </c>
      <c r="M1363" s="115">
        <v>0</v>
      </c>
      <c r="N1363" s="115">
        <v>1</v>
      </c>
      <c r="O1363" s="115">
        <v>0</v>
      </c>
      <c r="P1363" s="115" t="s">
        <v>400</v>
      </c>
      <c r="Q1363" s="115" t="s">
        <v>400</v>
      </c>
      <c r="R1363" s="115">
        <v>0</v>
      </c>
      <c r="S1363" s="115">
        <v>0</v>
      </c>
      <c r="T1363" s="115">
        <v>0</v>
      </c>
      <c r="U1363" s="119"/>
      <c r="V1363" s="119"/>
      <c r="W1363" s="119"/>
      <c r="X1363" s="119"/>
      <c r="Y1363" s="119"/>
      <c r="Z1363" s="119"/>
      <c r="AA1363" s="119"/>
      <c r="AB1363" s="119"/>
      <c r="AC1363" s="119"/>
      <c r="AD1363" s="119"/>
      <c r="AE1363" s="119"/>
      <c r="AF1363" s="119"/>
      <c r="AG1363" s="119"/>
      <c r="AH1363" s="119"/>
      <c r="AI1363" s="119"/>
      <c r="AJ1363" s="119"/>
      <c r="AK1363" s="119"/>
      <c r="AL1363" s="119"/>
      <c r="AM1363" s="119"/>
      <c r="AN1363" s="119"/>
      <c r="AO1363" s="119"/>
      <c r="AP1363" s="119"/>
      <c r="AQ1363" s="119"/>
      <c r="AR1363" s="119"/>
      <c r="AS1363" s="119"/>
      <c r="AT1363" s="119"/>
      <c r="AU1363" s="119"/>
      <c r="AV1363" s="119"/>
      <c r="AW1363" s="119"/>
      <c r="AX1363" s="119"/>
      <c r="AY1363" s="119"/>
      <c r="AZ1363" s="119"/>
      <c r="BA1363" s="119"/>
      <c r="BB1363" s="107">
        <v>45884</v>
      </c>
    </row>
    <row r="1364" spans="1:54" s="207" customFormat="1" ht="13.95" customHeight="1" x14ac:dyDescent="0.25">
      <c r="A1364" s="208" t="s">
        <v>3317</v>
      </c>
      <c r="B1364" s="209" t="s">
        <v>20420</v>
      </c>
      <c r="C1364" s="113" t="s">
        <v>3318</v>
      </c>
      <c r="D1364" s="113" t="s">
        <v>23210</v>
      </c>
      <c r="E1364" s="210">
        <v>1984</v>
      </c>
      <c r="F1364" s="210">
        <v>1384</v>
      </c>
      <c r="G1364" s="113" t="s">
        <v>1</v>
      </c>
      <c r="H1364" s="113">
        <v>0</v>
      </c>
      <c r="I1364" s="113">
        <v>0</v>
      </c>
      <c r="J1364" s="115">
        <v>1</v>
      </c>
      <c r="K1364" s="116" t="s">
        <v>174</v>
      </c>
      <c r="L1364" s="115">
        <v>1</v>
      </c>
      <c r="M1364" s="115">
        <v>0</v>
      </c>
      <c r="N1364" s="115">
        <v>1</v>
      </c>
      <c r="O1364" s="115">
        <v>1</v>
      </c>
      <c r="P1364" s="115">
        <v>1</v>
      </c>
      <c r="Q1364" s="115" t="s">
        <v>400</v>
      </c>
      <c r="R1364" s="115">
        <v>1</v>
      </c>
      <c r="S1364" s="115">
        <v>0</v>
      </c>
      <c r="T1364" s="115">
        <v>0</v>
      </c>
      <c r="U1364" s="119"/>
      <c r="V1364" s="119"/>
      <c r="W1364" s="119"/>
      <c r="X1364" s="119"/>
      <c r="Y1364" s="119"/>
      <c r="Z1364" s="119"/>
      <c r="AA1364" s="119"/>
      <c r="AB1364" s="119"/>
      <c r="AC1364" s="119"/>
      <c r="AD1364" s="119"/>
      <c r="AE1364" s="119"/>
      <c r="AF1364" s="119"/>
      <c r="AG1364" s="119"/>
      <c r="AH1364" s="119"/>
      <c r="AI1364" s="119"/>
      <c r="AJ1364" s="119"/>
      <c r="AK1364" s="119"/>
      <c r="AL1364" s="119"/>
      <c r="AM1364" s="119"/>
      <c r="AN1364" s="119"/>
      <c r="AO1364" s="119"/>
      <c r="AP1364" s="119"/>
      <c r="AQ1364" s="119"/>
      <c r="AR1364" s="119"/>
      <c r="AS1364" s="119"/>
      <c r="AT1364" s="119"/>
      <c r="AU1364" s="119"/>
      <c r="AV1364" s="119"/>
      <c r="AW1364" s="119"/>
      <c r="AX1364" s="119"/>
      <c r="AY1364" s="119"/>
      <c r="AZ1364" s="119"/>
      <c r="BA1364" s="119"/>
      <c r="BB1364" s="107">
        <v>45884</v>
      </c>
    </row>
    <row r="1365" spans="1:54" s="207" customFormat="1" ht="13.95" customHeight="1" x14ac:dyDescent="0.25">
      <c r="A1365" s="208" t="s">
        <v>3319</v>
      </c>
      <c r="B1365" s="209" t="s">
        <v>20420</v>
      </c>
      <c r="C1365" s="113" t="s">
        <v>3320</v>
      </c>
      <c r="D1365" s="113" t="s">
        <v>23211</v>
      </c>
      <c r="E1365" s="210">
        <v>2009</v>
      </c>
      <c r="F1365" s="210">
        <v>1385</v>
      </c>
      <c r="G1365" s="113" t="s">
        <v>1</v>
      </c>
      <c r="H1365" s="113">
        <v>0</v>
      </c>
      <c r="I1365" s="113">
        <v>0</v>
      </c>
      <c r="J1365" s="115">
        <v>1</v>
      </c>
      <c r="K1365" s="116" t="s">
        <v>174</v>
      </c>
      <c r="L1365" s="115">
        <v>1</v>
      </c>
      <c r="M1365" s="115">
        <v>1</v>
      </c>
      <c r="N1365" s="115">
        <v>0</v>
      </c>
      <c r="O1365" s="115">
        <v>1</v>
      </c>
      <c r="P1365" s="115" t="s">
        <v>400</v>
      </c>
      <c r="Q1365" s="115" t="s">
        <v>400</v>
      </c>
      <c r="R1365" s="115">
        <v>0</v>
      </c>
      <c r="S1365" s="115">
        <v>0</v>
      </c>
      <c r="T1365" s="115">
        <v>0</v>
      </c>
      <c r="U1365" s="119"/>
      <c r="V1365" s="119"/>
      <c r="W1365" s="119"/>
      <c r="X1365" s="119"/>
      <c r="Y1365" s="119"/>
      <c r="Z1365" s="119"/>
      <c r="AA1365" s="119"/>
      <c r="AB1365" s="119"/>
      <c r="AC1365" s="119"/>
      <c r="AD1365" s="119"/>
      <c r="AE1365" s="119"/>
      <c r="AF1365" s="119"/>
      <c r="AG1365" s="119"/>
      <c r="AH1365" s="119"/>
      <c r="AI1365" s="119"/>
      <c r="AJ1365" s="119"/>
      <c r="AK1365" s="119"/>
      <c r="AL1365" s="119"/>
      <c r="AM1365" s="119"/>
      <c r="AN1365" s="119"/>
      <c r="AO1365" s="119"/>
      <c r="AP1365" s="119"/>
      <c r="AQ1365" s="119"/>
      <c r="AR1365" s="119"/>
      <c r="AS1365" s="119"/>
      <c r="AT1365" s="119"/>
      <c r="AU1365" s="119"/>
      <c r="AV1365" s="119"/>
      <c r="AW1365" s="119"/>
      <c r="AX1365" s="119"/>
      <c r="AY1365" s="119"/>
      <c r="AZ1365" s="119"/>
      <c r="BA1365" s="119"/>
      <c r="BB1365" s="107">
        <v>45884</v>
      </c>
    </row>
    <row r="1366" spans="1:54" s="207" customFormat="1" ht="13.95" customHeight="1" x14ac:dyDescent="0.25">
      <c r="A1366" s="208" t="s">
        <v>3321</v>
      </c>
      <c r="B1366" s="209" t="s">
        <v>20420</v>
      </c>
      <c r="C1366" s="113" t="s">
        <v>3322</v>
      </c>
      <c r="D1366" s="113" t="s">
        <v>23212</v>
      </c>
      <c r="E1366" s="210">
        <v>1996</v>
      </c>
      <c r="F1366" s="210">
        <v>1386</v>
      </c>
      <c r="G1366" s="113" t="s">
        <v>1</v>
      </c>
      <c r="H1366" s="113">
        <v>0</v>
      </c>
      <c r="I1366" s="113">
        <v>0</v>
      </c>
      <c r="J1366" s="115">
        <v>1</v>
      </c>
      <c r="K1366" s="116" t="s">
        <v>174</v>
      </c>
      <c r="L1366" s="115">
        <v>1</v>
      </c>
      <c r="M1366" s="115">
        <v>0</v>
      </c>
      <c r="N1366" s="115">
        <v>0</v>
      </c>
      <c r="O1366" s="115">
        <v>1</v>
      </c>
      <c r="P1366" s="115">
        <v>1</v>
      </c>
      <c r="Q1366" s="115" t="s">
        <v>400</v>
      </c>
      <c r="R1366" s="115">
        <v>0</v>
      </c>
      <c r="S1366" s="115">
        <v>0</v>
      </c>
      <c r="T1366" s="115">
        <v>0</v>
      </c>
      <c r="U1366" s="119"/>
      <c r="V1366" s="119"/>
      <c r="W1366" s="119"/>
      <c r="X1366" s="119"/>
      <c r="Y1366" s="119"/>
      <c r="Z1366" s="119"/>
      <c r="AA1366" s="119"/>
      <c r="AB1366" s="119"/>
      <c r="AC1366" s="119"/>
      <c r="AD1366" s="119"/>
      <c r="AE1366" s="119"/>
      <c r="AF1366" s="119"/>
      <c r="AG1366" s="119"/>
      <c r="AH1366" s="119"/>
      <c r="AI1366" s="119"/>
      <c r="AJ1366" s="119"/>
      <c r="AK1366" s="119"/>
      <c r="AL1366" s="119"/>
      <c r="AM1366" s="119"/>
      <c r="AN1366" s="119"/>
      <c r="AO1366" s="119"/>
      <c r="AP1366" s="119"/>
      <c r="AQ1366" s="119"/>
      <c r="AR1366" s="119"/>
      <c r="AS1366" s="119"/>
      <c r="AT1366" s="119"/>
      <c r="AU1366" s="119"/>
      <c r="AV1366" s="119"/>
      <c r="AW1366" s="119"/>
      <c r="AX1366" s="119"/>
      <c r="AY1366" s="119"/>
      <c r="AZ1366" s="119"/>
      <c r="BA1366" s="119"/>
      <c r="BB1366" s="107">
        <v>45884</v>
      </c>
    </row>
    <row r="1367" spans="1:54" s="207" customFormat="1" ht="13.95" customHeight="1" x14ac:dyDescent="0.25">
      <c r="A1367" s="208" t="s">
        <v>3323</v>
      </c>
      <c r="B1367" s="209" t="s">
        <v>20420</v>
      </c>
      <c r="C1367" s="113" t="s">
        <v>3324</v>
      </c>
      <c r="D1367" s="113" t="s">
        <v>23213</v>
      </c>
      <c r="E1367" s="210">
        <v>1990</v>
      </c>
      <c r="F1367" s="210">
        <v>1387</v>
      </c>
      <c r="G1367" s="113" t="s">
        <v>1</v>
      </c>
      <c r="H1367" s="113">
        <v>0</v>
      </c>
      <c r="I1367" s="113">
        <v>0</v>
      </c>
      <c r="J1367" s="115">
        <v>1</v>
      </c>
      <c r="K1367" s="116" t="s">
        <v>174</v>
      </c>
      <c r="L1367" s="115">
        <v>1</v>
      </c>
      <c r="M1367" s="115">
        <v>0</v>
      </c>
      <c r="N1367" s="115">
        <v>1</v>
      </c>
      <c r="O1367" s="115">
        <v>1</v>
      </c>
      <c r="P1367" s="115" t="s">
        <v>400</v>
      </c>
      <c r="Q1367" s="115" t="s">
        <v>400</v>
      </c>
      <c r="R1367" s="115">
        <v>1</v>
      </c>
      <c r="S1367" s="115">
        <v>0</v>
      </c>
      <c r="T1367" s="115">
        <v>0</v>
      </c>
      <c r="U1367" s="119"/>
      <c r="V1367" s="119"/>
      <c r="W1367" s="119"/>
      <c r="X1367" s="119"/>
      <c r="Y1367" s="119"/>
      <c r="Z1367" s="119"/>
      <c r="AA1367" s="119"/>
      <c r="AB1367" s="119"/>
      <c r="AC1367" s="119"/>
      <c r="AD1367" s="119"/>
      <c r="AE1367" s="119"/>
      <c r="AF1367" s="119"/>
      <c r="AG1367" s="119"/>
      <c r="AH1367" s="119"/>
      <c r="AI1367" s="119"/>
      <c r="AJ1367" s="119"/>
      <c r="AK1367" s="119"/>
      <c r="AL1367" s="119"/>
      <c r="AM1367" s="119"/>
      <c r="AN1367" s="119"/>
      <c r="AO1367" s="119"/>
      <c r="AP1367" s="119"/>
      <c r="AQ1367" s="119"/>
      <c r="AR1367" s="119"/>
      <c r="AS1367" s="119"/>
      <c r="AT1367" s="119"/>
      <c r="AU1367" s="119"/>
      <c r="AV1367" s="119"/>
      <c r="AW1367" s="119"/>
      <c r="AX1367" s="119"/>
      <c r="AY1367" s="119"/>
      <c r="AZ1367" s="119"/>
      <c r="BA1367" s="119"/>
      <c r="BB1367" s="107">
        <v>45884</v>
      </c>
    </row>
    <row r="1368" spans="1:54" s="207" customFormat="1" ht="13.95" customHeight="1" x14ac:dyDescent="0.25">
      <c r="A1368" s="208" t="s">
        <v>3325</v>
      </c>
      <c r="B1368" s="209" t="s">
        <v>20420</v>
      </c>
      <c r="C1368" s="113" t="s">
        <v>3326</v>
      </c>
      <c r="D1368" s="113" t="s">
        <v>3327</v>
      </c>
      <c r="E1368" s="210">
        <v>1982</v>
      </c>
      <c r="F1368" s="210">
        <v>1395</v>
      </c>
      <c r="G1368" s="113" t="s">
        <v>1</v>
      </c>
      <c r="H1368" s="113">
        <v>0</v>
      </c>
      <c r="I1368" s="113">
        <v>0</v>
      </c>
      <c r="J1368" s="115">
        <v>1</v>
      </c>
      <c r="K1368" s="116" t="s">
        <v>174</v>
      </c>
      <c r="L1368" s="115">
        <v>1</v>
      </c>
      <c r="M1368" s="115">
        <v>0</v>
      </c>
      <c r="N1368" s="115">
        <v>0</v>
      </c>
      <c r="O1368" s="115">
        <v>1</v>
      </c>
      <c r="P1368" s="115">
        <v>1</v>
      </c>
      <c r="Q1368" s="115" t="s">
        <v>400</v>
      </c>
      <c r="R1368" s="115">
        <v>0</v>
      </c>
      <c r="S1368" s="115">
        <v>0</v>
      </c>
      <c r="T1368" s="115">
        <v>0</v>
      </c>
      <c r="U1368" s="119"/>
      <c r="V1368" s="119"/>
      <c r="W1368" s="119"/>
      <c r="X1368" s="119"/>
      <c r="Y1368" s="119"/>
      <c r="Z1368" s="119"/>
      <c r="AA1368" s="119"/>
      <c r="AB1368" s="119"/>
      <c r="AC1368" s="119"/>
      <c r="AD1368" s="119"/>
      <c r="AE1368" s="119"/>
      <c r="AF1368" s="119"/>
      <c r="AG1368" s="119"/>
      <c r="AH1368" s="119"/>
      <c r="AI1368" s="119"/>
      <c r="AJ1368" s="119"/>
      <c r="AK1368" s="119"/>
      <c r="AL1368" s="119"/>
      <c r="AM1368" s="119"/>
      <c r="AN1368" s="119"/>
      <c r="AO1368" s="119"/>
      <c r="AP1368" s="119"/>
      <c r="AQ1368" s="119"/>
      <c r="AR1368" s="119"/>
      <c r="AS1368" s="119"/>
      <c r="AT1368" s="119"/>
      <c r="AU1368" s="119"/>
      <c r="AV1368" s="119"/>
      <c r="AW1368" s="119"/>
      <c r="AX1368" s="119"/>
      <c r="AY1368" s="119"/>
      <c r="AZ1368" s="119"/>
      <c r="BA1368" s="119"/>
      <c r="BB1368" s="107">
        <v>45884</v>
      </c>
    </row>
    <row r="1369" spans="1:54" s="207" customFormat="1" ht="13.95" customHeight="1" x14ac:dyDescent="0.25">
      <c r="A1369" s="208" t="s">
        <v>3328</v>
      </c>
      <c r="B1369" s="209" t="s">
        <v>20420</v>
      </c>
      <c r="C1369" s="113" t="s">
        <v>3329</v>
      </c>
      <c r="D1369" s="113" t="s">
        <v>23214</v>
      </c>
      <c r="E1369" s="210">
        <v>1965</v>
      </c>
      <c r="F1369" s="210">
        <v>1397</v>
      </c>
      <c r="G1369" s="113" t="s">
        <v>1</v>
      </c>
      <c r="H1369" s="113">
        <v>0</v>
      </c>
      <c r="I1369" s="113">
        <v>0</v>
      </c>
      <c r="J1369" s="115">
        <v>1</v>
      </c>
      <c r="K1369" s="116" t="s">
        <v>174</v>
      </c>
      <c r="L1369" s="115">
        <v>1</v>
      </c>
      <c r="M1369" s="115">
        <v>0</v>
      </c>
      <c r="N1369" s="115">
        <v>0</v>
      </c>
      <c r="O1369" s="115">
        <v>1</v>
      </c>
      <c r="P1369" s="115">
        <v>1</v>
      </c>
      <c r="Q1369" s="115" t="s">
        <v>400</v>
      </c>
      <c r="R1369" s="115">
        <v>1</v>
      </c>
      <c r="S1369" s="115">
        <v>0</v>
      </c>
      <c r="T1369" s="115">
        <v>0</v>
      </c>
      <c r="U1369" s="119"/>
      <c r="V1369" s="119"/>
      <c r="W1369" s="119"/>
      <c r="X1369" s="119"/>
      <c r="Y1369" s="119"/>
      <c r="Z1369" s="119"/>
      <c r="AA1369" s="119"/>
      <c r="AB1369" s="119"/>
      <c r="AC1369" s="119"/>
      <c r="AD1369" s="119"/>
      <c r="AE1369" s="119"/>
      <c r="AF1369" s="119"/>
      <c r="AG1369" s="119"/>
      <c r="AH1369" s="119"/>
      <c r="AI1369" s="119"/>
      <c r="AJ1369" s="119"/>
      <c r="AK1369" s="119"/>
      <c r="AL1369" s="119"/>
      <c r="AM1369" s="119"/>
      <c r="AN1369" s="119"/>
      <c r="AO1369" s="119"/>
      <c r="AP1369" s="119"/>
      <c r="AQ1369" s="119"/>
      <c r="AR1369" s="119"/>
      <c r="AS1369" s="119"/>
      <c r="AT1369" s="119"/>
      <c r="AU1369" s="119"/>
      <c r="AV1369" s="119"/>
      <c r="AW1369" s="119"/>
      <c r="AX1369" s="119"/>
      <c r="AY1369" s="119"/>
      <c r="AZ1369" s="119"/>
      <c r="BA1369" s="119"/>
      <c r="BB1369" s="107">
        <v>45884</v>
      </c>
    </row>
    <row r="1370" spans="1:54" s="207" customFormat="1" ht="13.95" customHeight="1" x14ac:dyDescent="0.25">
      <c r="A1370" s="208" t="s">
        <v>3330</v>
      </c>
      <c r="B1370" s="209" t="s">
        <v>20420</v>
      </c>
      <c r="C1370" s="113" t="s">
        <v>3331</v>
      </c>
      <c r="D1370" s="113" t="s">
        <v>23215</v>
      </c>
      <c r="E1370" s="210">
        <v>1988</v>
      </c>
      <c r="F1370" s="210">
        <v>1401</v>
      </c>
      <c r="G1370" s="113" t="s">
        <v>1</v>
      </c>
      <c r="H1370" s="113">
        <v>0</v>
      </c>
      <c r="I1370" s="113">
        <v>0</v>
      </c>
      <c r="J1370" s="115">
        <v>1</v>
      </c>
      <c r="K1370" s="116" t="s">
        <v>174</v>
      </c>
      <c r="L1370" s="115">
        <v>1</v>
      </c>
      <c r="M1370" s="115">
        <v>0</v>
      </c>
      <c r="N1370" s="115">
        <v>0</v>
      </c>
      <c r="O1370" s="115">
        <v>1</v>
      </c>
      <c r="P1370" s="115">
        <v>1</v>
      </c>
      <c r="Q1370" s="115" t="s">
        <v>400</v>
      </c>
      <c r="R1370" s="115">
        <v>0</v>
      </c>
      <c r="S1370" s="115">
        <v>0</v>
      </c>
      <c r="T1370" s="115">
        <v>0</v>
      </c>
      <c r="U1370" s="119"/>
      <c r="V1370" s="119"/>
      <c r="W1370" s="119"/>
      <c r="X1370" s="119"/>
      <c r="Y1370" s="119"/>
      <c r="Z1370" s="119"/>
      <c r="AA1370" s="119"/>
      <c r="AB1370" s="119"/>
      <c r="AC1370" s="119"/>
      <c r="AD1370" s="119"/>
      <c r="AE1370" s="119"/>
      <c r="AF1370" s="119"/>
      <c r="AG1370" s="119"/>
      <c r="AH1370" s="119"/>
      <c r="AI1370" s="119"/>
      <c r="AJ1370" s="119"/>
      <c r="AK1370" s="119"/>
      <c r="AL1370" s="119"/>
      <c r="AM1370" s="119"/>
      <c r="AN1370" s="119"/>
      <c r="AO1370" s="119"/>
      <c r="AP1370" s="119"/>
      <c r="AQ1370" s="119"/>
      <c r="AR1370" s="119"/>
      <c r="AS1370" s="119"/>
      <c r="AT1370" s="119"/>
      <c r="AU1370" s="119"/>
      <c r="AV1370" s="119"/>
      <c r="AW1370" s="119"/>
      <c r="AX1370" s="119"/>
      <c r="AY1370" s="119"/>
      <c r="AZ1370" s="119"/>
      <c r="BA1370" s="119"/>
      <c r="BB1370" s="107">
        <v>45884</v>
      </c>
    </row>
    <row r="1371" spans="1:54" s="207" customFormat="1" ht="13.95" customHeight="1" x14ac:dyDescent="0.25">
      <c r="A1371" s="208" t="s">
        <v>3332</v>
      </c>
      <c r="B1371" s="209" t="s">
        <v>20420</v>
      </c>
      <c r="C1371" s="113" t="s">
        <v>3333</v>
      </c>
      <c r="D1371" s="113" t="s">
        <v>23216</v>
      </c>
      <c r="E1371" s="210">
        <v>1976</v>
      </c>
      <c r="F1371" s="210">
        <v>1402</v>
      </c>
      <c r="G1371" s="113" t="s">
        <v>1</v>
      </c>
      <c r="H1371" s="113">
        <v>0</v>
      </c>
      <c r="I1371" s="113">
        <v>0</v>
      </c>
      <c r="J1371" s="115">
        <v>1</v>
      </c>
      <c r="K1371" s="116" t="s">
        <v>174</v>
      </c>
      <c r="L1371" s="115">
        <v>0</v>
      </c>
      <c r="M1371" s="115">
        <v>0</v>
      </c>
      <c r="N1371" s="115">
        <v>0</v>
      </c>
      <c r="O1371" s="115">
        <v>1</v>
      </c>
      <c r="P1371" s="115">
        <v>1</v>
      </c>
      <c r="Q1371" s="115" t="s">
        <v>400</v>
      </c>
      <c r="R1371" s="115">
        <v>1</v>
      </c>
      <c r="S1371" s="115">
        <v>0</v>
      </c>
      <c r="T1371" s="115">
        <v>0</v>
      </c>
      <c r="U1371" s="119"/>
      <c r="V1371" s="119"/>
      <c r="W1371" s="119"/>
      <c r="X1371" s="119"/>
      <c r="Y1371" s="119"/>
      <c r="Z1371" s="119"/>
      <c r="AA1371" s="119"/>
      <c r="AB1371" s="119"/>
      <c r="AC1371" s="119"/>
      <c r="AD1371" s="119"/>
      <c r="AE1371" s="119"/>
      <c r="AF1371" s="119"/>
      <c r="AG1371" s="119"/>
      <c r="AH1371" s="119"/>
      <c r="AI1371" s="119"/>
      <c r="AJ1371" s="119"/>
      <c r="AK1371" s="119"/>
      <c r="AL1371" s="119"/>
      <c r="AM1371" s="119"/>
      <c r="AN1371" s="119"/>
      <c r="AO1371" s="119"/>
      <c r="AP1371" s="119"/>
      <c r="AQ1371" s="119"/>
      <c r="AR1371" s="119"/>
      <c r="AS1371" s="119"/>
      <c r="AT1371" s="119"/>
      <c r="AU1371" s="119"/>
      <c r="AV1371" s="119"/>
      <c r="AW1371" s="119"/>
      <c r="AX1371" s="119"/>
      <c r="AY1371" s="119"/>
      <c r="AZ1371" s="119"/>
      <c r="BA1371" s="119"/>
      <c r="BB1371" s="107">
        <v>45884</v>
      </c>
    </row>
    <row r="1372" spans="1:54" s="207" customFormat="1" ht="13.95" customHeight="1" x14ac:dyDescent="0.25">
      <c r="A1372" s="208" t="s">
        <v>3334</v>
      </c>
      <c r="B1372" s="209" t="s">
        <v>20420</v>
      </c>
      <c r="C1372" s="113" t="s">
        <v>3335</v>
      </c>
      <c r="D1372" s="113" t="s">
        <v>23217</v>
      </c>
      <c r="E1372" s="210">
        <v>1978</v>
      </c>
      <c r="F1372" s="210">
        <v>1407</v>
      </c>
      <c r="G1372" s="113" t="s">
        <v>1</v>
      </c>
      <c r="H1372" s="113">
        <v>0</v>
      </c>
      <c r="I1372" s="113">
        <v>0</v>
      </c>
      <c r="J1372" s="115">
        <v>1</v>
      </c>
      <c r="K1372" s="116" t="s">
        <v>174</v>
      </c>
      <c r="L1372" s="115">
        <v>1</v>
      </c>
      <c r="M1372" s="115">
        <v>0</v>
      </c>
      <c r="N1372" s="115">
        <v>0</v>
      </c>
      <c r="O1372" s="115">
        <v>1</v>
      </c>
      <c r="P1372" s="115">
        <v>1</v>
      </c>
      <c r="Q1372" s="115" t="s">
        <v>400</v>
      </c>
      <c r="R1372" s="115">
        <v>0</v>
      </c>
      <c r="S1372" s="115">
        <v>0</v>
      </c>
      <c r="T1372" s="115">
        <v>0</v>
      </c>
      <c r="U1372" s="119"/>
      <c r="V1372" s="119"/>
      <c r="W1372" s="119"/>
      <c r="X1372" s="119"/>
      <c r="Y1372" s="119"/>
      <c r="Z1372" s="119"/>
      <c r="AA1372" s="119"/>
      <c r="AB1372" s="119"/>
      <c r="AC1372" s="119"/>
      <c r="AD1372" s="119"/>
      <c r="AE1372" s="119"/>
      <c r="AF1372" s="119"/>
      <c r="AG1372" s="119"/>
      <c r="AH1372" s="119"/>
      <c r="AI1372" s="119"/>
      <c r="AJ1372" s="119"/>
      <c r="AK1372" s="119"/>
      <c r="AL1372" s="119"/>
      <c r="AM1372" s="119"/>
      <c r="AN1372" s="119"/>
      <c r="AO1372" s="119"/>
      <c r="AP1372" s="119"/>
      <c r="AQ1372" s="119"/>
      <c r="AR1372" s="119"/>
      <c r="AS1372" s="119"/>
      <c r="AT1372" s="119"/>
      <c r="AU1372" s="119"/>
      <c r="AV1372" s="119"/>
      <c r="AW1372" s="119"/>
      <c r="AX1372" s="119"/>
      <c r="AY1372" s="119"/>
      <c r="AZ1372" s="119"/>
      <c r="BA1372" s="119"/>
      <c r="BB1372" s="107">
        <v>45884</v>
      </c>
    </row>
    <row r="1373" spans="1:54" s="207" customFormat="1" ht="13.95" customHeight="1" x14ac:dyDescent="0.25">
      <c r="A1373" s="208" t="s">
        <v>3336</v>
      </c>
      <c r="B1373" s="209" t="s">
        <v>20420</v>
      </c>
      <c r="C1373" s="113" t="s">
        <v>3337</v>
      </c>
      <c r="D1373" s="113" t="s">
        <v>23218</v>
      </c>
      <c r="E1373" s="210">
        <v>1973</v>
      </c>
      <c r="F1373" s="210">
        <v>1407</v>
      </c>
      <c r="G1373" s="113" t="s">
        <v>1</v>
      </c>
      <c r="H1373" s="113">
        <v>0</v>
      </c>
      <c r="I1373" s="113">
        <v>0</v>
      </c>
      <c r="J1373" s="115">
        <v>1</v>
      </c>
      <c r="K1373" s="116" t="s">
        <v>174</v>
      </c>
      <c r="L1373" s="115">
        <v>0</v>
      </c>
      <c r="M1373" s="115">
        <v>1</v>
      </c>
      <c r="N1373" s="115">
        <v>1</v>
      </c>
      <c r="O1373" s="115">
        <v>1</v>
      </c>
      <c r="P1373" s="115">
        <v>1</v>
      </c>
      <c r="Q1373" s="115" t="s">
        <v>400</v>
      </c>
      <c r="R1373" s="115">
        <v>1</v>
      </c>
      <c r="S1373" s="115">
        <v>0</v>
      </c>
      <c r="T1373" s="115">
        <v>0</v>
      </c>
      <c r="U1373" s="119"/>
      <c r="V1373" s="119"/>
      <c r="W1373" s="119"/>
      <c r="X1373" s="119"/>
      <c r="Y1373" s="119"/>
      <c r="Z1373" s="119"/>
      <c r="AA1373" s="119"/>
      <c r="AB1373" s="119"/>
      <c r="AC1373" s="119"/>
      <c r="AD1373" s="119"/>
      <c r="AE1373" s="119"/>
      <c r="AF1373" s="119"/>
      <c r="AG1373" s="119"/>
      <c r="AH1373" s="119"/>
      <c r="AI1373" s="119"/>
      <c r="AJ1373" s="119"/>
      <c r="AK1373" s="119"/>
      <c r="AL1373" s="119"/>
      <c r="AM1373" s="119"/>
      <c r="AN1373" s="119"/>
      <c r="AO1373" s="119"/>
      <c r="AP1373" s="119"/>
      <c r="AQ1373" s="119"/>
      <c r="AR1373" s="119"/>
      <c r="AS1373" s="119"/>
      <c r="AT1373" s="119"/>
      <c r="AU1373" s="119"/>
      <c r="AV1373" s="119"/>
      <c r="AW1373" s="119"/>
      <c r="AX1373" s="119"/>
      <c r="AY1373" s="119"/>
      <c r="AZ1373" s="119"/>
      <c r="BA1373" s="119"/>
      <c r="BB1373" s="107">
        <v>45884</v>
      </c>
    </row>
    <row r="1374" spans="1:54" s="207" customFormat="1" ht="13.95" customHeight="1" x14ac:dyDescent="0.25">
      <c r="A1374" s="208" t="s">
        <v>3338</v>
      </c>
      <c r="B1374" s="209" t="s">
        <v>20420</v>
      </c>
      <c r="C1374" s="113" t="s">
        <v>3339</v>
      </c>
      <c r="D1374" s="113" t="s">
        <v>3340</v>
      </c>
      <c r="E1374" s="210">
        <v>1988</v>
      </c>
      <c r="F1374" s="210">
        <v>1414</v>
      </c>
      <c r="G1374" s="113" t="s">
        <v>1</v>
      </c>
      <c r="H1374" s="113">
        <v>0</v>
      </c>
      <c r="I1374" s="113">
        <v>0</v>
      </c>
      <c r="J1374" s="115">
        <v>1</v>
      </c>
      <c r="K1374" s="116" t="s">
        <v>174</v>
      </c>
      <c r="L1374" s="115">
        <v>1</v>
      </c>
      <c r="M1374" s="115">
        <v>1</v>
      </c>
      <c r="N1374" s="115">
        <v>0</v>
      </c>
      <c r="O1374" s="115">
        <v>1</v>
      </c>
      <c r="P1374" s="115" t="s">
        <v>400</v>
      </c>
      <c r="Q1374" s="115" t="s">
        <v>400</v>
      </c>
      <c r="R1374" s="115">
        <v>0</v>
      </c>
      <c r="S1374" s="115">
        <v>0</v>
      </c>
      <c r="T1374" s="115">
        <v>0</v>
      </c>
      <c r="U1374" s="119"/>
      <c r="V1374" s="119"/>
      <c r="W1374" s="119"/>
      <c r="X1374" s="119"/>
      <c r="Y1374" s="119"/>
      <c r="Z1374" s="119"/>
      <c r="AA1374" s="119"/>
      <c r="AB1374" s="119"/>
      <c r="AC1374" s="119"/>
      <c r="AD1374" s="119"/>
      <c r="AE1374" s="119"/>
      <c r="AF1374" s="119"/>
      <c r="AG1374" s="119"/>
      <c r="AH1374" s="119"/>
      <c r="AI1374" s="119"/>
      <c r="AJ1374" s="119"/>
      <c r="AK1374" s="119"/>
      <c r="AL1374" s="119"/>
      <c r="AM1374" s="119"/>
      <c r="AN1374" s="119"/>
      <c r="AO1374" s="119"/>
      <c r="AP1374" s="119"/>
      <c r="AQ1374" s="119"/>
      <c r="AR1374" s="119"/>
      <c r="AS1374" s="119"/>
      <c r="AT1374" s="119"/>
      <c r="AU1374" s="119"/>
      <c r="AV1374" s="119"/>
      <c r="AW1374" s="119"/>
      <c r="AX1374" s="119"/>
      <c r="AY1374" s="119"/>
      <c r="AZ1374" s="119"/>
      <c r="BA1374" s="119"/>
      <c r="BB1374" s="107">
        <v>45884</v>
      </c>
    </row>
    <row r="1375" spans="1:54" s="207" customFormat="1" ht="13.95" customHeight="1" x14ac:dyDescent="0.25">
      <c r="A1375" s="208" t="s">
        <v>3341</v>
      </c>
      <c r="B1375" s="209" t="s">
        <v>20420</v>
      </c>
      <c r="C1375" s="113" t="s">
        <v>3342</v>
      </c>
      <c r="D1375" s="113" t="s">
        <v>3343</v>
      </c>
      <c r="E1375" s="210">
        <v>1984</v>
      </c>
      <c r="F1375" s="210">
        <v>1420</v>
      </c>
      <c r="G1375" s="113" t="s">
        <v>1</v>
      </c>
      <c r="H1375" s="113">
        <v>0</v>
      </c>
      <c r="I1375" s="113">
        <v>0</v>
      </c>
      <c r="J1375" s="115">
        <v>1</v>
      </c>
      <c r="K1375" s="116" t="s">
        <v>174</v>
      </c>
      <c r="L1375" s="115">
        <v>1</v>
      </c>
      <c r="M1375" s="115">
        <v>0</v>
      </c>
      <c r="N1375" s="115">
        <v>0</v>
      </c>
      <c r="O1375" s="115">
        <v>1</v>
      </c>
      <c r="P1375" s="115">
        <v>1</v>
      </c>
      <c r="Q1375" s="115" t="s">
        <v>400</v>
      </c>
      <c r="R1375" s="115">
        <v>1</v>
      </c>
      <c r="S1375" s="115">
        <v>0</v>
      </c>
      <c r="T1375" s="115">
        <v>0</v>
      </c>
      <c r="U1375" s="119"/>
      <c r="V1375" s="119"/>
      <c r="W1375" s="119"/>
      <c r="X1375" s="119"/>
      <c r="Y1375" s="119"/>
      <c r="Z1375" s="119"/>
      <c r="AA1375" s="119"/>
      <c r="AB1375" s="119"/>
      <c r="AC1375" s="119"/>
      <c r="AD1375" s="119"/>
      <c r="AE1375" s="119"/>
      <c r="AF1375" s="119"/>
      <c r="AG1375" s="119"/>
      <c r="AH1375" s="119"/>
      <c r="AI1375" s="119"/>
      <c r="AJ1375" s="119"/>
      <c r="AK1375" s="119"/>
      <c r="AL1375" s="119"/>
      <c r="AM1375" s="119"/>
      <c r="AN1375" s="119"/>
      <c r="AO1375" s="119"/>
      <c r="AP1375" s="119"/>
      <c r="AQ1375" s="119"/>
      <c r="AR1375" s="119"/>
      <c r="AS1375" s="119"/>
      <c r="AT1375" s="119"/>
      <c r="AU1375" s="119"/>
      <c r="AV1375" s="119"/>
      <c r="AW1375" s="119"/>
      <c r="AX1375" s="119"/>
      <c r="AY1375" s="119"/>
      <c r="AZ1375" s="119"/>
      <c r="BA1375" s="119"/>
      <c r="BB1375" s="107">
        <v>45884</v>
      </c>
    </row>
    <row r="1376" spans="1:54" s="207" customFormat="1" ht="13.95" customHeight="1" x14ac:dyDescent="0.25">
      <c r="A1376" s="208" t="s">
        <v>3344</v>
      </c>
      <c r="B1376" s="209" t="s">
        <v>20420</v>
      </c>
      <c r="C1376" s="113" t="s">
        <v>3345</v>
      </c>
      <c r="D1376" s="113" t="s">
        <v>23219</v>
      </c>
      <c r="E1376" s="210">
        <v>2003</v>
      </c>
      <c r="F1376" s="210">
        <v>1420</v>
      </c>
      <c r="G1376" s="113" t="s">
        <v>1</v>
      </c>
      <c r="H1376" s="113">
        <v>0</v>
      </c>
      <c r="I1376" s="113">
        <v>0</v>
      </c>
      <c r="J1376" s="115">
        <v>1</v>
      </c>
      <c r="K1376" s="116" t="s">
        <v>174</v>
      </c>
      <c r="L1376" s="115">
        <v>1</v>
      </c>
      <c r="M1376" s="115">
        <v>1</v>
      </c>
      <c r="N1376" s="115">
        <v>0</v>
      </c>
      <c r="O1376" s="115">
        <v>0</v>
      </c>
      <c r="P1376" s="115">
        <v>1</v>
      </c>
      <c r="Q1376" s="115" t="s">
        <v>400</v>
      </c>
      <c r="R1376" s="115">
        <v>1</v>
      </c>
      <c r="S1376" s="115">
        <v>0</v>
      </c>
      <c r="T1376" s="115">
        <v>0</v>
      </c>
      <c r="U1376" s="119"/>
      <c r="V1376" s="119"/>
      <c r="W1376" s="119"/>
      <c r="X1376" s="119"/>
      <c r="Y1376" s="119"/>
      <c r="Z1376" s="119"/>
      <c r="AA1376" s="119"/>
      <c r="AB1376" s="119"/>
      <c r="AC1376" s="119"/>
      <c r="AD1376" s="119"/>
      <c r="AE1376" s="119"/>
      <c r="AF1376" s="119"/>
      <c r="AG1376" s="119"/>
      <c r="AH1376" s="119"/>
      <c r="AI1376" s="119"/>
      <c r="AJ1376" s="119"/>
      <c r="AK1376" s="119"/>
      <c r="AL1376" s="119"/>
      <c r="AM1376" s="119"/>
      <c r="AN1376" s="119"/>
      <c r="AO1376" s="119"/>
      <c r="AP1376" s="119"/>
      <c r="AQ1376" s="119"/>
      <c r="AR1376" s="119"/>
      <c r="AS1376" s="119"/>
      <c r="AT1376" s="119"/>
      <c r="AU1376" s="119"/>
      <c r="AV1376" s="119"/>
      <c r="AW1376" s="119"/>
      <c r="AX1376" s="119"/>
      <c r="AY1376" s="119"/>
      <c r="AZ1376" s="119"/>
      <c r="BA1376" s="119"/>
      <c r="BB1376" s="107">
        <v>45884</v>
      </c>
    </row>
    <row r="1377" spans="1:54" s="207" customFormat="1" ht="13.95" customHeight="1" x14ac:dyDescent="0.25">
      <c r="A1377" s="208" t="s">
        <v>3346</v>
      </c>
      <c r="B1377" s="209" t="s">
        <v>20420</v>
      </c>
      <c r="C1377" s="113" t="s">
        <v>3347</v>
      </c>
      <c r="D1377" s="113" t="s">
        <v>3348</v>
      </c>
      <c r="E1377" s="210">
        <v>1970</v>
      </c>
      <c r="F1377" s="210">
        <v>1421</v>
      </c>
      <c r="G1377" s="113" t="s">
        <v>1</v>
      </c>
      <c r="H1377" s="113">
        <v>0</v>
      </c>
      <c r="I1377" s="113">
        <v>0</v>
      </c>
      <c r="J1377" s="115">
        <v>1</v>
      </c>
      <c r="K1377" s="116" t="s">
        <v>174</v>
      </c>
      <c r="L1377" s="115">
        <v>1</v>
      </c>
      <c r="M1377" s="115">
        <v>0</v>
      </c>
      <c r="N1377" s="115">
        <v>0</v>
      </c>
      <c r="O1377" s="115">
        <v>1</v>
      </c>
      <c r="P1377" s="115">
        <v>1</v>
      </c>
      <c r="Q1377" s="115" t="s">
        <v>400</v>
      </c>
      <c r="R1377" s="115">
        <v>1</v>
      </c>
      <c r="S1377" s="115">
        <v>0</v>
      </c>
      <c r="T1377" s="115">
        <v>0</v>
      </c>
      <c r="U1377" s="119"/>
      <c r="V1377" s="119"/>
      <c r="W1377" s="119"/>
      <c r="X1377" s="119"/>
      <c r="Y1377" s="119"/>
      <c r="Z1377" s="119"/>
      <c r="AA1377" s="119"/>
      <c r="AB1377" s="119"/>
      <c r="AC1377" s="119"/>
      <c r="AD1377" s="119"/>
      <c r="AE1377" s="119"/>
      <c r="AF1377" s="119"/>
      <c r="AG1377" s="119"/>
      <c r="AH1377" s="119"/>
      <c r="AI1377" s="119"/>
      <c r="AJ1377" s="119"/>
      <c r="AK1377" s="119"/>
      <c r="AL1377" s="119"/>
      <c r="AM1377" s="119"/>
      <c r="AN1377" s="119"/>
      <c r="AO1377" s="119"/>
      <c r="AP1377" s="119"/>
      <c r="AQ1377" s="119"/>
      <c r="AR1377" s="119"/>
      <c r="AS1377" s="119"/>
      <c r="AT1377" s="119"/>
      <c r="AU1377" s="119"/>
      <c r="AV1377" s="119"/>
      <c r="AW1377" s="119"/>
      <c r="AX1377" s="119"/>
      <c r="AY1377" s="119"/>
      <c r="AZ1377" s="119"/>
      <c r="BA1377" s="119"/>
      <c r="BB1377" s="107">
        <v>45884</v>
      </c>
    </row>
    <row r="1378" spans="1:54" s="207" customFormat="1" ht="13.95" customHeight="1" x14ac:dyDescent="0.25">
      <c r="A1378" s="208" t="s">
        <v>3349</v>
      </c>
      <c r="B1378" s="209" t="s">
        <v>20420</v>
      </c>
      <c r="C1378" s="113" t="s">
        <v>3350</v>
      </c>
      <c r="D1378" s="113" t="s">
        <v>23220</v>
      </c>
      <c r="E1378" s="210">
        <v>1993</v>
      </c>
      <c r="F1378" s="210">
        <v>1422</v>
      </c>
      <c r="G1378" s="113" t="s">
        <v>1</v>
      </c>
      <c r="H1378" s="113">
        <v>0</v>
      </c>
      <c r="I1378" s="113">
        <v>0</v>
      </c>
      <c r="J1378" s="115">
        <v>1</v>
      </c>
      <c r="K1378" s="116" t="s">
        <v>174</v>
      </c>
      <c r="L1378" s="115">
        <v>1</v>
      </c>
      <c r="M1378" s="115">
        <v>1</v>
      </c>
      <c r="N1378" s="115">
        <v>0</v>
      </c>
      <c r="O1378" s="115">
        <v>1</v>
      </c>
      <c r="P1378" s="115" t="s">
        <v>400</v>
      </c>
      <c r="Q1378" s="115" t="s">
        <v>400</v>
      </c>
      <c r="R1378" s="115">
        <v>0</v>
      </c>
      <c r="S1378" s="115">
        <v>0</v>
      </c>
      <c r="T1378" s="115">
        <v>0</v>
      </c>
      <c r="U1378" s="119"/>
      <c r="V1378" s="119"/>
      <c r="W1378" s="119"/>
      <c r="X1378" s="119"/>
      <c r="Y1378" s="119"/>
      <c r="Z1378" s="119"/>
      <c r="AA1378" s="119"/>
      <c r="AB1378" s="119"/>
      <c r="AC1378" s="119"/>
      <c r="AD1378" s="119"/>
      <c r="AE1378" s="119"/>
      <c r="AF1378" s="119"/>
      <c r="AG1378" s="119"/>
      <c r="AH1378" s="119"/>
      <c r="AI1378" s="119"/>
      <c r="AJ1378" s="119"/>
      <c r="AK1378" s="119"/>
      <c r="AL1378" s="119"/>
      <c r="AM1378" s="119"/>
      <c r="AN1378" s="119"/>
      <c r="AO1378" s="119"/>
      <c r="AP1378" s="119"/>
      <c r="AQ1378" s="119"/>
      <c r="AR1378" s="119"/>
      <c r="AS1378" s="119"/>
      <c r="AT1378" s="119"/>
      <c r="AU1378" s="119"/>
      <c r="AV1378" s="119"/>
      <c r="AW1378" s="119"/>
      <c r="AX1378" s="119"/>
      <c r="AY1378" s="119"/>
      <c r="AZ1378" s="119"/>
      <c r="BA1378" s="119"/>
      <c r="BB1378" s="107">
        <v>45884</v>
      </c>
    </row>
    <row r="1379" spans="1:54" s="207" customFormat="1" ht="13.95" customHeight="1" x14ac:dyDescent="0.25">
      <c r="A1379" s="208" t="s">
        <v>3351</v>
      </c>
      <c r="B1379" s="209" t="s">
        <v>20420</v>
      </c>
      <c r="C1379" s="113" t="s">
        <v>3352</v>
      </c>
      <c r="D1379" s="113" t="s">
        <v>23221</v>
      </c>
      <c r="E1379" s="210">
        <v>1990</v>
      </c>
      <c r="F1379" s="210">
        <v>1425</v>
      </c>
      <c r="G1379" s="113" t="s">
        <v>1</v>
      </c>
      <c r="H1379" s="113">
        <v>0</v>
      </c>
      <c r="I1379" s="113">
        <v>0</v>
      </c>
      <c r="J1379" s="115">
        <v>1</v>
      </c>
      <c r="K1379" s="116" t="s">
        <v>174</v>
      </c>
      <c r="L1379" s="115">
        <v>1</v>
      </c>
      <c r="M1379" s="115">
        <v>0</v>
      </c>
      <c r="N1379" s="115">
        <v>0</v>
      </c>
      <c r="O1379" s="115">
        <v>0</v>
      </c>
      <c r="P1379" s="115" t="s">
        <v>400</v>
      </c>
      <c r="Q1379" s="115" t="s">
        <v>400</v>
      </c>
      <c r="R1379" s="115">
        <v>0</v>
      </c>
      <c r="S1379" s="115">
        <v>0</v>
      </c>
      <c r="T1379" s="115">
        <v>0</v>
      </c>
      <c r="U1379" s="119"/>
      <c r="V1379" s="119"/>
      <c r="W1379" s="119"/>
      <c r="X1379" s="119"/>
      <c r="Y1379" s="119"/>
      <c r="Z1379" s="119"/>
      <c r="AA1379" s="119"/>
      <c r="AB1379" s="119"/>
      <c r="AC1379" s="119"/>
      <c r="AD1379" s="119"/>
      <c r="AE1379" s="119"/>
      <c r="AF1379" s="119"/>
      <c r="AG1379" s="119"/>
      <c r="AH1379" s="119"/>
      <c r="AI1379" s="119"/>
      <c r="AJ1379" s="119"/>
      <c r="AK1379" s="119"/>
      <c r="AL1379" s="119"/>
      <c r="AM1379" s="119"/>
      <c r="AN1379" s="119"/>
      <c r="AO1379" s="119"/>
      <c r="AP1379" s="119"/>
      <c r="AQ1379" s="119"/>
      <c r="AR1379" s="119"/>
      <c r="AS1379" s="119"/>
      <c r="AT1379" s="119"/>
      <c r="AU1379" s="119"/>
      <c r="AV1379" s="119"/>
      <c r="AW1379" s="119"/>
      <c r="AX1379" s="119"/>
      <c r="AY1379" s="119"/>
      <c r="AZ1379" s="119"/>
      <c r="BA1379" s="119"/>
      <c r="BB1379" s="107">
        <v>45884</v>
      </c>
    </row>
    <row r="1380" spans="1:54" s="207" customFormat="1" ht="13.95" customHeight="1" x14ac:dyDescent="0.25">
      <c r="A1380" s="208" t="s">
        <v>3353</v>
      </c>
      <c r="B1380" s="209" t="s">
        <v>20420</v>
      </c>
      <c r="C1380" s="113" t="s">
        <v>3354</v>
      </c>
      <c r="D1380" s="113" t="s">
        <v>22745</v>
      </c>
      <c r="E1380" s="210">
        <v>1995</v>
      </c>
      <c r="F1380" s="210">
        <v>1428</v>
      </c>
      <c r="G1380" s="113" t="s">
        <v>1</v>
      </c>
      <c r="H1380" s="113">
        <v>0</v>
      </c>
      <c r="I1380" s="113">
        <v>0</v>
      </c>
      <c r="J1380" s="115">
        <v>1</v>
      </c>
      <c r="K1380" s="116" t="s">
        <v>174</v>
      </c>
      <c r="L1380" s="115">
        <v>1</v>
      </c>
      <c r="M1380" s="115">
        <v>0</v>
      </c>
      <c r="N1380" s="115">
        <v>0</v>
      </c>
      <c r="O1380" s="115">
        <v>1</v>
      </c>
      <c r="P1380" s="115">
        <v>1</v>
      </c>
      <c r="Q1380" s="115" t="s">
        <v>400</v>
      </c>
      <c r="R1380" s="115">
        <v>1</v>
      </c>
      <c r="S1380" s="115">
        <v>0</v>
      </c>
      <c r="T1380" s="115">
        <v>0</v>
      </c>
      <c r="U1380" s="119"/>
      <c r="V1380" s="119"/>
      <c r="W1380" s="119"/>
      <c r="X1380" s="119"/>
      <c r="Y1380" s="119"/>
      <c r="Z1380" s="119"/>
      <c r="AA1380" s="119"/>
      <c r="AB1380" s="119"/>
      <c r="AC1380" s="119"/>
      <c r="AD1380" s="119"/>
      <c r="AE1380" s="119"/>
      <c r="AF1380" s="119"/>
      <c r="AG1380" s="119"/>
      <c r="AH1380" s="119"/>
      <c r="AI1380" s="119"/>
      <c r="AJ1380" s="119"/>
      <c r="AK1380" s="119"/>
      <c r="AL1380" s="119"/>
      <c r="AM1380" s="119"/>
      <c r="AN1380" s="119"/>
      <c r="AO1380" s="119"/>
      <c r="AP1380" s="119"/>
      <c r="AQ1380" s="119"/>
      <c r="AR1380" s="119"/>
      <c r="AS1380" s="119"/>
      <c r="AT1380" s="119"/>
      <c r="AU1380" s="119"/>
      <c r="AV1380" s="119"/>
      <c r="AW1380" s="119"/>
      <c r="AX1380" s="119"/>
      <c r="AY1380" s="119"/>
      <c r="AZ1380" s="119"/>
      <c r="BA1380" s="119"/>
      <c r="BB1380" s="107">
        <v>45884</v>
      </c>
    </row>
    <row r="1381" spans="1:54" s="207" customFormat="1" ht="13.95" customHeight="1" x14ac:dyDescent="0.25">
      <c r="A1381" s="208" t="s">
        <v>3355</v>
      </c>
      <c r="B1381" s="209" t="s">
        <v>20420</v>
      </c>
      <c r="C1381" s="113" t="s">
        <v>3356</v>
      </c>
      <c r="D1381" s="113" t="s">
        <v>23222</v>
      </c>
      <c r="E1381" s="210">
        <v>1987</v>
      </c>
      <c r="F1381" s="210">
        <v>1429</v>
      </c>
      <c r="G1381" s="113" t="s">
        <v>1</v>
      </c>
      <c r="H1381" s="113">
        <v>0</v>
      </c>
      <c r="I1381" s="113">
        <v>0</v>
      </c>
      <c r="J1381" s="115">
        <v>1</v>
      </c>
      <c r="K1381" s="116" t="s">
        <v>174</v>
      </c>
      <c r="L1381" s="115">
        <v>1</v>
      </c>
      <c r="M1381" s="115">
        <v>0</v>
      </c>
      <c r="N1381" s="115">
        <v>1</v>
      </c>
      <c r="O1381" s="115">
        <v>1</v>
      </c>
      <c r="P1381" s="115">
        <v>1</v>
      </c>
      <c r="Q1381" s="115" t="s">
        <v>400</v>
      </c>
      <c r="R1381" s="115">
        <v>1</v>
      </c>
      <c r="S1381" s="115">
        <v>0</v>
      </c>
      <c r="T1381" s="115">
        <v>0</v>
      </c>
      <c r="U1381" s="119"/>
      <c r="V1381" s="119"/>
      <c r="W1381" s="119"/>
      <c r="X1381" s="119"/>
      <c r="Y1381" s="119"/>
      <c r="Z1381" s="119"/>
      <c r="AA1381" s="119"/>
      <c r="AB1381" s="119"/>
      <c r="AC1381" s="119"/>
      <c r="AD1381" s="119"/>
      <c r="AE1381" s="119"/>
      <c r="AF1381" s="119"/>
      <c r="AG1381" s="119"/>
      <c r="AH1381" s="119"/>
      <c r="AI1381" s="119"/>
      <c r="AJ1381" s="119"/>
      <c r="AK1381" s="119"/>
      <c r="AL1381" s="119"/>
      <c r="AM1381" s="119"/>
      <c r="AN1381" s="119"/>
      <c r="AO1381" s="119"/>
      <c r="AP1381" s="119"/>
      <c r="AQ1381" s="119"/>
      <c r="AR1381" s="119"/>
      <c r="AS1381" s="119"/>
      <c r="AT1381" s="119"/>
      <c r="AU1381" s="119"/>
      <c r="AV1381" s="119"/>
      <c r="AW1381" s="119"/>
      <c r="AX1381" s="119"/>
      <c r="AY1381" s="119"/>
      <c r="AZ1381" s="119"/>
      <c r="BA1381" s="119"/>
      <c r="BB1381" s="107">
        <v>45884</v>
      </c>
    </row>
    <row r="1382" spans="1:54" s="207" customFormat="1" ht="13.95" customHeight="1" x14ac:dyDescent="0.25">
      <c r="A1382" s="208" t="s">
        <v>3357</v>
      </c>
      <c r="B1382" s="209" t="s">
        <v>20420</v>
      </c>
      <c r="C1382" s="113" t="s">
        <v>3358</v>
      </c>
      <c r="D1382" s="113" t="s">
        <v>3359</v>
      </c>
      <c r="E1382" s="210">
        <v>1997</v>
      </c>
      <c r="F1382" s="210">
        <v>1431</v>
      </c>
      <c r="G1382" s="113" t="s">
        <v>1</v>
      </c>
      <c r="H1382" s="113">
        <v>0</v>
      </c>
      <c r="I1382" s="113">
        <v>0</v>
      </c>
      <c r="J1382" s="115">
        <v>1</v>
      </c>
      <c r="K1382" s="116" t="s">
        <v>174</v>
      </c>
      <c r="L1382" s="115">
        <v>1</v>
      </c>
      <c r="M1382" s="115">
        <v>1</v>
      </c>
      <c r="N1382" s="115">
        <v>0</v>
      </c>
      <c r="O1382" s="115">
        <v>0</v>
      </c>
      <c r="P1382" s="115" t="s">
        <v>400</v>
      </c>
      <c r="Q1382" s="115" t="s">
        <v>400</v>
      </c>
      <c r="R1382" s="115">
        <v>1</v>
      </c>
      <c r="S1382" s="115">
        <v>0</v>
      </c>
      <c r="T1382" s="115">
        <v>0</v>
      </c>
      <c r="U1382" s="119"/>
      <c r="V1382" s="119"/>
      <c r="W1382" s="119"/>
      <c r="X1382" s="119"/>
      <c r="Y1382" s="119"/>
      <c r="Z1382" s="119"/>
      <c r="AA1382" s="119"/>
      <c r="AB1382" s="119"/>
      <c r="AC1382" s="119"/>
      <c r="AD1382" s="119"/>
      <c r="AE1382" s="119"/>
      <c r="AF1382" s="119"/>
      <c r="AG1382" s="119"/>
      <c r="AH1382" s="119"/>
      <c r="AI1382" s="119"/>
      <c r="AJ1382" s="119"/>
      <c r="AK1382" s="119"/>
      <c r="AL1382" s="119"/>
      <c r="AM1382" s="119"/>
      <c r="AN1382" s="119"/>
      <c r="AO1382" s="119"/>
      <c r="AP1382" s="119"/>
      <c r="AQ1382" s="119"/>
      <c r="AR1382" s="119"/>
      <c r="AS1382" s="119"/>
      <c r="AT1382" s="119"/>
      <c r="AU1382" s="119"/>
      <c r="AV1382" s="119"/>
      <c r="AW1382" s="119"/>
      <c r="AX1382" s="119"/>
      <c r="AY1382" s="119"/>
      <c r="AZ1382" s="119"/>
      <c r="BA1382" s="119"/>
      <c r="BB1382" s="107">
        <v>45884</v>
      </c>
    </row>
    <row r="1383" spans="1:54" s="207" customFormat="1" ht="13.95" customHeight="1" x14ac:dyDescent="0.25">
      <c r="A1383" s="208" t="s">
        <v>3360</v>
      </c>
      <c r="B1383" s="209" t="s">
        <v>20420</v>
      </c>
      <c r="C1383" s="113" t="s">
        <v>3361</v>
      </c>
      <c r="D1383" s="113" t="s">
        <v>3362</v>
      </c>
      <c r="E1383" s="210">
        <v>1995</v>
      </c>
      <c r="F1383" s="210">
        <v>1431</v>
      </c>
      <c r="G1383" s="113" t="s">
        <v>1</v>
      </c>
      <c r="H1383" s="113">
        <v>0</v>
      </c>
      <c r="I1383" s="113">
        <v>0</v>
      </c>
      <c r="J1383" s="115">
        <v>1</v>
      </c>
      <c r="K1383" s="211">
        <v>1</v>
      </c>
      <c r="L1383" s="115">
        <v>1</v>
      </c>
      <c r="M1383" s="115">
        <v>0</v>
      </c>
      <c r="N1383" s="115">
        <v>0</v>
      </c>
      <c r="O1383" s="115">
        <v>1</v>
      </c>
      <c r="P1383" s="115">
        <v>1</v>
      </c>
      <c r="Q1383" s="115" t="s">
        <v>400</v>
      </c>
      <c r="R1383" s="115">
        <v>0</v>
      </c>
      <c r="S1383" s="115">
        <v>0</v>
      </c>
      <c r="T1383" s="115">
        <v>0</v>
      </c>
      <c r="U1383" s="119"/>
      <c r="V1383" s="119"/>
      <c r="W1383" s="119"/>
      <c r="X1383" s="119"/>
      <c r="Y1383" s="119"/>
      <c r="Z1383" s="119"/>
      <c r="AA1383" s="119"/>
      <c r="AB1383" s="119"/>
      <c r="AC1383" s="119"/>
      <c r="AD1383" s="119"/>
      <c r="AE1383" s="119"/>
      <c r="AF1383" s="119"/>
      <c r="AG1383" s="119"/>
      <c r="AH1383" s="119"/>
      <c r="AI1383" s="119"/>
      <c r="AJ1383" s="119"/>
      <c r="AK1383" s="119"/>
      <c r="AL1383" s="119"/>
      <c r="AM1383" s="119"/>
      <c r="AN1383" s="119"/>
      <c r="AO1383" s="119"/>
      <c r="AP1383" s="119"/>
      <c r="AQ1383" s="119"/>
      <c r="AR1383" s="119"/>
      <c r="AS1383" s="119"/>
      <c r="AT1383" s="119"/>
      <c r="AU1383" s="119"/>
      <c r="AV1383" s="119"/>
      <c r="AW1383" s="119"/>
      <c r="AX1383" s="119"/>
      <c r="AY1383" s="119"/>
      <c r="AZ1383" s="119"/>
      <c r="BA1383" s="119"/>
      <c r="BB1383" s="107">
        <v>45884</v>
      </c>
    </row>
    <row r="1384" spans="1:54" s="207" customFormat="1" ht="13.95" customHeight="1" x14ac:dyDescent="0.25">
      <c r="A1384" s="208" t="s">
        <v>3363</v>
      </c>
      <c r="B1384" s="209" t="s">
        <v>20420</v>
      </c>
      <c r="C1384" s="113" t="s">
        <v>3364</v>
      </c>
      <c r="D1384" s="113" t="s">
        <v>3365</v>
      </c>
      <c r="E1384" s="210">
        <v>1970</v>
      </c>
      <c r="F1384" s="210">
        <v>1434</v>
      </c>
      <c r="G1384" s="113" t="s">
        <v>1</v>
      </c>
      <c r="H1384" s="113">
        <v>0</v>
      </c>
      <c r="I1384" s="113">
        <v>0</v>
      </c>
      <c r="J1384" s="115">
        <v>1</v>
      </c>
      <c r="K1384" s="211">
        <v>1</v>
      </c>
      <c r="L1384" s="115">
        <v>1</v>
      </c>
      <c r="M1384" s="115">
        <v>1</v>
      </c>
      <c r="N1384" s="115">
        <v>1</v>
      </c>
      <c r="O1384" s="115">
        <v>1</v>
      </c>
      <c r="P1384" s="115" t="s">
        <v>400</v>
      </c>
      <c r="Q1384" s="115" t="s">
        <v>400</v>
      </c>
      <c r="R1384" s="115">
        <v>1</v>
      </c>
      <c r="S1384" s="115">
        <v>0</v>
      </c>
      <c r="T1384" s="115">
        <v>0</v>
      </c>
      <c r="U1384" s="119"/>
      <c r="V1384" s="119"/>
      <c r="W1384" s="119"/>
      <c r="X1384" s="119"/>
      <c r="Y1384" s="119"/>
      <c r="Z1384" s="119"/>
      <c r="AA1384" s="119"/>
      <c r="AB1384" s="119"/>
      <c r="AC1384" s="119"/>
      <c r="AD1384" s="119"/>
      <c r="AE1384" s="119"/>
      <c r="AF1384" s="119"/>
      <c r="AG1384" s="119"/>
      <c r="AH1384" s="119"/>
      <c r="AI1384" s="119"/>
      <c r="AJ1384" s="119"/>
      <c r="AK1384" s="119"/>
      <c r="AL1384" s="119"/>
      <c r="AM1384" s="119"/>
      <c r="AN1384" s="119"/>
      <c r="AO1384" s="119"/>
      <c r="AP1384" s="119"/>
      <c r="AQ1384" s="119"/>
      <c r="AR1384" s="119"/>
      <c r="AS1384" s="119"/>
      <c r="AT1384" s="119"/>
      <c r="AU1384" s="119"/>
      <c r="AV1384" s="119"/>
      <c r="AW1384" s="119"/>
      <c r="AX1384" s="119"/>
      <c r="AY1384" s="119"/>
      <c r="AZ1384" s="119"/>
      <c r="BA1384" s="119"/>
      <c r="BB1384" s="107">
        <v>45884</v>
      </c>
    </row>
    <row r="1385" spans="1:54" s="207" customFormat="1" ht="13.95" customHeight="1" x14ac:dyDescent="0.25">
      <c r="A1385" s="208" t="s">
        <v>3366</v>
      </c>
      <c r="B1385" s="209" t="s">
        <v>20420</v>
      </c>
      <c r="C1385" s="113" t="s">
        <v>3367</v>
      </c>
      <c r="D1385" s="113" t="s">
        <v>23223</v>
      </c>
      <c r="E1385" s="210">
        <v>1987</v>
      </c>
      <c r="F1385" s="210">
        <v>1436</v>
      </c>
      <c r="G1385" s="113" t="s">
        <v>1</v>
      </c>
      <c r="H1385" s="113">
        <v>0</v>
      </c>
      <c r="I1385" s="113">
        <v>0</v>
      </c>
      <c r="J1385" s="115">
        <v>1</v>
      </c>
      <c r="K1385" s="116" t="s">
        <v>174</v>
      </c>
      <c r="L1385" s="115">
        <v>0</v>
      </c>
      <c r="M1385" s="115">
        <v>0</v>
      </c>
      <c r="N1385" s="115">
        <v>0</v>
      </c>
      <c r="O1385" s="115">
        <v>1</v>
      </c>
      <c r="P1385" s="115">
        <v>1</v>
      </c>
      <c r="Q1385" s="115" t="s">
        <v>400</v>
      </c>
      <c r="R1385" s="115">
        <v>1</v>
      </c>
      <c r="S1385" s="115">
        <v>0</v>
      </c>
      <c r="T1385" s="115">
        <v>0</v>
      </c>
      <c r="U1385" s="119"/>
      <c r="V1385" s="119"/>
      <c r="W1385" s="119"/>
      <c r="X1385" s="119"/>
      <c r="Y1385" s="119"/>
      <c r="Z1385" s="119"/>
      <c r="AA1385" s="119"/>
      <c r="AB1385" s="119"/>
      <c r="AC1385" s="119"/>
      <c r="AD1385" s="119"/>
      <c r="AE1385" s="119"/>
      <c r="AF1385" s="119"/>
      <c r="AG1385" s="119"/>
      <c r="AH1385" s="119"/>
      <c r="AI1385" s="119"/>
      <c r="AJ1385" s="119"/>
      <c r="AK1385" s="119"/>
      <c r="AL1385" s="119"/>
      <c r="AM1385" s="119"/>
      <c r="AN1385" s="119"/>
      <c r="AO1385" s="119"/>
      <c r="AP1385" s="119"/>
      <c r="AQ1385" s="119"/>
      <c r="AR1385" s="119"/>
      <c r="AS1385" s="119"/>
      <c r="AT1385" s="119"/>
      <c r="AU1385" s="119"/>
      <c r="AV1385" s="119"/>
      <c r="AW1385" s="119"/>
      <c r="AX1385" s="119"/>
      <c r="AY1385" s="119"/>
      <c r="AZ1385" s="119"/>
      <c r="BA1385" s="119"/>
      <c r="BB1385" s="107">
        <v>45884</v>
      </c>
    </row>
    <row r="1386" spans="1:54" s="207" customFormat="1" ht="13.95" customHeight="1" x14ac:dyDescent="0.25">
      <c r="A1386" s="208" t="s">
        <v>3368</v>
      </c>
      <c r="B1386" s="209" t="s">
        <v>20420</v>
      </c>
      <c r="C1386" s="113" t="s">
        <v>3369</v>
      </c>
      <c r="D1386" s="113" t="s">
        <v>23224</v>
      </c>
      <c r="E1386" s="210">
        <v>1988</v>
      </c>
      <c r="F1386" s="210">
        <v>1439</v>
      </c>
      <c r="G1386" s="113" t="s">
        <v>1</v>
      </c>
      <c r="H1386" s="113">
        <v>0</v>
      </c>
      <c r="I1386" s="113">
        <v>0</v>
      </c>
      <c r="J1386" s="115">
        <v>1</v>
      </c>
      <c r="K1386" s="116" t="s">
        <v>174</v>
      </c>
      <c r="L1386" s="115">
        <v>1</v>
      </c>
      <c r="M1386" s="115">
        <v>1</v>
      </c>
      <c r="N1386" s="115">
        <v>0</v>
      </c>
      <c r="O1386" s="115">
        <v>1</v>
      </c>
      <c r="P1386" s="115" t="s">
        <v>400</v>
      </c>
      <c r="Q1386" s="115" t="s">
        <v>400</v>
      </c>
      <c r="R1386" s="115">
        <v>0</v>
      </c>
      <c r="S1386" s="115">
        <v>0</v>
      </c>
      <c r="T1386" s="115">
        <v>0</v>
      </c>
      <c r="U1386" s="119"/>
      <c r="V1386" s="119"/>
      <c r="W1386" s="119"/>
      <c r="X1386" s="119"/>
      <c r="Y1386" s="119"/>
      <c r="Z1386" s="119"/>
      <c r="AA1386" s="119"/>
      <c r="AB1386" s="119"/>
      <c r="AC1386" s="119"/>
      <c r="AD1386" s="119"/>
      <c r="AE1386" s="119"/>
      <c r="AF1386" s="119"/>
      <c r="AG1386" s="119"/>
      <c r="AH1386" s="119"/>
      <c r="AI1386" s="119"/>
      <c r="AJ1386" s="119"/>
      <c r="AK1386" s="119"/>
      <c r="AL1386" s="119"/>
      <c r="AM1386" s="119"/>
      <c r="AN1386" s="119"/>
      <c r="AO1386" s="119"/>
      <c r="AP1386" s="119"/>
      <c r="AQ1386" s="119"/>
      <c r="AR1386" s="119"/>
      <c r="AS1386" s="119"/>
      <c r="AT1386" s="119"/>
      <c r="AU1386" s="119"/>
      <c r="AV1386" s="119"/>
      <c r="AW1386" s="119"/>
      <c r="AX1386" s="119"/>
      <c r="AY1386" s="119"/>
      <c r="AZ1386" s="119"/>
      <c r="BA1386" s="119"/>
      <c r="BB1386" s="107">
        <v>45884</v>
      </c>
    </row>
    <row r="1387" spans="1:54" s="207" customFormat="1" ht="13.95" customHeight="1" x14ac:dyDescent="0.25">
      <c r="A1387" s="208" t="s">
        <v>3370</v>
      </c>
      <c r="B1387" s="209" t="s">
        <v>20420</v>
      </c>
      <c r="C1387" s="113" t="s">
        <v>3371</v>
      </c>
      <c r="D1387" s="113" t="s">
        <v>23225</v>
      </c>
      <c r="E1387" s="210">
        <v>1961</v>
      </c>
      <c r="F1387" s="210">
        <v>1441</v>
      </c>
      <c r="G1387" s="113" t="s">
        <v>1</v>
      </c>
      <c r="H1387" s="113">
        <v>0</v>
      </c>
      <c r="I1387" s="113">
        <v>0</v>
      </c>
      <c r="J1387" s="115">
        <v>1</v>
      </c>
      <c r="K1387" s="211">
        <v>1</v>
      </c>
      <c r="L1387" s="115">
        <v>1</v>
      </c>
      <c r="M1387" s="115">
        <v>0</v>
      </c>
      <c r="N1387" s="115">
        <v>0</v>
      </c>
      <c r="O1387" s="115">
        <v>1</v>
      </c>
      <c r="P1387" s="115">
        <v>1</v>
      </c>
      <c r="Q1387" s="115" t="s">
        <v>400</v>
      </c>
      <c r="R1387" s="115">
        <v>1</v>
      </c>
      <c r="S1387" s="115">
        <v>0</v>
      </c>
      <c r="T1387" s="115">
        <v>0</v>
      </c>
      <c r="U1387" s="119"/>
      <c r="V1387" s="119"/>
      <c r="W1387" s="119"/>
      <c r="X1387" s="119"/>
      <c r="Y1387" s="119"/>
      <c r="Z1387" s="119"/>
      <c r="AA1387" s="119"/>
      <c r="AB1387" s="119"/>
      <c r="AC1387" s="119"/>
      <c r="AD1387" s="119"/>
      <c r="AE1387" s="119"/>
      <c r="AF1387" s="119"/>
      <c r="AG1387" s="119"/>
      <c r="AH1387" s="119"/>
      <c r="AI1387" s="119"/>
      <c r="AJ1387" s="119"/>
      <c r="AK1387" s="119"/>
      <c r="AL1387" s="119"/>
      <c r="AM1387" s="119"/>
      <c r="AN1387" s="119"/>
      <c r="AO1387" s="119"/>
      <c r="AP1387" s="119"/>
      <c r="AQ1387" s="119"/>
      <c r="AR1387" s="119"/>
      <c r="AS1387" s="119"/>
      <c r="AT1387" s="119"/>
      <c r="AU1387" s="119"/>
      <c r="AV1387" s="119"/>
      <c r="AW1387" s="119"/>
      <c r="AX1387" s="119"/>
      <c r="AY1387" s="119"/>
      <c r="AZ1387" s="119"/>
      <c r="BA1387" s="119"/>
      <c r="BB1387" s="107">
        <v>45884</v>
      </c>
    </row>
    <row r="1388" spans="1:54" s="207" customFormat="1" ht="13.95" customHeight="1" x14ac:dyDescent="0.25">
      <c r="A1388" s="208" t="s">
        <v>3372</v>
      </c>
      <c r="B1388" s="209" t="s">
        <v>20420</v>
      </c>
      <c r="C1388" s="113" t="s">
        <v>3373</v>
      </c>
      <c r="D1388" s="113" t="s">
        <v>23226</v>
      </c>
      <c r="E1388" s="210">
        <v>1999</v>
      </c>
      <c r="F1388" s="210">
        <v>1447</v>
      </c>
      <c r="G1388" s="113" t="s">
        <v>1</v>
      </c>
      <c r="H1388" s="113">
        <v>0</v>
      </c>
      <c r="I1388" s="113">
        <v>0</v>
      </c>
      <c r="J1388" s="115">
        <v>0</v>
      </c>
      <c r="K1388" s="116" t="s">
        <v>174</v>
      </c>
      <c r="L1388" s="115">
        <v>0</v>
      </c>
      <c r="M1388" s="115">
        <v>0</v>
      </c>
      <c r="N1388" s="115">
        <v>0</v>
      </c>
      <c r="O1388" s="115">
        <v>0</v>
      </c>
      <c r="P1388" s="115">
        <v>1</v>
      </c>
      <c r="Q1388" s="115" t="s">
        <v>400</v>
      </c>
      <c r="R1388" s="115">
        <v>0</v>
      </c>
      <c r="S1388" s="115">
        <v>0</v>
      </c>
      <c r="T1388" s="115">
        <v>0</v>
      </c>
      <c r="U1388" s="119"/>
      <c r="V1388" s="119"/>
      <c r="W1388" s="119"/>
      <c r="X1388" s="119"/>
      <c r="Y1388" s="119"/>
      <c r="Z1388" s="119"/>
      <c r="AA1388" s="119"/>
      <c r="AB1388" s="119"/>
      <c r="AC1388" s="119"/>
      <c r="AD1388" s="119"/>
      <c r="AE1388" s="119"/>
      <c r="AF1388" s="119"/>
      <c r="AG1388" s="119"/>
      <c r="AH1388" s="119"/>
      <c r="AI1388" s="119"/>
      <c r="AJ1388" s="119"/>
      <c r="AK1388" s="119"/>
      <c r="AL1388" s="119"/>
      <c r="AM1388" s="119"/>
      <c r="AN1388" s="119"/>
      <c r="AO1388" s="119"/>
      <c r="AP1388" s="119"/>
      <c r="AQ1388" s="119"/>
      <c r="AR1388" s="119"/>
      <c r="AS1388" s="119"/>
      <c r="AT1388" s="119"/>
      <c r="AU1388" s="119"/>
      <c r="AV1388" s="119"/>
      <c r="AW1388" s="119"/>
      <c r="AX1388" s="119"/>
      <c r="AY1388" s="119"/>
      <c r="AZ1388" s="119"/>
      <c r="BA1388" s="119"/>
      <c r="BB1388" s="107">
        <v>45884</v>
      </c>
    </row>
    <row r="1389" spans="1:54" s="207" customFormat="1" ht="13.95" customHeight="1" x14ac:dyDescent="0.25">
      <c r="A1389" s="208" t="s">
        <v>3374</v>
      </c>
      <c r="B1389" s="209" t="s">
        <v>20420</v>
      </c>
      <c r="C1389" s="113" t="s">
        <v>3375</v>
      </c>
      <c r="D1389" s="113" t="s">
        <v>23227</v>
      </c>
      <c r="E1389" s="210">
        <v>2013</v>
      </c>
      <c r="F1389" s="210">
        <v>1449</v>
      </c>
      <c r="G1389" s="113" t="s">
        <v>1</v>
      </c>
      <c r="H1389" s="113">
        <v>0</v>
      </c>
      <c r="I1389" s="113">
        <v>0</v>
      </c>
      <c r="J1389" s="115">
        <v>1</v>
      </c>
      <c r="K1389" s="116" t="s">
        <v>174</v>
      </c>
      <c r="L1389" s="115">
        <v>0</v>
      </c>
      <c r="M1389" s="115">
        <v>0</v>
      </c>
      <c r="N1389" s="115">
        <v>0</v>
      </c>
      <c r="O1389" s="115">
        <v>0</v>
      </c>
      <c r="P1389" s="115" t="s">
        <v>400</v>
      </c>
      <c r="Q1389" s="115" t="s">
        <v>400</v>
      </c>
      <c r="R1389" s="115">
        <v>0</v>
      </c>
      <c r="S1389" s="115">
        <v>0</v>
      </c>
      <c r="T1389" s="115">
        <v>0</v>
      </c>
      <c r="U1389" s="119"/>
      <c r="V1389" s="119"/>
      <c r="W1389" s="119"/>
      <c r="X1389" s="119"/>
      <c r="Y1389" s="119"/>
      <c r="Z1389" s="119"/>
      <c r="AA1389" s="119"/>
      <c r="AB1389" s="119"/>
      <c r="AC1389" s="119"/>
      <c r="AD1389" s="119"/>
      <c r="AE1389" s="119"/>
      <c r="AF1389" s="119"/>
      <c r="AG1389" s="119"/>
      <c r="AH1389" s="119"/>
      <c r="AI1389" s="119"/>
      <c r="AJ1389" s="119"/>
      <c r="AK1389" s="119"/>
      <c r="AL1389" s="119"/>
      <c r="AM1389" s="119"/>
      <c r="AN1389" s="119"/>
      <c r="AO1389" s="119"/>
      <c r="AP1389" s="119"/>
      <c r="AQ1389" s="119"/>
      <c r="AR1389" s="119"/>
      <c r="AS1389" s="119"/>
      <c r="AT1389" s="119"/>
      <c r="AU1389" s="119"/>
      <c r="AV1389" s="119"/>
      <c r="AW1389" s="119"/>
      <c r="AX1389" s="119"/>
      <c r="AY1389" s="119"/>
      <c r="AZ1389" s="119"/>
      <c r="BA1389" s="119"/>
      <c r="BB1389" s="107">
        <v>45884</v>
      </c>
    </row>
    <row r="1390" spans="1:54" s="207" customFormat="1" ht="13.95" customHeight="1" x14ac:dyDescent="0.25">
      <c r="A1390" s="208" t="s">
        <v>3376</v>
      </c>
      <c r="B1390" s="209" t="s">
        <v>20420</v>
      </c>
      <c r="C1390" s="113" t="s">
        <v>3377</v>
      </c>
      <c r="D1390" s="113" t="s">
        <v>3378</v>
      </c>
      <c r="E1390" s="210">
        <v>1969</v>
      </c>
      <c r="F1390" s="210">
        <v>1449</v>
      </c>
      <c r="G1390" s="113" t="s">
        <v>1</v>
      </c>
      <c r="H1390" s="113">
        <v>0</v>
      </c>
      <c r="I1390" s="113">
        <v>0</v>
      </c>
      <c r="J1390" s="115">
        <v>1</v>
      </c>
      <c r="K1390" s="116" t="s">
        <v>174</v>
      </c>
      <c r="L1390" s="115">
        <v>1</v>
      </c>
      <c r="M1390" s="115">
        <v>0</v>
      </c>
      <c r="N1390" s="115">
        <v>0</v>
      </c>
      <c r="O1390" s="115">
        <v>1</v>
      </c>
      <c r="P1390" s="115">
        <v>1</v>
      </c>
      <c r="Q1390" s="115" t="s">
        <v>400</v>
      </c>
      <c r="R1390" s="115">
        <v>1</v>
      </c>
      <c r="S1390" s="115">
        <v>0</v>
      </c>
      <c r="T1390" s="115">
        <v>0</v>
      </c>
      <c r="U1390" s="119"/>
      <c r="V1390" s="119"/>
      <c r="W1390" s="119"/>
      <c r="X1390" s="119"/>
      <c r="Y1390" s="119"/>
      <c r="Z1390" s="119"/>
      <c r="AA1390" s="119"/>
      <c r="AB1390" s="119"/>
      <c r="AC1390" s="119"/>
      <c r="AD1390" s="119"/>
      <c r="AE1390" s="119"/>
      <c r="AF1390" s="119"/>
      <c r="AG1390" s="119"/>
      <c r="AH1390" s="119"/>
      <c r="AI1390" s="119"/>
      <c r="AJ1390" s="119"/>
      <c r="AK1390" s="119"/>
      <c r="AL1390" s="119"/>
      <c r="AM1390" s="119"/>
      <c r="AN1390" s="119"/>
      <c r="AO1390" s="119"/>
      <c r="AP1390" s="119"/>
      <c r="AQ1390" s="119"/>
      <c r="AR1390" s="119"/>
      <c r="AS1390" s="119"/>
      <c r="AT1390" s="119"/>
      <c r="AU1390" s="119"/>
      <c r="AV1390" s="119"/>
      <c r="AW1390" s="119"/>
      <c r="AX1390" s="119"/>
      <c r="AY1390" s="119"/>
      <c r="AZ1390" s="119"/>
      <c r="BA1390" s="119"/>
      <c r="BB1390" s="107">
        <v>45884</v>
      </c>
    </row>
    <row r="1391" spans="1:54" s="207" customFormat="1" ht="13.95" customHeight="1" x14ac:dyDescent="0.25">
      <c r="A1391" s="208" t="s">
        <v>3379</v>
      </c>
      <c r="B1391" s="209" t="s">
        <v>20420</v>
      </c>
      <c r="C1391" s="113" t="s">
        <v>3380</v>
      </c>
      <c r="D1391" s="113" t="s">
        <v>3381</v>
      </c>
      <c r="E1391" s="210">
        <v>1952</v>
      </c>
      <c r="F1391" s="210">
        <v>1451</v>
      </c>
      <c r="G1391" s="113" t="s">
        <v>1</v>
      </c>
      <c r="H1391" s="113">
        <v>0</v>
      </c>
      <c r="I1391" s="113">
        <v>0</v>
      </c>
      <c r="J1391" s="115">
        <v>1</v>
      </c>
      <c r="K1391" s="116" t="s">
        <v>174</v>
      </c>
      <c r="L1391" s="115">
        <v>1</v>
      </c>
      <c r="M1391" s="120">
        <v>1</v>
      </c>
      <c r="N1391" s="120">
        <v>1</v>
      </c>
      <c r="O1391" s="115">
        <v>1</v>
      </c>
      <c r="P1391" s="212">
        <v>0</v>
      </c>
      <c r="Q1391" s="115" t="s">
        <v>400</v>
      </c>
      <c r="R1391" s="115">
        <v>1</v>
      </c>
      <c r="S1391" s="115">
        <v>0</v>
      </c>
      <c r="T1391" s="115">
        <v>0</v>
      </c>
      <c r="U1391" s="119"/>
      <c r="V1391" s="119"/>
      <c r="W1391" s="119"/>
      <c r="X1391" s="119"/>
      <c r="Y1391" s="119"/>
      <c r="Z1391" s="119"/>
      <c r="AA1391" s="119"/>
      <c r="AB1391" s="119"/>
      <c r="AC1391" s="119"/>
      <c r="AD1391" s="119"/>
      <c r="AE1391" s="119"/>
      <c r="AF1391" s="119"/>
      <c r="AG1391" s="119"/>
      <c r="AH1391" s="119"/>
      <c r="AI1391" s="119"/>
      <c r="AJ1391" s="119"/>
      <c r="AK1391" s="119"/>
      <c r="AL1391" s="119"/>
      <c r="AM1391" s="119"/>
      <c r="AN1391" s="119"/>
      <c r="AO1391" s="119"/>
      <c r="AP1391" s="119"/>
      <c r="AQ1391" s="119"/>
      <c r="AR1391" s="119"/>
      <c r="AS1391" s="119"/>
      <c r="AT1391" s="119"/>
      <c r="AU1391" s="119"/>
      <c r="AV1391" s="119"/>
      <c r="AW1391" s="119"/>
      <c r="AX1391" s="119"/>
      <c r="AY1391" s="119"/>
      <c r="AZ1391" s="119"/>
      <c r="BA1391" s="119"/>
      <c r="BB1391" s="107">
        <v>45884</v>
      </c>
    </row>
    <row r="1392" spans="1:54" s="207" customFormat="1" ht="13.95" customHeight="1" x14ac:dyDescent="0.25">
      <c r="A1392" s="208" t="s">
        <v>3382</v>
      </c>
      <c r="B1392" s="209" t="s">
        <v>20420</v>
      </c>
      <c r="C1392" s="113" t="s">
        <v>3383</v>
      </c>
      <c r="D1392" s="113" t="s">
        <v>3384</v>
      </c>
      <c r="E1392" s="210">
        <v>1976</v>
      </c>
      <c r="F1392" s="210">
        <v>1452</v>
      </c>
      <c r="G1392" s="113" t="s">
        <v>1</v>
      </c>
      <c r="H1392" s="113">
        <v>0</v>
      </c>
      <c r="I1392" s="113">
        <v>0</v>
      </c>
      <c r="J1392" s="115">
        <v>1</v>
      </c>
      <c r="K1392" s="116" t="s">
        <v>174</v>
      </c>
      <c r="L1392" s="115">
        <v>1</v>
      </c>
      <c r="M1392" s="115">
        <v>0</v>
      </c>
      <c r="N1392" s="115">
        <v>0</v>
      </c>
      <c r="O1392" s="115">
        <v>1</v>
      </c>
      <c r="P1392" s="115">
        <v>1</v>
      </c>
      <c r="Q1392" s="115" t="s">
        <v>400</v>
      </c>
      <c r="R1392" s="115">
        <v>1</v>
      </c>
      <c r="S1392" s="115">
        <v>0</v>
      </c>
      <c r="T1392" s="115">
        <v>0</v>
      </c>
      <c r="U1392" s="119"/>
      <c r="V1392" s="119"/>
      <c r="W1392" s="119"/>
      <c r="X1392" s="119"/>
      <c r="Y1392" s="119"/>
      <c r="Z1392" s="119"/>
      <c r="AA1392" s="119"/>
      <c r="AB1392" s="119"/>
      <c r="AC1392" s="119"/>
      <c r="AD1392" s="119"/>
      <c r="AE1392" s="119"/>
      <c r="AF1392" s="119"/>
      <c r="AG1392" s="119"/>
      <c r="AH1392" s="119"/>
      <c r="AI1392" s="119"/>
      <c r="AJ1392" s="119"/>
      <c r="AK1392" s="119"/>
      <c r="AL1392" s="119"/>
      <c r="AM1392" s="119"/>
      <c r="AN1392" s="119"/>
      <c r="AO1392" s="119"/>
      <c r="AP1392" s="119"/>
      <c r="AQ1392" s="119"/>
      <c r="AR1392" s="119"/>
      <c r="AS1392" s="119"/>
      <c r="AT1392" s="119"/>
      <c r="AU1392" s="119"/>
      <c r="AV1392" s="119"/>
      <c r="AW1392" s="119"/>
      <c r="AX1392" s="119"/>
      <c r="AY1392" s="119"/>
      <c r="AZ1392" s="119"/>
      <c r="BA1392" s="119"/>
      <c r="BB1392" s="107">
        <v>45884</v>
      </c>
    </row>
    <row r="1393" spans="1:54" s="207" customFormat="1" ht="13.95" customHeight="1" x14ac:dyDescent="0.25">
      <c r="A1393" s="208" t="s">
        <v>3385</v>
      </c>
      <c r="B1393" s="209" t="s">
        <v>20420</v>
      </c>
      <c r="C1393" s="113" t="s">
        <v>3386</v>
      </c>
      <c r="D1393" s="113" t="s">
        <v>23228</v>
      </c>
      <c r="E1393" s="210">
        <v>1977</v>
      </c>
      <c r="F1393" s="210">
        <v>1452</v>
      </c>
      <c r="G1393" s="113" t="s">
        <v>1</v>
      </c>
      <c r="H1393" s="113">
        <v>0</v>
      </c>
      <c r="I1393" s="113">
        <v>0</v>
      </c>
      <c r="J1393" s="115">
        <v>1</v>
      </c>
      <c r="K1393" s="116" t="s">
        <v>174</v>
      </c>
      <c r="L1393" s="115">
        <v>1</v>
      </c>
      <c r="M1393" s="115">
        <v>0</v>
      </c>
      <c r="N1393" s="115">
        <v>0</v>
      </c>
      <c r="O1393" s="115">
        <v>1</v>
      </c>
      <c r="P1393" s="115">
        <v>1</v>
      </c>
      <c r="Q1393" s="115" t="s">
        <v>400</v>
      </c>
      <c r="R1393" s="115">
        <v>1</v>
      </c>
      <c r="S1393" s="115">
        <v>0</v>
      </c>
      <c r="T1393" s="115">
        <v>0</v>
      </c>
      <c r="U1393" s="119"/>
      <c r="V1393" s="119"/>
      <c r="W1393" s="119"/>
      <c r="X1393" s="119"/>
      <c r="Y1393" s="119"/>
      <c r="Z1393" s="119"/>
      <c r="AA1393" s="119"/>
      <c r="AB1393" s="119"/>
      <c r="AC1393" s="119"/>
      <c r="AD1393" s="119"/>
      <c r="AE1393" s="119"/>
      <c r="AF1393" s="119"/>
      <c r="AG1393" s="119"/>
      <c r="AH1393" s="119"/>
      <c r="AI1393" s="119"/>
      <c r="AJ1393" s="119"/>
      <c r="AK1393" s="119"/>
      <c r="AL1393" s="119"/>
      <c r="AM1393" s="119"/>
      <c r="AN1393" s="119"/>
      <c r="AO1393" s="119"/>
      <c r="AP1393" s="119"/>
      <c r="AQ1393" s="119"/>
      <c r="AR1393" s="119"/>
      <c r="AS1393" s="119"/>
      <c r="AT1393" s="119"/>
      <c r="AU1393" s="119"/>
      <c r="AV1393" s="119"/>
      <c r="AW1393" s="119"/>
      <c r="AX1393" s="119"/>
      <c r="AY1393" s="119"/>
      <c r="AZ1393" s="119"/>
      <c r="BA1393" s="119"/>
      <c r="BB1393" s="107">
        <v>45884</v>
      </c>
    </row>
    <row r="1394" spans="1:54" s="207" customFormat="1" ht="13.95" customHeight="1" x14ac:dyDescent="0.25">
      <c r="A1394" s="208" t="s">
        <v>3387</v>
      </c>
      <c r="B1394" s="209" t="s">
        <v>20420</v>
      </c>
      <c r="C1394" s="113" t="s">
        <v>3388</v>
      </c>
      <c r="D1394" s="113" t="s">
        <v>23229</v>
      </c>
      <c r="E1394" s="210">
        <v>1995</v>
      </c>
      <c r="F1394" s="210">
        <v>1455</v>
      </c>
      <c r="G1394" s="113" t="s">
        <v>1</v>
      </c>
      <c r="H1394" s="113">
        <v>0</v>
      </c>
      <c r="I1394" s="113">
        <v>0</v>
      </c>
      <c r="J1394" s="115">
        <v>1</v>
      </c>
      <c r="K1394" s="116" t="s">
        <v>174</v>
      </c>
      <c r="L1394" s="115">
        <v>1</v>
      </c>
      <c r="M1394" s="115">
        <v>1</v>
      </c>
      <c r="N1394" s="115">
        <v>1</v>
      </c>
      <c r="O1394" s="115">
        <v>1</v>
      </c>
      <c r="P1394" s="115" t="s">
        <v>400</v>
      </c>
      <c r="Q1394" s="115" t="s">
        <v>400</v>
      </c>
      <c r="R1394" s="115">
        <v>1</v>
      </c>
      <c r="S1394" s="115">
        <v>0</v>
      </c>
      <c r="T1394" s="115">
        <v>0</v>
      </c>
      <c r="U1394" s="119"/>
      <c r="V1394" s="119"/>
      <c r="W1394" s="119"/>
      <c r="X1394" s="119"/>
      <c r="Y1394" s="119"/>
      <c r="Z1394" s="119"/>
      <c r="AA1394" s="119"/>
      <c r="AB1394" s="119"/>
      <c r="AC1394" s="119"/>
      <c r="AD1394" s="119"/>
      <c r="AE1394" s="119"/>
      <c r="AF1394" s="119"/>
      <c r="AG1394" s="119"/>
      <c r="AH1394" s="119"/>
      <c r="AI1394" s="119"/>
      <c r="AJ1394" s="119"/>
      <c r="AK1394" s="119"/>
      <c r="AL1394" s="119"/>
      <c r="AM1394" s="119"/>
      <c r="AN1394" s="119"/>
      <c r="AO1394" s="119"/>
      <c r="AP1394" s="119"/>
      <c r="AQ1394" s="119"/>
      <c r="AR1394" s="119"/>
      <c r="AS1394" s="119"/>
      <c r="AT1394" s="119"/>
      <c r="AU1394" s="119"/>
      <c r="AV1394" s="119"/>
      <c r="AW1394" s="119"/>
      <c r="AX1394" s="119"/>
      <c r="AY1394" s="119"/>
      <c r="AZ1394" s="119"/>
      <c r="BA1394" s="119"/>
      <c r="BB1394" s="107">
        <v>45884</v>
      </c>
    </row>
    <row r="1395" spans="1:54" s="207" customFormat="1" ht="13.95" customHeight="1" x14ac:dyDescent="0.25">
      <c r="A1395" s="208" t="s">
        <v>3389</v>
      </c>
      <c r="B1395" s="209" t="s">
        <v>20420</v>
      </c>
      <c r="C1395" s="113" t="s">
        <v>3390</v>
      </c>
      <c r="D1395" s="113" t="s">
        <v>23230</v>
      </c>
      <c r="E1395" s="210">
        <v>1961</v>
      </c>
      <c r="F1395" s="210">
        <v>1456</v>
      </c>
      <c r="G1395" s="113" t="s">
        <v>1</v>
      </c>
      <c r="H1395" s="113">
        <v>0</v>
      </c>
      <c r="I1395" s="113">
        <v>0</v>
      </c>
      <c r="J1395" s="115">
        <v>1</v>
      </c>
      <c r="K1395" s="116" t="s">
        <v>174</v>
      </c>
      <c r="L1395" s="115">
        <v>1</v>
      </c>
      <c r="M1395" s="115">
        <v>1</v>
      </c>
      <c r="N1395" s="115">
        <v>0</v>
      </c>
      <c r="O1395" s="115">
        <v>1</v>
      </c>
      <c r="P1395" s="115">
        <v>1</v>
      </c>
      <c r="Q1395" s="115" t="s">
        <v>400</v>
      </c>
      <c r="R1395" s="115">
        <v>1</v>
      </c>
      <c r="S1395" s="115">
        <v>0</v>
      </c>
      <c r="T1395" s="115">
        <v>0</v>
      </c>
      <c r="U1395" s="119"/>
      <c r="V1395" s="119"/>
      <c r="W1395" s="119"/>
      <c r="X1395" s="119"/>
      <c r="Y1395" s="119"/>
      <c r="Z1395" s="119"/>
      <c r="AA1395" s="119"/>
      <c r="AB1395" s="119"/>
      <c r="AC1395" s="119"/>
      <c r="AD1395" s="119"/>
      <c r="AE1395" s="119"/>
      <c r="AF1395" s="119"/>
      <c r="AG1395" s="119"/>
      <c r="AH1395" s="119"/>
      <c r="AI1395" s="119"/>
      <c r="AJ1395" s="119"/>
      <c r="AK1395" s="119"/>
      <c r="AL1395" s="119"/>
      <c r="AM1395" s="119"/>
      <c r="AN1395" s="119"/>
      <c r="AO1395" s="119"/>
      <c r="AP1395" s="119"/>
      <c r="AQ1395" s="119"/>
      <c r="AR1395" s="119"/>
      <c r="AS1395" s="119"/>
      <c r="AT1395" s="119"/>
      <c r="AU1395" s="119"/>
      <c r="AV1395" s="119"/>
      <c r="AW1395" s="119"/>
      <c r="AX1395" s="119"/>
      <c r="AY1395" s="119"/>
      <c r="AZ1395" s="119"/>
      <c r="BA1395" s="119"/>
      <c r="BB1395" s="107">
        <v>45884</v>
      </c>
    </row>
    <row r="1396" spans="1:54" s="207" customFormat="1" ht="13.95" customHeight="1" x14ac:dyDescent="0.25">
      <c r="A1396" s="208" t="s">
        <v>3391</v>
      </c>
      <c r="B1396" s="209" t="s">
        <v>20420</v>
      </c>
      <c r="C1396" s="113" t="s">
        <v>3392</v>
      </c>
      <c r="D1396" s="113" t="s">
        <v>23231</v>
      </c>
      <c r="E1396" s="210">
        <v>1973</v>
      </c>
      <c r="F1396" s="210">
        <v>1460</v>
      </c>
      <c r="G1396" s="113" t="s">
        <v>1</v>
      </c>
      <c r="H1396" s="113">
        <v>0</v>
      </c>
      <c r="I1396" s="113">
        <v>0</v>
      </c>
      <c r="J1396" s="115">
        <v>1</v>
      </c>
      <c r="K1396" s="116" t="s">
        <v>174</v>
      </c>
      <c r="L1396" s="212">
        <v>0</v>
      </c>
      <c r="M1396" s="115">
        <v>1</v>
      </c>
      <c r="N1396" s="115">
        <v>0</v>
      </c>
      <c r="O1396" s="115">
        <v>1</v>
      </c>
      <c r="P1396" s="115" t="s">
        <v>400</v>
      </c>
      <c r="Q1396" s="115" t="s">
        <v>400</v>
      </c>
      <c r="R1396" s="115">
        <v>1</v>
      </c>
      <c r="S1396" s="115">
        <v>0</v>
      </c>
      <c r="T1396" s="115">
        <v>0</v>
      </c>
      <c r="U1396" s="119"/>
      <c r="V1396" s="119"/>
      <c r="W1396" s="119"/>
      <c r="X1396" s="119"/>
      <c r="Y1396" s="119"/>
      <c r="Z1396" s="119"/>
      <c r="AA1396" s="119"/>
      <c r="AB1396" s="119"/>
      <c r="AC1396" s="119"/>
      <c r="AD1396" s="119"/>
      <c r="AE1396" s="119"/>
      <c r="AF1396" s="119"/>
      <c r="AG1396" s="119"/>
      <c r="AH1396" s="119"/>
      <c r="AI1396" s="119"/>
      <c r="AJ1396" s="119"/>
      <c r="AK1396" s="119"/>
      <c r="AL1396" s="119"/>
      <c r="AM1396" s="119"/>
      <c r="AN1396" s="119"/>
      <c r="AO1396" s="119"/>
      <c r="AP1396" s="119"/>
      <c r="AQ1396" s="119"/>
      <c r="AR1396" s="119"/>
      <c r="AS1396" s="119"/>
      <c r="AT1396" s="119"/>
      <c r="AU1396" s="119"/>
      <c r="AV1396" s="119"/>
      <c r="AW1396" s="119"/>
      <c r="AX1396" s="119"/>
      <c r="AY1396" s="119"/>
      <c r="AZ1396" s="119"/>
      <c r="BA1396" s="119"/>
      <c r="BB1396" s="107">
        <v>45884</v>
      </c>
    </row>
    <row r="1397" spans="1:54" s="207" customFormat="1" ht="13.95" customHeight="1" x14ac:dyDescent="0.25">
      <c r="A1397" s="208" t="s">
        <v>3393</v>
      </c>
      <c r="B1397" s="209" t="s">
        <v>20420</v>
      </c>
      <c r="C1397" s="113" t="s">
        <v>3394</v>
      </c>
      <c r="D1397" s="113" t="s">
        <v>23232</v>
      </c>
      <c r="E1397" s="210">
        <v>1991</v>
      </c>
      <c r="F1397" s="210">
        <v>1463</v>
      </c>
      <c r="G1397" s="113" t="s">
        <v>1</v>
      </c>
      <c r="H1397" s="113">
        <v>0</v>
      </c>
      <c r="I1397" s="113">
        <v>0</v>
      </c>
      <c r="J1397" s="115">
        <v>1</v>
      </c>
      <c r="K1397" s="116" t="s">
        <v>174</v>
      </c>
      <c r="L1397" s="115">
        <v>0</v>
      </c>
      <c r="M1397" s="115">
        <v>0</v>
      </c>
      <c r="N1397" s="115">
        <v>1</v>
      </c>
      <c r="O1397" s="115">
        <v>0</v>
      </c>
      <c r="P1397" s="115" t="s">
        <v>400</v>
      </c>
      <c r="Q1397" s="115" t="s">
        <v>400</v>
      </c>
      <c r="R1397" s="115">
        <v>0</v>
      </c>
      <c r="S1397" s="115">
        <v>1</v>
      </c>
      <c r="T1397" s="115">
        <v>0</v>
      </c>
      <c r="U1397" s="119"/>
      <c r="V1397" s="119"/>
      <c r="W1397" s="119"/>
      <c r="X1397" s="119"/>
      <c r="Y1397" s="119"/>
      <c r="Z1397" s="119"/>
      <c r="AA1397" s="119"/>
      <c r="AB1397" s="119"/>
      <c r="AC1397" s="119"/>
      <c r="AD1397" s="119"/>
      <c r="AE1397" s="119"/>
      <c r="AF1397" s="119"/>
      <c r="AG1397" s="119"/>
      <c r="AH1397" s="119"/>
      <c r="AI1397" s="119"/>
      <c r="AJ1397" s="119"/>
      <c r="AK1397" s="119"/>
      <c r="AL1397" s="119"/>
      <c r="AM1397" s="119"/>
      <c r="AN1397" s="119"/>
      <c r="AO1397" s="119"/>
      <c r="AP1397" s="119"/>
      <c r="AQ1397" s="119"/>
      <c r="AR1397" s="119"/>
      <c r="AS1397" s="119"/>
      <c r="AT1397" s="119"/>
      <c r="AU1397" s="119"/>
      <c r="AV1397" s="119"/>
      <c r="AW1397" s="119"/>
      <c r="AX1397" s="119"/>
      <c r="AY1397" s="119"/>
      <c r="AZ1397" s="119"/>
      <c r="BA1397" s="119"/>
      <c r="BB1397" s="107">
        <v>45884</v>
      </c>
    </row>
    <row r="1398" spans="1:54" s="207" customFormat="1" ht="13.95" customHeight="1" x14ac:dyDescent="0.25">
      <c r="A1398" s="208" t="s">
        <v>3395</v>
      </c>
      <c r="B1398" s="209" t="s">
        <v>20420</v>
      </c>
      <c r="C1398" s="113" t="s">
        <v>3396</v>
      </c>
      <c r="D1398" s="113" t="s">
        <v>23233</v>
      </c>
      <c r="E1398" s="210">
        <v>1964</v>
      </c>
      <c r="F1398" s="210">
        <v>1464</v>
      </c>
      <c r="G1398" s="113" t="s">
        <v>1</v>
      </c>
      <c r="H1398" s="113">
        <v>0</v>
      </c>
      <c r="I1398" s="113">
        <v>0</v>
      </c>
      <c r="J1398" s="115">
        <v>1</v>
      </c>
      <c r="K1398" s="211">
        <v>1</v>
      </c>
      <c r="L1398" s="115">
        <v>1</v>
      </c>
      <c r="M1398" s="115">
        <v>0</v>
      </c>
      <c r="N1398" s="115">
        <v>0</v>
      </c>
      <c r="O1398" s="115">
        <v>1</v>
      </c>
      <c r="P1398" s="115">
        <v>1</v>
      </c>
      <c r="Q1398" s="115">
        <v>1</v>
      </c>
      <c r="R1398" s="115">
        <v>0</v>
      </c>
      <c r="S1398" s="115">
        <v>0</v>
      </c>
      <c r="T1398" s="115">
        <v>0</v>
      </c>
      <c r="U1398" s="119"/>
      <c r="V1398" s="119"/>
      <c r="W1398" s="119"/>
      <c r="X1398" s="119"/>
      <c r="Y1398" s="119"/>
      <c r="Z1398" s="119"/>
      <c r="AA1398" s="119"/>
      <c r="AB1398" s="119"/>
      <c r="AC1398" s="119"/>
      <c r="AD1398" s="119"/>
      <c r="AE1398" s="119"/>
      <c r="AF1398" s="119"/>
      <c r="AG1398" s="119"/>
      <c r="AH1398" s="119"/>
      <c r="AI1398" s="119"/>
      <c r="AJ1398" s="119"/>
      <c r="AK1398" s="119"/>
      <c r="AL1398" s="119"/>
      <c r="AM1398" s="119"/>
      <c r="AN1398" s="119"/>
      <c r="AO1398" s="119"/>
      <c r="AP1398" s="119"/>
      <c r="AQ1398" s="119"/>
      <c r="AR1398" s="119"/>
      <c r="AS1398" s="119"/>
      <c r="AT1398" s="119"/>
      <c r="AU1398" s="119"/>
      <c r="AV1398" s="119"/>
      <c r="AW1398" s="119"/>
      <c r="AX1398" s="119"/>
      <c r="AY1398" s="119"/>
      <c r="AZ1398" s="119"/>
      <c r="BA1398" s="119"/>
      <c r="BB1398" s="107">
        <v>45884</v>
      </c>
    </row>
    <row r="1399" spans="1:54" s="207" customFormat="1" ht="13.95" customHeight="1" x14ac:dyDescent="0.25">
      <c r="A1399" s="208" t="s">
        <v>3397</v>
      </c>
      <c r="B1399" s="209" t="s">
        <v>20420</v>
      </c>
      <c r="C1399" s="113" t="s">
        <v>3398</v>
      </c>
      <c r="D1399" s="113" t="s">
        <v>23234</v>
      </c>
      <c r="E1399" s="210">
        <v>1984</v>
      </c>
      <c r="F1399" s="210">
        <v>1467</v>
      </c>
      <c r="G1399" s="113" t="s">
        <v>1</v>
      </c>
      <c r="H1399" s="113">
        <v>0</v>
      </c>
      <c r="I1399" s="113">
        <v>0</v>
      </c>
      <c r="J1399" s="115">
        <v>1</v>
      </c>
      <c r="K1399" s="116" t="s">
        <v>174</v>
      </c>
      <c r="L1399" s="115">
        <v>1</v>
      </c>
      <c r="M1399" s="115">
        <v>0</v>
      </c>
      <c r="N1399" s="115">
        <v>0</v>
      </c>
      <c r="O1399" s="115">
        <v>1</v>
      </c>
      <c r="P1399" s="115">
        <v>1</v>
      </c>
      <c r="Q1399" s="115" t="s">
        <v>400</v>
      </c>
      <c r="R1399" s="115">
        <v>1</v>
      </c>
      <c r="S1399" s="115">
        <v>0</v>
      </c>
      <c r="T1399" s="115">
        <v>0</v>
      </c>
      <c r="U1399" s="119"/>
      <c r="V1399" s="119"/>
      <c r="W1399" s="119"/>
      <c r="X1399" s="119"/>
      <c r="Y1399" s="119"/>
      <c r="Z1399" s="119"/>
      <c r="AA1399" s="119"/>
      <c r="AB1399" s="119"/>
      <c r="AC1399" s="119"/>
      <c r="AD1399" s="119"/>
      <c r="AE1399" s="119"/>
      <c r="AF1399" s="119"/>
      <c r="AG1399" s="119"/>
      <c r="AH1399" s="119"/>
      <c r="AI1399" s="119"/>
      <c r="AJ1399" s="119"/>
      <c r="AK1399" s="119"/>
      <c r="AL1399" s="119"/>
      <c r="AM1399" s="119"/>
      <c r="AN1399" s="119"/>
      <c r="AO1399" s="119"/>
      <c r="AP1399" s="119"/>
      <c r="AQ1399" s="119"/>
      <c r="AR1399" s="119"/>
      <c r="AS1399" s="119"/>
      <c r="AT1399" s="119"/>
      <c r="AU1399" s="119"/>
      <c r="AV1399" s="119"/>
      <c r="AW1399" s="119"/>
      <c r="AX1399" s="119"/>
      <c r="AY1399" s="119"/>
      <c r="AZ1399" s="119"/>
      <c r="BA1399" s="119"/>
      <c r="BB1399" s="107">
        <v>45884</v>
      </c>
    </row>
    <row r="1400" spans="1:54" s="207" customFormat="1" ht="13.95" customHeight="1" x14ac:dyDescent="0.25">
      <c r="A1400" s="208" t="s">
        <v>3399</v>
      </c>
      <c r="B1400" s="209" t="s">
        <v>20420</v>
      </c>
      <c r="C1400" s="113" t="s">
        <v>3400</v>
      </c>
      <c r="D1400" s="113" t="s">
        <v>23235</v>
      </c>
      <c r="E1400" s="210">
        <v>1992</v>
      </c>
      <c r="F1400" s="210">
        <v>1470</v>
      </c>
      <c r="G1400" s="113" t="s">
        <v>1</v>
      </c>
      <c r="H1400" s="113">
        <v>0</v>
      </c>
      <c r="I1400" s="113">
        <v>0</v>
      </c>
      <c r="J1400" s="115">
        <v>1</v>
      </c>
      <c r="K1400" s="116" t="s">
        <v>174</v>
      </c>
      <c r="L1400" s="115">
        <v>1</v>
      </c>
      <c r="M1400" s="115">
        <v>0</v>
      </c>
      <c r="N1400" s="115">
        <v>0</v>
      </c>
      <c r="O1400" s="115">
        <v>1</v>
      </c>
      <c r="P1400" s="115">
        <v>1</v>
      </c>
      <c r="Q1400" s="115" t="s">
        <v>400</v>
      </c>
      <c r="R1400" s="115">
        <v>0</v>
      </c>
      <c r="S1400" s="115">
        <v>0</v>
      </c>
      <c r="T1400" s="115">
        <v>0</v>
      </c>
      <c r="U1400" s="119"/>
      <c r="V1400" s="119"/>
      <c r="W1400" s="119"/>
      <c r="X1400" s="119"/>
      <c r="Y1400" s="119"/>
      <c r="Z1400" s="119"/>
      <c r="AA1400" s="119"/>
      <c r="AB1400" s="119"/>
      <c r="AC1400" s="119"/>
      <c r="AD1400" s="119"/>
      <c r="AE1400" s="119"/>
      <c r="AF1400" s="119"/>
      <c r="AG1400" s="119"/>
      <c r="AH1400" s="119"/>
      <c r="AI1400" s="119"/>
      <c r="AJ1400" s="119"/>
      <c r="AK1400" s="119"/>
      <c r="AL1400" s="119"/>
      <c r="AM1400" s="119"/>
      <c r="AN1400" s="119"/>
      <c r="AO1400" s="119"/>
      <c r="AP1400" s="119"/>
      <c r="AQ1400" s="119"/>
      <c r="AR1400" s="119"/>
      <c r="AS1400" s="119"/>
      <c r="AT1400" s="119"/>
      <c r="AU1400" s="119"/>
      <c r="AV1400" s="119"/>
      <c r="AW1400" s="119"/>
      <c r="AX1400" s="119"/>
      <c r="AY1400" s="119"/>
      <c r="AZ1400" s="119"/>
      <c r="BA1400" s="119"/>
      <c r="BB1400" s="107">
        <v>45884</v>
      </c>
    </row>
    <row r="1401" spans="1:54" s="207" customFormat="1" ht="13.95" customHeight="1" x14ac:dyDescent="0.25">
      <c r="A1401" s="208" t="s">
        <v>3401</v>
      </c>
      <c r="B1401" s="209" t="s">
        <v>20420</v>
      </c>
      <c r="C1401" s="113" t="s">
        <v>3402</v>
      </c>
      <c r="D1401" s="113" t="s">
        <v>23236</v>
      </c>
      <c r="E1401" s="210">
        <v>1985</v>
      </c>
      <c r="F1401" s="210">
        <v>1472</v>
      </c>
      <c r="G1401" s="113" t="s">
        <v>1</v>
      </c>
      <c r="H1401" s="113">
        <v>0</v>
      </c>
      <c r="I1401" s="113">
        <v>0</v>
      </c>
      <c r="J1401" s="115">
        <v>1</v>
      </c>
      <c r="K1401" s="116" t="s">
        <v>174</v>
      </c>
      <c r="L1401" s="115">
        <v>1</v>
      </c>
      <c r="M1401" s="115">
        <v>0</v>
      </c>
      <c r="N1401" s="115">
        <v>0</v>
      </c>
      <c r="O1401" s="115">
        <v>1</v>
      </c>
      <c r="P1401" s="115" t="s">
        <v>400</v>
      </c>
      <c r="Q1401" s="115" t="s">
        <v>400</v>
      </c>
      <c r="R1401" s="115">
        <v>1</v>
      </c>
      <c r="S1401" s="115">
        <v>0</v>
      </c>
      <c r="T1401" s="115">
        <v>0</v>
      </c>
      <c r="U1401" s="119"/>
      <c r="V1401" s="119"/>
      <c r="W1401" s="119"/>
      <c r="X1401" s="119"/>
      <c r="Y1401" s="119"/>
      <c r="Z1401" s="119"/>
      <c r="AA1401" s="119"/>
      <c r="AB1401" s="119"/>
      <c r="AC1401" s="119"/>
      <c r="AD1401" s="119"/>
      <c r="AE1401" s="119"/>
      <c r="AF1401" s="119"/>
      <c r="AG1401" s="119"/>
      <c r="AH1401" s="119"/>
      <c r="AI1401" s="119"/>
      <c r="AJ1401" s="119"/>
      <c r="AK1401" s="119"/>
      <c r="AL1401" s="119"/>
      <c r="AM1401" s="119"/>
      <c r="AN1401" s="119"/>
      <c r="AO1401" s="119"/>
      <c r="AP1401" s="119"/>
      <c r="AQ1401" s="119"/>
      <c r="AR1401" s="119"/>
      <c r="AS1401" s="119"/>
      <c r="AT1401" s="119"/>
      <c r="AU1401" s="119"/>
      <c r="AV1401" s="119"/>
      <c r="AW1401" s="119"/>
      <c r="AX1401" s="119"/>
      <c r="AY1401" s="119"/>
      <c r="AZ1401" s="119"/>
      <c r="BA1401" s="119"/>
      <c r="BB1401" s="107">
        <v>45884</v>
      </c>
    </row>
    <row r="1402" spans="1:54" s="207" customFormat="1" ht="13.95" customHeight="1" x14ac:dyDescent="0.25">
      <c r="A1402" s="208" t="s">
        <v>3403</v>
      </c>
      <c r="B1402" s="209" t="s">
        <v>20420</v>
      </c>
      <c r="C1402" s="113" t="s">
        <v>3404</v>
      </c>
      <c r="D1402" s="113" t="s">
        <v>23237</v>
      </c>
      <c r="E1402" s="210">
        <v>1981</v>
      </c>
      <c r="F1402" s="210">
        <v>1473</v>
      </c>
      <c r="G1402" s="113" t="s">
        <v>1</v>
      </c>
      <c r="H1402" s="113">
        <v>0</v>
      </c>
      <c r="I1402" s="113">
        <v>0</v>
      </c>
      <c r="J1402" s="115">
        <v>1</v>
      </c>
      <c r="K1402" s="211">
        <v>1</v>
      </c>
      <c r="L1402" s="115">
        <v>1</v>
      </c>
      <c r="M1402" s="115">
        <v>0</v>
      </c>
      <c r="N1402" s="115">
        <v>0</v>
      </c>
      <c r="O1402" s="115">
        <v>1</v>
      </c>
      <c r="P1402" s="115">
        <v>1</v>
      </c>
      <c r="Q1402" s="115" t="s">
        <v>400</v>
      </c>
      <c r="R1402" s="115">
        <v>1</v>
      </c>
      <c r="S1402" s="115">
        <v>0</v>
      </c>
      <c r="T1402" s="115">
        <v>0</v>
      </c>
      <c r="U1402" s="119"/>
      <c r="V1402" s="119"/>
      <c r="W1402" s="119"/>
      <c r="X1402" s="119"/>
      <c r="Y1402" s="119"/>
      <c r="Z1402" s="119"/>
      <c r="AA1402" s="119"/>
      <c r="AB1402" s="119"/>
      <c r="AC1402" s="119"/>
      <c r="AD1402" s="119"/>
      <c r="AE1402" s="119"/>
      <c r="AF1402" s="119"/>
      <c r="AG1402" s="119"/>
      <c r="AH1402" s="119"/>
      <c r="AI1402" s="119"/>
      <c r="AJ1402" s="119"/>
      <c r="AK1402" s="119"/>
      <c r="AL1402" s="119"/>
      <c r="AM1402" s="119"/>
      <c r="AN1402" s="119"/>
      <c r="AO1402" s="119"/>
      <c r="AP1402" s="119"/>
      <c r="AQ1402" s="119"/>
      <c r="AR1402" s="119"/>
      <c r="AS1402" s="119"/>
      <c r="AT1402" s="119"/>
      <c r="AU1402" s="119"/>
      <c r="AV1402" s="119"/>
      <c r="AW1402" s="119"/>
      <c r="AX1402" s="119"/>
      <c r="AY1402" s="119"/>
      <c r="AZ1402" s="119"/>
      <c r="BA1402" s="119"/>
      <c r="BB1402" s="107">
        <v>45884</v>
      </c>
    </row>
    <row r="1403" spans="1:54" s="207" customFormat="1" ht="13.95" customHeight="1" x14ac:dyDescent="0.25">
      <c r="A1403" s="208" t="s">
        <v>3405</v>
      </c>
      <c r="B1403" s="209" t="s">
        <v>20420</v>
      </c>
      <c r="C1403" s="113" t="s">
        <v>3406</v>
      </c>
      <c r="D1403" s="113" t="s">
        <v>3407</v>
      </c>
      <c r="E1403" s="210">
        <v>1979</v>
      </c>
      <c r="F1403" s="210">
        <v>1473</v>
      </c>
      <c r="G1403" s="113" t="s">
        <v>1</v>
      </c>
      <c r="H1403" s="113">
        <v>0</v>
      </c>
      <c r="I1403" s="113">
        <v>0</v>
      </c>
      <c r="J1403" s="115">
        <v>1</v>
      </c>
      <c r="K1403" s="116" t="s">
        <v>174</v>
      </c>
      <c r="L1403" s="115">
        <v>1</v>
      </c>
      <c r="M1403" s="115">
        <v>1</v>
      </c>
      <c r="N1403" s="115">
        <v>0</v>
      </c>
      <c r="O1403" s="115">
        <v>0</v>
      </c>
      <c r="P1403" s="115" t="s">
        <v>400</v>
      </c>
      <c r="Q1403" s="115" t="s">
        <v>400</v>
      </c>
      <c r="R1403" s="115">
        <v>1</v>
      </c>
      <c r="S1403" s="115">
        <v>0</v>
      </c>
      <c r="T1403" s="115">
        <v>0</v>
      </c>
      <c r="U1403" s="119"/>
      <c r="V1403" s="119"/>
      <c r="W1403" s="119"/>
      <c r="X1403" s="119"/>
      <c r="Y1403" s="119"/>
      <c r="Z1403" s="119"/>
      <c r="AA1403" s="119"/>
      <c r="AB1403" s="119"/>
      <c r="AC1403" s="119"/>
      <c r="AD1403" s="119"/>
      <c r="AE1403" s="119"/>
      <c r="AF1403" s="119"/>
      <c r="AG1403" s="119"/>
      <c r="AH1403" s="119"/>
      <c r="AI1403" s="119"/>
      <c r="AJ1403" s="119"/>
      <c r="AK1403" s="119"/>
      <c r="AL1403" s="119"/>
      <c r="AM1403" s="119"/>
      <c r="AN1403" s="119"/>
      <c r="AO1403" s="119"/>
      <c r="AP1403" s="119"/>
      <c r="AQ1403" s="119"/>
      <c r="AR1403" s="119"/>
      <c r="AS1403" s="119"/>
      <c r="AT1403" s="119"/>
      <c r="AU1403" s="119"/>
      <c r="AV1403" s="119"/>
      <c r="AW1403" s="119"/>
      <c r="AX1403" s="119"/>
      <c r="AY1403" s="119"/>
      <c r="AZ1403" s="119"/>
      <c r="BA1403" s="119"/>
      <c r="BB1403" s="107">
        <v>45884</v>
      </c>
    </row>
    <row r="1404" spans="1:54" s="207" customFormat="1" ht="13.95" customHeight="1" x14ac:dyDescent="0.25">
      <c r="A1404" s="208" t="s">
        <v>3408</v>
      </c>
      <c r="B1404" s="209" t="s">
        <v>20420</v>
      </c>
      <c r="C1404" s="113" t="s">
        <v>3409</v>
      </c>
      <c r="D1404" s="113" t="s">
        <v>23238</v>
      </c>
      <c r="E1404" s="210">
        <v>2006</v>
      </c>
      <c r="F1404" s="210">
        <v>1474</v>
      </c>
      <c r="G1404" s="113" t="s">
        <v>1</v>
      </c>
      <c r="H1404" s="113">
        <v>0</v>
      </c>
      <c r="I1404" s="113">
        <v>0</v>
      </c>
      <c r="J1404" s="115">
        <v>1</v>
      </c>
      <c r="K1404" s="116" t="s">
        <v>174</v>
      </c>
      <c r="L1404" s="115">
        <v>1</v>
      </c>
      <c r="M1404" s="115">
        <v>0</v>
      </c>
      <c r="N1404" s="115">
        <v>0</v>
      </c>
      <c r="O1404" s="115">
        <v>1</v>
      </c>
      <c r="P1404" s="115">
        <v>1</v>
      </c>
      <c r="Q1404" s="115" t="s">
        <v>400</v>
      </c>
      <c r="R1404" s="115">
        <v>1</v>
      </c>
      <c r="S1404" s="115">
        <v>0</v>
      </c>
      <c r="T1404" s="115">
        <v>0</v>
      </c>
      <c r="U1404" s="119"/>
      <c r="V1404" s="119"/>
      <c r="W1404" s="119"/>
      <c r="X1404" s="119"/>
      <c r="Y1404" s="119"/>
      <c r="Z1404" s="119"/>
      <c r="AA1404" s="119"/>
      <c r="AB1404" s="119"/>
      <c r="AC1404" s="119"/>
      <c r="AD1404" s="119"/>
      <c r="AE1404" s="119"/>
      <c r="AF1404" s="119"/>
      <c r="AG1404" s="119"/>
      <c r="AH1404" s="119"/>
      <c r="AI1404" s="119"/>
      <c r="AJ1404" s="119"/>
      <c r="AK1404" s="119"/>
      <c r="AL1404" s="119"/>
      <c r="AM1404" s="119"/>
      <c r="AN1404" s="119"/>
      <c r="AO1404" s="119"/>
      <c r="AP1404" s="119"/>
      <c r="AQ1404" s="119"/>
      <c r="AR1404" s="119"/>
      <c r="AS1404" s="119"/>
      <c r="AT1404" s="119"/>
      <c r="AU1404" s="119"/>
      <c r="AV1404" s="119"/>
      <c r="AW1404" s="119"/>
      <c r="AX1404" s="119"/>
      <c r="AY1404" s="119"/>
      <c r="AZ1404" s="119"/>
      <c r="BA1404" s="119"/>
      <c r="BB1404" s="107">
        <v>45884</v>
      </c>
    </row>
    <row r="1405" spans="1:54" s="207" customFormat="1" ht="13.95" customHeight="1" x14ac:dyDescent="0.25">
      <c r="A1405" s="208" t="s">
        <v>3410</v>
      </c>
      <c r="B1405" s="209" t="s">
        <v>20420</v>
      </c>
      <c r="C1405" s="113" t="s">
        <v>3411</v>
      </c>
      <c r="D1405" s="113" t="s">
        <v>3412</v>
      </c>
      <c r="E1405" s="210">
        <v>1984</v>
      </c>
      <c r="F1405" s="210">
        <v>1475</v>
      </c>
      <c r="G1405" s="113" t="s">
        <v>1</v>
      </c>
      <c r="H1405" s="113">
        <v>0</v>
      </c>
      <c r="I1405" s="113">
        <v>0</v>
      </c>
      <c r="J1405" s="115">
        <v>1</v>
      </c>
      <c r="K1405" s="116" t="s">
        <v>174</v>
      </c>
      <c r="L1405" s="115">
        <v>1</v>
      </c>
      <c r="M1405" s="115">
        <v>0</v>
      </c>
      <c r="N1405" s="115">
        <v>1</v>
      </c>
      <c r="O1405" s="115">
        <v>1</v>
      </c>
      <c r="P1405" s="115">
        <v>1</v>
      </c>
      <c r="Q1405" s="115" t="s">
        <v>400</v>
      </c>
      <c r="R1405" s="115">
        <v>1</v>
      </c>
      <c r="S1405" s="115">
        <v>0</v>
      </c>
      <c r="T1405" s="115">
        <v>0</v>
      </c>
      <c r="U1405" s="119"/>
      <c r="V1405" s="119"/>
      <c r="W1405" s="119"/>
      <c r="X1405" s="119"/>
      <c r="Y1405" s="119"/>
      <c r="Z1405" s="119"/>
      <c r="AA1405" s="119"/>
      <c r="AB1405" s="119"/>
      <c r="AC1405" s="119"/>
      <c r="AD1405" s="119"/>
      <c r="AE1405" s="119"/>
      <c r="AF1405" s="119"/>
      <c r="AG1405" s="119"/>
      <c r="AH1405" s="119"/>
      <c r="AI1405" s="119"/>
      <c r="AJ1405" s="119"/>
      <c r="AK1405" s="119"/>
      <c r="AL1405" s="119"/>
      <c r="AM1405" s="119"/>
      <c r="AN1405" s="119"/>
      <c r="AO1405" s="119"/>
      <c r="AP1405" s="119"/>
      <c r="AQ1405" s="119"/>
      <c r="AR1405" s="119"/>
      <c r="AS1405" s="119"/>
      <c r="AT1405" s="119"/>
      <c r="AU1405" s="119"/>
      <c r="AV1405" s="119"/>
      <c r="AW1405" s="119"/>
      <c r="AX1405" s="119"/>
      <c r="AY1405" s="119"/>
      <c r="AZ1405" s="119"/>
      <c r="BA1405" s="119"/>
      <c r="BB1405" s="107">
        <v>45884</v>
      </c>
    </row>
    <row r="1406" spans="1:54" s="207" customFormat="1" ht="13.95" customHeight="1" x14ac:dyDescent="0.25">
      <c r="A1406" s="208" t="s">
        <v>3413</v>
      </c>
      <c r="B1406" s="209" t="s">
        <v>20420</v>
      </c>
      <c r="C1406" s="113" t="s">
        <v>3414</v>
      </c>
      <c r="D1406" s="113" t="s">
        <v>23239</v>
      </c>
      <c r="E1406" s="210">
        <v>1987</v>
      </c>
      <c r="F1406" s="210">
        <v>1479</v>
      </c>
      <c r="G1406" s="113" t="s">
        <v>1</v>
      </c>
      <c r="H1406" s="113">
        <v>0</v>
      </c>
      <c r="I1406" s="113">
        <v>0</v>
      </c>
      <c r="J1406" s="115">
        <v>1</v>
      </c>
      <c r="K1406" s="116" t="s">
        <v>174</v>
      </c>
      <c r="L1406" s="115">
        <v>1</v>
      </c>
      <c r="M1406" s="115">
        <v>0</v>
      </c>
      <c r="N1406" s="115">
        <v>0</v>
      </c>
      <c r="O1406" s="115">
        <v>1</v>
      </c>
      <c r="P1406" s="115">
        <v>1</v>
      </c>
      <c r="Q1406" s="115" t="s">
        <v>400</v>
      </c>
      <c r="R1406" s="115">
        <v>0</v>
      </c>
      <c r="S1406" s="115">
        <v>0</v>
      </c>
      <c r="T1406" s="115">
        <v>0</v>
      </c>
      <c r="U1406" s="119"/>
      <c r="V1406" s="119"/>
      <c r="W1406" s="119"/>
      <c r="X1406" s="119"/>
      <c r="Y1406" s="119"/>
      <c r="Z1406" s="119"/>
      <c r="AA1406" s="119"/>
      <c r="AB1406" s="119"/>
      <c r="AC1406" s="119"/>
      <c r="AD1406" s="119"/>
      <c r="AE1406" s="119"/>
      <c r="AF1406" s="119"/>
      <c r="AG1406" s="119"/>
      <c r="AH1406" s="119"/>
      <c r="AI1406" s="119"/>
      <c r="AJ1406" s="119"/>
      <c r="AK1406" s="119"/>
      <c r="AL1406" s="119"/>
      <c r="AM1406" s="119"/>
      <c r="AN1406" s="119"/>
      <c r="AO1406" s="119"/>
      <c r="AP1406" s="119"/>
      <c r="AQ1406" s="119"/>
      <c r="AR1406" s="119"/>
      <c r="AS1406" s="119"/>
      <c r="AT1406" s="119"/>
      <c r="AU1406" s="119"/>
      <c r="AV1406" s="119"/>
      <c r="AW1406" s="119"/>
      <c r="AX1406" s="119"/>
      <c r="AY1406" s="119"/>
      <c r="AZ1406" s="119"/>
      <c r="BA1406" s="119"/>
      <c r="BB1406" s="107">
        <v>45884</v>
      </c>
    </row>
    <row r="1407" spans="1:54" s="207" customFormat="1" ht="13.95" customHeight="1" x14ac:dyDescent="0.25">
      <c r="A1407" s="208" t="s">
        <v>3415</v>
      </c>
      <c r="B1407" s="209" t="s">
        <v>20420</v>
      </c>
      <c r="C1407" s="113" t="s">
        <v>3416</v>
      </c>
      <c r="D1407" s="113" t="s">
        <v>23240</v>
      </c>
      <c r="E1407" s="210">
        <v>1987</v>
      </c>
      <c r="F1407" s="210">
        <v>1479</v>
      </c>
      <c r="G1407" s="113" t="s">
        <v>1</v>
      </c>
      <c r="H1407" s="113">
        <v>0</v>
      </c>
      <c r="I1407" s="113">
        <v>0</v>
      </c>
      <c r="J1407" s="115">
        <v>1</v>
      </c>
      <c r="K1407" s="116" t="s">
        <v>174</v>
      </c>
      <c r="L1407" s="115">
        <v>0</v>
      </c>
      <c r="M1407" s="115">
        <v>0</v>
      </c>
      <c r="N1407" s="115">
        <v>0</v>
      </c>
      <c r="O1407" s="115">
        <v>0</v>
      </c>
      <c r="P1407" s="115" t="s">
        <v>400</v>
      </c>
      <c r="Q1407" s="115" t="s">
        <v>400</v>
      </c>
      <c r="R1407" s="115">
        <v>0</v>
      </c>
      <c r="S1407" s="115">
        <v>0</v>
      </c>
      <c r="T1407" s="115">
        <v>0</v>
      </c>
      <c r="U1407" s="119"/>
      <c r="V1407" s="119"/>
      <c r="W1407" s="119"/>
      <c r="X1407" s="119"/>
      <c r="Y1407" s="119"/>
      <c r="Z1407" s="119"/>
      <c r="AA1407" s="119"/>
      <c r="AB1407" s="119"/>
      <c r="AC1407" s="119"/>
      <c r="AD1407" s="119"/>
      <c r="AE1407" s="119"/>
      <c r="AF1407" s="119"/>
      <c r="AG1407" s="119"/>
      <c r="AH1407" s="119"/>
      <c r="AI1407" s="119"/>
      <c r="AJ1407" s="119"/>
      <c r="AK1407" s="119"/>
      <c r="AL1407" s="119"/>
      <c r="AM1407" s="119"/>
      <c r="AN1407" s="119"/>
      <c r="AO1407" s="119"/>
      <c r="AP1407" s="119"/>
      <c r="AQ1407" s="119"/>
      <c r="AR1407" s="119"/>
      <c r="AS1407" s="119"/>
      <c r="AT1407" s="119"/>
      <c r="AU1407" s="119"/>
      <c r="AV1407" s="119"/>
      <c r="AW1407" s="119"/>
      <c r="AX1407" s="119"/>
      <c r="AY1407" s="119"/>
      <c r="AZ1407" s="119"/>
      <c r="BA1407" s="119"/>
      <c r="BB1407" s="107">
        <v>45884</v>
      </c>
    </row>
    <row r="1408" spans="1:54" s="207" customFormat="1" ht="13.95" customHeight="1" x14ac:dyDescent="0.25">
      <c r="A1408" s="208" t="s">
        <v>3417</v>
      </c>
      <c r="B1408" s="209" t="s">
        <v>20420</v>
      </c>
      <c r="C1408" s="113" t="s">
        <v>3418</v>
      </c>
      <c r="D1408" s="113" t="s">
        <v>23241</v>
      </c>
      <c r="E1408" s="210">
        <v>1977</v>
      </c>
      <c r="F1408" s="210">
        <v>1480</v>
      </c>
      <c r="G1408" s="113" t="s">
        <v>1</v>
      </c>
      <c r="H1408" s="113">
        <v>0</v>
      </c>
      <c r="I1408" s="113">
        <v>0</v>
      </c>
      <c r="J1408" s="115">
        <v>0</v>
      </c>
      <c r="K1408" s="116" t="s">
        <v>174</v>
      </c>
      <c r="L1408" s="115">
        <v>0</v>
      </c>
      <c r="M1408" s="115">
        <v>1</v>
      </c>
      <c r="N1408" s="115">
        <v>0</v>
      </c>
      <c r="O1408" s="115">
        <v>0</v>
      </c>
      <c r="P1408" s="115" t="s">
        <v>400</v>
      </c>
      <c r="Q1408" s="115" t="s">
        <v>400</v>
      </c>
      <c r="R1408" s="115">
        <v>0</v>
      </c>
      <c r="S1408" s="115">
        <v>0</v>
      </c>
      <c r="T1408" s="115">
        <v>0</v>
      </c>
      <c r="U1408" s="119"/>
      <c r="V1408" s="119"/>
      <c r="W1408" s="119"/>
      <c r="X1408" s="119"/>
      <c r="Y1408" s="119"/>
      <c r="Z1408" s="119"/>
      <c r="AA1408" s="119"/>
      <c r="AB1408" s="119"/>
      <c r="AC1408" s="119"/>
      <c r="AD1408" s="119"/>
      <c r="AE1408" s="119"/>
      <c r="AF1408" s="119"/>
      <c r="AG1408" s="119"/>
      <c r="AH1408" s="119"/>
      <c r="AI1408" s="119"/>
      <c r="AJ1408" s="119"/>
      <c r="AK1408" s="119"/>
      <c r="AL1408" s="119"/>
      <c r="AM1408" s="119"/>
      <c r="AN1408" s="119"/>
      <c r="AO1408" s="119"/>
      <c r="AP1408" s="119"/>
      <c r="AQ1408" s="119"/>
      <c r="AR1408" s="119"/>
      <c r="AS1408" s="119"/>
      <c r="AT1408" s="119"/>
      <c r="AU1408" s="119"/>
      <c r="AV1408" s="119"/>
      <c r="AW1408" s="119"/>
      <c r="AX1408" s="119"/>
      <c r="AY1408" s="119"/>
      <c r="AZ1408" s="119"/>
      <c r="BA1408" s="119"/>
      <c r="BB1408" s="107">
        <v>45884</v>
      </c>
    </row>
    <row r="1409" spans="1:54" s="207" customFormat="1" ht="13.95" customHeight="1" x14ac:dyDescent="0.25">
      <c r="A1409" s="208" t="s">
        <v>3419</v>
      </c>
      <c r="B1409" s="209" t="s">
        <v>20420</v>
      </c>
      <c r="C1409" s="113" t="s">
        <v>3420</v>
      </c>
      <c r="D1409" s="113" t="s">
        <v>23242</v>
      </c>
      <c r="E1409" s="210">
        <v>1985</v>
      </c>
      <c r="F1409" s="210">
        <v>1480</v>
      </c>
      <c r="G1409" s="113" t="s">
        <v>1</v>
      </c>
      <c r="H1409" s="113">
        <v>0</v>
      </c>
      <c r="I1409" s="113">
        <v>0</v>
      </c>
      <c r="J1409" s="115">
        <v>1</v>
      </c>
      <c r="K1409" s="116" t="s">
        <v>174</v>
      </c>
      <c r="L1409" s="115">
        <v>1</v>
      </c>
      <c r="M1409" s="115">
        <v>1</v>
      </c>
      <c r="N1409" s="115">
        <v>1</v>
      </c>
      <c r="O1409" s="115">
        <v>1</v>
      </c>
      <c r="P1409" s="115" t="s">
        <v>400</v>
      </c>
      <c r="Q1409" s="115" t="s">
        <v>400</v>
      </c>
      <c r="R1409" s="115">
        <v>0</v>
      </c>
      <c r="S1409" s="115">
        <v>0</v>
      </c>
      <c r="T1409" s="115">
        <v>0</v>
      </c>
      <c r="U1409" s="119"/>
      <c r="V1409" s="119"/>
      <c r="W1409" s="119"/>
      <c r="X1409" s="119"/>
      <c r="Y1409" s="119"/>
      <c r="Z1409" s="119"/>
      <c r="AA1409" s="119"/>
      <c r="AB1409" s="119"/>
      <c r="AC1409" s="119"/>
      <c r="AD1409" s="119"/>
      <c r="AE1409" s="119"/>
      <c r="AF1409" s="119"/>
      <c r="AG1409" s="119"/>
      <c r="AH1409" s="119"/>
      <c r="AI1409" s="119"/>
      <c r="AJ1409" s="119"/>
      <c r="AK1409" s="119"/>
      <c r="AL1409" s="119"/>
      <c r="AM1409" s="119"/>
      <c r="AN1409" s="119"/>
      <c r="AO1409" s="119"/>
      <c r="AP1409" s="119"/>
      <c r="AQ1409" s="119"/>
      <c r="AR1409" s="119"/>
      <c r="AS1409" s="119"/>
      <c r="AT1409" s="119"/>
      <c r="AU1409" s="119"/>
      <c r="AV1409" s="119"/>
      <c r="AW1409" s="119"/>
      <c r="AX1409" s="119"/>
      <c r="AY1409" s="119"/>
      <c r="AZ1409" s="119"/>
      <c r="BA1409" s="119"/>
      <c r="BB1409" s="107">
        <v>45884</v>
      </c>
    </row>
    <row r="1410" spans="1:54" s="207" customFormat="1" ht="13.95" customHeight="1" x14ac:dyDescent="0.25">
      <c r="A1410" s="208" t="s">
        <v>3421</v>
      </c>
      <c r="B1410" s="209" t="s">
        <v>20420</v>
      </c>
      <c r="C1410" s="113" t="s">
        <v>3422</v>
      </c>
      <c r="D1410" s="113" t="s">
        <v>23243</v>
      </c>
      <c r="E1410" s="210">
        <v>1978</v>
      </c>
      <c r="F1410" s="210">
        <v>1482</v>
      </c>
      <c r="G1410" s="113" t="s">
        <v>1</v>
      </c>
      <c r="H1410" s="113">
        <v>0</v>
      </c>
      <c r="I1410" s="113">
        <v>0</v>
      </c>
      <c r="J1410" s="115">
        <v>1</v>
      </c>
      <c r="K1410" s="116" t="s">
        <v>174</v>
      </c>
      <c r="L1410" s="115">
        <v>1</v>
      </c>
      <c r="M1410" s="115">
        <v>1</v>
      </c>
      <c r="N1410" s="115">
        <v>0</v>
      </c>
      <c r="O1410" s="115">
        <v>1</v>
      </c>
      <c r="P1410" s="115">
        <v>1</v>
      </c>
      <c r="Q1410" s="115" t="s">
        <v>400</v>
      </c>
      <c r="R1410" s="115">
        <v>1</v>
      </c>
      <c r="S1410" s="115">
        <v>0</v>
      </c>
      <c r="T1410" s="115">
        <v>0</v>
      </c>
      <c r="U1410" s="119"/>
      <c r="V1410" s="119"/>
      <c r="W1410" s="119"/>
      <c r="X1410" s="119"/>
      <c r="Y1410" s="119"/>
      <c r="Z1410" s="119"/>
      <c r="AA1410" s="119"/>
      <c r="AB1410" s="119"/>
      <c r="AC1410" s="119"/>
      <c r="AD1410" s="119"/>
      <c r="AE1410" s="119"/>
      <c r="AF1410" s="119"/>
      <c r="AG1410" s="119"/>
      <c r="AH1410" s="119"/>
      <c r="AI1410" s="119"/>
      <c r="AJ1410" s="119"/>
      <c r="AK1410" s="119"/>
      <c r="AL1410" s="119"/>
      <c r="AM1410" s="119"/>
      <c r="AN1410" s="119"/>
      <c r="AO1410" s="119"/>
      <c r="AP1410" s="119"/>
      <c r="AQ1410" s="119"/>
      <c r="AR1410" s="119"/>
      <c r="AS1410" s="119"/>
      <c r="AT1410" s="119"/>
      <c r="AU1410" s="119"/>
      <c r="AV1410" s="119"/>
      <c r="AW1410" s="119"/>
      <c r="AX1410" s="119"/>
      <c r="AY1410" s="119"/>
      <c r="AZ1410" s="119"/>
      <c r="BA1410" s="119"/>
      <c r="BB1410" s="107">
        <v>45884</v>
      </c>
    </row>
    <row r="1411" spans="1:54" s="207" customFormat="1" ht="13.95" customHeight="1" x14ac:dyDescent="0.25">
      <c r="A1411" s="208" t="s">
        <v>3423</v>
      </c>
      <c r="B1411" s="209" t="s">
        <v>20420</v>
      </c>
      <c r="C1411" s="113" t="s">
        <v>3424</v>
      </c>
      <c r="D1411" s="113" t="s">
        <v>23244</v>
      </c>
      <c r="E1411" s="210">
        <v>1996</v>
      </c>
      <c r="F1411" s="210">
        <v>1486</v>
      </c>
      <c r="G1411" s="113" t="s">
        <v>1</v>
      </c>
      <c r="H1411" s="113">
        <v>0</v>
      </c>
      <c r="I1411" s="113">
        <v>0</v>
      </c>
      <c r="J1411" s="115">
        <v>1</v>
      </c>
      <c r="K1411" s="116" t="s">
        <v>174</v>
      </c>
      <c r="L1411" s="115">
        <v>1</v>
      </c>
      <c r="M1411" s="115">
        <v>1</v>
      </c>
      <c r="N1411" s="115">
        <v>1</v>
      </c>
      <c r="O1411" s="115">
        <v>1</v>
      </c>
      <c r="P1411" s="115" t="s">
        <v>400</v>
      </c>
      <c r="Q1411" s="115" t="s">
        <v>400</v>
      </c>
      <c r="R1411" s="115">
        <v>1</v>
      </c>
      <c r="S1411" s="115">
        <v>0</v>
      </c>
      <c r="T1411" s="115">
        <v>0</v>
      </c>
      <c r="U1411" s="119"/>
      <c r="V1411" s="119"/>
      <c r="W1411" s="119"/>
      <c r="X1411" s="119"/>
      <c r="Y1411" s="119"/>
      <c r="Z1411" s="119"/>
      <c r="AA1411" s="119"/>
      <c r="AB1411" s="119"/>
      <c r="AC1411" s="119"/>
      <c r="AD1411" s="119"/>
      <c r="AE1411" s="119"/>
      <c r="AF1411" s="119"/>
      <c r="AG1411" s="119"/>
      <c r="AH1411" s="119"/>
      <c r="AI1411" s="119"/>
      <c r="AJ1411" s="119"/>
      <c r="AK1411" s="119"/>
      <c r="AL1411" s="119"/>
      <c r="AM1411" s="119"/>
      <c r="AN1411" s="119"/>
      <c r="AO1411" s="119"/>
      <c r="AP1411" s="119"/>
      <c r="AQ1411" s="119"/>
      <c r="AR1411" s="119"/>
      <c r="AS1411" s="119"/>
      <c r="AT1411" s="119"/>
      <c r="AU1411" s="119"/>
      <c r="AV1411" s="119"/>
      <c r="AW1411" s="119"/>
      <c r="AX1411" s="119"/>
      <c r="AY1411" s="119"/>
      <c r="AZ1411" s="119"/>
      <c r="BA1411" s="119"/>
      <c r="BB1411" s="107">
        <v>45884</v>
      </c>
    </row>
    <row r="1412" spans="1:54" s="207" customFormat="1" ht="13.95" customHeight="1" x14ac:dyDescent="0.25">
      <c r="A1412" s="208" t="s">
        <v>3425</v>
      </c>
      <c r="B1412" s="209" t="s">
        <v>20420</v>
      </c>
      <c r="C1412" s="113" t="s">
        <v>3426</v>
      </c>
      <c r="D1412" s="113" t="s">
        <v>23245</v>
      </c>
      <c r="E1412" s="210">
        <v>1969</v>
      </c>
      <c r="F1412" s="210">
        <v>1497</v>
      </c>
      <c r="G1412" s="113" t="s">
        <v>1</v>
      </c>
      <c r="H1412" s="113">
        <v>0</v>
      </c>
      <c r="I1412" s="113">
        <v>0</v>
      </c>
      <c r="J1412" s="115">
        <v>1</v>
      </c>
      <c r="K1412" s="211">
        <v>1</v>
      </c>
      <c r="L1412" s="115">
        <v>0</v>
      </c>
      <c r="M1412" s="115">
        <v>1</v>
      </c>
      <c r="N1412" s="115">
        <v>0</v>
      </c>
      <c r="O1412" s="115">
        <v>1</v>
      </c>
      <c r="P1412" s="115" t="s">
        <v>400</v>
      </c>
      <c r="Q1412" s="115" t="s">
        <v>400</v>
      </c>
      <c r="R1412" s="115">
        <v>0</v>
      </c>
      <c r="S1412" s="115">
        <v>0</v>
      </c>
      <c r="T1412" s="115">
        <v>0</v>
      </c>
      <c r="U1412" s="119"/>
      <c r="V1412" s="119"/>
      <c r="W1412" s="119"/>
      <c r="X1412" s="119"/>
      <c r="Y1412" s="119"/>
      <c r="Z1412" s="119"/>
      <c r="AA1412" s="119"/>
      <c r="AB1412" s="119"/>
      <c r="AC1412" s="119"/>
      <c r="AD1412" s="119"/>
      <c r="AE1412" s="119"/>
      <c r="AF1412" s="119"/>
      <c r="AG1412" s="119"/>
      <c r="AH1412" s="119"/>
      <c r="AI1412" s="119"/>
      <c r="AJ1412" s="119"/>
      <c r="AK1412" s="119"/>
      <c r="AL1412" s="119"/>
      <c r="AM1412" s="119"/>
      <c r="AN1412" s="119"/>
      <c r="AO1412" s="119"/>
      <c r="AP1412" s="119"/>
      <c r="AQ1412" s="119"/>
      <c r="AR1412" s="119"/>
      <c r="AS1412" s="119"/>
      <c r="AT1412" s="119"/>
      <c r="AU1412" s="119"/>
      <c r="AV1412" s="119"/>
      <c r="AW1412" s="119"/>
      <c r="AX1412" s="119"/>
      <c r="AY1412" s="119"/>
      <c r="AZ1412" s="119"/>
      <c r="BA1412" s="119"/>
      <c r="BB1412" s="107">
        <v>45884</v>
      </c>
    </row>
    <row r="1413" spans="1:54" s="207" customFormat="1" ht="13.95" customHeight="1" x14ac:dyDescent="0.25">
      <c r="A1413" s="208" t="s">
        <v>3427</v>
      </c>
      <c r="B1413" s="209" t="s">
        <v>20420</v>
      </c>
      <c r="C1413" s="113" t="s">
        <v>3428</v>
      </c>
      <c r="D1413" s="113" t="s">
        <v>23246</v>
      </c>
      <c r="E1413" s="210">
        <v>1990</v>
      </c>
      <c r="F1413" s="210">
        <v>1497</v>
      </c>
      <c r="G1413" s="113" t="s">
        <v>1</v>
      </c>
      <c r="H1413" s="113">
        <v>0</v>
      </c>
      <c r="I1413" s="113">
        <v>0</v>
      </c>
      <c r="J1413" s="115">
        <v>1</v>
      </c>
      <c r="K1413" s="116" t="s">
        <v>174</v>
      </c>
      <c r="L1413" s="115">
        <v>1</v>
      </c>
      <c r="M1413" s="115">
        <v>0</v>
      </c>
      <c r="N1413" s="115">
        <v>0</v>
      </c>
      <c r="O1413" s="115">
        <v>1</v>
      </c>
      <c r="P1413" s="115">
        <v>1</v>
      </c>
      <c r="Q1413" s="115" t="s">
        <v>400</v>
      </c>
      <c r="R1413" s="115">
        <v>0</v>
      </c>
      <c r="S1413" s="115">
        <v>0</v>
      </c>
      <c r="T1413" s="115">
        <v>0</v>
      </c>
      <c r="U1413" s="119"/>
      <c r="V1413" s="119"/>
      <c r="W1413" s="119"/>
      <c r="X1413" s="119"/>
      <c r="Y1413" s="119"/>
      <c r="Z1413" s="119"/>
      <c r="AA1413" s="119"/>
      <c r="AB1413" s="119"/>
      <c r="AC1413" s="119"/>
      <c r="AD1413" s="119"/>
      <c r="AE1413" s="119"/>
      <c r="AF1413" s="119"/>
      <c r="AG1413" s="119"/>
      <c r="AH1413" s="119"/>
      <c r="AI1413" s="119"/>
      <c r="AJ1413" s="119"/>
      <c r="AK1413" s="119"/>
      <c r="AL1413" s="119"/>
      <c r="AM1413" s="119"/>
      <c r="AN1413" s="119"/>
      <c r="AO1413" s="119"/>
      <c r="AP1413" s="119"/>
      <c r="AQ1413" s="119"/>
      <c r="AR1413" s="119"/>
      <c r="AS1413" s="119"/>
      <c r="AT1413" s="119"/>
      <c r="AU1413" s="119"/>
      <c r="AV1413" s="119"/>
      <c r="AW1413" s="119"/>
      <c r="AX1413" s="119"/>
      <c r="AY1413" s="119"/>
      <c r="AZ1413" s="119"/>
      <c r="BA1413" s="119"/>
      <c r="BB1413" s="107">
        <v>45884</v>
      </c>
    </row>
    <row r="1414" spans="1:54" s="207" customFormat="1" ht="13.95" customHeight="1" x14ac:dyDescent="0.25">
      <c r="A1414" s="208" t="s">
        <v>3429</v>
      </c>
      <c r="B1414" s="209" t="s">
        <v>20420</v>
      </c>
      <c r="C1414" s="113" t="s">
        <v>3430</v>
      </c>
      <c r="D1414" s="113" t="s">
        <v>23247</v>
      </c>
      <c r="E1414" s="210">
        <v>1993</v>
      </c>
      <c r="F1414" s="210">
        <v>1498</v>
      </c>
      <c r="G1414" s="113" t="s">
        <v>1</v>
      </c>
      <c r="H1414" s="113">
        <v>0</v>
      </c>
      <c r="I1414" s="113">
        <v>0</v>
      </c>
      <c r="J1414" s="115">
        <v>1</v>
      </c>
      <c r="K1414" s="211">
        <v>1</v>
      </c>
      <c r="L1414" s="115">
        <v>1</v>
      </c>
      <c r="M1414" s="115">
        <v>0</v>
      </c>
      <c r="N1414" s="115">
        <v>0</v>
      </c>
      <c r="O1414" s="115">
        <v>1</v>
      </c>
      <c r="P1414" s="115">
        <v>1</v>
      </c>
      <c r="Q1414" s="115" t="s">
        <v>400</v>
      </c>
      <c r="R1414" s="115">
        <v>1</v>
      </c>
      <c r="S1414" s="115">
        <v>0</v>
      </c>
      <c r="T1414" s="115">
        <v>0</v>
      </c>
      <c r="U1414" s="119"/>
      <c r="V1414" s="119"/>
      <c r="W1414" s="119"/>
      <c r="X1414" s="119"/>
      <c r="Y1414" s="119"/>
      <c r="Z1414" s="119"/>
      <c r="AA1414" s="119"/>
      <c r="AB1414" s="119"/>
      <c r="AC1414" s="119"/>
      <c r="AD1414" s="119"/>
      <c r="AE1414" s="119"/>
      <c r="AF1414" s="119"/>
      <c r="AG1414" s="119"/>
      <c r="AH1414" s="119"/>
      <c r="AI1414" s="119"/>
      <c r="AJ1414" s="119"/>
      <c r="AK1414" s="119"/>
      <c r="AL1414" s="119"/>
      <c r="AM1414" s="119"/>
      <c r="AN1414" s="119"/>
      <c r="AO1414" s="119"/>
      <c r="AP1414" s="119"/>
      <c r="AQ1414" s="119"/>
      <c r="AR1414" s="119"/>
      <c r="AS1414" s="119"/>
      <c r="AT1414" s="119"/>
      <c r="AU1414" s="119"/>
      <c r="AV1414" s="119"/>
      <c r="AW1414" s="119"/>
      <c r="AX1414" s="119"/>
      <c r="AY1414" s="119"/>
      <c r="AZ1414" s="119"/>
      <c r="BA1414" s="119"/>
      <c r="BB1414" s="107">
        <v>45884</v>
      </c>
    </row>
    <row r="1415" spans="1:54" s="207" customFormat="1" ht="13.95" customHeight="1" x14ac:dyDescent="0.25">
      <c r="A1415" s="208" t="s">
        <v>3431</v>
      </c>
      <c r="B1415" s="209" t="s">
        <v>20420</v>
      </c>
      <c r="C1415" s="113" t="s">
        <v>3432</v>
      </c>
      <c r="D1415" s="113" t="s">
        <v>23248</v>
      </c>
      <c r="E1415" s="210">
        <v>1992</v>
      </c>
      <c r="F1415" s="210">
        <v>1500</v>
      </c>
      <c r="G1415" s="113" t="s">
        <v>1</v>
      </c>
      <c r="H1415" s="113">
        <v>0</v>
      </c>
      <c r="I1415" s="113">
        <v>0</v>
      </c>
      <c r="J1415" s="115">
        <v>1</v>
      </c>
      <c r="K1415" s="116" t="s">
        <v>174</v>
      </c>
      <c r="L1415" s="115">
        <v>1</v>
      </c>
      <c r="M1415" s="115">
        <v>0</v>
      </c>
      <c r="N1415" s="115">
        <v>0</v>
      </c>
      <c r="O1415" s="115">
        <v>1</v>
      </c>
      <c r="P1415" s="115" t="s">
        <v>400</v>
      </c>
      <c r="Q1415" s="115" t="s">
        <v>400</v>
      </c>
      <c r="R1415" s="115">
        <v>0</v>
      </c>
      <c r="S1415" s="115">
        <v>0</v>
      </c>
      <c r="T1415" s="115">
        <v>0</v>
      </c>
      <c r="U1415" s="119"/>
      <c r="V1415" s="119"/>
      <c r="W1415" s="119"/>
      <c r="X1415" s="119"/>
      <c r="Y1415" s="119"/>
      <c r="Z1415" s="119"/>
      <c r="AA1415" s="119"/>
      <c r="AB1415" s="119"/>
      <c r="AC1415" s="119"/>
      <c r="AD1415" s="119"/>
      <c r="AE1415" s="119"/>
      <c r="AF1415" s="119"/>
      <c r="AG1415" s="119"/>
      <c r="AH1415" s="119"/>
      <c r="AI1415" s="119"/>
      <c r="AJ1415" s="119"/>
      <c r="AK1415" s="119"/>
      <c r="AL1415" s="119"/>
      <c r="AM1415" s="119"/>
      <c r="AN1415" s="119"/>
      <c r="AO1415" s="119"/>
      <c r="AP1415" s="119"/>
      <c r="AQ1415" s="119"/>
      <c r="AR1415" s="119"/>
      <c r="AS1415" s="119"/>
      <c r="AT1415" s="119"/>
      <c r="AU1415" s="119"/>
      <c r="AV1415" s="119"/>
      <c r="AW1415" s="119"/>
      <c r="AX1415" s="119"/>
      <c r="AY1415" s="119"/>
      <c r="AZ1415" s="119"/>
      <c r="BA1415" s="119"/>
      <c r="BB1415" s="107">
        <v>45884</v>
      </c>
    </row>
    <row r="1416" spans="1:54" s="207" customFormat="1" ht="13.95" customHeight="1" x14ac:dyDescent="0.25">
      <c r="A1416" s="208" t="s">
        <v>3433</v>
      </c>
      <c r="B1416" s="209" t="s">
        <v>20420</v>
      </c>
      <c r="C1416" s="113" t="s">
        <v>3434</v>
      </c>
      <c r="D1416" s="113" t="s">
        <v>23249</v>
      </c>
      <c r="E1416" s="210">
        <v>1972</v>
      </c>
      <c r="F1416" s="210">
        <v>1500</v>
      </c>
      <c r="G1416" s="113" t="s">
        <v>1</v>
      </c>
      <c r="H1416" s="113">
        <v>0</v>
      </c>
      <c r="I1416" s="113">
        <v>0</v>
      </c>
      <c r="J1416" s="115">
        <v>1</v>
      </c>
      <c r="K1416" s="116" t="s">
        <v>174</v>
      </c>
      <c r="L1416" s="115">
        <v>1</v>
      </c>
      <c r="M1416" s="115">
        <v>0</v>
      </c>
      <c r="N1416" s="115">
        <v>0</v>
      </c>
      <c r="O1416" s="115">
        <v>0</v>
      </c>
      <c r="P1416" s="115">
        <v>1</v>
      </c>
      <c r="Q1416" s="115" t="s">
        <v>400</v>
      </c>
      <c r="R1416" s="115">
        <v>1</v>
      </c>
      <c r="S1416" s="115">
        <v>0</v>
      </c>
      <c r="T1416" s="115">
        <v>0</v>
      </c>
      <c r="U1416" s="119"/>
      <c r="V1416" s="119"/>
      <c r="W1416" s="119"/>
      <c r="X1416" s="119"/>
      <c r="Y1416" s="119"/>
      <c r="Z1416" s="119"/>
      <c r="AA1416" s="119"/>
      <c r="AB1416" s="119"/>
      <c r="AC1416" s="119"/>
      <c r="AD1416" s="119"/>
      <c r="AE1416" s="119"/>
      <c r="AF1416" s="119"/>
      <c r="AG1416" s="119"/>
      <c r="AH1416" s="119"/>
      <c r="AI1416" s="119"/>
      <c r="AJ1416" s="119"/>
      <c r="AK1416" s="119"/>
      <c r="AL1416" s="119"/>
      <c r="AM1416" s="119"/>
      <c r="AN1416" s="119"/>
      <c r="AO1416" s="119"/>
      <c r="AP1416" s="119"/>
      <c r="AQ1416" s="119"/>
      <c r="AR1416" s="119"/>
      <c r="AS1416" s="119"/>
      <c r="AT1416" s="119"/>
      <c r="AU1416" s="119"/>
      <c r="AV1416" s="119"/>
      <c r="AW1416" s="119"/>
      <c r="AX1416" s="119"/>
      <c r="AY1416" s="119"/>
      <c r="AZ1416" s="119"/>
      <c r="BA1416" s="119"/>
      <c r="BB1416" s="107">
        <v>45884</v>
      </c>
    </row>
    <row r="1417" spans="1:54" s="207" customFormat="1" ht="13.95" customHeight="1" x14ac:dyDescent="0.25">
      <c r="A1417" s="208" t="s">
        <v>3435</v>
      </c>
      <c r="B1417" s="209" t="s">
        <v>20420</v>
      </c>
      <c r="C1417" s="113" t="s">
        <v>3436</v>
      </c>
      <c r="D1417" s="113" t="s">
        <v>23250</v>
      </c>
      <c r="E1417" s="210">
        <v>1980</v>
      </c>
      <c r="F1417" s="210">
        <v>1500</v>
      </c>
      <c r="G1417" s="113" t="s">
        <v>1</v>
      </c>
      <c r="H1417" s="113">
        <v>0</v>
      </c>
      <c r="I1417" s="113">
        <v>0</v>
      </c>
      <c r="J1417" s="115">
        <v>1</v>
      </c>
      <c r="K1417" s="211">
        <v>1</v>
      </c>
      <c r="L1417" s="115">
        <v>1</v>
      </c>
      <c r="M1417" s="115">
        <v>0</v>
      </c>
      <c r="N1417" s="115">
        <v>0</v>
      </c>
      <c r="O1417" s="115">
        <v>1</v>
      </c>
      <c r="P1417" s="115">
        <v>1</v>
      </c>
      <c r="Q1417" s="115" t="s">
        <v>400</v>
      </c>
      <c r="R1417" s="115">
        <v>1</v>
      </c>
      <c r="S1417" s="115">
        <v>0</v>
      </c>
      <c r="T1417" s="115">
        <v>0</v>
      </c>
      <c r="U1417" s="119"/>
      <c r="V1417" s="119"/>
      <c r="W1417" s="119"/>
      <c r="X1417" s="119"/>
      <c r="Y1417" s="119"/>
      <c r="Z1417" s="119"/>
      <c r="AA1417" s="119"/>
      <c r="AB1417" s="119"/>
      <c r="AC1417" s="119"/>
      <c r="AD1417" s="119"/>
      <c r="AE1417" s="119"/>
      <c r="AF1417" s="119"/>
      <c r="AG1417" s="119"/>
      <c r="AH1417" s="119"/>
      <c r="AI1417" s="119"/>
      <c r="AJ1417" s="119"/>
      <c r="AK1417" s="119"/>
      <c r="AL1417" s="119"/>
      <c r="AM1417" s="119"/>
      <c r="AN1417" s="119"/>
      <c r="AO1417" s="119"/>
      <c r="AP1417" s="119"/>
      <c r="AQ1417" s="119"/>
      <c r="AR1417" s="119"/>
      <c r="AS1417" s="119"/>
      <c r="AT1417" s="119"/>
      <c r="AU1417" s="119"/>
      <c r="AV1417" s="119"/>
      <c r="AW1417" s="119"/>
      <c r="AX1417" s="119"/>
      <c r="AY1417" s="119"/>
      <c r="AZ1417" s="119"/>
      <c r="BA1417" s="119"/>
      <c r="BB1417" s="107">
        <v>45884</v>
      </c>
    </row>
    <row r="1418" spans="1:54" s="207" customFormat="1" ht="13.95" customHeight="1" x14ac:dyDescent="0.25">
      <c r="A1418" s="208" t="s">
        <v>3437</v>
      </c>
      <c r="B1418" s="209" t="s">
        <v>20420</v>
      </c>
      <c r="C1418" s="113" t="s">
        <v>3438</v>
      </c>
      <c r="D1418" s="113" t="s">
        <v>3439</v>
      </c>
      <c r="E1418" s="210">
        <v>1983</v>
      </c>
      <c r="F1418" s="210">
        <v>1501</v>
      </c>
      <c r="G1418" s="113" t="s">
        <v>1</v>
      </c>
      <c r="H1418" s="113">
        <v>0</v>
      </c>
      <c r="I1418" s="113">
        <v>0</v>
      </c>
      <c r="J1418" s="115">
        <v>1</v>
      </c>
      <c r="K1418" s="116" t="s">
        <v>174</v>
      </c>
      <c r="L1418" s="115">
        <v>1</v>
      </c>
      <c r="M1418" s="115">
        <v>0</v>
      </c>
      <c r="N1418" s="115">
        <v>0</v>
      </c>
      <c r="O1418" s="115">
        <v>1</v>
      </c>
      <c r="P1418" s="115">
        <v>1</v>
      </c>
      <c r="Q1418" s="115">
        <v>1</v>
      </c>
      <c r="R1418" s="115">
        <v>1</v>
      </c>
      <c r="S1418" s="115">
        <v>0</v>
      </c>
      <c r="T1418" s="115">
        <v>0</v>
      </c>
      <c r="U1418" s="119"/>
      <c r="V1418" s="119"/>
      <c r="W1418" s="119"/>
      <c r="X1418" s="119"/>
      <c r="Y1418" s="119"/>
      <c r="Z1418" s="119"/>
      <c r="AA1418" s="119"/>
      <c r="AB1418" s="119"/>
      <c r="AC1418" s="119"/>
      <c r="AD1418" s="119"/>
      <c r="AE1418" s="119"/>
      <c r="AF1418" s="119"/>
      <c r="AG1418" s="119"/>
      <c r="AH1418" s="119"/>
      <c r="AI1418" s="119"/>
      <c r="AJ1418" s="119"/>
      <c r="AK1418" s="119"/>
      <c r="AL1418" s="119"/>
      <c r="AM1418" s="119"/>
      <c r="AN1418" s="119"/>
      <c r="AO1418" s="119"/>
      <c r="AP1418" s="119"/>
      <c r="AQ1418" s="119"/>
      <c r="AR1418" s="119"/>
      <c r="AS1418" s="119"/>
      <c r="AT1418" s="119"/>
      <c r="AU1418" s="119"/>
      <c r="AV1418" s="119"/>
      <c r="AW1418" s="119"/>
      <c r="AX1418" s="119"/>
      <c r="AY1418" s="119"/>
      <c r="AZ1418" s="119"/>
      <c r="BA1418" s="119"/>
      <c r="BB1418" s="107">
        <v>45884</v>
      </c>
    </row>
    <row r="1419" spans="1:54" s="207" customFormat="1" ht="13.95" customHeight="1" x14ac:dyDescent="0.25">
      <c r="A1419" s="208" t="s">
        <v>3440</v>
      </c>
      <c r="B1419" s="209" t="s">
        <v>20420</v>
      </c>
      <c r="C1419" s="113" t="s">
        <v>3441</v>
      </c>
      <c r="D1419" s="113" t="s">
        <v>3442</v>
      </c>
      <c r="E1419" s="210">
        <v>1958</v>
      </c>
      <c r="F1419" s="210">
        <v>1502</v>
      </c>
      <c r="G1419" s="113" t="s">
        <v>1</v>
      </c>
      <c r="H1419" s="113">
        <v>0</v>
      </c>
      <c r="I1419" s="113">
        <v>0</v>
      </c>
      <c r="J1419" s="115">
        <v>1</v>
      </c>
      <c r="K1419" s="116" t="s">
        <v>174</v>
      </c>
      <c r="L1419" s="115">
        <v>1</v>
      </c>
      <c r="M1419" s="115">
        <v>0</v>
      </c>
      <c r="N1419" s="115">
        <v>1</v>
      </c>
      <c r="O1419" s="115">
        <v>1</v>
      </c>
      <c r="P1419" s="115">
        <v>1</v>
      </c>
      <c r="Q1419" s="115" t="s">
        <v>400</v>
      </c>
      <c r="R1419" s="115">
        <v>0</v>
      </c>
      <c r="S1419" s="115">
        <v>0</v>
      </c>
      <c r="T1419" s="115">
        <v>0</v>
      </c>
      <c r="U1419" s="119"/>
      <c r="V1419" s="119"/>
      <c r="W1419" s="119"/>
      <c r="X1419" s="119"/>
      <c r="Y1419" s="119"/>
      <c r="Z1419" s="119"/>
      <c r="AA1419" s="119"/>
      <c r="AB1419" s="119"/>
      <c r="AC1419" s="119"/>
      <c r="AD1419" s="119"/>
      <c r="AE1419" s="119"/>
      <c r="AF1419" s="119"/>
      <c r="AG1419" s="119"/>
      <c r="AH1419" s="119"/>
      <c r="AI1419" s="119"/>
      <c r="AJ1419" s="119"/>
      <c r="AK1419" s="119"/>
      <c r="AL1419" s="119"/>
      <c r="AM1419" s="119"/>
      <c r="AN1419" s="119"/>
      <c r="AO1419" s="119"/>
      <c r="AP1419" s="119"/>
      <c r="AQ1419" s="119"/>
      <c r="AR1419" s="119"/>
      <c r="AS1419" s="119"/>
      <c r="AT1419" s="119"/>
      <c r="AU1419" s="119"/>
      <c r="AV1419" s="119"/>
      <c r="AW1419" s="119"/>
      <c r="AX1419" s="119"/>
      <c r="AY1419" s="119"/>
      <c r="AZ1419" s="119"/>
      <c r="BA1419" s="119"/>
      <c r="BB1419" s="107">
        <v>45884</v>
      </c>
    </row>
    <row r="1420" spans="1:54" s="207" customFormat="1" ht="13.95" customHeight="1" x14ac:dyDescent="0.25">
      <c r="A1420" s="208" t="s">
        <v>3443</v>
      </c>
      <c r="B1420" s="209" t="s">
        <v>20420</v>
      </c>
      <c r="C1420" s="113" t="s">
        <v>3444</v>
      </c>
      <c r="D1420" s="113" t="s">
        <v>3445</v>
      </c>
      <c r="E1420" s="210">
        <v>1984</v>
      </c>
      <c r="F1420" s="210">
        <v>1503</v>
      </c>
      <c r="G1420" s="113" t="s">
        <v>1</v>
      </c>
      <c r="H1420" s="113">
        <v>0</v>
      </c>
      <c r="I1420" s="113">
        <v>0</v>
      </c>
      <c r="J1420" s="115">
        <v>1</v>
      </c>
      <c r="K1420" s="116" t="s">
        <v>174</v>
      </c>
      <c r="L1420" s="115">
        <v>1</v>
      </c>
      <c r="M1420" s="115">
        <v>0</v>
      </c>
      <c r="N1420" s="115">
        <v>0</v>
      </c>
      <c r="O1420" s="115">
        <v>0</v>
      </c>
      <c r="P1420" s="115" t="s">
        <v>400</v>
      </c>
      <c r="Q1420" s="115" t="s">
        <v>400</v>
      </c>
      <c r="R1420" s="115">
        <v>1</v>
      </c>
      <c r="S1420" s="115">
        <v>0</v>
      </c>
      <c r="T1420" s="115">
        <v>0</v>
      </c>
      <c r="U1420" s="119"/>
      <c r="V1420" s="119"/>
      <c r="W1420" s="119"/>
      <c r="X1420" s="119"/>
      <c r="Y1420" s="119"/>
      <c r="Z1420" s="119"/>
      <c r="AA1420" s="119"/>
      <c r="AB1420" s="119"/>
      <c r="AC1420" s="119"/>
      <c r="AD1420" s="119"/>
      <c r="AE1420" s="119"/>
      <c r="AF1420" s="119"/>
      <c r="AG1420" s="119"/>
      <c r="AH1420" s="119"/>
      <c r="AI1420" s="119"/>
      <c r="AJ1420" s="119"/>
      <c r="AK1420" s="119"/>
      <c r="AL1420" s="119"/>
      <c r="AM1420" s="119"/>
      <c r="AN1420" s="119"/>
      <c r="AO1420" s="119"/>
      <c r="AP1420" s="119"/>
      <c r="AQ1420" s="119"/>
      <c r="AR1420" s="119"/>
      <c r="AS1420" s="119"/>
      <c r="AT1420" s="119"/>
      <c r="AU1420" s="119"/>
      <c r="AV1420" s="119"/>
      <c r="AW1420" s="119"/>
      <c r="AX1420" s="119"/>
      <c r="AY1420" s="119"/>
      <c r="AZ1420" s="119"/>
      <c r="BA1420" s="119"/>
      <c r="BB1420" s="107">
        <v>45884</v>
      </c>
    </row>
    <row r="1421" spans="1:54" s="207" customFormat="1" ht="13.95" customHeight="1" x14ac:dyDescent="0.25">
      <c r="A1421" s="208" t="s">
        <v>3446</v>
      </c>
      <c r="B1421" s="209" t="s">
        <v>20420</v>
      </c>
      <c r="C1421" s="113" t="s">
        <v>3447</v>
      </c>
      <c r="D1421" s="113" t="s">
        <v>23251</v>
      </c>
      <c r="E1421" s="210">
        <v>1984</v>
      </c>
      <c r="F1421" s="210">
        <v>1509</v>
      </c>
      <c r="G1421" s="113" t="s">
        <v>1</v>
      </c>
      <c r="H1421" s="113">
        <v>0</v>
      </c>
      <c r="I1421" s="113">
        <v>0</v>
      </c>
      <c r="J1421" s="115">
        <v>1</v>
      </c>
      <c r="K1421" s="116" t="s">
        <v>174</v>
      </c>
      <c r="L1421" s="115">
        <v>0</v>
      </c>
      <c r="M1421" s="115">
        <v>0</v>
      </c>
      <c r="N1421" s="115">
        <v>0</v>
      </c>
      <c r="O1421" s="115">
        <v>0</v>
      </c>
      <c r="P1421" s="115" t="s">
        <v>400</v>
      </c>
      <c r="Q1421" s="115" t="s">
        <v>400</v>
      </c>
      <c r="R1421" s="115">
        <v>0</v>
      </c>
      <c r="S1421" s="115">
        <v>0</v>
      </c>
      <c r="T1421" s="115">
        <v>0</v>
      </c>
      <c r="U1421" s="119"/>
      <c r="V1421" s="119"/>
      <c r="W1421" s="119"/>
      <c r="X1421" s="119"/>
      <c r="Y1421" s="119"/>
      <c r="Z1421" s="119"/>
      <c r="AA1421" s="119"/>
      <c r="AB1421" s="119"/>
      <c r="AC1421" s="119"/>
      <c r="AD1421" s="119"/>
      <c r="AE1421" s="119"/>
      <c r="AF1421" s="119"/>
      <c r="AG1421" s="119"/>
      <c r="AH1421" s="119"/>
      <c r="AI1421" s="119"/>
      <c r="AJ1421" s="119"/>
      <c r="AK1421" s="119"/>
      <c r="AL1421" s="119"/>
      <c r="AM1421" s="119"/>
      <c r="AN1421" s="119"/>
      <c r="AO1421" s="119"/>
      <c r="AP1421" s="119"/>
      <c r="AQ1421" s="119"/>
      <c r="AR1421" s="119"/>
      <c r="AS1421" s="119"/>
      <c r="AT1421" s="119"/>
      <c r="AU1421" s="119"/>
      <c r="AV1421" s="119"/>
      <c r="AW1421" s="119"/>
      <c r="AX1421" s="119"/>
      <c r="AY1421" s="119"/>
      <c r="AZ1421" s="119"/>
      <c r="BA1421" s="119"/>
      <c r="BB1421" s="107">
        <v>45884</v>
      </c>
    </row>
    <row r="1422" spans="1:54" s="207" customFormat="1" ht="13.95" customHeight="1" x14ac:dyDescent="0.25">
      <c r="A1422" s="208" t="s">
        <v>3448</v>
      </c>
      <c r="B1422" s="209" t="s">
        <v>20420</v>
      </c>
      <c r="C1422" s="113" t="s">
        <v>3449</v>
      </c>
      <c r="D1422" s="113" t="s">
        <v>23252</v>
      </c>
      <c r="E1422" s="210">
        <v>1963</v>
      </c>
      <c r="F1422" s="210">
        <v>1510</v>
      </c>
      <c r="G1422" s="113" t="s">
        <v>1</v>
      </c>
      <c r="H1422" s="113">
        <v>0</v>
      </c>
      <c r="I1422" s="113">
        <v>0</v>
      </c>
      <c r="J1422" s="115">
        <v>1</v>
      </c>
      <c r="K1422" s="116" t="s">
        <v>174</v>
      </c>
      <c r="L1422" s="115">
        <v>1</v>
      </c>
      <c r="M1422" s="115">
        <v>0</v>
      </c>
      <c r="N1422" s="115">
        <v>0</v>
      </c>
      <c r="O1422" s="115">
        <v>1</v>
      </c>
      <c r="P1422" s="115">
        <v>1</v>
      </c>
      <c r="Q1422" s="115" t="s">
        <v>400</v>
      </c>
      <c r="R1422" s="115">
        <v>1</v>
      </c>
      <c r="S1422" s="115">
        <v>0</v>
      </c>
      <c r="T1422" s="115">
        <v>0</v>
      </c>
      <c r="U1422" s="119"/>
      <c r="V1422" s="119"/>
      <c r="W1422" s="119"/>
      <c r="X1422" s="119"/>
      <c r="Y1422" s="119"/>
      <c r="Z1422" s="119"/>
      <c r="AA1422" s="119"/>
      <c r="AB1422" s="119"/>
      <c r="AC1422" s="119"/>
      <c r="AD1422" s="119"/>
      <c r="AE1422" s="119"/>
      <c r="AF1422" s="119"/>
      <c r="AG1422" s="119"/>
      <c r="AH1422" s="119"/>
      <c r="AI1422" s="119"/>
      <c r="AJ1422" s="119"/>
      <c r="AK1422" s="119"/>
      <c r="AL1422" s="119"/>
      <c r="AM1422" s="119"/>
      <c r="AN1422" s="119"/>
      <c r="AO1422" s="119"/>
      <c r="AP1422" s="119"/>
      <c r="AQ1422" s="119"/>
      <c r="AR1422" s="119"/>
      <c r="AS1422" s="119"/>
      <c r="AT1422" s="119"/>
      <c r="AU1422" s="119"/>
      <c r="AV1422" s="119"/>
      <c r="AW1422" s="119"/>
      <c r="AX1422" s="119"/>
      <c r="AY1422" s="119"/>
      <c r="AZ1422" s="119"/>
      <c r="BA1422" s="119"/>
      <c r="BB1422" s="107">
        <v>45884</v>
      </c>
    </row>
    <row r="1423" spans="1:54" s="207" customFormat="1" ht="13.95" customHeight="1" x14ac:dyDescent="0.25">
      <c r="A1423" s="208" t="s">
        <v>3450</v>
      </c>
      <c r="B1423" s="209" t="s">
        <v>20420</v>
      </c>
      <c r="C1423" s="113" t="s">
        <v>3451</v>
      </c>
      <c r="D1423" s="113" t="s">
        <v>3452</v>
      </c>
      <c r="E1423" s="210">
        <v>1975</v>
      </c>
      <c r="F1423" s="210">
        <v>1510</v>
      </c>
      <c r="G1423" s="113" t="s">
        <v>1</v>
      </c>
      <c r="H1423" s="113">
        <v>0</v>
      </c>
      <c r="I1423" s="113">
        <v>0</v>
      </c>
      <c r="J1423" s="115">
        <v>1</v>
      </c>
      <c r="K1423" s="116" t="s">
        <v>174</v>
      </c>
      <c r="L1423" s="115">
        <v>1</v>
      </c>
      <c r="M1423" s="115">
        <v>0</v>
      </c>
      <c r="N1423" s="115">
        <v>0</v>
      </c>
      <c r="O1423" s="115">
        <v>0</v>
      </c>
      <c r="P1423" s="115">
        <v>1</v>
      </c>
      <c r="Q1423" s="115" t="s">
        <v>400</v>
      </c>
      <c r="R1423" s="115">
        <v>1</v>
      </c>
      <c r="S1423" s="115">
        <v>0</v>
      </c>
      <c r="T1423" s="115">
        <v>0</v>
      </c>
      <c r="U1423" s="119"/>
      <c r="V1423" s="119"/>
      <c r="W1423" s="119"/>
      <c r="X1423" s="119"/>
      <c r="Y1423" s="119"/>
      <c r="Z1423" s="119"/>
      <c r="AA1423" s="119"/>
      <c r="AB1423" s="119"/>
      <c r="AC1423" s="119"/>
      <c r="AD1423" s="119"/>
      <c r="AE1423" s="119"/>
      <c r="AF1423" s="119"/>
      <c r="AG1423" s="119"/>
      <c r="AH1423" s="119"/>
      <c r="AI1423" s="119"/>
      <c r="AJ1423" s="119"/>
      <c r="AK1423" s="119"/>
      <c r="AL1423" s="119"/>
      <c r="AM1423" s="119"/>
      <c r="AN1423" s="119"/>
      <c r="AO1423" s="119"/>
      <c r="AP1423" s="119"/>
      <c r="AQ1423" s="119"/>
      <c r="AR1423" s="119"/>
      <c r="AS1423" s="119"/>
      <c r="AT1423" s="119"/>
      <c r="AU1423" s="119"/>
      <c r="AV1423" s="119"/>
      <c r="AW1423" s="119"/>
      <c r="AX1423" s="119"/>
      <c r="AY1423" s="119"/>
      <c r="AZ1423" s="119"/>
      <c r="BA1423" s="119"/>
      <c r="BB1423" s="107">
        <v>45884</v>
      </c>
    </row>
    <row r="1424" spans="1:54" s="207" customFormat="1" ht="13.95" customHeight="1" x14ac:dyDescent="0.25">
      <c r="A1424" s="208" t="s">
        <v>3453</v>
      </c>
      <c r="B1424" s="209" t="s">
        <v>20420</v>
      </c>
      <c r="C1424" s="113" t="s">
        <v>3454</v>
      </c>
      <c r="D1424" s="113" t="s">
        <v>23253</v>
      </c>
      <c r="E1424" s="210">
        <v>1993</v>
      </c>
      <c r="F1424" s="210">
        <v>1513</v>
      </c>
      <c r="G1424" s="113" t="s">
        <v>1</v>
      </c>
      <c r="H1424" s="113">
        <v>0</v>
      </c>
      <c r="I1424" s="113">
        <v>0</v>
      </c>
      <c r="J1424" s="115">
        <v>1</v>
      </c>
      <c r="K1424" s="211">
        <v>1</v>
      </c>
      <c r="L1424" s="115">
        <v>1</v>
      </c>
      <c r="M1424" s="115">
        <v>1</v>
      </c>
      <c r="N1424" s="115">
        <v>0</v>
      </c>
      <c r="O1424" s="115">
        <v>0</v>
      </c>
      <c r="P1424" s="115" t="s">
        <v>400</v>
      </c>
      <c r="Q1424" s="115" t="s">
        <v>400</v>
      </c>
      <c r="R1424" s="115">
        <v>0</v>
      </c>
      <c r="S1424" s="115">
        <v>0</v>
      </c>
      <c r="T1424" s="115">
        <v>0</v>
      </c>
      <c r="U1424" s="119"/>
      <c r="V1424" s="119"/>
      <c r="W1424" s="119"/>
      <c r="X1424" s="119"/>
      <c r="Y1424" s="119"/>
      <c r="Z1424" s="119"/>
      <c r="AA1424" s="119"/>
      <c r="AB1424" s="119"/>
      <c r="AC1424" s="119"/>
      <c r="AD1424" s="119"/>
      <c r="AE1424" s="119"/>
      <c r="AF1424" s="119"/>
      <c r="AG1424" s="119"/>
      <c r="AH1424" s="119"/>
      <c r="AI1424" s="119"/>
      <c r="AJ1424" s="119"/>
      <c r="AK1424" s="119"/>
      <c r="AL1424" s="119"/>
      <c r="AM1424" s="119"/>
      <c r="AN1424" s="119"/>
      <c r="AO1424" s="119"/>
      <c r="AP1424" s="119"/>
      <c r="AQ1424" s="119"/>
      <c r="AR1424" s="119"/>
      <c r="AS1424" s="119"/>
      <c r="AT1424" s="119"/>
      <c r="AU1424" s="119"/>
      <c r="AV1424" s="119"/>
      <c r="AW1424" s="119"/>
      <c r="AX1424" s="119"/>
      <c r="AY1424" s="119"/>
      <c r="AZ1424" s="119"/>
      <c r="BA1424" s="119"/>
      <c r="BB1424" s="107">
        <v>45884</v>
      </c>
    </row>
    <row r="1425" spans="1:54" s="207" customFormat="1" ht="13.95" customHeight="1" x14ac:dyDescent="0.25">
      <c r="A1425" s="208" t="s">
        <v>3455</v>
      </c>
      <c r="B1425" s="209" t="s">
        <v>20420</v>
      </c>
      <c r="C1425" s="113" t="s">
        <v>3456</v>
      </c>
      <c r="D1425" s="113" t="s">
        <v>23254</v>
      </c>
      <c r="E1425" s="210">
        <v>1990</v>
      </c>
      <c r="F1425" s="210">
        <v>1513</v>
      </c>
      <c r="G1425" s="113" t="s">
        <v>1</v>
      </c>
      <c r="H1425" s="113">
        <v>0</v>
      </c>
      <c r="I1425" s="113">
        <v>0</v>
      </c>
      <c r="J1425" s="115">
        <v>1</v>
      </c>
      <c r="K1425" s="116" t="s">
        <v>174</v>
      </c>
      <c r="L1425" s="212">
        <v>1</v>
      </c>
      <c r="M1425" s="115">
        <v>1</v>
      </c>
      <c r="N1425" s="115">
        <v>0</v>
      </c>
      <c r="O1425" s="212">
        <v>1</v>
      </c>
      <c r="P1425" s="115" t="s">
        <v>400</v>
      </c>
      <c r="Q1425" s="115" t="s">
        <v>400</v>
      </c>
      <c r="R1425" s="115">
        <v>0</v>
      </c>
      <c r="S1425" s="115">
        <v>0</v>
      </c>
      <c r="T1425" s="115">
        <v>0</v>
      </c>
      <c r="U1425" s="119"/>
      <c r="V1425" s="119"/>
      <c r="W1425" s="119"/>
      <c r="X1425" s="119"/>
      <c r="Y1425" s="119"/>
      <c r="Z1425" s="119"/>
      <c r="AA1425" s="119"/>
      <c r="AB1425" s="119"/>
      <c r="AC1425" s="119"/>
      <c r="AD1425" s="119"/>
      <c r="AE1425" s="119"/>
      <c r="AF1425" s="119"/>
      <c r="AG1425" s="119"/>
      <c r="AH1425" s="119"/>
      <c r="AI1425" s="119"/>
      <c r="AJ1425" s="119"/>
      <c r="AK1425" s="119"/>
      <c r="AL1425" s="119"/>
      <c r="AM1425" s="119"/>
      <c r="AN1425" s="119"/>
      <c r="AO1425" s="119"/>
      <c r="AP1425" s="119"/>
      <c r="AQ1425" s="119"/>
      <c r="AR1425" s="119"/>
      <c r="AS1425" s="119"/>
      <c r="AT1425" s="119"/>
      <c r="AU1425" s="119"/>
      <c r="AV1425" s="119"/>
      <c r="AW1425" s="119"/>
      <c r="AX1425" s="119"/>
      <c r="AY1425" s="119"/>
      <c r="AZ1425" s="119"/>
      <c r="BA1425" s="119"/>
      <c r="BB1425" s="107">
        <v>45884</v>
      </c>
    </row>
    <row r="1426" spans="1:54" s="207" customFormat="1" ht="13.95" customHeight="1" x14ac:dyDescent="0.25">
      <c r="A1426" s="208" t="s">
        <v>3457</v>
      </c>
      <c r="B1426" s="209" t="s">
        <v>20420</v>
      </c>
      <c r="C1426" s="113" t="s">
        <v>3458</v>
      </c>
      <c r="D1426" s="113" t="s">
        <v>23255</v>
      </c>
      <c r="E1426" s="210">
        <v>1976</v>
      </c>
      <c r="F1426" s="210">
        <v>1514</v>
      </c>
      <c r="G1426" s="113" t="s">
        <v>1</v>
      </c>
      <c r="H1426" s="113">
        <v>0</v>
      </c>
      <c r="I1426" s="113">
        <v>0</v>
      </c>
      <c r="J1426" s="115">
        <v>1</v>
      </c>
      <c r="K1426" s="211">
        <v>1</v>
      </c>
      <c r="L1426" s="115">
        <v>0</v>
      </c>
      <c r="M1426" s="115">
        <v>1</v>
      </c>
      <c r="N1426" s="115">
        <v>0</v>
      </c>
      <c r="O1426" s="115">
        <v>0</v>
      </c>
      <c r="P1426" s="115" t="s">
        <v>400</v>
      </c>
      <c r="Q1426" s="115" t="s">
        <v>400</v>
      </c>
      <c r="R1426" s="115">
        <v>0</v>
      </c>
      <c r="S1426" s="115">
        <v>0</v>
      </c>
      <c r="T1426" s="115">
        <v>0</v>
      </c>
      <c r="U1426" s="119"/>
      <c r="V1426" s="119"/>
      <c r="W1426" s="119"/>
      <c r="X1426" s="119"/>
      <c r="Y1426" s="119"/>
      <c r="Z1426" s="119"/>
      <c r="AA1426" s="119"/>
      <c r="AB1426" s="119"/>
      <c r="AC1426" s="119"/>
      <c r="AD1426" s="119"/>
      <c r="AE1426" s="119"/>
      <c r="AF1426" s="119"/>
      <c r="AG1426" s="119"/>
      <c r="AH1426" s="119"/>
      <c r="AI1426" s="119"/>
      <c r="AJ1426" s="119"/>
      <c r="AK1426" s="119"/>
      <c r="AL1426" s="119"/>
      <c r="AM1426" s="119"/>
      <c r="AN1426" s="119"/>
      <c r="AO1426" s="119"/>
      <c r="AP1426" s="119"/>
      <c r="AQ1426" s="119"/>
      <c r="AR1426" s="119"/>
      <c r="AS1426" s="119"/>
      <c r="AT1426" s="119"/>
      <c r="AU1426" s="119"/>
      <c r="AV1426" s="119"/>
      <c r="AW1426" s="119"/>
      <c r="AX1426" s="119"/>
      <c r="AY1426" s="119"/>
      <c r="AZ1426" s="119"/>
      <c r="BA1426" s="119"/>
      <c r="BB1426" s="107">
        <v>45884</v>
      </c>
    </row>
    <row r="1427" spans="1:54" s="207" customFormat="1" ht="13.95" customHeight="1" x14ac:dyDescent="0.25">
      <c r="A1427" s="208" t="s">
        <v>3459</v>
      </c>
      <c r="B1427" s="209" t="s">
        <v>20420</v>
      </c>
      <c r="C1427" s="113" t="s">
        <v>3460</v>
      </c>
      <c r="D1427" s="113" t="s">
        <v>23256</v>
      </c>
      <c r="E1427" s="210">
        <v>1976</v>
      </c>
      <c r="F1427" s="210">
        <v>1517</v>
      </c>
      <c r="G1427" s="113" t="s">
        <v>1</v>
      </c>
      <c r="H1427" s="113">
        <v>0</v>
      </c>
      <c r="I1427" s="113">
        <v>0</v>
      </c>
      <c r="J1427" s="115">
        <v>1</v>
      </c>
      <c r="K1427" s="211">
        <v>1</v>
      </c>
      <c r="L1427" s="115">
        <v>1</v>
      </c>
      <c r="M1427" s="115">
        <v>1</v>
      </c>
      <c r="N1427" s="115">
        <v>0</v>
      </c>
      <c r="O1427" s="115">
        <v>1</v>
      </c>
      <c r="P1427" s="115" t="s">
        <v>400</v>
      </c>
      <c r="Q1427" s="115" t="s">
        <v>400</v>
      </c>
      <c r="R1427" s="115">
        <v>0</v>
      </c>
      <c r="S1427" s="115">
        <v>0</v>
      </c>
      <c r="T1427" s="115">
        <v>0</v>
      </c>
      <c r="U1427" s="119"/>
      <c r="V1427" s="119"/>
      <c r="W1427" s="119"/>
      <c r="X1427" s="119"/>
      <c r="Y1427" s="119"/>
      <c r="Z1427" s="119"/>
      <c r="AA1427" s="119"/>
      <c r="AB1427" s="119"/>
      <c r="AC1427" s="119"/>
      <c r="AD1427" s="119"/>
      <c r="AE1427" s="119"/>
      <c r="AF1427" s="119"/>
      <c r="AG1427" s="119"/>
      <c r="AH1427" s="119"/>
      <c r="AI1427" s="119"/>
      <c r="AJ1427" s="119"/>
      <c r="AK1427" s="119"/>
      <c r="AL1427" s="119"/>
      <c r="AM1427" s="119"/>
      <c r="AN1427" s="119"/>
      <c r="AO1427" s="119"/>
      <c r="AP1427" s="119"/>
      <c r="AQ1427" s="119"/>
      <c r="AR1427" s="119"/>
      <c r="AS1427" s="119"/>
      <c r="AT1427" s="119"/>
      <c r="AU1427" s="119"/>
      <c r="AV1427" s="119"/>
      <c r="AW1427" s="119"/>
      <c r="AX1427" s="119"/>
      <c r="AY1427" s="119"/>
      <c r="AZ1427" s="119"/>
      <c r="BA1427" s="119"/>
      <c r="BB1427" s="107">
        <v>45884</v>
      </c>
    </row>
    <row r="1428" spans="1:54" s="207" customFormat="1" ht="13.95" customHeight="1" x14ac:dyDescent="0.25">
      <c r="A1428" s="208" t="s">
        <v>3461</v>
      </c>
      <c r="B1428" s="209" t="s">
        <v>20420</v>
      </c>
      <c r="C1428" s="113" t="s">
        <v>3462</v>
      </c>
      <c r="D1428" s="113" t="s">
        <v>23257</v>
      </c>
      <c r="E1428" s="210">
        <v>1972</v>
      </c>
      <c r="F1428" s="210">
        <v>1518</v>
      </c>
      <c r="G1428" s="113" t="s">
        <v>1</v>
      </c>
      <c r="H1428" s="113">
        <v>0</v>
      </c>
      <c r="I1428" s="113">
        <v>0</v>
      </c>
      <c r="J1428" s="115">
        <v>1</v>
      </c>
      <c r="K1428" s="211">
        <v>1</v>
      </c>
      <c r="L1428" s="115">
        <v>1</v>
      </c>
      <c r="M1428" s="115">
        <v>0</v>
      </c>
      <c r="N1428" s="115">
        <v>0</v>
      </c>
      <c r="O1428" s="115">
        <v>1</v>
      </c>
      <c r="P1428" s="115">
        <v>1</v>
      </c>
      <c r="Q1428" s="115">
        <v>1</v>
      </c>
      <c r="R1428" s="115">
        <v>1</v>
      </c>
      <c r="S1428" s="115">
        <v>0</v>
      </c>
      <c r="T1428" s="115">
        <v>0</v>
      </c>
      <c r="U1428" s="119"/>
      <c r="V1428" s="119"/>
      <c r="W1428" s="119"/>
      <c r="X1428" s="119"/>
      <c r="Y1428" s="119"/>
      <c r="Z1428" s="119"/>
      <c r="AA1428" s="119"/>
      <c r="AB1428" s="119"/>
      <c r="AC1428" s="119"/>
      <c r="AD1428" s="119"/>
      <c r="AE1428" s="119"/>
      <c r="AF1428" s="119"/>
      <c r="AG1428" s="119"/>
      <c r="AH1428" s="119"/>
      <c r="AI1428" s="119"/>
      <c r="AJ1428" s="119"/>
      <c r="AK1428" s="119"/>
      <c r="AL1428" s="119"/>
      <c r="AM1428" s="119"/>
      <c r="AN1428" s="119"/>
      <c r="AO1428" s="119"/>
      <c r="AP1428" s="119"/>
      <c r="AQ1428" s="119"/>
      <c r="AR1428" s="119"/>
      <c r="AS1428" s="119"/>
      <c r="AT1428" s="119"/>
      <c r="AU1428" s="119"/>
      <c r="AV1428" s="119"/>
      <c r="AW1428" s="119"/>
      <c r="AX1428" s="119"/>
      <c r="AY1428" s="119"/>
      <c r="AZ1428" s="119"/>
      <c r="BA1428" s="119"/>
      <c r="BB1428" s="107">
        <v>45884</v>
      </c>
    </row>
    <row r="1429" spans="1:54" s="207" customFormat="1" ht="13.95" customHeight="1" x14ac:dyDescent="0.25">
      <c r="A1429" s="208" t="s">
        <v>3463</v>
      </c>
      <c r="B1429" s="209" t="s">
        <v>20420</v>
      </c>
      <c r="C1429" s="113" t="s">
        <v>3464</v>
      </c>
      <c r="D1429" s="113" t="s">
        <v>3465</v>
      </c>
      <c r="E1429" s="210">
        <v>1952</v>
      </c>
      <c r="F1429" s="210">
        <v>1519</v>
      </c>
      <c r="G1429" s="113" t="s">
        <v>1</v>
      </c>
      <c r="H1429" s="113">
        <v>0</v>
      </c>
      <c r="I1429" s="113">
        <v>0</v>
      </c>
      <c r="J1429" s="115">
        <v>1</v>
      </c>
      <c r="K1429" s="116" t="s">
        <v>174</v>
      </c>
      <c r="L1429" s="115">
        <v>1</v>
      </c>
      <c r="M1429" s="115">
        <v>0</v>
      </c>
      <c r="N1429" s="115">
        <v>0</v>
      </c>
      <c r="O1429" s="115">
        <v>1</v>
      </c>
      <c r="P1429" s="115">
        <v>1</v>
      </c>
      <c r="Q1429" s="115" t="s">
        <v>400</v>
      </c>
      <c r="R1429" s="115">
        <v>1</v>
      </c>
      <c r="S1429" s="115">
        <v>0</v>
      </c>
      <c r="T1429" s="115">
        <v>0</v>
      </c>
      <c r="U1429" s="119"/>
      <c r="V1429" s="119"/>
      <c r="W1429" s="119"/>
      <c r="X1429" s="119"/>
      <c r="Y1429" s="119"/>
      <c r="Z1429" s="119"/>
      <c r="AA1429" s="119"/>
      <c r="AB1429" s="119"/>
      <c r="AC1429" s="119"/>
      <c r="AD1429" s="119"/>
      <c r="AE1429" s="119"/>
      <c r="AF1429" s="119"/>
      <c r="AG1429" s="119"/>
      <c r="AH1429" s="119"/>
      <c r="AI1429" s="119"/>
      <c r="AJ1429" s="119"/>
      <c r="AK1429" s="119"/>
      <c r="AL1429" s="119"/>
      <c r="AM1429" s="119"/>
      <c r="AN1429" s="119"/>
      <c r="AO1429" s="119"/>
      <c r="AP1429" s="119"/>
      <c r="AQ1429" s="119"/>
      <c r="AR1429" s="119"/>
      <c r="AS1429" s="119"/>
      <c r="AT1429" s="119"/>
      <c r="AU1429" s="119"/>
      <c r="AV1429" s="119"/>
      <c r="AW1429" s="119"/>
      <c r="AX1429" s="119"/>
      <c r="AY1429" s="119"/>
      <c r="AZ1429" s="119"/>
      <c r="BA1429" s="119"/>
      <c r="BB1429" s="107">
        <v>45884</v>
      </c>
    </row>
    <row r="1430" spans="1:54" s="207" customFormat="1" ht="13.95" customHeight="1" x14ac:dyDescent="0.25">
      <c r="A1430" s="208" t="s">
        <v>3466</v>
      </c>
      <c r="B1430" s="209" t="s">
        <v>20420</v>
      </c>
      <c r="C1430" s="113" t="s">
        <v>3467</v>
      </c>
      <c r="D1430" s="113" t="s">
        <v>3468</v>
      </c>
      <c r="E1430" s="210">
        <v>1995</v>
      </c>
      <c r="F1430" s="210">
        <v>1519</v>
      </c>
      <c r="G1430" s="113" t="s">
        <v>1</v>
      </c>
      <c r="H1430" s="113">
        <v>0</v>
      </c>
      <c r="I1430" s="113">
        <v>0</v>
      </c>
      <c r="J1430" s="115">
        <v>1</v>
      </c>
      <c r="K1430" s="116" t="s">
        <v>174</v>
      </c>
      <c r="L1430" s="115">
        <v>0</v>
      </c>
      <c r="M1430" s="115">
        <v>1</v>
      </c>
      <c r="N1430" s="115">
        <v>0</v>
      </c>
      <c r="O1430" s="115">
        <v>1</v>
      </c>
      <c r="P1430" s="115" t="s">
        <v>400</v>
      </c>
      <c r="Q1430" s="115" t="s">
        <v>400</v>
      </c>
      <c r="R1430" s="115">
        <v>1</v>
      </c>
      <c r="S1430" s="115">
        <v>0</v>
      </c>
      <c r="T1430" s="115">
        <v>0</v>
      </c>
      <c r="U1430" s="119"/>
      <c r="V1430" s="119"/>
      <c r="W1430" s="119"/>
      <c r="X1430" s="119"/>
      <c r="Y1430" s="119"/>
      <c r="Z1430" s="119"/>
      <c r="AA1430" s="119"/>
      <c r="AB1430" s="119"/>
      <c r="AC1430" s="119"/>
      <c r="AD1430" s="119"/>
      <c r="AE1430" s="119"/>
      <c r="AF1430" s="119"/>
      <c r="AG1430" s="119"/>
      <c r="AH1430" s="119"/>
      <c r="AI1430" s="119"/>
      <c r="AJ1430" s="119"/>
      <c r="AK1430" s="119"/>
      <c r="AL1430" s="119"/>
      <c r="AM1430" s="119"/>
      <c r="AN1430" s="119"/>
      <c r="AO1430" s="119"/>
      <c r="AP1430" s="119"/>
      <c r="AQ1430" s="119"/>
      <c r="AR1430" s="119"/>
      <c r="AS1430" s="119"/>
      <c r="AT1430" s="119"/>
      <c r="AU1430" s="119"/>
      <c r="AV1430" s="119"/>
      <c r="AW1430" s="119"/>
      <c r="AX1430" s="119"/>
      <c r="AY1430" s="119"/>
      <c r="AZ1430" s="119"/>
      <c r="BA1430" s="119"/>
      <c r="BB1430" s="107">
        <v>45884</v>
      </c>
    </row>
    <row r="1431" spans="1:54" s="207" customFormat="1" ht="13.95" customHeight="1" x14ac:dyDescent="0.25">
      <c r="A1431" s="208" t="s">
        <v>3469</v>
      </c>
      <c r="B1431" s="209" t="s">
        <v>20420</v>
      </c>
      <c r="C1431" s="113" t="s">
        <v>3470</v>
      </c>
      <c r="D1431" s="113" t="s">
        <v>23258</v>
      </c>
      <c r="E1431" s="210">
        <v>1988</v>
      </c>
      <c r="F1431" s="210">
        <v>1521</v>
      </c>
      <c r="G1431" s="113" t="s">
        <v>1</v>
      </c>
      <c r="H1431" s="113">
        <v>0</v>
      </c>
      <c r="I1431" s="113">
        <v>0</v>
      </c>
      <c r="J1431" s="115">
        <v>1</v>
      </c>
      <c r="K1431" s="211">
        <v>1</v>
      </c>
      <c r="L1431" s="115">
        <v>0</v>
      </c>
      <c r="M1431" s="115">
        <v>1</v>
      </c>
      <c r="N1431" s="115">
        <v>0</v>
      </c>
      <c r="O1431" s="115">
        <v>1</v>
      </c>
      <c r="P1431" s="115" t="s">
        <v>400</v>
      </c>
      <c r="Q1431" s="115" t="s">
        <v>400</v>
      </c>
      <c r="R1431" s="115">
        <v>1</v>
      </c>
      <c r="S1431" s="115">
        <v>0</v>
      </c>
      <c r="T1431" s="115">
        <v>0</v>
      </c>
      <c r="U1431" s="119"/>
      <c r="V1431" s="119"/>
      <c r="W1431" s="119"/>
      <c r="X1431" s="119"/>
      <c r="Y1431" s="119"/>
      <c r="Z1431" s="119"/>
      <c r="AA1431" s="119"/>
      <c r="AB1431" s="119"/>
      <c r="AC1431" s="119"/>
      <c r="AD1431" s="119"/>
      <c r="AE1431" s="119"/>
      <c r="AF1431" s="119"/>
      <c r="AG1431" s="119"/>
      <c r="AH1431" s="119"/>
      <c r="AI1431" s="119"/>
      <c r="AJ1431" s="119"/>
      <c r="AK1431" s="119"/>
      <c r="AL1431" s="119"/>
      <c r="AM1431" s="119"/>
      <c r="AN1431" s="119"/>
      <c r="AO1431" s="119"/>
      <c r="AP1431" s="119"/>
      <c r="AQ1431" s="119"/>
      <c r="AR1431" s="119"/>
      <c r="AS1431" s="119"/>
      <c r="AT1431" s="119"/>
      <c r="AU1431" s="119"/>
      <c r="AV1431" s="119"/>
      <c r="AW1431" s="119"/>
      <c r="AX1431" s="119"/>
      <c r="AY1431" s="119"/>
      <c r="AZ1431" s="119"/>
      <c r="BA1431" s="119"/>
      <c r="BB1431" s="107">
        <v>45884</v>
      </c>
    </row>
    <row r="1432" spans="1:54" s="207" customFormat="1" ht="13.95" customHeight="1" x14ac:dyDescent="0.25">
      <c r="A1432" s="208" t="s">
        <v>3471</v>
      </c>
      <c r="B1432" s="209" t="s">
        <v>20420</v>
      </c>
      <c r="C1432" s="113" t="s">
        <v>3472</v>
      </c>
      <c r="D1432" s="113" t="s">
        <v>23259</v>
      </c>
      <c r="E1432" s="210">
        <v>1988</v>
      </c>
      <c r="F1432" s="210">
        <v>1521</v>
      </c>
      <c r="G1432" s="113" t="s">
        <v>1</v>
      </c>
      <c r="H1432" s="113">
        <v>0</v>
      </c>
      <c r="I1432" s="113">
        <v>0</v>
      </c>
      <c r="J1432" s="115">
        <v>1</v>
      </c>
      <c r="K1432" s="116" t="s">
        <v>174</v>
      </c>
      <c r="L1432" s="115">
        <v>1</v>
      </c>
      <c r="M1432" s="115">
        <v>0</v>
      </c>
      <c r="N1432" s="115">
        <v>0</v>
      </c>
      <c r="O1432" s="115">
        <v>1</v>
      </c>
      <c r="P1432" s="115">
        <v>1</v>
      </c>
      <c r="Q1432" s="115" t="s">
        <v>400</v>
      </c>
      <c r="R1432" s="115">
        <v>0</v>
      </c>
      <c r="S1432" s="115">
        <v>0</v>
      </c>
      <c r="T1432" s="115">
        <v>0</v>
      </c>
      <c r="U1432" s="119"/>
      <c r="V1432" s="119"/>
      <c r="W1432" s="119"/>
      <c r="X1432" s="119"/>
      <c r="Y1432" s="119"/>
      <c r="Z1432" s="119"/>
      <c r="AA1432" s="119"/>
      <c r="AB1432" s="119"/>
      <c r="AC1432" s="119"/>
      <c r="AD1432" s="119"/>
      <c r="AE1432" s="119"/>
      <c r="AF1432" s="119"/>
      <c r="AG1432" s="119"/>
      <c r="AH1432" s="119"/>
      <c r="AI1432" s="119"/>
      <c r="AJ1432" s="119"/>
      <c r="AK1432" s="119"/>
      <c r="AL1432" s="119"/>
      <c r="AM1432" s="119"/>
      <c r="AN1432" s="119"/>
      <c r="AO1432" s="119"/>
      <c r="AP1432" s="119"/>
      <c r="AQ1432" s="119"/>
      <c r="AR1432" s="119"/>
      <c r="AS1432" s="119"/>
      <c r="AT1432" s="119"/>
      <c r="AU1432" s="119"/>
      <c r="AV1432" s="119"/>
      <c r="AW1432" s="119"/>
      <c r="AX1432" s="119"/>
      <c r="AY1432" s="119"/>
      <c r="AZ1432" s="119"/>
      <c r="BA1432" s="119"/>
      <c r="BB1432" s="107">
        <v>45884</v>
      </c>
    </row>
    <row r="1433" spans="1:54" s="207" customFormat="1" ht="13.95" customHeight="1" x14ac:dyDescent="0.25">
      <c r="A1433" s="208" t="s">
        <v>3473</v>
      </c>
      <c r="B1433" s="209" t="s">
        <v>20420</v>
      </c>
      <c r="C1433" s="113" t="s">
        <v>3474</v>
      </c>
      <c r="D1433" s="113" t="s">
        <v>3475</v>
      </c>
      <c r="E1433" s="210">
        <v>1976</v>
      </c>
      <c r="F1433" s="210">
        <v>2299</v>
      </c>
      <c r="G1433" s="113" t="s">
        <v>1</v>
      </c>
      <c r="H1433" s="113">
        <v>1</v>
      </c>
      <c r="I1433" s="113">
        <v>1</v>
      </c>
      <c r="J1433" s="115">
        <v>1</v>
      </c>
      <c r="K1433" s="116" t="s">
        <v>174</v>
      </c>
      <c r="L1433" s="115">
        <v>0</v>
      </c>
      <c r="M1433" s="115">
        <v>1</v>
      </c>
      <c r="N1433" s="115">
        <v>1</v>
      </c>
      <c r="O1433" s="115">
        <v>0</v>
      </c>
      <c r="P1433" s="115" t="s">
        <v>400</v>
      </c>
      <c r="Q1433" s="115" t="s">
        <v>400</v>
      </c>
      <c r="R1433" s="115">
        <v>0</v>
      </c>
      <c r="S1433" s="115">
        <v>0</v>
      </c>
      <c r="T1433" s="115">
        <v>0</v>
      </c>
      <c r="U1433" s="119"/>
      <c r="V1433" s="119"/>
      <c r="W1433" s="119"/>
      <c r="X1433" s="119"/>
      <c r="Y1433" s="119"/>
      <c r="Z1433" s="119"/>
      <c r="AA1433" s="119"/>
      <c r="AB1433" s="119"/>
      <c r="AC1433" s="119"/>
      <c r="AD1433" s="119"/>
      <c r="AE1433" s="119"/>
      <c r="AF1433" s="119"/>
      <c r="AG1433" s="119"/>
      <c r="AH1433" s="119"/>
      <c r="AI1433" s="119"/>
      <c r="AJ1433" s="119"/>
      <c r="AK1433" s="119"/>
      <c r="AL1433" s="119"/>
      <c r="AM1433" s="119"/>
      <c r="AN1433" s="119"/>
      <c r="AO1433" s="119"/>
      <c r="AP1433" s="119"/>
      <c r="AQ1433" s="119"/>
      <c r="AR1433" s="119"/>
      <c r="AS1433" s="119"/>
      <c r="AT1433" s="119"/>
      <c r="AU1433" s="119"/>
      <c r="AV1433" s="119"/>
      <c r="AW1433" s="119"/>
      <c r="AX1433" s="119"/>
      <c r="AY1433" s="119"/>
      <c r="AZ1433" s="119"/>
      <c r="BA1433" s="119"/>
      <c r="BB1433" s="107">
        <v>45884</v>
      </c>
    </row>
    <row r="1434" spans="1:54" s="207" customFormat="1" ht="13.95" customHeight="1" x14ac:dyDescent="0.25">
      <c r="A1434" s="208" t="s">
        <v>3476</v>
      </c>
      <c r="B1434" s="209" t="s">
        <v>20420</v>
      </c>
      <c r="C1434" s="113" t="s">
        <v>3477</v>
      </c>
      <c r="D1434" s="113" t="s">
        <v>23260</v>
      </c>
      <c r="E1434" s="210">
        <v>1979</v>
      </c>
      <c r="F1434" s="210">
        <v>1497</v>
      </c>
      <c r="G1434" s="113" t="s">
        <v>1</v>
      </c>
      <c r="H1434" s="113">
        <v>0</v>
      </c>
      <c r="I1434" s="113">
        <v>0</v>
      </c>
      <c r="J1434" s="115">
        <v>1</v>
      </c>
      <c r="K1434" s="211">
        <v>1</v>
      </c>
      <c r="L1434" s="115">
        <v>1</v>
      </c>
      <c r="M1434" s="115">
        <v>0</v>
      </c>
      <c r="N1434" s="115">
        <v>0</v>
      </c>
      <c r="O1434" s="115">
        <v>0</v>
      </c>
      <c r="P1434" s="115" t="s">
        <v>400</v>
      </c>
      <c r="Q1434" s="115" t="s">
        <v>400</v>
      </c>
      <c r="R1434" s="115">
        <v>0</v>
      </c>
      <c r="S1434" s="115">
        <v>0</v>
      </c>
      <c r="T1434" s="115">
        <v>0</v>
      </c>
      <c r="U1434" s="119"/>
      <c r="V1434" s="119"/>
      <c r="W1434" s="119"/>
      <c r="X1434" s="119"/>
      <c r="Y1434" s="119"/>
      <c r="Z1434" s="119"/>
      <c r="AA1434" s="119"/>
      <c r="AB1434" s="119"/>
      <c r="AC1434" s="119"/>
      <c r="AD1434" s="119"/>
      <c r="AE1434" s="119"/>
      <c r="AF1434" s="119"/>
      <c r="AG1434" s="119"/>
      <c r="AH1434" s="119"/>
      <c r="AI1434" s="119"/>
      <c r="AJ1434" s="119"/>
      <c r="AK1434" s="119"/>
      <c r="AL1434" s="119"/>
      <c r="AM1434" s="119"/>
      <c r="AN1434" s="119"/>
      <c r="AO1434" s="119"/>
      <c r="AP1434" s="119"/>
      <c r="AQ1434" s="119"/>
      <c r="AR1434" s="119"/>
      <c r="AS1434" s="119"/>
      <c r="AT1434" s="119"/>
      <c r="AU1434" s="119"/>
      <c r="AV1434" s="119"/>
      <c r="AW1434" s="119"/>
      <c r="AX1434" s="119"/>
      <c r="AY1434" s="119"/>
      <c r="AZ1434" s="119"/>
      <c r="BA1434" s="119"/>
      <c r="BB1434" s="107">
        <v>45884</v>
      </c>
    </row>
    <row r="1435" spans="1:54" s="207" customFormat="1" ht="13.95" customHeight="1" x14ac:dyDescent="0.25">
      <c r="A1435" s="208" t="s">
        <v>3478</v>
      </c>
      <c r="B1435" s="209" t="s">
        <v>20420</v>
      </c>
      <c r="C1435" s="113" t="s">
        <v>21931</v>
      </c>
      <c r="D1435" s="113" t="s">
        <v>23261</v>
      </c>
      <c r="E1435" s="210">
        <v>1997</v>
      </c>
      <c r="F1435" s="210">
        <v>1524</v>
      </c>
      <c r="G1435" s="113" t="s">
        <v>1</v>
      </c>
      <c r="H1435" s="113">
        <v>0</v>
      </c>
      <c r="I1435" s="113">
        <v>0</v>
      </c>
      <c r="J1435" s="115">
        <v>1</v>
      </c>
      <c r="K1435" s="116" t="s">
        <v>174</v>
      </c>
      <c r="L1435" s="115">
        <v>0</v>
      </c>
      <c r="M1435" s="115">
        <v>0</v>
      </c>
      <c r="N1435" s="115">
        <v>0</v>
      </c>
      <c r="O1435" s="115">
        <v>0</v>
      </c>
      <c r="P1435" s="115" t="s">
        <v>400</v>
      </c>
      <c r="Q1435" s="115" t="s">
        <v>400</v>
      </c>
      <c r="R1435" s="115">
        <v>0</v>
      </c>
      <c r="S1435" s="115">
        <v>0</v>
      </c>
      <c r="T1435" s="115">
        <v>0</v>
      </c>
      <c r="U1435" s="119"/>
      <c r="V1435" s="119"/>
      <c r="W1435" s="119"/>
      <c r="X1435" s="119"/>
      <c r="Y1435" s="119"/>
      <c r="Z1435" s="119"/>
      <c r="AA1435" s="119"/>
      <c r="AB1435" s="119"/>
      <c r="AC1435" s="119"/>
      <c r="AD1435" s="119"/>
      <c r="AE1435" s="119"/>
      <c r="AF1435" s="119"/>
      <c r="AG1435" s="119"/>
      <c r="AH1435" s="119"/>
      <c r="AI1435" s="119"/>
      <c r="AJ1435" s="119"/>
      <c r="AK1435" s="119"/>
      <c r="AL1435" s="119"/>
      <c r="AM1435" s="119"/>
      <c r="AN1435" s="119"/>
      <c r="AO1435" s="119"/>
      <c r="AP1435" s="119"/>
      <c r="AQ1435" s="119"/>
      <c r="AR1435" s="119"/>
      <c r="AS1435" s="119"/>
      <c r="AT1435" s="119"/>
      <c r="AU1435" s="119"/>
      <c r="AV1435" s="119"/>
      <c r="AW1435" s="119"/>
      <c r="AX1435" s="119"/>
      <c r="AY1435" s="119"/>
      <c r="AZ1435" s="119"/>
      <c r="BA1435" s="119"/>
      <c r="BB1435" s="107">
        <v>45884</v>
      </c>
    </row>
    <row r="1436" spans="1:54" s="207" customFormat="1" ht="13.95" customHeight="1" x14ac:dyDescent="0.25">
      <c r="A1436" s="208" t="s">
        <v>3479</v>
      </c>
      <c r="B1436" s="209" t="s">
        <v>20420</v>
      </c>
      <c r="C1436" s="113" t="s">
        <v>3480</v>
      </c>
      <c r="D1436" s="113" t="s">
        <v>3481</v>
      </c>
      <c r="E1436" s="210">
        <v>1969</v>
      </c>
      <c r="F1436" s="210">
        <v>1524</v>
      </c>
      <c r="G1436" s="113" t="s">
        <v>1</v>
      </c>
      <c r="H1436" s="113">
        <v>0</v>
      </c>
      <c r="I1436" s="113">
        <v>0</v>
      </c>
      <c r="J1436" s="115">
        <v>1</v>
      </c>
      <c r="K1436" s="116" t="s">
        <v>174</v>
      </c>
      <c r="L1436" s="115">
        <v>1</v>
      </c>
      <c r="M1436" s="115">
        <v>0</v>
      </c>
      <c r="N1436" s="115">
        <v>0</v>
      </c>
      <c r="O1436" s="115">
        <v>1</v>
      </c>
      <c r="P1436" s="115">
        <v>1</v>
      </c>
      <c r="Q1436" s="115" t="s">
        <v>400</v>
      </c>
      <c r="R1436" s="115">
        <v>1</v>
      </c>
      <c r="S1436" s="115">
        <v>0</v>
      </c>
      <c r="T1436" s="115">
        <v>0</v>
      </c>
      <c r="U1436" s="119"/>
      <c r="V1436" s="119"/>
      <c r="W1436" s="119"/>
      <c r="X1436" s="119"/>
      <c r="Y1436" s="119"/>
      <c r="Z1436" s="119"/>
      <c r="AA1436" s="119"/>
      <c r="AB1436" s="119"/>
      <c r="AC1436" s="119"/>
      <c r="AD1436" s="119"/>
      <c r="AE1436" s="119"/>
      <c r="AF1436" s="119"/>
      <c r="AG1436" s="119"/>
      <c r="AH1436" s="119"/>
      <c r="AI1436" s="119"/>
      <c r="AJ1436" s="119"/>
      <c r="AK1436" s="119"/>
      <c r="AL1436" s="119"/>
      <c r="AM1436" s="119"/>
      <c r="AN1436" s="119"/>
      <c r="AO1436" s="119"/>
      <c r="AP1436" s="119"/>
      <c r="AQ1436" s="119"/>
      <c r="AR1436" s="119"/>
      <c r="AS1436" s="119"/>
      <c r="AT1436" s="119"/>
      <c r="AU1436" s="119"/>
      <c r="AV1436" s="119"/>
      <c r="AW1436" s="119"/>
      <c r="AX1436" s="119"/>
      <c r="AY1436" s="119"/>
      <c r="AZ1436" s="119"/>
      <c r="BA1436" s="119"/>
      <c r="BB1436" s="107">
        <v>45884</v>
      </c>
    </row>
    <row r="1437" spans="1:54" s="207" customFormat="1" ht="13.95" customHeight="1" x14ac:dyDescent="0.25">
      <c r="A1437" s="208" t="s">
        <v>3482</v>
      </c>
      <c r="B1437" s="209" t="s">
        <v>20420</v>
      </c>
      <c r="C1437" s="113" t="s">
        <v>3483</v>
      </c>
      <c r="D1437" s="113" t="s">
        <v>3484</v>
      </c>
      <c r="E1437" s="210">
        <v>1992</v>
      </c>
      <c r="F1437" s="210">
        <v>1526</v>
      </c>
      <c r="G1437" s="113" t="s">
        <v>1</v>
      </c>
      <c r="H1437" s="113">
        <v>0</v>
      </c>
      <c r="I1437" s="113">
        <v>0</v>
      </c>
      <c r="J1437" s="115">
        <v>1</v>
      </c>
      <c r="K1437" s="116" t="s">
        <v>174</v>
      </c>
      <c r="L1437" s="115">
        <v>1</v>
      </c>
      <c r="M1437" s="115">
        <v>0</v>
      </c>
      <c r="N1437" s="115">
        <v>0</v>
      </c>
      <c r="O1437" s="115">
        <v>1</v>
      </c>
      <c r="P1437" s="115">
        <v>1</v>
      </c>
      <c r="Q1437" s="115" t="s">
        <v>400</v>
      </c>
      <c r="R1437" s="115">
        <v>0</v>
      </c>
      <c r="S1437" s="115">
        <v>0</v>
      </c>
      <c r="T1437" s="115">
        <v>0</v>
      </c>
      <c r="U1437" s="119"/>
      <c r="V1437" s="119"/>
      <c r="W1437" s="119"/>
      <c r="X1437" s="119"/>
      <c r="Y1437" s="119"/>
      <c r="Z1437" s="119"/>
      <c r="AA1437" s="119"/>
      <c r="AB1437" s="119"/>
      <c r="AC1437" s="119"/>
      <c r="AD1437" s="119"/>
      <c r="AE1437" s="119"/>
      <c r="AF1437" s="119"/>
      <c r="AG1437" s="119"/>
      <c r="AH1437" s="119"/>
      <c r="AI1437" s="119"/>
      <c r="AJ1437" s="119"/>
      <c r="AK1437" s="119"/>
      <c r="AL1437" s="119"/>
      <c r="AM1437" s="119"/>
      <c r="AN1437" s="119"/>
      <c r="AO1437" s="119"/>
      <c r="AP1437" s="119"/>
      <c r="AQ1437" s="119"/>
      <c r="AR1437" s="119"/>
      <c r="AS1437" s="119"/>
      <c r="AT1437" s="119"/>
      <c r="AU1437" s="119"/>
      <c r="AV1437" s="119"/>
      <c r="AW1437" s="119"/>
      <c r="AX1437" s="119"/>
      <c r="AY1437" s="119"/>
      <c r="AZ1437" s="119"/>
      <c r="BA1437" s="119"/>
      <c r="BB1437" s="107">
        <v>45884</v>
      </c>
    </row>
    <row r="1438" spans="1:54" s="207" customFormat="1" ht="13.95" customHeight="1" x14ac:dyDescent="0.25">
      <c r="A1438" s="208" t="s">
        <v>3485</v>
      </c>
      <c r="B1438" s="209" t="s">
        <v>20420</v>
      </c>
      <c r="C1438" s="113" t="s">
        <v>3486</v>
      </c>
      <c r="D1438" s="113" t="s">
        <v>23262</v>
      </c>
      <c r="E1438" s="210">
        <v>1979</v>
      </c>
      <c r="F1438" s="210">
        <v>1526</v>
      </c>
      <c r="G1438" s="113" t="s">
        <v>1</v>
      </c>
      <c r="H1438" s="113">
        <v>0</v>
      </c>
      <c r="I1438" s="113">
        <v>0</v>
      </c>
      <c r="J1438" s="115">
        <v>1</v>
      </c>
      <c r="K1438" s="211">
        <v>1</v>
      </c>
      <c r="L1438" s="115">
        <v>0</v>
      </c>
      <c r="M1438" s="115">
        <v>0</v>
      </c>
      <c r="N1438" s="115">
        <v>0</v>
      </c>
      <c r="O1438" s="115">
        <v>1</v>
      </c>
      <c r="P1438" s="115">
        <v>1</v>
      </c>
      <c r="Q1438" s="115" t="s">
        <v>400</v>
      </c>
      <c r="R1438" s="115">
        <v>1</v>
      </c>
      <c r="S1438" s="115">
        <v>0</v>
      </c>
      <c r="T1438" s="115">
        <v>0</v>
      </c>
      <c r="U1438" s="119"/>
      <c r="V1438" s="119"/>
      <c r="W1438" s="119"/>
      <c r="X1438" s="119"/>
      <c r="Y1438" s="119"/>
      <c r="Z1438" s="119"/>
      <c r="AA1438" s="119"/>
      <c r="AB1438" s="119"/>
      <c r="AC1438" s="119"/>
      <c r="AD1438" s="119"/>
      <c r="AE1438" s="119"/>
      <c r="AF1438" s="119"/>
      <c r="AG1438" s="119"/>
      <c r="AH1438" s="119"/>
      <c r="AI1438" s="119"/>
      <c r="AJ1438" s="119"/>
      <c r="AK1438" s="119"/>
      <c r="AL1438" s="119"/>
      <c r="AM1438" s="119"/>
      <c r="AN1438" s="119"/>
      <c r="AO1438" s="119"/>
      <c r="AP1438" s="119"/>
      <c r="AQ1438" s="119"/>
      <c r="AR1438" s="119"/>
      <c r="AS1438" s="119"/>
      <c r="AT1438" s="119"/>
      <c r="AU1438" s="119"/>
      <c r="AV1438" s="119"/>
      <c r="AW1438" s="119"/>
      <c r="AX1438" s="119"/>
      <c r="AY1438" s="119"/>
      <c r="AZ1438" s="119"/>
      <c r="BA1438" s="119"/>
      <c r="BB1438" s="107">
        <v>45884</v>
      </c>
    </row>
    <row r="1439" spans="1:54" s="207" customFormat="1" ht="13.95" customHeight="1" x14ac:dyDescent="0.25">
      <c r="A1439" s="208" t="s">
        <v>3487</v>
      </c>
      <c r="B1439" s="209" t="s">
        <v>20420</v>
      </c>
      <c r="C1439" s="113" t="s">
        <v>3488</v>
      </c>
      <c r="D1439" s="113" t="s">
        <v>23263</v>
      </c>
      <c r="E1439" s="210">
        <v>1990</v>
      </c>
      <c r="F1439" s="210">
        <v>1535</v>
      </c>
      <c r="G1439" s="113" t="s">
        <v>1</v>
      </c>
      <c r="H1439" s="113">
        <v>0</v>
      </c>
      <c r="I1439" s="113">
        <v>0</v>
      </c>
      <c r="J1439" s="115">
        <v>1</v>
      </c>
      <c r="K1439" s="116" t="s">
        <v>174</v>
      </c>
      <c r="L1439" s="115">
        <v>1</v>
      </c>
      <c r="M1439" s="115">
        <v>0</v>
      </c>
      <c r="N1439" s="115">
        <v>0</v>
      </c>
      <c r="O1439" s="115">
        <v>1</v>
      </c>
      <c r="P1439" s="115">
        <v>1</v>
      </c>
      <c r="Q1439" s="115" t="s">
        <v>400</v>
      </c>
      <c r="R1439" s="115">
        <v>0</v>
      </c>
      <c r="S1439" s="115">
        <v>0</v>
      </c>
      <c r="T1439" s="115">
        <v>0</v>
      </c>
      <c r="U1439" s="119"/>
      <c r="V1439" s="119"/>
      <c r="W1439" s="119"/>
      <c r="X1439" s="119"/>
      <c r="Y1439" s="119"/>
      <c r="Z1439" s="119"/>
      <c r="AA1439" s="119"/>
      <c r="AB1439" s="119"/>
      <c r="AC1439" s="119"/>
      <c r="AD1439" s="119"/>
      <c r="AE1439" s="119"/>
      <c r="AF1439" s="119"/>
      <c r="AG1439" s="119"/>
      <c r="AH1439" s="119"/>
      <c r="AI1439" s="119"/>
      <c r="AJ1439" s="119"/>
      <c r="AK1439" s="119"/>
      <c r="AL1439" s="119"/>
      <c r="AM1439" s="119"/>
      <c r="AN1439" s="119"/>
      <c r="AO1439" s="119"/>
      <c r="AP1439" s="119"/>
      <c r="AQ1439" s="119"/>
      <c r="AR1439" s="119"/>
      <c r="AS1439" s="119"/>
      <c r="AT1439" s="119"/>
      <c r="AU1439" s="119"/>
      <c r="AV1439" s="119"/>
      <c r="AW1439" s="119"/>
      <c r="AX1439" s="119"/>
      <c r="AY1439" s="119"/>
      <c r="AZ1439" s="119"/>
      <c r="BA1439" s="119"/>
      <c r="BB1439" s="107">
        <v>45884</v>
      </c>
    </row>
    <row r="1440" spans="1:54" s="207" customFormat="1" ht="13.95" customHeight="1" x14ac:dyDescent="0.25">
      <c r="A1440" s="208" t="s">
        <v>3489</v>
      </c>
      <c r="B1440" s="209" t="s">
        <v>20420</v>
      </c>
      <c r="C1440" s="113" t="s">
        <v>3490</v>
      </c>
      <c r="D1440" s="113" t="s">
        <v>3491</v>
      </c>
      <c r="E1440" s="210">
        <v>1984</v>
      </c>
      <c r="F1440" s="210">
        <v>1535</v>
      </c>
      <c r="G1440" s="113" t="s">
        <v>1</v>
      </c>
      <c r="H1440" s="113">
        <v>0</v>
      </c>
      <c r="I1440" s="113">
        <v>0</v>
      </c>
      <c r="J1440" s="115">
        <v>1</v>
      </c>
      <c r="K1440" s="116" t="s">
        <v>174</v>
      </c>
      <c r="L1440" s="115">
        <v>1</v>
      </c>
      <c r="M1440" s="115">
        <v>0</v>
      </c>
      <c r="N1440" s="115">
        <v>1</v>
      </c>
      <c r="O1440" s="115">
        <v>1</v>
      </c>
      <c r="P1440" s="115">
        <v>1</v>
      </c>
      <c r="Q1440" s="115" t="s">
        <v>400</v>
      </c>
      <c r="R1440" s="115">
        <v>1</v>
      </c>
      <c r="S1440" s="115">
        <v>0</v>
      </c>
      <c r="T1440" s="115">
        <v>0</v>
      </c>
      <c r="U1440" s="119"/>
      <c r="V1440" s="119"/>
      <c r="W1440" s="119"/>
      <c r="X1440" s="119"/>
      <c r="Y1440" s="119"/>
      <c r="Z1440" s="119"/>
      <c r="AA1440" s="119"/>
      <c r="AB1440" s="119"/>
      <c r="AC1440" s="119"/>
      <c r="AD1440" s="119"/>
      <c r="AE1440" s="119"/>
      <c r="AF1440" s="119"/>
      <c r="AG1440" s="119"/>
      <c r="AH1440" s="119"/>
      <c r="AI1440" s="119"/>
      <c r="AJ1440" s="119"/>
      <c r="AK1440" s="119"/>
      <c r="AL1440" s="119"/>
      <c r="AM1440" s="119"/>
      <c r="AN1440" s="119"/>
      <c r="AO1440" s="119"/>
      <c r="AP1440" s="119"/>
      <c r="AQ1440" s="119"/>
      <c r="AR1440" s="119"/>
      <c r="AS1440" s="119"/>
      <c r="AT1440" s="119"/>
      <c r="AU1440" s="119"/>
      <c r="AV1440" s="119"/>
      <c r="AW1440" s="119"/>
      <c r="AX1440" s="119"/>
      <c r="AY1440" s="119"/>
      <c r="AZ1440" s="119"/>
      <c r="BA1440" s="119"/>
      <c r="BB1440" s="107">
        <v>45884</v>
      </c>
    </row>
    <row r="1441" spans="1:54" s="207" customFormat="1" ht="13.95" customHeight="1" x14ac:dyDescent="0.25">
      <c r="A1441" s="208" t="s">
        <v>3492</v>
      </c>
      <c r="B1441" s="209" t="s">
        <v>20420</v>
      </c>
      <c r="C1441" s="113" t="s">
        <v>3493</v>
      </c>
      <c r="D1441" s="113" t="s">
        <v>3494</v>
      </c>
      <c r="E1441" s="210">
        <v>1975</v>
      </c>
      <c r="F1441" s="210">
        <v>1537</v>
      </c>
      <c r="G1441" s="113" t="s">
        <v>1</v>
      </c>
      <c r="H1441" s="113">
        <v>0</v>
      </c>
      <c r="I1441" s="113">
        <v>0</v>
      </c>
      <c r="J1441" s="115">
        <v>1</v>
      </c>
      <c r="K1441" s="211">
        <v>1</v>
      </c>
      <c r="L1441" s="115">
        <v>1</v>
      </c>
      <c r="M1441" s="115">
        <v>1</v>
      </c>
      <c r="N1441" s="115">
        <v>1</v>
      </c>
      <c r="O1441" s="115">
        <v>1</v>
      </c>
      <c r="P1441" s="115">
        <v>1</v>
      </c>
      <c r="Q1441" s="115" t="s">
        <v>400</v>
      </c>
      <c r="R1441" s="115">
        <v>1</v>
      </c>
      <c r="S1441" s="115">
        <v>0</v>
      </c>
      <c r="T1441" s="115">
        <v>0</v>
      </c>
      <c r="U1441" s="119"/>
      <c r="V1441" s="119"/>
      <c r="W1441" s="119"/>
      <c r="X1441" s="119"/>
      <c r="Y1441" s="119"/>
      <c r="Z1441" s="119"/>
      <c r="AA1441" s="119"/>
      <c r="AB1441" s="119"/>
      <c r="AC1441" s="119"/>
      <c r="AD1441" s="119"/>
      <c r="AE1441" s="119"/>
      <c r="AF1441" s="119"/>
      <c r="AG1441" s="119"/>
      <c r="AH1441" s="119"/>
      <c r="AI1441" s="119"/>
      <c r="AJ1441" s="119"/>
      <c r="AK1441" s="119"/>
      <c r="AL1441" s="119"/>
      <c r="AM1441" s="119"/>
      <c r="AN1441" s="119"/>
      <c r="AO1441" s="119"/>
      <c r="AP1441" s="119"/>
      <c r="AQ1441" s="119"/>
      <c r="AR1441" s="119"/>
      <c r="AS1441" s="119"/>
      <c r="AT1441" s="119"/>
      <c r="AU1441" s="119"/>
      <c r="AV1441" s="119"/>
      <c r="AW1441" s="119"/>
      <c r="AX1441" s="119"/>
      <c r="AY1441" s="119"/>
      <c r="AZ1441" s="119"/>
      <c r="BA1441" s="119"/>
      <c r="BB1441" s="107">
        <v>45884</v>
      </c>
    </row>
    <row r="1442" spans="1:54" s="207" customFormat="1" ht="13.95" customHeight="1" x14ac:dyDescent="0.25">
      <c r="A1442" s="208" t="s">
        <v>3495</v>
      </c>
      <c r="B1442" s="209" t="s">
        <v>20420</v>
      </c>
      <c r="C1442" s="113" t="s">
        <v>3496</v>
      </c>
      <c r="D1442" s="113" t="s">
        <v>23264</v>
      </c>
      <c r="E1442" s="210">
        <v>1979</v>
      </c>
      <c r="F1442" s="210">
        <v>1538</v>
      </c>
      <c r="G1442" s="113" t="s">
        <v>1</v>
      </c>
      <c r="H1442" s="113">
        <v>0</v>
      </c>
      <c r="I1442" s="113">
        <v>0</v>
      </c>
      <c r="J1442" s="115">
        <v>1</v>
      </c>
      <c r="K1442" s="116" t="s">
        <v>174</v>
      </c>
      <c r="L1442" s="115">
        <v>1</v>
      </c>
      <c r="M1442" s="115">
        <v>1</v>
      </c>
      <c r="N1442" s="115">
        <v>1</v>
      </c>
      <c r="O1442" s="115">
        <v>1</v>
      </c>
      <c r="P1442" s="115" t="s">
        <v>400</v>
      </c>
      <c r="Q1442" s="115" t="s">
        <v>400</v>
      </c>
      <c r="R1442" s="115">
        <v>1</v>
      </c>
      <c r="S1442" s="115">
        <v>0</v>
      </c>
      <c r="T1442" s="115">
        <v>0</v>
      </c>
      <c r="U1442" s="119"/>
      <c r="V1442" s="119"/>
      <c r="W1442" s="119"/>
      <c r="X1442" s="119"/>
      <c r="Y1442" s="119"/>
      <c r="Z1442" s="119"/>
      <c r="AA1442" s="119"/>
      <c r="AB1442" s="119"/>
      <c r="AC1442" s="119"/>
      <c r="AD1442" s="119"/>
      <c r="AE1442" s="119"/>
      <c r="AF1442" s="119"/>
      <c r="AG1442" s="119"/>
      <c r="AH1442" s="119"/>
      <c r="AI1442" s="119"/>
      <c r="AJ1442" s="119"/>
      <c r="AK1442" s="119"/>
      <c r="AL1442" s="119"/>
      <c r="AM1442" s="119"/>
      <c r="AN1442" s="119"/>
      <c r="AO1442" s="119"/>
      <c r="AP1442" s="119"/>
      <c r="AQ1442" s="119"/>
      <c r="AR1442" s="119"/>
      <c r="AS1442" s="119"/>
      <c r="AT1442" s="119"/>
      <c r="AU1442" s="119"/>
      <c r="AV1442" s="119"/>
      <c r="AW1442" s="119"/>
      <c r="AX1442" s="119"/>
      <c r="AY1442" s="119"/>
      <c r="AZ1442" s="119"/>
      <c r="BA1442" s="119"/>
      <c r="BB1442" s="107">
        <v>45884</v>
      </c>
    </row>
    <row r="1443" spans="1:54" s="207" customFormat="1" ht="13.95" customHeight="1" x14ac:dyDescent="0.25">
      <c r="A1443" s="208" t="s">
        <v>3497</v>
      </c>
      <c r="B1443" s="209" t="s">
        <v>20420</v>
      </c>
      <c r="C1443" s="113" t="s">
        <v>3498</v>
      </c>
      <c r="D1443" s="113" t="s">
        <v>23265</v>
      </c>
      <c r="E1443" s="210">
        <v>1994</v>
      </c>
      <c r="F1443" s="210">
        <v>1538</v>
      </c>
      <c r="G1443" s="113" t="s">
        <v>1</v>
      </c>
      <c r="H1443" s="113">
        <v>0</v>
      </c>
      <c r="I1443" s="113">
        <v>0</v>
      </c>
      <c r="J1443" s="115">
        <v>1</v>
      </c>
      <c r="K1443" s="211">
        <v>1</v>
      </c>
      <c r="L1443" s="115">
        <v>1</v>
      </c>
      <c r="M1443" s="115">
        <v>1</v>
      </c>
      <c r="N1443" s="115">
        <v>0</v>
      </c>
      <c r="O1443" s="115">
        <v>0</v>
      </c>
      <c r="P1443" s="115">
        <v>1</v>
      </c>
      <c r="Q1443" s="115" t="s">
        <v>400</v>
      </c>
      <c r="R1443" s="115">
        <v>1</v>
      </c>
      <c r="S1443" s="115">
        <v>0</v>
      </c>
      <c r="T1443" s="115">
        <v>0</v>
      </c>
      <c r="U1443" s="119"/>
      <c r="V1443" s="119"/>
      <c r="W1443" s="119"/>
      <c r="X1443" s="119"/>
      <c r="Y1443" s="119"/>
      <c r="Z1443" s="119"/>
      <c r="AA1443" s="119"/>
      <c r="AB1443" s="119"/>
      <c r="AC1443" s="119"/>
      <c r="AD1443" s="119"/>
      <c r="AE1443" s="119"/>
      <c r="AF1443" s="119"/>
      <c r="AG1443" s="119"/>
      <c r="AH1443" s="119"/>
      <c r="AI1443" s="119"/>
      <c r="AJ1443" s="119"/>
      <c r="AK1443" s="119"/>
      <c r="AL1443" s="119"/>
      <c r="AM1443" s="119"/>
      <c r="AN1443" s="119"/>
      <c r="AO1443" s="119"/>
      <c r="AP1443" s="119"/>
      <c r="AQ1443" s="119"/>
      <c r="AR1443" s="119"/>
      <c r="AS1443" s="119"/>
      <c r="AT1443" s="119"/>
      <c r="AU1443" s="119"/>
      <c r="AV1443" s="119"/>
      <c r="AW1443" s="119"/>
      <c r="AX1443" s="119"/>
      <c r="AY1443" s="119"/>
      <c r="AZ1443" s="119"/>
      <c r="BA1443" s="119"/>
      <c r="BB1443" s="107">
        <v>45884</v>
      </c>
    </row>
    <row r="1444" spans="1:54" s="207" customFormat="1" ht="13.95" customHeight="1" x14ac:dyDescent="0.25">
      <c r="A1444" s="208" t="s">
        <v>3499</v>
      </c>
      <c r="B1444" s="209" t="s">
        <v>20420</v>
      </c>
      <c r="C1444" s="113" t="s">
        <v>3500</v>
      </c>
      <c r="D1444" s="113" t="s">
        <v>23266</v>
      </c>
      <c r="E1444" s="210">
        <v>1987</v>
      </c>
      <c r="F1444" s="210">
        <v>1538</v>
      </c>
      <c r="G1444" s="113" t="s">
        <v>1</v>
      </c>
      <c r="H1444" s="113">
        <v>0</v>
      </c>
      <c r="I1444" s="113">
        <v>0</v>
      </c>
      <c r="J1444" s="115">
        <v>1</v>
      </c>
      <c r="K1444" s="116" t="s">
        <v>174</v>
      </c>
      <c r="L1444" s="115">
        <v>1</v>
      </c>
      <c r="M1444" s="115">
        <v>0</v>
      </c>
      <c r="N1444" s="115">
        <v>0</v>
      </c>
      <c r="O1444" s="115">
        <v>1</v>
      </c>
      <c r="P1444" s="115">
        <v>1</v>
      </c>
      <c r="Q1444" s="115" t="s">
        <v>400</v>
      </c>
      <c r="R1444" s="115">
        <v>1</v>
      </c>
      <c r="S1444" s="115">
        <v>0</v>
      </c>
      <c r="T1444" s="115">
        <v>0</v>
      </c>
      <c r="U1444" s="119"/>
      <c r="V1444" s="119"/>
      <c r="W1444" s="119"/>
      <c r="X1444" s="119"/>
      <c r="Y1444" s="119"/>
      <c r="Z1444" s="119"/>
      <c r="AA1444" s="119"/>
      <c r="AB1444" s="119"/>
      <c r="AC1444" s="119"/>
      <c r="AD1444" s="119"/>
      <c r="AE1444" s="119"/>
      <c r="AF1444" s="119"/>
      <c r="AG1444" s="119"/>
      <c r="AH1444" s="119"/>
      <c r="AI1444" s="119"/>
      <c r="AJ1444" s="119"/>
      <c r="AK1444" s="119"/>
      <c r="AL1444" s="119"/>
      <c r="AM1444" s="119"/>
      <c r="AN1444" s="119"/>
      <c r="AO1444" s="119"/>
      <c r="AP1444" s="119"/>
      <c r="AQ1444" s="119"/>
      <c r="AR1444" s="119"/>
      <c r="AS1444" s="119"/>
      <c r="AT1444" s="119"/>
      <c r="AU1444" s="119"/>
      <c r="AV1444" s="119"/>
      <c r="AW1444" s="119"/>
      <c r="AX1444" s="119"/>
      <c r="AY1444" s="119"/>
      <c r="AZ1444" s="119"/>
      <c r="BA1444" s="119"/>
      <c r="BB1444" s="107">
        <v>45884</v>
      </c>
    </row>
    <row r="1445" spans="1:54" s="207" customFormat="1" ht="13.95" customHeight="1" x14ac:dyDescent="0.25">
      <c r="A1445" s="208" t="s">
        <v>3501</v>
      </c>
      <c r="B1445" s="209" t="s">
        <v>20420</v>
      </c>
      <c r="C1445" s="113" t="s">
        <v>3502</v>
      </c>
      <c r="D1445" s="113" t="s">
        <v>23267</v>
      </c>
      <c r="E1445" s="210">
        <v>1974</v>
      </c>
      <c r="F1445" s="210">
        <v>1540</v>
      </c>
      <c r="G1445" s="113" t="s">
        <v>1</v>
      </c>
      <c r="H1445" s="113">
        <v>0</v>
      </c>
      <c r="I1445" s="113">
        <v>0</v>
      </c>
      <c r="J1445" s="115">
        <v>1</v>
      </c>
      <c r="K1445" s="116" t="s">
        <v>174</v>
      </c>
      <c r="L1445" s="115">
        <v>1</v>
      </c>
      <c r="M1445" s="115">
        <v>1</v>
      </c>
      <c r="N1445" s="115">
        <v>0</v>
      </c>
      <c r="O1445" s="115">
        <v>1</v>
      </c>
      <c r="P1445" s="115">
        <v>1</v>
      </c>
      <c r="Q1445" s="115" t="s">
        <v>400</v>
      </c>
      <c r="R1445" s="115">
        <v>1</v>
      </c>
      <c r="S1445" s="115">
        <v>0</v>
      </c>
      <c r="T1445" s="115">
        <v>0</v>
      </c>
      <c r="U1445" s="119"/>
      <c r="V1445" s="119"/>
      <c r="W1445" s="119"/>
      <c r="X1445" s="119"/>
      <c r="Y1445" s="119"/>
      <c r="Z1445" s="119"/>
      <c r="AA1445" s="119"/>
      <c r="AB1445" s="119"/>
      <c r="AC1445" s="119"/>
      <c r="AD1445" s="119"/>
      <c r="AE1445" s="119"/>
      <c r="AF1445" s="119"/>
      <c r="AG1445" s="119"/>
      <c r="AH1445" s="119"/>
      <c r="AI1445" s="119"/>
      <c r="AJ1445" s="119"/>
      <c r="AK1445" s="119"/>
      <c r="AL1445" s="119"/>
      <c r="AM1445" s="119"/>
      <c r="AN1445" s="119"/>
      <c r="AO1445" s="119"/>
      <c r="AP1445" s="119"/>
      <c r="AQ1445" s="119"/>
      <c r="AR1445" s="119"/>
      <c r="AS1445" s="119"/>
      <c r="AT1445" s="119"/>
      <c r="AU1445" s="119"/>
      <c r="AV1445" s="119"/>
      <c r="AW1445" s="119"/>
      <c r="AX1445" s="119"/>
      <c r="AY1445" s="119"/>
      <c r="AZ1445" s="119"/>
      <c r="BA1445" s="119"/>
      <c r="BB1445" s="107">
        <v>45884</v>
      </c>
    </row>
    <row r="1446" spans="1:54" s="207" customFormat="1" ht="13.95" customHeight="1" x14ac:dyDescent="0.25">
      <c r="A1446" s="208" t="s">
        <v>3503</v>
      </c>
      <c r="B1446" s="209" t="s">
        <v>20420</v>
      </c>
      <c r="C1446" s="113" t="s">
        <v>3504</v>
      </c>
      <c r="D1446" s="113" t="s">
        <v>3505</v>
      </c>
      <c r="E1446" s="210">
        <v>1966</v>
      </c>
      <c r="F1446" s="210">
        <v>1540</v>
      </c>
      <c r="G1446" s="113" t="s">
        <v>1</v>
      </c>
      <c r="H1446" s="113">
        <v>0</v>
      </c>
      <c r="I1446" s="113">
        <v>0</v>
      </c>
      <c r="J1446" s="115">
        <v>1</v>
      </c>
      <c r="K1446" s="211">
        <v>1</v>
      </c>
      <c r="L1446" s="115">
        <v>1</v>
      </c>
      <c r="M1446" s="115">
        <v>1</v>
      </c>
      <c r="N1446" s="115">
        <v>1</v>
      </c>
      <c r="O1446" s="115">
        <v>1</v>
      </c>
      <c r="P1446" s="115" t="s">
        <v>400</v>
      </c>
      <c r="Q1446" s="115" t="s">
        <v>400</v>
      </c>
      <c r="R1446" s="115">
        <v>1</v>
      </c>
      <c r="S1446" s="115">
        <v>0</v>
      </c>
      <c r="T1446" s="115">
        <v>0</v>
      </c>
      <c r="U1446" s="119"/>
      <c r="V1446" s="119"/>
      <c r="W1446" s="119"/>
      <c r="X1446" s="119"/>
      <c r="Y1446" s="119"/>
      <c r="Z1446" s="119"/>
      <c r="AA1446" s="119"/>
      <c r="AB1446" s="119"/>
      <c r="AC1446" s="119"/>
      <c r="AD1446" s="119"/>
      <c r="AE1446" s="119"/>
      <c r="AF1446" s="119"/>
      <c r="AG1446" s="119"/>
      <c r="AH1446" s="119"/>
      <c r="AI1446" s="119"/>
      <c r="AJ1446" s="119"/>
      <c r="AK1446" s="119"/>
      <c r="AL1446" s="119"/>
      <c r="AM1446" s="119"/>
      <c r="AN1446" s="119"/>
      <c r="AO1446" s="119"/>
      <c r="AP1446" s="119"/>
      <c r="AQ1446" s="119"/>
      <c r="AR1446" s="119"/>
      <c r="AS1446" s="119"/>
      <c r="AT1446" s="119"/>
      <c r="AU1446" s="119"/>
      <c r="AV1446" s="119"/>
      <c r="AW1446" s="119"/>
      <c r="AX1446" s="119"/>
      <c r="AY1446" s="119"/>
      <c r="AZ1446" s="119"/>
      <c r="BA1446" s="119"/>
      <c r="BB1446" s="107">
        <v>45884</v>
      </c>
    </row>
    <row r="1447" spans="1:54" s="207" customFormat="1" ht="13.95" customHeight="1" x14ac:dyDescent="0.25">
      <c r="A1447" s="208" t="s">
        <v>3506</v>
      </c>
      <c r="B1447" s="209" t="s">
        <v>20420</v>
      </c>
      <c r="C1447" s="113" t="s">
        <v>3507</v>
      </c>
      <c r="D1447" s="113" t="s">
        <v>3508</v>
      </c>
      <c r="E1447" s="210">
        <v>1979</v>
      </c>
      <c r="F1447" s="210">
        <v>1548</v>
      </c>
      <c r="G1447" s="113" t="s">
        <v>1</v>
      </c>
      <c r="H1447" s="113">
        <v>0</v>
      </c>
      <c r="I1447" s="113">
        <v>0</v>
      </c>
      <c r="J1447" s="115">
        <v>1</v>
      </c>
      <c r="K1447" s="116" t="s">
        <v>174</v>
      </c>
      <c r="L1447" s="115">
        <v>1</v>
      </c>
      <c r="M1447" s="115">
        <v>0</v>
      </c>
      <c r="N1447" s="115">
        <v>0</v>
      </c>
      <c r="O1447" s="115">
        <v>1</v>
      </c>
      <c r="P1447" s="115">
        <v>1</v>
      </c>
      <c r="Q1447" s="115" t="s">
        <v>400</v>
      </c>
      <c r="R1447" s="115">
        <v>1</v>
      </c>
      <c r="S1447" s="115">
        <v>0</v>
      </c>
      <c r="T1447" s="115">
        <v>0</v>
      </c>
      <c r="U1447" s="119"/>
      <c r="V1447" s="119"/>
      <c r="W1447" s="119"/>
      <c r="X1447" s="119"/>
      <c r="Y1447" s="119"/>
      <c r="Z1447" s="119"/>
      <c r="AA1447" s="119"/>
      <c r="AB1447" s="119"/>
      <c r="AC1447" s="119"/>
      <c r="AD1447" s="119"/>
      <c r="AE1447" s="119"/>
      <c r="AF1447" s="119"/>
      <c r="AG1447" s="119"/>
      <c r="AH1447" s="119"/>
      <c r="AI1447" s="119"/>
      <c r="AJ1447" s="119"/>
      <c r="AK1447" s="119"/>
      <c r="AL1447" s="119"/>
      <c r="AM1447" s="119"/>
      <c r="AN1447" s="119"/>
      <c r="AO1447" s="119"/>
      <c r="AP1447" s="119"/>
      <c r="AQ1447" s="119"/>
      <c r="AR1447" s="119"/>
      <c r="AS1447" s="119"/>
      <c r="AT1447" s="119"/>
      <c r="AU1447" s="119"/>
      <c r="AV1447" s="119"/>
      <c r="AW1447" s="119"/>
      <c r="AX1447" s="119"/>
      <c r="AY1447" s="119"/>
      <c r="AZ1447" s="119"/>
      <c r="BA1447" s="119"/>
      <c r="BB1447" s="107">
        <v>45884</v>
      </c>
    </row>
    <row r="1448" spans="1:54" s="207" customFormat="1" ht="13.95" customHeight="1" x14ac:dyDescent="0.25">
      <c r="A1448" s="208" t="s">
        <v>3509</v>
      </c>
      <c r="B1448" s="209" t="s">
        <v>20420</v>
      </c>
      <c r="C1448" s="113" t="s">
        <v>3510</v>
      </c>
      <c r="D1448" s="113" t="s">
        <v>3511</v>
      </c>
      <c r="E1448" s="210">
        <v>1994</v>
      </c>
      <c r="F1448" s="210">
        <v>1571</v>
      </c>
      <c r="G1448" s="113" t="s">
        <v>1</v>
      </c>
      <c r="H1448" s="113">
        <v>0</v>
      </c>
      <c r="I1448" s="113">
        <v>0</v>
      </c>
      <c r="J1448" s="115">
        <v>1</v>
      </c>
      <c r="K1448" s="116" t="s">
        <v>174</v>
      </c>
      <c r="L1448" s="115">
        <v>1</v>
      </c>
      <c r="M1448" s="115">
        <v>1</v>
      </c>
      <c r="N1448" s="115">
        <v>1</v>
      </c>
      <c r="O1448" s="115">
        <v>0</v>
      </c>
      <c r="P1448" s="115" t="s">
        <v>400</v>
      </c>
      <c r="Q1448" s="115" t="s">
        <v>400</v>
      </c>
      <c r="R1448" s="115">
        <v>0</v>
      </c>
      <c r="S1448" s="115">
        <v>0</v>
      </c>
      <c r="T1448" s="115">
        <v>0</v>
      </c>
      <c r="U1448" s="119"/>
      <c r="V1448" s="119"/>
      <c r="W1448" s="119"/>
      <c r="X1448" s="119"/>
      <c r="Y1448" s="119"/>
      <c r="Z1448" s="119"/>
      <c r="AA1448" s="119"/>
      <c r="AB1448" s="119"/>
      <c r="AC1448" s="119"/>
      <c r="AD1448" s="119"/>
      <c r="AE1448" s="119"/>
      <c r="AF1448" s="119"/>
      <c r="AG1448" s="119"/>
      <c r="AH1448" s="119"/>
      <c r="AI1448" s="119"/>
      <c r="AJ1448" s="119"/>
      <c r="AK1448" s="119"/>
      <c r="AL1448" s="119"/>
      <c r="AM1448" s="119"/>
      <c r="AN1448" s="119"/>
      <c r="AO1448" s="119"/>
      <c r="AP1448" s="119"/>
      <c r="AQ1448" s="119"/>
      <c r="AR1448" s="119"/>
      <c r="AS1448" s="119"/>
      <c r="AT1448" s="119"/>
      <c r="AU1448" s="119"/>
      <c r="AV1448" s="119"/>
      <c r="AW1448" s="119"/>
      <c r="AX1448" s="119"/>
      <c r="AY1448" s="119"/>
      <c r="AZ1448" s="119"/>
      <c r="BA1448" s="119"/>
      <c r="BB1448" s="107">
        <v>45884</v>
      </c>
    </row>
    <row r="1449" spans="1:54" s="207" customFormat="1" ht="13.95" customHeight="1" x14ac:dyDescent="0.25">
      <c r="A1449" s="208" t="s">
        <v>3512</v>
      </c>
      <c r="B1449" s="209" t="s">
        <v>20420</v>
      </c>
      <c r="C1449" s="113" t="s">
        <v>3513</v>
      </c>
      <c r="D1449" s="113" t="s">
        <v>3514</v>
      </c>
      <c r="E1449" s="210">
        <v>1977</v>
      </c>
      <c r="F1449" s="210">
        <v>1556</v>
      </c>
      <c r="G1449" s="113" t="s">
        <v>1</v>
      </c>
      <c r="H1449" s="113">
        <v>0</v>
      </c>
      <c r="I1449" s="113">
        <v>0</v>
      </c>
      <c r="J1449" s="115">
        <v>1</v>
      </c>
      <c r="K1449" s="116" t="s">
        <v>174</v>
      </c>
      <c r="L1449" s="115">
        <v>1</v>
      </c>
      <c r="M1449" s="115">
        <v>0</v>
      </c>
      <c r="N1449" s="115">
        <v>1</v>
      </c>
      <c r="O1449" s="115">
        <v>1</v>
      </c>
      <c r="P1449" s="115">
        <v>1</v>
      </c>
      <c r="Q1449" s="115" t="s">
        <v>400</v>
      </c>
      <c r="R1449" s="115">
        <v>1</v>
      </c>
      <c r="S1449" s="115">
        <v>0</v>
      </c>
      <c r="T1449" s="115">
        <v>0</v>
      </c>
      <c r="U1449" s="119"/>
      <c r="V1449" s="119"/>
      <c r="W1449" s="119"/>
      <c r="X1449" s="119"/>
      <c r="Y1449" s="119"/>
      <c r="Z1449" s="119"/>
      <c r="AA1449" s="119"/>
      <c r="AB1449" s="119"/>
      <c r="AC1449" s="119"/>
      <c r="AD1449" s="119"/>
      <c r="AE1449" s="119"/>
      <c r="AF1449" s="119"/>
      <c r="AG1449" s="119"/>
      <c r="AH1449" s="119"/>
      <c r="AI1449" s="119"/>
      <c r="AJ1449" s="119"/>
      <c r="AK1449" s="119"/>
      <c r="AL1449" s="119"/>
      <c r="AM1449" s="119"/>
      <c r="AN1449" s="119"/>
      <c r="AO1449" s="119"/>
      <c r="AP1449" s="119"/>
      <c r="AQ1449" s="119"/>
      <c r="AR1449" s="119"/>
      <c r="AS1449" s="119"/>
      <c r="AT1449" s="119"/>
      <c r="AU1449" s="119"/>
      <c r="AV1449" s="119"/>
      <c r="AW1449" s="119"/>
      <c r="AX1449" s="119"/>
      <c r="AY1449" s="119"/>
      <c r="AZ1449" s="119"/>
      <c r="BA1449" s="119"/>
      <c r="BB1449" s="107">
        <v>45884</v>
      </c>
    </row>
    <row r="1450" spans="1:54" s="207" customFormat="1" ht="13.95" customHeight="1" x14ac:dyDescent="0.25">
      <c r="A1450" s="208" t="s">
        <v>3515</v>
      </c>
      <c r="B1450" s="209" t="s">
        <v>20420</v>
      </c>
      <c r="C1450" s="113" t="s">
        <v>3516</v>
      </c>
      <c r="D1450" s="113" t="s">
        <v>23268</v>
      </c>
      <c r="E1450" s="210">
        <v>1965</v>
      </c>
      <c r="F1450" s="210">
        <v>1557</v>
      </c>
      <c r="G1450" s="113" t="s">
        <v>1</v>
      </c>
      <c r="H1450" s="113">
        <v>0</v>
      </c>
      <c r="I1450" s="113">
        <v>0</v>
      </c>
      <c r="J1450" s="115">
        <v>1</v>
      </c>
      <c r="K1450" s="211">
        <v>1</v>
      </c>
      <c r="L1450" s="115">
        <v>1</v>
      </c>
      <c r="M1450" s="115">
        <v>0</v>
      </c>
      <c r="N1450" s="115">
        <v>0</v>
      </c>
      <c r="O1450" s="115">
        <v>1</v>
      </c>
      <c r="P1450" s="115" t="s">
        <v>400</v>
      </c>
      <c r="Q1450" s="115" t="s">
        <v>400</v>
      </c>
      <c r="R1450" s="115">
        <v>0</v>
      </c>
      <c r="S1450" s="115">
        <v>0</v>
      </c>
      <c r="T1450" s="115">
        <v>0</v>
      </c>
      <c r="U1450" s="119"/>
      <c r="V1450" s="119"/>
      <c r="W1450" s="119"/>
      <c r="X1450" s="119"/>
      <c r="Y1450" s="119"/>
      <c r="Z1450" s="119"/>
      <c r="AA1450" s="119"/>
      <c r="AB1450" s="119"/>
      <c r="AC1450" s="119"/>
      <c r="AD1450" s="119"/>
      <c r="AE1450" s="119"/>
      <c r="AF1450" s="119"/>
      <c r="AG1450" s="119"/>
      <c r="AH1450" s="119"/>
      <c r="AI1450" s="119"/>
      <c r="AJ1450" s="119"/>
      <c r="AK1450" s="119"/>
      <c r="AL1450" s="119"/>
      <c r="AM1450" s="119"/>
      <c r="AN1450" s="119"/>
      <c r="AO1450" s="119"/>
      <c r="AP1450" s="119"/>
      <c r="AQ1450" s="119"/>
      <c r="AR1450" s="119"/>
      <c r="AS1450" s="119"/>
      <c r="AT1450" s="119"/>
      <c r="AU1450" s="119"/>
      <c r="AV1450" s="119"/>
      <c r="AW1450" s="119"/>
      <c r="AX1450" s="119"/>
      <c r="AY1450" s="119"/>
      <c r="AZ1450" s="119"/>
      <c r="BA1450" s="119"/>
      <c r="BB1450" s="107">
        <v>45884</v>
      </c>
    </row>
    <row r="1451" spans="1:54" s="207" customFormat="1" ht="13.95" customHeight="1" x14ac:dyDescent="0.25">
      <c r="A1451" s="208" t="s">
        <v>3517</v>
      </c>
      <c r="B1451" s="209" t="s">
        <v>20420</v>
      </c>
      <c r="C1451" s="113" t="s">
        <v>3518</v>
      </c>
      <c r="D1451" s="113" t="s">
        <v>3519</v>
      </c>
      <c r="E1451" s="210">
        <v>2005</v>
      </c>
      <c r="F1451" s="210">
        <v>1557</v>
      </c>
      <c r="G1451" s="113" t="s">
        <v>1</v>
      </c>
      <c r="H1451" s="113">
        <v>0</v>
      </c>
      <c r="I1451" s="113">
        <v>0</v>
      </c>
      <c r="J1451" s="115">
        <v>1</v>
      </c>
      <c r="K1451" s="211">
        <v>1</v>
      </c>
      <c r="L1451" s="115">
        <v>0</v>
      </c>
      <c r="M1451" s="115">
        <v>1</v>
      </c>
      <c r="N1451" s="115">
        <v>1</v>
      </c>
      <c r="O1451" s="115">
        <v>0</v>
      </c>
      <c r="P1451" s="115" t="s">
        <v>400</v>
      </c>
      <c r="Q1451" s="115" t="s">
        <v>400</v>
      </c>
      <c r="R1451" s="115">
        <v>0</v>
      </c>
      <c r="S1451" s="115">
        <v>0</v>
      </c>
      <c r="T1451" s="115">
        <v>0</v>
      </c>
      <c r="U1451" s="119"/>
      <c r="V1451" s="119"/>
      <c r="W1451" s="119"/>
      <c r="X1451" s="119"/>
      <c r="Y1451" s="119"/>
      <c r="Z1451" s="119"/>
      <c r="AA1451" s="119"/>
      <c r="AB1451" s="119"/>
      <c r="AC1451" s="119"/>
      <c r="AD1451" s="119"/>
      <c r="AE1451" s="119"/>
      <c r="AF1451" s="119"/>
      <c r="AG1451" s="119"/>
      <c r="AH1451" s="119"/>
      <c r="AI1451" s="119"/>
      <c r="AJ1451" s="119"/>
      <c r="AK1451" s="119"/>
      <c r="AL1451" s="119"/>
      <c r="AM1451" s="119"/>
      <c r="AN1451" s="119"/>
      <c r="AO1451" s="119"/>
      <c r="AP1451" s="119"/>
      <c r="AQ1451" s="119"/>
      <c r="AR1451" s="119"/>
      <c r="AS1451" s="119"/>
      <c r="AT1451" s="119"/>
      <c r="AU1451" s="119"/>
      <c r="AV1451" s="119"/>
      <c r="AW1451" s="119"/>
      <c r="AX1451" s="119"/>
      <c r="AY1451" s="119"/>
      <c r="AZ1451" s="119"/>
      <c r="BA1451" s="119"/>
      <c r="BB1451" s="107">
        <v>45884</v>
      </c>
    </row>
    <row r="1452" spans="1:54" s="207" customFormat="1" ht="13.95" customHeight="1" x14ac:dyDescent="0.25">
      <c r="A1452" s="208" t="s">
        <v>3520</v>
      </c>
      <c r="B1452" s="209" t="s">
        <v>20420</v>
      </c>
      <c r="C1452" s="113" t="s">
        <v>3521</v>
      </c>
      <c r="D1452" s="113" t="s">
        <v>3522</v>
      </c>
      <c r="E1452" s="210">
        <v>1976</v>
      </c>
      <c r="F1452" s="210">
        <v>1558</v>
      </c>
      <c r="G1452" s="113" t="s">
        <v>1</v>
      </c>
      <c r="H1452" s="113">
        <v>0</v>
      </c>
      <c r="I1452" s="113">
        <v>0</v>
      </c>
      <c r="J1452" s="115">
        <v>1</v>
      </c>
      <c r="K1452" s="116" t="s">
        <v>174</v>
      </c>
      <c r="L1452" s="115">
        <v>1</v>
      </c>
      <c r="M1452" s="115">
        <v>0</v>
      </c>
      <c r="N1452" s="115">
        <v>0</v>
      </c>
      <c r="O1452" s="115">
        <v>1</v>
      </c>
      <c r="P1452" s="115">
        <v>1</v>
      </c>
      <c r="Q1452" s="115" t="s">
        <v>400</v>
      </c>
      <c r="R1452" s="115">
        <v>1</v>
      </c>
      <c r="S1452" s="115">
        <v>0</v>
      </c>
      <c r="T1452" s="115">
        <v>0</v>
      </c>
      <c r="U1452" s="119"/>
      <c r="V1452" s="119"/>
      <c r="W1452" s="119"/>
      <c r="X1452" s="119"/>
      <c r="Y1452" s="119"/>
      <c r="Z1452" s="119"/>
      <c r="AA1452" s="119"/>
      <c r="AB1452" s="119"/>
      <c r="AC1452" s="119"/>
      <c r="AD1452" s="119"/>
      <c r="AE1452" s="119"/>
      <c r="AF1452" s="119"/>
      <c r="AG1452" s="119"/>
      <c r="AH1452" s="119"/>
      <c r="AI1452" s="119"/>
      <c r="AJ1452" s="119"/>
      <c r="AK1452" s="119"/>
      <c r="AL1452" s="119"/>
      <c r="AM1452" s="119"/>
      <c r="AN1452" s="119"/>
      <c r="AO1452" s="119"/>
      <c r="AP1452" s="119"/>
      <c r="AQ1452" s="119"/>
      <c r="AR1452" s="119"/>
      <c r="AS1452" s="119"/>
      <c r="AT1452" s="119"/>
      <c r="AU1452" s="119"/>
      <c r="AV1452" s="119"/>
      <c r="AW1452" s="119"/>
      <c r="AX1452" s="119"/>
      <c r="AY1452" s="119"/>
      <c r="AZ1452" s="119"/>
      <c r="BA1452" s="119"/>
      <c r="BB1452" s="107">
        <v>45884</v>
      </c>
    </row>
    <row r="1453" spans="1:54" s="207" customFormat="1" ht="13.95" customHeight="1" x14ac:dyDescent="0.25">
      <c r="A1453" s="208" t="s">
        <v>3523</v>
      </c>
      <c r="B1453" s="209" t="s">
        <v>20420</v>
      </c>
      <c r="C1453" s="113" t="s">
        <v>3524</v>
      </c>
      <c r="D1453" s="113" t="s">
        <v>23269</v>
      </c>
      <c r="E1453" s="210">
        <v>1978</v>
      </c>
      <c r="F1453" s="210">
        <v>1566</v>
      </c>
      <c r="G1453" s="113" t="s">
        <v>1</v>
      </c>
      <c r="H1453" s="113">
        <v>0</v>
      </c>
      <c r="I1453" s="113">
        <v>0</v>
      </c>
      <c r="J1453" s="115">
        <v>1</v>
      </c>
      <c r="K1453" s="116" t="s">
        <v>174</v>
      </c>
      <c r="L1453" s="115">
        <v>1</v>
      </c>
      <c r="M1453" s="115">
        <v>0</v>
      </c>
      <c r="N1453" s="115">
        <v>0</v>
      </c>
      <c r="O1453" s="115">
        <v>1</v>
      </c>
      <c r="P1453" s="115">
        <v>1</v>
      </c>
      <c r="Q1453" s="115" t="s">
        <v>400</v>
      </c>
      <c r="R1453" s="115">
        <v>1</v>
      </c>
      <c r="S1453" s="115">
        <v>0</v>
      </c>
      <c r="T1453" s="115">
        <v>0</v>
      </c>
      <c r="U1453" s="119"/>
      <c r="V1453" s="119"/>
      <c r="W1453" s="119"/>
      <c r="X1453" s="119"/>
      <c r="Y1453" s="119"/>
      <c r="Z1453" s="119"/>
      <c r="AA1453" s="119"/>
      <c r="AB1453" s="119"/>
      <c r="AC1453" s="119"/>
      <c r="AD1453" s="119"/>
      <c r="AE1453" s="119"/>
      <c r="AF1453" s="119"/>
      <c r="AG1453" s="119"/>
      <c r="AH1453" s="119"/>
      <c r="AI1453" s="119"/>
      <c r="AJ1453" s="119"/>
      <c r="AK1453" s="119"/>
      <c r="AL1453" s="119"/>
      <c r="AM1453" s="119"/>
      <c r="AN1453" s="119"/>
      <c r="AO1453" s="119"/>
      <c r="AP1453" s="119"/>
      <c r="AQ1453" s="119"/>
      <c r="AR1453" s="119"/>
      <c r="AS1453" s="119"/>
      <c r="AT1453" s="119"/>
      <c r="AU1453" s="119"/>
      <c r="AV1453" s="119"/>
      <c r="AW1453" s="119"/>
      <c r="AX1453" s="119"/>
      <c r="AY1453" s="119"/>
      <c r="AZ1453" s="119"/>
      <c r="BA1453" s="119"/>
      <c r="BB1453" s="107">
        <v>45884</v>
      </c>
    </row>
    <row r="1454" spans="1:54" s="207" customFormat="1" ht="13.95" customHeight="1" x14ac:dyDescent="0.25">
      <c r="A1454" s="208" t="s">
        <v>3525</v>
      </c>
      <c r="B1454" s="209" t="s">
        <v>20420</v>
      </c>
      <c r="C1454" s="113" t="s">
        <v>3526</v>
      </c>
      <c r="D1454" s="113" t="s">
        <v>3527</v>
      </c>
      <c r="E1454" s="210">
        <v>1977</v>
      </c>
      <c r="F1454" s="210">
        <v>1572</v>
      </c>
      <c r="G1454" s="113" t="s">
        <v>1</v>
      </c>
      <c r="H1454" s="113">
        <v>0</v>
      </c>
      <c r="I1454" s="113">
        <v>0</v>
      </c>
      <c r="J1454" s="115">
        <v>1</v>
      </c>
      <c r="K1454" s="116" t="s">
        <v>174</v>
      </c>
      <c r="L1454" s="115">
        <v>1</v>
      </c>
      <c r="M1454" s="115">
        <v>1</v>
      </c>
      <c r="N1454" s="115">
        <v>0</v>
      </c>
      <c r="O1454" s="115">
        <v>1</v>
      </c>
      <c r="P1454" s="115" t="s">
        <v>400</v>
      </c>
      <c r="Q1454" s="115" t="s">
        <v>400</v>
      </c>
      <c r="R1454" s="115">
        <v>1</v>
      </c>
      <c r="S1454" s="115">
        <v>0</v>
      </c>
      <c r="T1454" s="115">
        <v>0</v>
      </c>
      <c r="U1454" s="119"/>
      <c r="V1454" s="119"/>
      <c r="W1454" s="119"/>
      <c r="X1454" s="119"/>
      <c r="Y1454" s="119"/>
      <c r="Z1454" s="119"/>
      <c r="AA1454" s="119"/>
      <c r="AB1454" s="119"/>
      <c r="AC1454" s="119"/>
      <c r="AD1454" s="119"/>
      <c r="AE1454" s="119"/>
      <c r="AF1454" s="119"/>
      <c r="AG1454" s="119"/>
      <c r="AH1454" s="119"/>
      <c r="AI1454" s="119"/>
      <c r="AJ1454" s="119"/>
      <c r="AK1454" s="119"/>
      <c r="AL1454" s="119"/>
      <c r="AM1454" s="119"/>
      <c r="AN1454" s="119"/>
      <c r="AO1454" s="119"/>
      <c r="AP1454" s="119"/>
      <c r="AQ1454" s="119"/>
      <c r="AR1454" s="119"/>
      <c r="AS1454" s="119"/>
      <c r="AT1454" s="119"/>
      <c r="AU1454" s="119"/>
      <c r="AV1454" s="119"/>
      <c r="AW1454" s="119"/>
      <c r="AX1454" s="119"/>
      <c r="AY1454" s="119"/>
      <c r="AZ1454" s="119"/>
      <c r="BA1454" s="119"/>
      <c r="BB1454" s="107">
        <v>45884</v>
      </c>
    </row>
    <row r="1455" spans="1:54" s="207" customFormat="1" ht="13.95" customHeight="1" x14ac:dyDescent="0.25">
      <c r="A1455" s="208" t="s">
        <v>3528</v>
      </c>
      <c r="B1455" s="209" t="s">
        <v>20420</v>
      </c>
      <c r="C1455" s="113" t="s">
        <v>3529</v>
      </c>
      <c r="D1455" s="113" t="s">
        <v>23270</v>
      </c>
      <c r="E1455" s="210">
        <v>2002</v>
      </c>
      <c r="F1455" s="210">
        <v>2229</v>
      </c>
      <c r="G1455" s="113" t="s">
        <v>1</v>
      </c>
      <c r="H1455" s="113">
        <v>0</v>
      </c>
      <c r="I1455" s="113">
        <v>0</v>
      </c>
      <c r="J1455" s="115">
        <v>1</v>
      </c>
      <c r="K1455" s="116" t="s">
        <v>174</v>
      </c>
      <c r="L1455" s="115">
        <v>1</v>
      </c>
      <c r="M1455" s="115">
        <v>0</v>
      </c>
      <c r="N1455" s="115">
        <v>0</v>
      </c>
      <c r="O1455" s="115">
        <v>1</v>
      </c>
      <c r="P1455" s="115">
        <v>1</v>
      </c>
      <c r="Q1455" s="115" t="s">
        <v>400</v>
      </c>
      <c r="R1455" s="115">
        <v>1</v>
      </c>
      <c r="S1455" s="115">
        <v>0</v>
      </c>
      <c r="T1455" s="115">
        <v>0</v>
      </c>
      <c r="U1455" s="119"/>
      <c r="V1455" s="119"/>
      <c r="W1455" s="119"/>
      <c r="X1455" s="119"/>
      <c r="Y1455" s="119"/>
      <c r="Z1455" s="119"/>
      <c r="AA1455" s="119"/>
      <c r="AB1455" s="119"/>
      <c r="AC1455" s="119"/>
      <c r="AD1455" s="119"/>
      <c r="AE1455" s="119"/>
      <c r="AF1455" s="119"/>
      <c r="AG1455" s="119"/>
      <c r="AH1455" s="119"/>
      <c r="AI1455" s="119"/>
      <c r="AJ1455" s="119"/>
      <c r="AK1455" s="119"/>
      <c r="AL1455" s="119"/>
      <c r="AM1455" s="119"/>
      <c r="AN1455" s="119"/>
      <c r="AO1455" s="119"/>
      <c r="AP1455" s="119"/>
      <c r="AQ1455" s="119"/>
      <c r="AR1455" s="119"/>
      <c r="AS1455" s="119"/>
      <c r="AT1455" s="119"/>
      <c r="AU1455" s="119"/>
      <c r="AV1455" s="119"/>
      <c r="AW1455" s="119"/>
      <c r="AX1455" s="119"/>
      <c r="AY1455" s="119"/>
      <c r="AZ1455" s="119"/>
      <c r="BA1455" s="119"/>
      <c r="BB1455" s="107">
        <v>45884</v>
      </c>
    </row>
    <row r="1456" spans="1:54" s="207" customFormat="1" ht="13.95" customHeight="1" x14ac:dyDescent="0.25">
      <c r="A1456" s="208" t="s">
        <v>3530</v>
      </c>
      <c r="B1456" s="209" t="s">
        <v>20420</v>
      </c>
      <c r="C1456" s="113" t="s">
        <v>3531</v>
      </c>
      <c r="D1456" s="113" t="s">
        <v>3532</v>
      </c>
      <c r="E1456" s="210">
        <v>1965</v>
      </c>
      <c r="F1456" s="210">
        <v>1578</v>
      </c>
      <c r="G1456" s="113" t="s">
        <v>1</v>
      </c>
      <c r="H1456" s="113">
        <v>0</v>
      </c>
      <c r="I1456" s="113">
        <v>0</v>
      </c>
      <c r="J1456" s="115">
        <v>1</v>
      </c>
      <c r="K1456" s="116" t="s">
        <v>174</v>
      </c>
      <c r="L1456" s="115">
        <v>1</v>
      </c>
      <c r="M1456" s="115">
        <v>1</v>
      </c>
      <c r="N1456" s="115">
        <v>0</v>
      </c>
      <c r="O1456" s="115">
        <v>1</v>
      </c>
      <c r="P1456" s="115">
        <v>1</v>
      </c>
      <c r="Q1456" s="115">
        <v>1</v>
      </c>
      <c r="R1456" s="115">
        <v>0</v>
      </c>
      <c r="S1456" s="115">
        <v>0</v>
      </c>
      <c r="T1456" s="115">
        <v>0</v>
      </c>
      <c r="U1456" s="119"/>
      <c r="V1456" s="119"/>
      <c r="W1456" s="119"/>
      <c r="X1456" s="119"/>
      <c r="Y1456" s="119"/>
      <c r="Z1456" s="119"/>
      <c r="AA1456" s="119"/>
      <c r="AB1456" s="119"/>
      <c r="AC1456" s="119"/>
      <c r="AD1456" s="119"/>
      <c r="AE1456" s="119"/>
      <c r="AF1456" s="119"/>
      <c r="AG1456" s="119"/>
      <c r="AH1456" s="119"/>
      <c r="AI1456" s="119"/>
      <c r="AJ1456" s="119"/>
      <c r="AK1456" s="119"/>
      <c r="AL1456" s="119"/>
      <c r="AM1456" s="119"/>
      <c r="AN1456" s="119"/>
      <c r="AO1456" s="119"/>
      <c r="AP1456" s="119"/>
      <c r="AQ1456" s="119"/>
      <c r="AR1456" s="119"/>
      <c r="AS1456" s="119"/>
      <c r="AT1456" s="119"/>
      <c r="AU1456" s="119"/>
      <c r="AV1456" s="119"/>
      <c r="AW1456" s="119"/>
      <c r="AX1456" s="119"/>
      <c r="AY1456" s="119"/>
      <c r="AZ1456" s="119"/>
      <c r="BA1456" s="119"/>
      <c r="BB1456" s="107">
        <v>45884</v>
      </c>
    </row>
    <row r="1457" spans="1:54" s="207" customFormat="1" ht="13.95" customHeight="1" x14ac:dyDescent="0.25">
      <c r="A1457" s="208" t="s">
        <v>3533</v>
      </c>
      <c r="B1457" s="209" t="s">
        <v>20420</v>
      </c>
      <c r="C1457" s="113" t="s">
        <v>3534</v>
      </c>
      <c r="D1457" s="113" t="s">
        <v>3535</v>
      </c>
      <c r="E1457" s="210">
        <v>1986</v>
      </c>
      <c r="F1457" s="210">
        <v>1579</v>
      </c>
      <c r="G1457" s="113" t="s">
        <v>1</v>
      </c>
      <c r="H1457" s="113">
        <v>1</v>
      </c>
      <c r="I1457" s="113">
        <v>0</v>
      </c>
      <c r="J1457" s="115">
        <v>1</v>
      </c>
      <c r="K1457" s="116" t="s">
        <v>174</v>
      </c>
      <c r="L1457" s="115">
        <v>1</v>
      </c>
      <c r="M1457" s="115">
        <v>0</v>
      </c>
      <c r="N1457" s="115">
        <v>0</v>
      </c>
      <c r="O1457" s="115">
        <v>1</v>
      </c>
      <c r="P1457" s="115">
        <v>1</v>
      </c>
      <c r="Q1457" s="115" t="s">
        <v>400</v>
      </c>
      <c r="R1457" s="115">
        <v>1</v>
      </c>
      <c r="S1457" s="115">
        <v>0</v>
      </c>
      <c r="T1457" s="115">
        <v>0</v>
      </c>
      <c r="U1457" s="119"/>
      <c r="V1457" s="119"/>
      <c r="W1457" s="119"/>
      <c r="X1457" s="119"/>
      <c r="Y1457" s="119"/>
      <c r="Z1457" s="119"/>
      <c r="AA1457" s="119"/>
      <c r="AB1457" s="119"/>
      <c r="AC1457" s="119"/>
      <c r="AD1457" s="119"/>
      <c r="AE1457" s="119"/>
      <c r="AF1457" s="119"/>
      <c r="AG1457" s="119"/>
      <c r="AH1457" s="119"/>
      <c r="AI1457" s="119"/>
      <c r="AJ1457" s="119"/>
      <c r="AK1457" s="119"/>
      <c r="AL1457" s="119"/>
      <c r="AM1457" s="119"/>
      <c r="AN1457" s="119"/>
      <c r="AO1457" s="119"/>
      <c r="AP1457" s="119"/>
      <c r="AQ1457" s="119"/>
      <c r="AR1457" s="119"/>
      <c r="AS1457" s="119"/>
      <c r="AT1457" s="119"/>
      <c r="AU1457" s="119"/>
      <c r="AV1457" s="119"/>
      <c r="AW1457" s="119"/>
      <c r="AX1457" s="119"/>
      <c r="AY1457" s="119"/>
      <c r="AZ1457" s="119"/>
      <c r="BA1457" s="119"/>
      <c r="BB1457" s="107">
        <v>45884</v>
      </c>
    </row>
    <row r="1458" spans="1:54" s="207" customFormat="1" ht="13.95" customHeight="1" x14ac:dyDescent="0.25">
      <c r="A1458" s="208" t="s">
        <v>3536</v>
      </c>
      <c r="B1458" s="209" t="s">
        <v>20420</v>
      </c>
      <c r="C1458" s="113" t="s">
        <v>3537</v>
      </c>
      <c r="D1458" s="113" t="s">
        <v>3538</v>
      </c>
      <c r="E1458" s="210">
        <v>1971</v>
      </c>
      <c r="F1458" s="210">
        <v>1580</v>
      </c>
      <c r="G1458" s="113" t="s">
        <v>1</v>
      </c>
      <c r="H1458" s="113">
        <v>0</v>
      </c>
      <c r="I1458" s="113">
        <v>0</v>
      </c>
      <c r="J1458" s="115">
        <v>1</v>
      </c>
      <c r="K1458" s="116" t="s">
        <v>174</v>
      </c>
      <c r="L1458" s="115">
        <v>0</v>
      </c>
      <c r="M1458" s="115">
        <v>1</v>
      </c>
      <c r="N1458" s="115">
        <v>1</v>
      </c>
      <c r="O1458" s="115">
        <v>1</v>
      </c>
      <c r="P1458" s="115" t="s">
        <v>400</v>
      </c>
      <c r="Q1458" s="115" t="s">
        <v>400</v>
      </c>
      <c r="R1458" s="115">
        <v>1</v>
      </c>
      <c r="S1458" s="115">
        <v>0</v>
      </c>
      <c r="T1458" s="115">
        <v>0</v>
      </c>
      <c r="U1458" s="119"/>
      <c r="V1458" s="119"/>
      <c r="W1458" s="119"/>
      <c r="X1458" s="119"/>
      <c r="Y1458" s="119"/>
      <c r="Z1458" s="119"/>
      <c r="AA1458" s="119"/>
      <c r="AB1458" s="119"/>
      <c r="AC1458" s="119"/>
      <c r="AD1458" s="119"/>
      <c r="AE1458" s="119"/>
      <c r="AF1458" s="119"/>
      <c r="AG1458" s="119"/>
      <c r="AH1458" s="119"/>
      <c r="AI1458" s="119"/>
      <c r="AJ1458" s="119"/>
      <c r="AK1458" s="119"/>
      <c r="AL1458" s="119"/>
      <c r="AM1458" s="119"/>
      <c r="AN1458" s="119"/>
      <c r="AO1458" s="119"/>
      <c r="AP1458" s="119"/>
      <c r="AQ1458" s="119"/>
      <c r="AR1458" s="119"/>
      <c r="AS1458" s="119"/>
      <c r="AT1458" s="119"/>
      <c r="AU1458" s="119"/>
      <c r="AV1458" s="119"/>
      <c r="AW1458" s="119"/>
      <c r="AX1458" s="119"/>
      <c r="AY1458" s="119"/>
      <c r="AZ1458" s="119"/>
      <c r="BA1458" s="119"/>
      <c r="BB1458" s="107">
        <v>45884</v>
      </c>
    </row>
    <row r="1459" spans="1:54" s="207" customFormat="1" ht="13.95" customHeight="1" x14ac:dyDescent="0.25">
      <c r="A1459" s="208" t="s">
        <v>3539</v>
      </c>
      <c r="B1459" s="209" t="s">
        <v>20420</v>
      </c>
      <c r="C1459" s="113" t="s">
        <v>3540</v>
      </c>
      <c r="D1459" s="113" t="s">
        <v>23271</v>
      </c>
      <c r="E1459" s="210">
        <v>1969</v>
      </c>
      <c r="F1459" s="210">
        <v>1580</v>
      </c>
      <c r="G1459" s="113" t="s">
        <v>1</v>
      </c>
      <c r="H1459" s="113">
        <v>0</v>
      </c>
      <c r="I1459" s="113">
        <v>0</v>
      </c>
      <c r="J1459" s="115">
        <v>1</v>
      </c>
      <c r="K1459" s="211">
        <v>1</v>
      </c>
      <c r="L1459" s="115">
        <v>1</v>
      </c>
      <c r="M1459" s="115">
        <v>1</v>
      </c>
      <c r="N1459" s="115">
        <v>0</v>
      </c>
      <c r="O1459" s="115">
        <v>0</v>
      </c>
      <c r="P1459" s="115" t="s">
        <v>400</v>
      </c>
      <c r="Q1459" s="115" t="s">
        <v>400</v>
      </c>
      <c r="R1459" s="115">
        <v>0</v>
      </c>
      <c r="S1459" s="115">
        <v>0</v>
      </c>
      <c r="T1459" s="115">
        <v>0</v>
      </c>
      <c r="U1459" s="119"/>
      <c r="V1459" s="119"/>
      <c r="W1459" s="119"/>
      <c r="X1459" s="119"/>
      <c r="Y1459" s="119"/>
      <c r="Z1459" s="119"/>
      <c r="AA1459" s="119"/>
      <c r="AB1459" s="119"/>
      <c r="AC1459" s="119"/>
      <c r="AD1459" s="119"/>
      <c r="AE1459" s="119"/>
      <c r="AF1459" s="119"/>
      <c r="AG1459" s="119"/>
      <c r="AH1459" s="119"/>
      <c r="AI1459" s="119"/>
      <c r="AJ1459" s="119"/>
      <c r="AK1459" s="119"/>
      <c r="AL1459" s="119"/>
      <c r="AM1459" s="119"/>
      <c r="AN1459" s="119"/>
      <c r="AO1459" s="119"/>
      <c r="AP1459" s="119"/>
      <c r="AQ1459" s="119"/>
      <c r="AR1459" s="119"/>
      <c r="AS1459" s="119"/>
      <c r="AT1459" s="119"/>
      <c r="AU1459" s="119"/>
      <c r="AV1459" s="119"/>
      <c r="AW1459" s="119"/>
      <c r="AX1459" s="119"/>
      <c r="AY1459" s="119"/>
      <c r="AZ1459" s="119"/>
      <c r="BA1459" s="119"/>
      <c r="BB1459" s="107">
        <v>45884</v>
      </c>
    </row>
    <row r="1460" spans="1:54" s="207" customFormat="1" ht="13.95" customHeight="1" x14ac:dyDescent="0.25">
      <c r="A1460" s="208" t="s">
        <v>3541</v>
      </c>
      <c r="B1460" s="209" t="s">
        <v>20420</v>
      </c>
      <c r="C1460" s="113" t="s">
        <v>3542</v>
      </c>
      <c r="D1460" s="113" t="s">
        <v>23272</v>
      </c>
      <c r="E1460" s="210">
        <v>1953</v>
      </c>
      <c r="F1460" s="210">
        <v>1584</v>
      </c>
      <c r="G1460" s="113" t="s">
        <v>1</v>
      </c>
      <c r="H1460" s="113">
        <v>0</v>
      </c>
      <c r="I1460" s="113">
        <v>0</v>
      </c>
      <c r="J1460" s="115">
        <v>1</v>
      </c>
      <c r="K1460" s="116" t="s">
        <v>174</v>
      </c>
      <c r="L1460" s="115">
        <v>0</v>
      </c>
      <c r="M1460" s="115">
        <v>1</v>
      </c>
      <c r="N1460" s="115">
        <v>0</v>
      </c>
      <c r="O1460" s="115">
        <v>1</v>
      </c>
      <c r="P1460" s="115" t="s">
        <v>400</v>
      </c>
      <c r="Q1460" s="115" t="s">
        <v>400</v>
      </c>
      <c r="R1460" s="115">
        <v>1</v>
      </c>
      <c r="S1460" s="115">
        <v>0</v>
      </c>
      <c r="T1460" s="115">
        <v>0</v>
      </c>
      <c r="U1460" s="119"/>
      <c r="V1460" s="119"/>
      <c r="W1460" s="119"/>
      <c r="X1460" s="119"/>
      <c r="Y1460" s="119"/>
      <c r="Z1460" s="119"/>
      <c r="AA1460" s="119"/>
      <c r="AB1460" s="119"/>
      <c r="AC1460" s="119"/>
      <c r="AD1460" s="119"/>
      <c r="AE1460" s="119"/>
      <c r="AF1460" s="119"/>
      <c r="AG1460" s="119"/>
      <c r="AH1460" s="119"/>
      <c r="AI1460" s="119"/>
      <c r="AJ1460" s="119"/>
      <c r="AK1460" s="119"/>
      <c r="AL1460" s="119"/>
      <c r="AM1460" s="119"/>
      <c r="AN1460" s="119"/>
      <c r="AO1460" s="119"/>
      <c r="AP1460" s="119"/>
      <c r="AQ1460" s="119"/>
      <c r="AR1460" s="119"/>
      <c r="AS1460" s="119"/>
      <c r="AT1460" s="119"/>
      <c r="AU1460" s="119"/>
      <c r="AV1460" s="119"/>
      <c r="AW1460" s="119"/>
      <c r="AX1460" s="119"/>
      <c r="AY1460" s="119"/>
      <c r="AZ1460" s="119"/>
      <c r="BA1460" s="119"/>
      <c r="BB1460" s="107">
        <v>45884</v>
      </c>
    </row>
    <row r="1461" spans="1:54" s="207" customFormat="1" ht="13.95" customHeight="1" x14ac:dyDescent="0.25">
      <c r="A1461" s="208" t="s">
        <v>3543</v>
      </c>
      <c r="B1461" s="209" t="s">
        <v>20420</v>
      </c>
      <c r="C1461" s="113" t="s">
        <v>3544</v>
      </c>
      <c r="D1461" s="113" t="s">
        <v>23273</v>
      </c>
      <c r="E1461" s="210">
        <v>2004</v>
      </c>
      <c r="F1461" s="210">
        <v>1586</v>
      </c>
      <c r="G1461" s="113" t="s">
        <v>1</v>
      </c>
      <c r="H1461" s="113">
        <v>0</v>
      </c>
      <c r="I1461" s="113">
        <v>0</v>
      </c>
      <c r="J1461" s="115">
        <v>1</v>
      </c>
      <c r="K1461" s="116" t="s">
        <v>174</v>
      </c>
      <c r="L1461" s="115">
        <v>1</v>
      </c>
      <c r="M1461" s="115">
        <v>0</v>
      </c>
      <c r="N1461" s="115">
        <v>0</v>
      </c>
      <c r="O1461" s="115">
        <v>1</v>
      </c>
      <c r="P1461" s="115" t="s">
        <v>400</v>
      </c>
      <c r="Q1461" s="115" t="s">
        <v>400</v>
      </c>
      <c r="R1461" s="115">
        <v>1</v>
      </c>
      <c r="S1461" s="115">
        <v>0</v>
      </c>
      <c r="T1461" s="115">
        <v>0</v>
      </c>
      <c r="U1461" s="119"/>
      <c r="V1461" s="119"/>
      <c r="W1461" s="119"/>
      <c r="X1461" s="119"/>
      <c r="Y1461" s="119"/>
      <c r="Z1461" s="119"/>
      <c r="AA1461" s="119"/>
      <c r="AB1461" s="119"/>
      <c r="AC1461" s="119"/>
      <c r="AD1461" s="119"/>
      <c r="AE1461" s="119"/>
      <c r="AF1461" s="119"/>
      <c r="AG1461" s="119"/>
      <c r="AH1461" s="119"/>
      <c r="AI1461" s="119"/>
      <c r="AJ1461" s="119"/>
      <c r="AK1461" s="119"/>
      <c r="AL1461" s="119"/>
      <c r="AM1461" s="119"/>
      <c r="AN1461" s="119"/>
      <c r="AO1461" s="119"/>
      <c r="AP1461" s="119"/>
      <c r="AQ1461" s="119"/>
      <c r="AR1461" s="119"/>
      <c r="AS1461" s="119"/>
      <c r="AT1461" s="119"/>
      <c r="AU1461" s="119"/>
      <c r="AV1461" s="119"/>
      <c r="AW1461" s="119"/>
      <c r="AX1461" s="119"/>
      <c r="AY1461" s="119"/>
      <c r="AZ1461" s="119"/>
      <c r="BA1461" s="119"/>
      <c r="BB1461" s="107">
        <v>45884</v>
      </c>
    </row>
    <row r="1462" spans="1:54" s="207" customFormat="1" ht="13.95" customHeight="1" x14ac:dyDescent="0.25">
      <c r="A1462" s="208" t="s">
        <v>3545</v>
      </c>
      <c r="B1462" s="209" t="s">
        <v>20420</v>
      </c>
      <c r="C1462" s="113" t="s">
        <v>3546</v>
      </c>
      <c r="D1462" s="113" t="s">
        <v>23274</v>
      </c>
      <c r="E1462" s="210">
        <v>1985</v>
      </c>
      <c r="F1462" s="210">
        <v>1594</v>
      </c>
      <c r="G1462" s="113" t="s">
        <v>1</v>
      </c>
      <c r="H1462" s="113">
        <v>0</v>
      </c>
      <c r="I1462" s="113">
        <v>0</v>
      </c>
      <c r="J1462" s="115">
        <v>1</v>
      </c>
      <c r="K1462" s="116" t="s">
        <v>174</v>
      </c>
      <c r="L1462" s="115">
        <v>1</v>
      </c>
      <c r="M1462" s="115">
        <v>1</v>
      </c>
      <c r="N1462" s="115">
        <v>0</v>
      </c>
      <c r="O1462" s="115">
        <v>1</v>
      </c>
      <c r="P1462" s="115" t="s">
        <v>400</v>
      </c>
      <c r="Q1462" s="115" t="s">
        <v>400</v>
      </c>
      <c r="R1462" s="115">
        <v>1</v>
      </c>
      <c r="S1462" s="115">
        <v>0</v>
      </c>
      <c r="T1462" s="115">
        <v>0</v>
      </c>
      <c r="U1462" s="119"/>
      <c r="V1462" s="119"/>
      <c r="W1462" s="119"/>
      <c r="X1462" s="119"/>
      <c r="Y1462" s="119"/>
      <c r="Z1462" s="119"/>
      <c r="AA1462" s="119"/>
      <c r="AB1462" s="119"/>
      <c r="AC1462" s="119"/>
      <c r="AD1462" s="119"/>
      <c r="AE1462" s="119"/>
      <c r="AF1462" s="119"/>
      <c r="AG1462" s="119"/>
      <c r="AH1462" s="119"/>
      <c r="AI1462" s="119"/>
      <c r="AJ1462" s="119"/>
      <c r="AK1462" s="119"/>
      <c r="AL1462" s="119"/>
      <c r="AM1462" s="119"/>
      <c r="AN1462" s="119"/>
      <c r="AO1462" s="119"/>
      <c r="AP1462" s="119"/>
      <c r="AQ1462" s="119"/>
      <c r="AR1462" s="119"/>
      <c r="AS1462" s="119"/>
      <c r="AT1462" s="119"/>
      <c r="AU1462" s="119"/>
      <c r="AV1462" s="119"/>
      <c r="AW1462" s="119"/>
      <c r="AX1462" s="119"/>
      <c r="AY1462" s="119"/>
      <c r="AZ1462" s="119"/>
      <c r="BA1462" s="119"/>
      <c r="BB1462" s="107">
        <v>45884</v>
      </c>
    </row>
    <row r="1463" spans="1:54" s="207" customFormat="1" ht="13.95" customHeight="1" x14ac:dyDescent="0.25">
      <c r="A1463" s="208" t="s">
        <v>3547</v>
      </c>
      <c r="B1463" s="209" t="s">
        <v>20420</v>
      </c>
      <c r="C1463" s="113" t="s">
        <v>3548</v>
      </c>
      <c r="D1463" s="113" t="s">
        <v>23275</v>
      </c>
      <c r="E1463" s="210">
        <v>1977</v>
      </c>
      <c r="F1463" s="210">
        <v>1595</v>
      </c>
      <c r="G1463" s="113" t="s">
        <v>1</v>
      </c>
      <c r="H1463" s="113">
        <v>0</v>
      </c>
      <c r="I1463" s="113">
        <v>0</v>
      </c>
      <c r="J1463" s="115">
        <v>1</v>
      </c>
      <c r="K1463" s="116" t="s">
        <v>174</v>
      </c>
      <c r="L1463" s="115">
        <v>1</v>
      </c>
      <c r="M1463" s="115">
        <v>0</v>
      </c>
      <c r="N1463" s="115">
        <v>0</v>
      </c>
      <c r="O1463" s="115">
        <v>1</v>
      </c>
      <c r="P1463" s="115">
        <v>1</v>
      </c>
      <c r="Q1463" s="115" t="s">
        <v>400</v>
      </c>
      <c r="R1463" s="115">
        <v>1</v>
      </c>
      <c r="S1463" s="115">
        <v>0</v>
      </c>
      <c r="T1463" s="115">
        <v>0</v>
      </c>
      <c r="U1463" s="119"/>
      <c r="V1463" s="119"/>
      <c r="W1463" s="119"/>
      <c r="X1463" s="119"/>
      <c r="Y1463" s="119"/>
      <c r="Z1463" s="119"/>
      <c r="AA1463" s="119"/>
      <c r="AB1463" s="119"/>
      <c r="AC1463" s="119"/>
      <c r="AD1463" s="119"/>
      <c r="AE1463" s="119"/>
      <c r="AF1463" s="119"/>
      <c r="AG1463" s="119"/>
      <c r="AH1463" s="119"/>
      <c r="AI1463" s="119"/>
      <c r="AJ1463" s="119"/>
      <c r="AK1463" s="119"/>
      <c r="AL1463" s="119"/>
      <c r="AM1463" s="119"/>
      <c r="AN1463" s="119"/>
      <c r="AO1463" s="119"/>
      <c r="AP1463" s="119"/>
      <c r="AQ1463" s="119"/>
      <c r="AR1463" s="119"/>
      <c r="AS1463" s="119"/>
      <c r="AT1463" s="119"/>
      <c r="AU1463" s="119"/>
      <c r="AV1463" s="119"/>
      <c r="AW1463" s="119"/>
      <c r="AX1463" s="119"/>
      <c r="AY1463" s="119"/>
      <c r="AZ1463" s="119"/>
      <c r="BA1463" s="119"/>
      <c r="BB1463" s="107">
        <v>45884</v>
      </c>
    </row>
    <row r="1464" spans="1:54" s="207" customFormat="1" ht="13.95" customHeight="1" x14ac:dyDescent="0.25">
      <c r="A1464" s="208" t="s">
        <v>3549</v>
      </c>
      <c r="B1464" s="209" t="s">
        <v>20420</v>
      </c>
      <c r="C1464" s="113" t="s">
        <v>3550</v>
      </c>
      <c r="D1464" s="113" t="s">
        <v>3551</v>
      </c>
      <c r="E1464" s="210">
        <v>1997</v>
      </c>
      <c r="F1464" s="210">
        <v>1596</v>
      </c>
      <c r="G1464" s="113" t="s">
        <v>1</v>
      </c>
      <c r="H1464" s="113">
        <v>0</v>
      </c>
      <c r="I1464" s="113">
        <v>0</v>
      </c>
      <c r="J1464" s="115">
        <v>1</v>
      </c>
      <c r="K1464" s="211">
        <v>1</v>
      </c>
      <c r="L1464" s="115">
        <v>1</v>
      </c>
      <c r="M1464" s="115">
        <v>0</v>
      </c>
      <c r="N1464" s="115">
        <v>0</v>
      </c>
      <c r="O1464" s="115">
        <v>0</v>
      </c>
      <c r="P1464" s="115" t="s">
        <v>400</v>
      </c>
      <c r="Q1464" s="115" t="s">
        <v>400</v>
      </c>
      <c r="R1464" s="115">
        <v>0</v>
      </c>
      <c r="S1464" s="115">
        <v>0</v>
      </c>
      <c r="T1464" s="115">
        <v>0</v>
      </c>
      <c r="U1464" s="119"/>
      <c r="V1464" s="119"/>
      <c r="W1464" s="119"/>
      <c r="X1464" s="119"/>
      <c r="Y1464" s="119"/>
      <c r="Z1464" s="119"/>
      <c r="AA1464" s="119"/>
      <c r="AB1464" s="119"/>
      <c r="AC1464" s="119"/>
      <c r="AD1464" s="119"/>
      <c r="AE1464" s="119"/>
      <c r="AF1464" s="119"/>
      <c r="AG1464" s="119"/>
      <c r="AH1464" s="119"/>
      <c r="AI1464" s="119"/>
      <c r="AJ1464" s="119"/>
      <c r="AK1464" s="119"/>
      <c r="AL1464" s="119"/>
      <c r="AM1464" s="119"/>
      <c r="AN1464" s="119"/>
      <c r="AO1464" s="119"/>
      <c r="AP1464" s="119"/>
      <c r="AQ1464" s="119"/>
      <c r="AR1464" s="119"/>
      <c r="AS1464" s="119"/>
      <c r="AT1464" s="119"/>
      <c r="AU1464" s="119"/>
      <c r="AV1464" s="119"/>
      <c r="AW1464" s="119"/>
      <c r="AX1464" s="119"/>
      <c r="AY1464" s="119"/>
      <c r="AZ1464" s="119"/>
      <c r="BA1464" s="119"/>
      <c r="BB1464" s="107">
        <v>45884</v>
      </c>
    </row>
    <row r="1465" spans="1:54" s="207" customFormat="1" ht="13.95" customHeight="1" x14ac:dyDescent="0.25">
      <c r="A1465" s="208" t="s">
        <v>3552</v>
      </c>
      <c r="B1465" s="209" t="s">
        <v>20420</v>
      </c>
      <c r="C1465" s="113" t="s">
        <v>3553</v>
      </c>
      <c r="D1465" s="113" t="s">
        <v>23276</v>
      </c>
      <c r="E1465" s="210">
        <v>1950</v>
      </c>
      <c r="F1465" s="210">
        <v>1599</v>
      </c>
      <c r="G1465" s="113" t="s">
        <v>1</v>
      </c>
      <c r="H1465" s="113">
        <v>0</v>
      </c>
      <c r="I1465" s="113">
        <v>0</v>
      </c>
      <c r="J1465" s="115">
        <v>1</v>
      </c>
      <c r="K1465" s="116" t="s">
        <v>174</v>
      </c>
      <c r="L1465" s="115">
        <v>1</v>
      </c>
      <c r="M1465" s="115">
        <v>0</v>
      </c>
      <c r="N1465" s="115">
        <v>1</v>
      </c>
      <c r="O1465" s="115">
        <v>1</v>
      </c>
      <c r="P1465" s="115">
        <v>1</v>
      </c>
      <c r="Q1465" s="115" t="s">
        <v>400</v>
      </c>
      <c r="R1465" s="115">
        <v>1</v>
      </c>
      <c r="S1465" s="115">
        <v>0</v>
      </c>
      <c r="T1465" s="115">
        <v>0</v>
      </c>
      <c r="U1465" s="119"/>
      <c r="V1465" s="119"/>
      <c r="W1465" s="119"/>
      <c r="X1465" s="119"/>
      <c r="Y1465" s="119"/>
      <c r="Z1465" s="119"/>
      <c r="AA1465" s="119"/>
      <c r="AB1465" s="119"/>
      <c r="AC1465" s="119"/>
      <c r="AD1465" s="119"/>
      <c r="AE1465" s="119"/>
      <c r="AF1465" s="119"/>
      <c r="AG1465" s="119"/>
      <c r="AH1465" s="119"/>
      <c r="AI1465" s="119"/>
      <c r="AJ1465" s="119"/>
      <c r="AK1465" s="119"/>
      <c r="AL1465" s="119"/>
      <c r="AM1465" s="119"/>
      <c r="AN1465" s="119"/>
      <c r="AO1465" s="119"/>
      <c r="AP1465" s="119"/>
      <c r="AQ1465" s="119"/>
      <c r="AR1465" s="119"/>
      <c r="AS1465" s="119"/>
      <c r="AT1465" s="119"/>
      <c r="AU1465" s="119"/>
      <c r="AV1465" s="119"/>
      <c r="AW1465" s="119"/>
      <c r="AX1465" s="119"/>
      <c r="AY1465" s="119"/>
      <c r="AZ1465" s="119"/>
      <c r="BA1465" s="119"/>
      <c r="BB1465" s="107">
        <v>45884</v>
      </c>
    </row>
    <row r="1466" spans="1:54" s="207" customFormat="1" ht="13.95" customHeight="1" x14ac:dyDescent="0.25">
      <c r="A1466" s="208" t="s">
        <v>3554</v>
      </c>
      <c r="B1466" s="209" t="s">
        <v>20420</v>
      </c>
      <c r="C1466" s="113" t="s">
        <v>3555</v>
      </c>
      <c r="D1466" s="113" t="s">
        <v>23277</v>
      </c>
      <c r="E1466" s="210">
        <v>1997</v>
      </c>
      <c r="F1466" s="210">
        <v>1600</v>
      </c>
      <c r="G1466" s="113" t="s">
        <v>1</v>
      </c>
      <c r="H1466" s="113">
        <v>0</v>
      </c>
      <c r="I1466" s="113">
        <v>0</v>
      </c>
      <c r="J1466" s="115">
        <v>1</v>
      </c>
      <c r="K1466" s="116" t="s">
        <v>174</v>
      </c>
      <c r="L1466" s="115">
        <v>1</v>
      </c>
      <c r="M1466" s="115">
        <v>1</v>
      </c>
      <c r="N1466" s="115">
        <v>0</v>
      </c>
      <c r="O1466" s="115">
        <v>1</v>
      </c>
      <c r="P1466" s="115" t="s">
        <v>400</v>
      </c>
      <c r="Q1466" s="115" t="s">
        <v>400</v>
      </c>
      <c r="R1466" s="115">
        <v>0</v>
      </c>
      <c r="S1466" s="115">
        <v>0</v>
      </c>
      <c r="T1466" s="115">
        <v>0</v>
      </c>
      <c r="U1466" s="119"/>
      <c r="V1466" s="119"/>
      <c r="W1466" s="119"/>
      <c r="X1466" s="119"/>
      <c r="Y1466" s="119"/>
      <c r="Z1466" s="119"/>
      <c r="AA1466" s="119"/>
      <c r="AB1466" s="119"/>
      <c r="AC1466" s="119"/>
      <c r="AD1466" s="119"/>
      <c r="AE1466" s="119"/>
      <c r="AF1466" s="119"/>
      <c r="AG1466" s="119"/>
      <c r="AH1466" s="119"/>
      <c r="AI1466" s="119"/>
      <c r="AJ1466" s="119"/>
      <c r="AK1466" s="119"/>
      <c r="AL1466" s="119"/>
      <c r="AM1466" s="119"/>
      <c r="AN1466" s="119"/>
      <c r="AO1466" s="119"/>
      <c r="AP1466" s="119"/>
      <c r="AQ1466" s="119"/>
      <c r="AR1466" s="119"/>
      <c r="AS1466" s="119"/>
      <c r="AT1466" s="119"/>
      <c r="AU1466" s="119"/>
      <c r="AV1466" s="119"/>
      <c r="AW1466" s="119"/>
      <c r="AX1466" s="119"/>
      <c r="AY1466" s="119"/>
      <c r="AZ1466" s="119"/>
      <c r="BA1466" s="119"/>
      <c r="BB1466" s="107">
        <v>45884</v>
      </c>
    </row>
    <row r="1467" spans="1:54" s="207" customFormat="1" ht="13.95" customHeight="1" x14ac:dyDescent="0.25">
      <c r="A1467" s="208" t="s">
        <v>3556</v>
      </c>
      <c r="B1467" s="209" t="s">
        <v>20420</v>
      </c>
      <c r="C1467" s="113" t="s">
        <v>3557</v>
      </c>
      <c r="D1467" s="113" t="s">
        <v>23278</v>
      </c>
      <c r="E1467" s="210">
        <v>1991</v>
      </c>
      <c r="F1467" s="210">
        <v>1600</v>
      </c>
      <c r="G1467" s="113" t="s">
        <v>1</v>
      </c>
      <c r="H1467" s="113">
        <v>0</v>
      </c>
      <c r="I1467" s="113">
        <v>0</v>
      </c>
      <c r="J1467" s="115">
        <v>1</v>
      </c>
      <c r="K1467" s="116" t="s">
        <v>174</v>
      </c>
      <c r="L1467" s="115">
        <v>1</v>
      </c>
      <c r="M1467" s="115">
        <v>1</v>
      </c>
      <c r="N1467" s="115">
        <v>0</v>
      </c>
      <c r="O1467" s="115">
        <v>0</v>
      </c>
      <c r="P1467" s="115" t="s">
        <v>400</v>
      </c>
      <c r="Q1467" s="115" t="s">
        <v>400</v>
      </c>
      <c r="R1467" s="115">
        <v>0</v>
      </c>
      <c r="S1467" s="115">
        <v>0</v>
      </c>
      <c r="T1467" s="115">
        <v>0</v>
      </c>
      <c r="U1467" s="119"/>
      <c r="V1467" s="119"/>
      <c r="W1467" s="119"/>
      <c r="X1467" s="119"/>
      <c r="Y1467" s="119"/>
      <c r="Z1467" s="119"/>
      <c r="AA1467" s="119"/>
      <c r="AB1467" s="119"/>
      <c r="AC1467" s="119"/>
      <c r="AD1467" s="119"/>
      <c r="AE1467" s="119"/>
      <c r="AF1467" s="119"/>
      <c r="AG1467" s="119"/>
      <c r="AH1467" s="119"/>
      <c r="AI1467" s="119"/>
      <c r="AJ1467" s="119"/>
      <c r="AK1467" s="119"/>
      <c r="AL1467" s="119"/>
      <c r="AM1467" s="119"/>
      <c r="AN1467" s="119"/>
      <c r="AO1467" s="119"/>
      <c r="AP1467" s="119"/>
      <c r="AQ1467" s="119"/>
      <c r="AR1467" s="119"/>
      <c r="AS1467" s="119"/>
      <c r="AT1467" s="119"/>
      <c r="AU1467" s="119"/>
      <c r="AV1467" s="119"/>
      <c r="AW1467" s="119"/>
      <c r="AX1467" s="119"/>
      <c r="AY1467" s="119"/>
      <c r="AZ1467" s="119"/>
      <c r="BA1467" s="119"/>
      <c r="BB1467" s="107">
        <v>45884</v>
      </c>
    </row>
    <row r="1468" spans="1:54" s="207" customFormat="1" ht="13.95" customHeight="1" x14ac:dyDescent="0.25">
      <c r="A1468" s="208" t="s">
        <v>3558</v>
      </c>
      <c r="B1468" s="209" t="s">
        <v>20420</v>
      </c>
      <c r="C1468" s="113" t="s">
        <v>3559</v>
      </c>
      <c r="D1468" s="113" t="s">
        <v>23279</v>
      </c>
      <c r="E1468" s="210">
        <v>1966</v>
      </c>
      <c r="F1468" s="210">
        <v>2115</v>
      </c>
      <c r="G1468" s="113" t="s">
        <v>1</v>
      </c>
      <c r="H1468" s="113">
        <v>0</v>
      </c>
      <c r="I1468" s="113">
        <v>0</v>
      </c>
      <c r="J1468" s="115">
        <v>1</v>
      </c>
      <c r="K1468" s="211">
        <v>1</v>
      </c>
      <c r="L1468" s="115">
        <v>1</v>
      </c>
      <c r="M1468" s="120">
        <v>0</v>
      </c>
      <c r="N1468" s="115">
        <v>1</v>
      </c>
      <c r="O1468" s="115">
        <v>1</v>
      </c>
      <c r="P1468" s="120">
        <v>1</v>
      </c>
      <c r="Q1468" s="115" t="s">
        <v>400</v>
      </c>
      <c r="R1468" s="115">
        <v>1</v>
      </c>
      <c r="S1468" s="115">
        <v>0</v>
      </c>
      <c r="T1468" s="115">
        <v>0</v>
      </c>
      <c r="U1468" s="119"/>
      <c r="V1468" s="119"/>
      <c r="W1468" s="119"/>
      <c r="X1468" s="119"/>
      <c r="Y1468" s="119"/>
      <c r="Z1468" s="119"/>
      <c r="AA1468" s="119"/>
      <c r="AB1468" s="119"/>
      <c r="AC1468" s="119"/>
      <c r="AD1468" s="119"/>
      <c r="AE1468" s="119"/>
      <c r="AF1468" s="119"/>
      <c r="AG1468" s="119"/>
      <c r="AH1468" s="119"/>
      <c r="AI1468" s="119"/>
      <c r="AJ1468" s="119"/>
      <c r="AK1468" s="119"/>
      <c r="AL1468" s="119"/>
      <c r="AM1468" s="119"/>
      <c r="AN1468" s="119"/>
      <c r="AO1468" s="119"/>
      <c r="AP1468" s="119"/>
      <c r="AQ1468" s="119"/>
      <c r="AR1468" s="119"/>
      <c r="AS1468" s="119"/>
      <c r="AT1468" s="119"/>
      <c r="AU1468" s="119"/>
      <c r="AV1468" s="119"/>
      <c r="AW1468" s="119"/>
      <c r="AX1468" s="119"/>
      <c r="AY1468" s="119"/>
      <c r="AZ1468" s="119"/>
      <c r="BA1468" s="119"/>
      <c r="BB1468" s="107">
        <v>45884</v>
      </c>
    </row>
    <row r="1469" spans="1:54" s="207" customFormat="1" ht="13.95" customHeight="1" x14ac:dyDescent="0.25">
      <c r="A1469" s="208" t="s">
        <v>3560</v>
      </c>
      <c r="B1469" s="209" t="s">
        <v>20420</v>
      </c>
      <c r="C1469" s="113" t="s">
        <v>3561</v>
      </c>
      <c r="D1469" s="113" t="s">
        <v>3562</v>
      </c>
      <c r="E1469" s="210">
        <v>1999</v>
      </c>
      <c r="F1469" s="210">
        <v>1603</v>
      </c>
      <c r="G1469" s="113" t="s">
        <v>1</v>
      </c>
      <c r="H1469" s="113">
        <v>0</v>
      </c>
      <c r="I1469" s="113">
        <v>0</v>
      </c>
      <c r="J1469" s="115">
        <v>1</v>
      </c>
      <c r="K1469" s="116" t="s">
        <v>174</v>
      </c>
      <c r="L1469" s="115">
        <v>1</v>
      </c>
      <c r="M1469" s="115">
        <v>1</v>
      </c>
      <c r="N1469" s="115">
        <v>1</v>
      </c>
      <c r="O1469" s="115">
        <v>0</v>
      </c>
      <c r="P1469" s="115" t="s">
        <v>400</v>
      </c>
      <c r="Q1469" s="115" t="s">
        <v>400</v>
      </c>
      <c r="R1469" s="115">
        <v>1</v>
      </c>
      <c r="S1469" s="115">
        <v>1</v>
      </c>
      <c r="T1469" s="115">
        <v>0</v>
      </c>
      <c r="U1469" s="119"/>
      <c r="V1469" s="119"/>
      <c r="W1469" s="119"/>
      <c r="X1469" s="119"/>
      <c r="Y1469" s="119"/>
      <c r="Z1469" s="119"/>
      <c r="AA1469" s="119"/>
      <c r="AB1469" s="119"/>
      <c r="AC1469" s="119"/>
      <c r="AD1469" s="119"/>
      <c r="AE1469" s="119"/>
      <c r="AF1469" s="119"/>
      <c r="AG1469" s="119"/>
      <c r="AH1469" s="119"/>
      <c r="AI1469" s="119"/>
      <c r="AJ1469" s="119"/>
      <c r="AK1469" s="119"/>
      <c r="AL1469" s="119"/>
      <c r="AM1469" s="119"/>
      <c r="AN1469" s="119"/>
      <c r="AO1469" s="119"/>
      <c r="AP1469" s="119"/>
      <c r="AQ1469" s="119"/>
      <c r="AR1469" s="119"/>
      <c r="AS1469" s="119"/>
      <c r="AT1469" s="119"/>
      <c r="AU1469" s="119"/>
      <c r="AV1469" s="119"/>
      <c r="AW1469" s="119"/>
      <c r="AX1469" s="119"/>
      <c r="AY1469" s="119"/>
      <c r="AZ1469" s="119"/>
      <c r="BA1469" s="119"/>
      <c r="BB1469" s="107">
        <v>45884</v>
      </c>
    </row>
    <row r="1470" spans="1:54" s="207" customFormat="1" ht="13.95" customHeight="1" x14ac:dyDescent="0.25">
      <c r="A1470" s="208" t="s">
        <v>3563</v>
      </c>
      <c r="B1470" s="209" t="s">
        <v>20420</v>
      </c>
      <c r="C1470" s="113" t="s">
        <v>3564</v>
      </c>
      <c r="D1470" s="113" t="s">
        <v>23280</v>
      </c>
      <c r="E1470" s="210">
        <v>1976</v>
      </c>
      <c r="F1470" s="210">
        <v>1603</v>
      </c>
      <c r="G1470" s="113" t="s">
        <v>1</v>
      </c>
      <c r="H1470" s="113">
        <v>0</v>
      </c>
      <c r="I1470" s="113">
        <v>0</v>
      </c>
      <c r="J1470" s="115">
        <v>1</v>
      </c>
      <c r="K1470" s="211">
        <v>1</v>
      </c>
      <c r="L1470" s="115">
        <v>1</v>
      </c>
      <c r="M1470" s="115">
        <v>1</v>
      </c>
      <c r="N1470" s="115">
        <v>0</v>
      </c>
      <c r="O1470" s="115">
        <v>1</v>
      </c>
      <c r="P1470" s="115" t="s">
        <v>400</v>
      </c>
      <c r="Q1470" s="115" t="s">
        <v>400</v>
      </c>
      <c r="R1470" s="115">
        <v>1</v>
      </c>
      <c r="S1470" s="115">
        <v>0</v>
      </c>
      <c r="T1470" s="115">
        <v>0</v>
      </c>
      <c r="U1470" s="119"/>
      <c r="V1470" s="119"/>
      <c r="W1470" s="119"/>
      <c r="X1470" s="119"/>
      <c r="Y1470" s="119"/>
      <c r="Z1470" s="119"/>
      <c r="AA1470" s="119"/>
      <c r="AB1470" s="119"/>
      <c r="AC1470" s="119"/>
      <c r="AD1470" s="119"/>
      <c r="AE1470" s="119"/>
      <c r="AF1470" s="119"/>
      <c r="AG1470" s="119"/>
      <c r="AH1470" s="119"/>
      <c r="AI1470" s="119"/>
      <c r="AJ1470" s="119"/>
      <c r="AK1470" s="119"/>
      <c r="AL1470" s="119"/>
      <c r="AM1470" s="119"/>
      <c r="AN1470" s="119"/>
      <c r="AO1470" s="119"/>
      <c r="AP1470" s="119"/>
      <c r="AQ1470" s="119"/>
      <c r="AR1470" s="119"/>
      <c r="AS1470" s="119"/>
      <c r="AT1470" s="119"/>
      <c r="AU1470" s="119"/>
      <c r="AV1470" s="119"/>
      <c r="AW1470" s="119"/>
      <c r="AX1470" s="119"/>
      <c r="AY1470" s="119"/>
      <c r="AZ1470" s="119"/>
      <c r="BA1470" s="119"/>
      <c r="BB1470" s="107">
        <v>45884</v>
      </c>
    </row>
    <row r="1471" spans="1:54" s="207" customFormat="1" ht="13.95" customHeight="1" x14ac:dyDescent="0.25">
      <c r="A1471" s="208" t="s">
        <v>3565</v>
      </c>
      <c r="B1471" s="209" t="s">
        <v>20420</v>
      </c>
      <c r="C1471" s="113" t="s">
        <v>3566</v>
      </c>
      <c r="D1471" s="113" t="s">
        <v>23281</v>
      </c>
      <c r="E1471" s="210">
        <v>1999</v>
      </c>
      <c r="F1471" s="210">
        <v>1607</v>
      </c>
      <c r="G1471" s="113" t="s">
        <v>1</v>
      </c>
      <c r="H1471" s="113">
        <v>0</v>
      </c>
      <c r="I1471" s="113">
        <v>0</v>
      </c>
      <c r="J1471" s="115">
        <v>1</v>
      </c>
      <c r="K1471" s="116" t="s">
        <v>174</v>
      </c>
      <c r="L1471" s="115">
        <v>1</v>
      </c>
      <c r="M1471" s="115">
        <v>1</v>
      </c>
      <c r="N1471" s="115">
        <v>0</v>
      </c>
      <c r="O1471" s="115">
        <v>0</v>
      </c>
      <c r="P1471" s="115" t="s">
        <v>400</v>
      </c>
      <c r="Q1471" s="115" t="s">
        <v>400</v>
      </c>
      <c r="R1471" s="115">
        <v>1</v>
      </c>
      <c r="S1471" s="115">
        <v>0</v>
      </c>
      <c r="T1471" s="115">
        <v>0</v>
      </c>
      <c r="U1471" s="119"/>
      <c r="V1471" s="119"/>
      <c r="W1471" s="119"/>
      <c r="X1471" s="119"/>
      <c r="Y1471" s="119"/>
      <c r="Z1471" s="119"/>
      <c r="AA1471" s="119"/>
      <c r="AB1471" s="119"/>
      <c r="AC1471" s="119"/>
      <c r="AD1471" s="119"/>
      <c r="AE1471" s="119"/>
      <c r="AF1471" s="119"/>
      <c r="AG1471" s="119"/>
      <c r="AH1471" s="119"/>
      <c r="AI1471" s="119"/>
      <c r="AJ1471" s="119"/>
      <c r="AK1471" s="119"/>
      <c r="AL1471" s="119"/>
      <c r="AM1471" s="119"/>
      <c r="AN1471" s="119"/>
      <c r="AO1471" s="119"/>
      <c r="AP1471" s="119"/>
      <c r="AQ1471" s="119"/>
      <c r="AR1471" s="119"/>
      <c r="AS1471" s="119"/>
      <c r="AT1471" s="119"/>
      <c r="AU1471" s="119"/>
      <c r="AV1471" s="119"/>
      <c r="AW1471" s="119"/>
      <c r="AX1471" s="119"/>
      <c r="AY1471" s="119"/>
      <c r="AZ1471" s="119"/>
      <c r="BA1471" s="119"/>
      <c r="BB1471" s="107">
        <v>45884</v>
      </c>
    </row>
    <row r="1472" spans="1:54" s="207" customFormat="1" ht="13.95" customHeight="1" x14ac:dyDescent="0.25">
      <c r="A1472" s="208" t="s">
        <v>3567</v>
      </c>
      <c r="B1472" s="209" t="s">
        <v>20420</v>
      </c>
      <c r="C1472" s="113" t="s">
        <v>3568</v>
      </c>
      <c r="D1472" s="113" t="s">
        <v>23282</v>
      </c>
      <c r="E1472" s="210">
        <v>2004</v>
      </c>
      <c r="F1472" s="210">
        <v>1607</v>
      </c>
      <c r="G1472" s="113" t="s">
        <v>1</v>
      </c>
      <c r="H1472" s="113">
        <v>0</v>
      </c>
      <c r="I1472" s="113">
        <v>0</v>
      </c>
      <c r="J1472" s="115">
        <v>1</v>
      </c>
      <c r="K1472" s="211">
        <v>1</v>
      </c>
      <c r="L1472" s="115">
        <v>1</v>
      </c>
      <c r="M1472" s="115">
        <v>0</v>
      </c>
      <c r="N1472" s="115">
        <v>0</v>
      </c>
      <c r="O1472" s="115">
        <v>1</v>
      </c>
      <c r="P1472" s="115" t="s">
        <v>400</v>
      </c>
      <c r="Q1472" s="115" t="s">
        <v>400</v>
      </c>
      <c r="R1472" s="115">
        <v>0</v>
      </c>
      <c r="S1472" s="115">
        <v>0</v>
      </c>
      <c r="T1472" s="115">
        <v>0</v>
      </c>
      <c r="U1472" s="119"/>
      <c r="V1472" s="119"/>
      <c r="W1472" s="119"/>
      <c r="X1472" s="119"/>
      <c r="Y1472" s="119"/>
      <c r="Z1472" s="119"/>
      <c r="AA1472" s="119"/>
      <c r="AB1472" s="119"/>
      <c r="AC1472" s="119"/>
      <c r="AD1472" s="119"/>
      <c r="AE1472" s="119"/>
      <c r="AF1472" s="119"/>
      <c r="AG1472" s="119"/>
      <c r="AH1472" s="119"/>
      <c r="AI1472" s="119"/>
      <c r="AJ1472" s="119"/>
      <c r="AK1472" s="119"/>
      <c r="AL1472" s="119"/>
      <c r="AM1472" s="119"/>
      <c r="AN1472" s="119"/>
      <c r="AO1472" s="119"/>
      <c r="AP1472" s="119"/>
      <c r="AQ1472" s="119"/>
      <c r="AR1472" s="119"/>
      <c r="AS1472" s="119"/>
      <c r="AT1472" s="119"/>
      <c r="AU1472" s="119"/>
      <c r="AV1472" s="119"/>
      <c r="AW1472" s="119"/>
      <c r="AX1472" s="119"/>
      <c r="AY1472" s="119"/>
      <c r="AZ1472" s="119"/>
      <c r="BA1472" s="119"/>
      <c r="BB1472" s="107">
        <v>45884</v>
      </c>
    </row>
    <row r="1473" spans="1:54" s="207" customFormat="1" ht="13.95" customHeight="1" x14ac:dyDescent="0.25">
      <c r="A1473" s="208" t="s">
        <v>3569</v>
      </c>
      <c r="B1473" s="209" t="s">
        <v>20420</v>
      </c>
      <c r="C1473" s="113" t="s">
        <v>3570</v>
      </c>
      <c r="D1473" s="113" t="s">
        <v>23283</v>
      </c>
      <c r="E1473" s="210">
        <v>1977</v>
      </c>
      <c r="F1473" s="210">
        <v>1608</v>
      </c>
      <c r="G1473" s="113" t="s">
        <v>1</v>
      </c>
      <c r="H1473" s="113">
        <v>0</v>
      </c>
      <c r="I1473" s="113">
        <v>0</v>
      </c>
      <c r="J1473" s="115">
        <v>1</v>
      </c>
      <c r="K1473" s="211">
        <v>1</v>
      </c>
      <c r="L1473" s="115">
        <v>1</v>
      </c>
      <c r="M1473" s="115">
        <v>0</v>
      </c>
      <c r="N1473" s="115">
        <v>0</v>
      </c>
      <c r="O1473" s="115">
        <v>1</v>
      </c>
      <c r="P1473" s="115">
        <v>1</v>
      </c>
      <c r="Q1473" s="115" t="s">
        <v>400</v>
      </c>
      <c r="R1473" s="115">
        <v>0</v>
      </c>
      <c r="S1473" s="115">
        <v>0</v>
      </c>
      <c r="T1473" s="115">
        <v>0</v>
      </c>
      <c r="U1473" s="119"/>
      <c r="V1473" s="119"/>
      <c r="W1473" s="119"/>
      <c r="X1473" s="119"/>
      <c r="Y1473" s="119"/>
      <c r="Z1473" s="119"/>
      <c r="AA1473" s="119"/>
      <c r="AB1473" s="119"/>
      <c r="AC1473" s="119"/>
      <c r="AD1473" s="119"/>
      <c r="AE1473" s="119"/>
      <c r="AF1473" s="119"/>
      <c r="AG1473" s="119"/>
      <c r="AH1473" s="119"/>
      <c r="AI1473" s="119"/>
      <c r="AJ1473" s="119"/>
      <c r="AK1473" s="119"/>
      <c r="AL1473" s="119"/>
      <c r="AM1473" s="119"/>
      <c r="AN1473" s="119"/>
      <c r="AO1473" s="119"/>
      <c r="AP1473" s="119"/>
      <c r="AQ1473" s="119"/>
      <c r="AR1473" s="119"/>
      <c r="AS1473" s="119"/>
      <c r="AT1473" s="119"/>
      <c r="AU1473" s="119"/>
      <c r="AV1473" s="119"/>
      <c r="AW1473" s="119"/>
      <c r="AX1473" s="119"/>
      <c r="AY1473" s="119"/>
      <c r="AZ1473" s="119"/>
      <c r="BA1473" s="119"/>
      <c r="BB1473" s="107">
        <v>45884</v>
      </c>
    </row>
    <row r="1474" spans="1:54" s="207" customFormat="1" ht="13.95" customHeight="1" x14ac:dyDescent="0.25">
      <c r="A1474" s="208" t="s">
        <v>3571</v>
      </c>
      <c r="B1474" s="209" t="s">
        <v>20420</v>
      </c>
      <c r="C1474" s="113" t="s">
        <v>3572</v>
      </c>
      <c r="D1474" s="113" t="s">
        <v>3573</v>
      </c>
      <c r="E1474" s="210">
        <v>1983</v>
      </c>
      <c r="F1474" s="210">
        <v>1608</v>
      </c>
      <c r="G1474" s="113" t="s">
        <v>1</v>
      </c>
      <c r="H1474" s="113">
        <v>0</v>
      </c>
      <c r="I1474" s="113">
        <v>0</v>
      </c>
      <c r="J1474" s="115">
        <v>1</v>
      </c>
      <c r="K1474" s="116" t="s">
        <v>174</v>
      </c>
      <c r="L1474" s="115">
        <v>0</v>
      </c>
      <c r="M1474" s="115">
        <v>0</v>
      </c>
      <c r="N1474" s="115">
        <v>1</v>
      </c>
      <c r="O1474" s="115">
        <v>1</v>
      </c>
      <c r="P1474" s="115">
        <v>1</v>
      </c>
      <c r="Q1474" s="115" t="s">
        <v>400</v>
      </c>
      <c r="R1474" s="115">
        <v>1</v>
      </c>
      <c r="S1474" s="115">
        <v>0</v>
      </c>
      <c r="T1474" s="115">
        <v>0</v>
      </c>
      <c r="U1474" s="119"/>
      <c r="V1474" s="119"/>
      <c r="W1474" s="119"/>
      <c r="X1474" s="119"/>
      <c r="Y1474" s="119"/>
      <c r="Z1474" s="119"/>
      <c r="AA1474" s="119"/>
      <c r="AB1474" s="119"/>
      <c r="AC1474" s="119"/>
      <c r="AD1474" s="119"/>
      <c r="AE1474" s="119"/>
      <c r="AF1474" s="119"/>
      <c r="AG1474" s="119"/>
      <c r="AH1474" s="119"/>
      <c r="AI1474" s="119"/>
      <c r="AJ1474" s="119"/>
      <c r="AK1474" s="119"/>
      <c r="AL1474" s="119"/>
      <c r="AM1474" s="119"/>
      <c r="AN1474" s="119"/>
      <c r="AO1474" s="119"/>
      <c r="AP1474" s="119"/>
      <c r="AQ1474" s="119"/>
      <c r="AR1474" s="119"/>
      <c r="AS1474" s="119"/>
      <c r="AT1474" s="119"/>
      <c r="AU1474" s="119"/>
      <c r="AV1474" s="119"/>
      <c r="AW1474" s="119"/>
      <c r="AX1474" s="119"/>
      <c r="AY1474" s="119"/>
      <c r="AZ1474" s="119"/>
      <c r="BA1474" s="119"/>
      <c r="BB1474" s="107">
        <v>45884</v>
      </c>
    </row>
    <row r="1475" spans="1:54" s="207" customFormat="1" ht="13.95" customHeight="1" x14ac:dyDescent="0.25">
      <c r="A1475" s="208" t="s">
        <v>3574</v>
      </c>
      <c r="B1475" s="209" t="s">
        <v>20420</v>
      </c>
      <c r="C1475" s="113" t="s">
        <v>3575</v>
      </c>
      <c r="D1475" s="113" t="s">
        <v>23284</v>
      </c>
      <c r="E1475" s="210">
        <v>1987</v>
      </c>
      <c r="F1475" s="210">
        <v>1609</v>
      </c>
      <c r="G1475" s="113" t="s">
        <v>1</v>
      </c>
      <c r="H1475" s="113">
        <v>0</v>
      </c>
      <c r="I1475" s="113">
        <v>0</v>
      </c>
      <c r="J1475" s="115">
        <v>1</v>
      </c>
      <c r="K1475" s="116" t="s">
        <v>174</v>
      </c>
      <c r="L1475" s="115">
        <v>1</v>
      </c>
      <c r="M1475" s="115">
        <v>0</v>
      </c>
      <c r="N1475" s="115">
        <v>0</v>
      </c>
      <c r="O1475" s="115">
        <v>1</v>
      </c>
      <c r="P1475" s="115">
        <v>1</v>
      </c>
      <c r="Q1475" s="115" t="s">
        <v>400</v>
      </c>
      <c r="R1475" s="115">
        <v>1</v>
      </c>
      <c r="S1475" s="115">
        <v>0</v>
      </c>
      <c r="T1475" s="115">
        <v>0</v>
      </c>
      <c r="U1475" s="119"/>
      <c r="V1475" s="119"/>
      <c r="W1475" s="119"/>
      <c r="X1475" s="119"/>
      <c r="Y1475" s="119"/>
      <c r="Z1475" s="119"/>
      <c r="AA1475" s="119"/>
      <c r="AB1475" s="119"/>
      <c r="AC1475" s="119"/>
      <c r="AD1475" s="119"/>
      <c r="AE1475" s="119"/>
      <c r="AF1475" s="119"/>
      <c r="AG1475" s="119"/>
      <c r="AH1475" s="119"/>
      <c r="AI1475" s="119"/>
      <c r="AJ1475" s="119"/>
      <c r="AK1475" s="119"/>
      <c r="AL1475" s="119"/>
      <c r="AM1475" s="119"/>
      <c r="AN1475" s="119"/>
      <c r="AO1475" s="119"/>
      <c r="AP1475" s="119"/>
      <c r="AQ1475" s="119"/>
      <c r="AR1475" s="119"/>
      <c r="AS1475" s="119"/>
      <c r="AT1475" s="119"/>
      <c r="AU1475" s="119"/>
      <c r="AV1475" s="119"/>
      <c r="AW1475" s="119"/>
      <c r="AX1475" s="119"/>
      <c r="AY1475" s="119"/>
      <c r="AZ1475" s="119"/>
      <c r="BA1475" s="119"/>
      <c r="BB1475" s="107">
        <v>45884</v>
      </c>
    </row>
    <row r="1476" spans="1:54" s="207" customFormat="1" ht="13.95" customHeight="1" x14ac:dyDescent="0.25">
      <c r="A1476" s="208" t="s">
        <v>3576</v>
      </c>
      <c r="B1476" s="209" t="s">
        <v>20420</v>
      </c>
      <c r="C1476" s="113" t="s">
        <v>3577</v>
      </c>
      <c r="D1476" s="113" t="s">
        <v>3578</v>
      </c>
      <c r="E1476" s="210">
        <v>1993</v>
      </c>
      <c r="F1476" s="210">
        <v>1611</v>
      </c>
      <c r="G1476" s="113" t="s">
        <v>1</v>
      </c>
      <c r="H1476" s="113">
        <v>0</v>
      </c>
      <c r="I1476" s="113">
        <v>0</v>
      </c>
      <c r="J1476" s="115">
        <v>1</v>
      </c>
      <c r="K1476" s="116" t="s">
        <v>174</v>
      </c>
      <c r="L1476" s="115">
        <v>1</v>
      </c>
      <c r="M1476" s="115">
        <v>0</v>
      </c>
      <c r="N1476" s="115">
        <v>0</v>
      </c>
      <c r="O1476" s="115">
        <v>1</v>
      </c>
      <c r="P1476" s="115">
        <v>1</v>
      </c>
      <c r="Q1476" s="115" t="s">
        <v>400</v>
      </c>
      <c r="R1476" s="115">
        <v>0</v>
      </c>
      <c r="S1476" s="115">
        <v>0</v>
      </c>
      <c r="T1476" s="115">
        <v>0</v>
      </c>
      <c r="U1476" s="119"/>
      <c r="V1476" s="119"/>
      <c r="W1476" s="119"/>
      <c r="X1476" s="119"/>
      <c r="Y1476" s="119"/>
      <c r="Z1476" s="119"/>
      <c r="AA1476" s="119"/>
      <c r="AB1476" s="119"/>
      <c r="AC1476" s="119"/>
      <c r="AD1476" s="119"/>
      <c r="AE1476" s="119"/>
      <c r="AF1476" s="119"/>
      <c r="AG1476" s="119"/>
      <c r="AH1476" s="119"/>
      <c r="AI1476" s="119"/>
      <c r="AJ1476" s="119"/>
      <c r="AK1476" s="119"/>
      <c r="AL1476" s="119"/>
      <c r="AM1476" s="119"/>
      <c r="AN1476" s="119"/>
      <c r="AO1476" s="119"/>
      <c r="AP1476" s="119"/>
      <c r="AQ1476" s="119"/>
      <c r="AR1476" s="119"/>
      <c r="AS1476" s="119"/>
      <c r="AT1476" s="119"/>
      <c r="AU1476" s="119"/>
      <c r="AV1476" s="119"/>
      <c r="AW1476" s="119"/>
      <c r="AX1476" s="119"/>
      <c r="AY1476" s="119"/>
      <c r="AZ1476" s="119"/>
      <c r="BA1476" s="119"/>
      <c r="BB1476" s="107">
        <v>45884</v>
      </c>
    </row>
    <row r="1477" spans="1:54" s="207" customFormat="1" ht="13.95" customHeight="1" x14ac:dyDescent="0.25">
      <c r="A1477" s="208" t="s">
        <v>3579</v>
      </c>
      <c r="B1477" s="209" t="s">
        <v>20420</v>
      </c>
      <c r="C1477" s="113" t="s">
        <v>3580</v>
      </c>
      <c r="D1477" s="113" t="s">
        <v>3581</v>
      </c>
      <c r="E1477" s="210">
        <v>1979</v>
      </c>
      <c r="F1477" s="210">
        <v>1612</v>
      </c>
      <c r="G1477" s="113" t="s">
        <v>1</v>
      </c>
      <c r="H1477" s="113">
        <v>0</v>
      </c>
      <c r="I1477" s="113">
        <v>0</v>
      </c>
      <c r="J1477" s="115">
        <v>1</v>
      </c>
      <c r="K1477" s="116" t="s">
        <v>174</v>
      </c>
      <c r="L1477" s="115">
        <v>1</v>
      </c>
      <c r="M1477" s="115">
        <v>0</v>
      </c>
      <c r="N1477" s="115">
        <v>0</v>
      </c>
      <c r="O1477" s="115">
        <v>1</v>
      </c>
      <c r="P1477" s="115">
        <v>1</v>
      </c>
      <c r="Q1477" s="115">
        <v>1</v>
      </c>
      <c r="R1477" s="115">
        <v>1</v>
      </c>
      <c r="S1477" s="115">
        <v>0</v>
      </c>
      <c r="T1477" s="115">
        <v>0</v>
      </c>
      <c r="U1477" s="119"/>
      <c r="V1477" s="119"/>
      <c r="W1477" s="119"/>
      <c r="X1477" s="119"/>
      <c r="Y1477" s="119"/>
      <c r="Z1477" s="119"/>
      <c r="AA1477" s="119"/>
      <c r="AB1477" s="119"/>
      <c r="AC1477" s="119"/>
      <c r="AD1477" s="119"/>
      <c r="AE1477" s="119"/>
      <c r="AF1477" s="119"/>
      <c r="AG1477" s="119"/>
      <c r="AH1477" s="119"/>
      <c r="AI1477" s="119"/>
      <c r="AJ1477" s="119"/>
      <c r="AK1477" s="119"/>
      <c r="AL1477" s="119"/>
      <c r="AM1477" s="119"/>
      <c r="AN1477" s="119"/>
      <c r="AO1477" s="119"/>
      <c r="AP1477" s="119"/>
      <c r="AQ1477" s="119"/>
      <c r="AR1477" s="119"/>
      <c r="AS1477" s="119"/>
      <c r="AT1477" s="119"/>
      <c r="AU1477" s="119"/>
      <c r="AV1477" s="119"/>
      <c r="AW1477" s="119"/>
      <c r="AX1477" s="119"/>
      <c r="AY1477" s="119"/>
      <c r="AZ1477" s="119"/>
      <c r="BA1477" s="119"/>
      <c r="BB1477" s="107">
        <v>45884</v>
      </c>
    </row>
    <row r="1478" spans="1:54" s="207" customFormat="1" ht="13.95" customHeight="1" x14ac:dyDescent="0.25">
      <c r="A1478" s="208" t="s">
        <v>3582</v>
      </c>
      <c r="B1478" s="209" t="s">
        <v>20420</v>
      </c>
      <c r="C1478" s="113" t="s">
        <v>3583</v>
      </c>
      <c r="D1478" s="113" t="s">
        <v>23285</v>
      </c>
      <c r="E1478" s="210">
        <v>1974</v>
      </c>
      <c r="F1478" s="210">
        <v>1613</v>
      </c>
      <c r="G1478" s="113" t="s">
        <v>1</v>
      </c>
      <c r="H1478" s="113">
        <v>0</v>
      </c>
      <c r="I1478" s="113">
        <v>0</v>
      </c>
      <c r="J1478" s="115">
        <v>1</v>
      </c>
      <c r="K1478" s="211">
        <v>1</v>
      </c>
      <c r="L1478" s="115">
        <v>1</v>
      </c>
      <c r="M1478" s="115">
        <v>1</v>
      </c>
      <c r="N1478" s="115">
        <v>0</v>
      </c>
      <c r="O1478" s="115">
        <v>1</v>
      </c>
      <c r="P1478" s="115" t="s">
        <v>400</v>
      </c>
      <c r="Q1478" s="115" t="s">
        <v>400</v>
      </c>
      <c r="R1478" s="115">
        <v>1</v>
      </c>
      <c r="S1478" s="115">
        <v>0</v>
      </c>
      <c r="T1478" s="115">
        <v>0</v>
      </c>
      <c r="U1478" s="119"/>
      <c r="V1478" s="119"/>
      <c r="W1478" s="119"/>
      <c r="X1478" s="119"/>
      <c r="Y1478" s="119"/>
      <c r="Z1478" s="119"/>
      <c r="AA1478" s="119"/>
      <c r="AB1478" s="119"/>
      <c r="AC1478" s="119"/>
      <c r="AD1478" s="119"/>
      <c r="AE1478" s="119"/>
      <c r="AF1478" s="119"/>
      <c r="AG1478" s="119"/>
      <c r="AH1478" s="119"/>
      <c r="AI1478" s="119"/>
      <c r="AJ1478" s="119"/>
      <c r="AK1478" s="119"/>
      <c r="AL1478" s="119"/>
      <c r="AM1478" s="119"/>
      <c r="AN1478" s="119"/>
      <c r="AO1478" s="119"/>
      <c r="AP1478" s="119"/>
      <c r="AQ1478" s="119"/>
      <c r="AR1478" s="119"/>
      <c r="AS1478" s="119"/>
      <c r="AT1478" s="119"/>
      <c r="AU1478" s="119"/>
      <c r="AV1478" s="119"/>
      <c r="AW1478" s="119"/>
      <c r="AX1478" s="119"/>
      <c r="AY1478" s="119"/>
      <c r="AZ1478" s="119"/>
      <c r="BA1478" s="119"/>
      <c r="BB1478" s="107">
        <v>45884</v>
      </c>
    </row>
    <row r="1479" spans="1:54" s="207" customFormat="1" ht="13.95" customHeight="1" x14ac:dyDescent="0.25">
      <c r="A1479" s="208" t="s">
        <v>3584</v>
      </c>
      <c r="B1479" s="209" t="s">
        <v>20420</v>
      </c>
      <c r="C1479" s="113" t="s">
        <v>3585</v>
      </c>
      <c r="D1479" s="113" t="s">
        <v>23286</v>
      </c>
      <c r="E1479" s="210">
        <v>1977</v>
      </c>
      <c r="F1479" s="210">
        <v>1624</v>
      </c>
      <c r="G1479" s="113" t="s">
        <v>1</v>
      </c>
      <c r="H1479" s="113">
        <v>0</v>
      </c>
      <c r="I1479" s="113">
        <v>0</v>
      </c>
      <c r="J1479" s="115">
        <v>1</v>
      </c>
      <c r="K1479" s="116" t="s">
        <v>174</v>
      </c>
      <c r="L1479" s="115">
        <v>1</v>
      </c>
      <c r="M1479" s="115">
        <v>1</v>
      </c>
      <c r="N1479" s="115">
        <v>0</v>
      </c>
      <c r="O1479" s="115">
        <v>1</v>
      </c>
      <c r="P1479" s="115" t="s">
        <v>400</v>
      </c>
      <c r="Q1479" s="115" t="s">
        <v>400</v>
      </c>
      <c r="R1479" s="115">
        <v>1</v>
      </c>
      <c r="S1479" s="115">
        <v>0</v>
      </c>
      <c r="T1479" s="115">
        <v>0</v>
      </c>
      <c r="U1479" s="119"/>
      <c r="V1479" s="119"/>
      <c r="W1479" s="119"/>
      <c r="X1479" s="119"/>
      <c r="Y1479" s="119"/>
      <c r="Z1479" s="119"/>
      <c r="AA1479" s="119"/>
      <c r="AB1479" s="119"/>
      <c r="AC1479" s="119"/>
      <c r="AD1479" s="119"/>
      <c r="AE1479" s="119"/>
      <c r="AF1479" s="119"/>
      <c r="AG1479" s="119"/>
      <c r="AH1479" s="119"/>
      <c r="AI1479" s="119"/>
      <c r="AJ1479" s="119"/>
      <c r="AK1479" s="119"/>
      <c r="AL1479" s="119"/>
      <c r="AM1479" s="119"/>
      <c r="AN1479" s="119"/>
      <c r="AO1479" s="119"/>
      <c r="AP1479" s="119"/>
      <c r="AQ1479" s="119"/>
      <c r="AR1479" s="119"/>
      <c r="AS1479" s="119"/>
      <c r="AT1479" s="119"/>
      <c r="AU1479" s="119"/>
      <c r="AV1479" s="119"/>
      <c r="AW1479" s="119"/>
      <c r="AX1479" s="119"/>
      <c r="AY1479" s="119"/>
      <c r="AZ1479" s="119"/>
      <c r="BA1479" s="119"/>
      <c r="BB1479" s="107">
        <v>45884</v>
      </c>
    </row>
    <row r="1480" spans="1:54" s="207" customFormat="1" ht="13.95" customHeight="1" x14ac:dyDescent="0.25">
      <c r="A1480" s="208" t="s">
        <v>3586</v>
      </c>
      <c r="B1480" s="209" t="s">
        <v>20420</v>
      </c>
      <c r="C1480" s="113" t="s">
        <v>3587</v>
      </c>
      <c r="D1480" s="113" t="s">
        <v>3588</v>
      </c>
      <c r="E1480" s="210">
        <v>1978</v>
      </c>
      <c r="F1480" s="210">
        <v>1615</v>
      </c>
      <c r="G1480" s="113" t="s">
        <v>1</v>
      </c>
      <c r="H1480" s="113">
        <v>0</v>
      </c>
      <c r="I1480" s="113">
        <v>0</v>
      </c>
      <c r="J1480" s="115">
        <v>1</v>
      </c>
      <c r="K1480" s="116" t="s">
        <v>174</v>
      </c>
      <c r="L1480" s="115">
        <v>0</v>
      </c>
      <c r="M1480" s="115">
        <v>1</v>
      </c>
      <c r="N1480" s="115">
        <v>0</v>
      </c>
      <c r="O1480" s="115">
        <v>1</v>
      </c>
      <c r="P1480" s="115" t="s">
        <v>400</v>
      </c>
      <c r="Q1480" s="115" t="s">
        <v>400</v>
      </c>
      <c r="R1480" s="115">
        <v>1</v>
      </c>
      <c r="S1480" s="115">
        <v>0</v>
      </c>
      <c r="T1480" s="115">
        <v>0</v>
      </c>
      <c r="U1480" s="119"/>
      <c r="V1480" s="119"/>
      <c r="W1480" s="119"/>
      <c r="X1480" s="119"/>
      <c r="Y1480" s="119"/>
      <c r="Z1480" s="119"/>
      <c r="AA1480" s="119"/>
      <c r="AB1480" s="119"/>
      <c r="AC1480" s="119"/>
      <c r="AD1480" s="119"/>
      <c r="AE1480" s="119"/>
      <c r="AF1480" s="119"/>
      <c r="AG1480" s="119"/>
      <c r="AH1480" s="119"/>
      <c r="AI1480" s="119"/>
      <c r="AJ1480" s="119"/>
      <c r="AK1480" s="119"/>
      <c r="AL1480" s="119"/>
      <c r="AM1480" s="119"/>
      <c r="AN1480" s="119"/>
      <c r="AO1480" s="119"/>
      <c r="AP1480" s="119"/>
      <c r="AQ1480" s="119"/>
      <c r="AR1480" s="119"/>
      <c r="AS1480" s="119"/>
      <c r="AT1480" s="119"/>
      <c r="AU1480" s="119"/>
      <c r="AV1480" s="119"/>
      <c r="AW1480" s="119"/>
      <c r="AX1480" s="119"/>
      <c r="AY1480" s="119"/>
      <c r="AZ1480" s="119"/>
      <c r="BA1480" s="119"/>
      <c r="BB1480" s="107">
        <v>45884</v>
      </c>
    </row>
    <row r="1481" spans="1:54" s="207" customFormat="1" ht="13.95" customHeight="1" x14ac:dyDescent="0.25">
      <c r="A1481" s="208" t="s">
        <v>3589</v>
      </c>
      <c r="B1481" s="209" t="s">
        <v>20420</v>
      </c>
      <c r="C1481" s="113" t="s">
        <v>3590</v>
      </c>
      <c r="D1481" s="113" t="s">
        <v>23287</v>
      </c>
      <c r="E1481" s="210">
        <v>1982</v>
      </c>
      <c r="F1481" s="210">
        <v>1615</v>
      </c>
      <c r="G1481" s="113" t="s">
        <v>1</v>
      </c>
      <c r="H1481" s="113">
        <v>0</v>
      </c>
      <c r="I1481" s="113">
        <v>0</v>
      </c>
      <c r="J1481" s="115">
        <v>1</v>
      </c>
      <c r="K1481" s="116" t="s">
        <v>174</v>
      </c>
      <c r="L1481" s="115">
        <v>1</v>
      </c>
      <c r="M1481" s="115">
        <v>1</v>
      </c>
      <c r="N1481" s="115">
        <v>0</v>
      </c>
      <c r="O1481" s="115">
        <v>1</v>
      </c>
      <c r="P1481" s="115" t="s">
        <v>400</v>
      </c>
      <c r="Q1481" s="115" t="s">
        <v>400</v>
      </c>
      <c r="R1481" s="115">
        <v>1</v>
      </c>
      <c r="S1481" s="115">
        <v>0</v>
      </c>
      <c r="T1481" s="115">
        <v>0</v>
      </c>
      <c r="U1481" s="119"/>
      <c r="V1481" s="119"/>
      <c r="W1481" s="119"/>
      <c r="X1481" s="119"/>
      <c r="Y1481" s="119"/>
      <c r="Z1481" s="119"/>
      <c r="AA1481" s="119"/>
      <c r="AB1481" s="119"/>
      <c r="AC1481" s="119"/>
      <c r="AD1481" s="119"/>
      <c r="AE1481" s="119"/>
      <c r="AF1481" s="119"/>
      <c r="AG1481" s="119"/>
      <c r="AH1481" s="119"/>
      <c r="AI1481" s="119"/>
      <c r="AJ1481" s="119"/>
      <c r="AK1481" s="119"/>
      <c r="AL1481" s="119"/>
      <c r="AM1481" s="119"/>
      <c r="AN1481" s="119"/>
      <c r="AO1481" s="119"/>
      <c r="AP1481" s="119"/>
      <c r="AQ1481" s="119"/>
      <c r="AR1481" s="119"/>
      <c r="AS1481" s="119"/>
      <c r="AT1481" s="119"/>
      <c r="AU1481" s="119"/>
      <c r="AV1481" s="119"/>
      <c r="AW1481" s="119"/>
      <c r="AX1481" s="119"/>
      <c r="AY1481" s="119"/>
      <c r="AZ1481" s="119"/>
      <c r="BA1481" s="119"/>
      <c r="BB1481" s="107">
        <v>45884</v>
      </c>
    </row>
    <row r="1482" spans="1:54" s="207" customFormat="1" ht="13.95" customHeight="1" x14ac:dyDescent="0.25">
      <c r="A1482" s="208" t="s">
        <v>3591</v>
      </c>
      <c r="B1482" s="209" t="s">
        <v>20420</v>
      </c>
      <c r="C1482" s="113" t="s">
        <v>3592</v>
      </c>
      <c r="D1482" s="113" t="s">
        <v>23288</v>
      </c>
      <c r="E1482" s="210">
        <v>1974</v>
      </c>
      <c r="F1482" s="210">
        <v>1615</v>
      </c>
      <c r="G1482" s="113" t="s">
        <v>1</v>
      </c>
      <c r="H1482" s="113">
        <v>0</v>
      </c>
      <c r="I1482" s="113">
        <v>0</v>
      </c>
      <c r="J1482" s="115">
        <v>1</v>
      </c>
      <c r="K1482" s="116" t="s">
        <v>174</v>
      </c>
      <c r="L1482" s="115">
        <v>1</v>
      </c>
      <c r="M1482" s="115">
        <v>0</v>
      </c>
      <c r="N1482" s="115">
        <v>0</v>
      </c>
      <c r="O1482" s="115">
        <v>1</v>
      </c>
      <c r="P1482" s="115">
        <v>1</v>
      </c>
      <c r="Q1482" s="115" t="s">
        <v>400</v>
      </c>
      <c r="R1482" s="115">
        <v>1</v>
      </c>
      <c r="S1482" s="115">
        <v>0</v>
      </c>
      <c r="T1482" s="115">
        <v>0</v>
      </c>
      <c r="U1482" s="119"/>
      <c r="V1482" s="119"/>
      <c r="W1482" s="119"/>
      <c r="X1482" s="119"/>
      <c r="Y1482" s="119"/>
      <c r="Z1482" s="119"/>
      <c r="AA1482" s="119"/>
      <c r="AB1482" s="119"/>
      <c r="AC1482" s="119"/>
      <c r="AD1482" s="119"/>
      <c r="AE1482" s="119"/>
      <c r="AF1482" s="119"/>
      <c r="AG1482" s="119"/>
      <c r="AH1482" s="119"/>
      <c r="AI1482" s="119"/>
      <c r="AJ1482" s="119"/>
      <c r="AK1482" s="119"/>
      <c r="AL1482" s="119"/>
      <c r="AM1482" s="119"/>
      <c r="AN1482" s="119"/>
      <c r="AO1482" s="119"/>
      <c r="AP1482" s="119"/>
      <c r="AQ1482" s="119"/>
      <c r="AR1482" s="119"/>
      <c r="AS1482" s="119"/>
      <c r="AT1482" s="119"/>
      <c r="AU1482" s="119"/>
      <c r="AV1482" s="119"/>
      <c r="AW1482" s="119"/>
      <c r="AX1482" s="119"/>
      <c r="AY1482" s="119"/>
      <c r="AZ1482" s="119"/>
      <c r="BA1482" s="119"/>
      <c r="BB1482" s="107">
        <v>45884</v>
      </c>
    </row>
    <row r="1483" spans="1:54" s="207" customFormat="1" ht="13.95" customHeight="1" x14ac:dyDescent="0.25">
      <c r="A1483" s="208" t="s">
        <v>3593</v>
      </c>
      <c r="B1483" s="209" t="s">
        <v>20420</v>
      </c>
      <c r="C1483" s="113" t="s">
        <v>3594</v>
      </c>
      <c r="D1483" s="113" t="s">
        <v>23289</v>
      </c>
      <c r="E1483" s="210">
        <v>1972</v>
      </c>
      <c r="F1483" s="210">
        <v>1615</v>
      </c>
      <c r="G1483" s="113" t="s">
        <v>1</v>
      </c>
      <c r="H1483" s="113">
        <v>1</v>
      </c>
      <c r="I1483" s="113">
        <v>0</v>
      </c>
      <c r="J1483" s="115">
        <v>1</v>
      </c>
      <c r="K1483" s="116" t="s">
        <v>174</v>
      </c>
      <c r="L1483" s="115">
        <v>1</v>
      </c>
      <c r="M1483" s="115">
        <v>0</v>
      </c>
      <c r="N1483" s="115">
        <v>0</v>
      </c>
      <c r="O1483" s="115">
        <v>1</v>
      </c>
      <c r="P1483" s="115">
        <v>1</v>
      </c>
      <c r="Q1483" s="115" t="s">
        <v>400</v>
      </c>
      <c r="R1483" s="115">
        <v>1</v>
      </c>
      <c r="S1483" s="115">
        <v>0</v>
      </c>
      <c r="T1483" s="115">
        <v>0</v>
      </c>
      <c r="U1483" s="119"/>
      <c r="V1483" s="119"/>
      <c r="W1483" s="119"/>
      <c r="X1483" s="119"/>
      <c r="Y1483" s="119"/>
      <c r="Z1483" s="119"/>
      <c r="AA1483" s="119"/>
      <c r="AB1483" s="119"/>
      <c r="AC1483" s="119"/>
      <c r="AD1483" s="119"/>
      <c r="AE1483" s="119"/>
      <c r="AF1483" s="119"/>
      <c r="AG1483" s="119"/>
      <c r="AH1483" s="119"/>
      <c r="AI1483" s="119"/>
      <c r="AJ1483" s="119"/>
      <c r="AK1483" s="119"/>
      <c r="AL1483" s="119"/>
      <c r="AM1483" s="119"/>
      <c r="AN1483" s="119"/>
      <c r="AO1483" s="119"/>
      <c r="AP1483" s="119"/>
      <c r="AQ1483" s="119"/>
      <c r="AR1483" s="119"/>
      <c r="AS1483" s="119"/>
      <c r="AT1483" s="119"/>
      <c r="AU1483" s="119"/>
      <c r="AV1483" s="119"/>
      <c r="AW1483" s="119"/>
      <c r="AX1483" s="119"/>
      <c r="AY1483" s="119"/>
      <c r="AZ1483" s="119"/>
      <c r="BA1483" s="119"/>
      <c r="BB1483" s="107">
        <v>45884</v>
      </c>
    </row>
    <row r="1484" spans="1:54" s="207" customFormat="1" ht="13.95" customHeight="1" x14ac:dyDescent="0.25">
      <c r="A1484" s="208" t="s">
        <v>3595</v>
      </c>
      <c r="B1484" s="209" t="s">
        <v>20420</v>
      </c>
      <c r="C1484" s="113" t="s">
        <v>3596</v>
      </c>
      <c r="D1484" s="113" t="s">
        <v>3597</v>
      </c>
      <c r="E1484" s="210">
        <v>1975</v>
      </c>
      <c r="F1484" s="210">
        <v>1616</v>
      </c>
      <c r="G1484" s="113" t="s">
        <v>1</v>
      </c>
      <c r="H1484" s="113">
        <v>0</v>
      </c>
      <c r="I1484" s="113">
        <v>0</v>
      </c>
      <c r="J1484" s="115">
        <v>1</v>
      </c>
      <c r="K1484" s="116" t="s">
        <v>174</v>
      </c>
      <c r="L1484" s="115">
        <v>1</v>
      </c>
      <c r="M1484" s="115">
        <v>1</v>
      </c>
      <c r="N1484" s="115">
        <v>0</v>
      </c>
      <c r="O1484" s="115">
        <v>1</v>
      </c>
      <c r="P1484" s="115" t="s">
        <v>400</v>
      </c>
      <c r="Q1484" s="120">
        <v>1</v>
      </c>
      <c r="R1484" s="115">
        <v>1</v>
      </c>
      <c r="S1484" s="115">
        <v>0</v>
      </c>
      <c r="T1484" s="115">
        <v>0</v>
      </c>
      <c r="U1484" s="119"/>
      <c r="V1484" s="119"/>
      <c r="W1484" s="119"/>
      <c r="X1484" s="119"/>
      <c r="Y1484" s="119"/>
      <c r="Z1484" s="119"/>
      <c r="AA1484" s="119"/>
      <c r="AB1484" s="119"/>
      <c r="AC1484" s="119"/>
      <c r="AD1484" s="119"/>
      <c r="AE1484" s="119"/>
      <c r="AF1484" s="119"/>
      <c r="AG1484" s="119"/>
      <c r="AH1484" s="119"/>
      <c r="AI1484" s="119"/>
      <c r="AJ1484" s="119"/>
      <c r="AK1484" s="119"/>
      <c r="AL1484" s="119"/>
      <c r="AM1484" s="119"/>
      <c r="AN1484" s="119"/>
      <c r="AO1484" s="119"/>
      <c r="AP1484" s="119"/>
      <c r="AQ1484" s="119"/>
      <c r="AR1484" s="119"/>
      <c r="AS1484" s="119"/>
      <c r="AT1484" s="119"/>
      <c r="AU1484" s="119"/>
      <c r="AV1484" s="119"/>
      <c r="AW1484" s="119"/>
      <c r="AX1484" s="119"/>
      <c r="AY1484" s="119"/>
      <c r="AZ1484" s="119"/>
      <c r="BA1484" s="119"/>
      <c r="BB1484" s="107">
        <v>45884</v>
      </c>
    </row>
    <row r="1485" spans="1:54" s="207" customFormat="1" ht="13.95" customHeight="1" x14ac:dyDescent="0.25">
      <c r="A1485" s="208" t="s">
        <v>3598</v>
      </c>
      <c r="B1485" s="209" t="s">
        <v>20420</v>
      </c>
      <c r="C1485" s="113" t="s">
        <v>3599</v>
      </c>
      <c r="D1485" s="113" t="s">
        <v>3600</v>
      </c>
      <c r="E1485" s="210">
        <v>1974</v>
      </c>
      <c r="F1485" s="210">
        <v>1616</v>
      </c>
      <c r="G1485" s="113" t="s">
        <v>1</v>
      </c>
      <c r="H1485" s="113">
        <v>0</v>
      </c>
      <c r="I1485" s="113">
        <v>0</v>
      </c>
      <c r="J1485" s="115">
        <v>1</v>
      </c>
      <c r="K1485" s="211">
        <v>1</v>
      </c>
      <c r="L1485" s="115">
        <v>1</v>
      </c>
      <c r="M1485" s="115">
        <v>1</v>
      </c>
      <c r="N1485" s="115">
        <v>1</v>
      </c>
      <c r="O1485" s="115">
        <v>1</v>
      </c>
      <c r="P1485" s="115">
        <v>1</v>
      </c>
      <c r="Q1485" s="115" t="s">
        <v>400</v>
      </c>
      <c r="R1485" s="115">
        <v>1</v>
      </c>
      <c r="S1485" s="115">
        <v>0</v>
      </c>
      <c r="T1485" s="115">
        <v>0</v>
      </c>
      <c r="U1485" s="119"/>
      <c r="V1485" s="119"/>
      <c r="W1485" s="119"/>
      <c r="X1485" s="119"/>
      <c r="Y1485" s="119"/>
      <c r="Z1485" s="119"/>
      <c r="AA1485" s="119"/>
      <c r="AB1485" s="119"/>
      <c r="AC1485" s="119"/>
      <c r="AD1485" s="119"/>
      <c r="AE1485" s="119"/>
      <c r="AF1485" s="119"/>
      <c r="AG1485" s="119"/>
      <c r="AH1485" s="119"/>
      <c r="AI1485" s="119"/>
      <c r="AJ1485" s="119"/>
      <c r="AK1485" s="119"/>
      <c r="AL1485" s="119"/>
      <c r="AM1485" s="119"/>
      <c r="AN1485" s="119"/>
      <c r="AO1485" s="119"/>
      <c r="AP1485" s="119"/>
      <c r="AQ1485" s="119"/>
      <c r="AR1485" s="119"/>
      <c r="AS1485" s="119"/>
      <c r="AT1485" s="119"/>
      <c r="AU1485" s="119"/>
      <c r="AV1485" s="119"/>
      <c r="AW1485" s="119"/>
      <c r="AX1485" s="119"/>
      <c r="AY1485" s="119"/>
      <c r="AZ1485" s="119"/>
      <c r="BA1485" s="119"/>
      <c r="BB1485" s="107">
        <v>45884</v>
      </c>
    </row>
    <row r="1486" spans="1:54" s="207" customFormat="1" ht="13.95" customHeight="1" x14ac:dyDescent="0.25">
      <c r="A1486" s="208" t="s">
        <v>3601</v>
      </c>
      <c r="B1486" s="209" t="s">
        <v>20420</v>
      </c>
      <c r="C1486" s="113" t="s">
        <v>3602</v>
      </c>
      <c r="D1486" s="113" t="s">
        <v>23290</v>
      </c>
      <c r="E1486" s="210">
        <v>2006</v>
      </c>
      <c r="F1486" s="210">
        <v>1618</v>
      </c>
      <c r="G1486" s="113" t="s">
        <v>1</v>
      </c>
      <c r="H1486" s="113">
        <v>0</v>
      </c>
      <c r="I1486" s="113">
        <v>0</v>
      </c>
      <c r="J1486" s="115">
        <v>1</v>
      </c>
      <c r="K1486" s="211">
        <v>1</v>
      </c>
      <c r="L1486" s="115">
        <v>1</v>
      </c>
      <c r="M1486" s="115">
        <v>1</v>
      </c>
      <c r="N1486" s="115">
        <v>0</v>
      </c>
      <c r="O1486" s="115">
        <v>1</v>
      </c>
      <c r="P1486" s="115" t="s">
        <v>400</v>
      </c>
      <c r="Q1486" s="115" t="s">
        <v>400</v>
      </c>
      <c r="R1486" s="115">
        <v>1</v>
      </c>
      <c r="S1486" s="115">
        <v>0</v>
      </c>
      <c r="T1486" s="115">
        <v>0</v>
      </c>
      <c r="U1486" s="119"/>
      <c r="V1486" s="119"/>
      <c r="W1486" s="119"/>
      <c r="X1486" s="119"/>
      <c r="Y1486" s="119"/>
      <c r="Z1486" s="119"/>
      <c r="AA1486" s="119"/>
      <c r="AB1486" s="119"/>
      <c r="AC1486" s="119"/>
      <c r="AD1486" s="119"/>
      <c r="AE1486" s="119"/>
      <c r="AF1486" s="119"/>
      <c r="AG1486" s="119"/>
      <c r="AH1486" s="119"/>
      <c r="AI1486" s="119"/>
      <c r="AJ1486" s="119"/>
      <c r="AK1486" s="119"/>
      <c r="AL1486" s="119"/>
      <c r="AM1486" s="119"/>
      <c r="AN1486" s="119"/>
      <c r="AO1486" s="119"/>
      <c r="AP1486" s="119"/>
      <c r="AQ1486" s="119"/>
      <c r="AR1486" s="119"/>
      <c r="AS1486" s="119"/>
      <c r="AT1486" s="119"/>
      <c r="AU1486" s="119"/>
      <c r="AV1486" s="119"/>
      <c r="AW1486" s="119"/>
      <c r="AX1486" s="119"/>
      <c r="AY1486" s="119"/>
      <c r="AZ1486" s="119"/>
      <c r="BA1486" s="119"/>
      <c r="BB1486" s="107">
        <v>45884</v>
      </c>
    </row>
    <row r="1487" spans="1:54" s="207" customFormat="1" ht="13.95" customHeight="1" x14ac:dyDescent="0.25">
      <c r="A1487" s="208" t="s">
        <v>3603</v>
      </c>
      <c r="B1487" s="209" t="s">
        <v>20420</v>
      </c>
      <c r="C1487" s="113" t="s">
        <v>3604</v>
      </c>
      <c r="D1487" s="113" t="s">
        <v>23291</v>
      </c>
      <c r="E1487" s="210">
        <v>1976</v>
      </c>
      <c r="F1487" s="210">
        <v>1527</v>
      </c>
      <c r="G1487" s="113" t="s">
        <v>1</v>
      </c>
      <c r="H1487" s="113">
        <v>0</v>
      </c>
      <c r="I1487" s="113">
        <v>0</v>
      </c>
      <c r="J1487" s="115">
        <v>1</v>
      </c>
      <c r="K1487" s="116" t="s">
        <v>174</v>
      </c>
      <c r="L1487" s="115">
        <v>1</v>
      </c>
      <c r="M1487" s="115">
        <v>0</v>
      </c>
      <c r="N1487" s="115">
        <v>0</v>
      </c>
      <c r="O1487" s="115">
        <v>1</v>
      </c>
      <c r="P1487" s="115">
        <v>1</v>
      </c>
      <c r="Q1487" s="115" t="s">
        <v>400</v>
      </c>
      <c r="R1487" s="115">
        <v>0</v>
      </c>
      <c r="S1487" s="115">
        <v>0</v>
      </c>
      <c r="T1487" s="115">
        <v>0</v>
      </c>
      <c r="U1487" s="119"/>
      <c r="V1487" s="119"/>
      <c r="W1487" s="119"/>
      <c r="X1487" s="119"/>
      <c r="Y1487" s="119"/>
      <c r="Z1487" s="119"/>
      <c r="AA1487" s="119"/>
      <c r="AB1487" s="119"/>
      <c r="AC1487" s="119"/>
      <c r="AD1487" s="119"/>
      <c r="AE1487" s="119"/>
      <c r="AF1487" s="119"/>
      <c r="AG1487" s="119"/>
      <c r="AH1487" s="119"/>
      <c r="AI1487" s="119"/>
      <c r="AJ1487" s="119"/>
      <c r="AK1487" s="119"/>
      <c r="AL1487" s="119"/>
      <c r="AM1487" s="119"/>
      <c r="AN1487" s="119"/>
      <c r="AO1487" s="119"/>
      <c r="AP1487" s="119"/>
      <c r="AQ1487" s="119"/>
      <c r="AR1487" s="119"/>
      <c r="AS1487" s="119"/>
      <c r="AT1487" s="119"/>
      <c r="AU1487" s="119"/>
      <c r="AV1487" s="119"/>
      <c r="AW1487" s="119"/>
      <c r="AX1487" s="119"/>
      <c r="AY1487" s="119"/>
      <c r="AZ1487" s="119"/>
      <c r="BA1487" s="119"/>
      <c r="BB1487" s="107">
        <v>45884</v>
      </c>
    </row>
    <row r="1488" spans="1:54" s="207" customFormat="1" ht="13.95" customHeight="1" x14ac:dyDescent="0.25">
      <c r="A1488" s="208" t="s">
        <v>3605</v>
      </c>
      <c r="B1488" s="209" t="s">
        <v>20420</v>
      </c>
      <c r="C1488" s="113" t="s">
        <v>3606</v>
      </c>
      <c r="D1488" s="113" t="s">
        <v>3607</v>
      </c>
      <c r="E1488" s="210">
        <v>1974</v>
      </c>
      <c r="F1488" s="210">
        <v>1627</v>
      </c>
      <c r="G1488" s="113" t="s">
        <v>1</v>
      </c>
      <c r="H1488" s="113">
        <v>0</v>
      </c>
      <c r="I1488" s="113">
        <v>0</v>
      </c>
      <c r="J1488" s="115">
        <v>1</v>
      </c>
      <c r="K1488" s="116" t="s">
        <v>174</v>
      </c>
      <c r="L1488" s="115">
        <v>1</v>
      </c>
      <c r="M1488" s="115">
        <v>0</v>
      </c>
      <c r="N1488" s="115">
        <v>1</v>
      </c>
      <c r="O1488" s="115">
        <v>1</v>
      </c>
      <c r="P1488" s="115">
        <v>1</v>
      </c>
      <c r="Q1488" s="115" t="s">
        <v>400</v>
      </c>
      <c r="R1488" s="115">
        <v>1</v>
      </c>
      <c r="S1488" s="115">
        <v>0</v>
      </c>
      <c r="T1488" s="115">
        <v>0</v>
      </c>
      <c r="U1488" s="119"/>
      <c r="V1488" s="119"/>
      <c r="W1488" s="119"/>
      <c r="X1488" s="119"/>
      <c r="Y1488" s="119"/>
      <c r="Z1488" s="119"/>
      <c r="AA1488" s="119"/>
      <c r="AB1488" s="119"/>
      <c r="AC1488" s="119"/>
      <c r="AD1488" s="119"/>
      <c r="AE1488" s="119"/>
      <c r="AF1488" s="119"/>
      <c r="AG1488" s="119"/>
      <c r="AH1488" s="119"/>
      <c r="AI1488" s="119"/>
      <c r="AJ1488" s="119"/>
      <c r="AK1488" s="119"/>
      <c r="AL1488" s="119"/>
      <c r="AM1488" s="119"/>
      <c r="AN1488" s="119"/>
      <c r="AO1488" s="119"/>
      <c r="AP1488" s="119"/>
      <c r="AQ1488" s="119"/>
      <c r="AR1488" s="119"/>
      <c r="AS1488" s="119"/>
      <c r="AT1488" s="119"/>
      <c r="AU1488" s="119"/>
      <c r="AV1488" s="119"/>
      <c r="AW1488" s="119"/>
      <c r="AX1488" s="119"/>
      <c r="AY1488" s="119"/>
      <c r="AZ1488" s="119"/>
      <c r="BA1488" s="119"/>
      <c r="BB1488" s="107">
        <v>45884</v>
      </c>
    </row>
    <row r="1489" spans="1:54" s="207" customFormat="1" ht="13.95" customHeight="1" x14ac:dyDescent="0.25">
      <c r="A1489" s="208" t="s">
        <v>3608</v>
      </c>
      <c r="B1489" s="209" t="s">
        <v>20420</v>
      </c>
      <c r="C1489" s="113" t="s">
        <v>3609</v>
      </c>
      <c r="D1489" s="113" t="s">
        <v>3610</v>
      </c>
      <c r="E1489" s="210">
        <v>1974</v>
      </c>
      <c r="F1489" s="210">
        <v>1627</v>
      </c>
      <c r="G1489" s="113" t="s">
        <v>1</v>
      </c>
      <c r="H1489" s="113">
        <v>0</v>
      </c>
      <c r="I1489" s="113">
        <v>0</v>
      </c>
      <c r="J1489" s="115">
        <v>1</v>
      </c>
      <c r="K1489" s="116" t="s">
        <v>174</v>
      </c>
      <c r="L1489" s="115">
        <v>1</v>
      </c>
      <c r="M1489" s="115">
        <v>1</v>
      </c>
      <c r="N1489" s="115">
        <v>1</v>
      </c>
      <c r="O1489" s="115">
        <v>1</v>
      </c>
      <c r="P1489" s="115" t="s">
        <v>400</v>
      </c>
      <c r="Q1489" s="115" t="s">
        <v>400</v>
      </c>
      <c r="R1489" s="115">
        <v>1</v>
      </c>
      <c r="S1489" s="115">
        <v>0</v>
      </c>
      <c r="T1489" s="115">
        <v>0</v>
      </c>
      <c r="U1489" s="119"/>
      <c r="V1489" s="119"/>
      <c r="W1489" s="119"/>
      <c r="X1489" s="119"/>
      <c r="Y1489" s="119"/>
      <c r="Z1489" s="119"/>
      <c r="AA1489" s="119"/>
      <c r="AB1489" s="119"/>
      <c r="AC1489" s="119"/>
      <c r="AD1489" s="119"/>
      <c r="AE1489" s="119"/>
      <c r="AF1489" s="119"/>
      <c r="AG1489" s="119"/>
      <c r="AH1489" s="119"/>
      <c r="AI1489" s="119"/>
      <c r="AJ1489" s="119"/>
      <c r="AK1489" s="119"/>
      <c r="AL1489" s="119"/>
      <c r="AM1489" s="119"/>
      <c r="AN1489" s="119"/>
      <c r="AO1489" s="119"/>
      <c r="AP1489" s="119"/>
      <c r="AQ1489" s="119"/>
      <c r="AR1489" s="119"/>
      <c r="AS1489" s="119"/>
      <c r="AT1489" s="119"/>
      <c r="AU1489" s="119"/>
      <c r="AV1489" s="119"/>
      <c r="AW1489" s="119"/>
      <c r="AX1489" s="119"/>
      <c r="AY1489" s="119"/>
      <c r="AZ1489" s="119"/>
      <c r="BA1489" s="119"/>
      <c r="BB1489" s="107">
        <v>45884</v>
      </c>
    </row>
    <row r="1490" spans="1:54" s="207" customFormat="1" ht="13.95" customHeight="1" x14ac:dyDescent="0.25">
      <c r="A1490" s="208" t="s">
        <v>3611</v>
      </c>
      <c r="B1490" s="209" t="s">
        <v>20420</v>
      </c>
      <c r="C1490" s="113" t="s">
        <v>3612</v>
      </c>
      <c r="D1490" s="113" t="s">
        <v>23292</v>
      </c>
      <c r="E1490" s="210">
        <v>1985</v>
      </c>
      <c r="F1490" s="210">
        <v>1628</v>
      </c>
      <c r="G1490" s="113" t="s">
        <v>1</v>
      </c>
      <c r="H1490" s="113">
        <v>0</v>
      </c>
      <c r="I1490" s="113">
        <v>0</v>
      </c>
      <c r="J1490" s="115">
        <v>1</v>
      </c>
      <c r="K1490" s="116" t="s">
        <v>174</v>
      </c>
      <c r="L1490" s="115">
        <v>0</v>
      </c>
      <c r="M1490" s="120">
        <v>1</v>
      </c>
      <c r="N1490" s="115">
        <v>0</v>
      </c>
      <c r="O1490" s="115">
        <v>1</v>
      </c>
      <c r="P1490" s="212">
        <v>0</v>
      </c>
      <c r="Q1490" s="115" t="s">
        <v>400</v>
      </c>
      <c r="R1490" s="115">
        <v>0</v>
      </c>
      <c r="S1490" s="115">
        <v>0</v>
      </c>
      <c r="T1490" s="115">
        <v>0</v>
      </c>
      <c r="U1490" s="119"/>
      <c r="V1490" s="119"/>
      <c r="W1490" s="119"/>
      <c r="X1490" s="119"/>
      <c r="Y1490" s="119"/>
      <c r="Z1490" s="119"/>
      <c r="AA1490" s="119"/>
      <c r="AB1490" s="119"/>
      <c r="AC1490" s="119"/>
      <c r="AD1490" s="119"/>
      <c r="AE1490" s="119"/>
      <c r="AF1490" s="119"/>
      <c r="AG1490" s="119"/>
      <c r="AH1490" s="119"/>
      <c r="AI1490" s="119"/>
      <c r="AJ1490" s="119"/>
      <c r="AK1490" s="119"/>
      <c r="AL1490" s="119"/>
      <c r="AM1490" s="119"/>
      <c r="AN1490" s="119"/>
      <c r="AO1490" s="119"/>
      <c r="AP1490" s="119"/>
      <c r="AQ1490" s="119"/>
      <c r="AR1490" s="119"/>
      <c r="AS1490" s="119"/>
      <c r="AT1490" s="119"/>
      <c r="AU1490" s="119"/>
      <c r="AV1490" s="119"/>
      <c r="AW1490" s="119"/>
      <c r="AX1490" s="119"/>
      <c r="AY1490" s="119"/>
      <c r="AZ1490" s="119"/>
      <c r="BA1490" s="119"/>
      <c r="BB1490" s="107">
        <v>45884</v>
      </c>
    </row>
    <row r="1491" spans="1:54" s="207" customFormat="1" ht="13.95" customHeight="1" x14ac:dyDescent="0.25">
      <c r="A1491" s="208" t="s">
        <v>3613</v>
      </c>
      <c r="B1491" s="209" t="s">
        <v>20420</v>
      </c>
      <c r="C1491" s="113" t="s">
        <v>3614</v>
      </c>
      <c r="D1491" s="113" t="s">
        <v>23293</v>
      </c>
      <c r="E1491" s="210">
        <v>1977</v>
      </c>
      <c r="F1491" s="210">
        <v>1629</v>
      </c>
      <c r="G1491" s="113" t="s">
        <v>1</v>
      </c>
      <c r="H1491" s="113">
        <v>0</v>
      </c>
      <c r="I1491" s="113">
        <v>0</v>
      </c>
      <c r="J1491" s="115">
        <v>1</v>
      </c>
      <c r="K1491" s="116" t="s">
        <v>174</v>
      </c>
      <c r="L1491" s="115">
        <v>1</v>
      </c>
      <c r="M1491" s="115">
        <v>0</v>
      </c>
      <c r="N1491" s="115">
        <v>1</v>
      </c>
      <c r="O1491" s="115">
        <v>1</v>
      </c>
      <c r="P1491" s="115">
        <v>1</v>
      </c>
      <c r="Q1491" s="115" t="s">
        <v>400</v>
      </c>
      <c r="R1491" s="115">
        <v>1</v>
      </c>
      <c r="S1491" s="115">
        <v>0</v>
      </c>
      <c r="T1491" s="115">
        <v>0</v>
      </c>
      <c r="U1491" s="119"/>
      <c r="V1491" s="119"/>
      <c r="W1491" s="119"/>
      <c r="X1491" s="119"/>
      <c r="Y1491" s="119"/>
      <c r="Z1491" s="119"/>
      <c r="AA1491" s="119"/>
      <c r="AB1491" s="119"/>
      <c r="AC1491" s="119"/>
      <c r="AD1491" s="119"/>
      <c r="AE1491" s="119"/>
      <c r="AF1491" s="119"/>
      <c r="AG1491" s="119"/>
      <c r="AH1491" s="119"/>
      <c r="AI1491" s="119"/>
      <c r="AJ1491" s="119"/>
      <c r="AK1491" s="119"/>
      <c r="AL1491" s="119"/>
      <c r="AM1491" s="119"/>
      <c r="AN1491" s="119"/>
      <c r="AO1491" s="119"/>
      <c r="AP1491" s="119"/>
      <c r="AQ1491" s="119"/>
      <c r="AR1491" s="119"/>
      <c r="AS1491" s="119"/>
      <c r="AT1491" s="119"/>
      <c r="AU1491" s="119"/>
      <c r="AV1491" s="119"/>
      <c r="AW1491" s="119"/>
      <c r="AX1491" s="119"/>
      <c r="AY1491" s="119"/>
      <c r="AZ1491" s="119"/>
      <c r="BA1491" s="119"/>
      <c r="BB1491" s="107">
        <v>45884</v>
      </c>
    </row>
    <row r="1492" spans="1:54" s="207" customFormat="1" ht="13.95" customHeight="1" x14ac:dyDescent="0.25">
      <c r="A1492" s="208" t="s">
        <v>3615</v>
      </c>
      <c r="B1492" s="209" t="s">
        <v>20420</v>
      </c>
      <c r="C1492" s="113" t="s">
        <v>3616</v>
      </c>
      <c r="D1492" s="113" t="s">
        <v>23294</v>
      </c>
      <c r="E1492" s="210">
        <v>1976</v>
      </c>
      <c r="F1492" s="210">
        <v>1633</v>
      </c>
      <c r="G1492" s="113" t="s">
        <v>1</v>
      </c>
      <c r="H1492" s="113">
        <v>0</v>
      </c>
      <c r="I1492" s="113">
        <v>0</v>
      </c>
      <c r="J1492" s="115">
        <v>1</v>
      </c>
      <c r="K1492" s="116" t="s">
        <v>174</v>
      </c>
      <c r="L1492" s="115">
        <v>1</v>
      </c>
      <c r="M1492" s="115">
        <v>1</v>
      </c>
      <c r="N1492" s="115">
        <v>0</v>
      </c>
      <c r="O1492" s="115">
        <v>1</v>
      </c>
      <c r="P1492" s="115" t="s">
        <v>400</v>
      </c>
      <c r="Q1492" s="115" t="s">
        <v>400</v>
      </c>
      <c r="R1492" s="115">
        <v>0</v>
      </c>
      <c r="S1492" s="115">
        <v>0</v>
      </c>
      <c r="T1492" s="115">
        <v>0</v>
      </c>
      <c r="U1492" s="119"/>
      <c r="V1492" s="119"/>
      <c r="W1492" s="119"/>
      <c r="X1492" s="119"/>
      <c r="Y1492" s="119"/>
      <c r="Z1492" s="119"/>
      <c r="AA1492" s="119"/>
      <c r="AB1492" s="119"/>
      <c r="AC1492" s="119"/>
      <c r="AD1492" s="119"/>
      <c r="AE1492" s="119"/>
      <c r="AF1492" s="119"/>
      <c r="AG1492" s="119"/>
      <c r="AH1492" s="119"/>
      <c r="AI1492" s="119"/>
      <c r="AJ1492" s="119"/>
      <c r="AK1492" s="119"/>
      <c r="AL1492" s="119"/>
      <c r="AM1492" s="119"/>
      <c r="AN1492" s="119"/>
      <c r="AO1492" s="119"/>
      <c r="AP1492" s="119"/>
      <c r="AQ1492" s="119"/>
      <c r="AR1492" s="119"/>
      <c r="AS1492" s="119"/>
      <c r="AT1492" s="119"/>
      <c r="AU1492" s="119"/>
      <c r="AV1492" s="119"/>
      <c r="AW1492" s="119"/>
      <c r="AX1492" s="119"/>
      <c r="AY1492" s="119"/>
      <c r="AZ1492" s="119"/>
      <c r="BA1492" s="119"/>
      <c r="BB1492" s="107">
        <v>45884</v>
      </c>
    </row>
    <row r="1493" spans="1:54" s="207" customFormat="1" ht="13.95" customHeight="1" x14ac:dyDescent="0.25">
      <c r="A1493" s="208" t="s">
        <v>3617</v>
      </c>
      <c r="B1493" s="209" t="s">
        <v>20420</v>
      </c>
      <c r="C1493" s="113" t="s">
        <v>3618</v>
      </c>
      <c r="D1493" s="113" t="s">
        <v>23295</v>
      </c>
      <c r="E1493" s="210">
        <v>1998</v>
      </c>
      <c r="F1493" s="210">
        <v>1634</v>
      </c>
      <c r="G1493" s="113" t="s">
        <v>1</v>
      </c>
      <c r="H1493" s="113">
        <v>0</v>
      </c>
      <c r="I1493" s="113">
        <v>0</v>
      </c>
      <c r="J1493" s="115">
        <v>1</v>
      </c>
      <c r="K1493" s="211">
        <v>1</v>
      </c>
      <c r="L1493" s="115">
        <v>1</v>
      </c>
      <c r="M1493" s="115">
        <v>1</v>
      </c>
      <c r="N1493" s="115">
        <v>0</v>
      </c>
      <c r="O1493" s="115">
        <v>0</v>
      </c>
      <c r="P1493" s="115" t="s">
        <v>400</v>
      </c>
      <c r="Q1493" s="115" t="s">
        <v>400</v>
      </c>
      <c r="R1493" s="115">
        <v>1</v>
      </c>
      <c r="S1493" s="115">
        <v>0</v>
      </c>
      <c r="T1493" s="115">
        <v>0</v>
      </c>
      <c r="U1493" s="119"/>
      <c r="V1493" s="119"/>
      <c r="W1493" s="119"/>
      <c r="X1493" s="119"/>
      <c r="Y1493" s="119"/>
      <c r="Z1493" s="119"/>
      <c r="AA1493" s="119"/>
      <c r="AB1493" s="119"/>
      <c r="AC1493" s="119"/>
      <c r="AD1493" s="119"/>
      <c r="AE1493" s="119"/>
      <c r="AF1493" s="119"/>
      <c r="AG1493" s="119"/>
      <c r="AH1493" s="119"/>
      <c r="AI1493" s="119"/>
      <c r="AJ1493" s="119"/>
      <c r="AK1493" s="119"/>
      <c r="AL1493" s="119"/>
      <c r="AM1493" s="119"/>
      <c r="AN1493" s="119"/>
      <c r="AO1493" s="119"/>
      <c r="AP1493" s="119"/>
      <c r="AQ1493" s="119"/>
      <c r="AR1493" s="119"/>
      <c r="AS1493" s="119"/>
      <c r="AT1493" s="119"/>
      <c r="AU1493" s="119"/>
      <c r="AV1493" s="119"/>
      <c r="AW1493" s="119"/>
      <c r="AX1493" s="119"/>
      <c r="AY1493" s="119"/>
      <c r="AZ1493" s="119"/>
      <c r="BA1493" s="119"/>
      <c r="BB1493" s="107">
        <v>45884</v>
      </c>
    </row>
    <row r="1494" spans="1:54" s="207" customFormat="1" ht="13.95" customHeight="1" x14ac:dyDescent="0.25">
      <c r="A1494" s="208" t="s">
        <v>3619</v>
      </c>
      <c r="B1494" s="209" t="s">
        <v>20420</v>
      </c>
      <c r="C1494" s="113" t="s">
        <v>3620</v>
      </c>
      <c r="D1494" s="113" t="s">
        <v>3621</v>
      </c>
      <c r="E1494" s="210">
        <v>1997</v>
      </c>
      <c r="F1494" s="210">
        <v>1697</v>
      </c>
      <c r="G1494" s="113" t="s">
        <v>1</v>
      </c>
      <c r="H1494" s="113">
        <v>1</v>
      </c>
      <c r="I1494" s="113">
        <v>1</v>
      </c>
      <c r="J1494" s="115">
        <v>1</v>
      </c>
      <c r="K1494" s="116" t="s">
        <v>174</v>
      </c>
      <c r="L1494" s="115">
        <v>1</v>
      </c>
      <c r="M1494" s="115">
        <v>0</v>
      </c>
      <c r="N1494" s="115">
        <v>0</v>
      </c>
      <c r="O1494" s="115">
        <v>1</v>
      </c>
      <c r="P1494" s="115">
        <v>1</v>
      </c>
      <c r="Q1494" s="115" t="s">
        <v>400</v>
      </c>
      <c r="R1494" s="115">
        <v>0</v>
      </c>
      <c r="S1494" s="115">
        <v>0</v>
      </c>
      <c r="T1494" s="115">
        <v>0</v>
      </c>
      <c r="U1494" s="119"/>
      <c r="V1494" s="119"/>
      <c r="W1494" s="119"/>
      <c r="X1494" s="119"/>
      <c r="Y1494" s="119"/>
      <c r="Z1494" s="119"/>
      <c r="AA1494" s="119"/>
      <c r="AB1494" s="119"/>
      <c r="AC1494" s="119"/>
      <c r="AD1494" s="119"/>
      <c r="AE1494" s="119"/>
      <c r="AF1494" s="119"/>
      <c r="AG1494" s="119"/>
      <c r="AH1494" s="119"/>
      <c r="AI1494" s="119"/>
      <c r="AJ1494" s="119"/>
      <c r="AK1494" s="119"/>
      <c r="AL1494" s="119"/>
      <c r="AM1494" s="119"/>
      <c r="AN1494" s="119"/>
      <c r="AO1494" s="119"/>
      <c r="AP1494" s="119"/>
      <c r="AQ1494" s="119"/>
      <c r="AR1494" s="119"/>
      <c r="AS1494" s="119"/>
      <c r="AT1494" s="119"/>
      <c r="AU1494" s="119"/>
      <c r="AV1494" s="119"/>
      <c r="AW1494" s="119"/>
      <c r="AX1494" s="119"/>
      <c r="AY1494" s="119"/>
      <c r="AZ1494" s="119"/>
      <c r="BA1494" s="119"/>
      <c r="BB1494" s="107">
        <v>45884</v>
      </c>
    </row>
    <row r="1495" spans="1:54" s="207" customFormat="1" ht="13.95" customHeight="1" x14ac:dyDescent="0.25">
      <c r="A1495" s="208" t="s">
        <v>3622</v>
      </c>
      <c r="B1495" s="209" t="s">
        <v>20420</v>
      </c>
      <c r="C1495" s="113" t="s">
        <v>3623</v>
      </c>
      <c r="D1495" s="113" t="s">
        <v>23296</v>
      </c>
      <c r="E1495" s="210">
        <v>1970</v>
      </c>
      <c r="F1495" s="210">
        <v>1640</v>
      </c>
      <c r="G1495" s="113" t="s">
        <v>1</v>
      </c>
      <c r="H1495" s="113">
        <v>0</v>
      </c>
      <c r="I1495" s="113">
        <v>0</v>
      </c>
      <c r="J1495" s="115">
        <v>1</v>
      </c>
      <c r="K1495" s="116" t="s">
        <v>174</v>
      </c>
      <c r="L1495" s="115">
        <v>1</v>
      </c>
      <c r="M1495" s="115">
        <v>0</v>
      </c>
      <c r="N1495" s="115">
        <v>0</v>
      </c>
      <c r="O1495" s="115">
        <v>1</v>
      </c>
      <c r="P1495" s="115">
        <v>1</v>
      </c>
      <c r="Q1495" s="115" t="s">
        <v>400</v>
      </c>
      <c r="R1495" s="115">
        <v>1</v>
      </c>
      <c r="S1495" s="115">
        <v>0</v>
      </c>
      <c r="T1495" s="115">
        <v>0</v>
      </c>
      <c r="U1495" s="119"/>
      <c r="V1495" s="119"/>
      <c r="W1495" s="119"/>
      <c r="X1495" s="119"/>
      <c r="Y1495" s="119"/>
      <c r="Z1495" s="119"/>
      <c r="AA1495" s="119"/>
      <c r="AB1495" s="119"/>
      <c r="AC1495" s="119"/>
      <c r="AD1495" s="119"/>
      <c r="AE1495" s="119"/>
      <c r="AF1495" s="119"/>
      <c r="AG1495" s="119"/>
      <c r="AH1495" s="119"/>
      <c r="AI1495" s="119"/>
      <c r="AJ1495" s="119"/>
      <c r="AK1495" s="119"/>
      <c r="AL1495" s="119"/>
      <c r="AM1495" s="119"/>
      <c r="AN1495" s="119"/>
      <c r="AO1495" s="119"/>
      <c r="AP1495" s="119"/>
      <c r="AQ1495" s="119"/>
      <c r="AR1495" s="119"/>
      <c r="AS1495" s="119"/>
      <c r="AT1495" s="119"/>
      <c r="AU1495" s="119"/>
      <c r="AV1495" s="119"/>
      <c r="AW1495" s="119"/>
      <c r="AX1495" s="119"/>
      <c r="AY1495" s="119"/>
      <c r="AZ1495" s="119"/>
      <c r="BA1495" s="119"/>
      <c r="BB1495" s="107">
        <v>45884</v>
      </c>
    </row>
    <row r="1496" spans="1:54" s="207" customFormat="1" ht="13.95" customHeight="1" x14ac:dyDescent="0.25">
      <c r="A1496" s="208" t="s">
        <v>3624</v>
      </c>
      <c r="B1496" s="209" t="s">
        <v>20420</v>
      </c>
      <c r="C1496" s="113" t="s">
        <v>3625</v>
      </c>
      <c r="D1496" s="113" t="s">
        <v>23297</v>
      </c>
      <c r="E1496" s="210">
        <v>1998</v>
      </c>
      <c r="F1496" s="210">
        <v>1641</v>
      </c>
      <c r="G1496" s="113" t="s">
        <v>1</v>
      </c>
      <c r="H1496" s="113">
        <v>0</v>
      </c>
      <c r="I1496" s="113">
        <v>0</v>
      </c>
      <c r="J1496" s="115">
        <v>1</v>
      </c>
      <c r="K1496" s="116" t="s">
        <v>174</v>
      </c>
      <c r="L1496" s="115">
        <v>1</v>
      </c>
      <c r="M1496" s="115">
        <v>1</v>
      </c>
      <c r="N1496" s="115">
        <v>0</v>
      </c>
      <c r="O1496" s="115">
        <v>0</v>
      </c>
      <c r="P1496" s="115" t="s">
        <v>400</v>
      </c>
      <c r="Q1496" s="115" t="s">
        <v>400</v>
      </c>
      <c r="R1496" s="115">
        <v>0</v>
      </c>
      <c r="S1496" s="115">
        <v>0</v>
      </c>
      <c r="T1496" s="115">
        <v>0</v>
      </c>
      <c r="U1496" s="119"/>
      <c r="V1496" s="119"/>
      <c r="W1496" s="119"/>
      <c r="X1496" s="119"/>
      <c r="Y1496" s="119"/>
      <c r="Z1496" s="119"/>
      <c r="AA1496" s="119"/>
      <c r="AB1496" s="119"/>
      <c r="AC1496" s="119"/>
      <c r="AD1496" s="119"/>
      <c r="AE1496" s="119"/>
      <c r="AF1496" s="119"/>
      <c r="AG1496" s="119"/>
      <c r="AH1496" s="119"/>
      <c r="AI1496" s="119"/>
      <c r="AJ1496" s="119"/>
      <c r="AK1496" s="119"/>
      <c r="AL1496" s="119"/>
      <c r="AM1496" s="119"/>
      <c r="AN1496" s="119"/>
      <c r="AO1496" s="119"/>
      <c r="AP1496" s="119"/>
      <c r="AQ1496" s="119"/>
      <c r="AR1496" s="119"/>
      <c r="AS1496" s="119"/>
      <c r="AT1496" s="119"/>
      <c r="AU1496" s="119"/>
      <c r="AV1496" s="119"/>
      <c r="AW1496" s="119"/>
      <c r="AX1496" s="119"/>
      <c r="AY1496" s="119"/>
      <c r="AZ1496" s="119"/>
      <c r="BA1496" s="119"/>
      <c r="BB1496" s="107">
        <v>45884</v>
      </c>
    </row>
    <row r="1497" spans="1:54" s="207" customFormat="1" ht="13.95" customHeight="1" x14ac:dyDescent="0.25">
      <c r="A1497" s="208" t="s">
        <v>3626</v>
      </c>
      <c r="B1497" s="209" t="s">
        <v>20420</v>
      </c>
      <c r="C1497" s="113" t="s">
        <v>3627</v>
      </c>
      <c r="D1497" s="113" t="s">
        <v>3628</v>
      </c>
      <c r="E1497" s="210">
        <v>1975</v>
      </c>
      <c r="F1497" s="210">
        <v>1645</v>
      </c>
      <c r="G1497" s="113" t="s">
        <v>1</v>
      </c>
      <c r="H1497" s="113">
        <v>1</v>
      </c>
      <c r="I1497" s="113">
        <v>0</v>
      </c>
      <c r="J1497" s="115">
        <v>1</v>
      </c>
      <c r="K1497" s="211">
        <v>1</v>
      </c>
      <c r="L1497" s="115">
        <v>1</v>
      </c>
      <c r="M1497" s="115">
        <v>0</v>
      </c>
      <c r="N1497" s="115">
        <v>0</v>
      </c>
      <c r="O1497" s="115">
        <v>1</v>
      </c>
      <c r="P1497" s="115">
        <v>1</v>
      </c>
      <c r="Q1497" s="115" t="s">
        <v>400</v>
      </c>
      <c r="R1497" s="115">
        <v>1</v>
      </c>
      <c r="S1497" s="115">
        <v>0</v>
      </c>
      <c r="T1497" s="115">
        <v>0</v>
      </c>
      <c r="U1497" s="119"/>
      <c r="V1497" s="119"/>
      <c r="W1497" s="119"/>
      <c r="X1497" s="119"/>
      <c r="Y1497" s="119"/>
      <c r="Z1497" s="119"/>
      <c r="AA1497" s="119"/>
      <c r="AB1497" s="119"/>
      <c r="AC1497" s="119"/>
      <c r="AD1497" s="119"/>
      <c r="AE1497" s="119"/>
      <c r="AF1497" s="119"/>
      <c r="AG1497" s="119"/>
      <c r="AH1497" s="119"/>
      <c r="AI1497" s="119"/>
      <c r="AJ1497" s="119"/>
      <c r="AK1497" s="119"/>
      <c r="AL1497" s="119"/>
      <c r="AM1497" s="119"/>
      <c r="AN1497" s="119"/>
      <c r="AO1497" s="119"/>
      <c r="AP1497" s="119"/>
      <c r="AQ1497" s="119"/>
      <c r="AR1497" s="119"/>
      <c r="AS1497" s="119"/>
      <c r="AT1497" s="119"/>
      <c r="AU1497" s="119"/>
      <c r="AV1497" s="119"/>
      <c r="AW1497" s="119"/>
      <c r="AX1497" s="119"/>
      <c r="AY1497" s="119"/>
      <c r="AZ1497" s="119"/>
      <c r="BA1497" s="119"/>
      <c r="BB1497" s="107">
        <v>45884</v>
      </c>
    </row>
    <row r="1498" spans="1:54" s="207" customFormat="1" ht="13.95" customHeight="1" x14ac:dyDescent="0.25">
      <c r="A1498" s="208" t="s">
        <v>3629</v>
      </c>
      <c r="B1498" s="209" t="s">
        <v>20420</v>
      </c>
      <c r="C1498" s="113" t="s">
        <v>3630</v>
      </c>
      <c r="D1498" s="113" t="s">
        <v>23298</v>
      </c>
      <c r="E1498" s="210">
        <v>1971</v>
      </c>
      <c r="F1498" s="210">
        <v>1647</v>
      </c>
      <c r="G1498" s="113" t="s">
        <v>1</v>
      </c>
      <c r="H1498" s="113">
        <v>0</v>
      </c>
      <c r="I1498" s="113">
        <v>0</v>
      </c>
      <c r="J1498" s="115">
        <v>1</v>
      </c>
      <c r="K1498" s="116" t="s">
        <v>174</v>
      </c>
      <c r="L1498" s="115">
        <v>1</v>
      </c>
      <c r="M1498" s="115">
        <v>1</v>
      </c>
      <c r="N1498" s="115">
        <v>1</v>
      </c>
      <c r="O1498" s="115">
        <v>1</v>
      </c>
      <c r="P1498" s="115" t="s">
        <v>400</v>
      </c>
      <c r="Q1498" s="115" t="s">
        <v>400</v>
      </c>
      <c r="R1498" s="115">
        <v>1</v>
      </c>
      <c r="S1498" s="115">
        <v>0</v>
      </c>
      <c r="T1498" s="115">
        <v>0</v>
      </c>
      <c r="U1498" s="119"/>
      <c r="V1498" s="119"/>
      <c r="W1498" s="119"/>
      <c r="X1498" s="119"/>
      <c r="Y1498" s="119"/>
      <c r="Z1498" s="119"/>
      <c r="AA1498" s="119"/>
      <c r="AB1498" s="119"/>
      <c r="AC1498" s="119"/>
      <c r="AD1498" s="119"/>
      <c r="AE1498" s="119"/>
      <c r="AF1498" s="119"/>
      <c r="AG1498" s="119"/>
      <c r="AH1498" s="119"/>
      <c r="AI1498" s="119"/>
      <c r="AJ1498" s="119"/>
      <c r="AK1498" s="119"/>
      <c r="AL1498" s="119"/>
      <c r="AM1498" s="119"/>
      <c r="AN1498" s="119"/>
      <c r="AO1498" s="119"/>
      <c r="AP1498" s="119"/>
      <c r="AQ1498" s="119"/>
      <c r="AR1498" s="119"/>
      <c r="AS1498" s="119"/>
      <c r="AT1498" s="119"/>
      <c r="AU1498" s="119"/>
      <c r="AV1498" s="119"/>
      <c r="AW1498" s="119"/>
      <c r="AX1498" s="119"/>
      <c r="AY1498" s="119"/>
      <c r="AZ1498" s="119"/>
      <c r="BA1498" s="119"/>
      <c r="BB1498" s="107">
        <v>45884</v>
      </c>
    </row>
    <row r="1499" spans="1:54" s="207" customFormat="1" ht="13.95" customHeight="1" x14ac:dyDescent="0.25">
      <c r="A1499" s="208" t="s">
        <v>3631</v>
      </c>
      <c r="B1499" s="209" t="s">
        <v>20420</v>
      </c>
      <c r="C1499" s="113" t="s">
        <v>3632</v>
      </c>
      <c r="D1499" s="113" t="s">
        <v>23299</v>
      </c>
      <c r="E1499" s="210">
        <v>1978</v>
      </c>
      <c r="F1499" s="210">
        <v>1648</v>
      </c>
      <c r="G1499" s="113" t="s">
        <v>1</v>
      </c>
      <c r="H1499" s="113">
        <v>0</v>
      </c>
      <c r="I1499" s="113">
        <v>0</v>
      </c>
      <c r="J1499" s="115">
        <v>1</v>
      </c>
      <c r="K1499" s="116" t="s">
        <v>174</v>
      </c>
      <c r="L1499" s="115">
        <v>0</v>
      </c>
      <c r="M1499" s="115">
        <v>1</v>
      </c>
      <c r="N1499" s="115">
        <v>0</v>
      </c>
      <c r="O1499" s="115">
        <v>1</v>
      </c>
      <c r="P1499" s="115" t="s">
        <v>400</v>
      </c>
      <c r="Q1499" s="115">
        <v>1</v>
      </c>
      <c r="R1499" s="115">
        <v>1</v>
      </c>
      <c r="S1499" s="115">
        <v>0</v>
      </c>
      <c r="T1499" s="115">
        <v>0</v>
      </c>
      <c r="U1499" s="119"/>
      <c r="V1499" s="119"/>
      <c r="W1499" s="119"/>
      <c r="X1499" s="119"/>
      <c r="Y1499" s="119"/>
      <c r="Z1499" s="119"/>
      <c r="AA1499" s="119"/>
      <c r="AB1499" s="119"/>
      <c r="AC1499" s="119"/>
      <c r="AD1499" s="119"/>
      <c r="AE1499" s="119"/>
      <c r="AF1499" s="119"/>
      <c r="AG1499" s="119"/>
      <c r="AH1499" s="119"/>
      <c r="AI1499" s="119"/>
      <c r="AJ1499" s="119"/>
      <c r="AK1499" s="119"/>
      <c r="AL1499" s="119"/>
      <c r="AM1499" s="119"/>
      <c r="AN1499" s="119"/>
      <c r="AO1499" s="119"/>
      <c r="AP1499" s="119"/>
      <c r="AQ1499" s="119"/>
      <c r="AR1499" s="119"/>
      <c r="AS1499" s="119"/>
      <c r="AT1499" s="119"/>
      <c r="AU1499" s="119"/>
      <c r="AV1499" s="119"/>
      <c r="AW1499" s="119"/>
      <c r="AX1499" s="119"/>
      <c r="AY1499" s="119"/>
      <c r="AZ1499" s="119"/>
      <c r="BA1499" s="119"/>
      <c r="BB1499" s="107">
        <v>45884</v>
      </c>
    </row>
    <row r="1500" spans="1:54" s="207" customFormat="1" ht="13.95" customHeight="1" x14ac:dyDescent="0.25">
      <c r="A1500" s="208" t="s">
        <v>3633</v>
      </c>
      <c r="B1500" s="209" t="s">
        <v>20420</v>
      </c>
      <c r="C1500" s="113" t="s">
        <v>3634</v>
      </c>
      <c r="D1500" s="113" t="s">
        <v>23300</v>
      </c>
      <c r="E1500" s="210">
        <v>1965</v>
      </c>
      <c r="F1500" s="210">
        <v>1650</v>
      </c>
      <c r="G1500" s="113" t="s">
        <v>1</v>
      </c>
      <c r="H1500" s="113">
        <v>0</v>
      </c>
      <c r="I1500" s="113">
        <v>0</v>
      </c>
      <c r="J1500" s="115">
        <v>1</v>
      </c>
      <c r="K1500" s="211">
        <v>1</v>
      </c>
      <c r="L1500" s="115">
        <v>1</v>
      </c>
      <c r="M1500" s="115">
        <v>0</v>
      </c>
      <c r="N1500" s="115">
        <v>0</v>
      </c>
      <c r="O1500" s="115">
        <v>1</v>
      </c>
      <c r="P1500" s="115">
        <v>1</v>
      </c>
      <c r="Q1500" s="115" t="s">
        <v>400</v>
      </c>
      <c r="R1500" s="115">
        <v>1</v>
      </c>
      <c r="S1500" s="115">
        <v>0</v>
      </c>
      <c r="T1500" s="115">
        <v>0</v>
      </c>
      <c r="U1500" s="119"/>
      <c r="V1500" s="119"/>
      <c r="W1500" s="119"/>
      <c r="X1500" s="119"/>
      <c r="Y1500" s="119"/>
      <c r="Z1500" s="119"/>
      <c r="AA1500" s="119"/>
      <c r="AB1500" s="119"/>
      <c r="AC1500" s="119"/>
      <c r="AD1500" s="119"/>
      <c r="AE1500" s="119"/>
      <c r="AF1500" s="119"/>
      <c r="AG1500" s="119"/>
      <c r="AH1500" s="119"/>
      <c r="AI1500" s="119"/>
      <c r="AJ1500" s="119"/>
      <c r="AK1500" s="119"/>
      <c r="AL1500" s="119"/>
      <c r="AM1500" s="119"/>
      <c r="AN1500" s="119"/>
      <c r="AO1500" s="119"/>
      <c r="AP1500" s="119"/>
      <c r="AQ1500" s="119"/>
      <c r="AR1500" s="119"/>
      <c r="AS1500" s="119"/>
      <c r="AT1500" s="119"/>
      <c r="AU1500" s="119"/>
      <c r="AV1500" s="119"/>
      <c r="AW1500" s="119"/>
      <c r="AX1500" s="119"/>
      <c r="AY1500" s="119"/>
      <c r="AZ1500" s="119"/>
      <c r="BA1500" s="119"/>
      <c r="BB1500" s="107">
        <v>45884</v>
      </c>
    </row>
    <row r="1501" spans="1:54" s="207" customFormat="1" ht="13.95" customHeight="1" x14ac:dyDescent="0.25">
      <c r="A1501" s="208" t="s">
        <v>3635</v>
      </c>
      <c r="B1501" s="209" t="s">
        <v>20420</v>
      </c>
      <c r="C1501" s="113" t="s">
        <v>3636</v>
      </c>
      <c r="D1501" s="113" t="s">
        <v>23301</v>
      </c>
      <c r="E1501" s="210">
        <v>1990</v>
      </c>
      <c r="F1501" s="210">
        <v>1650</v>
      </c>
      <c r="G1501" s="113" t="s">
        <v>1</v>
      </c>
      <c r="H1501" s="113">
        <v>0</v>
      </c>
      <c r="I1501" s="113">
        <v>0</v>
      </c>
      <c r="J1501" s="115">
        <v>1</v>
      </c>
      <c r="K1501" s="211">
        <v>1</v>
      </c>
      <c r="L1501" s="115">
        <v>1</v>
      </c>
      <c r="M1501" s="115">
        <v>1</v>
      </c>
      <c r="N1501" s="115">
        <v>0</v>
      </c>
      <c r="O1501" s="115">
        <v>0</v>
      </c>
      <c r="P1501" s="115" t="s">
        <v>400</v>
      </c>
      <c r="Q1501" s="115" t="s">
        <v>400</v>
      </c>
      <c r="R1501" s="115">
        <v>0</v>
      </c>
      <c r="S1501" s="115">
        <v>0</v>
      </c>
      <c r="T1501" s="115">
        <v>0</v>
      </c>
      <c r="U1501" s="119"/>
      <c r="V1501" s="119"/>
      <c r="W1501" s="119"/>
      <c r="X1501" s="119"/>
      <c r="Y1501" s="119"/>
      <c r="Z1501" s="119"/>
      <c r="AA1501" s="119"/>
      <c r="AB1501" s="119"/>
      <c r="AC1501" s="119"/>
      <c r="AD1501" s="119"/>
      <c r="AE1501" s="119"/>
      <c r="AF1501" s="119"/>
      <c r="AG1501" s="119"/>
      <c r="AH1501" s="119"/>
      <c r="AI1501" s="119"/>
      <c r="AJ1501" s="119"/>
      <c r="AK1501" s="119"/>
      <c r="AL1501" s="119"/>
      <c r="AM1501" s="119"/>
      <c r="AN1501" s="119"/>
      <c r="AO1501" s="119"/>
      <c r="AP1501" s="119"/>
      <c r="AQ1501" s="119"/>
      <c r="AR1501" s="119"/>
      <c r="AS1501" s="119"/>
      <c r="AT1501" s="119"/>
      <c r="AU1501" s="119"/>
      <c r="AV1501" s="119"/>
      <c r="AW1501" s="119"/>
      <c r="AX1501" s="119"/>
      <c r="AY1501" s="119"/>
      <c r="AZ1501" s="119"/>
      <c r="BA1501" s="119"/>
      <c r="BB1501" s="107">
        <v>45884</v>
      </c>
    </row>
    <row r="1502" spans="1:54" s="207" customFormat="1" ht="13.95" customHeight="1" x14ac:dyDescent="0.25">
      <c r="A1502" s="208" t="s">
        <v>3637</v>
      </c>
      <c r="B1502" s="209" t="s">
        <v>20420</v>
      </c>
      <c r="C1502" s="113" t="s">
        <v>3638</v>
      </c>
      <c r="D1502" s="113" t="s">
        <v>3639</v>
      </c>
      <c r="E1502" s="210">
        <v>1963</v>
      </c>
      <c r="F1502" s="210">
        <v>1654</v>
      </c>
      <c r="G1502" s="113" t="s">
        <v>1</v>
      </c>
      <c r="H1502" s="113">
        <v>0</v>
      </c>
      <c r="I1502" s="113">
        <v>0</v>
      </c>
      <c r="J1502" s="115">
        <v>1</v>
      </c>
      <c r="K1502" s="116" t="s">
        <v>174</v>
      </c>
      <c r="L1502" s="115">
        <v>1</v>
      </c>
      <c r="M1502" s="115">
        <v>0</v>
      </c>
      <c r="N1502" s="115">
        <v>0</v>
      </c>
      <c r="O1502" s="115">
        <v>1</v>
      </c>
      <c r="P1502" s="115">
        <v>1</v>
      </c>
      <c r="Q1502" s="115">
        <v>1</v>
      </c>
      <c r="R1502" s="115">
        <v>0</v>
      </c>
      <c r="S1502" s="115">
        <v>0</v>
      </c>
      <c r="T1502" s="115">
        <v>0</v>
      </c>
      <c r="U1502" s="119"/>
      <c r="V1502" s="119"/>
      <c r="W1502" s="119"/>
      <c r="X1502" s="119"/>
      <c r="Y1502" s="119"/>
      <c r="Z1502" s="119"/>
      <c r="AA1502" s="119"/>
      <c r="AB1502" s="119"/>
      <c r="AC1502" s="119"/>
      <c r="AD1502" s="119"/>
      <c r="AE1502" s="119"/>
      <c r="AF1502" s="119"/>
      <c r="AG1502" s="119"/>
      <c r="AH1502" s="119"/>
      <c r="AI1502" s="119"/>
      <c r="AJ1502" s="119"/>
      <c r="AK1502" s="119"/>
      <c r="AL1502" s="119"/>
      <c r="AM1502" s="119"/>
      <c r="AN1502" s="119"/>
      <c r="AO1502" s="119"/>
      <c r="AP1502" s="119"/>
      <c r="AQ1502" s="119"/>
      <c r="AR1502" s="119"/>
      <c r="AS1502" s="119"/>
      <c r="AT1502" s="119"/>
      <c r="AU1502" s="119"/>
      <c r="AV1502" s="119"/>
      <c r="AW1502" s="119"/>
      <c r="AX1502" s="119"/>
      <c r="AY1502" s="119"/>
      <c r="AZ1502" s="119"/>
      <c r="BA1502" s="119"/>
      <c r="BB1502" s="107">
        <v>45884</v>
      </c>
    </row>
    <row r="1503" spans="1:54" s="207" customFormat="1" ht="13.95" customHeight="1" x14ac:dyDescent="0.25">
      <c r="A1503" s="208" t="s">
        <v>3640</v>
      </c>
      <c r="B1503" s="209" t="s">
        <v>20420</v>
      </c>
      <c r="C1503" s="113" t="s">
        <v>3641</v>
      </c>
      <c r="D1503" s="113" t="s">
        <v>23302</v>
      </c>
      <c r="E1503" s="210">
        <v>2008</v>
      </c>
      <c r="F1503" s="210">
        <v>1659</v>
      </c>
      <c r="G1503" s="113" t="s">
        <v>1</v>
      </c>
      <c r="H1503" s="113">
        <v>0</v>
      </c>
      <c r="I1503" s="113">
        <v>0</v>
      </c>
      <c r="J1503" s="115">
        <v>1</v>
      </c>
      <c r="K1503" s="116" t="s">
        <v>174</v>
      </c>
      <c r="L1503" s="115">
        <v>1</v>
      </c>
      <c r="M1503" s="115">
        <v>1</v>
      </c>
      <c r="N1503" s="115">
        <v>0</v>
      </c>
      <c r="O1503" s="115">
        <v>0</v>
      </c>
      <c r="P1503" s="115" t="s">
        <v>400</v>
      </c>
      <c r="Q1503" s="115" t="s">
        <v>400</v>
      </c>
      <c r="R1503" s="115">
        <v>1</v>
      </c>
      <c r="S1503" s="115">
        <v>0</v>
      </c>
      <c r="T1503" s="115">
        <v>0</v>
      </c>
      <c r="U1503" s="119"/>
      <c r="V1503" s="119"/>
      <c r="W1503" s="119"/>
      <c r="X1503" s="119"/>
      <c r="Y1503" s="119"/>
      <c r="Z1503" s="119"/>
      <c r="AA1503" s="119"/>
      <c r="AB1503" s="119"/>
      <c r="AC1503" s="119"/>
      <c r="AD1503" s="119"/>
      <c r="AE1503" s="119"/>
      <c r="AF1503" s="119"/>
      <c r="AG1503" s="119"/>
      <c r="AH1503" s="119"/>
      <c r="AI1503" s="119"/>
      <c r="AJ1503" s="119"/>
      <c r="AK1503" s="119"/>
      <c r="AL1503" s="119"/>
      <c r="AM1503" s="119"/>
      <c r="AN1503" s="119"/>
      <c r="AO1503" s="119"/>
      <c r="AP1503" s="119"/>
      <c r="AQ1503" s="119"/>
      <c r="AR1503" s="119"/>
      <c r="AS1503" s="119"/>
      <c r="AT1503" s="119"/>
      <c r="AU1503" s="119"/>
      <c r="AV1503" s="119"/>
      <c r="AW1503" s="119"/>
      <c r="AX1503" s="119"/>
      <c r="AY1503" s="119"/>
      <c r="AZ1503" s="119"/>
      <c r="BA1503" s="119"/>
      <c r="BB1503" s="107">
        <v>45884</v>
      </c>
    </row>
    <row r="1504" spans="1:54" s="207" customFormat="1" ht="13.95" customHeight="1" x14ac:dyDescent="0.25">
      <c r="A1504" s="208" t="s">
        <v>3642</v>
      </c>
      <c r="B1504" s="209" t="s">
        <v>20420</v>
      </c>
      <c r="C1504" s="113" t="s">
        <v>3643</v>
      </c>
      <c r="D1504" s="113" t="s">
        <v>23303</v>
      </c>
      <c r="E1504" s="210">
        <v>2002</v>
      </c>
      <c r="F1504" s="210">
        <v>1660</v>
      </c>
      <c r="G1504" s="113" t="s">
        <v>1</v>
      </c>
      <c r="H1504" s="113">
        <v>0</v>
      </c>
      <c r="I1504" s="113">
        <v>0</v>
      </c>
      <c r="J1504" s="115">
        <v>1</v>
      </c>
      <c r="K1504" s="211">
        <v>1</v>
      </c>
      <c r="L1504" s="115">
        <v>1</v>
      </c>
      <c r="M1504" s="115">
        <v>1</v>
      </c>
      <c r="N1504" s="115">
        <v>0</v>
      </c>
      <c r="O1504" s="115">
        <v>1</v>
      </c>
      <c r="P1504" s="115" t="s">
        <v>400</v>
      </c>
      <c r="Q1504" s="115" t="s">
        <v>400</v>
      </c>
      <c r="R1504" s="115">
        <v>1</v>
      </c>
      <c r="S1504" s="115">
        <v>0</v>
      </c>
      <c r="T1504" s="115">
        <v>0</v>
      </c>
      <c r="U1504" s="119"/>
      <c r="V1504" s="119"/>
      <c r="W1504" s="119"/>
      <c r="X1504" s="119"/>
      <c r="Y1504" s="119"/>
      <c r="Z1504" s="119"/>
      <c r="AA1504" s="119"/>
      <c r="AB1504" s="119"/>
      <c r="AC1504" s="119"/>
      <c r="AD1504" s="119"/>
      <c r="AE1504" s="119"/>
      <c r="AF1504" s="119"/>
      <c r="AG1504" s="119"/>
      <c r="AH1504" s="119"/>
      <c r="AI1504" s="119"/>
      <c r="AJ1504" s="119"/>
      <c r="AK1504" s="119"/>
      <c r="AL1504" s="119"/>
      <c r="AM1504" s="119"/>
      <c r="AN1504" s="119"/>
      <c r="AO1504" s="119"/>
      <c r="AP1504" s="119"/>
      <c r="AQ1504" s="119"/>
      <c r="AR1504" s="119"/>
      <c r="AS1504" s="119"/>
      <c r="AT1504" s="119"/>
      <c r="AU1504" s="119"/>
      <c r="AV1504" s="119"/>
      <c r="AW1504" s="119"/>
      <c r="AX1504" s="119"/>
      <c r="AY1504" s="119"/>
      <c r="AZ1504" s="119"/>
      <c r="BA1504" s="119"/>
      <c r="BB1504" s="107">
        <v>45884</v>
      </c>
    </row>
    <row r="1505" spans="1:54" s="207" customFormat="1" ht="13.95" customHeight="1" x14ac:dyDescent="0.25">
      <c r="A1505" s="208" t="s">
        <v>3644</v>
      </c>
      <c r="B1505" s="209" t="s">
        <v>20420</v>
      </c>
      <c r="C1505" s="113" t="s">
        <v>3645</v>
      </c>
      <c r="D1505" s="113" t="s">
        <v>23304</v>
      </c>
      <c r="E1505" s="210">
        <v>1993</v>
      </c>
      <c r="F1505" s="210">
        <v>1660</v>
      </c>
      <c r="G1505" s="113" t="s">
        <v>1</v>
      </c>
      <c r="H1505" s="113">
        <v>0</v>
      </c>
      <c r="I1505" s="113">
        <v>0</v>
      </c>
      <c r="J1505" s="115">
        <v>1</v>
      </c>
      <c r="K1505" s="116" t="s">
        <v>174</v>
      </c>
      <c r="L1505" s="115">
        <v>1</v>
      </c>
      <c r="M1505" s="115">
        <v>1</v>
      </c>
      <c r="N1505" s="115">
        <v>0</v>
      </c>
      <c r="O1505" s="115">
        <v>0</v>
      </c>
      <c r="P1505" s="115" t="s">
        <v>400</v>
      </c>
      <c r="Q1505" s="115" t="s">
        <v>400</v>
      </c>
      <c r="R1505" s="115">
        <v>0</v>
      </c>
      <c r="S1505" s="115">
        <v>0</v>
      </c>
      <c r="T1505" s="115">
        <v>0</v>
      </c>
      <c r="U1505" s="119"/>
      <c r="V1505" s="119"/>
      <c r="W1505" s="119"/>
      <c r="X1505" s="119"/>
      <c r="Y1505" s="119"/>
      <c r="Z1505" s="119"/>
      <c r="AA1505" s="119"/>
      <c r="AB1505" s="119"/>
      <c r="AC1505" s="119"/>
      <c r="AD1505" s="119"/>
      <c r="AE1505" s="119"/>
      <c r="AF1505" s="119"/>
      <c r="AG1505" s="119"/>
      <c r="AH1505" s="119"/>
      <c r="AI1505" s="119"/>
      <c r="AJ1505" s="119"/>
      <c r="AK1505" s="119"/>
      <c r="AL1505" s="119"/>
      <c r="AM1505" s="119"/>
      <c r="AN1505" s="119"/>
      <c r="AO1505" s="119"/>
      <c r="AP1505" s="119"/>
      <c r="AQ1505" s="119"/>
      <c r="AR1505" s="119"/>
      <c r="AS1505" s="119"/>
      <c r="AT1505" s="119"/>
      <c r="AU1505" s="119"/>
      <c r="AV1505" s="119"/>
      <c r="AW1505" s="119"/>
      <c r="AX1505" s="119"/>
      <c r="AY1505" s="119"/>
      <c r="AZ1505" s="119"/>
      <c r="BA1505" s="119"/>
      <c r="BB1505" s="107">
        <v>45884</v>
      </c>
    </row>
    <row r="1506" spans="1:54" s="207" customFormat="1" ht="13.95" customHeight="1" x14ac:dyDescent="0.25">
      <c r="A1506" s="208" t="s">
        <v>3646</v>
      </c>
      <c r="B1506" s="209" t="s">
        <v>20420</v>
      </c>
      <c r="C1506" s="113" t="s">
        <v>3647</v>
      </c>
      <c r="D1506" s="113" t="s">
        <v>23305</v>
      </c>
      <c r="E1506" s="210">
        <v>1969</v>
      </c>
      <c r="F1506" s="210">
        <v>1661</v>
      </c>
      <c r="G1506" s="113" t="s">
        <v>1</v>
      </c>
      <c r="H1506" s="113">
        <v>0</v>
      </c>
      <c r="I1506" s="113">
        <v>0</v>
      </c>
      <c r="J1506" s="115">
        <v>1</v>
      </c>
      <c r="K1506" s="116" t="s">
        <v>174</v>
      </c>
      <c r="L1506" s="115">
        <v>1</v>
      </c>
      <c r="M1506" s="115">
        <v>1</v>
      </c>
      <c r="N1506" s="115">
        <v>0</v>
      </c>
      <c r="O1506" s="115">
        <v>1</v>
      </c>
      <c r="P1506" s="115">
        <v>1</v>
      </c>
      <c r="Q1506" s="115" t="s">
        <v>400</v>
      </c>
      <c r="R1506" s="115">
        <v>1</v>
      </c>
      <c r="S1506" s="115">
        <v>0</v>
      </c>
      <c r="T1506" s="115">
        <v>0</v>
      </c>
      <c r="U1506" s="119"/>
      <c r="V1506" s="119"/>
      <c r="W1506" s="119"/>
      <c r="X1506" s="119"/>
      <c r="Y1506" s="119"/>
      <c r="Z1506" s="119"/>
      <c r="AA1506" s="119"/>
      <c r="AB1506" s="119"/>
      <c r="AC1506" s="119"/>
      <c r="AD1506" s="119"/>
      <c r="AE1506" s="119"/>
      <c r="AF1506" s="119"/>
      <c r="AG1506" s="119"/>
      <c r="AH1506" s="119"/>
      <c r="AI1506" s="119"/>
      <c r="AJ1506" s="119"/>
      <c r="AK1506" s="119"/>
      <c r="AL1506" s="119"/>
      <c r="AM1506" s="119"/>
      <c r="AN1506" s="119"/>
      <c r="AO1506" s="119"/>
      <c r="AP1506" s="119"/>
      <c r="AQ1506" s="119"/>
      <c r="AR1506" s="119"/>
      <c r="AS1506" s="119"/>
      <c r="AT1506" s="119"/>
      <c r="AU1506" s="119"/>
      <c r="AV1506" s="119"/>
      <c r="AW1506" s="119"/>
      <c r="AX1506" s="119"/>
      <c r="AY1506" s="119"/>
      <c r="AZ1506" s="119"/>
      <c r="BA1506" s="119"/>
      <c r="BB1506" s="107">
        <v>45884</v>
      </c>
    </row>
    <row r="1507" spans="1:54" s="207" customFormat="1" ht="13.95" customHeight="1" x14ac:dyDescent="0.25">
      <c r="A1507" s="208" t="s">
        <v>3648</v>
      </c>
      <c r="B1507" s="209" t="s">
        <v>20420</v>
      </c>
      <c r="C1507" s="113" t="s">
        <v>3649</v>
      </c>
      <c r="D1507" s="113" t="s">
        <v>23306</v>
      </c>
      <c r="E1507" s="210">
        <v>1974</v>
      </c>
      <c r="F1507" s="210">
        <v>1669</v>
      </c>
      <c r="G1507" s="113" t="s">
        <v>1</v>
      </c>
      <c r="H1507" s="113">
        <v>0</v>
      </c>
      <c r="I1507" s="113">
        <v>0</v>
      </c>
      <c r="J1507" s="115">
        <v>1</v>
      </c>
      <c r="K1507" s="116" t="s">
        <v>174</v>
      </c>
      <c r="L1507" s="115">
        <v>1</v>
      </c>
      <c r="M1507" s="115">
        <v>0</v>
      </c>
      <c r="N1507" s="115">
        <v>1</v>
      </c>
      <c r="O1507" s="115">
        <v>1</v>
      </c>
      <c r="P1507" s="115">
        <v>1</v>
      </c>
      <c r="Q1507" s="115" t="s">
        <v>400</v>
      </c>
      <c r="R1507" s="115">
        <v>1</v>
      </c>
      <c r="S1507" s="115">
        <v>0</v>
      </c>
      <c r="T1507" s="115">
        <v>0</v>
      </c>
      <c r="U1507" s="119"/>
      <c r="V1507" s="119"/>
      <c r="W1507" s="119"/>
      <c r="X1507" s="119"/>
      <c r="Y1507" s="119"/>
      <c r="Z1507" s="119"/>
      <c r="AA1507" s="119"/>
      <c r="AB1507" s="119"/>
      <c r="AC1507" s="119"/>
      <c r="AD1507" s="119"/>
      <c r="AE1507" s="119"/>
      <c r="AF1507" s="119"/>
      <c r="AG1507" s="119"/>
      <c r="AH1507" s="119"/>
      <c r="AI1507" s="119"/>
      <c r="AJ1507" s="119"/>
      <c r="AK1507" s="119"/>
      <c r="AL1507" s="119"/>
      <c r="AM1507" s="119"/>
      <c r="AN1507" s="119"/>
      <c r="AO1507" s="119"/>
      <c r="AP1507" s="119"/>
      <c r="AQ1507" s="119"/>
      <c r="AR1507" s="119"/>
      <c r="AS1507" s="119"/>
      <c r="AT1507" s="119"/>
      <c r="AU1507" s="119"/>
      <c r="AV1507" s="119"/>
      <c r="AW1507" s="119"/>
      <c r="AX1507" s="119"/>
      <c r="AY1507" s="119"/>
      <c r="AZ1507" s="119"/>
      <c r="BA1507" s="119"/>
      <c r="BB1507" s="107">
        <v>45884</v>
      </c>
    </row>
    <row r="1508" spans="1:54" s="207" customFormat="1" ht="13.95" customHeight="1" x14ac:dyDescent="0.25">
      <c r="A1508" s="208" t="s">
        <v>3650</v>
      </c>
      <c r="B1508" s="209" t="s">
        <v>20420</v>
      </c>
      <c r="C1508" s="113" t="s">
        <v>3651</v>
      </c>
      <c r="D1508" s="113" t="s">
        <v>23307</v>
      </c>
      <c r="E1508" s="210">
        <v>1986</v>
      </c>
      <c r="F1508" s="210">
        <v>1671</v>
      </c>
      <c r="G1508" s="113" t="s">
        <v>1</v>
      </c>
      <c r="H1508" s="113">
        <v>0</v>
      </c>
      <c r="I1508" s="113">
        <v>0</v>
      </c>
      <c r="J1508" s="115">
        <v>1</v>
      </c>
      <c r="K1508" s="116" t="s">
        <v>174</v>
      </c>
      <c r="L1508" s="115">
        <v>1</v>
      </c>
      <c r="M1508" s="115">
        <v>1</v>
      </c>
      <c r="N1508" s="115">
        <v>0</v>
      </c>
      <c r="O1508" s="115">
        <v>1</v>
      </c>
      <c r="P1508" s="115" t="s">
        <v>400</v>
      </c>
      <c r="Q1508" s="115" t="s">
        <v>400</v>
      </c>
      <c r="R1508" s="115">
        <v>1</v>
      </c>
      <c r="S1508" s="115">
        <v>0</v>
      </c>
      <c r="T1508" s="115">
        <v>0</v>
      </c>
      <c r="U1508" s="119"/>
      <c r="V1508" s="119"/>
      <c r="W1508" s="119"/>
      <c r="X1508" s="119"/>
      <c r="Y1508" s="119"/>
      <c r="Z1508" s="119"/>
      <c r="AA1508" s="119"/>
      <c r="AB1508" s="119"/>
      <c r="AC1508" s="119"/>
      <c r="AD1508" s="119"/>
      <c r="AE1508" s="119"/>
      <c r="AF1508" s="119"/>
      <c r="AG1508" s="119"/>
      <c r="AH1508" s="119"/>
      <c r="AI1508" s="119"/>
      <c r="AJ1508" s="119"/>
      <c r="AK1508" s="119"/>
      <c r="AL1508" s="119"/>
      <c r="AM1508" s="119"/>
      <c r="AN1508" s="119"/>
      <c r="AO1508" s="119"/>
      <c r="AP1508" s="119"/>
      <c r="AQ1508" s="119"/>
      <c r="AR1508" s="119"/>
      <c r="AS1508" s="119"/>
      <c r="AT1508" s="119"/>
      <c r="AU1508" s="119"/>
      <c r="AV1508" s="119"/>
      <c r="AW1508" s="119"/>
      <c r="AX1508" s="119"/>
      <c r="AY1508" s="119"/>
      <c r="AZ1508" s="119"/>
      <c r="BA1508" s="119"/>
      <c r="BB1508" s="107">
        <v>45884</v>
      </c>
    </row>
    <row r="1509" spans="1:54" s="207" customFormat="1" ht="13.95" customHeight="1" x14ac:dyDescent="0.25">
      <c r="A1509" s="208" t="s">
        <v>3652</v>
      </c>
      <c r="B1509" s="209" t="s">
        <v>20420</v>
      </c>
      <c r="C1509" s="113" t="s">
        <v>3653</v>
      </c>
      <c r="D1509" s="113" t="s">
        <v>3654</v>
      </c>
      <c r="E1509" s="210">
        <v>1984</v>
      </c>
      <c r="F1509" s="210">
        <v>1675</v>
      </c>
      <c r="G1509" s="113" t="s">
        <v>1</v>
      </c>
      <c r="H1509" s="113">
        <v>0</v>
      </c>
      <c r="I1509" s="113">
        <v>0</v>
      </c>
      <c r="J1509" s="115">
        <v>1</v>
      </c>
      <c r="K1509" s="116" t="s">
        <v>174</v>
      </c>
      <c r="L1509" s="115">
        <v>1</v>
      </c>
      <c r="M1509" s="115">
        <v>0</v>
      </c>
      <c r="N1509" s="115">
        <v>0</v>
      </c>
      <c r="O1509" s="115">
        <v>0</v>
      </c>
      <c r="P1509" s="115">
        <v>1</v>
      </c>
      <c r="Q1509" s="115" t="s">
        <v>400</v>
      </c>
      <c r="R1509" s="115">
        <v>1</v>
      </c>
      <c r="S1509" s="115">
        <v>0</v>
      </c>
      <c r="T1509" s="115">
        <v>0</v>
      </c>
      <c r="U1509" s="119"/>
      <c r="V1509" s="119"/>
      <c r="W1509" s="119"/>
      <c r="X1509" s="119"/>
      <c r="Y1509" s="119"/>
      <c r="Z1509" s="119"/>
      <c r="AA1509" s="119"/>
      <c r="AB1509" s="119"/>
      <c r="AC1509" s="119"/>
      <c r="AD1509" s="119"/>
      <c r="AE1509" s="119"/>
      <c r="AF1509" s="119"/>
      <c r="AG1509" s="119"/>
      <c r="AH1509" s="119"/>
      <c r="AI1509" s="119"/>
      <c r="AJ1509" s="119"/>
      <c r="AK1509" s="119"/>
      <c r="AL1509" s="119"/>
      <c r="AM1509" s="119"/>
      <c r="AN1509" s="119"/>
      <c r="AO1509" s="119"/>
      <c r="AP1509" s="119"/>
      <c r="AQ1509" s="119"/>
      <c r="AR1509" s="119"/>
      <c r="AS1509" s="119"/>
      <c r="AT1509" s="119"/>
      <c r="AU1509" s="119"/>
      <c r="AV1509" s="119"/>
      <c r="AW1509" s="119"/>
      <c r="AX1509" s="119"/>
      <c r="AY1509" s="119"/>
      <c r="AZ1509" s="119"/>
      <c r="BA1509" s="119"/>
      <c r="BB1509" s="107">
        <v>45884</v>
      </c>
    </row>
    <row r="1510" spans="1:54" s="207" customFormat="1" ht="13.95" customHeight="1" x14ac:dyDescent="0.25">
      <c r="A1510" s="208" t="s">
        <v>3655</v>
      </c>
      <c r="B1510" s="209" t="s">
        <v>20420</v>
      </c>
      <c r="C1510" s="113" t="s">
        <v>3656</v>
      </c>
      <c r="D1510" s="113" t="s">
        <v>23308</v>
      </c>
      <c r="E1510" s="210">
        <v>1987</v>
      </c>
      <c r="F1510" s="210">
        <v>1675</v>
      </c>
      <c r="G1510" s="113" t="s">
        <v>1</v>
      </c>
      <c r="H1510" s="113">
        <v>0</v>
      </c>
      <c r="I1510" s="113">
        <v>0</v>
      </c>
      <c r="J1510" s="115">
        <v>1</v>
      </c>
      <c r="K1510" s="116" t="s">
        <v>174</v>
      </c>
      <c r="L1510" s="115">
        <v>1</v>
      </c>
      <c r="M1510" s="115">
        <v>0</v>
      </c>
      <c r="N1510" s="115">
        <v>0</v>
      </c>
      <c r="O1510" s="115">
        <v>1</v>
      </c>
      <c r="P1510" s="115">
        <v>1</v>
      </c>
      <c r="Q1510" s="115" t="s">
        <v>400</v>
      </c>
      <c r="R1510" s="115">
        <v>1</v>
      </c>
      <c r="S1510" s="115">
        <v>0</v>
      </c>
      <c r="T1510" s="115">
        <v>0</v>
      </c>
      <c r="U1510" s="119"/>
      <c r="V1510" s="119"/>
      <c r="W1510" s="119"/>
      <c r="X1510" s="119"/>
      <c r="Y1510" s="119"/>
      <c r="Z1510" s="119"/>
      <c r="AA1510" s="119"/>
      <c r="AB1510" s="119"/>
      <c r="AC1510" s="119"/>
      <c r="AD1510" s="119"/>
      <c r="AE1510" s="119"/>
      <c r="AF1510" s="119"/>
      <c r="AG1510" s="119"/>
      <c r="AH1510" s="119"/>
      <c r="AI1510" s="119"/>
      <c r="AJ1510" s="119"/>
      <c r="AK1510" s="119"/>
      <c r="AL1510" s="119"/>
      <c r="AM1510" s="119"/>
      <c r="AN1510" s="119"/>
      <c r="AO1510" s="119"/>
      <c r="AP1510" s="119"/>
      <c r="AQ1510" s="119"/>
      <c r="AR1510" s="119"/>
      <c r="AS1510" s="119"/>
      <c r="AT1510" s="119"/>
      <c r="AU1510" s="119"/>
      <c r="AV1510" s="119"/>
      <c r="AW1510" s="119"/>
      <c r="AX1510" s="119"/>
      <c r="AY1510" s="119"/>
      <c r="AZ1510" s="119"/>
      <c r="BA1510" s="119"/>
      <c r="BB1510" s="107">
        <v>45884</v>
      </c>
    </row>
    <row r="1511" spans="1:54" s="207" customFormat="1" ht="13.95" customHeight="1" x14ac:dyDescent="0.25">
      <c r="A1511" s="208" t="s">
        <v>3657</v>
      </c>
      <c r="B1511" s="209" t="s">
        <v>20420</v>
      </c>
      <c r="C1511" s="113" t="s">
        <v>3658</v>
      </c>
      <c r="D1511" s="113" t="s">
        <v>23309</v>
      </c>
      <c r="E1511" s="210">
        <v>1975</v>
      </c>
      <c r="F1511" s="210">
        <v>1678</v>
      </c>
      <c r="G1511" s="113" t="s">
        <v>1</v>
      </c>
      <c r="H1511" s="113">
        <v>0</v>
      </c>
      <c r="I1511" s="113">
        <v>0</v>
      </c>
      <c r="J1511" s="115">
        <v>1</v>
      </c>
      <c r="K1511" s="116" t="s">
        <v>174</v>
      </c>
      <c r="L1511" s="115">
        <v>1</v>
      </c>
      <c r="M1511" s="115">
        <v>1</v>
      </c>
      <c r="N1511" s="115">
        <v>1</v>
      </c>
      <c r="O1511" s="115">
        <v>1</v>
      </c>
      <c r="P1511" s="115" t="s">
        <v>400</v>
      </c>
      <c r="Q1511" s="115" t="s">
        <v>400</v>
      </c>
      <c r="R1511" s="115">
        <v>1</v>
      </c>
      <c r="S1511" s="115">
        <v>0</v>
      </c>
      <c r="T1511" s="115">
        <v>0</v>
      </c>
      <c r="U1511" s="119"/>
      <c r="V1511" s="119"/>
      <c r="W1511" s="119"/>
      <c r="X1511" s="119"/>
      <c r="Y1511" s="119"/>
      <c r="Z1511" s="119"/>
      <c r="AA1511" s="119"/>
      <c r="AB1511" s="119"/>
      <c r="AC1511" s="119"/>
      <c r="AD1511" s="119"/>
      <c r="AE1511" s="119"/>
      <c r="AF1511" s="119"/>
      <c r="AG1511" s="119"/>
      <c r="AH1511" s="119"/>
      <c r="AI1511" s="119"/>
      <c r="AJ1511" s="119"/>
      <c r="AK1511" s="119"/>
      <c r="AL1511" s="119"/>
      <c r="AM1511" s="119"/>
      <c r="AN1511" s="119"/>
      <c r="AO1511" s="119"/>
      <c r="AP1511" s="119"/>
      <c r="AQ1511" s="119"/>
      <c r="AR1511" s="119"/>
      <c r="AS1511" s="119"/>
      <c r="AT1511" s="119"/>
      <c r="AU1511" s="119"/>
      <c r="AV1511" s="119"/>
      <c r="AW1511" s="119"/>
      <c r="AX1511" s="119"/>
      <c r="AY1511" s="119"/>
      <c r="AZ1511" s="119"/>
      <c r="BA1511" s="119"/>
      <c r="BB1511" s="107">
        <v>45884</v>
      </c>
    </row>
    <row r="1512" spans="1:54" s="207" customFormat="1" ht="13.95" customHeight="1" x14ac:dyDescent="0.25">
      <c r="A1512" s="208" t="s">
        <v>3659</v>
      </c>
      <c r="B1512" s="209" t="s">
        <v>20420</v>
      </c>
      <c r="C1512" s="113" t="s">
        <v>3660</v>
      </c>
      <c r="D1512" s="113" t="s">
        <v>3661</v>
      </c>
      <c r="E1512" s="210">
        <v>1999</v>
      </c>
      <c r="F1512" s="210">
        <v>1680</v>
      </c>
      <c r="G1512" s="113" t="s">
        <v>1</v>
      </c>
      <c r="H1512" s="113">
        <v>0</v>
      </c>
      <c r="I1512" s="113">
        <v>0</v>
      </c>
      <c r="J1512" s="115">
        <v>1</v>
      </c>
      <c r="K1512" s="116" t="s">
        <v>174</v>
      </c>
      <c r="L1512" s="115">
        <v>0</v>
      </c>
      <c r="M1512" s="115">
        <v>1</v>
      </c>
      <c r="N1512" s="115">
        <v>1</v>
      </c>
      <c r="O1512" s="115">
        <v>0</v>
      </c>
      <c r="P1512" s="115" t="s">
        <v>400</v>
      </c>
      <c r="Q1512" s="115" t="s">
        <v>400</v>
      </c>
      <c r="R1512" s="115">
        <v>0</v>
      </c>
      <c r="S1512" s="115">
        <v>0</v>
      </c>
      <c r="T1512" s="115">
        <v>0</v>
      </c>
      <c r="U1512" s="119"/>
      <c r="V1512" s="119"/>
      <c r="W1512" s="119"/>
      <c r="X1512" s="119"/>
      <c r="Y1512" s="119"/>
      <c r="Z1512" s="119"/>
      <c r="AA1512" s="119"/>
      <c r="AB1512" s="119"/>
      <c r="AC1512" s="119"/>
      <c r="AD1512" s="119"/>
      <c r="AE1512" s="119"/>
      <c r="AF1512" s="119"/>
      <c r="AG1512" s="119"/>
      <c r="AH1512" s="119"/>
      <c r="AI1512" s="119"/>
      <c r="AJ1512" s="119"/>
      <c r="AK1512" s="119"/>
      <c r="AL1512" s="119"/>
      <c r="AM1512" s="119"/>
      <c r="AN1512" s="119"/>
      <c r="AO1512" s="119"/>
      <c r="AP1512" s="119"/>
      <c r="AQ1512" s="119"/>
      <c r="AR1512" s="119"/>
      <c r="AS1512" s="119"/>
      <c r="AT1512" s="119"/>
      <c r="AU1512" s="119"/>
      <c r="AV1512" s="119"/>
      <c r="AW1512" s="119"/>
      <c r="AX1512" s="119"/>
      <c r="AY1512" s="119"/>
      <c r="AZ1512" s="119"/>
      <c r="BA1512" s="119"/>
      <c r="BB1512" s="107">
        <v>45884</v>
      </c>
    </row>
    <row r="1513" spans="1:54" s="207" customFormat="1" ht="13.95" customHeight="1" x14ac:dyDescent="0.25">
      <c r="A1513" s="208" t="s">
        <v>3662</v>
      </c>
      <c r="B1513" s="209" t="s">
        <v>20420</v>
      </c>
      <c r="C1513" s="113" t="s">
        <v>3663</v>
      </c>
      <c r="D1513" s="113" t="s">
        <v>3664</v>
      </c>
      <c r="E1513" s="210">
        <v>1970</v>
      </c>
      <c r="F1513" s="210">
        <v>1680</v>
      </c>
      <c r="G1513" s="113" t="s">
        <v>1</v>
      </c>
      <c r="H1513" s="113">
        <v>0</v>
      </c>
      <c r="I1513" s="113">
        <v>0</v>
      </c>
      <c r="J1513" s="115">
        <v>1</v>
      </c>
      <c r="K1513" s="116" t="s">
        <v>174</v>
      </c>
      <c r="L1513" s="115">
        <v>0</v>
      </c>
      <c r="M1513" s="115">
        <v>1</v>
      </c>
      <c r="N1513" s="115">
        <v>1</v>
      </c>
      <c r="O1513" s="115">
        <v>1</v>
      </c>
      <c r="P1513" s="115" t="s">
        <v>400</v>
      </c>
      <c r="Q1513" s="115" t="s">
        <v>400</v>
      </c>
      <c r="R1513" s="115">
        <v>1</v>
      </c>
      <c r="S1513" s="115">
        <v>1</v>
      </c>
      <c r="T1513" s="115">
        <v>0</v>
      </c>
      <c r="U1513" s="119"/>
      <c r="V1513" s="119"/>
      <c r="W1513" s="119"/>
      <c r="X1513" s="119"/>
      <c r="Y1513" s="119"/>
      <c r="Z1513" s="119"/>
      <c r="AA1513" s="119"/>
      <c r="AB1513" s="119"/>
      <c r="AC1513" s="119"/>
      <c r="AD1513" s="119"/>
      <c r="AE1513" s="119"/>
      <c r="AF1513" s="119"/>
      <c r="AG1513" s="119"/>
      <c r="AH1513" s="119"/>
      <c r="AI1513" s="119"/>
      <c r="AJ1513" s="119"/>
      <c r="AK1513" s="119"/>
      <c r="AL1513" s="119"/>
      <c r="AM1513" s="119"/>
      <c r="AN1513" s="119"/>
      <c r="AO1513" s="119"/>
      <c r="AP1513" s="119"/>
      <c r="AQ1513" s="119"/>
      <c r="AR1513" s="119"/>
      <c r="AS1513" s="119"/>
      <c r="AT1513" s="119"/>
      <c r="AU1513" s="119"/>
      <c r="AV1513" s="119"/>
      <c r="AW1513" s="119"/>
      <c r="AX1513" s="119"/>
      <c r="AY1513" s="119"/>
      <c r="AZ1513" s="119"/>
      <c r="BA1513" s="119"/>
      <c r="BB1513" s="107">
        <v>45884</v>
      </c>
    </row>
    <row r="1514" spans="1:54" s="207" customFormat="1" ht="13.95" customHeight="1" x14ac:dyDescent="0.25">
      <c r="A1514" s="208" t="s">
        <v>3665</v>
      </c>
      <c r="B1514" s="209" t="s">
        <v>20420</v>
      </c>
      <c r="C1514" s="113" t="s">
        <v>3666</v>
      </c>
      <c r="D1514" s="113" t="s">
        <v>23310</v>
      </c>
      <c r="E1514" s="210">
        <v>1976</v>
      </c>
      <c r="F1514" s="210">
        <v>1681</v>
      </c>
      <c r="G1514" s="113" t="s">
        <v>1</v>
      </c>
      <c r="H1514" s="113">
        <v>0</v>
      </c>
      <c r="I1514" s="113">
        <v>0</v>
      </c>
      <c r="J1514" s="115">
        <v>1</v>
      </c>
      <c r="K1514" s="116" t="s">
        <v>174</v>
      </c>
      <c r="L1514" s="115">
        <v>1</v>
      </c>
      <c r="M1514" s="115">
        <v>0</v>
      </c>
      <c r="N1514" s="115">
        <v>1</v>
      </c>
      <c r="O1514" s="115">
        <v>1</v>
      </c>
      <c r="P1514" s="115">
        <v>1</v>
      </c>
      <c r="Q1514" s="115" t="s">
        <v>400</v>
      </c>
      <c r="R1514" s="115">
        <v>1</v>
      </c>
      <c r="S1514" s="115">
        <v>0</v>
      </c>
      <c r="T1514" s="115">
        <v>0</v>
      </c>
      <c r="U1514" s="119"/>
      <c r="V1514" s="119"/>
      <c r="W1514" s="119"/>
      <c r="X1514" s="119"/>
      <c r="Y1514" s="119"/>
      <c r="Z1514" s="119"/>
      <c r="AA1514" s="119"/>
      <c r="AB1514" s="119"/>
      <c r="AC1514" s="119"/>
      <c r="AD1514" s="119"/>
      <c r="AE1514" s="119"/>
      <c r="AF1514" s="119"/>
      <c r="AG1514" s="119"/>
      <c r="AH1514" s="119"/>
      <c r="AI1514" s="119"/>
      <c r="AJ1514" s="119"/>
      <c r="AK1514" s="119"/>
      <c r="AL1514" s="119"/>
      <c r="AM1514" s="119"/>
      <c r="AN1514" s="119"/>
      <c r="AO1514" s="119"/>
      <c r="AP1514" s="119"/>
      <c r="AQ1514" s="119"/>
      <c r="AR1514" s="119"/>
      <c r="AS1514" s="119"/>
      <c r="AT1514" s="119"/>
      <c r="AU1514" s="119"/>
      <c r="AV1514" s="119"/>
      <c r="AW1514" s="119"/>
      <c r="AX1514" s="119"/>
      <c r="AY1514" s="119"/>
      <c r="AZ1514" s="119"/>
      <c r="BA1514" s="119"/>
      <c r="BB1514" s="107">
        <v>45884</v>
      </c>
    </row>
    <row r="1515" spans="1:54" s="207" customFormat="1" ht="13.95" customHeight="1" x14ac:dyDescent="0.25">
      <c r="A1515" s="208" t="s">
        <v>3667</v>
      </c>
      <c r="B1515" s="209" t="s">
        <v>20420</v>
      </c>
      <c r="C1515" s="113" t="s">
        <v>3668</v>
      </c>
      <c r="D1515" s="113" t="s">
        <v>23311</v>
      </c>
      <c r="E1515" s="210">
        <v>1943</v>
      </c>
      <c r="F1515" s="210">
        <v>1685</v>
      </c>
      <c r="G1515" s="113" t="s">
        <v>1</v>
      </c>
      <c r="H1515" s="113">
        <v>0</v>
      </c>
      <c r="I1515" s="113">
        <v>0</v>
      </c>
      <c r="J1515" s="115">
        <v>1</v>
      </c>
      <c r="K1515" s="116" t="s">
        <v>174</v>
      </c>
      <c r="L1515" s="115">
        <v>1</v>
      </c>
      <c r="M1515" s="115">
        <v>1</v>
      </c>
      <c r="N1515" s="115">
        <v>0</v>
      </c>
      <c r="O1515" s="115">
        <v>1</v>
      </c>
      <c r="P1515" s="115" t="s">
        <v>400</v>
      </c>
      <c r="Q1515" s="115" t="s">
        <v>400</v>
      </c>
      <c r="R1515" s="115">
        <v>1</v>
      </c>
      <c r="S1515" s="115">
        <v>0</v>
      </c>
      <c r="T1515" s="115">
        <v>0</v>
      </c>
      <c r="U1515" s="119"/>
      <c r="V1515" s="119"/>
      <c r="W1515" s="119"/>
      <c r="X1515" s="119"/>
      <c r="Y1515" s="119"/>
      <c r="Z1515" s="119"/>
      <c r="AA1515" s="119"/>
      <c r="AB1515" s="119"/>
      <c r="AC1515" s="119"/>
      <c r="AD1515" s="119"/>
      <c r="AE1515" s="119"/>
      <c r="AF1515" s="119"/>
      <c r="AG1515" s="119"/>
      <c r="AH1515" s="119"/>
      <c r="AI1515" s="119"/>
      <c r="AJ1515" s="119"/>
      <c r="AK1515" s="119"/>
      <c r="AL1515" s="119"/>
      <c r="AM1515" s="119"/>
      <c r="AN1515" s="119"/>
      <c r="AO1515" s="119"/>
      <c r="AP1515" s="119"/>
      <c r="AQ1515" s="119"/>
      <c r="AR1515" s="119"/>
      <c r="AS1515" s="119"/>
      <c r="AT1515" s="119"/>
      <c r="AU1515" s="119"/>
      <c r="AV1515" s="119"/>
      <c r="AW1515" s="119"/>
      <c r="AX1515" s="119"/>
      <c r="AY1515" s="119"/>
      <c r="AZ1515" s="119"/>
      <c r="BA1515" s="119"/>
      <c r="BB1515" s="107">
        <v>45884</v>
      </c>
    </row>
    <row r="1516" spans="1:54" s="207" customFormat="1" ht="13.95" customHeight="1" x14ac:dyDescent="0.25">
      <c r="A1516" s="208" t="s">
        <v>3669</v>
      </c>
      <c r="B1516" s="209" t="s">
        <v>20420</v>
      </c>
      <c r="C1516" s="113" t="s">
        <v>3670</v>
      </c>
      <c r="D1516" s="113" t="s">
        <v>3671</v>
      </c>
      <c r="E1516" s="210">
        <v>1988</v>
      </c>
      <c r="F1516" s="210">
        <v>1686</v>
      </c>
      <c r="G1516" s="113" t="s">
        <v>1</v>
      </c>
      <c r="H1516" s="113">
        <v>0</v>
      </c>
      <c r="I1516" s="113">
        <v>0</v>
      </c>
      <c r="J1516" s="115">
        <v>1</v>
      </c>
      <c r="K1516" s="116" t="s">
        <v>174</v>
      </c>
      <c r="L1516" s="115">
        <v>0</v>
      </c>
      <c r="M1516" s="115">
        <v>0</v>
      </c>
      <c r="N1516" s="115">
        <v>0</v>
      </c>
      <c r="O1516" s="115">
        <v>0</v>
      </c>
      <c r="P1516" s="115" t="s">
        <v>400</v>
      </c>
      <c r="Q1516" s="115" t="s">
        <v>400</v>
      </c>
      <c r="R1516" s="115">
        <v>0</v>
      </c>
      <c r="S1516" s="115">
        <v>0</v>
      </c>
      <c r="T1516" s="115">
        <v>0</v>
      </c>
      <c r="U1516" s="119"/>
      <c r="V1516" s="119"/>
      <c r="W1516" s="119"/>
      <c r="X1516" s="119"/>
      <c r="Y1516" s="119"/>
      <c r="Z1516" s="119"/>
      <c r="AA1516" s="119"/>
      <c r="AB1516" s="119"/>
      <c r="AC1516" s="119"/>
      <c r="AD1516" s="119"/>
      <c r="AE1516" s="119"/>
      <c r="AF1516" s="119"/>
      <c r="AG1516" s="119"/>
      <c r="AH1516" s="119"/>
      <c r="AI1516" s="119"/>
      <c r="AJ1516" s="119"/>
      <c r="AK1516" s="119"/>
      <c r="AL1516" s="119"/>
      <c r="AM1516" s="119"/>
      <c r="AN1516" s="119"/>
      <c r="AO1516" s="119"/>
      <c r="AP1516" s="119"/>
      <c r="AQ1516" s="119"/>
      <c r="AR1516" s="119"/>
      <c r="AS1516" s="119"/>
      <c r="AT1516" s="119"/>
      <c r="AU1516" s="119"/>
      <c r="AV1516" s="119"/>
      <c r="AW1516" s="119"/>
      <c r="AX1516" s="119"/>
      <c r="AY1516" s="119"/>
      <c r="AZ1516" s="119"/>
      <c r="BA1516" s="119"/>
      <c r="BB1516" s="107">
        <v>45884</v>
      </c>
    </row>
    <row r="1517" spans="1:54" s="207" customFormat="1" ht="13.95" customHeight="1" x14ac:dyDescent="0.25">
      <c r="A1517" s="208" t="s">
        <v>3672</v>
      </c>
      <c r="B1517" s="209" t="s">
        <v>20420</v>
      </c>
      <c r="C1517" s="113" t="s">
        <v>3673</v>
      </c>
      <c r="D1517" s="113" t="s">
        <v>3674</v>
      </c>
      <c r="E1517" s="210">
        <v>1980</v>
      </c>
      <c r="F1517" s="210">
        <v>1688</v>
      </c>
      <c r="G1517" s="113" t="s">
        <v>1</v>
      </c>
      <c r="H1517" s="113">
        <v>0</v>
      </c>
      <c r="I1517" s="113">
        <v>0</v>
      </c>
      <c r="J1517" s="115">
        <v>1</v>
      </c>
      <c r="K1517" s="116" t="s">
        <v>174</v>
      </c>
      <c r="L1517" s="115">
        <v>1</v>
      </c>
      <c r="M1517" s="115">
        <v>0</v>
      </c>
      <c r="N1517" s="115">
        <v>0</v>
      </c>
      <c r="O1517" s="115">
        <v>1</v>
      </c>
      <c r="P1517" s="115">
        <v>1</v>
      </c>
      <c r="Q1517" s="115" t="s">
        <v>400</v>
      </c>
      <c r="R1517" s="115">
        <v>1</v>
      </c>
      <c r="S1517" s="115">
        <v>0</v>
      </c>
      <c r="T1517" s="115">
        <v>0</v>
      </c>
      <c r="U1517" s="119"/>
      <c r="V1517" s="119"/>
      <c r="W1517" s="119"/>
      <c r="X1517" s="119"/>
      <c r="Y1517" s="119"/>
      <c r="Z1517" s="119"/>
      <c r="AA1517" s="119"/>
      <c r="AB1517" s="119"/>
      <c r="AC1517" s="119"/>
      <c r="AD1517" s="119"/>
      <c r="AE1517" s="119"/>
      <c r="AF1517" s="119"/>
      <c r="AG1517" s="119"/>
      <c r="AH1517" s="119"/>
      <c r="AI1517" s="119"/>
      <c r="AJ1517" s="119"/>
      <c r="AK1517" s="119"/>
      <c r="AL1517" s="119"/>
      <c r="AM1517" s="119"/>
      <c r="AN1517" s="119"/>
      <c r="AO1517" s="119"/>
      <c r="AP1517" s="119"/>
      <c r="AQ1517" s="119"/>
      <c r="AR1517" s="119"/>
      <c r="AS1517" s="119"/>
      <c r="AT1517" s="119"/>
      <c r="AU1517" s="119"/>
      <c r="AV1517" s="119"/>
      <c r="AW1517" s="119"/>
      <c r="AX1517" s="119"/>
      <c r="AY1517" s="119"/>
      <c r="AZ1517" s="119"/>
      <c r="BA1517" s="119"/>
      <c r="BB1517" s="107">
        <v>45884</v>
      </c>
    </row>
    <row r="1518" spans="1:54" s="207" customFormat="1" ht="13.95" customHeight="1" x14ac:dyDescent="0.25">
      <c r="A1518" s="208" t="s">
        <v>3675</v>
      </c>
      <c r="B1518" s="209" t="s">
        <v>20420</v>
      </c>
      <c r="C1518" s="113" t="s">
        <v>3676</v>
      </c>
      <c r="D1518" s="113" t="s">
        <v>23312</v>
      </c>
      <c r="E1518" s="210">
        <v>1993</v>
      </c>
      <c r="F1518" s="210">
        <v>1692</v>
      </c>
      <c r="G1518" s="113" t="s">
        <v>1</v>
      </c>
      <c r="H1518" s="113">
        <v>0</v>
      </c>
      <c r="I1518" s="113">
        <v>0</v>
      </c>
      <c r="J1518" s="115">
        <v>1</v>
      </c>
      <c r="K1518" s="116" t="s">
        <v>174</v>
      </c>
      <c r="L1518" s="115">
        <v>1</v>
      </c>
      <c r="M1518" s="115">
        <v>1</v>
      </c>
      <c r="N1518" s="115">
        <v>0</v>
      </c>
      <c r="O1518" s="115">
        <v>1</v>
      </c>
      <c r="P1518" s="115" t="s">
        <v>400</v>
      </c>
      <c r="Q1518" s="115" t="s">
        <v>400</v>
      </c>
      <c r="R1518" s="115">
        <v>1</v>
      </c>
      <c r="S1518" s="115">
        <v>0</v>
      </c>
      <c r="T1518" s="115">
        <v>0</v>
      </c>
      <c r="U1518" s="119"/>
      <c r="V1518" s="119"/>
      <c r="W1518" s="119"/>
      <c r="X1518" s="119"/>
      <c r="Y1518" s="119"/>
      <c r="Z1518" s="119"/>
      <c r="AA1518" s="119"/>
      <c r="AB1518" s="119"/>
      <c r="AC1518" s="119"/>
      <c r="AD1518" s="119"/>
      <c r="AE1518" s="119"/>
      <c r="AF1518" s="119"/>
      <c r="AG1518" s="119"/>
      <c r="AH1518" s="119"/>
      <c r="AI1518" s="119"/>
      <c r="AJ1518" s="119"/>
      <c r="AK1518" s="119"/>
      <c r="AL1518" s="119"/>
      <c r="AM1518" s="119"/>
      <c r="AN1518" s="119"/>
      <c r="AO1518" s="119"/>
      <c r="AP1518" s="119"/>
      <c r="AQ1518" s="119"/>
      <c r="AR1518" s="119"/>
      <c r="AS1518" s="119"/>
      <c r="AT1518" s="119"/>
      <c r="AU1518" s="119"/>
      <c r="AV1518" s="119"/>
      <c r="AW1518" s="119"/>
      <c r="AX1518" s="119"/>
      <c r="AY1518" s="119"/>
      <c r="AZ1518" s="119"/>
      <c r="BA1518" s="119"/>
      <c r="BB1518" s="107">
        <v>45884</v>
      </c>
    </row>
    <row r="1519" spans="1:54" s="207" customFormat="1" ht="13.95" customHeight="1" x14ac:dyDescent="0.25">
      <c r="A1519" s="208" t="s">
        <v>3677</v>
      </c>
      <c r="B1519" s="209" t="s">
        <v>20420</v>
      </c>
      <c r="C1519" s="113" t="s">
        <v>3678</v>
      </c>
      <c r="D1519" s="113" t="s">
        <v>3679</v>
      </c>
      <c r="E1519" s="210">
        <v>1976</v>
      </c>
      <c r="F1519" s="210">
        <v>1692</v>
      </c>
      <c r="G1519" s="113" t="s">
        <v>1</v>
      </c>
      <c r="H1519" s="113">
        <v>0</v>
      </c>
      <c r="I1519" s="113">
        <v>0</v>
      </c>
      <c r="J1519" s="115">
        <v>1</v>
      </c>
      <c r="K1519" s="116" t="s">
        <v>174</v>
      </c>
      <c r="L1519" s="115">
        <v>1</v>
      </c>
      <c r="M1519" s="115">
        <v>0</v>
      </c>
      <c r="N1519" s="115">
        <v>1</v>
      </c>
      <c r="O1519" s="115">
        <v>1</v>
      </c>
      <c r="P1519" s="115">
        <v>1</v>
      </c>
      <c r="Q1519" s="115" t="s">
        <v>400</v>
      </c>
      <c r="R1519" s="115">
        <v>1</v>
      </c>
      <c r="S1519" s="115">
        <v>0</v>
      </c>
      <c r="T1519" s="115">
        <v>0</v>
      </c>
      <c r="U1519" s="119"/>
      <c r="V1519" s="119"/>
      <c r="W1519" s="119"/>
      <c r="X1519" s="119"/>
      <c r="Y1519" s="119"/>
      <c r="Z1519" s="119"/>
      <c r="AA1519" s="119"/>
      <c r="AB1519" s="119"/>
      <c r="AC1519" s="119"/>
      <c r="AD1519" s="119"/>
      <c r="AE1519" s="119"/>
      <c r="AF1519" s="119"/>
      <c r="AG1519" s="119"/>
      <c r="AH1519" s="119"/>
      <c r="AI1519" s="119"/>
      <c r="AJ1519" s="119"/>
      <c r="AK1519" s="119"/>
      <c r="AL1519" s="119"/>
      <c r="AM1519" s="119"/>
      <c r="AN1519" s="119"/>
      <c r="AO1519" s="119"/>
      <c r="AP1519" s="119"/>
      <c r="AQ1519" s="119"/>
      <c r="AR1519" s="119"/>
      <c r="AS1519" s="119"/>
      <c r="AT1519" s="119"/>
      <c r="AU1519" s="119"/>
      <c r="AV1519" s="119"/>
      <c r="AW1519" s="119"/>
      <c r="AX1519" s="119"/>
      <c r="AY1519" s="119"/>
      <c r="AZ1519" s="119"/>
      <c r="BA1519" s="119"/>
      <c r="BB1519" s="107">
        <v>45884</v>
      </c>
    </row>
    <row r="1520" spans="1:54" s="207" customFormat="1" ht="13.95" customHeight="1" x14ac:dyDescent="0.25">
      <c r="A1520" s="208" t="s">
        <v>3680</v>
      </c>
      <c r="B1520" s="209" t="s">
        <v>20420</v>
      </c>
      <c r="C1520" s="113" t="s">
        <v>3681</v>
      </c>
      <c r="D1520" s="113" t="s">
        <v>23313</v>
      </c>
      <c r="E1520" s="210">
        <v>1958</v>
      </c>
      <c r="F1520" s="210">
        <v>1696</v>
      </c>
      <c r="G1520" s="113" t="s">
        <v>1</v>
      </c>
      <c r="H1520" s="113">
        <v>0</v>
      </c>
      <c r="I1520" s="113">
        <v>0</v>
      </c>
      <c r="J1520" s="115">
        <v>1</v>
      </c>
      <c r="K1520" s="116" t="s">
        <v>174</v>
      </c>
      <c r="L1520" s="115">
        <v>1</v>
      </c>
      <c r="M1520" s="115">
        <v>1</v>
      </c>
      <c r="N1520" s="115">
        <v>0</v>
      </c>
      <c r="O1520" s="115">
        <v>1</v>
      </c>
      <c r="P1520" s="115" t="s">
        <v>400</v>
      </c>
      <c r="Q1520" s="115" t="s">
        <v>400</v>
      </c>
      <c r="R1520" s="115">
        <v>1</v>
      </c>
      <c r="S1520" s="115">
        <v>0</v>
      </c>
      <c r="T1520" s="115">
        <v>0</v>
      </c>
      <c r="U1520" s="119"/>
      <c r="V1520" s="119"/>
      <c r="W1520" s="119"/>
      <c r="X1520" s="119"/>
      <c r="Y1520" s="119"/>
      <c r="Z1520" s="119"/>
      <c r="AA1520" s="119"/>
      <c r="AB1520" s="119"/>
      <c r="AC1520" s="119"/>
      <c r="AD1520" s="119"/>
      <c r="AE1520" s="119"/>
      <c r="AF1520" s="119"/>
      <c r="AG1520" s="119"/>
      <c r="AH1520" s="119"/>
      <c r="AI1520" s="119"/>
      <c r="AJ1520" s="119"/>
      <c r="AK1520" s="119"/>
      <c r="AL1520" s="119"/>
      <c r="AM1520" s="119"/>
      <c r="AN1520" s="119"/>
      <c r="AO1520" s="119"/>
      <c r="AP1520" s="119"/>
      <c r="AQ1520" s="119"/>
      <c r="AR1520" s="119"/>
      <c r="AS1520" s="119"/>
      <c r="AT1520" s="119"/>
      <c r="AU1520" s="119"/>
      <c r="AV1520" s="119"/>
      <c r="AW1520" s="119"/>
      <c r="AX1520" s="119"/>
      <c r="AY1520" s="119"/>
      <c r="AZ1520" s="119"/>
      <c r="BA1520" s="119"/>
      <c r="BB1520" s="107">
        <v>45884</v>
      </c>
    </row>
    <row r="1521" spans="1:54" s="207" customFormat="1" ht="13.95" customHeight="1" x14ac:dyDescent="0.25">
      <c r="A1521" s="208" t="s">
        <v>3682</v>
      </c>
      <c r="B1521" s="209" t="s">
        <v>20420</v>
      </c>
      <c r="C1521" s="113" t="s">
        <v>3683</v>
      </c>
      <c r="D1521" s="113" t="s">
        <v>3684</v>
      </c>
      <c r="E1521" s="210">
        <v>1970</v>
      </c>
      <c r="F1521" s="210">
        <v>1697</v>
      </c>
      <c r="G1521" s="113" t="s">
        <v>1</v>
      </c>
      <c r="H1521" s="113">
        <v>0</v>
      </c>
      <c r="I1521" s="113">
        <v>0</v>
      </c>
      <c r="J1521" s="115">
        <v>1</v>
      </c>
      <c r="K1521" s="116" t="s">
        <v>174</v>
      </c>
      <c r="L1521" s="115">
        <v>1</v>
      </c>
      <c r="M1521" s="115">
        <v>0</v>
      </c>
      <c r="N1521" s="115">
        <v>1</v>
      </c>
      <c r="O1521" s="115">
        <v>1</v>
      </c>
      <c r="P1521" s="115">
        <v>1</v>
      </c>
      <c r="Q1521" s="115" t="s">
        <v>400</v>
      </c>
      <c r="R1521" s="115">
        <v>1</v>
      </c>
      <c r="S1521" s="115">
        <v>0</v>
      </c>
      <c r="T1521" s="115">
        <v>0</v>
      </c>
      <c r="U1521" s="119"/>
      <c r="V1521" s="119"/>
      <c r="W1521" s="119"/>
      <c r="X1521" s="119"/>
      <c r="Y1521" s="119"/>
      <c r="Z1521" s="119"/>
      <c r="AA1521" s="119"/>
      <c r="AB1521" s="119"/>
      <c r="AC1521" s="119"/>
      <c r="AD1521" s="119"/>
      <c r="AE1521" s="119"/>
      <c r="AF1521" s="119"/>
      <c r="AG1521" s="119"/>
      <c r="AH1521" s="119"/>
      <c r="AI1521" s="119"/>
      <c r="AJ1521" s="119"/>
      <c r="AK1521" s="119"/>
      <c r="AL1521" s="119"/>
      <c r="AM1521" s="119"/>
      <c r="AN1521" s="119"/>
      <c r="AO1521" s="119"/>
      <c r="AP1521" s="119"/>
      <c r="AQ1521" s="119"/>
      <c r="AR1521" s="119"/>
      <c r="AS1521" s="119"/>
      <c r="AT1521" s="119"/>
      <c r="AU1521" s="119"/>
      <c r="AV1521" s="119"/>
      <c r="AW1521" s="119"/>
      <c r="AX1521" s="119"/>
      <c r="AY1521" s="119"/>
      <c r="AZ1521" s="119"/>
      <c r="BA1521" s="119"/>
      <c r="BB1521" s="107">
        <v>45884</v>
      </c>
    </row>
    <row r="1522" spans="1:54" s="207" customFormat="1" ht="13.95" customHeight="1" x14ac:dyDescent="0.25">
      <c r="A1522" s="208" t="s">
        <v>3685</v>
      </c>
      <c r="B1522" s="209" t="s">
        <v>20420</v>
      </c>
      <c r="C1522" s="113" t="s">
        <v>3686</v>
      </c>
      <c r="D1522" s="113" t="s">
        <v>23314</v>
      </c>
      <c r="E1522" s="210">
        <v>2015</v>
      </c>
      <c r="F1522" s="210">
        <v>1698</v>
      </c>
      <c r="G1522" s="113" t="s">
        <v>8</v>
      </c>
      <c r="H1522" s="113">
        <v>0</v>
      </c>
      <c r="I1522" s="113">
        <v>0</v>
      </c>
      <c r="J1522" s="115">
        <v>0</v>
      </c>
      <c r="K1522" s="116" t="s">
        <v>174</v>
      </c>
      <c r="L1522" s="115">
        <v>0</v>
      </c>
      <c r="M1522" s="115">
        <v>0</v>
      </c>
      <c r="N1522" s="115">
        <v>0</v>
      </c>
      <c r="O1522" s="115">
        <v>0</v>
      </c>
      <c r="P1522" s="115" t="s">
        <v>400</v>
      </c>
      <c r="Q1522" s="115" t="s">
        <v>400</v>
      </c>
      <c r="R1522" s="115">
        <v>0</v>
      </c>
      <c r="S1522" s="115">
        <v>0</v>
      </c>
      <c r="T1522" s="115">
        <v>0</v>
      </c>
      <c r="U1522" s="113" t="s">
        <v>174</v>
      </c>
      <c r="V1522" s="113" t="s">
        <v>174</v>
      </c>
      <c r="W1522" s="113" t="s">
        <v>174</v>
      </c>
      <c r="X1522" s="113" t="s">
        <v>174</v>
      </c>
      <c r="Y1522" s="113" t="s">
        <v>174</v>
      </c>
      <c r="Z1522" s="113" t="s">
        <v>174</v>
      </c>
      <c r="AA1522" s="113" t="s">
        <v>174</v>
      </c>
      <c r="AB1522" s="113" t="s">
        <v>174</v>
      </c>
      <c r="AC1522" s="113" t="s">
        <v>174</v>
      </c>
      <c r="AD1522" s="113" t="s">
        <v>174</v>
      </c>
      <c r="AE1522" s="113" t="s">
        <v>174</v>
      </c>
      <c r="AF1522" s="113" t="s">
        <v>174</v>
      </c>
      <c r="AG1522" s="113" t="s">
        <v>174</v>
      </c>
      <c r="AH1522" s="113" t="s">
        <v>174</v>
      </c>
      <c r="AI1522" s="113" t="s">
        <v>174</v>
      </c>
      <c r="AJ1522" s="113" t="s">
        <v>174</v>
      </c>
      <c r="AK1522" s="113" t="s">
        <v>174</v>
      </c>
      <c r="AL1522" s="113" t="s">
        <v>174</v>
      </c>
      <c r="AM1522" s="113" t="s">
        <v>174</v>
      </c>
      <c r="AN1522" s="113" t="s">
        <v>174</v>
      </c>
      <c r="AO1522" s="113" t="s">
        <v>174</v>
      </c>
      <c r="AP1522" s="113" t="s">
        <v>174</v>
      </c>
      <c r="AQ1522" s="113" t="s">
        <v>174</v>
      </c>
      <c r="AR1522" s="113" t="s">
        <v>174</v>
      </c>
      <c r="AS1522" s="113" t="s">
        <v>174</v>
      </c>
      <c r="AT1522" s="121" t="s">
        <v>174</v>
      </c>
      <c r="AU1522" s="113" t="s">
        <v>174</v>
      </c>
      <c r="AV1522" s="113" t="s">
        <v>174</v>
      </c>
      <c r="AW1522" s="113" t="s">
        <v>174</v>
      </c>
      <c r="AX1522" s="113"/>
      <c r="AY1522" s="113"/>
      <c r="AZ1522" s="113"/>
      <c r="BA1522" s="113"/>
      <c r="BB1522" s="107">
        <v>45884</v>
      </c>
    </row>
    <row r="1523" spans="1:54" s="207" customFormat="1" ht="13.95" customHeight="1" x14ac:dyDescent="0.25">
      <c r="A1523" s="208" t="s">
        <v>3687</v>
      </c>
      <c r="B1523" s="209" t="s">
        <v>20420</v>
      </c>
      <c r="C1523" s="113" t="s">
        <v>3688</v>
      </c>
      <c r="D1523" s="113" t="s">
        <v>3689</v>
      </c>
      <c r="E1523" s="210">
        <v>1960</v>
      </c>
      <c r="F1523" s="210">
        <v>1704</v>
      </c>
      <c r="G1523" s="113" t="s">
        <v>1</v>
      </c>
      <c r="H1523" s="113">
        <v>0</v>
      </c>
      <c r="I1523" s="113">
        <v>0</v>
      </c>
      <c r="J1523" s="115">
        <v>1</v>
      </c>
      <c r="K1523" s="116" t="s">
        <v>174</v>
      </c>
      <c r="L1523" s="115">
        <v>1</v>
      </c>
      <c r="M1523" s="115">
        <v>1</v>
      </c>
      <c r="N1523" s="115">
        <v>0</v>
      </c>
      <c r="O1523" s="115">
        <v>1</v>
      </c>
      <c r="P1523" s="115" t="s">
        <v>400</v>
      </c>
      <c r="Q1523" s="115" t="s">
        <v>400</v>
      </c>
      <c r="R1523" s="115">
        <v>1</v>
      </c>
      <c r="S1523" s="115">
        <v>1</v>
      </c>
      <c r="T1523" s="115">
        <v>0</v>
      </c>
      <c r="U1523" s="119"/>
      <c r="V1523" s="119"/>
      <c r="W1523" s="119"/>
      <c r="X1523" s="119"/>
      <c r="Y1523" s="119"/>
      <c r="Z1523" s="119"/>
      <c r="AA1523" s="119"/>
      <c r="AB1523" s="119"/>
      <c r="AC1523" s="119"/>
      <c r="AD1523" s="119"/>
      <c r="AE1523" s="119"/>
      <c r="AF1523" s="119"/>
      <c r="AG1523" s="119"/>
      <c r="AH1523" s="119"/>
      <c r="AI1523" s="119"/>
      <c r="AJ1523" s="119"/>
      <c r="AK1523" s="119"/>
      <c r="AL1523" s="119"/>
      <c r="AM1523" s="119"/>
      <c r="AN1523" s="119"/>
      <c r="AO1523" s="119"/>
      <c r="AP1523" s="119"/>
      <c r="AQ1523" s="119"/>
      <c r="AR1523" s="119"/>
      <c r="AS1523" s="119"/>
      <c r="AT1523" s="119"/>
      <c r="AU1523" s="119"/>
      <c r="AV1523" s="119"/>
      <c r="AW1523" s="119"/>
      <c r="AX1523" s="119"/>
      <c r="AY1523" s="119"/>
      <c r="AZ1523" s="119"/>
      <c r="BA1523" s="119"/>
      <c r="BB1523" s="107">
        <v>45884</v>
      </c>
    </row>
    <row r="1524" spans="1:54" s="207" customFormat="1" ht="13.95" customHeight="1" x14ac:dyDescent="0.25">
      <c r="A1524" s="208" t="s">
        <v>3690</v>
      </c>
      <c r="B1524" s="209" t="s">
        <v>20420</v>
      </c>
      <c r="C1524" s="113" t="s">
        <v>3691</v>
      </c>
      <c r="D1524" s="113" t="s">
        <v>23315</v>
      </c>
      <c r="E1524" s="210">
        <v>1976</v>
      </c>
      <c r="F1524" s="210">
        <v>1706</v>
      </c>
      <c r="G1524" s="113" t="s">
        <v>1</v>
      </c>
      <c r="H1524" s="113">
        <v>0</v>
      </c>
      <c r="I1524" s="113">
        <v>0</v>
      </c>
      <c r="J1524" s="115">
        <v>1</v>
      </c>
      <c r="K1524" s="211">
        <v>1</v>
      </c>
      <c r="L1524" s="115">
        <v>1</v>
      </c>
      <c r="M1524" s="115">
        <v>0</v>
      </c>
      <c r="N1524" s="115">
        <v>0</v>
      </c>
      <c r="O1524" s="115">
        <v>1</v>
      </c>
      <c r="P1524" s="115">
        <v>1</v>
      </c>
      <c r="Q1524" s="115" t="s">
        <v>400</v>
      </c>
      <c r="R1524" s="115">
        <v>1</v>
      </c>
      <c r="S1524" s="115">
        <v>0</v>
      </c>
      <c r="T1524" s="115">
        <v>0</v>
      </c>
      <c r="U1524" s="119"/>
      <c r="V1524" s="119"/>
      <c r="W1524" s="119"/>
      <c r="X1524" s="119"/>
      <c r="Y1524" s="119"/>
      <c r="Z1524" s="119"/>
      <c r="AA1524" s="119"/>
      <c r="AB1524" s="119"/>
      <c r="AC1524" s="119"/>
      <c r="AD1524" s="119"/>
      <c r="AE1524" s="119"/>
      <c r="AF1524" s="119"/>
      <c r="AG1524" s="119"/>
      <c r="AH1524" s="119"/>
      <c r="AI1524" s="119"/>
      <c r="AJ1524" s="119"/>
      <c r="AK1524" s="119"/>
      <c r="AL1524" s="119"/>
      <c r="AM1524" s="119"/>
      <c r="AN1524" s="119"/>
      <c r="AO1524" s="119"/>
      <c r="AP1524" s="119"/>
      <c r="AQ1524" s="119"/>
      <c r="AR1524" s="119"/>
      <c r="AS1524" s="119"/>
      <c r="AT1524" s="119"/>
      <c r="AU1524" s="119"/>
      <c r="AV1524" s="119"/>
      <c r="AW1524" s="119"/>
      <c r="AX1524" s="119"/>
      <c r="AY1524" s="119"/>
      <c r="AZ1524" s="119"/>
      <c r="BA1524" s="119"/>
      <c r="BB1524" s="107">
        <v>45884</v>
      </c>
    </row>
    <row r="1525" spans="1:54" s="207" customFormat="1" ht="13.95" customHeight="1" x14ac:dyDescent="0.25">
      <c r="A1525" s="208" t="s">
        <v>3692</v>
      </c>
      <c r="B1525" s="209" t="s">
        <v>20420</v>
      </c>
      <c r="C1525" s="113" t="s">
        <v>3693</v>
      </c>
      <c r="D1525" s="113" t="s">
        <v>23316</v>
      </c>
      <c r="E1525" s="210">
        <v>1976</v>
      </c>
      <c r="F1525" s="210">
        <v>1712</v>
      </c>
      <c r="G1525" s="113" t="s">
        <v>1</v>
      </c>
      <c r="H1525" s="113">
        <v>0</v>
      </c>
      <c r="I1525" s="113">
        <v>0</v>
      </c>
      <c r="J1525" s="115">
        <v>1</v>
      </c>
      <c r="K1525" s="211">
        <v>1</v>
      </c>
      <c r="L1525" s="115">
        <v>1</v>
      </c>
      <c r="M1525" s="115">
        <v>1</v>
      </c>
      <c r="N1525" s="115">
        <v>0</v>
      </c>
      <c r="O1525" s="115">
        <v>1</v>
      </c>
      <c r="P1525" s="115" t="s">
        <v>400</v>
      </c>
      <c r="Q1525" s="115" t="s">
        <v>400</v>
      </c>
      <c r="R1525" s="115">
        <v>1</v>
      </c>
      <c r="S1525" s="115">
        <v>0</v>
      </c>
      <c r="T1525" s="115">
        <v>0</v>
      </c>
      <c r="U1525" s="119"/>
      <c r="V1525" s="119"/>
      <c r="W1525" s="119"/>
      <c r="X1525" s="119"/>
      <c r="Y1525" s="119"/>
      <c r="Z1525" s="119"/>
      <c r="AA1525" s="119"/>
      <c r="AB1525" s="119"/>
      <c r="AC1525" s="119"/>
      <c r="AD1525" s="119"/>
      <c r="AE1525" s="119"/>
      <c r="AF1525" s="119"/>
      <c r="AG1525" s="119"/>
      <c r="AH1525" s="119"/>
      <c r="AI1525" s="119"/>
      <c r="AJ1525" s="119"/>
      <c r="AK1525" s="119"/>
      <c r="AL1525" s="119"/>
      <c r="AM1525" s="119"/>
      <c r="AN1525" s="119"/>
      <c r="AO1525" s="119"/>
      <c r="AP1525" s="119"/>
      <c r="AQ1525" s="119"/>
      <c r="AR1525" s="119"/>
      <c r="AS1525" s="119"/>
      <c r="AT1525" s="119"/>
      <c r="AU1525" s="119"/>
      <c r="AV1525" s="119"/>
      <c r="AW1525" s="119"/>
      <c r="AX1525" s="119"/>
      <c r="AY1525" s="119"/>
      <c r="AZ1525" s="119"/>
      <c r="BA1525" s="119"/>
      <c r="BB1525" s="107">
        <v>45884</v>
      </c>
    </row>
    <row r="1526" spans="1:54" s="207" customFormat="1" ht="13.95" customHeight="1" x14ac:dyDescent="0.25">
      <c r="A1526" s="208" t="s">
        <v>3694</v>
      </c>
      <c r="B1526" s="209" t="s">
        <v>20420</v>
      </c>
      <c r="C1526" s="113" t="s">
        <v>3695</v>
      </c>
      <c r="D1526" s="113" t="s">
        <v>3696</v>
      </c>
      <c r="E1526" s="210">
        <v>1987</v>
      </c>
      <c r="F1526" s="210">
        <v>1718</v>
      </c>
      <c r="G1526" s="113" t="s">
        <v>1</v>
      </c>
      <c r="H1526" s="113">
        <v>0</v>
      </c>
      <c r="I1526" s="113">
        <v>0</v>
      </c>
      <c r="J1526" s="115">
        <v>1</v>
      </c>
      <c r="K1526" s="116" t="s">
        <v>174</v>
      </c>
      <c r="L1526" s="115">
        <v>1</v>
      </c>
      <c r="M1526" s="120">
        <v>1</v>
      </c>
      <c r="N1526" s="120">
        <v>1</v>
      </c>
      <c r="O1526" s="115">
        <v>1</v>
      </c>
      <c r="P1526" s="115" t="s">
        <v>400</v>
      </c>
      <c r="Q1526" s="115" t="s">
        <v>400</v>
      </c>
      <c r="R1526" s="115">
        <v>0</v>
      </c>
      <c r="S1526" s="115">
        <v>0</v>
      </c>
      <c r="T1526" s="115">
        <v>1</v>
      </c>
      <c r="U1526" s="119"/>
      <c r="V1526" s="119"/>
      <c r="W1526" s="119"/>
      <c r="X1526" s="119"/>
      <c r="Y1526" s="119"/>
      <c r="Z1526" s="119"/>
      <c r="AA1526" s="119"/>
      <c r="AB1526" s="119"/>
      <c r="AC1526" s="119"/>
      <c r="AD1526" s="119"/>
      <c r="AE1526" s="119"/>
      <c r="AF1526" s="119"/>
      <c r="AG1526" s="119"/>
      <c r="AH1526" s="119"/>
      <c r="AI1526" s="119"/>
      <c r="AJ1526" s="119"/>
      <c r="AK1526" s="119"/>
      <c r="AL1526" s="119"/>
      <c r="AM1526" s="119"/>
      <c r="AN1526" s="119"/>
      <c r="AO1526" s="119"/>
      <c r="AP1526" s="119"/>
      <c r="AQ1526" s="119"/>
      <c r="AR1526" s="119"/>
      <c r="AS1526" s="119"/>
      <c r="AT1526" s="119"/>
      <c r="AU1526" s="119"/>
      <c r="AV1526" s="119"/>
      <c r="AW1526" s="119"/>
      <c r="AX1526" s="119"/>
      <c r="AY1526" s="119"/>
      <c r="AZ1526" s="119"/>
      <c r="BA1526" s="119"/>
      <c r="BB1526" s="107">
        <v>45884</v>
      </c>
    </row>
    <row r="1527" spans="1:54" s="207" customFormat="1" ht="13.95" customHeight="1" x14ac:dyDescent="0.25">
      <c r="A1527" s="208" t="s">
        <v>3697</v>
      </c>
      <c r="B1527" s="209" t="s">
        <v>20420</v>
      </c>
      <c r="C1527" s="113" t="s">
        <v>3698</v>
      </c>
      <c r="D1527" s="113" t="s">
        <v>23317</v>
      </c>
      <c r="E1527" s="210">
        <v>1976</v>
      </c>
      <c r="F1527" s="210">
        <v>1722</v>
      </c>
      <c r="G1527" s="113" t="s">
        <v>1</v>
      </c>
      <c r="H1527" s="113">
        <v>0</v>
      </c>
      <c r="I1527" s="113">
        <v>0</v>
      </c>
      <c r="J1527" s="115">
        <v>1</v>
      </c>
      <c r="K1527" s="116" t="s">
        <v>174</v>
      </c>
      <c r="L1527" s="115">
        <v>1</v>
      </c>
      <c r="M1527" s="115">
        <v>1</v>
      </c>
      <c r="N1527" s="115">
        <v>1</v>
      </c>
      <c r="O1527" s="115">
        <v>0</v>
      </c>
      <c r="P1527" s="115" t="s">
        <v>400</v>
      </c>
      <c r="Q1527" s="115" t="s">
        <v>400</v>
      </c>
      <c r="R1527" s="115">
        <v>1</v>
      </c>
      <c r="S1527" s="115">
        <v>0</v>
      </c>
      <c r="T1527" s="115">
        <v>0</v>
      </c>
      <c r="U1527" s="119"/>
      <c r="V1527" s="119"/>
      <c r="W1527" s="119"/>
      <c r="X1527" s="119"/>
      <c r="Y1527" s="119"/>
      <c r="Z1527" s="119"/>
      <c r="AA1527" s="119"/>
      <c r="AB1527" s="119"/>
      <c r="AC1527" s="119"/>
      <c r="AD1527" s="119"/>
      <c r="AE1527" s="119"/>
      <c r="AF1527" s="119"/>
      <c r="AG1527" s="119"/>
      <c r="AH1527" s="119"/>
      <c r="AI1527" s="119"/>
      <c r="AJ1527" s="119"/>
      <c r="AK1527" s="119"/>
      <c r="AL1527" s="119"/>
      <c r="AM1527" s="119"/>
      <c r="AN1527" s="119"/>
      <c r="AO1527" s="119"/>
      <c r="AP1527" s="119"/>
      <c r="AQ1527" s="119"/>
      <c r="AR1527" s="119"/>
      <c r="AS1527" s="119"/>
      <c r="AT1527" s="119"/>
      <c r="AU1527" s="119"/>
      <c r="AV1527" s="119"/>
      <c r="AW1527" s="119"/>
      <c r="AX1527" s="119"/>
      <c r="AY1527" s="119"/>
      <c r="AZ1527" s="119"/>
      <c r="BA1527" s="119"/>
      <c r="BB1527" s="107">
        <v>45884</v>
      </c>
    </row>
    <row r="1528" spans="1:54" s="207" customFormat="1" ht="13.95" customHeight="1" x14ac:dyDescent="0.25">
      <c r="A1528" s="208" t="s">
        <v>3699</v>
      </c>
      <c r="B1528" s="209" t="s">
        <v>20420</v>
      </c>
      <c r="C1528" s="113" t="s">
        <v>3700</v>
      </c>
      <c r="D1528" s="113" t="s">
        <v>23318</v>
      </c>
      <c r="E1528" s="210">
        <v>1990</v>
      </c>
      <c r="F1528" s="210">
        <v>1723</v>
      </c>
      <c r="G1528" s="113" t="s">
        <v>1</v>
      </c>
      <c r="H1528" s="113">
        <v>1</v>
      </c>
      <c r="I1528" s="113">
        <v>1</v>
      </c>
      <c r="J1528" s="115">
        <v>1</v>
      </c>
      <c r="K1528" s="116" t="s">
        <v>174</v>
      </c>
      <c r="L1528" s="115">
        <v>1</v>
      </c>
      <c r="M1528" s="115">
        <v>1</v>
      </c>
      <c r="N1528" s="115">
        <v>1</v>
      </c>
      <c r="O1528" s="115">
        <v>1</v>
      </c>
      <c r="P1528" s="115" t="s">
        <v>400</v>
      </c>
      <c r="Q1528" s="115" t="s">
        <v>400</v>
      </c>
      <c r="R1528" s="115">
        <v>1</v>
      </c>
      <c r="S1528" s="115">
        <v>0</v>
      </c>
      <c r="T1528" s="115">
        <v>0</v>
      </c>
      <c r="U1528" s="119"/>
      <c r="V1528" s="119"/>
      <c r="W1528" s="119"/>
      <c r="X1528" s="119"/>
      <c r="Y1528" s="119"/>
      <c r="Z1528" s="119"/>
      <c r="AA1528" s="119"/>
      <c r="AB1528" s="119"/>
      <c r="AC1528" s="119"/>
      <c r="AD1528" s="119"/>
      <c r="AE1528" s="119"/>
      <c r="AF1528" s="119"/>
      <c r="AG1528" s="119"/>
      <c r="AH1528" s="119"/>
      <c r="AI1528" s="119"/>
      <c r="AJ1528" s="119"/>
      <c r="AK1528" s="119"/>
      <c r="AL1528" s="119"/>
      <c r="AM1528" s="119"/>
      <c r="AN1528" s="119"/>
      <c r="AO1528" s="119"/>
      <c r="AP1528" s="119"/>
      <c r="AQ1528" s="119"/>
      <c r="AR1528" s="119"/>
      <c r="AS1528" s="119"/>
      <c r="AT1528" s="119"/>
      <c r="AU1528" s="119"/>
      <c r="AV1528" s="119"/>
      <c r="AW1528" s="119"/>
      <c r="AX1528" s="119"/>
      <c r="AY1528" s="119"/>
      <c r="AZ1528" s="119"/>
      <c r="BA1528" s="119"/>
      <c r="BB1528" s="107">
        <v>45884</v>
      </c>
    </row>
    <row r="1529" spans="1:54" s="207" customFormat="1" ht="13.95" customHeight="1" x14ac:dyDescent="0.25">
      <c r="A1529" s="208" t="s">
        <v>3701</v>
      </c>
      <c r="B1529" s="209" t="s">
        <v>20420</v>
      </c>
      <c r="C1529" s="113" t="s">
        <v>3702</v>
      </c>
      <c r="D1529" s="113" t="s">
        <v>23319</v>
      </c>
      <c r="E1529" s="210">
        <v>1976</v>
      </c>
      <c r="F1529" s="210">
        <v>1727</v>
      </c>
      <c r="G1529" s="113" t="s">
        <v>1</v>
      </c>
      <c r="H1529" s="113">
        <v>0</v>
      </c>
      <c r="I1529" s="113">
        <v>0</v>
      </c>
      <c r="J1529" s="115">
        <v>1</v>
      </c>
      <c r="K1529" s="116" t="s">
        <v>174</v>
      </c>
      <c r="L1529" s="115">
        <v>1</v>
      </c>
      <c r="M1529" s="115">
        <v>1</v>
      </c>
      <c r="N1529" s="115">
        <v>0</v>
      </c>
      <c r="O1529" s="115">
        <v>1</v>
      </c>
      <c r="P1529" s="115" t="s">
        <v>400</v>
      </c>
      <c r="Q1529" s="115">
        <v>1</v>
      </c>
      <c r="R1529" s="115">
        <v>1</v>
      </c>
      <c r="S1529" s="115">
        <v>0</v>
      </c>
      <c r="T1529" s="115">
        <v>0</v>
      </c>
      <c r="U1529" s="119"/>
      <c r="V1529" s="119"/>
      <c r="W1529" s="119"/>
      <c r="X1529" s="119"/>
      <c r="Y1529" s="119"/>
      <c r="Z1529" s="119"/>
      <c r="AA1529" s="119"/>
      <c r="AB1529" s="119"/>
      <c r="AC1529" s="119"/>
      <c r="AD1529" s="119"/>
      <c r="AE1529" s="119"/>
      <c r="AF1529" s="119"/>
      <c r="AG1529" s="119"/>
      <c r="AH1529" s="119"/>
      <c r="AI1529" s="119"/>
      <c r="AJ1529" s="119"/>
      <c r="AK1529" s="119"/>
      <c r="AL1529" s="119"/>
      <c r="AM1529" s="119"/>
      <c r="AN1529" s="119"/>
      <c r="AO1529" s="119"/>
      <c r="AP1529" s="119"/>
      <c r="AQ1529" s="119"/>
      <c r="AR1529" s="119"/>
      <c r="AS1529" s="119"/>
      <c r="AT1529" s="119"/>
      <c r="AU1529" s="119"/>
      <c r="AV1529" s="119"/>
      <c r="AW1529" s="119"/>
      <c r="AX1529" s="119"/>
      <c r="AY1529" s="119"/>
      <c r="AZ1529" s="119"/>
      <c r="BA1529" s="119"/>
      <c r="BB1529" s="107">
        <v>45884</v>
      </c>
    </row>
    <row r="1530" spans="1:54" s="207" customFormat="1" ht="13.95" customHeight="1" x14ac:dyDescent="0.25">
      <c r="A1530" s="208" t="s">
        <v>3703</v>
      </c>
      <c r="B1530" s="209" t="s">
        <v>20420</v>
      </c>
      <c r="C1530" s="113" t="s">
        <v>3704</v>
      </c>
      <c r="D1530" s="113" t="s">
        <v>23320</v>
      </c>
      <c r="E1530" s="210">
        <v>1988</v>
      </c>
      <c r="F1530" s="210">
        <v>1729</v>
      </c>
      <c r="G1530" s="113" t="s">
        <v>1</v>
      </c>
      <c r="H1530" s="113">
        <v>0</v>
      </c>
      <c r="I1530" s="113">
        <v>0</v>
      </c>
      <c r="J1530" s="115">
        <v>1</v>
      </c>
      <c r="K1530" s="211">
        <v>1</v>
      </c>
      <c r="L1530" s="115">
        <v>1</v>
      </c>
      <c r="M1530" s="115">
        <v>1</v>
      </c>
      <c r="N1530" s="115">
        <v>0</v>
      </c>
      <c r="O1530" s="115">
        <v>0</v>
      </c>
      <c r="P1530" s="115" t="s">
        <v>400</v>
      </c>
      <c r="Q1530" s="115" t="s">
        <v>400</v>
      </c>
      <c r="R1530" s="115">
        <v>0</v>
      </c>
      <c r="S1530" s="115">
        <v>0</v>
      </c>
      <c r="T1530" s="115">
        <v>0</v>
      </c>
      <c r="U1530" s="119"/>
      <c r="V1530" s="119"/>
      <c r="W1530" s="119"/>
      <c r="X1530" s="119"/>
      <c r="Y1530" s="119"/>
      <c r="Z1530" s="119"/>
      <c r="AA1530" s="119"/>
      <c r="AB1530" s="119"/>
      <c r="AC1530" s="119"/>
      <c r="AD1530" s="119"/>
      <c r="AE1530" s="119"/>
      <c r="AF1530" s="119"/>
      <c r="AG1530" s="119"/>
      <c r="AH1530" s="119"/>
      <c r="AI1530" s="119"/>
      <c r="AJ1530" s="119"/>
      <c r="AK1530" s="119"/>
      <c r="AL1530" s="119"/>
      <c r="AM1530" s="119"/>
      <c r="AN1530" s="119"/>
      <c r="AO1530" s="119"/>
      <c r="AP1530" s="119"/>
      <c r="AQ1530" s="119"/>
      <c r="AR1530" s="119"/>
      <c r="AS1530" s="119"/>
      <c r="AT1530" s="119"/>
      <c r="AU1530" s="119"/>
      <c r="AV1530" s="119"/>
      <c r="AW1530" s="119"/>
      <c r="AX1530" s="119"/>
      <c r="AY1530" s="119"/>
      <c r="AZ1530" s="119"/>
      <c r="BA1530" s="119"/>
      <c r="BB1530" s="107">
        <v>45884</v>
      </c>
    </row>
    <row r="1531" spans="1:54" s="207" customFormat="1" ht="13.95" customHeight="1" x14ac:dyDescent="0.25">
      <c r="A1531" s="208" t="s">
        <v>3705</v>
      </c>
      <c r="B1531" s="209" t="s">
        <v>20420</v>
      </c>
      <c r="C1531" s="113" t="s">
        <v>3706</v>
      </c>
      <c r="D1531" s="113" t="s">
        <v>23321</v>
      </c>
      <c r="E1531" s="210">
        <v>1964</v>
      </c>
      <c r="F1531" s="210">
        <v>1730</v>
      </c>
      <c r="G1531" s="113" t="s">
        <v>1</v>
      </c>
      <c r="H1531" s="113">
        <v>0</v>
      </c>
      <c r="I1531" s="113">
        <v>0</v>
      </c>
      <c r="J1531" s="115">
        <v>1</v>
      </c>
      <c r="K1531" s="116" t="s">
        <v>174</v>
      </c>
      <c r="L1531" s="115">
        <v>1</v>
      </c>
      <c r="M1531" s="115">
        <v>0</v>
      </c>
      <c r="N1531" s="115">
        <v>0</v>
      </c>
      <c r="O1531" s="115">
        <v>1</v>
      </c>
      <c r="P1531" s="115">
        <v>1</v>
      </c>
      <c r="Q1531" s="115">
        <v>1</v>
      </c>
      <c r="R1531" s="115">
        <v>1</v>
      </c>
      <c r="S1531" s="115">
        <v>0</v>
      </c>
      <c r="T1531" s="115">
        <v>0</v>
      </c>
      <c r="U1531" s="119"/>
      <c r="V1531" s="119"/>
      <c r="W1531" s="119"/>
      <c r="X1531" s="119"/>
      <c r="Y1531" s="119"/>
      <c r="Z1531" s="119"/>
      <c r="AA1531" s="119"/>
      <c r="AB1531" s="119"/>
      <c r="AC1531" s="119"/>
      <c r="AD1531" s="119"/>
      <c r="AE1531" s="119"/>
      <c r="AF1531" s="119"/>
      <c r="AG1531" s="119"/>
      <c r="AH1531" s="119"/>
      <c r="AI1531" s="119"/>
      <c r="AJ1531" s="119"/>
      <c r="AK1531" s="119"/>
      <c r="AL1531" s="119"/>
      <c r="AM1531" s="119"/>
      <c r="AN1531" s="119"/>
      <c r="AO1531" s="119"/>
      <c r="AP1531" s="119"/>
      <c r="AQ1531" s="119"/>
      <c r="AR1531" s="119"/>
      <c r="AS1531" s="119"/>
      <c r="AT1531" s="119"/>
      <c r="AU1531" s="119"/>
      <c r="AV1531" s="119"/>
      <c r="AW1531" s="119"/>
      <c r="AX1531" s="119"/>
      <c r="AY1531" s="119"/>
      <c r="AZ1531" s="119"/>
      <c r="BA1531" s="119"/>
      <c r="BB1531" s="107">
        <v>45884</v>
      </c>
    </row>
    <row r="1532" spans="1:54" s="207" customFormat="1" ht="13.95" customHeight="1" x14ac:dyDescent="0.25">
      <c r="A1532" s="208" t="s">
        <v>3707</v>
      </c>
      <c r="B1532" s="209" t="s">
        <v>20420</v>
      </c>
      <c r="C1532" s="113" t="s">
        <v>3708</v>
      </c>
      <c r="D1532" s="113" t="s">
        <v>23322</v>
      </c>
      <c r="E1532" s="210">
        <v>1964</v>
      </c>
      <c r="F1532" s="210">
        <v>1731</v>
      </c>
      <c r="G1532" s="113" t="s">
        <v>1</v>
      </c>
      <c r="H1532" s="113">
        <v>0</v>
      </c>
      <c r="I1532" s="113">
        <v>0</v>
      </c>
      <c r="J1532" s="115">
        <v>1</v>
      </c>
      <c r="K1532" s="211">
        <v>1</v>
      </c>
      <c r="L1532" s="115">
        <v>1</v>
      </c>
      <c r="M1532" s="115">
        <v>1</v>
      </c>
      <c r="N1532" s="115">
        <v>1</v>
      </c>
      <c r="O1532" s="115">
        <v>1</v>
      </c>
      <c r="P1532" s="115" t="s">
        <v>400</v>
      </c>
      <c r="Q1532" s="115" t="s">
        <v>400</v>
      </c>
      <c r="R1532" s="115">
        <v>1</v>
      </c>
      <c r="S1532" s="115">
        <v>0</v>
      </c>
      <c r="T1532" s="115">
        <v>0</v>
      </c>
      <c r="U1532" s="119"/>
      <c r="V1532" s="119"/>
      <c r="W1532" s="119"/>
      <c r="X1532" s="119"/>
      <c r="Y1532" s="119"/>
      <c r="Z1532" s="119"/>
      <c r="AA1532" s="119"/>
      <c r="AB1532" s="119"/>
      <c r="AC1532" s="119"/>
      <c r="AD1532" s="119"/>
      <c r="AE1532" s="119"/>
      <c r="AF1532" s="119"/>
      <c r="AG1532" s="119"/>
      <c r="AH1532" s="119"/>
      <c r="AI1532" s="119"/>
      <c r="AJ1532" s="119"/>
      <c r="AK1532" s="119"/>
      <c r="AL1532" s="119"/>
      <c r="AM1532" s="119"/>
      <c r="AN1532" s="119"/>
      <c r="AO1532" s="119"/>
      <c r="AP1532" s="119"/>
      <c r="AQ1532" s="119"/>
      <c r="AR1532" s="119"/>
      <c r="AS1532" s="119"/>
      <c r="AT1532" s="119"/>
      <c r="AU1532" s="119"/>
      <c r="AV1532" s="119"/>
      <c r="AW1532" s="119"/>
      <c r="AX1532" s="119"/>
      <c r="AY1532" s="119"/>
      <c r="AZ1532" s="119"/>
      <c r="BA1532" s="119"/>
      <c r="BB1532" s="107">
        <v>45884</v>
      </c>
    </row>
    <row r="1533" spans="1:54" s="207" customFormat="1" ht="13.95" customHeight="1" x14ac:dyDescent="0.25">
      <c r="A1533" s="208" t="s">
        <v>3709</v>
      </c>
      <c r="B1533" s="209" t="s">
        <v>20420</v>
      </c>
      <c r="C1533" s="113" t="s">
        <v>3710</v>
      </c>
      <c r="D1533" s="113" t="s">
        <v>23323</v>
      </c>
      <c r="E1533" s="210">
        <v>1956</v>
      </c>
      <c r="F1533" s="210">
        <v>1733</v>
      </c>
      <c r="G1533" s="113" t="s">
        <v>1</v>
      </c>
      <c r="H1533" s="113">
        <v>0</v>
      </c>
      <c r="I1533" s="113">
        <v>0</v>
      </c>
      <c r="J1533" s="115">
        <v>1</v>
      </c>
      <c r="K1533" s="211">
        <v>1</v>
      </c>
      <c r="L1533" s="115">
        <v>1</v>
      </c>
      <c r="M1533" s="115">
        <v>1</v>
      </c>
      <c r="N1533" s="115">
        <v>0</v>
      </c>
      <c r="O1533" s="115">
        <v>0</v>
      </c>
      <c r="P1533" s="115" t="s">
        <v>400</v>
      </c>
      <c r="Q1533" s="115" t="s">
        <v>400</v>
      </c>
      <c r="R1533" s="115">
        <v>0</v>
      </c>
      <c r="S1533" s="115">
        <v>0</v>
      </c>
      <c r="T1533" s="115">
        <v>0</v>
      </c>
      <c r="U1533" s="119"/>
      <c r="V1533" s="119"/>
      <c r="W1533" s="119"/>
      <c r="X1533" s="119"/>
      <c r="Y1533" s="119"/>
      <c r="Z1533" s="119"/>
      <c r="AA1533" s="119"/>
      <c r="AB1533" s="119"/>
      <c r="AC1533" s="119"/>
      <c r="AD1533" s="119"/>
      <c r="AE1533" s="119"/>
      <c r="AF1533" s="119"/>
      <c r="AG1533" s="119"/>
      <c r="AH1533" s="119"/>
      <c r="AI1533" s="119"/>
      <c r="AJ1533" s="119"/>
      <c r="AK1533" s="119"/>
      <c r="AL1533" s="119"/>
      <c r="AM1533" s="119"/>
      <c r="AN1533" s="119"/>
      <c r="AO1533" s="119"/>
      <c r="AP1533" s="119"/>
      <c r="AQ1533" s="119"/>
      <c r="AR1533" s="119"/>
      <c r="AS1533" s="119"/>
      <c r="AT1533" s="119"/>
      <c r="AU1533" s="119"/>
      <c r="AV1533" s="119"/>
      <c r="AW1533" s="119"/>
      <c r="AX1533" s="119"/>
      <c r="AY1533" s="119"/>
      <c r="AZ1533" s="119"/>
      <c r="BA1533" s="119"/>
      <c r="BB1533" s="107">
        <v>45884</v>
      </c>
    </row>
    <row r="1534" spans="1:54" s="207" customFormat="1" ht="13.95" customHeight="1" x14ac:dyDescent="0.25">
      <c r="A1534" s="208" t="s">
        <v>3711</v>
      </c>
      <c r="B1534" s="209" t="s">
        <v>20420</v>
      </c>
      <c r="C1534" s="113" t="s">
        <v>3712</v>
      </c>
      <c r="D1534" s="113" t="s">
        <v>23324</v>
      </c>
      <c r="E1534" s="210">
        <v>1973</v>
      </c>
      <c r="F1534" s="210">
        <v>1737</v>
      </c>
      <c r="G1534" s="113" t="s">
        <v>1</v>
      </c>
      <c r="H1534" s="113">
        <v>0</v>
      </c>
      <c r="I1534" s="113">
        <v>0</v>
      </c>
      <c r="J1534" s="115">
        <v>1</v>
      </c>
      <c r="K1534" s="211">
        <v>1</v>
      </c>
      <c r="L1534" s="115">
        <v>1</v>
      </c>
      <c r="M1534" s="115">
        <v>1</v>
      </c>
      <c r="N1534" s="115">
        <v>0</v>
      </c>
      <c r="O1534" s="115">
        <v>1</v>
      </c>
      <c r="P1534" s="115" t="s">
        <v>400</v>
      </c>
      <c r="Q1534" s="115" t="s">
        <v>400</v>
      </c>
      <c r="R1534" s="115">
        <v>1</v>
      </c>
      <c r="S1534" s="115">
        <v>0</v>
      </c>
      <c r="T1534" s="115">
        <v>0</v>
      </c>
      <c r="U1534" s="119"/>
      <c r="V1534" s="119"/>
      <c r="W1534" s="119"/>
      <c r="X1534" s="119"/>
      <c r="Y1534" s="119"/>
      <c r="Z1534" s="119"/>
      <c r="AA1534" s="119"/>
      <c r="AB1534" s="119"/>
      <c r="AC1534" s="119"/>
      <c r="AD1534" s="119"/>
      <c r="AE1534" s="119"/>
      <c r="AF1534" s="119"/>
      <c r="AG1534" s="119"/>
      <c r="AH1534" s="119"/>
      <c r="AI1534" s="119"/>
      <c r="AJ1534" s="119"/>
      <c r="AK1534" s="119"/>
      <c r="AL1534" s="119"/>
      <c r="AM1534" s="119"/>
      <c r="AN1534" s="119"/>
      <c r="AO1534" s="119"/>
      <c r="AP1534" s="119"/>
      <c r="AQ1534" s="119"/>
      <c r="AR1534" s="119"/>
      <c r="AS1534" s="119"/>
      <c r="AT1534" s="119"/>
      <c r="AU1534" s="119"/>
      <c r="AV1534" s="119"/>
      <c r="AW1534" s="119"/>
      <c r="AX1534" s="119"/>
      <c r="AY1534" s="119"/>
      <c r="AZ1534" s="119"/>
      <c r="BA1534" s="119"/>
      <c r="BB1534" s="107">
        <v>45884</v>
      </c>
    </row>
    <row r="1535" spans="1:54" s="207" customFormat="1" ht="13.95" customHeight="1" x14ac:dyDescent="0.25">
      <c r="A1535" s="208" t="s">
        <v>3713</v>
      </c>
      <c r="B1535" s="209" t="s">
        <v>20420</v>
      </c>
      <c r="C1535" s="113" t="s">
        <v>3714</v>
      </c>
      <c r="D1535" s="113" t="s">
        <v>23325</v>
      </c>
      <c r="E1535" s="210">
        <v>1967</v>
      </c>
      <c r="F1535" s="210">
        <v>1739</v>
      </c>
      <c r="G1535" s="113" t="s">
        <v>1</v>
      </c>
      <c r="H1535" s="113">
        <v>0</v>
      </c>
      <c r="I1535" s="113">
        <v>0</v>
      </c>
      <c r="J1535" s="115">
        <v>1</v>
      </c>
      <c r="K1535" s="116" t="s">
        <v>174</v>
      </c>
      <c r="L1535" s="115">
        <v>1</v>
      </c>
      <c r="M1535" s="115">
        <v>0</v>
      </c>
      <c r="N1535" s="115">
        <v>0</v>
      </c>
      <c r="O1535" s="115">
        <v>0</v>
      </c>
      <c r="P1535" s="115">
        <v>1</v>
      </c>
      <c r="Q1535" s="115">
        <v>1</v>
      </c>
      <c r="R1535" s="115">
        <v>1</v>
      </c>
      <c r="S1535" s="115">
        <v>0</v>
      </c>
      <c r="T1535" s="115">
        <v>0</v>
      </c>
      <c r="U1535" s="119"/>
      <c r="V1535" s="119"/>
      <c r="W1535" s="119"/>
      <c r="X1535" s="119"/>
      <c r="Y1535" s="119"/>
      <c r="Z1535" s="119"/>
      <c r="AA1535" s="119"/>
      <c r="AB1535" s="119"/>
      <c r="AC1535" s="119"/>
      <c r="AD1535" s="119"/>
      <c r="AE1535" s="119"/>
      <c r="AF1535" s="119"/>
      <c r="AG1535" s="119"/>
      <c r="AH1535" s="119"/>
      <c r="AI1535" s="119"/>
      <c r="AJ1535" s="119"/>
      <c r="AK1535" s="119"/>
      <c r="AL1535" s="119"/>
      <c r="AM1535" s="119"/>
      <c r="AN1535" s="119"/>
      <c r="AO1535" s="119"/>
      <c r="AP1535" s="119"/>
      <c r="AQ1535" s="119"/>
      <c r="AR1535" s="119"/>
      <c r="AS1535" s="119"/>
      <c r="AT1535" s="119"/>
      <c r="AU1535" s="119"/>
      <c r="AV1535" s="119"/>
      <c r="AW1535" s="119"/>
      <c r="AX1535" s="119"/>
      <c r="AY1535" s="119"/>
      <c r="AZ1535" s="119"/>
      <c r="BA1535" s="119"/>
      <c r="BB1535" s="107">
        <v>45884</v>
      </c>
    </row>
    <row r="1536" spans="1:54" s="207" customFormat="1" ht="13.95" customHeight="1" x14ac:dyDescent="0.25">
      <c r="A1536" s="208" t="s">
        <v>3715</v>
      </c>
      <c r="B1536" s="209" t="s">
        <v>20420</v>
      </c>
      <c r="C1536" s="113" t="s">
        <v>3716</v>
      </c>
      <c r="D1536" s="113" t="s">
        <v>3717</v>
      </c>
      <c r="E1536" s="210">
        <v>1984</v>
      </c>
      <c r="F1536" s="210">
        <v>1741</v>
      </c>
      <c r="G1536" s="113" t="s">
        <v>1</v>
      </c>
      <c r="H1536" s="113">
        <v>0</v>
      </c>
      <c r="I1536" s="113">
        <v>0</v>
      </c>
      <c r="J1536" s="115">
        <v>1</v>
      </c>
      <c r="K1536" s="116" t="s">
        <v>174</v>
      </c>
      <c r="L1536" s="115">
        <v>1</v>
      </c>
      <c r="M1536" s="115">
        <v>0</v>
      </c>
      <c r="N1536" s="115">
        <v>1</v>
      </c>
      <c r="O1536" s="115">
        <v>1</v>
      </c>
      <c r="P1536" s="115" t="s">
        <v>400</v>
      </c>
      <c r="Q1536" s="115" t="s">
        <v>400</v>
      </c>
      <c r="R1536" s="115">
        <v>1</v>
      </c>
      <c r="S1536" s="115">
        <v>0</v>
      </c>
      <c r="T1536" s="115">
        <v>0</v>
      </c>
      <c r="U1536" s="119"/>
      <c r="V1536" s="119"/>
      <c r="W1536" s="119"/>
      <c r="X1536" s="119"/>
      <c r="Y1536" s="119"/>
      <c r="Z1536" s="119"/>
      <c r="AA1536" s="119"/>
      <c r="AB1536" s="119"/>
      <c r="AC1536" s="119"/>
      <c r="AD1536" s="119"/>
      <c r="AE1536" s="119"/>
      <c r="AF1536" s="119"/>
      <c r="AG1536" s="119"/>
      <c r="AH1536" s="119"/>
      <c r="AI1536" s="119"/>
      <c r="AJ1536" s="119"/>
      <c r="AK1536" s="119"/>
      <c r="AL1536" s="119"/>
      <c r="AM1536" s="119"/>
      <c r="AN1536" s="119"/>
      <c r="AO1536" s="119"/>
      <c r="AP1536" s="119"/>
      <c r="AQ1536" s="119"/>
      <c r="AR1536" s="119"/>
      <c r="AS1536" s="119"/>
      <c r="AT1536" s="119"/>
      <c r="AU1536" s="119"/>
      <c r="AV1536" s="119"/>
      <c r="AW1536" s="119"/>
      <c r="AX1536" s="119"/>
      <c r="AY1536" s="119"/>
      <c r="AZ1536" s="119"/>
      <c r="BA1536" s="119"/>
      <c r="BB1536" s="107">
        <v>45884</v>
      </c>
    </row>
    <row r="1537" spans="1:54" s="207" customFormat="1" ht="13.95" customHeight="1" x14ac:dyDescent="0.25">
      <c r="A1537" s="208" t="s">
        <v>3718</v>
      </c>
      <c r="B1537" s="209" t="s">
        <v>20420</v>
      </c>
      <c r="C1537" s="113" t="s">
        <v>3719</v>
      </c>
      <c r="D1537" s="113" t="s">
        <v>23326</v>
      </c>
      <c r="E1537" s="210">
        <v>1987</v>
      </c>
      <c r="F1537" s="210">
        <v>1743</v>
      </c>
      <c r="G1537" s="113" t="s">
        <v>1</v>
      </c>
      <c r="H1537" s="113">
        <v>0</v>
      </c>
      <c r="I1537" s="113">
        <v>0</v>
      </c>
      <c r="J1537" s="115">
        <v>1</v>
      </c>
      <c r="K1537" s="116" t="s">
        <v>174</v>
      </c>
      <c r="L1537" s="115">
        <v>1</v>
      </c>
      <c r="M1537" s="115">
        <v>0</v>
      </c>
      <c r="N1537" s="115">
        <v>0</v>
      </c>
      <c r="O1537" s="115">
        <v>1</v>
      </c>
      <c r="P1537" s="115">
        <v>1</v>
      </c>
      <c r="Q1537" s="115" t="s">
        <v>400</v>
      </c>
      <c r="R1537" s="115">
        <v>1</v>
      </c>
      <c r="S1537" s="115">
        <v>0</v>
      </c>
      <c r="T1537" s="115">
        <v>0</v>
      </c>
      <c r="U1537" s="119"/>
      <c r="V1537" s="119"/>
      <c r="W1537" s="119"/>
      <c r="X1537" s="119"/>
      <c r="Y1537" s="119"/>
      <c r="Z1537" s="119"/>
      <c r="AA1537" s="119"/>
      <c r="AB1537" s="119"/>
      <c r="AC1537" s="119"/>
      <c r="AD1537" s="119"/>
      <c r="AE1537" s="119"/>
      <c r="AF1537" s="119"/>
      <c r="AG1537" s="119"/>
      <c r="AH1537" s="119"/>
      <c r="AI1537" s="119"/>
      <c r="AJ1537" s="119"/>
      <c r="AK1537" s="119"/>
      <c r="AL1537" s="119"/>
      <c r="AM1537" s="119"/>
      <c r="AN1537" s="119"/>
      <c r="AO1537" s="119"/>
      <c r="AP1537" s="119"/>
      <c r="AQ1537" s="119"/>
      <c r="AR1537" s="119"/>
      <c r="AS1537" s="119"/>
      <c r="AT1537" s="119"/>
      <c r="AU1537" s="119"/>
      <c r="AV1537" s="119"/>
      <c r="AW1537" s="119"/>
      <c r="AX1537" s="119"/>
      <c r="AY1537" s="119"/>
      <c r="AZ1537" s="119"/>
      <c r="BA1537" s="119"/>
      <c r="BB1537" s="107">
        <v>45884</v>
      </c>
    </row>
    <row r="1538" spans="1:54" s="207" customFormat="1" ht="13.95" customHeight="1" x14ac:dyDescent="0.25">
      <c r="A1538" s="208" t="s">
        <v>3720</v>
      </c>
      <c r="B1538" s="209" t="s">
        <v>20420</v>
      </c>
      <c r="C1538" s="113" t="s">
        <v>3721</v>
      </c>
      <c r="D1538" s="113" t="s">
        <v>23327</v>
      </c>
      <c r="E1538" s="210">
        <v>1985</v>
      </c>
      <c r="F1538" s="210">
        <v>1745</v>
      </c>
      <c r="G1538" s="113" t="s">
        <v>1</v>
      </c>
      <c r="H1538" s="113">
        <v>0</v>
      </c>
      <c r="I1538" s="113">
        <v>0</v>
      </c>
      <c r="J1538" s="115">
        <v>1</v>
      </c>
      <c r="K1538" s="116" t="s">
        <v>174</v>
      </c>
      <c r="L1538" s="115">
        <v>1</v>
      </c>
      <c r="M1538" s="120">
        <v>1</v>
      </c>
      <c r="N1538" s="120">
        <v>1</v>
      </c>
      <c r="O1538" s="115">
        <v>1</v>
      </c>
      <c r="P1538" s="212">
        <v>0</v>
      </c>
      <c r="Q1538" s="115" t="s">
        <v>400</v>
      </c>
      <c r="R1538" s="115">
        <v>0</v>
      </c>
      <c r="S1538" s="115">
        <v>0</v>
      </c>
      <c r="T1538" s="115">
        <v>0</v>
      </c>
      <c r="U1538" s="119"/>
      <c r="V1538" s="119"/>
      <c r="W1538" s="119"/>
      <c r="X1538" s="119"/>
      <c r="Y1538" s="119"/>
      <c r="Z1538" s="119"/>
      <c r="AA1538" s="119"/>
      <c r="AB1538" s="119"/>
      <c r="AC1538" s="119"/>
      <c r="AD1538" s="119"/>
      <c r="AE1538" s="119"/>
      <c r="AF1538" s="119"/>
      <c r="AG1538" s="119"/>
      <c r="AH1538" s="119"/>
      <c r="AI1538" s="119"/>
      <c r="AJ1538" s="119"/>
      <c r="AK1538" s="119"/>
      <c r="AL1538" s="119"/>
      <c r="AM1538" s="119"/>
      <c r="AN1538" s="119"/>
      <c r="AO1538" s="119"/>
      <c r="AP1538" s="119"/>
      <c r="AQ1538" s="119"/>
      <c r="AR1538" s="119"/>
      <c r="AS1538" s="119"/>
      <c r="AT1538" s="119"/>
      <c r="AU1538" s="119"/>
      <c r="AV1538" s="119"/>
      <c r="AW1538" s="119"/>
      <c r="AX1538" s="119"/>
      <c r="AY1538" s="119"/>
      <c r="AZ1538" s="119"/>
      <c r="BA1538" s="119"/>
      <c r="BB1538" s="107">
        <v>45884</v>
      </c>
    </row>
    <row r="1539" spans="1:54" s="207" customFormat="1" ht="13.95" customHeight="1" x14ac:dyDescent="0.25">
      <c r="A1539" s="208" t="s">
        <v>3722</v>
      </c>
      <c r="B1539" s="209" t="s">
        <v>20420</v>
      </c>
      <c r="C1539" s="113" t="s">
        <v>3723</v>
      </c>
      <c r="D1539" s="113" t="s">
        <v>3724</v>
      </c>
      <c r="E1539" s="210">
        <v>2002</v>
      </c>
      <c r="F1539" s="210">
        <v>1749</v>
      </c>
      <c r="G1539" s="113" t="s">
        <v>1</v>
      </c>
      <c r="H1539" s="113">
        <v>0</v>
      </c>
      <c r="I1539" s="113">
        <v>0</v>
      </c>
      <c r="J1539" s="115">
        <v>1</v>
      </c>
      <c r="K1539" s="116" t="s">
        <v>174</v>
      </c>
      <c r="L1539" s="115">
        <v>1</v>
      </c>
      <c r="M1539" s="115">
        <v>1</v>
      </c>
      <c r="N1539" s="115">
        <v>0</v>
      </c>
      <c r="O1539" s="115">
        <v>1</v>
      </c>
      <c r="P1539" s="115" t="s">
        <v>400</v>
      </c>
      <c r="Q1539" s="115" t="s">
        <v>400</v>
      </c>
      <c r="R1539" s="115">
        <v>1</v>
      </c>
      <c r="S1539" s="115">
        <v>0</v>
      </c>
      <c r="T1539" s="115">
        <v>0</v>
      </c>
      <c r="U1539" s="119"/>
      <c r="V1539" s="119"/>
      <c r="W1539" s="119"/>
      <c r="X1539" s="119"/>
      <c r="Y1539" s="119"/>
      <c r="Z1539" s="119"/>
      <c r="AA1539" s="119"/>
      <c r="AB1539" s="119"/>
      <c r="AC1539" s="119"/>
      <c r="AD1539" s="119"/>
      <c r="AE1539" s="119"/>
      <c r="AF1539" s="119"/>
      <c r="AG1539" s="119"/>
      <c r="AH1539" s="119"/>
      <c r="AI1539" s="119"/>
      <c r="AJ1539" s="119"/>
      <c r="AK1539" s="119"/>
      <c r="AL1539" s="119"/>
      <c r="AM1539" s="119"/>
      <c r="AN1539" s="119"/>
      <c r="AO1539" s="119"/>
      <c r="AP1539" s="119"/>
      <c r="AQ1539" s="119"/>
      <c r="AR1539" s="119"/>
      <c r="AS1539" s="119"/>
      <c r="AT1539" s="119"/>
      <c r="AU1539" s="119"/>
      <c r="AV1539" s="119"/>
      <c r="AW1539" s="119"/>
      <c r="AX1539" s="119"/>
      <c r="AY1539" s="119"/>
      <c r="AZ1539" s="119"/>
      <c r="BA1539" s="119"/>
      <c r="BB1539" s="107">
        <v>45884</v>
      </c>
    </row>
    <row r="1540" spans="1:54" s="207" customFormat="1" ht="13.95" customHeight="1" x14ac:dyDescent="0.25">
      <c r="A1540" s="208" t="s">
        <v>3725</v>
      </c>
      <c r="B1540" s="209" t="s">
        <v>20420</v>
      </c>
      <c r="C1540" s="113" t="s">
        <v>3726</v>
      </c>
      <c r="D1540" s="113" t="s">
        <v>23328</v>
      </c>
      <c r="E1540" s="210">
        <v>1966</v>
      </c>
      <c r="F1540" s="210">
        <v>1749</v>
      </c>
      <c r="G1540" s="113" t="s">
        <v>1</v>
      </c>
      <c r="H1540" s="113">
        <v>0</v>
      </c>
      <c r="I1540" s="113">
        <v>0</v>
      </c>
      <c r="J1540" s="115">
        <v>1</v>
      </c>
      <c r="K1540" s="116" t="s">
        <v>174</v>
      </c>
      <c r="L1540" s="115">
        <v>1</v>
      </c>
      <c r="M1540" s="115">
        <v>1</v>
      </c>
      <c r="N1540" s="115">
        <v>0</v>
      </c>
      <c r="O1540" s="115">
        <v>1</v>
      </c>
      <c r="P1540" s="115" t="s">
        <v>400</v>
      </c>
      <c r="Q1540" s="115" t="s">
        <v>400</v>
      </c>
      <c r="R1540" s="115">
        <v>1</v>
      </c>
      <c r="S1540" s="115">
        <v>0</v>
      </c>
      <c r="T1540" s="115">
        <v>0</v>
      </c>
      <c r="U1540" s="119"/>
      <c r="V1540" s="119"/>
      <c r="W1540" s="119"/>
      <c r="X1540" s="119"/>
      <c r="Y1540" s="119"/>
      <c r="Z1540" s="119"/>
      <c r="AA1540" s="119"/>
      <c r="AB1540" s="119"/>
      <c r="AC1540" s="119"/>
      <c r="AD1540" s="119"/>
      <c r="AE1540" s="119"/>
      <c r="AF1540" s="119"/>
      <c r="AG1540" s="119"/>
      <c r="AH1540" s="119"/>
      <c r="AI1540" s="119"/>
      <c r="AJ1540" s="119"/>
      <c r="AK1540" s="119"/>
      <c r="AL1540" s="119"/>
      <c r="AM1540" s="119"/>
      <c r="AN1540" s="119"/>
      <c r="AO1540" s="119"/>
      <c r="AP1540" s="119"/>
      <c r="AQ1540" s="119"/>
      <c r="AR1540" s="119"/>
      <c r="AS1540" s="119"/>
      <c r="AT1540" s="119"/>
      <c r="AU1540" s="119"/>
      <c r="AV1540" s="119"/>
      <c r="AW1540" s="119"/>
      <c r="AX1540" s="119"/>
      <c r="AY1540" s="119"/>
      <c r="AZ1540" s="119"/>
      <c r="BA1540" s="119"/>
      <c r="BB1540" s="107">
        <v>45884</v>
      </c>
    </row>
    <row r="1541" spans="1:54" s="207" customFormat="1" ht="13.95" customHeight="1" x14ac:dyDescent="0.25">
      <c r="A1541" s="208" t="s">
        <v>3727</v>
      </c>
      <c r="B1541" s="209" t="s">
        <v>20420</v>
      </c>
      <c r="C1541" s="113" t="s">
        <v>3728</v>
      </c>
      <c r="D1541" s="113" t="s">
        <v>3729</v>
      </c>
      <c r="E1541" s="210">
        <v>1990</v>
      </c>
      <c r="F1541" s="210">
        <v>1750</v>
      </c>
      <c r="G1541" s="113" t="s">
        <v>1</v>
      </c>
      <c r="H1541" s="113">
        <v>0</v>
      </c>
      <c r="I1541" s="113">
        <v>0</v>
      </c>
      <c r="J1541" s="115">
        <v>1</v>
      </c>
      <c r="K1541" s="116" t="s">
        <v>174</v>
      </c>
      <c r="L1541" s="115">
        <v>1</v>
      </c>
      <c r="M1541" s="115">
        <v>1</v>
      </c>
      <c r="N1541" s="115">
        <v>0</v>
      </c>
      <c r="O1541" s="115">
        <v>0</v>
      </c>
      <c r="P1541" s="115" t="s">
        <v>400</v>
      </c>
      <c r="Q1541" s="115" t="s">
        <v>400</v>
      </c>
      <c r="R1541" s="115">
        <v>0</v>
      </c>
      <c r="S1541" s="115">
        <v>0</v>
      </c>
      <c r="T1541" s="115">
        <v>0</v>
      </c>
      <c r="U1541" s="119"/>
      <c r="V1541" s="119"/>
      <c r="W1541" s="119"/>
      <c r="X1541" s="119"/>
      <c r="Y1541" s="119"/>
      <c r="Z1541" s="119"/>
      <c r="AA1541" s="119"/>
      <c r="AB1541" s="119"/>
      <c r="AC1541" s="119"/>
      <c r="AD1541" s="119"/>
      <c r="AE1541" s="119"/>
      <c r="AF1541" s="119"/>
      <c r="AG1541" s="119"/>
      <c r="AH1541" s="119"/>
      <c r="AI1541" s="119"/>
      <c r="AJ1541" s="119"/>
      <c r="AK1541" s="119"/>
      <c r="AL1541" s="119"/>
      <c r="AM1541" s="119"/>
      <c r="AN1541" s="119"/>
      <c r="AO1541" s="119"/>
      <c r="AP1541" s="119"/>
      <c r="AQ1541" s="119"/>
      <c r="AR1541" s="119"/>
      <c r="AS1541" s="119"/>
      <c r="AT1541" s="119"/>
      <c r="AU1541" s="119"/>
      <c r="AV1541" s="119"/>
      <c r="AW1541" s="119"/>
      <c r="AX1541" s="119"/>
      <c r="AY1541" s="119"/>
      <c r="AZ1541" s="119"/>
      <c r="BA1541" s="119"/>
      <c r="BB1541" s="107">
        <v>45884</v>
      </c>
    </row>
    <row r="1542" spans="1:54" s="207" customFormat="1" ht="13.95" customHeight="1" x14ac:dyDescent="0.25">
      <c r="A1542" s="208" t="s">
        <v>3730</v>
      </c>
      <c r="B1542" s="209" t="s">
        <v>20420</v>
      </c>
      <c r="C1542" s="113" t="s">
        <v>3731</v>
      </c>
      <c r="D1542" s="113" t="s">
        <v>23329</v>
      </c>
      <c r="E1542" s="210">
        <v>1982</v>
      </c>
      <c r="F1542" s="210">
        <v>1750</v>
      </c>
      <c r="G1542" s="113" t="s">
        <v>1</v>
      </c>
      <c r="H1542" s="113">
        <v>0</v>
      </c>
      <c r="I1542" s="113">
        <v>0</v>
      </c>
      <c r="J1542" s="115">
        <v>1</v>
      </c>
      <c r="K1542" s="116" t="s">
        <v>174</v>
      </c>
      <c r="L1542" s="115">
        <v>1</v>
      </c>
      <c r="M1542" s="115">
        <v>0</v>
      </c>
      <c r="N1542" s="115">
        <v>0</v>
      </c>
      <c r="O1542" s="115">
        <v>1</v>
      </c>
      <c r="P1542" s="115">
        <v>1</v>
      </c>
      <c r="Q1542" s="115" t="s">
        <v>400</v>
      </c>
      <c r="R1542" s="115">
        <v>1</v>
      </c>
      <c r="S1542" s="115">
        <v>0</v>
      </c>
      <c r="T1542" s="115">
        <v>0</v>
      </c>
      <c r="U1542" s="119"/>
      <c r="V1542" s="119"/>
      <c r="W1542" s="119"/>
      <c r="X1542" s="119"/>
      <c r="Y1542" s="119"/>
      <c r="Z1542" s="119"/>
      <c r="AA1542" s="119"/>
      <c r="AB1542" s="119"/>
      <c r="AC1542" s="119"/>
      <c r="AD1542" s="119"/>
      <c r="AE1542" s="119"/>
      <c r="AF1542" s="119"/>
      <c r="AG1542" s="119"/>
      <c r="AH1542" s="119"/>
      <c r="AI1542" s="119"/>
      <c r="AJ1542" s="119"/>
      <c r="AK1542" s="119"/>
      <c r="AL1542" s="119"/>
      <c r="AM1542" s="119"/>
      <c r="AN1542" s="119"/>
      <c r="AO1542" s="119"/>
      <c r="AP1542" s="119"/>
      <c r="AQ1542" s="119"/>
      <c r="AR1542" s="119"/>
      <c r="AS1542" s="119"/>
      <c r="AT1542" s="119"/>
      <c r="AU1542" s="119"/>
      <c r="AV1542" s="119"/>
      <c r="AW1542" s="119"/>
      <c r="AX1542" s="119"/>
      <c r="AY1542" s="119"/>
      <c r="AZ1542" s="119"/>
      <c r="BA1542" s="119"/>
      <c r="BB1542" s="107">
        <v>45884</v>
      </c>
    </row>
    <row r="1543" spans="1:54" s="207" customFormat="1" ht="13.95" customHeight="1" x14ac:dyDescent="0.25">
      <c r="A1543" s="208" t="s">
        <v>3732</v>
      </c>
      <c r="B1543" s="209" t="s">
        <v>20420</v>
      </c>
      <c r="C1543" s="113" t="s">
        <v>3733</v>
      </c>
      <c r="D1543" s="113" t="s">
        <v>23330</v>
      </c>
      <c r="E1543" s="210">
        <v>1985</v>
      </c>
      <c r="F1543" s="210">
        <v>1753</v>
      </c>
      <c r="G1543" s="113" t="s">
        <v>1</v>
      </c>
      <c r="H1543" s="113">
        <v>0</v>
      </c>
      <c r="I1543" s="113">
        <v>0</v>
      </c>
      <c r="J1543" s="115">
        <v>1</v>
      </c>
      <c r="K1543" s="116" t="s">
        <v>174</v>
      </c>
      <c r="L1543" s="115">
        <v>1</v>
      </c>
      <c r="M1543" s="115">
        <v>0</v>
      </c>
      <c r="N1543" s="115">
        <v>1</v>
      </c>
      <c r="O1543" s="115">
        <v>1</v>
      </c>
      <c r="P1543" s="115">
        <v>1</v>
      </c>
      <c r="Q1543" s="115" t="s">
        <v>400</v>
      </c>
      <c r="R1543" s="115">
        <v>1</v>
      </c>
      <c r="S1543" s="115">
        <v>0</v>
      </c>
      <c r="T1543" s="115">
        <v>0</v>
      </c>
      <c r="U1543" s="119"/>
      <c r="V1543" s="119"/>
      <c r="W1543" s="119"/>
      <c r="X1543" s="119"/>
      <c r="Y1543" s="119"/>
      <c r="Z1543" s="119"/>
      <c r="AA1543" s="119"/>
      <c r="AB1543" s="119"/>
      <c r="AC1543" s="119"/>
      <c r="AD1543" s="119"/>
      <c r="AE1543" s="119"/>
      <c r="AF1543" s="119"/>
      <c r="AG1543" s="119"/>
      <c r="AH1543" s="119"/>
      <c r="AI1543" s="119"/>
      <c r="AJ1543" s="119"/>
      <c r="AK1543" s="119"/>
      <c r="AL1543" s="119"/>
      <c r="AM1543" s="119"/>
      <c r="AN1543" s="119"/>
      <c r="AO1543" s="119"/>
      <c r="AP1543" s="119"/>
      <c r="AQ1543" s="119"/>
      <c r="AR1543" s="119"/>
      <c r="AS1543" s="119"/>
      <c r="AT1543" s="119"/>
      <c r="AU1543" s="119"/>
      <c r="AV1543" s="119"/>
      <c r="AW1543" s="119"/>
      <c r="AX1543" s="119"/>
      <c r="AY1543" s="119"/>
      <c r="AZ1543" s="119"/>
      <c r="BA1543" s="119"/>
      <c r="BB1543" s="107">
        <v>45884</v>
      </c>
    </row>
    <row r="1544" spans="1:54" s="207" customFormat="1" ht="13.95" customHeight="1" x14ac:dyDescent="0.25">
      <c r="A1544" s="208" t="s">
        <v>3734</v>
      </c>
      <c r="B1544" s="209" t="s">
        <v>20420</v>
      </c>
      <c r="C1544" s="113" t="s">
        <v>3735</v>
      </c>
      <c r="D1544" s="113" t="s">
        <v>23331</v>
      </c>
      <c r="E1544" s="210">
        <v>1989</v>
      </c>
      <c r="F1544" s="210">
        <v>1754</v>
      </c>
      <c r="G1544" s="113" t="s">
        <v>1</v>
      </c>
      <c r="H1544" s="113">
        <v>0</v>
      </c>
      <c r="I1544" s="113">
        <v>0</v>
      </c>
      <c r="J1544" s="115">
        <v>1</v>
      </c>
      <c r="K1544" s="116" t="s">
        <v>174</v>
      </c>
      <c r="L1544" s="115">
        <v>1</v>
      </c>
      <c r="M1544" s="115">
        <v>0</v>
      </c>
      <c r="N1544" s="115">
        <v>0</v>
      </c>
      <c r="O1544" s="115">
        <v>1</v>
      </c>
      <c r="P1544" s="115">
        <v>1</v>
      </c>
      <c r="Q1544" s="115" t="s">
        <v>400</v>
      </c>
      <c r="R1544" s="115">
        <v>0</v>
      </c>
      <c r="S1544" s="115">
        <v>0</v>
      </c>
      <c r="T1544" s="115">
        <v>0</v>
      </c>
      <c r="U1544" s="119"/>
      <c r="V1544" s="119"/>
      <c r="W1544" s="119"/>
      <c r="X1544" s="119"/>
      <c r="Y1544" s="119"/>
      <c r="Z1544" s="119"/>
      <c r="AA1544" s="119"/>
      <c r="AB1544" s="119"/>
      <c r="AC1544" s="119"/>
      <c r="AD1544" s="119"/>
      <c r="AE1544" s="119"/>
      <c r="AF1544" s="119"/>
      <c r="AG1544" s="119"/>
      <c r="AH1544" s="119"/>
      <c r="AI1544" s="119"/>
      <c r="AJ1544" s="119"/>
      <c r="AK1544" s="119"/>
      <c r="AL1544" s="119"/>
      <c r="AM1544" s="119"/>
      <c r="AN1544" s="119"/>
      <c r="AO1544" s="119"/>
      <c r="AP1544" s="119"/>
      <c r="AQ1544" s="119"/>
      <c r="AR1544" s="119"/>
      <c r="AS1544" s="119"/>
      <c r="AT1544" s="119"/>
      <c r="AU1544" s="119"/>
      <c r="AV1544" s="119"/>
      <c r="AW1544" s="119"/>
      <c r="AX1544" s="119"/>
      <c r="AY1544" s="119"/>
      <c r="AZ1544" s="119"/>
      <c r="BA1544" s="119"/>
      <c r="BB1544" s="107">
        <v>45884</v>
      </c>
    </row>
    <row r="1545" spans="1:54" s="207" customFormat="1" ht="13.95" customHeight="1" x14ac:dyDescent="0.25">
      <c r="A1545" s="208" t="s">
        <v>3736</v>
      </c>
      <c r="B1545" s="209" t="s">
        <v>20420</v>
      </c>
      <c r="C1545" s="113" t="s">
        <v>3737</v>
      </c>
      <c r="D1545" s="113" t="s">
        <v>3738</v>
      </c>
      <c r="E1545" s="210">
        <v>2004</v>
      </c>
      <c r="F1545" s="210">
        <v>1756</v>
      </c>
      <c r="G1545" s="113" t="s">
        <v>1</v>
      </c>
      <c r="H1545" s="113">
        <v>1</v>
      </c>
      <c r="I1545" s="113">
        <v>1</v>
      </c>
      <c r="J1545" s="115">
        <v>1</v>
      </c>
      <c r="K1545" s="116" t="s">
        <v>174</v>
      </c>
      <c r="L1545" s="115">
        <v>1</v>
      </c>
      <c r="M1545" s="115">
        <v>0</v>
      </c>
      <c r="N1545" s="115">
        <v>1</v>
      </c>
      <c r="O1545" s="115">
        <v>1</v>
      </c>
      <c r="P1545" s="115">
        <v>1</v>
      </c>
      <c r="Q1545" s="115" t="s">
        <v>400</v>
      </c>
      <c r="R1545" s="115">
        <v>1</v>
      </c>
      <c r="S1545" s="115">
        <v>0</v>
      </c>
      <c r="T1545" s="115">
        <v>0</v>
      </c>
      <c r="U1545" s="119"/>
      <c r="V1545" s="119"/>
      <c r="W1545" s="119"/>
      <c r="X1545" s="119"/>
      <c r="Y1545" s="119"/>
      <c r="Z1545" s="119"/>
      <c r="AA1545" s="119"/>
      <c r="AB1545" s="119"/>
      <c r="AC1545" s="119"/>
      <c r="AD1545" s="119"/>
      <c r="AE1545" s="119"/>
      <c r="AF1545" s="119"/>
      <c r="AG1545" s="119"/>
      <c r="AH1545" s="119"/>
      <c r="AI1545" s="119"/>
      <c r="AJ1545" s="119"/>
      <c r="AK1545" s="119"/>
      <c r="AL1545" s="119"/>
      <c r="AM1545" s="119"/>
      <c r="AN1545" s="119"/>
      <c r="AO1545" s="119"/>
      <c r="AP1545" s="119"/>
      <c r="AQ1545" s="119"/>
      <c r="AR1545" s="119"/>
      <c r="AS1545" s="119"/>
      <c r="AT1545" s="119"/>
      <c r="AU1545" s="119"/>
      <c r="AV1545" s="119"/>
      <c r="AW1545" s="119"/>
      <c r="AX1545" s="119"/>
      <c r="AY1545" s="119"/>
      <c r="AZ1545" s="119"/>
      <c r="BA1545" s="119"/>
      <c r="BB1545" s="107">
        <v>45884</v>
      </c>
    </row>
    <row r="1546" spans="1:54" s="207" customFormat="1" ht="13.95" customHeight="1" x14ac:dyDescent="0.25">
      <c r="A1546" s="208" t="s">
        <v>3739</v>
      </c>
      <c r="B1546" s="209" t="s">
        <v>20420</v>
      </c>
      <c r="C1546" s="113" t="s">
        <v>3740</v>
      </c>
      <c r="D1546" s="113" t="s">
        <v>23332</v>
      </c>
      <c r="E1546" s="210">
        <v>1959</v>
      </c>
      <c r="F1546" s="210">
        <v>1762</v>
      </c>
      <c r="G1546" s="113" t="s">
        <v>1</v>
      </c>
      <c r="H1546" s="113">
        <v>0</v>
      </c>
      <c r="I1546" s="113">
        <v>0</v>
      </c>
      <c r="J1546" s="115">
        <v>1</v>
      </c>
      <c r="K1546" s="116" t="s">
        <v>174</v>
      </c>
      <c r="L1546" s="115">
        <v>1</v>
      </c>
      <c r="M1546" s="115">
        <v>1</v>
      </c>
      <c r="N1546" s="115">
        <v>1</v>
      </c>
      <c r="O1546" s="115">
        <v>1</v>
      </c>
      <c r="P1546" s="115" t="s">
        <v>400</v>
      </c>
      <c r="Q1546" s="115" t="s">
        <v>400</v>
      </c>
      <c r="R1546" s="115">
        <v>0</v>
      </c>
      <c r="S1546" s="115">
        <v>0</v>
      </c>
      <c r="T1546" s="115">
        <v>0</v>
      </c>
      <c r="U1546" s="119"/>
      <c r="V1546" s="119"/>
      <c r="W1546" s="119"/>
      <c r="X1546" s="119"/>
      <c r="Y1546" s="119"/>
      <c r="Z1546" s="119"/>
      <c r="AA1546" s="119"/>
      <c r="AB1546" s="119"/>
      <c r="AC1546" s="119"/>
      <c r="AD1546" s="119"/>
      <c r="AE1546" s="119"/>
      <c r="AF1546" s="119"/>
      <c r="AG1546" s="119"/>
      <c r="AH1546" s="119"/>
      <c r="AI1546" s="119"/>
      <c r="AJ1546" s="119"/>
      <c r="AK1546" s="119"/>
      <c r="AL1546" s="119"/>
      <c r="AM1546" s="119"/>
      <c r="AN1546" s="119"/>
      <c r="AO1546" s="119"/>
      <c r="AP1546" s="119"/>
      <c r="AQ1546" s="119"/>
      <c r="AR1546" s="119"/>
      <c r="AS1546" s="119"/>
      <c r="AT1546" s="119"/>
      <c r="AU1546" s="119"/>
      <c r="AV1546" s="119"/>
      <c r="AW1546" s="119"/>
      <c r="AX1546" s="119"/>
      <c r="AY1546" s="119"/>
      <c r="AZ1546" s="119"/>
      <c r="BA1546" s="119"/>
      <c r="BB1546" s="107">
        <v>45884</v>
      </c>
    </row>
    <row r="1547" spans="1:54" s="207" customFormat="1" ht="13.95" customHeight="1" x14ac:dyDescent="0.25">
      <c r="A1547" s="208" t="s">
        <v>3741</v>
      </c>
      <c r="B1547" s="209" t="s">
        <v>20420</v>
      </c>
      <c r="C1547" s="113" t="s">
        <v>3742</v>
      </c>
      <c r="D1547" s="113" t="s">
        <v>3743</v>
      </c>
      <c r="E1547" s="210">
        <v>1970</v>
      </c>
      <c r="F1547" s="210">
        <v>1911</v>
      </c>
      <c r="G1547" s="113" t="s">
        <v>1</v>
      </c>
      <c r="H1547" s="113">
        <v>0</v>
      </c>
      <c r="I1547" s="113">
        <v>0</v>
      </c>
      <c r="J1547" s="115">
        <v>1</v>
      </c>
      <c r="K1547" s="116" t="s">
        <v>174</v>
      </c>
      <c r="L1547" s="115">
        <v>1</v>
      </c>
      <c r="M1547" s="115">
        <v>1</v>
      </c>
      <c r="N1547" s="115">
        <v>0</v>
      </c>
      <c r="O1547" s="115">
        <v>1</v>
      </c>
      <c r="P1547" s="115" t="s">
        <v>400</v>
      </c>
      <c r="Q1547" s="115" t="s">
        <v>400</v>
      </c>
      <c r="R1547" s="115">
        <v>1</v>
      </c>
      <c r="S1547" s="115">
        <v>0</v>
      </c>
      <c r="T1547" s="115">
        <v>0</v>
      </c>
      <c r="U1547" s="119"/>
      <c r="V1547" s="119"/>
      <c r="W1547" s="119"/>
      <c r="X1547" s="119"/>
      <c r="Y1547" s="119"/>
      <c r="Z1547" s="119"/>
      <c r="AA1547" s="119"/>
      <c r="AB1547" s="119"/>
      <c r="AC1547" s="119"/>
      <c r="AD1547" s="119"/>
      <c r="AE1547" s="119"/>
      <c r="AF1547" s="119"/>
      <c r="AG1547" s="119"/>
      <c r="AH1547" s="119"/>
      <c r="AI1547" s="119"/>
      <c r="AJ1547" s="119"/>
      <c r="AK1547" s="119"/>
      <c r="AL1547" s="119"/>
      <c r="AM1547" s="119"/>
      <c r="AN1547" s="119"/>
      <c r="AO1547" s="119"/>
      <c r="AP1547" s="119"/>
      <c r="AQ1547" s="119"/>
      <c r="AR1547" s="119"/>
      <c r="AS1547" s="119"/>
      <c r="AT1547" s="119"/>
      <c r="AU1547" s="119"/>
      <c r="AV1547" s="119"/>
      <c r="AW1547" s="119"/>
      <c r="AX1547" s="119"/>
      <c r="AY1547" s="119"/>
      <c r="AZ1547" s="119"/>
      <c r="BA1547" s="119"/>
      <c r="BB1547" s="107">
        <v>45884</v>
      </c>
    </row>
    <row r="1548" spans="1:54" s="207" customFormat="1" ht="13.95" customHeight="1" x14ac:dyDescent="0.25">
      <c r="A1548" s="208" t="s">
        <v>3744</v>
      </c>
      <c r="B1548" s="209" t="s">
        <v>20420</v>
      </c>
      <c r="C1548" s="113" t="s">
        <v>3745</v>
      </c>
      <c r="D1548" s="113" t="s">
        <v>23333</v>
      </c>
      <c r="E1548" s="210">
        <v>1970</v>
      </c>
      <c r="F1548" s="210">
        <v>1765</v>
      </c>
      <c r="G1548" s="113" t="s">
        <v>1</v>
      </c>
      <c r="H1548" s="113">
        <v>0</v>
      </c>
      <c r="I1548" s="113">
        <v>0</v>
      </c>
      <c r="J1548" s="115">
        <v>1</v>
      </c>
      <c r="K1548" s="211">
        <v>1</v>
      </c>
      <c r="L1548" s="115">
        <v>1</v>
      </c>
      <c r="M1548" s="115">
        <v>0</v>
      </c>
      <c r="N1548" s="115">
        <v>0</v>
      </c>
      <c r="O1548" s="115">
        <v>1</v>
      </c>
      <c r="P1548" s="115">
        <v>1</v>
      </c>
      <c r="Q1548" s="115" t="s">
        <v>400</v>
      </c>
      <c r="R1548" s="115">
        <v>1</v>
      </c>
      <c r="S1548" s="115">
        <v>0</v>
      </c>
      <c r="T1548" s="115">
        <v>0</v>
      </c>
      <c r="U1548" s="119"/>
      <c r="V1548" s="119"/>
      <c r="W1548" s="119"/>
      <c r="X1548" s="119"/>
      <c r="Y1548" s="119"/>
      <c r="Z1548" s="119"/>
      <c r="AA1548" s="119"/>
      <c r="AB1548" s="119"/>
      <c r="AC1548" s="119"/>
      <c r="AD1548" s="119"/>
      <c r="AE1548" s="119"/>
      <c r="AF1548" s="119"/>
      <c r="AG1548" s="119"/>
      <c r="AH1548" s="119"/>
      <c r="AI1548" s="119"/>
      <c r="AJ1548" s="119"/>
      <c r="AK1548" s="119"/>
      <c r="AL1548" s="119"/>
      <c r="AM1548" s="119"/>
      <c r="AN1548" s="119"/>
      <c r="AO1548" s="119"/>
      <c r="AP1548" s="119"/>
      <c r="AQ1548" s="119"/>
      <c r="AR1548" s="119"/>
      <c r="AS1548" s="119"/>
      <c r="AT1548" s="119"/>
      <c r="AU1548" s="119"/>
      <c r="AV1548" s="119"/>
      <c r="AW1548" s="119"/>
      <c r="AX1548" s="119"/>
      <c r="AY1548" s="119"/>
      <c r="AZ1548" s="119"/>
      <c r="BA1548" s="119"/>
      <c r="BB1548" s="107">
        <v>45884</v>
      </c>
    </row>
    <row r="1549" spans="1:54" s="207" customFormat="1" ht="13.95" customHeight="1" x14ac:dyDescent="0.25">
      <c r="A1549" s="208" t="s">
        <v>3746</v>
      </c>
      <c r="B1549" s="209" t="s">
        <v>20420</v>
      </c>
      <c r="C1549" s="113" t="s">
        <v>3747</v>
      </c>
      <c r="D1549" s="113" t="s">
        <v>23334</v>
      </c>
      <c r="E1549" s="210">
        <v>1981</v>
      </c>
      <c r="F1549" s="210">
        <v>1767</v>
      </c>
      <c r="G1549" s="113" t="s">
        <v>1</v>
      </c>
      <c r="H1549" s="113">
        <v>0</v>
      </c>
      <c r="I1549" s="113">
        <v>0</v>
      </c>
      <c r="J1549" s="115">
        <v>1</v>
      </c>
      <c r="K1549" s="116" t="s">
        <v>174</v>
      </c>
      <c r="L1549" s="115">
        <v>0</v>
      </c>
      <c r="M1549" s="115">
        <v>0</v>
      </c>
      <c r="N1549" s="115">
        <v>0</v>
      </c>
      <c r="O1549" s="115">
        <v>1</v>
      </c>
      <c r="P1549" s="115">
        <v>1</v>
      </c>
      <c r="Q1549" s="115">
        <v>1</v>
      </c>
      <c r="R1549" s="115">
        <v>1</v>
      </c>
      <c r="S1549" s="115">
        <v>0</v>
      </c>
      <c r="T1549" s="115">
        <v>0</v>
      </c>
      <c r="U1549" s="119"/>
      <c r="V1549" s="119"/>
      <c r="W1549" s="119"/>
      <c r="X1549" s="119"/>
      <c r="Y1549" s="119"/>
      <c r="Z1549" s="119"/>
      <c r="AA1549" s="119"/>
      <c r="AB1549" s="119"/>
      <c r="AC1549" s="119"/>
      <c r="AD1549" s="119"/>
      <c r="AE1549" s="119"/>
      <c r="AF1549" s="119"/>
      <c r="AG1549" s="119"/>
      <c r="AH1549" s="119"/>
      <c r="AI1549" s="119"/>
      <c r="AJ1549" s="119"/>
      <c r="AK1549" s="119"/>
      <c r="AL1549" s="119"/>
      <c r="AM1549" s="119"/>
      <c r="AN1549" s="119"/>
      <c r="AO1549" s="119"/>
      <c r="AP1549" s="119"/>
      <c r="AQ1549" s="119"/>
      <c r="AR1549" s="119"/>
      <c r="AS1549" s="119"/>
      <c r="AT1549" s="119"/>
      <c r="AU1549" s="119"/>
      <c r="AV1549" s="119"/>
      <c r="AW1549" s="119"/>
      <c r="AX1549" s="119"/>
      <c r="AY1549" s="119"/>
      <c r="AZ1549" s="119"/>
      <c r="BA1549" s="119"/>
      <c r="BB1549" s="107">
        <v>45884</v>
      </c>
    </row>
    <row r="1550" spans="1:54" s="207" customFormat="1" ht="13.95" customHeight="1" x14ac:dyDescent="0.25">
      <c r="A1550" s="208" t="s">
        <v>3748</v>
      </c>
      <c r="B1550" s="209" t="s">
        <v>20420</v>
      </c>
      <c r="C1550" s="113" t="s">
        <v>3749</v>
      </c>
      <c r="D1550" s="113" t="s">
        <v>3750</v>
      </c>
      <c r="E1550" s="210">
        <v>2007</v>
      </c>
      <c r="F1550" s="210">
        <v>1768</v>
      </c>
      <c r="G1550" s="113" t="s">
        <v>1</v>
      </c>
      <c r="H1550" s="113">
        <v>0</v>
      </c>
      <c r="I1550" s="113">
        <v>0</v>
      </c>
      <c r="J1550" s="115">
        <v>1</v>
      </c>
      <c r="K1550" s="116" t="s">
        <v>174</v>
      </c>
      <c r="L1550" s="115">
        <v>1</v>
      </c>
      <c r="M1550" s="115">
        <v>1</v>
      </c>
      <c r="N1550" s="115">
        <v>0</v>
      </c>
      <c r="O1550" s="115">
        <v>1</v>
      </c>
      <c r="P1550" s="115" t="s">
        <v>400</v>
      </c>
      <c r="Q1550" s="115" t="s">
        <v>400</v>
      </c>
      <c r="R1550" s="115">
        <v>1</v>
      </c>
      <c r="S1550" s="115">
        <v>0</v>
      </c>
      <c r="T1550" s="115">
        <v>0</v>
      </c>
      <c r="U1550" s="119"/>
      <c r="V1550" s="119"/>
      <c r="W1550" s="119"/>
      <c r="X1550" s="119"/>
      <c r="Y1550" s="119"/>
      <c r="Z1550" s="119"/>
      <c r="AA1550" s="119"/>
      <c r="AB1550" s="119"/>
      <c r="AC1550" s="119"/>
      <c r="AD1550" s="119"/>
      <c r="AE1550" s="119"/>
      <c r="AF1550" s="119"/>
      <c r="AG1550" s="119"/>
      <c r="AH1550" s="119"/>
      <c r="AI1550" s="119"/>
      <c r="AJ1550" s="119"/>
      <c r="AK1550" s="119"/>
      <c r="AL1550" s="119"/>
      <c r="AM1550" s="119"/>
      <c r="AN1550" s="119"/>
      <c r="AO1550" s="119"/>
      <c r="AP1550" s="119"/>
      <c r="AQ1550" s="119"/>
      <c r="AR1550" s="119"/>
      <c r="AS1550" s="119"/>
      <c r="AT1550" s="119"/>
      <c r="AU1550" s="119"/>
      <c r="AV1550" s="119"/>
      <c r="AW1550" s="119"/>
      <c r="AX1550" s="119"/>
      <c r="AY1550" s="119"/>
      <c r="AZ1550" s="119"/>
      <c r="BA1550" s="119"/>
      <c r="BB1550" s="107">
        <v>45884</v>
      </c>
    </row>
    <row r="1551" spans="1:54" s="207" customFormat="1" ht="13.95" customHeight="1" x14ac:dyDescent="0.25">
      <c r="A1551" s="208" t="s">
        <v>3751</v>
      </c>
      <c r="B1551" s="209" t="s">
        <v>20420</v>
      </c>
      <c r="C1551" s="113" t="s">
        <v>3752</v>
      </c>
      <c r="D1551" s="113" t="s">
        <v>23335</v>
      </c>
      <c r="E1551" s="210">
        <v>2006</v>
      </c>
      <c r="F1551" s="210">
        <v>1773</v>
      </c>
      <c r="G1551" s="113" t="s">
        <v>1</v>
      </c>
      <c r="H1551" s="113">
        <v>0</v>
      </c>
      <c r="I1551" s="113">
        <v>0</v>
      </c>
      <c r="J1551" s="115">
        <v>1</v>
      </c>
      <c r="K1551" s="116" t="s">
        <v>174</v>
      </c>
      <c r="L1551" s="115">
        <v>1</v>
      </c>
      <c r="M1551" s="115">
        <v>1</v>
      </c>
      <c r="N1551" s="115">
        <v>0</v>
      </c>
      <c r="O1551" s="115">
        <v>1</v>
      </c>
      <c r="P1551" s="115" t="s">
        <v>400</v>
      </c>
      <c r="Q1551" s="115" t="s">
        <v>400</v>
      </c>
      <c r="R1551" s="115">
        <v>1</v>
      </c>
      <c r="S1551" s="115">
        <v>0</v>
      </c>
      <c r="T1551" s="115">
        <v>0</v>
      </c>
      <c r="U1551" s="119"/>
      <c r="V1551" s="119"/>
      <c r="W1551" s="119"/>
      <c r="X1551" s="119"/>
      <c r="Y1551" s="119"/>
      <c r="Z1551" s="119"/>
      <c r="AA1551" s="119"/>
      <c r="AB1551" s="119"/>
      <c r="AC1551" s="119"/>
      <c r="AD1551" s="119"/>
      <c r="AE1551" s="119"/>
      <c r="AF1551" s="119"/>
      <c r="AG1551" s="119"/>
      <c r="AH1551" s="119"/>
      <c r="AI1551" s="119"/>
      <c r="AJ1551" s="119"/>
      <c r="AK1551" s="119"/>
      <c r="AL1551" s="119"/>
      <c r="AM1551" s="119"/>
      <c r="AN1551" s="119"/>
      <c r="AO1551" s="119"/>
      <c r="AP1551" s="119"/>
      <c r="AQ1551" s="119"/>
      <c r="AR1551" s="119"/>
      <c r="AS1551" s="119"/>
      <c r="AT1551" s="119"/>
      <c r="AU1551" s="119"/>
      <c r="AV1551" s="119"/>
      <c r="AW1551" s="119"/>
      <c r="AX1551" s="119"/>
      <c r="AY1551" s="119"/>
      <c r="AZ1551" s="119"/>
      <c r="BA1551" s="119"/>
      <c r="BB1551" s="107">
        <v>45884</v>
      </c>
    </row>
    <row r="1552" spans="1:54" s="207" customFormat="1" ht="13.95" customHeight="1" x14ac:dyDescent="0.25">
      <c r="A1552" s="208" t="s">
        <v>3753</v>
      </c>
      <c r="B1552" s="209" t="s">
        <v>20420</v>
      </c>
      <c r="C1552" s="113" t="s">
        <v>3754</v>
      </c>
      <c r="D1552" s="113" t="s">
        <v>23336</v>
      </c>
      <c r="E1552" s="210">
        <v>1970</v>
      </c>
      <c r="F1552" s="210">
        <v>1776</v>
      </c>
      <c r="G1552" s="113" t="s">
        <v>1</v>
      </c>
      <c r="H1552" s="113">
        <v>0</v>
      </c>
      <c r="I1552" s="113">
        <v>0</v>
      </c>
      <c r="J1552" s="115">
        <v>1</v>
      </c>
      <c r="K1552" s="211">
        <v>1</v>
      </c>
      <c r="L1552" s="115">
        <v>1</v>
      </c>
      <c r="M1552" s="115">
        <v>1</v>
      </c>
      <c r="N1552" s="115">
        <v>0</v>
      </c>
      <c r="O1552" s="115">
        <v>1</v>
      </c>
      <c r="P1552" s="115" t="s">
        <v>400</v>
      </c>
      <c r="Q1552" s="115">
        <v>1</v>
      </c>
      <c r="R1552" s="115">
        <v>1</v>
      </c>
      <c r="S1552" s="115">
        <v>0</v>
      </c>
      <c r="T1552" s="115">
        <v>0</v>
      </c>
      <c r="U1552" s="119"/>
      <c r="V1552" s="119"/>
      <c r="W1552" s="119"/>
      <c r="X1552" s="119"/>
      <c r="Y1552" s="119"/>
      <c r="Z1552" s="119"/>
      <c r="AA1552" s="119"/>
      <c r="AB1552" s="119"/>
      <c r="AC1552" s="119"/>
      <c r="AD1552" s="119"/>
      <c r="AE1552" s="119"/>
      <c r="AF1552" s="119"/>
      <c r="AG1552" s="119"/>
      <c r="AH1552" s="119"/>
      <c r="AI1552" s="119"/>
      <c r="AJ1552" s="119"/>
      <c r="AK1552" s="119"/>
      <c r="AL1552" s="119"/>
      <c r="AM1552" s="119"/>
      <c r="AN1552" s="119"/>
      <c r="AO1552" s="119"/>
      <c r="AP1552" s="119"/>
      <c r="AQ1552" s="119"/>
      <c r="AR1552" s="119"/>
      <c r="AS1552" s="119"/>
      <c r="AT1552" s="119"/>
      <c r="AU1552" s="119"/>
      <c r="AV1552" s="119"/>
      <c r="AW1552" s="119"/>
      <c r="AX1552" s="119"/>
      <c r="AY1552" s="119"/>
      <c r="AZ1552" s="119"/>
      <c r="BA1552" s="119"/>
      <c r="BB1552" s="107">
        <v>45884</v>
      </c>
    </row>
    <row r="1553" spans="1:54" s="207" customFormat="1" ht="13.95" customHeight="1" x14ac:dyDescent="0.25">
      <c r="A1553" s="208" t="s">
        <v>3755</v>
      </c>
      <c r="B1553" s="209" t="s">
        <v>20420</v>
      </c>
      <c r="C1553" s="113" t="s">
        <v>3756</v>
      </c>
      <c r="D1553" s="113" t="s">
        <v>3757</v>
      </c>
      <c r="E1553" s="210">
        <v>1998</v>
      </c>
      <c r="F1553" s="210">
        <v>1782</v>
      </c>
      <c r="G1553" s="113" t="s">
        <v>1</v>
      </c>
      <c r="H1553" s="113">
        <v>0</v>
      </c>
      <c r="I1553" s="113">
        <v>0</v>
      </c>
      <c r="J1553" s="115">
        <v>1</v>
      </c>
      <c r="K1553" s="116" t="s">
        <v>174</v>
      </c>
      <c r="L1553" s="115">
        <v>1</v>
      </c>
      <c r="M1553" s="115">
        <v>1</v>
      </c>
      <c r="N1553" s="115">
        <v>1</v>
      </c>
      <c r="O1553" s="115">
        <v>0</v>
      </c>
      <c r="P1553" s="115" t="s">
        <v>400</v>
      </c>
      <c r="Q1553" s="115" t="s">
        <v>400</v>
      </c>
      <c r="R1553" s="115">
        <v>1</v>
      </c>
      <c r="S1553" s="115">
        <v>0</v>
      </c>
      <c r="T1553" s="115">
        <v>0</v>
      </c>
      <c r="U1553" s="119"/>
      <c r="V1553" s="119"/>
      <c r="W1553" s="119"/>
      <c r="X1553" s="119"/>
      <c r="Y1553" s="119"/>
      <c r="Z1553" s="119"/>
      <c r="AA1553" s="119"/>
      <c r="AB1553" s="119"/>
      <c r="AC1553" s="119"/>
      <c r="AD1553" s="119"/>
      <c r="AE1553" s="119"/>
      <c r="AF1553" s="119"/>
      <c r="AG1553" s="119"/>
      <c r="AH1553" s="119"/>
      <c r="AI1553" s="119"/>
      <c r="AJ1553" s="119"/>
      <c r="AK1553" s="119"/>
      <c r="AL1553" s="119"/>
      <c r="AM1553" s="119"/>
      <c r="AN1553" s="119"/>
      <c r="AO1553" s="119"/>
      <c r="AP1553" s="119"/>
      <c r="AQ1553" s="119"/>
      <c r="AR1553" s="119"/>
      <c r="AS1553" s="119"/>
      <c r="AT1553" s="119"/>
      <c r="AU1553" s="119"/>
      <c r="AV1553" s="119"/>
      <c r="AW1553" s="119"/>
      <c r="AX1553" s="119"/>
      <c r="AY1553" s="119"/>
      <c r="AZ1553" s="119"/>
      <c r="BA1553" s="119"/>
      <c r="BB1553" s="107">
        <v>45884</v>
      </c>
    </row>
    <row r="1554" spans="1:54" s="207" customFormat="1" ht="13.95" customHeight="1" x14ac:dyDescent="0.25">
      <c r="A1554" s="208" t="s">
        <v>3758</v>
      </c>
      <c r="B1554" s="209" t="s">
        <v>20420</v>
      </c>
      <c r="C1554" s="113" t="s">
        <v>3759</v>
      </c>
      <c r="D1554" s="113" t="s">
        <v>23337</v>
      </c>
      <c r="E1554" s="210">
        <v>1954</v>
      </c>
      <c r="F1554" s="210">
        <v>1783</v>
      </c>
      <c r="G1554" s="113" t="s">
        <v>1</v>
      </c>
      <c r="H1554" s="113">
        <v>0</v>
      </c>
      <c r="I1554" s="113">
        <v>0</v>
      </c>
      <c r="J1554" s="115">
        <v>1</v>
      </c>
      <c r="K1554" s="116" t="s">
        <v>174</v>
      </c>
      <c r="L1554" s="115">
        <v>0</v>
      </c>
      <c r="M1554" s="115">
        <v>0</v>
      </c>
      <c r="N1554" s="115">
        <v>0</v>
      </c>
      <c r="O1554" s="115">
        <v>0</v>
      </c>
      <c r="P1554" s="115" t="s">
        <v>400</v>
      </c>
      <c r="Q1554" s="115" t="s">
        <v>400</v>
      </c>
      <c r="R1554" s="115">
        <v>0</v>
      </c>
      <c r="S1554" s="115">
        <v>0</v>
      </c>
      <c r="T1554" s="115">
        <v>0</v>
      </c>
      <c r="U1554" s="119"/>
      <c r="V1554" s="119"/>
      <c r="W1554" s="119"/>
      <c r="X1554" s="119"/>
      <c r="Y1554" s="119"/>
      <c r="Z1554" s="119"/>
      <c r="AA1554" s="119"/>
      <c r="AB1554" s="119"/>
      <c r="AC1554" s="119"/>
      <c r="AD1554" s="119"/>
      <c r="AE1554" s="119"/>
      <c r="AF1554" s="119"/>
      <c r="AG1554" s="119"/>
      <c r="AH1554" s="119"/>
      <c r="AI1554" s="119"/>
      <c r="AJ1554" s="119"/>
      <c r="AK1554" s="119"/>
      <c r="AL1554" s="119"/>
      <c r="AM1554" s="119"/>
      <c r="AN1554" s="119"/>
      <c r="AO1554" s="119"/>
      <c r="AP1554" s="119"/>
      <c r="AQ1554" s="119"/>
      <c r="AR1554" s="119"/>
      <c r="AS1554" s="119"/>
      <c r="AT1554" s="119"/>
      <c r="AU1554" s="119"/>
      <c r="AV1554" s="119"/>
      <c r="AW1554" s="119"/>
      <c r="AX1554" s="119"/>
      <c r="AY1554" s="119"/>
      <c r="AZ1554" s="119"/>
      <c r="BA1554" s="119"/>
      <c r="BB1554" s="107">
        <v>45884</v>
      </c>
    </row>
    <row r="1555" spans="1:54" s="207" customFormat="1" ht="13.95" customHeight="1" x14ac:dyDescent="0.25">
      <c r="A1555" s="208" t="s">
        <v>3760</v>
      </c>
      <c r="B1555" s="209" t="s">
        <v>20420</v>
      </c>
      <c r="C1555" s="113" t="s">
        <v>3761</v>
      </c>
      <c r="D1555" s="113" t="s">
        <v>3762</v>
      </c>
      <c r="E1555" s="210">
        <v>1965</v>
      </c>
      <c r="F1555" s="210">
        <v>1784</v>
      </c>
      <c r="G1555" s="113" t="s">
        <v>1</v>
      </c>
      <c r="H1555" s="113">
        <v>0</v>
      </c>
      <c r="I1555" s="113">
        <v>0</v>
      </c>
      <c r="J1555" s="115">
        <v>1</v>
      </c>
      <c r="K1555" s="116" t="s">
        <v>174</v>
      </c>
      <c r="L1555" s="115">
        <v>1</v>
      </c>
      <c r="M1555" s="115">
        <v>0</v>
      </c>
      <c r="N1555" s="115">
        <v>0</v>
      </c>
      <c r="O1555" s="115">
        <v>1</v>
      </c>
      <c r="P1555" s="115" t="s">
        <v>400</v>
      </c>
      <c r="Q1555" s="115" t="s">
        <v>400</v>
      </c>
      <c r="R1555" s="115">
        <v>1</v>
      </c>
      <c r="S1555" s="115">
        <v>0</v>
      </c>
      <c r="T1555" s="115">
        <v>0</v>
      </c>
      <c r="U1555" s="119"/>
      <c r="V1555" s="119"/>
      <c r="W1555" s="119"/>
      <c r="X1555" s="119"/>
      <c r="Y1555" s="119"/>
      <c r="Z1555" s="119"/>
      <c r="AA1555" s="119"/>
      <c r="AB1555" s="119"/>
      <c r="AC1555" s="119"/>
      <c r="AD1555" s="119"/>
      <c r="AE1555" s="119"/>
      <c r="AF1555" s="119"/>
      <c r="AG1555" s="119"/>
      <c r="AH1555" s="119"/>
      <c r="AI1555" s="119"/>
      <c r="AJ1555" s="119"/>
      <c r="AK1555" s="119"/>
      <c r="AL1555" s="119"/>
      <c r="AM1555" s="119"/>
      <c r="AN1555" s="119"/>
      <c r="AO1555" s="119"/>
      <c r="AP1555" s="119"/>
      <c r="AQ1555" s="119"/>
      <c r="AR1555" s="119"/>
      <c r="AS1555" s="119"/>
      <c r="AT1555" s="119"/>
      <c r="AU1555" s="119"/>
      <c r="AV1555" s="119"/>
      <c r="AW1555" s="119"/>
      <c r="AX1555" s="119"/>
      <c r="AY1555" s="119"/>
      <c r="AZ1555" s="119"/>
      <c r="BA1555" s="119"/>
      <c r="BB1555" s="107">
        <v>45884</v>
      </c>
    </row>
    <row r="1556" spans="1:54" s="207" customFormat="1" ht="13.95" customHeight="1" x14ac:dyDescent="0.25">
      <c r="A1556" s="208" t="s">
        <v>3763</v>
      </c>
      <c r="B1556" s="209" t="s">
        <v>20420</v>
      </c>
      <c r="C1556" s="113" t="s">
        <v>3764</v>
      </c>
      <c r="D1556" s="113" t="s">
        <v>23338</v>
      </c>
      <c r="E1556" s="210">
        <v>1976</v>
      </c>
      <c r="F1556" s="210">
        <v>1786</v>
      </c>
      <c r="G1556" s="113" t="s">
        <v>1</v>
      </c>
      <c r="H1556" s="113">
        <v>0</v>
      </c>
      <c r="I1556" s="113">
        <v>0</v>
      </c>
      <c r="J1556" s="115">
        <v>1</v>
      </c>
      <c r="K1556" s="116" t="s">
        <v>174</v>
      </c>
      <c r="L1556" s="115">
        <v>1</v>
      </c>
      <c r="M1556" s="115">
        <v>0</v>
      </c>
      <c r="N1556" s="115">
        <v>0</v>
      </c>
      <c r="O1556" s="115">
        <v>1</v>
      </c>
      <c r="P1556" s="115">
        <v>1</v>
      </c>
      <c r="Q1556" s="115" t="s">
        <v>400</v>
      </c>
      <c r="R1556" s="115">
        <v>1</v>
      </c>
      <c r="S1556" s="115">
        <v>0</v>
      </c>
      <c r="T1556" s="115">
        <v>0</v>
      </c>
      <c r="U1556" s="119"/>
      <c r="V1556" s="119"/>
      <c r="W1556" s="119"/>
      <c r="X1556" s="119"/>
      <c r="Y1556" s="119"/>
      <c r="Z1556" s="119"/>
      <c r="AA1556" s="119"/>
      <c r="AB1556" s="119"/>
      <c r="AC1556" s="119"/>
      <c r="AD1556" s="119"/>
      <c r="AE1556" s="119"/>
      <c r="AF1556" s="119"/>
      <c r="AG1556" s="119"/>
      <c r="AH1556" s="119"/>
      <c r="AI1556" s="119"/>
      <c r="AJ1556" s="119"/>
      <c r="AK1556" s="119"/>
      <c r="AL1556" s="119"/>
      <c r="AM1556" s="119"/>
      <c r="AN1556" s="119"/>
      <c r="AO1556" s="119"/>
      <c r="AP1556" s="119"/>
      <c r="AQ1556" s="119"/>
      <c r="AR1556" s="119"/>
      <c r="AS1556" s="119"/>
      <c r="AT1556" s="119"/>
      <c r="AU1556" s="119"/>
      <c r="AV1556" s="119"/>
      <c r="AW1556" s="119"/>
      <c r="AX1556" s="119"/>
      <c r="AY1556" s="119"/>
      <c r="AZ1556" s="119"/>
      <c r="BA1556" s="119"/>
      <c r="BB1556" s="107">
        <v>45884</v>
      </c>
    </row>
    <row r="1557" spans="1:54" s="207" customFormat="1" ht="13.95" customHeight="1" x14ac:dyDescent="0.25">
      <c r="A1557" s="208" t="s">
        <v>3765</v>
      </c>
      <c r="B1557" s="209" t="s">
        <v>20420</v>
      </c>
      <c r="C1557" s="113" t="s">
        <v>3766</v>
      </c>
      <c r="D1557" s="113" t="s">
        <v>3767</v>
      </c>
      <c r="E1557" s="210">
        <v>2005</v>
      </c>
      <c r="F1557" s="210">
        <v>1786</v>
      </c>
      <c r="G1557" s="113" t="s">
        <v>1</v>
      </c>
      <c r="H1557" s="113">
        <v>0</v>
      </c>
      <c r="I1557" s="113">
        <v>0</v>
      </c>
      <c r="J1557" s="115">
        <v>1</v>
      </c>
      <c r="K1557" s="211">
        <v>1</v>
      </c>
      <c r="L1557" s="115">
        <v>1</v>
      </c>
      <c r="M1557" s="115">
        <v>1</v>
      </c>
      <c r="N1557" s="115">
        <v>0</v>
      </c>
      <c r="O1557" s="115">
        <v>1</v>
      </c>
      <c r="P1557" s="115" t="s">
        <v>400</v>
      </c>
      <c r="Q1557" s="115" t="s">
        <v>400</v>
      </c>
      <c r="R1557" s="115">
        <v>0</v>
      </c>
      <c r="S1557" s="115">
        <v>0</v>
      </c>
      <c r="T1557" s="115">
        <v>0</v>
      </c>
      <c r="U1557" s="119"/>
      <c r="V1557" s="119"/>
      <c r="W1557" s="119"/>
      <c r="X1557" s="119"/>
      <c r="Y1557" s="119"/>
      <c r="Z1557" s="119"/>
      <c r="AA1557" s="119"/>
      <c r="AB1557" s="119"/>
      <c r="AC1557" s="119"/>
      <c r="AD1557" s="119"/>
      <c r="AE1557" s="119"/>
      <c r="AF1557" s="119"/>
      <c r="AG1557" s="119"/>
      <c r="AH1557" s="119"/>
      <c r="AI1557" s="119"/>
      <c r="AJ1557" s="119"/>
      <c r="AK1557" s="119"/>
      <c r="AL1557" s="119"/>
      <c r="AM1557" s="119"/>
      <c r="AN1557" s="119"/>
      <c r="AO1557" s="119"/>
      <c r="AP1557" s="119"/>
      <c r="AQ1557" s="119"/>
      <c r="AR1557" s="119"/>
      <c r="AS1557" s="119"/>
      <c r="AT1557" s="119"/>
      <c r="AU1557" s="119"/>
      <c r="AV1557" s="119"/>
      <c r="AW1557" s="119"/>
      <c r="AX1557" s="119"/>
      <c r="AY1557" s="119"/>
      <c r="AZ1557" s="119"/>
      <c r="BA1557" s="119"/>
      <c r="BB1557" s="107">
        <v>45884</v>
      </c>
    </row>
    <row r="1558" spans="1:54" s="207" customFormat="1" ht="13.95" customHeight="1" x14ac:dyDescent="0.25">
      <c r="A1558" s="208" t="s">
        <v>3768</v>
      </c>
      <c r="B1558" s="209" t="s">
        <v>20420</v>
      </c>
      <c r="C1558" s="113" t="s">
        <v>3769</v>
      </c>
      <c r="D1558" s="113" t="s">
        <v>23339</v>
      </c>
      <c r="E1558" s="210">
        <v>1988</v>
      </c>
      <c r="F1558" s="210">
        <v>1788</v>
      </c>
      <c r="G1558" s="113" t="s">
        <v>1</v>
      </c>
      <c r="H1558" s="113">
        <v>0</v>
      </c>
      <c r="I1558" s="113">
        <v>0</v>
      </c>
      <c r="J1558" s="115">
        <v>1</v>
      </c>
      <c r="K1558" s="116" t="s">
        <v>174</v>
      </c>
      <c r="L1558" s="115">
        <v>1</v>
      </c>
      <c r="M1558" s="115">
        <v>1</v>
      </c>
      <c r="N1558" s="120">
        <v>1</v>
      </c>
      <c r="O1558" s="115">
        <v>1</v>
      </c>
      <c r="P1558" s="115" t="s">
        <v>400</v>
      </c>
      <c r="Q1558" s="115" t="s">
        <v>400</v>
      </c>
      <c r="R1558" s="115">
        <v>0</v>
      </c>
      <c r="S1558" s="115">
        <v>0</v>
      </c>
      <c r="T1558" s="115">
        <v>0</v>
      </c>
      <c r="U1558" s="119"/>
      <c r="V1558" s="119"/>
      <c r="W1558" s="119"/>
      <c r="X1558" s="119"/>
      <c r="Y1558" s="119"/>
      <c r="Z1558" s="119"/>
      <c r="AA1558" s="119"/>
      <c r="AB1558" s="119"/>
      <c r="AC1558" s="119"/>
      <c r="AD1558" s="119"/>
      <c r="AE1558" s="119"/>
      <c r="AF1558" s="119"/>
      <c r="AG1558" s="119"/>
      <c r="AH1558" s="119"/>
      <c r="AI1558" s="119"/>
      <c r="AJ1558" s="119"/>
      <c r="AK1558" s="119"/>
      <c r="AL1558" s="119"/>
      <c r="AM1558" s="119"/>
      <c r="AN1558" s="119"/>
      <c r="AO1558" s="119"/>
      <c r="AP1558" s="119"/>
      <c r="AQ1558" s="119"/>
      <c r="AR1558" s="119"/>
      <c r="AS1558" s="119"/>
      <c r="AT1558" s="119"/>
      <c r="AU1558" s="119"/>
      <c r="AV1558" s="119"/>
      <c r="AW1558" s="119"/>
      <c r="AX1558" s="119"/>
      <c r="AY1558" s="119"/>
      <c r="AZ1558" s="119"/>
      <c r="BA1558" s="119"/>
      <c r="BB1558" s="107">
        <v>45884</v>
      </c>
    </row>
    <row r="1559" spans="1:54" s="207" customFormat="1" ht="13.95" customHeight="1" x14ac:dyDescent="0.25">
      <c r="A1559" s="208" t="s">
        <v>3770</v>
      </c>
      <c r="B1559" s="209" t="s">
        <v>20420</v>
      </c>
      <c r="C1559" s="113" t="s">
        <v>3771</v>
      </c>
      <c r="D1559" s="113" t="s">
        <v>23340</v>
      </c>
      <c r="E1559" s="210">
        <v>1998</v>
      </c>
      <c r="F1559" s="210">
        <v>1789</v>
      </c>
      <c r="G1559" s="113" t="s">
        <v>1</v>
      </c>
      <c r="H1559" s="113">
        <v>0</v>
      </c>
      <c r="I1559" s="113">
        <v>0</v>
      </c>
      <c r="J1559" s="115">
        <v>1</v>
      </c>
      <c r="K1559" s="116" t="s">
        <v>174</v>
      </c>
      <c r="L1559" s="115">
        <v>1</v>
      </c>
      <c r="M1559" s="115">
        <v>1</v>
      </c>
      <c r="N1559" s="115">
        <v>0</v>
      </c>
      <c r="O1559" s="115">
        <v>0</v>
      </c>
      <c r="P1559" s="115" t="s">
        <v>400</v>
      </c>
      <c r="Q1559" s="115" t="s">
        <v>400</v>
      </c>
      <c r="R1559" s="115">
        <v>1</v>
      </c>
      <c r="S1559" s="115">
        <v>0</v>
      </c>
      <c r="T1559" s="115">
        <v>0</v>
      </c>
      <c r="U1559" s="119"/>
      <c r="V1559" s="119"/>
      <c r="W1559" s="119"/>
      <c r="X1559" s="119"/>
      <c r="Y1559" s="119"/>
      <c r="Z1559" s="119"/>
      <c r="AA1559" s="119"/>
      <c r="AB1559" s="119"/>
      <c r="AC1559" s="119"/>
      <c r="AD1559" s="119"/>
      <c r="AE1559" s="119"/>
      <c r="AF1559" s="119"/>
      <c r="AG1559" s="119"/>
      <c r="AH1559" s="119"/>
      <c r="AI1559" s="119"/>
      <c r="AJ1559" s="119"/>
      <c r="AK1559" s="119"/>
      <c r="AL1559" s="119"/>
      <c r="AM1559" s="119"/>
      <c r="AN1559" s="119"/>
      <c r="AO1559" s="119"/>
      <c r="AP1559" s="119"/>
      <c r="AQ1559" s="119"/>
      <c r="AR1559" s="119"/>
      <c r="AS1559" s="119"/>
      <c r="AT1559" s="119"/>
      <c r="AU1559" s="119"/>
      <c r="AV1559" s="119"/>
      <c r="AW1559" s="119"/>
      <c r="AX1559" s="119"/>
      <c r="AY1559" s="119"/>
      <c r="AZ1559" s="119"/>
      <c r="BA1559" s="119"/>
      <c r="BB1559" s="107">
        <v>45884</v>
      </c>
    </row>
    <row r="1560" spans="1:54" s="207" customFormat="1" ht="13.95" customHeight="1" x14ac:dyDescent="0.25">
      <c r="A1560" s="208" t="s">
        <v>3772</v>
      </c>
      <c r="B1560" s="209" t="s">
        <v>20420</v>
      </c>
      <c r="C1560" s="113" t="s">
        <v>3773</v>
      </c>
      <c r="D1560" s="113" t="s">
        <v>23341</v>
      </c>
      <c r="E1560" s="210">
        <v>1973</v>
      </c>
      <c r="F1560" s="210">
        <v>1797</v>
      </c>
      <c r="G1560" s="113" t="s">
        <v>1</v>
      </c>
      <c r="H1560" s="113">
        <v>0</v>
      </c>
      <c r="I1560" s="113">
        <v>0</v>
      </c>
      <c r="J1560" s="115">
        <v>1</v>
      </c>
      <c r="K1560" s="211">
        <v>1</v>
      </c>
      <c r="L1560" s="115">
        <v>1</v>
      </c>
      <c r="M1560" s="115">
        <v>1</v>
      </c>
      <c r="N1560" s="115">
        <v>0</v>
      </c>
      <c r="O1560" s="115">
        <v>1</v>
      </c>
      <c r="P1560" s="115" t="s">
        <v>400</v>
      </c>
      <c r="Q1560" s="115" t="s">
        <v>400</v>
      </c>
      <c r="R1560" s="115">
        <v>1</v>
      </c>
      <c r="S1560" s="115">
        <v>0</v>
      </c>
      <c r="T1560" s="115">
        <v>0</v>
      </c>
      <c r="U1560" s="119"/>
      <c r="V1560" s="119"/>
      <c r="W1560" s="119"/>
      <c r="X1560" s="119"/>
      <c r="Y1560" s="119"/>
      <c r="Z1560" s="119"/>
      <c r="AA1560" s="119"/>
      <c r="AB1560" s="119"/>
      <c r="AC1560" s="119"/>
      <c r="AD1560" s="119"/>
      <c r="AE1560" s="119"/>
      <c r="AF1560" s="119"/>
      <c r="AG1560" s="119"/>
      <c r="AH1560" s="119"/>
      <c r="AI1560" s="119"/>
      <c r="AJ1560" s="119"/>
      <c r="AK1560" s="119"/>
      <c r="AL1560" s="119"/>
      <c r="AM1560" s="119"/>
      <c r="AN1560" s="119"/>
      <c r="AO1560" s="119"/>
      <c r="AP1560" s="119"/>
      <c r="AQ1560" s="119"/>
      <c r="AR1560" s="119"/>
      <c r="AS1560" s="119"/>
      <c r="AT1560" s="119"/>
      <c r="AU1560" s="119"/>
      <c r="AV1560" s="119"/>
      <c r="AW1560" s="119"/>
      <c r="AX1560" s="119"/>
      <c r="AY1560" s="119"/>
      <c r="AZ1560" s="119"/>
      <c r="BA1560" s="119"/>
      <c r="BB1560" s="107">
        <v>45884</v>
      </c>
    </row>
    <row r="1561" spans="1:54" s="207" customFormat="1" ht="13.95" customHeight="1" x14ac:dyDescent="0.25">
      <c r="A1561" s="208" t="s">
        <v>3774</v>
      </c>
      <c r="B1561" s="209" t="s">
        <v>20420</v>
      </c>
      <c r="C1561" s="113" t="s">
        <v>3775</v>
      </c>
      <c r="D1561" s="113" t="s">
        <v>23342</v>
      </c>
      <c r="E1561" s="210">
        <v>1976</v>
      </c>
      <c r="F1561" s="210">
        <v>1792</v>
      </c>
      <c r="G1561" s="113" t="s">
        <v>1</v>
      </c>
      <c r="H1561" s="113">
        <v>0</v>
      </c>
      <c r="I1561" s="113">
        <v>0</v>
      </c>
      <c r="J1561" s="115">
        <v>1</v>
      </c>
      <c r="K1561" s="116" t="s">
        <v>174</v>
      </c>
      <c r="L1561" s="115">
        <v>1</v>
      </c>
      <c r="M1561" s="115">
        <v>1</v>
      </c>
      <c r="N1561" s="115">
        <v>0</v>
      </c>
      <c r="O1561" s="115">
        <v>1</v>
      </c>
      <c r="P1561" s="115" t="s">
        <v>400</v>
      </c>
      <c r="Q1561" s="115" t="s">
        <v>400</v>
      </c>
      <c r="R1561" s="115">
        <v>1</v>
      </c>
      <c r="S1561" s="115">
        <v>0</v>
      </c>
      <c r="T1561" s="115">
        <v>0</v>
      </c>
      <c r="U1561" s="119"/>
      <c r="V1561" s="119"/>
      <c r="W1561" s="119"/>
      <c r="X1561" s="119"/>
      <c r="Y1561" s="119"/>
      <c r="Z1561" s="119"/>
      <c r="AA1561" s="119"/>
      <c r="AB1561" s="119"/>
      <c r="AC1561" s="119"/>
      <c r="AD1561" s="119"/>
      <c r="AE1561" s="119"/>
      <c r="AF1561" s="119"/>
      <c r="AG1561" s="119"/>
      <c r="AH1561" s="119"/>
      <c r="AI1561" s="119"/>
      <c r="AJ1561" s="119"/>
      <c r="AK1561" s="119"/>
      <c r="AL1561" s="119"/>
      <c r="AM1561" s="119"/>
      <c r="AN1561" s="119"/>
      <c r="AO1561" s="119"/>
      <c r="AP1561" s="119"/>
      <c r="AQ1561" s="119"/>
      <c r="AR1561" s="119"/>
      <c r="AS1561" s="119"/>
      <c r="AT1561" s="119"/>
      <c r="AU1561" s="119"/>
      <c r="AV1561" s="119"/>
      <c r="AW1561" s="119"/>
      <c r="AX1561" s="119"/>
      <c r="AY1561" s="119"/>
      <c r="AZ1561" s="119"/>
      <c r="BA1561" s="119"/>
      <c r="BB1561" s="107">
        <v>45884</v>
      </c>
    </row>
    <row r="1562" spans="1:54" s="207" customFormat="1" ht="13.95" customHeight="1" x14ac:dyDescent="0.25">
      <c r="A1562" s="208" t="s">
        <v>3776</v>
      </c>
      <c r="B1562" s="209" t="s">
        <v>20420</v>
      </c>
      <c r="C1562" s="113" t="s">
        <v>3777</v>
      </c>
      <c r="D1562" s="113" t="s">
        <v>23343</v>
      </c>
      <c r="E1562" s="210">
        <v>1992</v>
      </c>
      <c r="F1562" s="210">
        <v>1793</v>
      </c>
      <c r="G1562" s="113" t="s">
        <v>1</v>
      </c>
      <c r="H1562" s="113">
        <v>0</v>
      </c>
      <c r="I1562" s="113">
        <v>0</v>
      </c>
      <c r="J1562" s="115">
        <v>1</v>
      </c>
      <c r="K1562" s="116" t="s">
        <v>174</v>
      </c>
      <c r="L1562" s="115">
        <v>0</v>
      </c>
      <c r="M1562" s="115">
        <v>1</v>
      </c>
      <c r="N1562" s="115">
        <v>0</v>
      </c>
      <c r="O1562" s="115">
        <v>0</v>
      </c>
      <c r="P1562" s="115" t="s">
        <v>400</v>
      </c>
      <c r="Q1562" s="115" t="s">
        <v>400</v>
      </c>
      <c r="R1562" s="115">
        <v>0</v>
      </c>
      <c r="S1562" s="115">
        <v>0</v>
      </c>
      <c r="T1562" s="115">
        <v>0</v>
      </c>
      <c r="U1562" s="119"/>
      <c r="V1562" s="119"/>
      <c r="W1562" s="119"/>
      <c r="X1562" s="119"/>
      <c r="Y1562" s="119"/>
      <c r="Z1562" s="119"/>
      <c r="AA1562" s="119"/>
      <c r="AB1562" s="119"/>
      <c r="AC1562" s="119"/>
      <c r="AD1562" s="119"/>
      <c r="AE1562" s="119"/>
      <c r="AF1562" s="119"/>
      <c r="AG1562" s="119"/>
      <c r="AH1562" s="119"/>
      <c r="AI1562" s="119"/>
      <c r="AJ1562" s="119"/>
      <c r="AK1562" s="119"/>
      <c r="AL1562" s="119"/>
      <c r="AM1562" s="119"/>
      <c r="AN1562" s="119"/>
      <c r="AO1562" s="119"/>
      <c r="AP1562" s="119"/>
      <c r="AQ1562" s="119"/>
      <c r="AR1562" s="119"/>
      <c r="AS1562" s="119"/>
      <c r="AT1562" s="119"/>
      <c r="AU1562" s="119"/>
      <c r="AV1562" s="119"/>
      <c r="AW1562" s="119"/>
      <c r="AX1562" s="119"/>
      <c r="AY1562" s="119"/>
      <c r="AZ1562" s="119"/>
      <c r="BA1562" s="119"/>
      <c r="BB1562" s="107">
        <v>45884</v>
      </c>
    </row>
    <row r="1563" spans="1:54" s="207" customFormat="1" ht="13.95" customHeight="1" x14ac:dyDescent="0.25">
      <c r="A1563" s="208" t="s">
        <v>3778</v>
      </c>
      <c r="B1563" s="209" t="s">
        <v>20420</v>
      </c>
      <c r="C1563" s="113" t="s">
        <v>3779</v>
      </c>
      <c r="D1563" s="113" t="s">
        <v>3780</v>
      </c>
      <c r="E1563" s="210">
        <v>1979</v>
      </c>
      <c r="F1563" s="210">
        <v>1793</v>
      </c>
      <c r="G1563" s="113" t="s">
        <v>1</v>
      </c>
      <c r="H1563" s="113">
        <v>0</v>
      </c>
      <c r="I1563" s="113">
        <v>0</v>
      </c>
      <c r="J1563" s="115">
        <v>1</v>
      </c>
      <c r="K1563" s="116" t="s">
        <v>174</v>
      </c>
      <c r="L1563" s="115">
        <v>1</v>
      </c>
      <c r="M1563" s="115">
        <v>1</v>
      </c>
      <c r="N1563" s="115">
        <v>1</v>
      </c>
      <c r="O1563" s="115">
        <v>1</v>
      </c>
      <c r="P1563" s="115" t="s">
        <v>400</v>
      </c>
      <c r="Q1563" s="115" t="s">
        <v>400</v>
      </c>
      <c r="R1563" s="115">
        <v>1</v>
      </c>
      <c r="S1563" s="115">
        <v>0</v>
      </c>
      <c r="T1563" s="115">
        <v>0</v>
      </c>
      <c r="U1563" s="119"/>
      <c r="V1563" s="119"/>
      <c r="W1563" s="119"/>
      <c r="X1563" s="119"/>
      <c r="Y1563" s="119"/>
      <c r="Z1563" s="119"/>
      <c r="AA1563" s="119"/>
      <c r="AB1563" s="119"/>
      <c r="AC1563" s="119"/>
      <c r="AD1563" s="119"/>
      <c r="AE1563" s="119"/>
      <c r="AF1563" s="119"/>
      <c r="AG1563" s="119"/>
      <c r="AH1563" s="119"/>
      <c r="AI1563" s="119"/>
      <c r="AJ1563" s="119"/>
      <c r="AK1563" s="119"/>
      <c r="AL1563" s="119"/>
      <c r="AM1563" s="119"/>
      <c r="AN1563" s="119"/>
      <c r="AO1563" s="119"/>
      <c r="AP1563" s="119"/>
      <c r="AQ1563" s="119"/>
      <c r="AR1563" s="119"/>
      <c r="AS1563" s="119"/>
      <c r="AT1563" s="119"/>
      <c r="AU1563" s="119"/>
      <c r="AV1563" s="119"/>
      <c r="AW1563" s="119"/>
      <c r="AX1563" s="119"/>
      <c r="AY1563" s="119"/>
      <c r="AZ1563" s="119"/>
      <c r="BA1563" s="119"/>
      <c r="BB1563" s="107">
        <v>45884</v>
      </c>
    </row>
    <row r="1564" spans="1:54" s="207" customFormat="1" ht="13.95" customHeight="1" x14ac:dyDescent="0.25">
      <c r="A1564" s="208" t="s">
        <v>3781</v>
      </c>
      <c r="B1564" s="209" t="s">
        <v>20420</v>
      </c>
      <c r="C1564" s="113" t="s">
        <v>3782</v>
      </c>
      <c r="D1564" s="113" t="s">
        <v>23344</v>
      </c>
      <c r="E1564" s="210">
        <v>1988</v>
      </c>
      <c r="F1564" s="210">
        <v>1795</v>
      </c>
      <c r="G1564" s="113" t="s">
        <v>1</v>
      </c>
      <c r="H1564" s="113">
        <v>0</v>
      </c>
      <c r="I1564" s="113">
        <v>0</v>
      </c>
      <c r="J1564" s="115">
        <v>1</v>
      </c>
      <c r="K1564" s="116" t="s">
        <v>174</v>
      </c>
      <c r="L1564" s="115">
        <v>1</v>
      </c>
      <c r="M1564" s="115">
        <v>0</v>
      </c>
      <c r="N1564" s="120">
        <v>1</v>
      </c>
      <c r="O1564" s="115">
        <v>1</v>
      </c>
      <c r="P1564" s="115">
        <v>1</v>
      </c>
      <c r="Q1564" s="115" t="s">
        <v>400</v>
      </c>
      <c r="R1564" s="115">
        <v>1</v>
      </c>
      <c r="S1564" s="115">
        <v>0</v>
      </c>
      <c r="T1564" s="115">
        <v>0</v>
      </c>
      <c r="U1564" s="119"/>
      <c r="V1564" s="119"/>
      <c r="W1564" s="119"/>
      <c r="X1564" s="119"/>
      <c r="Y1564" s="119"/>
      <c r="Z1564" s="119"/>
      <c r="AA1564" s="119"/>
      <c r="AB1564" s="119"/>
      <c r="AC1564" s="119"/>
      <c r="AD1564" s="119"/>
      <c r="AE1564" s="119"/>
      <c r="AF1564" s="119"/>
      <c r="AG1564" s="119"/>
      <c r="AH1564" s="119"/>
      <c r="AI1564" s="119"/>
      <c r="AJ1564" s="119"/>
      <c r="AK1564" s="119"/>
      <c r="AL1564" s="119"/>
      <c r="AM1564" s="119"/>
      <c r="AN1564" s="119"/>
      <c r="AO1564" s="119"/>
      <c r="AP1564" s="119"/>
      <c r="AQ1564" s="119"/>
      <c r="AR1564" s="119"/>
      <c r="AS1564" s="119"/>
      <c r="AT1564" s="119"/>
      <c r="AU1564" s="119"/>
      <c r="AV1564" s="119"/>
      <c r="AW1564" s="119"/>
      <c r="AX1564" s="119"/>
      <c r="AY1564" s="119"/>
      <c r="AZ1564" s="119"/>
      <c r="BA1564" s="119"/>
      <c r="BB1564" s="107">
        <v>45884</v>
      </c>
    </row>
    <row r="1565" spans="1:54" s="207" customFormat="1" ht="13.95" customHeight="1" x14ac:dyDescent="0.25">
      <c r="A1565" s="208" t="s">
        <v>3783</v>
      </c>
      <c r="B1565" s="209" t="s">
        <v>20420</v>
      </c>
      <c r="C1565" s="113" t="s">
        <v>3784</v>
      </c>
      <c r="D1565" s="113" t="s">
        <v>23345</v>
      </c>
      <c r="E1565" s="210">
        <v>1966</v>
      </c>
      <c r="F1565" s="210">
        <v>1800</v>
      </c>
      <c r="G1565" s="113" t="s">
        <v>1</v>
      </c>
      <c r="H1565" s="113">
        <v>0</v>
      </c>
      <c r="I1565" s="113">
        <v>0</v>
      </c>
      <c r="J1565" s="115">
        <v>1</v>
      </c>
      <c r="K1565" s="116" t="s">
        <v>174</v>
      </c>
      <c r="L1565" s="115">
        <v>1</v>
      </c>
      <c r="M1565" s="115">
        <v>1</v>
      </c>
      <c r="N1565" s="115">
        <v>0</v>
      </c>
      <c r="O1565" s="115">
        <v>1</v>
      </c>
      <c r="P1565" s="115" t="s">
        <v>400</v>
      </c>
      <c r="Q1565" s="115" t="s">
        <v>400</v>
      </c>
      <c r="R1565" s="115">
        <v>0</v>
      </c>
      <c r="S1565" s="115">
        <v>0</v>
      </c>
      <c r="T1565" s="115">
        <v>0</v>
      </c>
      <c r="U1565" s="119"/>
      <c r="V1565" s="119"/>
      <c r="W1565" s="119"/>
      <c r="X1565" s="119"/>
      <c r="Y1565" s="119"/>
      <c r="Z1565" s="119"/>
      <c r="AA1565" s="119"/>
      <c r="AB1565" s="119"/>
      <c r="AC1565" s="119"/>
      <c r="AD1565" s="119"/>
      <c r="AE1565" s="119"/>
      <c r="AF1565" s="119"/>
      <c r="AG1565" s="119"/>
      <c r="AH1565" s="119"/>
      <c r="AI1565" s="119"/>
      <c r="AJ1565" s="119"/>
      <c r="AK1565" s="119"/>
      <c r="AL1565" s="119"/>
      <c r="AM1565" s="119"/>
      <c r="AN1565" s="119"/>
      <c r="AO1565" s="119"/>
      <c r="AP1565" s="119"/>
      <c r="AQ1565" s="119"/>
      <c r="AR1565" s="119"/>
      <c r="AS1565" s="119"/>
      <c r="AT1565" s="119"/>
      <c r="AU1565" s="119"/>
      <c r="AV1565" s="119"/>
      <c r="AW1565" s="119"/>
      <c r="AX1565" s="119"/>
      <c r="AY1565" s="119"/>
      <c r="AZ1565" s="119"/>
      <c r="BA1565" s="119"/>
      <c r="BB1565" s="107">
        <v>45884</v>
      </c>
    </row>
    <row r="1566" spans="1:54" s="207" customFormat="1" ht="13.95" customHeight="1" x14ac:dyDescent="0.25">
      <c r="A1566" s="208" t="s">
        <v>3785</v>
      </c>
      <c r="B1566" s="209" t="s">
        <v>20420</v>
      </c>
      <c r="C1566" s="113" t="s">
        <v>3786</v>
      </c>
      <c r="D1566" s="113" t="s">
        <v>23346</v>
      </c>
      <c r="E1566" s="210">
        <v>1974</v>
      </c>
      <c r="F1566" s="210">
        <v>1801</v>
      </c>
      <c r="G1566" s="113" t="s">
        <v>1</v>
      </c>
      <c r="H1566" s="113">
        <v>0</v>
      </c>
      <c r="I1566" s="113">
        <v>0</v>
      </c>
      <c r="J1566" s="115">
        <v>1</v>
      </c>
      <c r="K1566" s="116" t="s">
        <v>174</v>
      </c>
      <c r="L1566" s="115">
        <v>1</v>
      </c>
      <c r="M1566" s="115">
        <v>0</v>
      </c>
      <c r="N1566" s="115">
        <v>0</v>
      </c>
      <c r="O1566" s="115">
        <v>1</v>
      </c>
      <c r="P1566" s="115">
        <v>1</v>
      </c>
      <c r="Q1566" s="115" t="s">
        <v>400</v>
      </c>
      <c r="R1566" s="115">
        <v>1</v>
      </c>
      <c r="S1566" s="115">
        <v>0</v>
      </c>
      <c r="T1566" s="115">
        <v>0</v>
      </c>
      <c r="U1566" s="119"/>
      <c r="V1566" s="119"/>
      <c r="W1566" s="119"/>
      <c r="X1566" s="119"/>
      <c r="Y1566" s="119"/>
      <c r="Z1566" s="119"/>
      <c r="AA1566" s="119"/>
      <c r="AB1566" s="119"/>
      <c r="AC1566" s="119"/>
      <c r="AD1566" s="119"/>
      <c r="AE1566" s="119"/>
      <c r="AF1566" s="119"/>
      <c r="AG1566" s="119"/>
      <c r="AH1566" s="119"/>
      <c r="AI1566" s="119"/>
      <c r="AJ1566" s="119"/>
      <c r="AK1566" s="119"/>
      <c r="AL1566" s="119"/>
      <c r="AM1566" s="119"/>
      <c r="AN1566" s="119"/>
      <c r="AO1566" s="119"/>
      <c r="AP1566" s="119"/>
      <c r="AQ1566" s="119"/>
      <c r="AR1566" s="119"/>
      <c r="AS1566" s="119"/>
      <c r="AT1566" s="119"/>
      <c r="AU1566" s="119"/>
      <c r="AV1566" s="119"/>
      <c r="AW1566" s="119"/>
      <c r="AX1566" s="119"/>
      <c r="AY1566" s="119"/>
      <c r="AZ1566" s="119"/>
      <c r="BA1566" s="119"/>
      <c r="BB1566" s="107">
        <v>45884</v>
      </c>
    </row>
    <row r="1567" spans="1:54" s="207" customFormat="1" ht="13.95" customHeight="1" x14ac:dyDescent="0.25">
      <c r="A1567" s="208" t="s">
        <v>3787</v>
      </c>
      <c r="B1567" s="209" t="s">
        <v>20420</v>
      </c>
      <c r="C1567" s="113" t="s">
        <v>3788</v>
      </c>
      <c r="D1567" s="113" t="s">
        <v>3789</v>
      </c>
      <c r="E1567" s="210">
        <v>1971</v>
      </c>
      <c r="F1567" s="210">
        <v>1802</v>
      </c>
      <c r="G1567" s="113" t="s">
        <v>1</v>
      </c>
      <c r="H1567" s="113">
        <v>0</v>
      </c>
      <c r="I1567" s="113">
        <v>0</v>
      </c>
      <c r="J1567" s="115">
        <v>1</v>
      </c>
      <c r="K1567" s="211">
        <v>1</v>
      </c>
      <c r="L1567" s="115">
        <v>1</v>
      </c>
      <c r="M1567" s="115">
        <v>0</v>
      </c>
      <c r="N1567" s="115">
        <v>0</v>
      </c>
      <c r="O1567" s="115">
        <v>1</v>
      </c>
      <c r="P1567" s="115">
        <v>1</v>
      </c>
      <c r="Q1567" s="115" t="s">
        <v>400</v>
      </c>
      <c r="R1567" s="115">
        <v>1</v>
      </c>
      <c r="S1567" s="115">
        <v>0</v>
      </c>
      <c r="T1567" s="115">
        <v>0</v>
      </c>
      <c r="U1567" s="119"/>
      <c r="V1567" s="119"/>
      <c r="W1567" s="119"/>
      <c r="X1567" s="119"/>
      <c r="Y1567" s="119"/>
      <c r="Z1567" s="119"/>
      <c r="AA1567" s="119"/>
      <c r="AB1567" s="119"/>
      <c r="AC1567" s="119"/>
      <c r="AD1567" s="119"/>
      <c r="AE1567" s="119"/>
      <c r="AF1567" s="119"/>
      <c r="AG1567" s="119"/>
      <c r="AH1567" s="119"/>
      <c r="AI1567" s="119"/>
      <c r="AJ1567" s="119"/>
      <c r="AK1567" s="119"/>
      <c r="AL1567" s="119"/>
      <c r="AM1567" s="119"/>
      <c r="AN1567" s="119"/>
      <c r="AO1567" s="119"/>
      <c r="AP1567" s="119"/>
      <c r="AQ1567" s="119"/>
      <c r="AR1567" s="119"/>
      <c r="AS1567" s="119"/>
      <c r="AT1567" s="119"/>
      <c r="AU1567" s="119"/>
      <c r="AV1567" s="119"/>
      <c r="AW1567" s="119"/>
      <c r="AX1567" s="119"/>
      <c r="AY1567" s="119"/>
      <c r="AZ1567" s="119"/>
      <c r="BA1567" s="119"/>
      <c r="BB1567" s="107">
        <v>45884</v>
      </c>
    </row>
    <row r="1568" spans="1:54" s="207" customFormat="1" ht="13.95" customHeight="1" x14ac:dyDescent="0.25">
      <c r="A1568" s="208" t="s">
        <v>3790</v>
      </c>
      <c r="B1568" s="209" t="s">
        <v>20420</v>
      </c>
      <c r="C1568" s="113" t="s">
        <v>3791</v>
      </c>
      <c r="D1568" s="113" t="s">
        <v>23347</v>
      </c>
      <c r="E1568" s="210">
        <v>1985</v>
      </c>
      <c r="F1568" s="210">
        <v>1803</v>
      </c>
      <c r="G1568" s="113" t="s">
        <v>1</v>
      </c>
      <c r="H1568" s="113">
        <v>0</v>
      </c>
      <c r="I1568" s="113">
        <v>0</v>
      </c>
      <c r="J1568" s="115">
        <v>1</v>
      </c>
      <c r="K1568" s="116" t="s">
        <v>174</v>
      </c>
      <c r="L1568" s="115">
        <v>1</v>
      </c>
      <c r="M1568" s="115">
        <v>1</v>
      </c>
      <c r="N1568" s="115">
        <v>0</v>
      </c>
      <c r="O1568" s="115">
        <v>1</v>
      </c>
      <c r="P1568" s="115">
        <v>1</v>
      </c>
      <c r="Q1568" s="115" t="s">
        <v>400</v>
      </c>
      <c r="R1568" s="115">
        <v>0</v>
      </c>
      <c r="S1568" s="115">
        <v>0</v>
      </c>
      <c r="T1568" s="115">
        <v>0</v>
      </c>
      <c r="U1568" s="119"/>
      <c r="V1568" s="119"/>
      <c r="W1568" s="119"/>
      <c r="X1568" s="119"/>
      <c r="Y1568" s="119"/>
      <c r="Z1568" s="119"/>
      <c r="AA1568" s="119"/>
      <c r="AB1568" s="119"/>
      <c r="AC1568" s="119"/>
      <c r="AD1568" s="119"/>
      <c r="AE1568" s="119"/>
      <c r="AF1568" s="119"/>
      <c r="AG1568" s="119"/>
      <c r="AH1568" s="119"/>
      <c r="AI1568" s="119"/>
      <c r="AJ1568" s="119"/>
      <c r="AK1568" s="119"/>
      <c r="AL1568" s="119"/>
      <c r="AM1568" s="119"/>
      <c r="AN1568" s="119"/>
      <c r="AO1568" s="119"/>
      <c r="AP1568" s="119"/>
      <c r="AQ1568" s="119"/>
      <c r="AR1568" s="119"/>
      <c r="AS1568" s="119"/>
      <c r="AT1568" s="119"/>
      <c r="AU1568" s="119"/>
      <c r="AV1568" s="119"/>
      <c r="AW1568" s="119"/>
      <c r="AX1568" s="119"/>
      <c r="AY1568" s="119"/>
      <c r="AZ1568" s="119"/>
      <c r="BA1568" s="119"/>
      <c r="BB1568" s="107">
        <v>45884</v>
      </c>
    </row>
    <row r="1569" spans="1:54" s="207" customFormat="1" ht="13.95" customHeight="1" x14ac:dyDescent="0.25">
      <c r="A1569" s="208" t="s">
        <v>3792</v>
      </c>
      <c r="B1569" s="209" t="s">
        <v>20420</v>
      </c>
      <c r="C1569" s="113" t="s">
        <v>3793</v>
      </c>
      <c r="D1569" s="113" t="s">
        <v>23348</v>
      </c>
      <c r="E1569" s="210">
        <v>1953</v>
      </c>
      <c r="F1569" s="210">
        <v>1804</v>
      </c>
      <c r="G1569" s="113" t="s">
        <v>1</v>
      </c>
      <c r="H1569" s="113">
        <v>0</v>
      </c>
      <c r="I1569" s="113">
        <v>0</v>
      </c>
      <c r="J1569" s="115">
        <v>1</v>
      </c>
      <c r="K1569" s="116" t="s">
        <v>174</v>
      </c>
      <c r="L1569" s="115">
        <v>0</v>
      </c>
      <c r="M1569" s="115">
        <v>1</v>
      </c>
      <c r="N1569" s="115">
        <v>1</v>
      </c>
      <c r="O1569" s="115">
        <v>0</v>
      </c>
      <c r="P1569" s="115" t="s">
        <v>400</v>
      </c>
      <c r="Q1569" s="115" t="s">
        <v>400</v>
      </c>
      <c r="R1569" s="115">
        <v>0</v>
      </c>
      <c r="S1569" s="115">
        <v>0</v>
      </c>
      <c r="T1569" s="115">
        <v>0</v>
      </c>
      <c r="U1569" s="119"/>
      <c r="V1569" s="119"/>
      <c r="W1569" s="119"/>
      <c r="X1569" s="119"/>
      <c r="Y1569" s="119"/>
      <c r="Z1569" s="119"/>
      <c r="AA1569" s="119"/>
      <c r="AB1569" s="119"/>
      <c r="AC1569" s="119"/>
      <c r="AD1569" s="119"/>
      <c r="AE1569" s="119"/>
      <c r="AF1569" s="119"/>
      <c r="AG1569" s="119"/>
      <c r="AH1569" s="119"/>
      <c r="AI1569" s="119"/>
      <c r="AJ1569" s="119"/>
      <c r="AK1569" s="119"/>
      <c r="AL1569" s="119"/>
      <c r="AM1569" s="119"/>
      <c r="AN1569" s="119"/>
      <c r="AO1569" s="119"/>
      <c r="AP1569" s="119"/>
      <c r="AQ1569" s="119"/>
      <c r="AR1569" s="119"/>
      <c r="AS1569" s="119"/>
      <c r="AT1569" s="119"/>
      <c r="AU1569" s="119"/>
      <c r="AV1569" s="119"/>
      <c r="AW1569" s="119"/>
      <c r="AX1569" s="119"/>
      <c r="AY1569" s="119"/>
      <c r="AZ1569" s="119"/>
      <c r="BA1569" s="119"/>
      <c r="BB1569" s="107">
        <v>45884</v>
      </c>
    </row>
    <row r="1570" spans="1:54" s="207" customFormat="1" ht="13.95" customHeight="1" x14ac:dyDescent="0.25">
      <c r="A1570" s="208" t="s">
        <v>3794</v>
      </c>
      <c r="B1570" s="209" t="s">
        <v>20420</v>
      </c>
      <c r="C1570" s="113" t="s">
        <v>3795</v>
      </c>
      <c r="D1570" s="113" t="s">
        <v>3796</v>
      </c>
      <c r="E1570" s="210">
        <v>1985</v>
      </c>
      <c r="F1570" s="210">
        <v>1806</v>
      </c>
      <c r="G1570" s="113" t="s">
        <v>1</v>
      </c>
      <c r="H1570" s="113">
        <v>0</v>
      </c>
      <c r="I1570" s="113">
        <v>0</v>
      </c>
      <c r="J1570" s="115">
        <v>1</v>
      </c>
      <c r="K1570" s="116" t="s">
        <v>174</v>
      </c>
      <c r="L1570" s="115">
        <v>1</v>
      </c>
      <c r="M1570" s="115">
        <v>0</v>
      </c>
      <c r="N1570" s="115">
        <v>0</v>
      </c>
      <c r="O1570" s="115">
        <v>1</v>
      </c>
      <c r="P1570" s="115" t="s">
        <v>400</v>
      </c>
      <c r="Q1570" s="115" t="s">
        <v>400</v>
      </c>
      <c r="R1570" s="115">
        <v>0</v>
      </c>
      <c r="S1570" s="115">
        <v>0</v>
      </c>
      <c r="T1570" s="115">
        <v>0</v>
      </c>
      <c r="U1570" s="119"/>
      <c r="V1570" s="119"/>
      <c r="W1570" s="119"/>
      <c r="X1570" s="119"/>
      <c r="Y1570" s="119"/>
      <c r="Z1570" s="119"/>
      <c r="AA1570" s="119"/>
      <c r="AB1570" s="119"/>
      <c r="AC1570" s="119"/>
      <c r="AD1570" s="119"/>
      <c r="AE1570" s="119"/>
      <c r="AF1570" s="119"/>
      <c r="AG1570" s="119"/>
      <c r="AH1570" s="119"/>
      <c r="AI1570" s="119"/>
      <c r="AJ1570" s="119"/>
      <c r="AK1570" s="119"/>
      <c r="AL1570" s="119"/>
      <c r="AM1570" s="119"/>
      <c r="AN1570" s="119"/>
      <c r="AO1570" s="119"/>
      <c r="AP1570" s="119"/>
      <c r="AQ1570" s="119"/>
      <c r="AR1570" s="119"/>
      <c r="AS1570" s="119"/>
      <c r="AT1570" s="119"/>
      <c r="AU1570" s="119"/>
      <c r="AV1570" s="119"/>
      <c r="AW1570" s="119"/>
      <c r="AX1570" s="119"/>
      <c r="AY1570" s="119"/>
      <c r="AZ1570" s="119"/>
      <c r="BA1570" s="119"/>
      <c r="BB1570" s="107">
        <v>45884</v>
      </c>
    </row>
    <row r="1571" spans="1:54" s="207" customFormat="1" ht="13.95" customHeight="1" x14ac:dyDescent="0.25">
      <c r="A1571" s="208" t="s">
        <v>3797</v>
      </c>
      <c r="B1571" s="209" t="s">
        <v>20420</v>
      </c>
      <c r="C1571" s="113" t="s">
        <v>3798</v>
      </c>
      <c r="D1571" s="113" t="s">
        <v>23349</v>
      </c>
      <c r="E1571" s="210">
        <v>2014</v>
      </c>
      <c r="F1571" s="210">
        <v>1806</v>
      </c>
      <c r="G1571" s="113" t="s">
        <v>8</v>
      </c>
      <c r="H1571" s="113">
        <v>0</v>
      </c>
      <c r="I1571" s="113">
        <v>0</v>
      </c>
      <c r="J1571" s="115">
        <v>0</v>
      </c>
      <c r="K1571" s="116" t="s">
        <v>174</v>
      </c>
      <c r="L1571" s="115">
        <v>0</v>
      </c>
      <c r="M1571" s="115">
        <v>0</v>
      </c>
      <c r="N1571" s="115">
        <v>0</v>
      </c>
      <c r="O1571" s="115">
        <v>0</v>
      </c>
      <c r="P1571" s="115" t="s">
        <v>400</v>
      </c>
      <c r="Q1571" s="115" t="s">
        <v>400</v>
      </c>
      <c r="R1571" s="115">
        <v>0</v>
      </c>
      <c r="S1571" s="115">
        <v>0</v>
      </c>
      <c r="T1571" s="115">
        <v>0</v>
      </c>
      <c r="U1571" s="113" t="s">
        <v>174</v>
      </c>
      <c r="V1571" s="113" t="s">
        <v>174</v>
      </c>
      <c r="W1571" s="113" t="s">
        <v>174</v>
      </c>
      <c r="X1571" s="113" t="s">
        <v>174</v>
      </c>
      <c r="Y1571" s="113" t="s">
        <v>174</v>
      </c>
      <c r="Z1571" s="113" t="s">
        <v>174</v>
      </c>
      <c r="AA1571" s="113" t="s">
        <v>174</v>
      </c>
      <c r="AB1571" s="113" t="s">
        <v>174</v>
      </c>
      <c r="AC1571" s="113" t="s">
        <v>174</v>
      </c>
      <c r="AD1571" s="113" t="s">
        <v>174</v>
      </c>
      <c r="AE1571" s="113" t="s">
        <v>174</v>
      </c>
      <c r="AF1571" s="113" t="s">
        <v>174</v>
      </c>
      <c r="AG1571" s="113" t="s">
        <v>174</v>
      </c>
      <c r="AH1571" s="113" t="s">
        <v>174</v>
      </c>
      <c r="AI1571" s="113" t="s">
        <v>174</v>
      </c>
      <c r="AJ1571" s="113" t="s">
        <v>174</v>
      </c>
      <c r="AK1571" s="113" t="s">
        <v>174</v>
      </c>
      <c r="AL1571" s="113" t="s">
        <v>174</v>
      </c>
      <c r="AM1571" s="113" t="s">
        <v>174</v>
      </c>
      <c r="AN1571" s="113" t="s">
        <v>174</v>
      </c>
      <c r="AO1571" s="113" t="s">
        <v>174</v>
      </c>
      <c r="AP1571" s="113" t="s">
        <v>174</v>
      </c>
      <c r="AQ1571" s="113" t="s">
        <v>174</v>
      </c>
      <c r="AR1571" s="113" t="s">
        <v>174</v>
      </c>
      <c r="AS1571" s="113" t="s">
        <v>174</v>
      </c>
      <c r="AT1571" s="121" t="s">
        <v>174</v>
      </c>
      <c r="AU1571" s="113" t="s">
        <v>174</v>
      </c>
      <c r="AV1571" s="113" t="s">
        <v>174</v>
      </c>
      <c r="AW1571" s="113" t="s">
        <v>174</v>
      </c>
      <c r="AX1571" s="113"/>
      <c r="AY1571" s="113"/>
      <c r="AZ1571" s="113"/>
      <c r="BA1571" s="113"/>
      <c r="BB1571" s="107">
        <v>45884</v>
      </c>
    </row>
    <row r="1572" spans="1:54" s="207" customFormat="1" ht="13.95" customHeight="1" x14ac:dyDescent="0.25">
      <c r="A1572" s="208" t="s">
        <v>3799</v>
      </c>
      <c r="B1572" s="209" t="s">
        <v>20420</v>
      </c>
      <c r="C1572" s="113" t="s">
        <v>3800</v>
      </c>
      <c r="D1572" s="113" t="s">
        <v>3801</v>
      </c>
      <c r="E1572" s="210">
        <v>1993</v>
      </c>
      <c r="F1572" s="210">
        <v>1808</v>
      </c>
      <c r="G1572" s="113" t="s">
        <v>1</v>
      </c>
      <c r="H1572" s="113">
        <v>1</v>
      </c>
      <c r="I1572" s="113">
        <v>0</v>
      </c>
      <c r="J1572" s="115">
        <v>1</v>
      </c>
      <c r="K1572" s="116" t="s">
        <v>174</v>
      </c>
      <c r="L1572" s="115">
        <v>1</v>
      </c>
      <c r="M1572" s="115">
        <v>1</v>
      </c>
      <c r="N1572" s="115">
        <v>0</v>
      </c>
      <c r="O1572" s="115">
        <v>1</v>
      </c>
      <c r="P1572" s="115">
        <v>1</v>
      </c>
      <c r="Q1572" s="115" t="s">
        <v>400</v>
      </c>
      <c r="R1572" s="115">
        <v>1</v>
      </c>
      <c r="S1572" s="115">
        <v>0</v>
      </c>
      <c r="T1572" s="115">
        <v>0</v>
      </c>
      <c r="U1572" s="119"/>
      <c r="V1572" s="119"/>
      <c r="W1572" s="119"/>
      <c r="X1572" s="119"/>
      <c r="Y1572" s="119"/>
      <c r="Z1572" s="119"/>
      <c r="AA1572" s="119"/>
      <c r="AB1572" s="119"/>
      <c r="AC1572" s="119"/>
      <c r="AD1572" s="119"/>
      <c r="AE1572" s="119"/>
      <c r="AF1572" s="119"/>
      <c r="AG1572" s="119"/>
      <c r="AH1572" s="119"/>
      <c r="AI1572" s="119"/>
      <c r="AJ1572" s="119"/>
      <c r="AK1572" s="119"/>
      <c r="AL1572" s="119"/>
      <c r="AM1572" s="119"/>
      <c r="AN1572" s="119"/>
      <c r="AO1572" s="119"/>
      <c r="AP1572" s="119"/>
      <c r="AQ1572" s="119"/>
      <c r="AR1572" s="119"/>
      <c r="AS1572" s="119"/>
      <c r="AT1572" s="119"/>
      <c r="AU1572" s="119"/>
      <c r="AV1572" s="119"/>
      <c r="AW1572" s="119"/>
      <c r="AX1572" s="119"/>
      <c r="AY1572" s="119"/>
      <c r="AZ1572" s="119"/>
      <c r="BA1572" s="119"/>
      <c r="BB1572" s="107">
        <v>45884</v>
      </c>
    </row>
    <row r="1573" spans="1:54" s="207" customFormat="1" ht="13.95" customHeight="1" x14ac:dyDescent="0.25">
      <c r="A1573" s="208" t="s">
        <v>3802</v>
      </c>
      <c r="B1573" s="209" t="s">
        <v>20420</v>
      </c>
      <c r="C1573" s="113" t="s">
        <v>3803</v>
      </c>
      <c r="D1573" s="113" t="s">
        <v>23350</v>
      </c>
      <c r="E1573" s="210">
        <v>1978</v>
      </c>
      <c r="F1573" s="210">
        <v>1810</v>
      </c>
      <c r="G1573" s="113" t="s">
        <v>1</v>
      </c>
      <c r="H1573" s="113">
        <v>0</v>
      </c>
      <c r="I1573" s="113">
        <v>0</v>
      </c>
      <c r="J1573" s="115">
        <v>1</v>
      </c>
      <c r="K1573" s="116" t="s">
        <v>174</v>
      </c>
      <c r="L1573" s="115">
        <v>1</v>
      </c>
      <c r="M1573" s="115">
        <v>1</v>
      </c>
      <c r="N1573" s="115">
        <v>0</v>
      </c>
      <c r="O1573" s="115">
        <v>1</v>
      </c>
      <c r="P1573" s="115" t="s">
        <v>400</v>
      </c>
      <c r="Q1573" s="115" t="s">
        <v>400</v>
      </c>
      <c r="R1573" s="115">
        <v>1</v>
      </c>
      <c r="S1573" s="115">
        <v>0</v>
      </c>
      <c r="T1573" s="115">
        <v>0</v>
      </c>
      <c r="U1573" s="119"/>
      <c r="V1573" s="119"/>
      <c r="W1573" s="119"/>
      <c r="X1573" s="119"/>
      <c r="Y1573" s="119"/>
      <c r="Z1573" s="119"/>
      <c r="AA1573" s="119"/>
      <c r="AB1573" s="119"/>
      <c r="AC1573" s="119"/>
      <c r="AD1573" s="119"/>
      <c r="AE1573" s="119"/>
      <c r="AF1573" s="119"/>
      <c r="AG1573" s="119"/>
      <c r="AH1573" s="119"/>
      <c r="AI1573" s="119"/>
      <c r="AJ1573" s="119"/>
      <c r="AK1573" s="119"/>
      <c r="AL1573" s="119"/>
      <c r="AM1573" s="119"/>
      <c r="AN1573" s="119"/>
      <c r="AO1573" s="119"/>
      <c r="AP1573" s="119"/>
      <c r="AQ1573" s="119"/>
      <c r="AR1573" s="119"/>
      <c r="AS1573" s="119"/>
      <c r="AT1573" s="119"/>
      <c r="AU1573" s="119"/>
      <c r="AV1573" s="119"/>
      <c r="AW1573" s="119"/>
      <c r="AX1573" s="119"/>
      <c r="AY1573" s="119"/>
      <c r="AZ1573" s="119"/>
      <c r="BA1573" s="119"/>
      <c r="BB1573" s="107">
        <v>45884</v>
      </c>
    </row>
    <row r="1574" spans="1:54" s="207" customFormat="1" ht="13.95" customHeight="1" x14ac:dyDescent="0.25">
      <c r="A1574" s="208" t="s">
        <v>3804</v>
      </c>
      <c r="B1574" s="209" t="s">
        <v>20420</v>
      </c>
      <c r="C1574" s="113" t="s">
        <v>3805</v>
      </c>
      <c r="D1574" s="113" t="s">
        <v>23351</v>
      </c>
      <c r="E1574" s="210">
        <v>2002</v>
      </c>
      <c r="F1574" s="210">
        <v>1813</v>
      </c>
      <c r="G1574" s="113" t="s">
        <v>1</v>
      </c>
      <c r="H1574" s="113">
        <v>1</v>
      </c>
      <c r="I1574" s="113">
        <v>1</v>
      </c>
      <c r="J1574" s="115">
        <v>1</v>
      </c>
      <c r="K1574" s="116" t="s">
        <v>174</v>
      </c>
      <c r="L1574" s="115">
        <v>0</v>
      </c>
      <c r="M1574" s="115">
        <v>1</v>
      </c>
      <c r="N1574" s="115">
        <v>0</v>
      </c>
      <c r="O1574" s="115">
        <v>1</v>
      </c>
      <c r="P1574" s="115" t="s">
        <v>400</v>
      </c>
      <c r="Q1574" s="115" t="s">
        <v>400</v>
      </c>
      <c r="R1574" s="115">
        <v>0</v>
      </c>
      <c r="S1574" s="115">
        <v>0</v>
      </c>
      <c r="T1574" s="115">
        <v>0</v>
      </c>
      <c r="U1574" s="119"/>
      <c r="V1574" s="119"/>
      <c r="W1574" s="119"/>
      <c r="X1574" s="119"/>
      <c r="Y1574" s="119"/>
      <c r="Z1574" s="119"/>
      <c r="AA1574" s="119"/>
      <c r="AB1574" s="119"/>
      <c r="AC1574" s="119"/>
      <c r="AD1574" s="119"/>
      <c r="AE1574" s="119"/>
      <c r="AF1574" s="119"/>
      <c r="AG1574" s="119"/>
      <c r="AH1574" s="119"/>
      <c r="AI1574" s="119"/>
      <c r="AJ1574" s="119"/>
      <c r="AK1574" s="119"/>
      <c r="AL1574" s="119"/>
      <c r="AM1574" s="119"/>
      <c r="AN1574" s="119"/>
      <c r="AO1574" s="119"/>
      <c r="AP1574" s="119"/>
      <c r="AQ1574" s="119"/>
      <c r="AR1574" s="119"/>
      <c r="AS1574" s="119"/>
      <c r="AT1574" s="119"/>
      <c r="AU1574" s="119"/>
      <c r="AV1574" s="119"/>
      <c r="AW1574" s="119"/>
      <c r="AX1574" s="119"/>
      <c r="AY1574" s="119"/>
      <c r="AZ1574" s="119"/>
      <c r="BA1574" s="119"/>
      <c r="BB1574" s="107">
        <v>45884</v>
      </c>
    </row>
    <row r="1575" spans="1:54" s="207" customFormat="1" ht="13.95" customHeight="1" x14ac:dyDescent="0.25">
      <c r="A1575" s="208" t="s">
        <v>3806</v>
      </c>
      <c r="B1575" s="209" t="s">
        <v>20420</v>
      </c>
      <c r="C1575" s="113" t="s">
        <v>3807</v>
      </c>
      <c r="D1575" s="113" t="s">
        <v>3808</v>
      </c>
      <c r="E1575" s="210">
        <v>1977</v>
      </c>
      <c r="F1575" s="210">
        <v>1813</v>
      </c>
      <c r="G1575" s="113" t="s">
        <v>1</v>
      </c>
      <c r="H1575" s="113">
        <v>0</v>
      </c>
      <c r="I1575" s="113">
        <v>0</v>
      </c>
      <c r="J1575" s="115">
        <v>1</v>
      </c>
      <c r="K1575" s="116" t="s">
        <v>174</v>
      </c>
      <c r="L1575" s="115">
        <v>1</v>
      </c>
      <c r="M1575" s="115">
        <v>0</v>
      </c>
      <c r="N1575" s="115">
        <v>1</v>
      </c>
      <c r="O1575" s="115">
        <v>1</v>
      </c>
      <c r="P1575" s="115">
        <v>1</v>
      </c>
      <c r="Q1575" s="115" t="s">
        <v>400</v>
      </c>
      <c r="R1575" s="115">
        <v>1</v>
      </c>
      <c r="S1575" s="115">
        <v>0</v>
      </c>
      <c r="T1575" s="115">
        <v>0</v>
      </c>
      <c r="U1575" s="119"/>
      <c r="V1575" s="119"/>
      <c r="W1575" s="119"/>
      <c r="X1575" s="119"/>
      <c r="Y1575" s="119"/>
      <c r="Z1575" s="119"/>
      <c r="AA1575" s="119"/>
      <c r="AB1575" s="119"/>
      <c r="AC1575" s="119"/>
      <c r="AD1575" s="119"/>
      <c r="AE1575" s="119"/>
      <c r="AF1575" s="119"/>
      <c r="AG1575" s="119"/>
      <c r="AH1575" s="119"/>
      <c r="AI1575" s="119"/>
      <c r="AJ1575" s="119"/>
      <c r="AK1575" s="119"/>
      <c r="AL1575" s="119"/>
      <c r="AM1575" s="119"/>
      <c r="AN1575" s="119"/>
      <c r="AO1575" s="119"/>
      <c r="AP1575" s="119"/>
      <c r="AQ1575" s="119"/>
      <c r="AR1575" s="119"/>
      <c r="AS1575" s="119"/>
      <c r="AT1575" s="119"/>
      <c r="AU1575" s="119"/>
      <c r="AV1575" s="119"/>
      <c r="AW1575" s="119"/>
      <c r="AX1575" s="119"/>
      <c r="AY1575" s="119"/>
      <c r="AZ1575" s="119"/>
      <c r="BA1575" s="119"/>
      <c r="BB1575" s="107">
        <v>45884</v>
      </c>
    </row>
    <row r="1576" spans="1:54" s="207" customFormat="1" ht="13.95" customHeight="1" x14ac:dyDescent="0.25">
      <c r="A1576" s="208" t="s">
        <v>3809</v>
      </c>
      <c r="B1576" s="209" t="s">
        <v>20420</v>
      </c>
      <c r="C1576" s="113" t="s">
        <v>3810</v>
      </c>
      <c r="D1576" s="113" t="s">
        <v>3811</v>
      </c>
      <c r="E1576" s="210">
        <v>1974</v>
      </c>
      <c r="F1576" s="210">
        <v>1815</v>
      </c>
      <c r="G1576" s="113" t="s">
        <v>1</v>
      </c>
      <c r="H1576" s="113">
        <v>0</v>
      </c>
      <c r="I1576" s="113">
        <v>0</v>
      </c>
      <c r="J1576" s="115">
        <v>0</v>
      </c>
      <c r="K1576" s="116" t="s">
        <v>174</v>
      </c>
      <c r="L1576" s="115">
        <v>0</v>
      </c>
      <c r="M1576" s="115">
        <v>1</v>
      </c>
      <c r="N1576" s="115">
        <v>0</v>
      </c>
      <c r="O1576" s="115">
        <v>1</v>
      </c>
      <c r="P1576" s="115" t="s">
        <v>400</v>
      </c>
      <c r="Q1576" s="115" t="s">
        <v>400</v>
      </c>
      <c r="R1576" s="115">
        <v>0</v>
      </c>
      <c r="S1576" s="115">
        <v>0</v>
      </c>
      <c r="T1576" s="115">
        <v>1</v>
      </c>
      <c r="U1576" s="119"/>
      <c r="V1576" s="119"/>
      <c r="W1576" s="119"/>
      <c r="X1576" s="119"/>
      <c r="Y1576" s="119"/>
      <c r="Z1576" s="119"/>
      <c r="AA1576" s="119"/>
      <c r="AB1576" s="119"/>
      <c r="AC1576" s="119"/>
      <c r="AD1576" s="119"/>
      <c r="AE1576" s="119"/>
      <c r="AF1576" s="119"/>
      <c r="AG1576" s="119"/>
      <c r="AH1576" s="119"/>
      <c r="AI1576" s="119"/>
      <c r="AJ1576" s="119"/>
      <c r="AK1576" s="119"/>
      <c r="AL1576" s="119"/>
      <c r="AM1576" s="119"/>
      <c r="AN1576" s="119"/>
      <c r="AO1576" s="119"/>
      <c r="AP1576" s="119"/>
      <c r="AQ1576" s="119"/>
      <c r="AR1576" s="119"/>
      <c r="AS1576" s="119"/>
      <c r="AT1576" s="119"/>
      <c r="AU1576" s="119"/>
      <c r="AV1576" s="119"/>
      <c r="AW1576" s="119"/>
      <c r="AX1576" s="119"/>
      <c r="AY1576" s="119"/>
      <c r="AZ1576" s="119"/>
      <c r="BA1576" s="119"/>
      <c r="BB1576" s="107">
        <v>45884</v>
      </c>
    </row>
    <row r="1577" spans="1:54" s="207" customFormat="1" ht="13.95" customHeight="1" x14ac:dyDescent="0.25">
      <c r="A1577" s="208" t="s">
        <v>3812</v>
      </c>
      <c r="B1577" s="209" t="s">
        <v>20420</v>
      </c>
      <c r="C1577" s="113" t="s">
        <v>3813</v>
      </c>
      <c r="D1577" s="113" t="s">
        <v>23352</v>
      </c>
      <c r="E1577" s="210">
        <v>1976</v>
      </c>
      <c r="F1577" s="210">
        <v>1816</v>
      </c>
      <c r="G1577" s="113" t="s">
        <v>1</v>
      </c>
      <c r="H1577" s="113">
        <v>0</v>
      </c>
      <c r="I1577" s="113">
        <v>0</v>
      </c>
      <c r="J1577" s="115">
        <v>1</v>
      </c>
      <c r="K1577" s="116" t="s">
        <v>174</v>
      </c>
      <c r="L1577" s="115">
        <v>1</v>
      </c>
      <c r="M1577" s="115">
        <v>1</v>
      </c>
      <c r="N1577" s="115">
        <v>0</v>
      </c>
      <c r="O1577" s="115">
        <v>1</v>
      </c>
      <c r="P1577" s="115" t="s">
        <v>400</v>
      </c>
      <c r="Q1577" s="115" t="s">
        <v>400</v>
      </c>
      <c r="R1577" s="115">
        <v>1</v>
      </c>
      <c r="S1577" s="115">
        <v>0</v>
      </c>
      <c r="T1577" s="115">
        <v>0</v>
      </c>
      <c r="U1577" s="119"/>
      <c r="V1577" s="119"/>
      <c r="W1577" s="119"/>
      <c r="X1577" s="119"/>
      <c r="Y1577" s="119"/>
      <c r="Z1577" s="119"/>
      <c r="AA1577" s="119"/>
      <c r="AB1577" s="119"/>
      <c r="AC1577" s="119"/>
      <c r="AD1577" s="119"/>
      <c r="AE1577" s="119"/>
      <c r="AF1577" s="119"/>
      <c r="AG1577" s="119"/>
      <c r="AH1577" s="119"/>
      <c r="AI1577" s="119"/>
      <c r="AJ1577" s="119"/>
      <c r="AK1577" s="119"/>
      <c r="AL1577" s="119"/>
      <c r="AM1577" s="119"/>
      <c r="AN1577" s="119"/>
      <c r="AO1577" s="119"/>
      <c r="AP1577" s="119"/>
      <c r="AQ1577" s="119"/>
      <c r="AR1577" s="119"/>
      <c r="AS1577" s="119"/>
      <c r="AT1577" s="119"/>
      <c r="AU1577" s="119"/>
      <c r="AV1577" s="119"/>
      <c r="AW1577" s="119"/>
      <c r="AX1577" s="119"/>
      <c r="AY1577" s="119"/>
      <c r="AZ1577" s="119"/>
      <c r="BA1577" s="119"/>
      <c r="BB1577" s="107">
        <v>45884</v>
      </c>
    </row>
    <row r="1578" spans="1:54" s="207" customFormat="1" ht="13.95" customHeight="1" x14ac:dyDescent="0.25">
      <c r="A1578" s="208" t="s">
        <v>3814</v>
      </c>
      <c r="B1578" s="209" t="s">
        <v>20420</v>
      </c>
      <c r="C1578" s="113" t="s">
        <v>3815</v>
      </c>
      <c r="D1578" s="113" t="s">
        <v>3816</v>
      </c>
      <c r="E1578" s="210">
        <v>2008</v>
      </c>
      <c r="F1578" s="210">
        <v>1817</v>
      </c>
      <c r="G1578" s="113" t="s">
        <v>1</v>
      </c>
      <c r="H1578" s="113">
        <v>0</v>
      </c>
      <c r="I1578" s="113">
        <v>0</v>
      </c>
      <c r="J1578" s="115">
        <v>1</v>
      </c>
      <c r="K1578" s="116" t="s">
        <v>174</v>
      </c>
      <c r="L1578" s="115">
        <v>0</v>
      </c>
      <c r="M1578" s="115">
        <v>0</v>
      </c>
      <c r="N1578" s="115">
        <v>0</v>
      </c>
      <c r="O1578" s="115">
        <v>0</v>
      </c>
      <c r="P1578" s="115" t="s">
        <v>400</v>
      </c>
      <c r="Q1578" s="115" t="s">
        <v>400</v>
      </c>
      <c r="R1578" s="115">
        <v>0</v>
      </c>
      <c r="S1578" s="115">
        <v>0</v>
      </c>
      <c r="T1578" s="115">
        <v>0</v>
      </c>
      <c r="U1578" s="119"/>
      <c r="V1578" s="119"/>
      <c r="W1578" s="119"/>
      <c r="X1578" s="119"/>
      <c r="Y1578" s="119"/>
      <c r="Z1578" s="119"/>
      <c r="AA1578" s="119"/>
      <c r="AB1578" s="119"/>
      <c r="AC1578" s="119"/>
      <c r="AD1578" s="119"/>
      <c r="AE1578" s="119"/>
      <c r="AF1578" s="119"/>
      <c r="AG1578" s="119"/>
      <c r="AH1578" s="119"/>
      <c r="AI1578" s="119"/>
      <c r="AJ1578" s="119"/>
      <c r="AK1578" s="119"/>
      <c r="AL1578" s="119"/>
      <c r="AM1578" s="119"/>
      <c r="AN1578" s="119"/>
      <c r="AO1578" s="119"/>
      <c r="AP1578" s="119"/>
      <c r="AQ1578" s="119"/>
      <c r="AR1578" s="119"/>
      <c r="AS1578" s="119"/>
      <c r="AT1578" s="119"/>
      <c r="AU1578" s="119"/>
      <c r="AV1578" s="119"/>
      <c r="AW1578" s="119"/>
      <c r="AX1578" s="119"/>
      <c r="AY1578" s="119"/>
      <c r="AZ1578" s="119"/>
      <c r="BA1578" s="119"/>
      <c r="BB1578" s="107">
        <v>45884</v>
      </c>
    </row>
    <row r="1579" spans="1:54" s="207" customFormat="1" ht="13.95" customHeight="1" x14ac:dyDescent="0.25">
      <c r="A1579" s="208" t="s">
        <v>3817</v>
      </c>
      <c r="B1579" s="209" t="s">
        <v>20420</v>
      </c>
      <c r="C1579" s="113" t="s">
        <v>3818</v>
      </c>
      <c r="D1579" s="113" t="s">
        <v>23353</v>
      </c>
      <c r="E1579" s="210">
        <v>1996</v>
      </c>
      <c r="F1579" s="210">
        <v>1747</v>
      </c>
      <c r="G1579" s="113" t="s">
        <v>1</v>
      </c>
      <c r="H1579" s="113">
        <v>0</v>
      </c>
      <c r="I1579" s="113">
        <v>0</v>
      </c>
      <c r="J1579" s="115">
        <v>1</v>
      </c>
      <c r="K1579" s="116" t="s">
        <v>174</v>
      </c>
      <c r="L1579" s="115">
        <v>1</v>
      </c>
      <c r="M1579" s="115">
        <v>0</v>
      </c>
      <c r="N1579" s="115">
        <v>0</v>
      </c>
      <c r="O1579" s="115">
        <v>1</v>
      </c>
      <c r="P1579" s="115">
        <v>1</v>
      </c>
      <c r="Q1579" s="115" t="s">
        <v>400</v>
      </c>
      <c r="R1579" s="115">
        <v>1</v>
      </c>
      <c r="S1579" s="115">
        <v>0</v>
      </c>
      <c r="T1579" s="115">
        <v>0</v>
      </c>
      <c r="U1579" s="119"/>
      <c r="V1579" s="119"/>
      <c r="W1579" s="119"/>
      <c r="X1579" s="119"/>
      <c r="Y1579" s="119"/>
      <c r="Z1579" s="119"/>
      <c r="AA1579" s="119"/>
      <c r="AB1579" s="119"/>
      <c r="AC1579" s="119"/>
      <c r="AD1579" s="119"/>
      <c r="AE1579" s="119"/>
      <c r="AF1579" s="119"/>
      <c r="AG1579" s="119"/>
      <c r="AH1579" s="119"/>
      <c r="AI1579" s="119"/>
      <c r="AJ1579" s="119"/>
      <c r="AK1579" s="119"/>
      <c r="AL1579" s="119"/>
      <c r="AM1579" s="119"/>
      <c r="AN1579" s="119"/>
      <c r="AO1579" s="119"/>
      <c r="AP1579" s="119"/>
      <c r="AQ1579" s="119"/>
      <c r="AR1579" s="119"/>
      <c r="AS1579" s="119"/>
      <c r="AT1579" s="119"/>
      <c r="AU1579" s="119"/>
      <c r="AV1579" s="119"/>
      <c r="AW1579" s="119"/>
      <c r="AX1579" s="119"/>
      <c r="AY1579" s="119"/>
      <c r="AZ1579" s="119"/>
      <c r="BA1579" s="119"/>
      <c r="BB1579" s="107">
        <v>45884</v>
      </c>
    </row>
    <row r="1580" spans="1:54" s="207" customFormat="1" ht="13.95" customHeight="1" x14ac:dyDescent="0.25">
      <c r="A1580" s="208" t="s">
        <v>3819</v>
      </c>
      <c r="B1580" s="209" t="s">
        <v>20420</v>
      </c>
      <c r="C1580" s="113" t="s">
        <v>3820</v>
      </c>
      <c r="D1580" s="113" t="s">
        <v>23354</v>
      </c>
      <c r="E1580" s="210">
        <v>1991</v>
      </c>
      <c r="F1580" s="210">
        <v>1821</v>
      </c>
      <c r="G1580" s="113" t="s">
        <v>1</v>
      </c>
      <c r="H1580" s="113">
        <v>0</v>
      </c>
      <c r="I1580" s="113">
        <v>0</v>
      </c>
      <c r="J1580" s="115">
        <v>1</v>
      </c>
      <c r="K1580" s="211">
        <v>1</v>
      </c>
      <c r="L1580" s="115">
        <v>1</v>
      </c>
      <c r="M1580" s="115">
        <v>1</v>
      </c>
      <c r="N1580" s="115">
        <v>0</v>
      </c>
      <c r="O1580" s="115">
        <v>1</v>
      </c>
      <c r="P1580" s="115" t="s">
        <v>400</v>
      </c>
      <c r="Q1580" s="115" t="s">
        <v>400</v>
      </c>
      <c r="R1580" s="115">
        <v>1</v>
      </c>
      <c r="S1580" s="115">
        <v>0</v>
      </c>
      <c r="T1580" s="115">
        <v>0</v>
      </c>
      <c r="U1580" s="119"/>
      <c r="V1580" s="119"/>
      <c r="W1580" s="119"/>
      <c r="X1580" s="119"/>
      <c r="Y1580" s="119"/>
      <c r="Z1580" s="119"/>
      <c r="AA1580" s="119"/>
      <c r="AB1580" s="119"/>
      <c r="AC1580" s="119"/>
      <c r="AD1580" s="119"/>
      <c r="AE1580" s="119"/>
      <c r="AF1580" s="119"/>
      <c r="AG1580" s="119"/>
      <c r="AH1580" s="119"/>
      <c r="AI1580" s="119"/>
      <c r="AJ1580" s="119"/>
      <c r="AK1580" s="119"/>
      <c r="AL1580" s="119"/>
      <c r="AM1580" s="119"/>
      <c r="AN1580" s="119"/>
      <c r="AO1580" s="119"/>
      <c r="AP1580" s="119"/>
      <c r="AQ1580" s="119"/>
      <c r="AR1580" s="119"/>
      <c r="AS1580" s="119"/>
      <c r="AT1580" s="119"/>
      <c r="AU1580" s="119"/>
      <c r="AV1580" s="119"/>
      <c r="AW1580" s="119"/>
      <c r="AX1580" s="119"/>
      <c r="AY1580" s="119"/>
      <c r="AZ1580" s="119"/>
      <c r="BA1580" s="119"/>
      <c r="BB1580" s="107">
        <v>45884</v>
      </c>
    </row>
    <row r="1581" spans="1:54" s="207" customFormat="1" ht="13.95" customHeight="1" x14ac:dyDescent="0.25">
      <c r="A1581" s="208" t="s">
        <v>3821</v>
      </c>
      <c r="B1581" s="209" t="s">
        <v>20420</v>
      </c>
      <c r="C1581" s="113" t="s">
        <v>3822</v>
      </c>
      <c r="D1581" s="113" t="s">
        <v>3823</v>
      </c>
      <c r="E1581" s="210">
        <v>1970</v>
      </c>
      <c r="F1581" s="210">
        <v>1834</v>
      </c>
      <c r="G1581" s="113" t="s">
        <v>1</v>
      </c>
      <c r="H1581" s="113">
        <v>0</v>
      </c>
      <c r="I1581" s="113">
        <v>0</v>
      </c>
      <c r="J1581" s="115">
        <v>1</v>
      </c>
      <c r="K1581" s="116" t="s">
        <v>174</v>
      </c>
      <c r="L1581" s="115">
        <v>1</v>
      </c>
      <c r="M1581" s="115">
        <v>0</v>
      </c>
      <c r="N1581" s="115">
        <v>0</v>
      </c>
      <c r="O1581" s="115">
        <v>1</v>
      </c>
      <c r="P1581" s="115">
        <v>1</v>
      </c>
      <c r="Q1581" s="115">
        <v>1</v>
      </c>
      <c r="R1581" s="115">
        <v>1</v>
      </c>
      <c r="S1581" s="115">
        <v>0</v>
      </c>
      <c r="T1581" s="115">
        <v>0</v>
      </c>
      <c r="U1581" s="119"/>
      <c r="V1581" s="119"/>
      <c r="W1581" s="119"/>
      <c r="X1581" s="119"/>
      <c r="Y1581" s="119"/>
      <c r="Z1581" s="119"/>
      <c r="AA1581" s="119"/>
      <c r="AB1581" s="119"/>
      <c r="AC1581" s="119"/>
      <c r="AD1581" s="119"/>
      <c r="AE1581" s="119"/>
      <c r="AF1581" s="119"/>
      <c r="AG1581" s="119"/>
      <c r="AH1581" s="119"/>
      <c r="AI1581" s="119"/>
      <c r="AJ1581" s="119"/>
      <c r="AK1581" s="119"/>
      <c r="AL1581" s="119"/>
      <c r="AM1581" s="119"/>
      <c r="AN1581" s="119"/>
      <c r="AO1581" s="119"/>
      <c r="AP1581" s="119"/>
      <c r="AQ1581" s="119"/>
      <c r="AR1581" s="119"/>
      <c r="AS1581" s="119"/>
      <c r="AT1581" s="119"/>
      <c r="AU1581" s="119"/>
      <c r="AV1581" s="119"/>
      <c r="AW1581" s="119"/>
      <c r="AX1581" s="119"/>
      <c r="AY1581" s="119"/>
      <c r="AZ1581" s="119"/>
      <c r="BA1581" s="119"/>
      <c r="BB1581" s="107">
        <v>45884</v>
      </c>
    </row>
    <row r="1582" spans="1:54" s="207" customFormat="1" ht="13.95" customHeight="1" x14ac:dyDescent="0.25">
      <c r="A1582" s="208" t="s">
        <v>3824</v>
      </c>
      <c r="B1582" s="209" t="s">
        <v>20420</v>
      </c>
      <c r="C1582" s="113" t="s">
        <v>3825</v>
      </c>
      <c r="D1582" s="113" t="s">
        <v>23355</v>
      </c>
      <c r="E1582" s="210">
        <v>1976</v>
      </c>
      <c r="F1582" s="210">
        <v>1839</v>
      </c>
      <c r="G1582" s="113" t="s">
        <v>1</v>
      </c>
      <c r="H1582" s="113">
        <v>0</v>
      </c>
      <c r="I1582" s="113">
        <v>0</v>
      </c>
      <c r="J1582" s="115">
        <v>1</v>
      </c>
      <c r="K1582" s="116" t="s">
        <v>174</v>
      </c>
      <c r="L1582" s="115">
        <v>1</v>
      </c>
      <c r="M1582" s="115">
        <v>1</v>
      </c>
      <c r="N1582" s="115">
        <v>0</v>
      </c>
      <c r="O1582" s="115">
        <v>0</v>
      </c>
      <c r="P1582" s="115" t="s">
        <v>400</v>
      </c>
      <c r="Q1582" s="115" t="s">
        <v>400</v>
      </c>
      <c r="R1582" s="115">
        <v>0</v>
      </c>
      <c r="S1582" s="115">
        <v>0</v>
      </c>
      <c r="T1582" s="115">
        <v>0</v>
      </c>
      <c r="U1582" s="119"/>
      <c r="V1582" s="119"/>
      <c r="W1582" s="119"/>
      <c r="X1582" s="119"/>
      <c r="Y1582" s="119"/>
      <c r="Z1582" s="119"/>
      <c r="AA1582" s="119"/>
      <c r="AB1582" s="119"/>
      <c r="AC1582" s="119"/>
      <c r="AD1582" s="119"/>
      <c r="AE1582" s="119"/>
      <c r="AF1582" s="119"/>
      <c r="AG1582" s="119"/>
      <c r="AH1582" s="119"/>
      <c r="AI1582" s="119"/>
      <c r="AJ1582" s="119"/>
      <c r="AK1582" s="119"/>
      <c r="AL1582" s="119"/>
      <c r="AM1582" s="119"/>
      <c r="AN1582" s="119"/>
      <c r="AO1582" s="119"/>
      <c r="AP1582" s="119"/>
      <c r="AQ1582" s="119"/>
      <c r="AR1582" s="119"/>
      <c r="AS1582" s="119"/>
      <c r="AT1582" s="119"/>
      <c r="AU1582" s="119"/>
      <c r="AV1582" s="119"/>
      <c r="AW1582" s="119"/>
      <c r="AX1582" s="119"/>
      <c r="AY1582" s="119"/>
      <c r="AZ1582" s="119"/>
      <c r="BA1582" s="119"/>
      <c r="BB1582" s="107">
        <v>45884</v>
      </c>
    </row>
    <row r="1583" spans="1:54" s="207" customFormat="1" ht="13.95" customHeight="1" x14ac:dyDescent="0.25">
      <c r="A1583" s="208" t="s">
        <v>3826</v>
      </c>
      <c r="B1583" s="209" t="s">
        <v>20420</v>
      </c>
      <c r="C1583" s="113" t="s">
        <v>3827</v>
      </c>
      <c r="D1583" s="113" t="s">
        <v>23356</v>
      </c>
      <c r="E1583" s="210">
        <v>1985</v>
      </c>
      <c r="F1583" s="210">
        <v>1840</v>
      </c>
      <c r="G1583" s="113" t="s">
        <v>1</v>
      </c>
      <c r="H1583" s="113">
        <v>0</v>
      </c>
      <c r="I1583" s="113">
        <v>0</v>
      </c>
      <c r="J1583" s="115">
        <v>1</v>
      </c>
      <c r="K1583" s="116" t="s">
        <v>174</v>
      </c>
      <c r="L1583" s="115">
        <v>1</v>
      </c>
      <c r="M1583" s="115">
        <v>0</v>
      </c>
      <c r="N1583" s="115">
        <v>0</v>
      </c>
      <c r="O1583" s="115">
        <v>1</v>
      </c>
      <c r="P1583" s="115">
        <v>1</v>
      </c>
      <c r="Q1583" s="115" t="s">
        <v>400</v>
      </c>
      <c r="R1583" s="115">
        <v>1</v>
      </c>
      <c r="S1583" s="115">
        <v>0</v>
      </c>
      <c r="T1583" s="115">
        <v>0</v>
      </c>
      <c r="U1583" s="119"/>
      <c r="V1583" s="119"/>
      <c r="W1583" s="119"/>
      <c r="X1583" s="119"/>
      <c r="Y1583" s="119"/>
      <c r="Z1583" s="119"/>
      <c r="AA1583" s="119"/>
      <c r="AB1583" s="119"/>
      <c r="AC1583" s="119"/>
      <c r="AD1583" s="119"/>
      <c r="AE1583" s="119"/>
      <c r="AF1583" s="119"/>
      <c r="AG1583" s="119"/>
      <c r="AH1583" s="119"/>
      <c r="AI1583" s="119"/>
      <c r="AJ1583" s="119"/>
      <c r="AK1583" s="119"/>
      <c r="AL1583" s="119"/>
      <c r="AM1583" s="119"/>
      <c r="AN1583" s="119"/>
      <c r="AO1583" s="119"/>
      <c r="AP1583" s="119"/>
      <c r="AQ1583" s="119"/>
      <c r="AR1583" s="119"/>
      <c r="AS1583" s="119"/>
      <c r="AT1583" s="119"/>
      <c r="AU1583" s="119"/>
      <c r="AV1583" s="119"/>
      <c r="AW1583" s="119"/>
      <c r="AX1583" s="119"/>
      <c r="AY1583" s="119"/>
      <c r="AZ1583" s="119"/>
      <c r="BA1583" s="119"/>
      <c r="BB1583" s="107">
        <v>45884</v>
      </c>
    </row>
    <row r="1584" spans="1:54" s="207" customFormat="1" ht="13.95" customHeight="1" x14ac:dyDescent="0.25">
      <c r="A1584" s="208" t="s">
        <v>3828</v>
      </c>
      <c r="B1584" s="209" t="s">
        <v>20420</v>
      </c>
      <c r="C1584" s="113" t="s">
        <v>3829</v>
      </c>
      <c r="D1584" s="113" t="s">
        <v>3830</v>
      </c>
      <c r="E1584" s="210">
        <v>1976</v>
      </c>
      <c r="F1584" s="210">
        <v>1844</v>
      </c>
      <c r="G1584" s="113" t="s">
        <v>1</v>
      </c>
      <c r="H1584" s="113">
        <v>0</v>
      </c>
      <c r="I1584" s="113">
        <v>0</v>
      </c>
      <c r="J1584" s="115">
        <v>1</v>
      </c>
      <c r="K1584" s="211">
        <v>1</v>
      </c>
      <c r="L1584" s="115">
        <v>1</v>
      </c>
      <c r="M1584" s="115">
        <v>0</v>
      </c>
      <c r="N1584" s="115">
        <v>0</v>
      </c>
      <c r="O1584" s="115">
        <v>1</v>
      </c>
      <c r="P1584" s="115">
        <v>1</v>
      </c>
      <c r="Q1584" s="115" t="s">
        <v>400</v>
      </c>
      <c r="R1584" s="115">
        <v>1</v>
      </c>
      <c r="S1584" s="115">
        <v>0</v>
      </c>
      <c r="T1584" s="115">
        <v>0</v>
      </c>
      <c r="U1584" s="119"/>
      <c r="V1584" s="119"/>
      <c r="W1584" s="119"/>
      <c r="X1584" s="119"/>
      <c r="Y1584" s="119"/>
      <c r="Z1584" s="119"/>
      <c r="AA1584" s="119"/>
      <c r="AB1584" s="119"/>
      <c r="AC1584" s="119"/>
      <c r="AD1584" s="119"/>
      <c r="AE1584" s="119"/>
      <c r="AF1584" s="119"/>
      <c r="AG1584" s="119"/>
      <c r="AH1584" s="119"/>
      <c r="AI1584" s="119"/>
      <c r="AJ1584" s="119"/>
      <c r="AK1584" s="119"/>
      <c r="AL1584" s="119"/>
      <c r="AM1584" s="119"/>
      <c r="AN1584" s="119"/>
      <c r="AO1584" s="119"/>
      <c r="AP1584" s="119"/>
      <c r="AQ1584" s="119"/>
      <c r="AR1584" s="119"/>
      <c r="AS1584" s="119"/>
      <c r="AT1584" s="119"/>
      <c r="AU1584" s="119"/>
      <c r="AV1584" s="119"/>
      <c r="AW1584" s="119"/>
      <c r="AX1584" s="119"/>
      <c r="AY1584" s="119"/>
      <c r="AZ1584" s="119"/>
      <c r="BA1584" s="119"/>
      <c r="BB1584" s="107">
        <v>45884</v>
      </c>
    </row>
    <row r="1585" spans="1:54" s="207" customFormat="1" ht="13.95" customHeight="1" x14ac:dyDescent="0.25">
      <c r="A1585" s="208" t="s">
        <v>3831</v>
      </c>
      <c r="B1585" s="209" t="s">
        <v>20420</v>
      </c>
      <c r="C1585" s="113" t="s">
        <v>3832</v>
      </c>
      <c r="D1585" s="113" t="s">
        <v>23357</v>
      </c>
      <c r="E1585" s="210">
        <v>1990</v>
      </c>
      <c r="F1585" s="210">
        <v>1848</v>
      </c>
      <c r="G1585" s="113" t="s">
        <v>1</v>
      </c>
      <c r="H1585" s="113">
        <v>0</v>
      </c>
      <c r="I1585" s="113">
        <v>0</v>
      </c>
      <c r="J1585" s="115">
        <v>1</v>
      </c>
      <c r="K1585" s="116" t="s">
        <v>174</v>
      </c>
      <c r="L1585" s="115">
        <v>1</v>
      </c>
      <c r="M1585" s="115">
        <v>0</v>
      </c>
      <c r="N1585" s="115">
        <v>0</v>
      </c>
      <c r="O1585" s="115">
        <v>1</v>
      </c>
      <c r="P1585" s="115">
        <v>1</v>
      </c>
      <c r="Q1585" s="115" t="s">
        <v>400</v>
      </c>
      <c r="R1585" s="115">
        <v>0</v>
      </c>
      <c r="S1585" s="115">
        <v>0</v>
      </c>
      <c r="T1585" s="115">
        <v>0</v>
      </c>
      <c r="U1585" s="119"/>
      <c r="V1585" s="119"/>
      <c r="W1585" s="119"/>
      <c r="X1585" s="119"/>
      <c r="Y1585" s="119"/>
      <c r="Z1585" s="119"/>
      <c r="AA1585" s="119"/>
      <c r="AB1585" s="119"/>
      <c r="AC1585" s="119"/>
      <c r="AD1585" s="119"/>
      <c r="AE1585" s="119"/>
      <c r="AF1585" s="119"/>
      <c r="AG1585" s="119"/>
      <c r="AH1585" s="119"/>
      <c r="AI1585" s="119"/>
      <c r="AJ1585" s="119"/>
      <c r="AK1585" s="119"/>
      <c r="AL1585" s="119"/>
      <c r="AM1585" s="119"/>
      <c r="AN1585" s="119"/>
      <c r="AO1585" s="119"/>
      <c r="AP1585" s="119"/>
      <c r="AQ1585" s="119"/>
      <c r="AR1585" s="119"/>
      <c r="AS1585" s="119"/>
      <c r="AT1585" s="119"/>
      <c r="AU1585" s="119"/>
      <c r="AV1585" s="119"/>
      <c r="AW1585" s="119"/>
      <c r="AX1585" s="119"/>
      <c r="AY1585" s="119"/>
      <c r="AZ1585" s="119"/>
      <c r="BA1585" s="119"/>
      <c r="BB1585" s="107">
        <v>45884</v>
      </c>
    </row>
    <row r="1586" spans="1:54" s="207" customFormat="1" ht="13.95" customHeight="1" x14ac:dyDescent="0.25">
      <c r="A1586" s="208" t="s">
        <v>3833</v>
      </c>
      <c r="B1586" s="209" t="s">
        <v>20420</v>
      </c>
      <c r="C1586" s="113" t="s">
        <v>3834</v>
      </c>
      <c r="D1586" s="113" t="s">
        <v>23358</v>
      </c>
      <c r="E1586" s="210">
        <v>1995</v>
      </c>
      <c r="F1586" s="210">
        <v>1849</v>
      </c>
      <c r="G1586" s="113" t="s">
        <v>1</v>
      </c>
      <c r="H1586" s="113">
        <v>0</v>
      </c>
      <c r="I1586" s="113">
        <v>0</v>
      </c>
      <c r="J1586" s="115">
        <v>1</v>
      </c>
      <c r="K1586" s="116" t="s">
        <v>174</v>
      </c>
      <c r="L1586" s="115">
        <v>0</v>
      </c>
      <c r="M1586" s="115">
        <v>0</v>
      </c>
      <c r="N1586" s="115">
        <v>0</v>
      </c>
      <c r="O1586" s="115">
        <v>0</v>
      </c>
      <c r="P1586" s="115" t="s">
        <v>400</v>
      </c>
      <c r="Q1586" s="115" t="s">
        <v>400</v>
      </c>
      <c r="R1586" s="115">
        <v>0</v>
      </c>
      <c r="S1586" s="115">
        <v>0</v>
      </c>
      <c r="T1586" s="115">
        <v>0</v>
      </c>
      <c r="U1586" s="119"/>
      <c r="V1586" s="119"/>
      <c r="W1586" s="119"/>
      <c r="X1586" s="119"/>
      <c r="Y1586" s="119"/>
      <c r="Z1586" s="119"/>
      <c r="AA1586" s="119"/>
      <c r="AB1586" s="119"/>
      <c r="AC1586" s="119"/>
      <c r="AD1586" s="119"/>
      <c r="AE1586" s="119"/>
      <c r="AF1586" s="119"/>
      <c r="AG1586" s="119"/>
      <c r="AH1586" s="119"/>
      <c r="AI1586" s="119"/>
      <c r="AJ1586" s="119"/>
      <c r="AK1586" s="119"/>
      <c r="AL1586" s="119"/>
      <c r="AM1586" s="119"/>
      <c r="AN1586" s="119"/>
      <c r="AO1586" s="119"/>
      <c r="AP1586" s="119"/>
      <c r="AQ1586" s="119"/>
      <c r="AR1586" s="119"/>
      <c r="AS1586" s="119"/>
      <c r="AT1586" s="119"/>
      <c r="AU1586" s="119"/>
      <c r="AV1586" s="119"/>
      <c r="AW1586" s="119"/>
      <c r="AX1586" s="119"/>
      <c r="AY1586" s="119"/>
      <c r="AZ1586" s="119"/>
      <c r="BA1586" s="119"/>
      <c r="BB1586" s="107">
        <v>45884</v>
      </c>
    </row>
    <row r="1587" spans="1:54" s="207" customFormat="1" ht="13.95" customHeight="1" x14ac:dyDescent="0.25">
      <c r="A1587" s="208" t="s">
        <v>3835</v>
      </c>
      <c r="B1587" s="209" t="s">
        <v>20420</v>
      </c>
      <c r="C1587" s="113" t="s">
        <v>3836</v>
      </c>
      <c r="D1587" s="113" t="s">
        <v>23359</v>
      </c>
      <c r="E1587" s="210">
        <v>1966</v>
      </c>
      <c r="F1587" s="210">
        <v>1850</v>
      </c>
      <c r="G1587" s="113" t="s">
        <v>1</v>
      </c>
      <c r="H1587" s="113">
        <v>0</v>
      </c>
      <c r="I1587" s="113">
        <v>0</v>
      </c>
      <c r="J1587" s="115">
        <v>1</v>
      </c>
      <c r="K1587" s="116" t="s">
        <v>174</v>
      </c>
      <c r="L1587" s="115">
        <v>1</v>
      </c>
      <c r="M1587" s="115">
        <v>1</v>
      </c>
      <c r="N1587" s="115">
        <v>0</v>
      </c>
      <c r="O1587" s="115">
        <v>1</v>
      </c>
      <c r="P1587" s="115" t="s">
        <v>400</v>
      </c>
      <c r="Q1587" s="115" t="s">
        <v>400</v>
      </c>
      <c r="R1587" s="115">
        <v>1</v>
      </c>
      <c r="S1587" s="115">
        <v>0</v>
      </c>
      <c r="T1587" s="115">
        <v>0</v>
      </c>
      <c r="U1587" s="119"/>
      <c r="V1587" s="119"/>
      <c r="W1587" s="119"/>
      <c r="X1587" s="119"/>
      <c r="Y1587" s="119"/>
      <c r="Z1587" s="119"/>
      <c r="AA1587" s="119"/>
      <c r="AB1587" s="119"/>
      <c r="AC1587" s="119"/>
      <c r="AD1587" s="119"/>
      <c r="AE1587" s="119"/>
      <c r="AF1587" s="119"/>
      <c r="AG1587" s="119"/>
      <c r="AH1587" s="119"/>
      <c r="AI1587" s="119"/>
      <c r="AJ1587" s="119"/>
      <c r="AK1587" s="119"/>
      <c r="AL1587" s="119"/>
      <c r="AM1587" s="119"/>
      <c r="AN1587" s="119"/>
      <c r="AO1587" s="119"/>
      <c r="AP1587" s="119"/>
      <c r="AQ1587" s="119"/>
      <c r="AR1587" s="119"/>
      <c r="AS1587" s="119"/>
      <c r="AT1587" s="119"/>
      <c r="AU1587" s="119"/>
      <c r="AV1587" s="119"/>
      <c r="AW1587" s="119"/>
      <c r="AX1587" s="119"/>
      <c r="AY1587" s="119"/>
      <c r="AZ1587" s="119"/>
      <c r="BA1587" s="119"/>
      <c r="BB1587" s="107">
        <v>45884</v>
      </c>
    </row>
    <row r="1588" spans="1:54" s="207" customFormat="1" ht="13.95" customHeight="1" x14ac:dyDescent="0.25">
      <c r="A1588" s="208" t="s">
        <v>3837</v>
      </c>
      <c r="B1588" s="209" t="s">
        <v>20420</v>
      </c>
      <c r="C1588" s="113" t="s">
        <v>3838</v>
      </c>
      <c r="D1588" s="113" t="s">
        <v>23360</v>
      </c>
      <c r="E1588" s="210">
        <v>1993</v>
      </c>
      <c r="F1588" s="210">
        <v>1851</v>
      </c>
      <c r="G1588" s="113" t="s">
        <v>1</v>
      </c>
      <c r="H1588" s="113">
        <v>0</v>
      </c>
      <c r="I1588" s="113">
        <v>0</v>
      </c>
      <c r="J1588" s="115">
        <v>1</v>
      </c>
      <c r="K1588" s="116" t="s">
        <v>174</v>
      </c>
      <c r="L1588" s="115">
        <v>1</v>
      </c>
      <c r="M1588" s="115">
        <v>0</v>
      </c>
      <c r="N1588" s="115">
        <v>0</v>
      </c>
      <c r="O1588" s="115">
        <v>1</v>
      </c>
      <c r="P1588" s="115">
        <v>1</v>
      </c>
      <c r="Q1588" s="115" t="s">
        <v>400</v>
      </c>
      <c r="R1588" s="115">
        <v>1</v>
      </c>
      <c r="S1588" s="115">
        <v>0</v>
      </c>
      <c r="T1588" s="115">
        <v>0</v>
      </c>
      <c r="U1588" s="119"/>
      <c r="V1588" s="119"/>
      <c r="W1588" s="119"/>
      <c r="X1588" s="119"/>
      <c r="Y1588" s="119"/>
      <c r="Z1588" s="119"/>
      <c r="AA1588" s="119"/>
      <c r="AB1588" s="119"/>
      <c r="AC1588" s="119"/>
      <c r="AD1588" s="119"/>
      <c r="AE1588" s="119"/>
      <c r="AF1588" s="119"/>
      <c r="AG1588" s="119"/>
      <c r="AH1588" s="119"/>
      <c r="AI1588" s="119"/>
      <c r="AJ1588" s="119"/>
      <c r="AK1588" s="119"/>
      <c r="AL1588" s="119"/>
      <c r="AM1588" s="119"/>
      <c r="AN1588" s="119"/>
      <c r="AO1588" s="119"/>
      <c r="AP1588" s="119"/>
      <c r="AQ1588" s="119"/>
      <c r="AR1588" s="119"/>
      <c r="AS1588" s="119"/>
      <c r="AT1588" s="119"/>
      <c r="AU1588" s="119"/>
      <c r="AV1588" s="119"/>
      <c r="AW1588" s="119"/>
      <c r="AX1588" s="119"/>
      <c r="AY1588" s="119"/>
      <c r="AZ1588" s="119"/>
      <c r="BA1588" s="119"/>
      <c r="BB1588" s="107">
        <v>45884</v>
      </c>
    </row>
    <row r="1589" spans="1:54" s="207" customFormat="1" ht="13.95" customHeight="1" x14ac:dyDescent="0.25">
      <c r="A1589" s="208" t="s">
        <v>3839</v>
      </c>
      <c r="B1589" s="209" t="s">
        <v>20420</v>
      </c>
      <c r="C1589" s="113" t="s">
        <v>3840</v>
      </c>
      <c r="D1589" s="113" t="s">
        <v>23361</v>
      </c>
      <c r="E1589" s="210">
        <v>1956</v>
      </c>
      <c r="F1589" s="210">
        <v>1853</v>
      </c>
      <c r="G1589" s="113" t="s">
        <v>1</v>
      </c>
      <c r="H1589" s="113">
        <v>1</v>
      </c>
      <c r="I1589" s="113">
        <v>1</v>
      </c>
      <c r="J1589" s="115">
        <v>1</v>
      </c>
      <c r="K1589" s="116" t="s">
        <v>174</v>
      </c>
      <c r="L1589" s="115">
        <v>1</v>
      </c>
      <c r="M1589" s="115">
        <v>0</v>
      </c>
      <c r="N1589" s="115">
        <v>0</v>
      </c>
      <c r="O1589" s="115">
        <v>1</v>
      </c>
      <c r="P1589" s="115">
        <v>1</v>
      </c>
      <c r="Q1589" s="115" t="s">
        <v>400</v>
      </c>
      <c r="R1589" s="115">
        <v>1</v>
      </c>
      <c r="S1589" s="115">
        <v>0</v>
      </c>
      <c r="T1589" s="115">
        <v>0</v>
      </c>
      <c r="U1589" s="119"/>
      <c r="V1589" s="119"/>
      <c r="W1589" s="119"/>
      <c r="X1589" s="119"/>
      <c r="Y1589" s="119"/>
      <c r="Z1589" s="119"/>
      <c r="AA1589" s="119"/>
      <c r="AB1589" s="119"/>
      <c r="AC1589" s="119"/>
      <c r="AD1589" s="119"/>
      <c r="AE1589" s="119"/>
      <c r="AF1589" s="119"/>
      <c r="AG1589" s="119"/>
      <c r="AH1589" s="119"/>
      <c r="AI1589" s="119"/>
      <c r="AJ1589" s="119"/>
      <c r="AK1589" s="119"/>
      <c r="AL1589" s="119"/>
      <c r="AM1589" s="119"/>
      <c r="AN1589" s="119"/>
      <c r="AO1589" s="119"/>
      <c r="AP1589" s="119"/>
      <c r="AQ1589" s="119"/>
      <c r="AR1589" s="119"/>
      <c r="AS1589" s="119"/>
      <c r="AT1589" s="119"/>
      <c r="AU1589" s="119"/>
      <c r="AV1589" s="119"/>
      <c r="AW1589" s="119"/>
      <c r="AX1589" s="119"/>
      <c r="AY1589" s="119"/>
      <c r="AZ1589" s="119"/>
      <c r="BA1589" s="119"/>
      <c r="BB1589" s="107">
        <v>45884</v>
      </c>
    </row>
    <row r="1590" spans="1:54" s="207" customFormat="1" ht="13.95" customHeight="1" x14ac:dyDescent="0.25">
      <c r="A1590" s="208" t="s">
        <v>3841</v>
      </c>
      <c r="B1590" s="209" t="s">
        <v>20420</v>
      </c>
      <c r="C1590" s="113" t="s">
        <v>3842</v>
      </c>
      <c r="D1590" s="113" t="s">
        <v>23362</v>
      </c>
      <c r="E1590" s="210">
        <v>1987</v>
      </c>
      <c r="F1590" s="210">
        <v>1853</v>
      </c>
      <c r="G1590" s="113" t="s">
        <v>1</v>
      </c>
      <c r="H1590" s="113">
        <v>0</v>
      </c>
      <c r="I1590" s="113">
        <v>0</v>
      </c>
      <c r="J1590" s="115">
        <v>1</v>
      </c>
      <c r="K1590" s="116" t="s">
        <v>174</v>
      </c>
      <c r="L1590" s="115">
        <v>1</v>
      </c>
      <c r="M1590" s="115">
        <v>0</v>
      </c>
      <c r="N1590" s="115">
        <v>0</v>
      </c>
      <c r="O1590" s="115">
        <v>1</v>
      </c>
      <c r="P1590" s="115">
        <v>1</v>
      </c>
      <c r="Q1590" s="115" t="s">
        <v>400</v>
      </c>
      <c r="R1590" s="115">
        <v>1</v>
      </c>
      <c r="S1590" s="115">
        <v>0</v>
      </c>
      <c r="T1590" s="115">
        <v>0</v>
      </c>
      <c r="U1590" s="119"/>
      <c r="V1590" s="119"/>
      <c r="W1590" s="119"/>
      <c r="X1590" s="119"/>
      <c r="Y1590" s="119"/>
      <c r="Z1590" s="119"/>
      <c r="AA1590" s="119"/>
      <c r="AB1590" s="119"/>
      <c r="AC1590" s="119"/>
      <c r="AD1590" s="119"/>
      <c r="AE1590" s="119"/>
      <c r="AF1590" s="119"/>
      <c r="AG1590" s="119"/>
      <c r="AH1590" s="119"/>
      <c r="AI1590" s="119"/>
      <c r="AJ1590" s="119"/>
      <c r="AK1590" s="119"/>
      <c r="AL1590" s="119"/>
      <c r="AM1590" s="119"/>
      <c r="AN1590" s="119"/>
      <c r="AO1590" s="119"/>
      <c r="AP1590" s="119"/>
      <c r="AQ1590" s="119"/>
      <c r="AR1590" s="119"/>
      <c r="AS1590" s="119"/>
      <c r="AT1590" s="119"/>
      <c r="AU1590" s="119"/>
      <c r="AV1590" s="119"/>
      <c r="AW1590" s="119"/>
      <c r="AX1590" s="119"/>
      <c r="AY1590" s="119"/>
      <c r="AZ1590" s="119"/>
      <c r="BA1590" s="119"/>
      <c r="BB1590" s="107">
        <v>45884</v>
      </c>
    </row>
    <row r="1591" spans="1:54" s="207" customFormat="1" ht="13.95" customHeight="1" x14ac:dyDescent="0.25">
      <c r="A1591" s="208" t="s">
        <v>3843</v>
      </c>
      <c r="B1591" s="209" t="s">
        <v>20420</v>
      </c>
      <c r="C1591" s="113" t="s">
        <v>3844</v>
      </c>
      <c r="D1591" s="113" t="s">
        <v>23363</v>
      </c>
      <c r="E1591" s="210">
        <v>1977</v>
      </c>
      <c r="F1591" s="210">
        <v>1862</v>
      </c>
      <c r="G1591" s="113" t="s">
        <v>1</v>
      </c>
      <c r="H1591" s="113">
        <v>0</v>
      </c>
      <c r="I1591" s="113">
        <v>0</v>
      </c>
      <c r="J1591" s="115">
        <v>1</v>
      </c>
      <c r="K1591" s="116" t="s">
        <v>174</v>
      </c>
      <c r="L1591" s="115">
        <v>1</v>
      </c>
      <c r="M1591" s="115">
        <v>0</v>
      </c>
      <c r="N1591" s="115">
        <v>0</v>
      </c>
      <c r="O1591" s="115">
        <v>1</v>
      </c>
      <c r="P1591" s="115">
        <v>1</v>
      </c>
      <c r="Q1591" s="115" t="s">
        <v>400</v>
      </c>
      <c r="R1591" s="115">
        <v>0</v>
      </c>
      <c r="S1591" s="115">
        <v>0</v>
      </c>
      <c r="T1591" s="115">
        <v>0</v>
      </c>
      <c r="U1591" s="119"/>
      <c r="V1591" s="119"/>
      <c r="W1591" s="119"/>
      <c r="X1591" s="119"/>
      <c r="Y1591" s="119"/>
      <c r="Z1591" s="119"/>
      <c r="AA1591" s="119"/>
      <c r="AB1591" s="119"/>
      <c r="AC1591" s="119"/>
      <c r="AD1591" s="119"/>
      <c r="AE1591" s="119"/>
      <c r="AF1591" s="119"/>
      <c r="AG1591" s="119"/>
      <c r="AH1591" s="119"/>
      <c r="AI1591" s="119"/>
      <c r="AJ1591" s="119"/>
      <c r="AK1591" s="119"/>
      <c r="AL1591" s="119"/>
      <c r="AM1591" s="119"/>
      <c r="AN1591" s="119"/>
      <c r="AO1591" s="119"/>
      <c r="AP1591" s="119"/>
      <c r="AQ1591" s="119"/>
      <c r="AR1591" s="119"/>
      <c r="AS1591" s="119"/>
      <c r="AT1591" s="119"/>
      <c r="AU1591" s="119"/>
      <c r="AV1591" s="119"/>
      <c r="AW1591" s="119"/>
      <c r="AX1591" s="119"/>
      <c r="AY1591" s="119"/>
      <c r="AZ1591" s="119"/>
      <c r="BA1591" s="119"/>
      <c r="BB1591" s="107">
        <v>45884</v>
      </c>
    </row>
    <row r="1592" spans="1:54" s="207" customFormat="1" ht="13.95" customHeight="1" x14ac:dyDescent="0.25">
      <c r="A1592" s="208" t="s">
        <v>3845</v>
      </c>
      <c r="B1592" s="209" t="s">
        <v>20420</v>
      </c>
      <c r="C1592" s="113" t="s">
        <v>3846</v>
      </c>
      <c r="D1592" s="113" t="s">
        <v>3847</v>
      </c>
      <c r="E1592" s="210">
        <v>1975</v>
      </c>
      <c r="F1592" s="210">
        <v>1864</v>
      </c>
      <c r="G1592" s="113" t="s">
        <v>1</v>
      </c>
      <c r="H1592" s="113">
        <v>0</v>
      </c>
      <c r="I1592" s="113">
        <v>0</v>
      </c>
      <c r="J1592" s="115">
        <v>1</v>
      </c>
      <c r="K1592" s="116" t="s">
        <v>174</v>
      </c>
      <c r="L1592" s="115">
        <v>1</v>
      </c>
      <c r="M1592" s="115">
        <v>1</v>
      </c>
      <c r="N1592" s="115">
        <v>0</v>
      </c>
      <c r="O1592" s="115">
        <v>1</v>
      </c>
      <c r="P1592" s="115">
        <v>1</v>
      </c>
      <c r="Q1592" s="115" t="s">
        <v>400</v>
      </c>
      <c r="R1592" s="115">
        <v>1</v>
      </c>
      <c r="S1592" s="115">
        <v>0</v>
      </c>
      <c r="T1592" s="115">
        <v>0</v>
      </c>
      <c r="U1592" s="119"/>
      <c r="V1592" s="119"/>
      <c r="W1592" s="119"/>
      <c r="X1592" s="119"/>
      <c r="Y1592" s="119"/>
      <c r="Z1592" s="119"/>
      <c r="AA1592" s="119"/>
      <c r="AB1592" s="119"/>
      <c r="AC1592" s="119"/>
      <c r="AD1592" s="119"/>
      <c r="AE1592" s="119"/>
      <c r="AF1592" s="119"/>
      <c r="AG1592" s="119"/>
      <c r="AH1592" s="119"/>
      <c r="AI1592" s="119"/>
      <c r="AJ1592" s="119"/>
      <c r="AK1592" s="119"/>
      <c r="AL1592" s="119"/>
      <c r="AM1592" s="119"/>
      <c r="AN1592" s="119"/>
      <c r="AO1592" s="119"/>
      <c r="AP1592" s="119"/>
      <c r="AQ1592" s="119"/>
      <c r="AR1592" s="119"/>
      <c r="AS1592" s="119"/>
      <c r="AT1592" s="119"/>
      <c r="AU1592" s="119"/>
      <c r="AV1592" s="119"/>
      <c r="AW1592" s="119"/>
      <c r="AX1592" s="119"/>
      <c r="AY1592" s="119"/>
      <c r="AZ1592" s="119"/>
      <c r="BA1592" s="119"/>
      <c r="BB1592" s="107">
        <v>45884</v>
      </c>
    </row>
    <row r="1593" spans="1:54" s="207" customFormat="1" ht="13.95" customHeight="1" x14ac:dyDescent="0.25">
      <c r="A1593" s="208" t="s">
        <v>3848</v>
      </c>
      <c r="B1593" s="209" t="s">
        <v>20420</v>
      </c>
      <c r="C1593" s="113" t="s">
        <v>3849</v>
      </c>
      <c r="D1593" s="113" t="s">
        <v>3850</v>
      </c>
      <c r="E1593" s="210">
        <v>1987</v>
      </c>
      <c r="F1593" s="210">
        <v>1869</v>
      </c>
      <c r="G1593" s="113" t="s">
        <v>1</v>
      </c>
      <c r="H1593" s="113">
        <v>0</v>
      </c>
      <c r="I1593" s="113">
        <v>0</v>
      </c>
      <c r="J1593" s="115">
        <v>1</v>
      </c>
      <c r="K1593" s="211">
        <v>1</v>
      </c>
      <c r="L1593" s="115">
        <v>0</v>
      </c>
      <c r="M1593" s="115">
        <v>0</v>
      </c>
      <c r="N1593" s="115">
        <v>1</v>
      </c>
      <c r="O1593" s="115">
        <v>1</v>
      </c>
      <c r="P1593" s="115">
        <v>1</v>
      </c>
      <c r="Q1593" s="115" t="s">
        <v>400</v>
      </c>
      <c r="R1593" s="115">
        <v>1</v>
      </c>
      <c r="S1593" s="115">
        <v>0</v>
      </c>
      <c r="T1593" s="115">
        <v>0</v>
      </c>
      <c r="U1593" s="119"/>
      <c r="V1593" s="119"/>
      <c r="W1593" s="119"/>
      <c r="X1593" s="119"/>
      <c r="Y1593" s="119"/>
      <c r="Z1593" s="119"/>
      <c r="AA1593" s="119"/>
      <c r="AB1593" s="119"/>
      <c r="AC1593" s="119"/>
      <c r="AD1593" s="119"/>
      <c r="AE1593" s="119"/>
      <c r="AF1593" s="119"/>
      <c r="AG1593" s="119"/>
      <c r="AH1593" s="119"/>
      <c r="AI1593" s="119"/>
      <c r="AJ1593" s="119"/>
      <c r="AK1593" s="119"/>
      <c r="AL1593" s="119"/>
      <c r="AM1593" s="119"/>
      <c r="AN1593" s="119"/>
      <c r="AO1593" s="119"/>
      <c r="AP1593" s="119"/>
      <c r="AQ1593" s="119"/>
      <c r="AR1593" s="119"/>
      <c r="AS1593" s="119"/>
      <c r="AT1593" s="119"/>
      <c r="AU1593" s="119"/>
      <c r="AV1593" s="119"/>
      <c r="AW1593" s="119"/>
      <c r="AX1593" s="119"/>
      <c r="AY1593" s="119"/>
      <c r="AZ1593" s="119"/>
      <c r="BA1593" s="119"/>
      <c r="BB1593" s="107">
        <v>45884</v>
      </c>
    </row>
    <row r="1594" spans="1:54" s="207" customFormat="1" ht="13.95" customHeight="1" x14ac:dyDescent="0.25">
      <c r="A1594" s="208" t="s">
        <v>3851</v>
      </c>
      <c r="B1594" s="209" t="s">
        <v>20420</v>
      </c>
      <c r="C1594" s="113" t="s">
        <v>3852</v>
      </c>
      <c r="D1594" s="113" t="s">
        <v>23364</v>
      </c>
      <c r="E1594" s="210">
        <v>1998</v>
      </c>
      <c r="F1594" s="210">
        <v>1874</v>
      </c>
      <c r="G1594" s="113" t="s">
        <v>1</v>
      </c>
      <c r="H1594" s="113">
        <v>0</v>
      </c>
      <c r="I1594" s="113">
        <v>0</v>
      </c>
      <c r="J1594" s="115">
        <v>1</v>
      </c>
      <c r="K1594" s="211">
        <v>1</v>
      </c>
      <c r="L1594" s="115">
        <v>1</v>
      </c>
      <c r="M1594" s="115">
        <v>1</v>
      </c>
      <c r="N1594" s="115">
        <v>1</v>
      </c>
      <c r="O1594" s="115">
        <v>0</v>
      </c>
      <c r="P1594" s="115" t="s">
        <v>400</v>
      </c>
      <c r="Q1594" s="115" t="s">
        <v>400</v>
      </c>
      <c r="R1594" s="115">
        <v>0</v>
      </c>
      <c r="S1594" s="115">
        <v>0</v>
      </c>
      <c r="T1594" s="115">
        <v>0</v>
      </c>
      <c r="U1594" s="119"/>
      <c r="V1594" s="119"/>
      <c r="W1594" s="119"/>
      <c r="X1594" s="119"/>
      <c r="Y1594" s="119"/>
      <c r="Z1594" s="119"/>
      <c r="AA1594" s="119"/>
      <c r="AB1594" s="119"/>
      <c r="AC1594" s="119"/>
      <c r="AD1594" s="119"/>
      <c r="AE1594" s="119"/>
      <c r="AF1594" s="119"/>
      <c r="AG1594" s="119"/>
      <c r="AH1594" s="119"/>
      <c r="AI1594" s="119"/>
      <c r="AJ1594" s="119"/>
      <c r="AK1594" s="119"/>
      <c r="AL1594" s="119"/>
      <c r="AM1594" s="119"/>
      <c r="AN1594" s="119"/>
      <c r="AO1594" s="119"/>
      <c r="AP1594" s="119"/>
      <c r="AQ1594" s="119"/>
      <c r="AR1594" s="119"/>
      <c r="AS1594" s="119"/>
      <c r="AT1594" s="119"/>
      <c r="AU1594" s="119"/>
      <c r="AV1594" s="119"/>
      <c r="AW1594" s="119"/>
      <c r="AX1594" s="119"/>
      <c r="AY1594" s="119"/>
      <c r="AZ1594" s="119"/>
      <c r="BA1594" s="119"/>
      <c r="BB1594" s="107">
        <v>45884</v>
      </c>
    </row>
    <row r="1595" spans="1:54" s="207" customFormat="1" ht="13.95" customHeight="1" x14ac:dyDescent="0.25">
      <c r="A1595" s="208" t="s">
        <v>3853</v>
      </c>
      <c r="B1595" s="209" t="s">
        <v>20420</v>
      </c>
      <c r="C1595" s="113" t="s">
        <v>3854</v>
      </c>
      <c r="D1595" s="113" t="s">
        <v>3855</v>
      </c>
      <c r="E1595" s="210">
        <v>1991</v>
      </c>
      <c r="F1595" s="210">
        <v>1875</v>
      </c>
      <c r="G1595" s="113" t="s">
        <v>1</v>
      </c>
      <c r="H1595" s="113">
        <v>0</v>
      </c>
      <c r="I1595" s="113">
        <v>0</v>
      </c>
      <c r="J1595" s="115">
        <v>1</v>
      </c>
      <c r="K1595" s="116" t="s">
        <v>174</v>
      </c>
      <c r="L1595" s="115">
        <v>0</v>
      </c>
      <c r="M1595" s="115">
        <v>0</v>
      </c>
      <c r="N1595" s="115">
        <v>1</v>
      </c>
      <c r="O1595" s="115">
        <v>1</v>
      </c>
      <c r="P1595" s="120">
        <v>1</v>
      </c>
      <c r="Q1595" s="115" t="s">
        <v>400</v>
      </c>
      <c r="R1595" s="115">
        <v>1</v>
      </c>
      <c r="S1595" s="115">
        <v>0</v>
      </c>
      <c r="T1595" s="115">
        <v>0</v>
      </c>
      <c r="U1595" s="119"/>
      <c r="V1595" s="119"/>
      <c r="W1595" s="119"/>
      <c r="X1595" s="119"/>
      <c r="Y1595" s="119"/>
      <c r="Z1595" s="119"/>
      <c r="AA1595" s="119"/>
      <c r="AB1595" s="119"/>
      <c r="AC1595" s="119"/>
      <c r="AD1595" s="119"/>
      <c r="AE1595" s="119"/>
      <c r="AF1595" s="119"/>
      <c r="AG1595" s="119"/>
      <c r="AH1595" s="119"/>
      <c r="AI1595" s="119"/>
      <c r="AJ1595" s="119"/>
      <c r="AK1595" s="119"/>
      <c r="AL1595" s="119"/>
      <c r="AM1595" s="119"/>
      <c r="AN1595" s="119"/>
      <c r="AO1595" s="119"/>
      <c r="AP1595" s="119"/>
      <c r="AQ1595" s="119"/>
      <c r="AR1595" s="119"/>
      <c r="AS1595" s="119"/>
      <c r="AT1595" s="119"/>
      <c r="AU1595" s="119"/>
      <c r="AV1595" s="119"/>
      <c r="AW1595" s="119"/>
      <c r="AX1595" s="119"/>
      <c r="AY1595" s="119"/>
      <c r="AZ1595" s="119"/>
      <c r="BA1595" s="119"/>
      <c r="BB1595" s="107">
        <v>45884</v>
      </c>
    </row>
    <row r="1596" spans="1:54" s="207" customFormat="1" ht="13.95" customHeight="1" x14ac:dyDescent="0.25">
      <c r="A1596" s="208" t="s">
        <v>3856</v>
      </c>
      <c r="B1596" s="209" t="s">
        <v>20420</v>
      </c>
      <c r="C1596" s="113" t="s">
        <v>3857</v>
      </c>
      <c r="D1596" s="113" t="s">
        <v>3858</v>
      </c>
      <c r="E1596" s="210">
        <v>2000</v>
      </c>
      <c r="F1596" s="210">
        <v>1878</v>
      </c>
      <c r="G1596" s="113" t="s">
        <v>1</v>
      </c>
      <c r="H1596" s="113">
        <v>0</v>
      </c>
      <c r="I1596" s="113">
        <v>0</v>
      </c>
      <c r="J1596" s="115">
        <v>1</v>
      </c>
      <c r="K1596" s="116" t="s">
        <v>174</v>
      </c>
      <c r="L1596" s="115">
        <v>0</v>
      </c>
      <c r="M1596" s="115">
        <v>0</v>
      </c>
      <c r="N1596" s="115">
        <v>0</v>
      </c>
      <c r="O1596" s="115">
        <v>1</v>
      </c>
      <c r="P1596" s="115" t="s">
        <v>400</v>
      </c>
      <c r="Q1596" s="115" t="s">
        <v>400</v>
      </c>
      <c r="R1596" s="115">
        <v>0</v>
      </c>
      <c r="S1596" s="115">
        <v>0</v>
      </c>
      <c r="T1596" s="115">
        <v>0</v>
      </c>
      <c r="U1596" s="119"/>
      <c r="V1596" s="119"/>
      <c r="W1596" s="119"/>
      <c r="X1596" s="119"/>
      <c r="Y1596" s="119"/>
      <c r="Z1596" s="119"/>
      <c r="AA1596" s="119"/>
      <c r="AB1596" s="119"/>
      <c r="AC1596" s="119"/>
      <c r="AD1596" s="119"/>
      <c r="AE1596" s="119"/>
      <c r="AF1596" s="119"/>
      <c r="AG1596" s="119"/>
      <c r="AH1596" s="119"/>
      <c r="AI1596" s="119"/>
      <c r="AJ1596" s="119"/>
      <c r="AK1596" s="119"/>
      <c r="AL1596" s="119"/>
      <c r="AM1596" s="119"/>
      <c r="AN1596" s="119"/>
      <c r="AO1596" s="119"/>
      <c r="AP1596" s="119"/>
      <c r="AQ1596" s="119"/>
      <c r="AR1596" s="119"/>
      <c r="AS1596" s="119"/>
      <c r="AT1596" s="119"/>
      <c r="AU1596" s="119"/>
      <c r="AV1596" s="119"/>
      <c r="AW1596" s="119"/>
      <c r="AX1596" s="119"/>
      <c r="AY1596" s="119"/>
      <c r="AZ1596" s="119"/>
      <c r="BA1596" s="119"/>
      <c r="BB1596" s="107">
        <v>45884</v>
      </c>
    </row>
    <row r="1597" spans="1:54" s="207" customFormat="1" ht="13.95" customHeight="1" x14ac:dyDescent="0.25">
      <c r="A1597" s="208" t="s">
        <v>3859</v>
      </c>
      <c r="B1597" s="209" t="s">
        <v>20420</v>
      </c>
      <c r="C1597" s="113" t="s">
        <v>3860</v>
      </c>
      <c r="D1597" s="113" t="s">
        <v>23365</v>
      </c>
      <c r="E1597" s="210">
        <v>2003</v>
      </c>
      <c r="F1597" s="210">
        <v>1879</v>
      </c>
      <c r="G1597" s="113" t="s">
        <v>1</v>
      </c>
      <c r="H1597" s="113">
        <v>0</v>
      </c>
      <c r="I1597" s="113">
        <v>0</v>
      </c>
      <c r="J1597" s="115">
        <v>1</v>
      </c>
      <c r="K1597" s="116" t="s">
        <v>174</v>
      </c>
      <c r="L1597" s="115">
        <v>1</v>
      </c>
      <c r="M1597" s="115">
        <v>0</v>
      </c>
      <c r="N1597" s="115">
        <v>0</v>
      </c>
      <c r="O1597" s="115">
        <v>1</v>
      </c>
      <c r="P1597" s="115">
        <v>1</v>
      </c>
      <c r="Q1597" s="115" t="s">
        <v>400</v>
      </c>
      <c r="R1597" s="115">
        <v>1</v>
      </c>
      <c r="S1597" s="115">
        <v>0</v>
      </c>
      <c r="T1597" s="115">
        <v>0</v>
      </c>
      <c r="U1597" s="119"/>
      <c r="V1597" s="119"/>
      <c r="W1597" s="119"/>
      <c r="X1597" s="119"/>
      <c r="Y1597" s="119"/>
      <c r="Z1597" s="119"/>
      <c r="AA1597" s="119"/>
      <c r="AB1597" s="119"/>
      <c r="AC1597" s="119"/>
      <c r="AD1597" s="119"/>
      <c r="AE1597" s="119"/>
      <c r="AF1597" s="119"/>
      <c r="AG1597" s="119"/>
      <c r="AH1597" s="119"/>
      <c r="AI1597" s="119"/>
      <c r="AJ1597" s="119"/>
      <c r="AK1597" s="119"/>
      <c r="AL1597" s="119"/>
      <c r="AM1597" s="119"/>
      <c r="AN1597" s="119"/>
      <c r="AO1597" s="119"/>
      <c r="AP1597" s="119"/>
      <c r="AQ1597" s="119"/>
      <c r="AR1597" s="119"/>
      <c r="AS1597" s="119"/>
      <c r="AT1597" s="119"/>
      <c r="AU1597" s="119"/>
      <c r="AV1597" s="119"/>
      <c r="AW1597" s="119"/>
      <c r="AX1597" s="119"/>
      <c r="AY1597" s="119"/>
      <c r="AZ1597" s="119"/>
      <c r="BA1597" s="119"/>
      <c r="BB1597" s="107">
        <v>45884</v>
      </c>
    </row>
    <row r="1598" spans="1:54" s="207" customFormat="1" ht="13.95" customHeight="1" x14ac:dyDescent="0.25">
      <c r="A1598" s="208" t="s">
        <v>3861</v>
      </c>
      <c r="B1598" s="209" t="s">
        <v>20420</v>
      </c>
      <c r="C1598" s="113" t="s">
        <v>3862</v>
      </c>
      <c r="D1598" s="113" t="s">
        <v>3863</v>
      </c>
      <c r="E1598" s="210">
        <v>1986</v>
      </c>
      <c r="F1598" s="210">
        <v>1880</v>
      </c>
      <c r="G1598" s="113" t="s">
        <v>1</v>
      </c>
      <c r="H1598" s="113">
        <v>0</v>
      </c>
      <c r="I1598" s="113">
        <v>0</v>
      </c>
      <c r="J1598" s="115">
        <v>1</v>
      </c>
      <c r="K1598" s="116" t="s">
        <v>174</v>
      </c>
      <c r="L1598" s="115">
        <v>1</v>
      </c>
      <c r="M1598" s="115">
        <v>0</v>
      </c>
      <c r="N1598" s="115">
        <v>0</v>
      </c>
      <c r="O1598" s="115">
        <v>1</v>
      </c>
      <c r="P1598" s="115">
        <v>1</v>
      </c>
      <c r="Q1598" s="115" t="s">
        <v>400</v>
      </c>
      <c r="R1598" s="115">
        <v>1</v>
      </c>
      <c r="S1598" s="115">
        <v>0</v>
      </c>
      <c r="T1598" s="115">
        <v>0</v>
      </c>
      <c r="U1598" s="119"/>
      <c r="V1598" s="119"/>
      <c r="W1598" s="119"/>
      <c r="X1598" s="119"/>
      <c r="Y1598" s="119"/>
      <c r="Z1598" s="119"/>
      <c r="AA1598" s="119"/>
      <c r="AB1598" s="119"/>
      <c r="AC1598" s="119"/>
      <c r="AD1598" s="119"/>
      <c r="AE1598" s="119"/>
      <c r="AF1598" s="119"/>
      <c r="AG1598" s="119"/>
      <c r="AH1598" s="119"/>
      <c r="AI1598" s="119"/>
      <c r="AJ1598" s="119"/>
      <c r="AK1598" s="119"/>
      <c r="AL1598" s="119"/>
      <c r="AM1598" s="119"/>
      <c r="AN1598" s="119"/>
      <c r="AO1598" s="119"/>
      <c r="AP1598" s="119"/>
      <c r="AQ1598" s="119"/>
      <c r="AR1598" s="119"/>
      <c r="AS1598" s="119"/>
      <c r="AT1598" s="119"/>
      <c r="AU1598" s="119"/>
      <c r="AV1598" s="119"/>
      <c r="AW1598" s="119"/>
      <c r="AX1598" s="119"/>
      <c r="AY1598" s="119"/>
      <c r="AZ1598" s="119"/>
      <c r="BA1598" s="119"/>
      <c r="BB1598" s="107">
        <v>45884</v>
      </c>
    </row>
    <row r="1599" spans="1:54" s="207" customFormat="1" ht="13.95" customHeight="1" x14ac:dyDescent="0.25">
      <c r="A1599" s="208" t="s">
        <v>3864</v>
      </c>
      <c r="B1599" s="209" t="s">
        <v>20420</v>
      </c>
      <c r="C1599" s="113" t="s">
        <v>3865</v>
      </c>
      <c r="D1599" s="113" t="s">
        <v>23366</v>
      </c>
      <c r="E1599" s="210">
        <v>1987</v>
      </c>
      <c r="F1599" s="210">
        <v>1880</v>
      </c>
      <c r="G1599" s="113" t="s">
        <v>1</v>
      </c>
      <c r="H1599" s="113">
        <v>0</v>
      </c>
      <c r="I1599" s="113">
        <v>0</v>
      </c>
      <c r="J1599" s="115">
        <v>1</v>
      </c>
      <c r="K1599" s="116" t="s">
        <v>174</v>
      </c>
      <c r="L1599" s="115">
        <v>1</v>
      </c>
      <c r="M1599" s="115">
        <v>0</v>
      </c>
      <c r="N1599" s="115">
        <v>1</v>
      </c>
      <c r="O1599" s="115">
        <v>1</v>
      </c>
      <c r="P1599" s="115">
        <v>1</v>
      </c>
      <c r="Q1599" s="115" t="s">
        <v>400</v>
      </c>
      <c r="R1599" s="115">
        <v>1</v>
      </c>
      <c r="S1599" s="115">
        <v>0</v>
      </c>
      <c r="T1599" s="115">
        <v>0</v>
      </c>
      <c r="U1599" s="119"/>
      <c r="V1599" s="119"/>
      <c r="W1599" s="119"/>
      <c r="X1599" s="119"/>
      <c r="Y1599" s="119"/>
      <c r="Z1599" s="119"/>
      <c r="AA1599" s="119"/>
      <c r="AB1599" s="119"/>
      <c r="AC1599" s="119"/>
      <c r="AD1599" s="119"/>
      <c r="AE1599" s="119"/>
      <c r="AF1599" s="119"/>
      <c r="AG1599" s="119"/>
      <c r="AH1599" s="119"/>
      <c r="AI1599" s="119"/>
      <c r="AJ1599" s="119"/>
      <c r="AK1599" s="119"/>
      <c r="AL1599" s="119"/>
      <c r="AM1599" s="119"/>
      <c r="AN1599" s="119"/>
      <c r="AO1599" s="119"/>
      <c r="AP1599" s="119"/>
      <c r="AQ1599" s="119"/>
      <c r="AR1599" s="119"/>
      <c r="AS1599" s="119"/>
      <c r="AT1599" s="119"/>
      <c r="AU1599" s="119"/>
      <c r="AV1599" s="119"/>
      <c r="AW1599" s="119"/>
      <c r="AX1599" s="119"/>
      <c r="AY1599" s="119"/>
      <c r="AZ1599" s="119"/>
      <c r="BA1599" s="119"/>
      <c r="BB1599" s="107">
        <v>45884</v>
      </c>
    </row>
    <row r="1600" spans="1:54" s="207" customFormat="1" ht="13.95" customHeight="1" x14ac:dyDescent="0.25">
      <c r="A1600" s="208" t="s">
        <v>3866</v>
      </c>
      <c r="B1600" s="209" t="s">
        <v>20420</v>
      </c>
      <c r="C1600" s="113" t="s">
        <v>3867</v>
      </c>
      <c r="D1600" s="113" t="s">
        <v>23367</v>
      </c>
      <c r="E1600" s="210">
        <v>1977</v>
      </c>
      <c r="F1600" s="210">
        <v>1883</v>
      </c>
      <c r="G1600" s="113" t="s">
        <v>1</v>
      </c>
      <c r="H1600" s="113">
        <v>0</v>
      </c>
      <c r="I1600" s="113">
        <v>0</v>
      </c>
      <c r="J1600" s="115">
        <v>1</v>
      </c>
      <c r="K1600" s="116" t="s">
        <v>174</v>
      </c>
      <c r="L1600" s="115">
        <v>1</v>
      </c>
      <c r="M1600" s="115">
        <v>0</v>
      </c>
      <c r="N1600" s="115">
        <v>0</v>
      </c>
      <c r="O1600" s="115">
        <v>1</v>
      </c>
      <c r="P1600" s="115">
        <v>1</v>
      </c>
      <c r="Q1600" s="115" t="s">
        <v>400</v>
      </c>
      <c r="R1600" s="115">
        <v>1</v>
      </c>
      <c r="S1600" s="115">
        <v>0</v>
      </c>
      <c r="T1600" s="115">
        <v>0</v>
      </c>
      <c r="U1600" s="119"/>
      <c r="V1600" s="119"/>
      <c r="W1600" s="119"/>
      <c r="X1600" s="119"/>
      <c r="Y1600" s="119"/>
      <c r="Z1600" s="119"/>
      <c r="AA1600" s="119"/>
      <c r="AB1600" s="119"/>
      <c r="AC1600" s="119"/>
      <c r="AD1600" s="119"/>
      <c r="AE1600" s="119"/>
      <c r="AF1600" s="119"/>
      <c r="AG1600" s="119"/>
      <c r="AH1600" s="119"/>
      <c r="AI1600" s="119"/>
      <c r="AJ1600" s="119"/>
      <c r="AK1600" s="119"/>
      <c r="AL1600" s="119"/>
      <c r="AM1600" s="119"/>
      <c r="AN1600" s="119"/>
      <c r="AO1600" s="119"/>
      <c r="AP1600" s="119"/>
      <c r="AQ1600" s="119"/>
      <c r="AR1600" s="119"/>
      <c r="AS1600" s="119"/>
      <c r="AT1600" s="119"/>
      <c r="AU1600" s="119"/>
      <c r="AV1600" s="119"/>
      <c r="AW1600" s="119"/>
      <c r="AX1600" s="119"/>
      <c r="AY1600" s="119"/>
      <c r="AZ1600" s="119"/>
      <c r="BA1600" s="119"/>
      <c r="BB1600" s="107">
        <v>45884</v>
      </c>
    </row>
    <row r="1601" spans="1:54" s="207" customFormat="1" ht="13.95" customHeight="1" x14ac:dyDescent="0.25">
      <c r="A1601" s="208" t="s">
        <v>3868</v>
      </c>
      <c r="B1601" s="209" t="s">
        <v>20420</v>
      </c>
      <c r="C1601" s="113" t="s">
        <v>3869</v>
      </c>
      <c r="D1601" s="113" t="s">
        <v>23368</v>
      </c>
      <c r="E1601" s="210">
        <v>1990</v>
      </c>
      <c r="F1601" s="210">
        <v>1884</v>
      </c>
      <c r="G1601" s="113" t="s">
        <v>1</v>
      </c>
      <c r="H1601" s="113">
        <v>0</v>
      </c>
      <c r="I1601" s="113">
        <v>0</v>
      </c>
      <c r="J1601" s="115">
        <v>1</v>
      </c>
      <c r="K1601" s="116" t="s">
        <v>174</v>
      </c>
      <c r="L1601" s="115">
        <v>1</v>
      </c>
      <c r="M1601" s="115">
        <v>1</v>
      </c>
      <c r="N1601" s="115">
        <v>0</v>
      </c>
      <c r="O1601" s="115">
        <v>0</v>
      </c>
      <c r="P1601" s="115" t="s">
        <v>400</v>
      </c>
      <c r="Q1601" s="115" t="s">
        <v>400</v>
      </c>
      <c r="R1601" s="115">
        <v>0</v>
      </c>
      <c r="S1601" s="115">
        <v>0</v>
      </c>
      <c r="T1601" s="115">
        <v>0</v>
      </c>
      <c r="U1601" s="119"/>
      <c r="V1601" s="119"/>
      <c r="W1601" s="119"/>
      <c r="X1601" s="119"/>
      <c r="Y1601" s="119"/>
      <c r="Z1601" s="119"/>
      <c r="AA1601" s="119"/>
      <c r="AB1601" s="119"/>
      <c r="AC1601" s="119"/>
      <c r="AD1601" s="119"/>
      <c r="AE1601" s="119"/>
      <c r="AF1601" s="119"/>
      <c r="AG1601" s="119"/>
      <c r="AH1601" s="119"/>
      <c r="AI1601" s="119"/>
      <c r="AJ1601" s="119"/>
      <c r="AK1601" s="119"/>
      <c r="AL1601" s="119"/>
      <c r="AM1601" s="119"/>
      <c r="AN1601" s="119"/>
      <c r="AO1601" s="119"/>
      <c r="AP1601" s="119"/>
      <c r="AQ1601" s="119"/>
      <c r="AR1601" s="119"/>
      <c r="AS1601" s="119"/>
      <c r="AT1601" s="119"/>
      <c r="AU1601" s="119"/>
      <c r="AV1601" s="119"/>
      <c r="AW1601" s="119"/>
      <c r="AX1601" s="119"/>
      <c r="AY1601" s="119"/>
      <c r="AZ1601" s="119"/>
      <c r="BA1601" s="119"/>
      <c r="BB1601" s="107">
        <v>45884</v>
      </c>
    </row>
    <row r="1602" spans="1:54" s="207" customFormat="1" ht="13.95" customHeight="1" x14ac:dyDescent="0.25">
      <c r="A1602" s="208" t="s">
        <v>3870</v>
      </c>
      <c r="B1602" s="209" t="s">
        <v>20420</v>
      </c>
      <c r="C1602" s="113" t="s">
        <v>3871</v>
      </c>
      <c r="D1602" s="113" t="s">
        <v>23369</v>
      </c>
      <c r="E1602" s="210">
        <v>1994</v>
      </c>
      <c r="F1602" s="210">
        <v>1885</v>
      </c>
      <c r="G1602" s="113" t="s">
        <v>1</v>
      </c>
      <c r="H1602" s="113">
        <v>0</v>
      </c>
      <c r="I1602" s="113">
        <v>0</v>
      </c>
      <c r="J1602" s="115">
        <v>1</v>
      </c>
      <c r="K1602" s="116" t="s">
        <v>174</v>
      </c>
      <c r="L1602" s="115">
        <v>1</v>
      </c>
      <c r="M1602" s="115">
        <v>1</v>
      </c>
      <c r="N1602" s="115">
        <v>0</v>
      </c>
      <c r="O1602" s="115">
        <v>0</v>
      </c>
      <c r="P1602" s="115" t="s">
        <v>400</v>
      </c>
      <c r="Q1602" s="115" t="s">
        <v>400</v>
      </c>
      <c r="R1602" s="115">
        <v>0</v>
      </c>
      <c r="S1602" s="115">
        <v>0</v>
      </c>
      <c r="T1602" s="115">
        <v>0</v>
      </c>
      <c r="U1602" s="119"/>
      <c r="V1602" s="119"/>
      <c r="W1602" s="119"/>
      <c r="X1602" s="119"/>
      <c r="Y1602" s="119"/>
      <c r="Z1602" s="119"/>
      <c r="AA1602" s="119"/>
      <c r="AB1602" s="119"/>
      <c r="AC1602" s="119"/>
      <c r="AD1602" s="119"/>
      <c r="AE1602" s="119"/>
      <c r="AF1602" s="119"/>
      <c r="AG1602" s="119"/>
      <c r="AH1602" s="119"/>
      <c r="AI1602" s="119"/>
      <c r="AJ1602" s="119"/>
      <c r="AK1602" s="119"/>
      <c r="AL1602" s="119"/>
      <c r="AM1602" s="119"/>
      <c r="AN1602" s="119"/>
      <c r="AO1602" s="119"/>
      <c r="AP1602" s="119"/>
      <c r="AQ1602" s="119"/>
      <c r="AR1602" s="119"/>
      <c r="AS1602" s="119"/>
      <c r="AT1602" s="119"/>
      <c r="AU1602" s="119"/>
      <c r="AV1602" s="119"/>
      <c r="AW1602" s="119"/>
      <c r="AX1602" s="119"/>
      <c r="AY1602" s="119"/>
      <c r="AZ1602" s="119"/>
      <c r="BA1602" s="119"/>
      <c r="BB1602" s="107">
        <v>45884</v>
      </c>
    </row>
    <row r="1603" spans="1:54" s="207" customFormat="1" ht="13.95" customHeight="1" x14ac:dyDescent="0.25">
      <c r="A1603" s="208" t="s">
        <v>3872</v>
      </c>
      <c r="B1603" s="209" t="s">
        <v>20420</v>
      </c>
      <c r="C1603" s="113" t="s">
        <v>3873</v>
      </c>
      <c r="D1603" s="113" t="s">
        <v>23370</v>
      </c>
      <c r="E1603" s="210">
        <v>1987</v>
      </c>
      <c r="F1603" s="210">
        <v>1891</v>
      </c>
      <c r="G1603" s="113" t="s">
        <v>1</v>
      </c>
      <c r="H1603" s="113">
        <v>0</v>
      </c>
      <c r="I1603" s="113">
        <v>0</v>
      </c>
      <c r="J1603" s="115">
        <v>1</v>
      </c>
      <c r="K1603" s="116" t="s">
        <v>174</v>
      </c>
      <c r="L1603" s="115">
        <v>1</v>
      </c>
      <c r="M1603" s="115">
        <v>1</v>
      </c>
      <c r="N1603" s="115">
        <v>1</v>
      </c>
      <c r="O1603" s="115">
        <v>1</v>
      </c>
      <c r="P1603" s="115" t="s">
        <v>400</v>
      </c>
      <c r="Q1603" s="115" t="s">
        <v>400</v>
      </c>
      <c r="R1603" s="115">
        <v>1</v>
      </c>
      <c r="S1603" s="115">
        <v>0</v>
      </c>
      <c r="T1603" s="115">
        <v>0</v>
      </c>
      <c r="U1603" s="119"/>
      <c r="V1603" s="119"/>
      <c r="W1603" s="119"/>
      <c r="X1603" s="119"/>
      <c r="Y1603" s="119"/>
      <c r="Z1603" s="119"/>
      <c r="AA1603" s="119"/>
      <c r="AB1603" s="119"/>
      <c r="AC1603" s="119"/>
      <c r="AD1603" s="119"/>
      <c r="AE1603" s="119"/>
      <c r="AF1603" s="119"/>
      <c r="AG1603" s="119"/>
      <c r="AH1603" s="119"/>
      <c r="AI1603" s="119"/>
      <c r="AJ1603" s="119"/>
      <c r="AK1603" s="119"/>
      <c r="AL1603" s="119"/>
      <c r="AM1603" s="119"/>
      <c r="AN1603" s="119"/>
      <c r="AO1603" s="119"/>
      <c r="AP1603" s="119"/>
      <c r="AQ1603" s="119"/>
      <c r="AR1603" s="119"/>
      <c r="AS1603" s="119"/>
      <c r="AT1603" s="119"/>
      <c r="AU1603" s="119"/>
      <c r="AV1603" s="119"/>
      <c r="AW1603" s="119"/>
      <c r="AX1603" s="119"/>
      <c r="AY1603" s="119"/>
      <c r="AZ1603" s="119"/>
      <c r="BA1603" s="119"/>
      <c r="BB1603" s="107">
        <v>45884</v>
      </c>
    </row>
    <row r="1604" spans="1:54" s="207" customFormat="1" ht="13.95" customHeight="1" x14ac:dyDescent="0.25">
      <c r="A1604" s="208" t="s">
        <v>3874</v>
      </c>
      <c r="B1604" s="209" t="s">
        <v>20420</v>
      </c>
      <c r="C1604" s="113" t="s">
        <v>3875</v>
      </c>
      <c r="D1604" s="113" t="s">
        <v>23371</v>
      </c>
      <c r="E1604" s="210">
        <v>1994</v>
      </c>
      <c r="F1604" s="210">
        <v>1893</v>
      </c>
      <c r="G1604" s="113" t="s">
        <v>1</v>
      </c>
      <c r="H1604" s="113">
        <v>0</v>
      </c>
      <c r="I1604" s="113">
        <v>0</v>
      </c>
      <c r="J1604" s="115">
        <v>1</v>
      </c>
      <c r="K1604" s="116" t="s">
        <v>174</v>
      </c>
      <c r="L1604" s="115">
        <v>1</v>
      </c>
      <c r="M1604" s="115">
        <v>0</v>
      </c>
      <c r="N1604" s="115">
        <v>0</v>
      </c>
      <c r="O1604" s="115">
        <v>1</v>
      </c>
      <c r="P1604" s="115">
        <v>1</v>
      </c>
      <c r="Q1604" s="115" t="s">
        <v>400</v>
      </c>
      <c r="R1604" s="115">
        <v>0</v>
      </c>
      <c r="S1604" s="115">
        <v>0</v>
      </c>
      <c r="T1604" s="115">
        <v>0</v>
      </c>
      <c r="U1604" s="119"/>
      <c r="V1604" s="119"/>
      <c r="W1604" s="119"/>
      <c r="X1604" s="119"/>
      <c r="Y1604" s="119"/>
      <c r="Z1604" s="119"/>
      <c r="AA1604" s="119"/>
      <c r="AB1604" s="119"/>
      <c r="AC1604" s="119"/>
      <c r="AD1604" s="119"/>
      <c r="AE1604" s="119"/>
      <c r="AF1604" s="119"/>
      <c r="AG1604" s="119"/>
      <c r="AH1604" s="119"/>
      <c r="AI1604" s="119"/>
      <c r="AJ1604" s="119"/>
      <c r="AK1604" s="119"/>
      <c r="AL1604" s="119"/>
      <c r="AM1604" s="119"/>
      <c r="AN1604" s="119"/>
      <c r="AO1604" s="119"/>
      <c r="AP1604" s="119"/>
      <c r="AQ1604" s="119"/>
      <c r="AR1604" s="119"/>
      <c r="AS1604" s="119"/>
      <c r="AT1604" s="119"/>
      <c r="AU1604" s="119"/>
      <c r="AV1604" s="119"/>
      <c r="AW1604" s="119"/>
      <c r="AX1604" s="119"/>
      <c r="AY1604" s="119"/>
      <c r="AZ1604" s="119"/>
      <c r="BA1604" s="119"/>
      <c r="BB1604" s="107">
        <v>45884</v>
      </c>
    </row>
    <row r="1605" spans="1:54" s="207" customFormat="1" ht="13.95" customHeight="1" x14ac:dyDescent="0.25">
      <c r="A1605" s="208" t="s">
        <v>3876</v>
      </c>
      <c r="B1605" s="209" t="s">
        <v>20420</v>
      </c>
      <c r="C1605" s="113" t="s">
        <v>3877</v>
      </c>
      <c r="D1605" s="113" t="s">
        <v>23372</v>
      </c>
      <c r="E1605" s="210">
        <v>1990</v>
      </c>
      <c r="F1605" s="210">
        <v>1894</v>
      </c>
      <c r="G1605" s="113" t="s">
        <v>1</v>
      </c>
      <c r="H1605" s="113">
        <v>0</v>
      </c>
      <c r="I1605" s="113">
        <v>0</v>
      </c>
      <c r="J1605" s="115">
        <v>1</v>
      </c>
      <c r="K1605" s="116" t="s">
        <v>174</v>
      </c>
      <c r="L1605" s="115">
        <v>1</v>
      </c>
      <c r="M1605" s="115">
        <v>1</v>
      </c>
      <c r="N1605" s="115">
        <v>0</v>
      </c>
      <c r="O1605" s="115">
        <v>1</v>
      </c>
      <c r="P1605" s="115">
        <v>1</v>
      </c>
      <c r="Q1605" s="115" t="s">
        <v>400</v>
      </c>
      <c r="R1605" s="115">
        <v>0</v>
      </c>
      <c r="S1605" s="115">
        <v>0</v>
      </c>
      <c r="T1605" s="115">
        <v>0</v>
      </c>
      <c r="U1605" s="119"/>
      <c r="V1605" s="119"/>
      <c r="W1605" s="119"/>
      <c r="X1605" s="119"/>
      <c r="Y1605" s="119"/>
      <c r="Z1605" s="119"/>
      <c r="AA1605" s="119"/>
      <c r="AB1605" s="119"/>
      <c r="AC1605" s="119"/>
      <c r="AD1605" s="119"/>
      <c r="AE1605" s="119"/>
      <c r="AF1605" s="119"/>
      <c r="AG1605" s="119"/>
      <c r="AH1605" s="119"/>
      <c r="AI1605" s="119"/>
      <c r="AJ1605" s="119"/>
      <c r="AK1605" s="119"/>
      <c r="AL1605" s="119"/>
      <c r="AM1605" s="119"/>
      <c r="AN1605" s="119"/>
      <c r="AO1605" s="119"/>
      <c r="AP1605" s="119"/>
      <c r="AQ1605" s="119"/>
      <c r="AR1605" s="119"/>
      <c r="AS1605" s="119"/>
      <c r="AT1605" s="119"/>
      <c r="AU1605" s="119"/>
      <c r="AV1605" s="119"/>
      <c r="AW1605" s="119"/>
      <c r="AX1605" s="119"/>
      <c r="AY1605" s="119"/>
      <c r="AZ1605" s="119"/>
      <c r="BA1605" s="119"/>
      <c r="BB1605" s="107">
        <v>45884</v>
      </c>
    </row>
    <row r="1606" spans="1:54" s="207" customFormat="1" ht="13.95" customHeight="1" x14ac:dyDescent="0.25">
      <c r="A1606" s="208" t="s">
        <v>3878</v>
      </c>
      <c r="B1606" s="209" t="s">
        <v>20420</v>
      </c>
      <c r="C1606" s="113" t="s">
        <v>3879</v>
      </c>
      <c r="D1606" s="113" t="s">
        <v>3880</v>
      </c>
      <c r="E1606" s="210">
        <v>1988</v>
      </c>
      <c r="F1606" s="210">
        <v>1895</v>
      </c>
      <c r="G1606" s="113" t="s">
        <v>1</v>
      </c>
      <c r="H1606" s="113">
        <v>0</v>
      </c>
      <c r="I1606" s="113">
        <v>0</v>
      </c>
      <c r="J1606" s="115">
        <v>1</v>
      </c>
      <c r="K1606" s="116" t="s">
        <v>174</v>
      </c>
      <c r="L1606" s="115">
        <v>1</v>
      </c>
      <c r="M1606" s="115">
        <v>0</v>
      </c>
      <c r="N1606" s="115">
        <v>0</v>
      </c>
      <c r="O1606" s="115">
        <v>1</v>
      </c>
      <c r="P1606" s="115">
        <v>1</v>
      </c>
      <c r="Q1606" s="115">
        <v>1</v>
      </c>
      <c r="R1606" s="115">
        <v>1</v>
      </c>
      <c r="S1606" s="115">
        <v>0</v>
      </c>
      <c r="T1606" s="115">
        <v>0</v>
      </c>
      <c r="U1606" s="119"/>
      <c r="V1606" s="119"/>
      <c r="W1606" s="119"/>
      <c r="X1606" s="119"/>
      <c r="Y1606" s="119"/>
      <c r="Z1606" s="119"/>
      <c r="AA1606" s="119"/>
      <c r="AB1606" s="119"/>
      <c r="AC1606" s="119"/>
      <c r="AD1606" s="119"/>
      <c r="AE1606" s="119"/>
      <c r="AF1606" s="119"/>
      <c r="AG1606" s="119"/>
      <c r="AH1606" s="119"/>
      <c r="AI1606" s="119"/>
      <c r="AJ1606" s="119"/>
      <c r="AK1606" s="119"/>
      <c r="AL1606" s="119"/>
      <c r="AM1606" s="119"/>
      <c r="AN1606" s="119"/>
      <c r="AO1606" s="119"/>
      <c r="AP1606" s="119"/>
      <c r="AQ1606" s="119"/>
      <c r="AR1606" s="119"/>
      <c r="AS1606" s="119"/>
      <c r="AT1606" s="119"/>
      <c r="AU1606" s="119"/>
      <c r="AV1606" s="119"/>
      <c r="AW1606" s="119"/>
      <c r="AX1606" s="119"/>
      <c r="AY1606" s="119"/>
      <c r="AZ1606" s="119"/>
      <c r="BA1606" s="119"/>
      <c r="BB1606" s="107">
        <v>45884</v>
      </c>
    </row>
    <row r="1607" spans="1:54" s="207" customFormat="1" ht="13.95" customHeight="1" x14ac:dyDescent="0.25">
      <c r="A1607" s="208" t="s">
        <v>3881</v>
      </c>
      <c r="B1607" s="209" t="s">
        <v>20420</v>
      </c>
      <c r="C1607" s="113" t="s">
        <v>3882</v>
      </c>
      <c r="D1607" s="113" t="s">
        <v>23373</v>
      </c>
      <c r="E1607" s="210">
        <v>1985</v>
      </c>
      <c r="F1607" s="210">
        <v>1898</v>
      </c>
      <c r="G1607" s="113" t="s">
        <v>1</v>
      </c>
      <c r="H1607" s="113">
        <v>0</v>
      </c>
      <c r="I1607" s="113">
        <v>0</v>
      </c>
      <c r="J1607" s="115">
        <v>1</v>
      </c>
      <c r="K1607" s="116" t="s">
        <v>174</v>
      </c>
      <c r="L1607" s="115">
        <v>1</v>
      </c>
      <c r="M1607" s="115">
        <v>0</v>
      </c>
      <c r="N1607" s="115">
        <v>0</v>
      </c>
      <c r="O1607" s="115">
        <v>1</v>
      </c>
      <c r="P1607" s="115">
        <v>1</v>
      </c>
      <c r="Q1607" s="115" t="s">
        <v>400</v>
      </c>
      <c r="R1607" s="115">
        <v>1</v>
      </c>
      <c r="S1607" s="115">
        <v>0</v>
      </c>
      <c r="T1607" s="115">
        <v>0</v>
      </c>
      <c r="U1607" s="119"/>
      <c r="V1607" s="119"/>
      <c r="W1607" s="119"/>
      <c r="X1607" s="119"/>
      <c r="Y1607" s="119"/>
      <c r="Z1607" s="119"/>
      <c r="AA1607" s="119"/>
      <c r="AB1607" s="119"/>
      <c r="AC1607" s="119"/>
      <c r="AD1607" s="119"/>
      <c r="AE1607" s="119"/>
      <c r="AF1607" s="119"/>
      <c r="AG1607" s="119"/>
      <c r="AH1607" s="119"/>
      <c r="AI1607" s="119"/>
      <c r="AJ1607" s="119"/>
      <c r="AK1607" s="119"/>
      <c r="AL1607" s="119"/>
      <c r="AM1607" s="119"/>
      <c r="AN1607" s="119"/>
      <c r="AO1607" s="119"/>
      <c r="AP1607" s="119"/>
      <c r="AQ1607" s="119"/>
      <c r="AR1607" s="119"/>
      <c r="AS1607" s="119"/>
      <c r="AT1607" s="119"/>
      <c r="AU1607" s="119"/>
      <c r="AV1607" s="119"/>
      <c r="AW1607" s="119"/>
      <c r="AX1607" s="119"/>
      <c r="AY1607" s="119"/>
      <c r="AZ1607" s="119"/>
      <c r="BA1607" s="119"/>
      <c r="BB1607" s="107">
        <v>45884</v>
      </c>
    </row>
    <row r="1608" spans="1:54" s="207" customFormat="1" ht="13.95" customHeight="1" x14ac:dyDescent="0.25">
      <c r="A1608" s="208" t="s">
        <v>3883</v>
      </c>
      <c r="B1608" s="209" t="s">
        <v>20420</v>
      </c>
      <c r="C1608" s="113" t="s">
        <v>3884</v>
      </c>
      <c r="D1608" s="113" t="s">
        <v>23374</v>
      </c>
      <c r="E1608" s="210">
        <v>2002</v>
      </c>
      <c r="F1608" s="210">
        <v>1898</v>
      </c>
      <c r="G1608" s="113" t="s">
        <v>10</v>
      </c>
      <c r="H1608" s="113">
        <v>1</v>
      </c>
      <c r="I1608" s="113">
        <v>0</v>
      </c>
      <c r="J1608" s="115">
        <v>1</v>
      </c>
      <c r="K1608" s="116" t="s">
        <v>174</v>
      </c>
      <c r="L1608" s="115">
        <v>0</v>
      </c>
      <c r="M1608" s="115">
        <v>0</v>
      </c>
      <c r="N1608" s="115">
        <v>0</v>
      </c>
      <c r="O1608" s="115">
        <v>0</v>
      </c>
      <c r="P1608" s="115" t="s">
        <v>400</v>
      </c>
      <c r="Q1608" s="115" t="s">
        <v>400</v>
      </c>
      <c r="R1608" s="115">
        <v>0</v>
      </c>
      <c r="S1608" s="115">
        <v>0</v>
      </c>
      <c r="T1608" s="115">
        <v>0</v>
      </c>
      <c r="U1608" s="113" t="s">
        <v>174</v>
      </c>
      <c r="V1608" s="113" t="s">
        <v>174</v>
      </c>
      <c r="W1608" s="113" t="s">
        <v>174</v>
      </c>
      <c r="X1608" s="113" t="s">
        <v>174</v>
      </c>
      <c r="Y1608" s="113" t="s">
        <v>174</v>
      </c>
      <c r="Z1608" s="113" t="s">
        <v>174</v>
      </c>
      <c r="AA1608" s="113" t="s">
        <v>174</v>
      </c>
      <c r="AB1608" s="113" t="s">
        <v>174</v>
      </c>
      <c r="AC1608" s="113" t="s">
        <v>174</v>
      </c>
      <c r="AD1608" s="113" t="s">
        <v>174</v>
      </c>
      <c r="AE1608" s="113" t="s">
        <v>174</v>
      </c>
      <c r="AF1608" s="113" t="s">
        <v>174</v>
      </c>
      <c r="AG1608" s="113" t="s">
        <v>174</v>
      </c>
      <c r="AH1608" s="113" t="s">
        <v>174</v>
      </c>
      <c r="AI1608" s="113" t="s">
        <v>174</v>
      </c>
      <c r="AJ1608" s="113" t="s">
        <v>174</v>
      </c>
      <c r="AK1608" s="113" t="s">
        <v>174</v>
      </c>
      <c r="AL1608" s="113" t="s">
        <v>174</v>
      </c>
      <c r="AM1608" s="113" t="s">
        <v>174</v>
      </c>
      <c r="AN1608" s="113" t="s">
        <v>174</v>
      </c>
      <c r="AO1608" s="113" t="s">
        <v>174</v>
      </c>
      <c r="AP1608" s="113" t="s">
        <v>174</v>
      </c>
      <c r="AQ1608" s="113" t="s">
        <v>174</v>
      </c>
      <c r="AR1608" s="113" t="s">
        <v>174</v>
      </c>
      <c r="AS1608" s="113" t="s">
        <v>174</v>
      </c>
      <c r="AT1608" s="121" t="s">
        <v>174</v>
      </c>
      <c r="AU1608" s="113" t="s">
        <v>174</v>
      </c>
      <c r="AV1608" s="113" t="s">
        <v>174</v>
      </c>
      <c r="AW1608" s="113" t="s">
        <v>174</v>
      </c>
      <c r="AX1608" s="113"/>
      <c r="AY1608" s="113"/>
      <c r="AZ1608" s="113"/>
      <c r="BA1608" s="113"/>
      <c r="BB1608" s="107">
        <v>45884</v>
      </c>
    </row>
    <row r="1609" spans="1:54" s="207" customFormat="1" ht="13.95" customHeight="1" x14ac:dyDescent="0.25">
      <c r="A1609" s="208" t="s">
        <v>3885</v>
      </c>
      <c r="B1609" s="209" t="s">
        <v>20420</v>
      </c>
      <c r="C1609" s="113" t="s">
        <v>3886</v>
      </c>
      <c r="D1609" s="113" t="s">
        <v>23375</v>
      </c>
      <c r="E1609" s="210">
        <v>1997</v>
      </c>
      <c r="F1609" s="210">
        <v>1900</v>
      </c>
      <c r="G1609" s="113" t="s">
        <v>1</v>
      </c>
      <c r="H1609" s="113">
        <v>0</v>
      </c>
      <c r="I1609" s="113">
        <v>0</v>
      </c>
      <c r="J1609" s="115">
        <v>1</v>
      </c>
      <c r="K1609" s="116" t="s">
        <v>174</v>
      </c>
      <c r="L1609" s="115">
        <v>1</v>
      </c>
      <c r="M1609" s="115">
        <v>1</v>
      </c>
      <c r="N1609" s="115">
        <v>0</v>
      </c>
      <c r="O1609" s="115">
        <v>0</v>
      </c>
      <c r="P1609" s="115" t="s">
        <v>400</v>
      </c>
      <c r="Q1609" s="115" t="s">
        <v>400</v>
      </c>
      <c r="R1609" s="115">
        <v>1</v>
      </c>
      <c r="S1609" s="115">
        <v>0</v>
      </c>
      <c r="T1609" s="115">
        <v>0</v>
      </c>
      <c r="U1609" s="119"/>
      <c r="V1609" s="119"/>
      <c r="W1609" s="119"/>
      <c r="X1609" s="119"/>
      <c r="Y1609" s="119"/>
      <c r="Z1609" s="119"/>
      <c r="AA1609" s="119"/>
      <c r="AB1609" s="119"/>
      <c r="AC1609" s="119"/>
      <c r="AD1609" s="119"/>
      <c r="AE1609" s="119"/>
      <c r="AF1609" s="119"/>
      <c r="AG1609" s="119"/>
      <c r="AH1609" s="119"/>
      <c r="AI1609" s="119"/>
      <c r="AJ1609" s="119"/>
      <c r="AK1609" s="119"/>
      <c r="AL1609" s="119"/>
      <c r="AM1609" s="119"/>
      <c r="AN1609" s="119"/>
      <c r="AO1609" s="119"/>
      <c r="AP1609" s="119"/>
      <c r="AQ1609" s="119"/>
      <c r="AR1609" s="119"/>
      <c r="AS1609" s="119"/>
      <c r="AT1609" s="119"/>
      <c r="AU1609" s="119"/>
      <c r="AV1609" s="119"/>
      <c r="AW1609" s="119"/>
      <c r="AX1609" s="119"/>
      <c r="AY1609" s="119"/>
      <c r="AZ1609" s="119"/>
      <c r="BA1609" s="119"/>
      <c r="BB1609" s="107">
        <v>45884</v>
      </c>
    </row>
    <row r="1610" spans="1:54" s="207" customFormat="1" ht="13.95" customHeight="1" x14ac:dyDescent="0.25">
      <c r="A1610" s="208" t="s">
        <v>3887</v>
      </c>
      <c r="B1610" s="209" t="s">
        <v>20420</v>
      </c>
      <c r="C1610" s="113" t="s">
        <v>3888</v>
      </c>
      <c r="D1610" s="113" t="s">
        <v>23376</v>
      </c>
      <c r="E1610" s="210">
        <v>1988</v>
      </c>
      <c r="F1610" s="210">
        <v>1904</v>
      </c>
      <c r="G1610" s="113" t="s">
        <v>1</v>
      </c>
      <c r="H1610" s="113">
        <v>0</v>
      </c>
      <c r="I1610" s="113">
        <v>0</v>
      </c>
      <c r="J1610" s="115">
        <v>1</v>
      </c>
      <c r="K1610" s="211">
        <v>1</v>
      </c>
      <c r="L1610" s="115">
        <v>1</v>
      </c>
      <c r="M1610" s="115">
        <v>0</v>
      </c>
      <c r="N1610" s="115">
        <v>0</v>
      </c>
      <c r="O1610" s="115">
        <v>1</v>
      </c>
      <c r="P1610" s="115">
        <v>1</v>
      </c>
      <c r="Q1610" s="115" t="s">
        <v>400</v>
      </c>
      <c r="R1610" s="115">
        <v>1</v>
      </c>
      <c r="S1610" s="115">
        <v>0</v>
      </c>
      <c r="T1610" s="115">
        <v>0</v>
      </c>
      <c r="U1610" s="119"/>
      <c r="V1610" s="119"/>
      <c r="W1610" s="119"/>
      <c r="X1610" s="119"/>
      <c r="Y1610" s="119"/>
      <c r="Z1610" s="119"/>
      <c r="AA1610" s="119"/>
      <c r="AB1610" s="119"/>
      <c r="AC1610" s="119"/>
      <c r="AD1610" s="119"/>
      <c r="AE1610" s="119"/>
      <c r="AF1610" s="119"/>
      <c r="AG1610" s="119"/>
      <c r="AH1610" s="119"/>
      <c r="AI1610" s="119"/>
      <c r="AJ1610" s="119"/>
      <c r="AK1610" s="119"/>
      <c r="AL1610" s="119"/>
      <c r="AM1610" s="119"/>
      <c r="AN1610" s="119"/>
      <c r="AO1610" s="119"/>
      <c r="AP1610" s="119"/>
      <c r="AQ1610" s="119"/>
      <c r="AR1610" s="119"/>
      <c r="AS1610" s="119"/>
      <c r="AT1610" s="119"/>
      <c r="AU1610" s="119"/>
      <c r="AV1610" s="119"/>
      <c r="AW1610" s="119"/>
      <c r="AX1610" s="119"/>
      <c r="AY1610" s="119"/>
      <c r="AZ1610" s="119"/>
      <c r="BA1610" s="119"/>
      <c r="BB1610" s="107">
        <v>45884</v>
      </c>
    </row>
    <row r="1611" spans="1:54" s="207" customFormat="1" ht="13.95" customHeight="1" x14ac:dyDescent="0.25">
      <c r="A1611" s="208" t="s">
        <v>3889</v>
      </c>
      <c r="B1611" s="209" t="s">
        <v>20420</v>
      </c>
      <c r="C1611" s="113" t="s">
        <v>3890</v>
      </c>
      <c r="D1611" s="113" t="s">
        <v>3891</v>
      </c>
      <c r="E1611" s="210">
        <v>1975</v>
      </c>
      <c r="F1611" s="210">
        <v>1908</v>
      </c>
      <c r="G1611" s="113" t="s">
        <v>1</v>
      </c>
      <c r="H1611" s="113">
        <v>0</v>
      </c>
      <c r="I1611" s="113">
        <v>0</v>
      </c>
      <c r="J1611" s="115">
        <v>1</v>
      </c>
      <c r="K1611" s="116" t="s">
        <v>174</v>
      </c>
      <c r="L1611" s="115">
        <v>1</v>
      </c>
      <c r="M1611" s="115">
        <v>1</v>
      </c>
      <c r="N1611" s="115">
        <v>0</v>
      </c>
      <c r="O1611" s="115">
        <v>1</v>
      </c>
      <c r="P1611" s="115" t="s">
        <v>400</v>
      </c>
      <c r="Q1611" s="115" t="s">
        <v>400</v>
      </c>
      <c r="R1611" s="115">
        <v>1</v>
      </c>
      <c r="S1611" s="115">
        <v>0</v>
      </c>
      <c r="T1611" s="115">
        <v>0</v>
      </c>
      <c r="U1611" s="119"/>
      <c r="V1611" s="119"/>
      <c r="W1611" s="119"/>
      <c r="X1611" s="119"/>
      <c r="Y1611" s="119"/>
      <c r="Z1611" s="119"/>
      <c r="AA1611" s="119"/>
      <c r="AB1611" s="119"/>
      <c r="AC1611" s="119"/>
      <c r="AD1611" s="119"/>
      <c r="AE1611" s="119"/>
      <c r="AF1611" s="119"/>
      <c r="AG1611" s="119"/>
      <c r="AH1611" s="119"/>
      <c r="AI1611" s="119"/>
      <c r="AJ1611" s="119"/>
      <c r="AK1611" s="119"/>
      <c r="AL1611" s="119"/>
      <c r="AM1611" s="119"/>
      <c r="AN1611" s="119"/>
      <c r="AO1611" s="119"/>
      <c r="AP1611" s="119"/>
      <c r="AQ1611" s="119"/>
      <c r="AR1611" s="119"/>
      <c r="AS1611" s="119"/>
      <c r="AT1611" s="119"/>
      <c r="AU1611" s="119"/>
      <c r="AV1611" s="119"/>
      <c r="AW1611" s="119"/>
      <c r="AX1611" s="119"/>
      <c r="AY1611" s="119"/>
      <c r="AZ1611" s="119"/>
      <c r="BA1611" s="119"/>
      <c r="BB1611" s="107">
        <v>45884</v>
      </c>
    </row>
    <row r="1612" spans="1:54" s="207" customFormat="1" ht="13.95" customHeight="1" x14ac:dyDescent="0.25">
      <c r="A1612" s="208" t="s">
        <v>3892</v>
      </c>
      <c r="B1612" s="209" t="s">
        <v>20420</v>
      </c>
      <c r="C1612" s="113" t="s">
        <v>3893</v>
      </c>
      <c r="D1612" s="113" t="s">
        <v>3894</v>
      </c>
      <c r="E1612" s="210">
        <v>1978</v>
      </c>
      <c r="F1612" s="210">
        <v>1910</v>
      </c>
      <c r="G1612" s="113" t="s">
        <v>1</v>
      </c>
      <c r="H1612" s="113">
        <v>0</v>
      </c>
      <c r="I1612" s="113">
        <v>0</v>
      </c>
      <c r="J1612" s="115">
        <v>1</v>
      </c>
      <c r="K1612" s="116" t="s">
        <v>174</v>
      </c>
      <c r="L1612" s="115">
        <v>1</v>
      </c>
      <c r="M1612" s="115">
        <v>1</v>
      </c>
      <c r="N1612" s="115">
        <v>1</v>
      </c>
      <c r="O1612" s="115">
        <v>1</v>
      </c>
      <c r="P1612" s="115" t="s">
        <v>400</v>
      </c>
      <c r="Q1612" s="115" t="s">
        <v>400</v>
      </c>
      <c r="R1612" s="115">
        <v>1</v>
      </c>
      <c r="S1612" s="115">
        <v>0</v>
      </c>
      <c r="T1612" s="115">
        <v>0</v>
      </c>
      <c r="U1612" s="119"/>
      <c r="V1612" s="119"/>
      <c r="W1612" s="119"/>
      <c r="X1612" s="119"/>
      <c r="Y1612" s="119"/>
      <c r="Z1612" s="119"/>
      <c r="AA1612" s="119"/>
      <c r="AB1612" s="119"/>
      <c r="AC1612" s="119"/>
      <c r="AD1612" s="119"/>
      <c r="AE1612" s="119"/>
      <c r="AF1612" s="119"/>
      <c r="AG1612" s="119"/>
      <c r="AH1612" s="119"/>
      <c r="AI1612" s="119"/>
      <c r="AJ1612" s="119"/>
      <c r="AK1612" s="119"/>
      <c r="AL1612" s="119"/>
      <c r="AM1612" s="119"/>
      <c r="AN1612" s="119"/>
      <c r="AO1612" s="119"/>
      <c r="AP1612" s="119"/>
      <c r="AQ1612" s="119"/>
      <c r="AR1612" s="119"/>
      <c r="AS1612" s="119"/>
      <c r="AT1612" s="119"/>
      <c r="AU1612" s="119"/>
      <c r="AV1612" s="119"/>
      <c r="AW1612" s="119"/>
      <c r="AX1612" s="119"/>
      <c r="AY1612" s="119"/>
      <c r="AZ1612" s="119"/>
      <c r="BA1612" s="119"/>
      <c r="BB1612" s="107">
        <v>45884</v>
      </c>
    </row>
    <row r="1613" spans="1:54" s="207" customFormat="1" ht="13.95" customHeight="1" x14ac:dyDescent="0.25">
      <c r="A1613" s="208" t="s">
        <v>3895</v>
      </c>
      <c r="B1613" s="209" t="s">
        <v>20420</v>
      </c>
      <c r="C1613" s="113" t="s">
        <v>3896</v>
      </c>
      <c r="D1613" s="113" t="s">
        <v>3897</v>
      </c>
      <c r="E1613" s="210">
        <v>1967</v>
      </c>
      <c r="F1613" s="210">
        <v>1913</v>
      </c>
      <c r="G1613" s="113" t="s">
        <v>1</v>
      </c>
      <c r="H1613" s="113">
        <v>1</v>
      </c>
      <c r="I1613" s="113">
        <v>0</v>
      </c>
      <c r="J1613" s="115">
        <v>1</v>
      </c>
      <c r="K1613" s="211">
        <v>1</v>
      </c>
      <c r="L1613" s="115">
        <v>1</v>
      </c>
      <c r="M1613" s="115">
        <v>0</v>
      </c>
      <c r="N1613" s="115">
        <v>1</v>
      </c>
      <c r="O1613" s="115">
        <v>1</v>
      </c>
      <c r="P1613" s="115">
        <v>1</v>
      </c>
      <c r="Q1613" s="115" t="s">
        <v>400</v>
      </c>
      <c r="R1613" s="115">
        <v>1</v>
      </c>
      <c r="S1613" s="115">
        <v>0</v>
      </c>
      <c r="T1613" s="115">
        <v>0</v>
      </c>
      <c r="U1613" s="119"/>
      <c r="V1613" s="119"/>
      <c r="W1613" s="119"/>
      <c r="X1613" s="119"/>
      <c r="Y1613" s="119"/>
      <c r="Z1613" s="119"/>
      <c r="AA1613" s="119"/>
      <c r="AB1613" s="119"/>
      <c r="AC1613" s="119"/>
      <c r="AD1613" s="119"/>
      <c r="AE1613" s="119"/>
      <c r="AF1613" s="119"/>
      <c r="AG1613" s="119"/>
      <c r="AH1613" s="119"/>
      <c r="AI1613" s="119"/>
      <c r="AJ1613" s="119"/>
      <c r="AK1613" s="119"/>
      <c r="AL1613" s="119"/>
      <c r="AM1613" s="119"/>
      <c r="AN1613" s="119"/>
      <c r="AO1613" s="119"/>
      <c r="AP1613" s="119"/>
      <c r="AQ1613" s="119"/>
      <c r="AR1613" s="119"/>
      <c r="AS1613" s="119"/>
      <c r="AT1613" s="119"/>
      <c r="AU1613" s="119"/>
      <c r="AV1613" s="119"/>
      <c r="AW1613" s="119"/>
      <c r="AX1613" s="119"/>
      <c r="AY1613" s="119"/>
      <c r="AZ1613" s="119"/>
      <c r="BA1613" s="119"/>
      <c r="BB1613" s="107">
        <v>45884</v>
      </c>
    </row>
    <row r="1614" spans="1:54" s="207" customFormat="1" ht="13.95" customHeight="1" x14ac:dyDescent="0.25">
      <c r="A1614" s="208" t="s">
        <v>3898</v>
      </c>
      <c r="B1614" s="209" t="s">
        <v>20420</v>
      </c>
      <c r="C1614" s="113" t="s">
        <v>3899</v>
      </c>
      <c r="D1614" s="113" t="s">
        <v>23377</v>
      </c>
      <c r="E1614" s="210">
        <v>1987</v>
      </c>
      <c r="F1614" s="210">
        <v>1916</v>
      </c>
      <c r="G1614" s="113" t="s">
        <v>1</v>
      </c>
      <c r="H1614" s="113">
        <v>0</v>
      </c>
      <c r="I1614" s="113">
        <v>0</v>
      </c>
      <c r="J1614" s="115">
        <v>1</v>
      </c>
      <c r="K1614" s="116" t="s">
        <v>174</v>
      </c>
      <c r="L1614" s="115">
        <v>1</v>
      </c>
      <c r="M1614" s="115">
        <v>0</v>
      </c>
      <c r="N1614" s="115">
        <v>0</v>
      </c>
      <c r="O1614" s="115">
        <v>1</v>
      </c>
      <c r="P1614" s="115">
        <v>1</v>
      </c>
      <c r="Q1614" s="115" t="s">
        <v>400</v>
      </c>
      <c r="R1614" s="115">
        <v>1</v>
      </c>
      <c r="S1614" s="115">
        <v>0</v>
      </c>
      <c r="T1614" s="115">
        <v>0</v>
      </c>
      <c r="U1614" s="119"/>
      <c r="V1614" s="119"/>
      <c r="W1614" s="119"/>
      <c r="X1614" s="119"/>
      <c r="Y1614" s="119"/>
      <c r="Z1614" s="119"/>
      <c r="AA1614" s="119"/>
      <c r="AB1614" s="119"/>
      <c r="AC1614" s="119"/>
      <c r="AD1614" s="119"/>
      <c r="AE1614" s="119"/>
      <c r="AF1614" s="119"/>
      <c r="AG1614" s="119"/>
      <c r="AH1614" s="119"/>
      <c r="AI1614" s="119"/>
      <c r="AJ1614" s="119"/>
      <c r="AK1614" s="119"/>
      <c r="AL1614" s="119"/>
      <c r="AM1614" s="119"/>
      <c r="AN1614" s="119"/>
      <c r="AO1614" s="119"/>
      <c r="AP1614" s="119"/>
      <c r="AQ1614" s="119"/>
      <c r="AR1614" s="119"/>
      <c r="AS1614" s="119"/>
      <c r="AT1614" s="119"/>
      <c r="AU1614" s="119"/>
      <c r="AV1614" s="119"/>
      <c r="AW1614" s="119"/>
      <c r="AX1614" s="119"/>
      <c r="AY1614" s="119"/>
      <c r="AZ1614" s="119"/>
      <c r="BA1614" s="119"/>
      <c r="BB1614" s="107">
        <v>45884</v>
      </c>
    </row>
    <row r="1615" spans="1:54" s="207" customFormat="1" ht="13.95" customHeight="1" x14ac:dyDescent="0.25">
      <c r="A1615" s="208" t="s">
        <v>3900</v>
      </c>
      <c r="B1615" s="209" t="s">
        <v>20420</v>
      </c>
      <c r="C1615" s="113" t="s">
        <v>3901</v>
      </c>
      <c r="D1615" s="113" t="s">
        <v>23378</v>
      </c>
      <c r="E1615" s="210">
        <v>1976</v>
      </c>
      <c r="F1615" s="210">
        <v>1919</v>
      </c>
      <c r="G1615" s="113" t="s">
        <v>1</v>
      </c>
      <c r="H1615" s="113">
        <v>0</v>
      </c>
      <c r="I1615" s="113">
        <v>0</v>
      </c>
      <c r="J1615" s="115">
        <v>1</v>
      </c>
      <c r="K1615" s="116" t="s">
        <v>174</v>
      </c>
      <c r="L1615" s="115">
        <v>1</v>
      </c>
      <c r="M1615" s="115">
        <v>0</v>
      </c>
      <c r="N1615" s="115">
        <v>0</v>
      </c>
      <c r="O1615" s="115">
        <v>1</v>
      </c>
      <c r="P1615" s="115">
        <v>1</v>
      </c>
      <c r="Q1615" s="115" t="s">
        <v>400</v>
      </c>
      <c r="R1615" s="115">
        <v>1</v>
      </c>
      <c r="S1615" s="115">
        <v>0</v>
      </c>
      <c r="T1615" s="115">
        <v>0</v>
      </c>
      <c r="U1615" s="119"/>
      <c r="V1615" s="119"/>
      <c r="W1615" s="119"/>
      <c r="X1615" s="119"/>
      <c r="Y1615" s="119"/>
      <c r="Z1615" s="119"/>
      <c r="AA1615" s="119"/>
      <c r="AB1615" s="119"/>
      <c r="AC1615" s="119"/>
      <c r="AD1615" s="119"/>
      <c r="AE1615" s="119"/>
      <c r="AF1615" s="119"/>
      <c r="AG1615" s="119"/>
      <c r="AH1615" s="119"/>
      <c r="AI1615" s="119"/>
      <c r="AJ1615" s="119"/>
      <c r="AK1615" s="119"/>
      <c r="AL1615" s="119"/>
      <c r="AM1615" s="119"/>
      <c r="AN1615" s="119"/>
      <c r="AO1615" s="119"/>
      <c r="AP1615" s="119"/>
      <c r="AQ1615" s="119"/>
      <c r="AR1615" s="119"/>
      <c r="AS1615" s="119"/>
      <c r="AT1615" s="119"/>
      <c r="AU1615" s="119"/>
      <c r="AV1615" s="119"/>
      <c r="AW1615" s="119"/>
      <c r="AX1615" s="119"/>
      <c r="AY1615" s="119"/>
      <c r="AZ1615" s="119"/>
      <c r="BA1615" s="119"/>
      <c r="BB1615" s="107">
        <v>45884</v>
      </c>
    </row>
    <row r="1616" spans="1:54" s="207" customFormat="1" ht="13.95" customHeight="1" x14ac:dyDescent="0.25">
      <c r="A1616" s="208" t="s">
        <v>3902</v>
      </c>
      <c r="B1616" s="209" t="s">
        <v>20420</v>
      </c>
      <c r="C1616" s="113" t="s">
        <v>3903</v>
      </c>
      <c r="D1616" s="113" t="s">
        <v>23379</v>
      </c>
      <c r="E1616" s="210">
        <v>1996</v>
      </c>
      <c r="F1616" s="210">
        <v>1924</v>
      </c>
      <c r="G1616" s="113" t="s">
        <v>1</v>
      </c>
      <c r="H1616" s="113">
        <v>0</v>
      </c>
      <c r="I1616" s="113">
        <v>0</v>
      </c>
      <c r="J1616" s="115">
        <v>1</v>
      </c>
      <c r="K1616" s="116" t="s">
        <v>174</v>
      </c>
      <c r="L1616" s="115">
        <v>1</v>
      </c>
      <c r="M1616" s="115">
        <v>1</v>
      </c>
      <c r="N1616" s="115">
        <v>0</v>
      </c>
      <c r="O1616" s="115">
        <v>1</v>
      </c>
      <c r="P1616" s="115" t="s">
        <v>400</v>
      </c>
      <c r="Q1616" s="115" t="s">
        <v>400</v>
      </c>
      <c r="R1616" s="115">
        <v>1</v>
      </c>
      <c r="S1616" s="115">
        <v>0</v>
      </c>
      <c r="T1616" s="115">
        <v>0</v>
      </c>
      <c r="U1616" s="119"/>
      <c r="V1616" s="119"/>
      <c r="W1616" s="119"/>
      <c r="X1616" s="119"/>
      <c r="Y1616" s="119"/>
      <c r="Z1616" s="119"/>
      <c r="AA1616" s="119"/>
      <c r="AB1616" s="119"/>
      <c r="AC1616" s="119"/>
      <c r="AD1616" s="119"/>
      <c r="AE1616" s="119"/>
      <c r="AF1616" s="119"/>
      <c r="AG1616" s="119"/>
      <c r="AH1616" s="119"/>
      <c r="AI1616" s="119"/>
      <c r="AJ1616" s="119"/>
      <c r="AK1616" s="119"/>
      <c r="AL1616" s="119"/>
      <c r="AM1616" s="119"/>
      <c r="AN1616" s="119"/>
      <c r="AO1616" s="119"/>
      <c r="AP1616" s="119"/>
      <c r="AQ1616" s="119"/>
      <c r="AR1616" s="119"/>
      <c r="AS1616" s="119"/>
      <c r="AT1616" s="119"/>
      <c r="AU1616" s="119"/>
      <c r="AV1616" s="119"/>
      <c r="AW1616" s="119"/>
      <c r="AX1616" s="119"/>
      <c r="AY1616" s="119"/>
      <c r="AZ1616" s="119"/>
      <c r="BA1616" s="119"/>
      <c r="BB1616" s="107">
        <v>45884</v>
      </c>
    </row>
    <row r="1617" spans="1:54" s="207" customFormat="1" ht="13.95" customHeight="1" x14ac:dyDescent="0.25">
      <c r="A1617" s="208" t="s">
        <v>3904</v>
      </c>
      <c r="B1617" s="209" t="s">
        <v>20420</v>
      </c>
      <c r="C1617" s="113" t="s">
        <v>3905</v>
      </c>
      <c r="D1617" s="113" t="s">
        <v>23380</v>
      </c>
      <c r="E1617" s="210">
        <v>1988</v>
      </c>
      <c r="F1617" s="210">
        <v>1931</v>
      </c>
      <c r="G1617" s="113" t="s">
        <v>1</v>
      </c>
      <c r="H1617" s="113">
        <v>0</v>
      </c>
      <c r="I1617" s="113">
        <v>0</v>
      </c>
      <c r="J1617" s="115">
        <v>1</v>
      </c>
      <c r="K1617" s="116" t="s">
        <v>174</v>
      </c>
      <c r="L1617" s="115">
        <v>1</v>
      </c>
      <c r="M1617" s="115">
        <v>1</v>
      </c>
      <c r="N1617" s="115">
        <v>1</v>
      </c>
      <c r="O1617" s="115">
        <v>1</v>
      </c>
      <c r="P1617" s="115" t="s">
        <v>400</v>
      </c>
      <c r="Q1617" s="115" t="s">
        <v>400</v>
      </c>
      <c r="R1617" s="115">
        <v>1</v>
      </c>
      <c r="S1617" s="115">
        <v>0</v>
      </c>
      <c r="T1617" s="115">
        <v>0</v>
      </c>
      <c r="U1617" s="119"/>
      <c r="V1617" s="119"/>
      <c r="W1617" s="119"/>
      <c r="X1617" s="119"/>
      <c r="Y1617" s="119"/>
      <c r="Z1617" s="119"/>
      <c r="AA1617" s="119"/>
      <c r="AB1617" s="119"/>
      <c r="AC1617" s="119"/>
      <c r="AD1617" s="119"/>
      <c r="AE1617" s="119"/>
      <c r="AF1617" s="119"/>
      <c r="AG1617" s="119"/>
      <c r="AH1617" s="119"/>
      <c r="AI1617" s="119"/>
      <c r="AJ1617" s="119"/>
      <c r="AK1617" s="119"/>
      <c r="AL1617" s="119"/>
      <c r="AM1617" s="119"/>
      <c r="AN1617" s="119"/>
      <c r="AO1617" s="119"/>
      <c r="AP1617" s="119"/>
      <c r="AQ1617" s="119"/>
      <c r="AR1617" s="119"/>
      <c r="AS1617" s="119"/>
      <c r="AT1617" s="119"/>
      <c r="AU1617" s="119"/>
      <c r="AV1617" s="119"/>
      <c r="AW1617" s="119"/>
      <c r="AX1617" s="119"/>
      <c r="AY1617" s="119"/>
      <c r="AZ1617" s="119"/>
      <c r="BA1617" s="119"/>
      <c r="BB1617" s="107">
        <v>45884</v>
      </c>
    </row>
    <row r="1618" spans="1:54" s="207" customFormat="1" ht="13.95" customHeight="1" x14ac:dyDescent="0.25">
      <c r="A1618" s="208" t="s">
        <v>3906</v>
      </c>
      <c r="B1618" s="209" t="s">
        <v>20420</v>
      </c>
      <c r="C1618" s="113" t="s">
        <v>3907</v>
      </c>
      <c r="D1618" s="113" t="s">
        <v>3908</v>
      </c>
      <c r="E1618" s="210">
        <v>1985</v>
      </c>
      <c r="F1618" s="210">
        <v>1931</v>
      </c>
      <c r="G1618" s="113" t="s">
        <v>1</v>
      </c>
      <c r="H1618" s="113">
        <v>0</v>
      </c>
      <c r="I1618" s="113">
        <v>0</v>
      </c>
      <c r="J1618" s="115">
        <v>1</v>
      </c>
      <c r="K1618" s="116" t="s">
        <v>174</v>
      </c>
      <c r="L1618" s="115">
        <v>1</v>
      </c>
      <c r="M1618" s="115">
        <v>1</v>
      </c>
      <c r="N1618" s="115">
        <v>0</v>
      </c>
      <c r="O1618" s="115">
        <v>1</v>
      </c>
      <c r="P1618" s="115" t="s">
        <v>400</v>
      </c>
      <c r="Q1618" s="115" t="s">
        <v>400</v>
      </c>
      <c r="R1618" s="115">
        <v>1</v>
      </c>
      <c r="S1618" s="115">
        <v>0</v>
      </c>
      <c r="T1618" s="115">
        <v>0</v>
      </c>
      <c r="U1618" s="119"/>
      <c r="V1618" s="119"/>
      <c r="W1618" s="119"/>
      <c r="X1618" s="119"/>
      <c r="Y1618" s="119"/>
      <c r="Z1618" s="119"/>
      <c r="AA1618" s="119"/>
      <c r="AB1618" s="119"/>
      <c r="AC1618" s="119"/>
      <c r="AD1618" s="119"/>
      <c r="AE1618" s="119"/>
      <c r="AF1618" s="119"/>
      <c r="AG1618" s="119"/>
      <c r="AH1618" s="119"/>
      <c r="AI1618" s="119"/>
      <c r="AJ1618" s="119"/>
      <c r="AK1618" s="119"/>
      <c r="AL1618" s="119"/>
      <c r="AM1618" s="119"/>
      <c r="AN1618" s="119"/>
      <c r="AO1618" s="119"/>
      <c r="AP1618" s="119"/>
      <c r="AQ1618" s="119"/>
      <c r="AR1618" s="119"/>
      <c r="AS1618" s="119"/>
      <c r="AT1618" s="119"/>
      <c r="AU1618" s="119"/>
      <c r="AV1618" s="119"/>
      <c r="AW1618" s="119"/>
      <c r="AX1618" s="119"/>
      <c r="AY1618" s="119"/>
      <c r="AZ1618" s="119"/>
      <c r="BA1618" s="119"/>
      <c r="BB1618" s="107">
        <v>45884</v>
      </c>
    </row>
    <row r="1619" spans="1:54" s="207" customFormat="1" ht="13.95" customHeight="1" x14ac:dyDescent="0.25">
      <c r="A1619" s="208" t="s">
        <v>3909</v>
      </c>
      <c r="B1619" s="209" t="s">
        <v>20420</v>
      </c>
      <c r="C1619" s="113" t="s">
        <v>3910</v>
      </c>
      <c r="D1619" s="113" t="s">
        <v>3911</v>
      </c>
      <c r="E1619" s="210">
        <v>1972</v>
      </c>
      <c r="F1619" s="210">
        <v>1933</v>
      </c>
      <c r="G1619" s="113" t="s">
        <v>1</v>
      </c>
      <c r="H1619" s="113">
        <v>0</v>
      </c>
      <c r="I1619" s="113">
        <v>0</v>
      </c>
      <c r="J1619" s="115">
        <v>1</v>
      </c>
      <c r="K1619" s="116" t="s">
        <v>174</v>
      </c>
      <c r="L1619" s="115">
        <v>1</v>
      </c>
      <c r="M1619" s="115">
        <v>0</v>
      </c>
      <c r="N1619" s="115">
        <v>1</v>
      </c>
      <c r="O1619" s="115">
        <v>1</v>
      </c>
      <c r="P1619" s="115">
        <v>1</v>
      </c>
      <c r="Q1619" s="115" t="s">
        <v>400</v>
      </c>
      <c r="R1619" s="115">
        <v>1</v>
      </c>
      <c r="S1619" s="115">
        <v>0</v>
      </c>
      <c r="T1619" s="115">
        <v>0</v>
      </c>
      <c r="U1619" s="119"/>
      <c r="V1619" s="119"/>
      <c r="W1619" s="119"/>
      <c r="X1619" s="119"/>
      <c r="Y1619" s="119"/>
      <c r="Z1619" s="119"/>
      <c r="AA1619" s="119"/>
      <c r="AB1619" s="119"/>
      <c r="AC1619" s="119"/>
      <c r="AD1619" s="119"/>
      <c r="AE1619" s="119"/>
      <c r="AF1619" s="119"/>
      <c r="AG1619" s="119"/>
      <c r="AH1619" s="119"/>
      <c r="AI1619" s="119"/>
      <c r="AJ1619" s="119"/>
      <c r="AK1619" s="119"/>
      <c r="AL1619" s="119"/>
      <c r="AM1619" s="119"/>
      <c r="AN1619" s="119"/>
      <c r="AO1619" s="119"/>
      <c r="AP1619" s="119"/>
      <c r="AQ1619" s="119"/>
      <c r="AR1619" s="119"/>
      <c r="AS1619" s="119"/>
      <c r="AT1619" s="119"/>
      <c r="AU1619" s="119"/>
      <c r="AV1619" s="119"/>
      <c r="AW1619" s="119"/>
      <c r="AX1619" s="119"/>
      <c r="AY1619" s="119"/>
      <c r="AZ1619" s="119"/>
      <c r="BA1619" s="119"/>
      <c r="BB1619" s="107">
        <v>45884</v>
      </c>
    </row>
    <row r="1620" spans="1:54" s="207" customFormat="1" ht="13.95" customHeight="1" x14ac:dyDescent="0.25">
      <c r="A1620" s="208" t="s">
        <v>3912</v>
      </c>
      <c r="B1620" s="209" t="s">
        <v>20420</v>
      </c>
      <c r="C1620" s="113" t="s">
        <v>3913</v>
      </c>
      <c r="D1620" s="113" t="s">
        <v>23381</v>
      </c>
      <c r="E1620" s="210">
        <v>1977</v>
      </c>
      <c r="F1620" s="210">
        <v>1937</v>
      </c>
      <c r="G1620" s="113" t="s">
        <v>1</v>
      </c>
      <c r="H1620" s="113">
        <v>0</v>
      </c>
      <c r="I1620" s="113">
        <v>0</v>
      </c>
      <c r="J1620" s="115">
        <v>1</v>
      </c>
      <c r="K1620" s="211">
        <v>1</v>
      </c>
      <c r="L1620" s="115">
        <v>1</v>
      </c>
      <c r="M1620" s="115">
        <v>1</v>
      </c>
      <c r="N1620" s="115">
        <v>0</v>
      </c>
      <c r="O1620" s="115">
        <v>1</v>
      </c>
      <c r="P1620" s="115" t="s">
        <v>400</v>
      </c>
      <c r="Q1620" s="115" t="s">
        <v>400</v>
      </c>
      <c r="R1620" s="115">
        <v>1</v>
      </c>
      <c r="S1620" s="115">
        <v>0</v>
      </c>
      <c r="T1620" s="115">
        <v>0</v>
      </c>
      <c r="U1620" s="119"/>
      <c r="V1620" s="119"/>
      <c r="W1620" s="119"/>
      <c r="X1620" s="119"/>
      <c r="Y1620" s="119"/>
      <c r="Z1620" s="119"/>
      <c r="AA1620" s="119"/>
      <c r="AB1620" s="119"/>
      <c r="AC1620" s="119"/>
      <c r="AD1620" s="119"/>
      <c r="AE1620" s="119"/>
      <c r="AF1620" s="119"/>
      <c r="AG1620" s="119"/>
      <c r="AH1620" s="119"/>
      <c r="AI1620" s="119"/>
      <c r="AJ1620" s="119"/>
      <c r="AK1620" s="119"/>
      <c r="AL1620" s="119"/>
      <c r="AM1620" s="119"/>
      <c r="AN1620" s="119"/>
      <c r="AO1620" s="119"/>
      <c r="AP1620" s="119"/>
      <c r="AQ1620" s="119"/>
      <c r="AR1620" s="119"/>
      <c r="AS1620" s="119"/>
      <c r="AT1620" s="119"/>
      <c r="AU1620" s="119"/>
      <c r="AV1620" s="119"/>
      <c r="AW1620" s="119"/>
      <c r="AX1620" s="119"/>
      <c r="AY1620" s="119"/>
      <c r="AZ1620" s="119"/>
      <c r="BA1620" s="119"/>
      <c r="BB1620" s="107">
        <v>45884</v>
      </c>
    </row>
    <row r="1621" spans="1:54" s="207" customFormat="1" ht="13.95" customHeight="1" x14ac:dyDescent="0.25">
      <c r="A1621" s="208" t="s">
        <v>3914</v>
      </c>
      <c r="B1621" s="209" t="s">
        <v>20420</v>
      </c>
      <c r="C1621" s="113" t="s">
        <v>3915</v>
      </c>
      <c r="D1621" s="113" t="s">
        <v>23382</v>
      </c>
      <c r="E1621" s="210">
        <v>1952</v>
      </c>
      <c r="F1621" s="210">
        <v>1937</v>
      </c>
      <c r="G1621" s="113" t="s">
        <v>1</v>
      </c>
      <c r="H1621" s="113">
        <v>0</v>
      </c>
      <c r="I1621" s="113">
        <v>0</v>
      </c>
      <c r="J1621" s="115">
        <v>1</v>
      </c>
      <c r="K1621" s="211">
        <v>1</v>
      </c>
      <c r="L1621" s="115">
        <v>1</v>
      </c>
      <c r="M1621" s="115">
        <v>0</v>
      </c>
      <c r="N1621" s="115">
        <v>0</v>
      </c>
      <c r="O1621" s="115">
        <v>1</v>
      </c>
      <c r="P1621" s="115">
        <v>1</v>
      </c>
      <c r="Q1621" s="115" t="s">
        <v>400</v>
      </c>
      <c r="R1621" s="115">
        <v>1</v>
      </c>
      <c r="S1621" s="115">
        <v>0</v>
      </c>
      <c r="T1621" s="115">
        <v>0</v>
      </c>
      <c r="U1621" s="119"/>
      <c r="V1621" s="119"/>
      <c r="W1621" s="119"/>
      <c r="X1621" s="119"/>
      <c r="Y1621" s="119"/>
      <c r="Z1621" s="119"/>
      <c r="AA1621" s="119"/>
      <c r="AB1621" s="119"/>
      <c r="AC1621" s="119"/>
      <c r="AD1621" s="119"/>
      <c r="AE1621" s="119"/>
      <c r="AF1621" s="119"/>
      <c r="AG1621" s="119"/>
      <c r="AH1621" s="119"/>
      <c r="AI1621" s="119"/>
      <c r="AJ1621" s="119"/>
      <c r="AK1621" s="119"/>
      <c r="AL1621" s="119"/>
      <c r="AM1621" s="119"/>
      <c r="AN1621" s="119"/>
      <c r="AO1621" s="119"/>
      <c r="AP1621" s="119"/>
      <c r="AQ1621" s="119"/>
      <c r="AR1621" s="119"/>
      <c r="AS1621" s="119"/>
      <c r="AT1621" s="119"/>
      <c r="AU1621" s="119"/>
      <c r="AV1621" s="119"/>
      <c r="AW1621" s="119"/>
      <c r="AX1621" s="119"/>
      <c r="AY1621" s="119"/>
      <c r="AZ1621" s="119"/>
      <c r="BA1621" s="119"/>
      <c r="BB1621" s="107">
        <v>45884</v>
      </c>
    </row>
    <row r="1622" spans="1:54" s="207" customFormat="1" ht="13.95" customHeight="1" x14ac:dyDescent="0.25">
      <c r="A1622" s="208" t="s">
        <v>3916</v>
      </c>
      <c r="B1622" s="209" t="s">
        <v>20420</v>
      </c>
      <c r="C1622" s="113" t="s">
        <v>3917</v>
      </c>
      <c r="D1622" s="113" t="s">
        <v>23383</v>
      </c>
      <c r="E1622" s="210">
        <v>2005</v>
      </c>
      <c r="F1622" s="210">
        <v>1940</v>
      </c>
      <c r="G1622" s="113" t="s">
        <v>1</v>
      </c>
      <c r="H1622" s="113">
        <v>0</v>
      </c>
      <c r="I1622" s="113">
        <v>0</v>
      </c>
      <c r="J1622" s="115">
        <v>1</v>
      </c>
      <c r="K1622" s="116" t="s">
        <v>174</v>
      </c>
      <c r="L1622" s="115">
        <v>0</v>
      </c>
      <c r="M1622" s="115">
        <v>0</v>
      </c>
      <c r="N1622" s="115">
        <v>0</v>
      </c>
      <c r="O1622" s="115">
        <v>0</v>
      </c>
      <c r="P1622" s="115" t="s">
        <v>400</v>
      </c>
      <c r="Q1622" s="115" t="s">
        <v>400</v>
      </c>
      <c r="R1622" s="115">
        <v>0</v>
      </c>
      <c r="S1622" s="115">
        <v>0</v>
      </c>
      <c r="T1622" s="115">
        <v>0</v>
      </c>
      <c r="U1622" s="119"/>
      <c r="V1622" s="119"/>
      <c r="W1622" s="119"/>
      <c r="X1622" s="119"/>
      <c r="Y1622" s="119"/>
      <c r="Z1622" s="119"/>
      <c r="AA1622" s="119"/>
      <c r="AB1622" s="119"/>
      <c r="AC1622" s="119"/>
      <c r="AD1622" s="119"/>
      <c r="AE1622" s="119"/>
      <c r="AF1622" s="119"/>
      <c r="AG1622" s="119"/>
      <c r="AH1622" s="119"/>
      <c r="AI1622" s="119"/>
      <c r="AJ1622" s="119"/>
      <c r="AK1622" s="119"/>
      <c r="AL1622" s="119"/>
      <c r="AM1622" s="119"/>
      <c r="AN1622" s="119"/>
      <c r="AO1622" s="119"/>
      <c r="AP1622" s="119"/>
      <c r="AQ1622" s="119"/>
      <c r="AR1622" s="119"/>
      <c r="AS1622" s="119"/>
      <c r="AT1622" s="119"/>
      <c r="AU1622" s="119"/>
      <c r="AV1622" s="119"/>
      <c r="AW1622" s="119"/>
      <c r="AX1622" s="119"/>
      <c r="AY1622" s="119"/>
      <c r="AZ1622" s="119"/>
      <c r="BA1622" s="119"/>
      <c r="BB1622" s="107">
        <v>45884</v>
      </c>
    </row>
    <row r="1623" spans="1:54" s="207" customFormat="1" ht="13.95" customHeight="1" x14ac:dyDescent="0.25">
      <c r="A1623" s="208" t="s">
        <v>3918</v>
      </c>
      <c r="B1623" s="209" t="s">
        <v>20420</v>
      </c>
      <c r="C1623" s="113" t="s">
        <v>3919</v>
      </c>
      <c r="D1623" s="113" t="s">
        <v>23384</v>
      </c>
      <c r="E1623" s="210">
        <v>1952</v>
      </c>
      <c r="F1623" s="210">
        <v>1944</v>
      </c>
      <c r="G1623" s="113" t="s">
        <v>1</v>
      </c>
      <c r="H1623" s="113">
        <v>0</v>
      </c>
      <c r="I1623" s="113">
        <v>0</v>
      </c>
      <c r="J1623" s="115">
        <v>1</v>
      </c>
      <c r="K1623" s="211">
        <v>1</v>
      </c>
      <c r="L1623" s="115">
        <v>1</v>
      </c>
      <c r="M1623" s="115">
        <v>0</v>
      </c>
      <c r="N1623" s="115">
        <v>0</v>
      </c>
      <c r="O1623" s="115">
        <v>1</v>
      </c>
      <c r="P1623" s="115">
        <v>1</v>
      </c>
      <c r="Q1623" s="115" t="s">
        <v>400</v>
      </c>
      <c r="R1623" s="115">
        <v>1</v>
      </c>
      <c r="S1623" s="115">
        <v>1</v>
      </c>
      <c r="T1623" s="115">
        <v>0</v>
      </c>
      <c r="U1623" s="119"/>
      <c r="V1623" s="119"/>
      <c r="W1623" s="119"/>
      <c r="X1623" s="119"/>
      <c r="Y1623" s="119"/>
      <c r="Z1623" s="119"/>
      <c r="AA1623" s="119"/>
      <c r="AB1623" s="119"/>
      <c r="AC1623" s="119"/>
      <c r="AD1623" s="119"/>
      <c r="AE1623" s="119"/>
      <c r="AF1623" s="119"/>
      <c r="AG1623" s="119"/>
      <c r="AH1623" s="119"/>
      <c r="AI1623" s="119"/>
      <c r="AJ1623" s="119"/>
      <c r="AK1623" s="119"/>
      <c r="AL1623" s="119"/>
      <c r="AM1623" s="119"/>
      <c r="AN1623" s="119"/>
      <c r="AO1623" s="119"/>
      <c r="AP1623" s="119"/>
      <c r="AQ1623" s="119"/>
      <c r="AR1623" s="119"/>
      <c r="AS1623" s="119"/>
      <c r="AT1623" s="119"/>
      <c r="AU1623" s="119"/>
      <c r="AV1623" s="119"/>
      <c r="AW1623" s="119"/>
      <c r="AX1623" s="119"/>
      <c r="AY1623" s="119"/>
      <c r="AZ1623" s="119"/>
      <c r="BA1623" s="119"/>
      <c r="BB1623" s="107">
        <v>45884</v>
      </c>
    </row>
    <row r="1624" spans="1:54" s="207" customFormat="1" ht="13.95" customHeight="1" x14ac:dyDescent="0.25">
      <c r="A1624" s="208" t="s">
        <v>3920</v>
      </c>
      <c r="B1624" s="209" t="s">
        <v>20420</v>
      </c>
      <c r="C1624" s="113" t="s">
        <v>3921</v>
      </c>
      <c r="D1624" s="113" t="s">
        <v>3922</v>
      </c>
      <c r="E1624" s="210">
        <v>1997</v>
      </c>
      <c r="F1624" s="210">
        <v>1944</v>
      </c>
      <c r="G1624" s="113" t="s">
        <v>1</v>
      </c>
      <c r="H1624" s="113">
        <v>0</v>
      </c>
      <c r="I1624" s="113">
        <v>0</v>
      </c>
      <c r="J1624" s="115">
        <v>1</v>
      </c>
      <c r="K1624" s="116" t="s">
        <v>174</v>
      </c>
      <c r="L1624" s="115">
        <v>1</v>
      </c>
      <c r="M1624" s="115">
        <v>1</v>
      </c>
      <c r="N1624" s="115">
        <v>0</v>
      </c>
      <c r="O1624" s="115">
        <v>1</v>
      </c>
      <c r="P1624" s="115" t="s">
        <v>400</v>
      </c>
      <c r="Q1624" s="115" t="s">
        <v>400</v>
      </c>
      <c r="R1624" s="115">
        <v>0</v>
      </c>
      <c r="S1624" s="115">
        <v>0</v>
      </c>
      <c r="T1624" s="115">
        <v>0</v>
      </c>
      <c r="U1624" s="119"/>
      <c r="V1624" s="119"/>
      <c r="W1624" s="119"/>
      <c r="X1624" s="119"/>
      <c r="Y1624" s="119"/>
      <c r="Z1624" s="119"/>
      <c r="AA1624" s="119"/>
      <c r="AB1624" s="119"/>
      <c r="AC1624" s="119"/>
      <c r="AD1624" s="119"/>
      <c r="AE1624" s="119"/>
      <c r="AF1624" s="119"/>
      <c r="AG1624" s="119"/>
      <c r="AH1624" s="119"/>
      <c r="AI1624" s="119"/>
      <c r="AJ1624" s="119"/>
      <c r="AK1624" s="119"/>
      <c r="AL1624" s="119"/>
      <c r="AM1624" s="119"/>
      <c r="AN1624" s="119"/>
      <c r="AO1624" s="119"/>
      <c r="AP1624" s="119"/>
      <c r="AQ1624" s="119"/>
      <c r="AR1624" s="119"/>
      <c r="AS1624" s="119"/>
      <c r="AT1624" s="119"/>
      <c r="AU1624" s="119"/>
      <c r="AV1624" s="119"/>
      <c r="AW1624" s="119"/>
      <c r="AX1624" s="119"/>
      <c r="AY1624" s="119"/>
      <c r="AZ1624" s="119"/>
      <c r="BA1624" s="119"/>
      <c r="BB1624" s="107">
        <v>45884</v>
      </c>
    </row>
    <row r="1625" spans="1:54" s="207" customFormat="1" ht="13.95" customHeight="1" x14ac:dyDescent="0.25">
      <c r="A1625" s="208" t="s">
        <v>3923</v>
      </c>
      <c r="B1625" s="209" t="s">
        <v>20420</v>
      </c>
      <c r="C1625" s="113" t="s">
        <v>3924</v>
      </c>
      <c r="D1625" s="113" t="s">
        <v>23385</v>
      </c>
      <c r="E1625" s="210">
        <v>1986</v>
      </c>
      <c r="F1625" s="210">
        <v>1944</v>
      </c>
      <c r="G1625" s="113" t="s">
        <v>1</v>
      </c>
      <c r="H1625" s="113">
        <v>0</v>
      </c>
      <c r="I1625" s="113">
        <v>0</v>
      </c>
      <c r="J1625" s="115">
        <v>1</v>
      </c>
      <c r="K1625" s="116" t="s">
        <v>174</v>
      </c>
      <c r="L1625" s="115">
        <v>1</v>
      </c>
      <c r="M1625" s="115">
        <v>1</v>
      </c>
      <c r="N1625" s="115">
        <v>0</v>
      </c>
      <c r="O1625" s="115">
        <v>1</v>
      </c>
      <c r="P1625" s="115" t="s">
        <v>400</v>
      </c>
      <c r="Q1625" s="115" t="s">
        <v>400</v>
      </c>
      <c r="R1625" s="115">
        <v>1</v>
      </c>
      <c r="S1625" s="115">
        <v>0</v>
      </c>
      <c r="T1625" s="115">
        <v>0</v>
      </c>
      <c r="U1625" s="119"/>
      <c r="V1625" s="119"/>
      <c r="W1625" s="119"/>
      <c r="X1625" s="119"/>
      <c r="Y1625" s="119"/>
      <c r="Z1625" s="119"/>
      <c r="AA1625" s="119"/>
      <c r="AB1625" s="119"/>
      <c r="AC1625" s="119"/>
      <c r="AD1625" s="119"/>
      <c r="AE1625" s="119"/>
      <c r="AF1625" s="119"/>
      <c r="AG1625" s="119"/>
      <c r="AH1625" s="119"/>
      <c r="AI1625" s="119"/>
      <c r="AJ1625" s="119"/>
      <c r="AK1625" s="119"/>
      <c r="AL1625" s="119"/>
      <c r="AM1625" s="119"/>
      <c r="AN1625" s="119"/>
      <c r="AO1625" s="119"/>
      <c r="AP1625" s="119"/>
      <c r="AQ1625" s="119"/>
      <c r="AR1625" s="119"/>
      <c r="AS1625" s="119"/>
      <c r="AT1625" s="119"/>
      <c r="AU1625" s="119"/>
      <c r="AV1625" s="119"/>
      <c r="AW1625" s="119"/>
      <c r="AX1625" s="119"/>
      <c r="AY1625" s="119"/>
      <c r="AZ1625" s="119"/>
      <c r="BA1625" s="119"/>
      <c r="BB1625" s="107">
        <v>45884</v>
      </c>
    </row>
    <row r="1626" spans="1:54" s="207" customFormat="1" ht="13.95" customHeight="1" x14ac:dyDescent="0.25">
      <c r="A1626" s="208" t="s">
        <v>3925</v>
      </c>
      <c r="B1626" s="209" t="s">
        <v>20420</v>
      </c>
      <c r="C1626" s="113" t="s">
        <v>3926</v>
      </c>
      <c r="D1626" s="113" t="s">
        <v>23386</v>
      </c>
      <c r="E1626" s="210">
        <v>1993</v>
      </c>
      <c r="F1626" s="210">
        <v>1945</v>
      </c>
      <c r="G1626" s="113" t="s">
        <v>1</v>
      </c>
      <c r="H1626" s="113">
        <v>1</v>
      </c>
      <c r="I1626" s="113">
        <v>0</v>
      </c>
      <c r="J1626" s="115">
        <v>1</v>
      </c>
      <c r="K1626" s="211">
        <v>1</v>
      </c>
      <c r="L1626" s="115">
        <v>1</v>
      </c>
      <c r="M1626" s="115">
        <v>1</v>
      </c>
      <c r="N1626" s="115">
        <v>1</v>
      </c>
      <c r="O1626" s="115">
        <v>1</v>
      </c>
      <c r="P1626" s="115" t="s">
        <v>400</v>
      </c>
      <c r="Q1626" s="115" t="s">
        <v>400</v>
      </c>
      <c r="R1626" s="115">
        <v>1</v>
      </c>
      <c r="S1626" s="115">
        <v>0</v>
      </c>
      <c r="T1626" s="115">
        <v>0</v>
      </c>
      <c r="U1626" s="119"/>
      <c r="V1626" s="119"/>
      <c r="W1626" s="119"/>
      <c r="X1626" s="119"/>
      <c r="Y1626" s="119"/>
      <c r="Z1626" s="119"/>
      <c r="AA1626" s="119"/>
      <c r="AB1626" s="119"/>
      <c r="AC1626" s="119"/>
      <c r="AD1626" s="119"/>
      <c r="AE1626" s="119"/>
      <c r="AF1626" s="119"/>
      <c r="AG1626" s="119"/>
      <c r="AH1626" s="119"/>
      <c r="AI1626" s="119"/>
      <c r="AJ1626" s="119"/>
      <c r="AK1626" s="119"/>
      <c r="AL1626" s="119"/>
      <c r="AM1626" s="119"/>
      <c r="AN1626" s="119"/>
      <c r="AO1626" s="119"/>
      <c r="AP1626" s="119"/>
      <c r="AQ1626" s="119"/>
      <c r="AR1626" s="119"/>
      <c r="AS1626" s="119"/>
      <c r="AT1626" s="119"/>
      <c r="AU1626" s="119"/>
      <c r="AV1626" s="119"/>
      <c r="AW1626" s="119"/>
      <c r="AX1626" s="119"/>
      <c r="AY1626" s="119"/>
      <c r="AZ1626" s="119"/>
      <c r="BA1626" s="119"/>
      <c r="BB1626" s="107">
        <v>45884</v>
      </c>
    </row>
    <row r="1627" spans="1:54" s="207" customFormat="1" ht="13.95" customHeight="1" x14ac:dyDescent="0.25">
      <c r="A1627" s="208" t="s">
        <v>3927</v>
      </c>
      <c r="B1627" s="209" t="s">
        <v>20420</v>
      </c>
      <c r="C1627" s="113" t="s">
        <v>3928</v>
      </c>
      <c r="D1627" s="113" t="s">
        <v>23387</v>
      </c>
      <c r="E1627" s="210">
        <v>1989</v>
      </c>
      <c r="F1627" s="210">
        <v>1945</v>
      </c>
      <c r="G1627" s="113" t="s">
        <v>1</v>
      </c>
      <c r="H1627" s="113">
        <v>0</v>
      </c>
      <c r="I1627" s="113">
        <v>0</v>
      </c>
      <c r="J1627" s="115">
        <v>1</v>
      </c>
      <c r="K1627" s="116" t="s">
        <v>174</v>
      </c>
      <c r="L1627" s="115">
        <v>1</v>
      </c>
      <c r="M1627" s="115">
        <v>1</v>
      </c>
      <c r="N1627" s="115">
        <v>0</v>
      </c>
      <c r="O1627" s="115">
        <v>0</v>
      </c>
      <c r="P1627" s="115" t="s">
        <v>400</v>
      </c>
      <c r="Q1627" s="115" t="s">
        <v>400</v>
      </c>
      <c r="R1627" s="212">
        <v>1</v>
      </c>
      <c r="S1627" s="115">
        <v>0</v>
      </c>
      <c r="T1627" s="115">
        <v>0</v>
      </c>
      <c r="U1627" s="119"/>
      <c r="V1627" s="119"/>
      <c r="W1627" s="119"/>
      <c r="X1627" s="119"/>
      <c r="Y1627" s="119"/>
      <c r="Z1627" s="119"/>
      <c r="AA1627" s="119"/>
      <c r="AB1627" s="119"/>
      <c r="AC1627" s="119"/>
      <c r="AD1627" s="119"/>
      <c r="AE1627" s="119"/>
      <c r="AF1627" s="119"/>
      <c r="AG1627" s="119"/>
      <c r="AH1627" s="119"/>
      <c r="AI1627" s="119"/>
      <c r="AJ1627" s="119"/>
      <c r="AK1627" s="119"/>
      <c r="AL1627" s="119"/>
      <c r="AM1627" s="119"/>
      <c r="AN1627" s="119"/>
      <c r="AO1627" s="119"/>
      <c r="AP1627" s="119"/>
      <c r="AQ1627" s="119"/>
      <c r="AR1627" s="119"/>
      <c r="AS1627" s="119"/>
      <c r="AT1627" s="119"/>
      <c r="AU1627" s="119"/>
      <c r="AV1627" s="119"/>
      <c r="AW1627" s="119"/>
      <c r="AX1627" s="119"/>
      <c r="AY1627" s="119"/>
      <c r="AZ1627" s="119"/>
      <c r="BA1627" s="119"/>
      <c r="BB1627" s="107">
        <v>45884</v>
      </c>
    </row>
    <row r="1628" spans="1:54" s="207" customFormat="1" ht="13.95" customHeight="1" x14ac:dyDescent="0.25">
      <c r="A1628" s="208" t="s">
        <v>3929</v>
      </c>
      <c r="B1628" s="209" t="s">
        <v>20420</v>
      </c>
      <c r="C1628" s="113" t="s">
        <v>3930</v>
      </c>
      <c r="D1628" s="113" t="s">
        <v>23388</v>
      </c>
      <c r="E1628" s="210">
        <v>2002</v>
      </c>
      <c r="F1628" s="210">
        <v>1948</v>
      </c>
      <c r="G1628" s="113" t="s">
        <v>1</v>
      </c>
      <c r="H1628" s="113">
        <v>0</v>
      </c>
      <c r="I1628" s="113">
        <v>0</v>
      </c>
      <c r="J1628" s="115">
        <v>1</v>
      </c>
      <c r="K1628" s="116" t="s">
        <v>174</v>
      </c>
      <c r="L1628" s="115">
        <v>1</v>
      </c>
      <c r="M1628" s="115">
        <v>1</v>
      </c>
      <c r="N1628" s="115">
        <v>0</v>
      </c>
      <c r="O1628" s="115">
        <v>0</v>
      </c>
      <c r="P1628" s="115" t="s">
        <v>400</v>
      </c>
      <c r="Q1628" s="115" t="s">
        <v>400</v>
      </c>
      <c r="R1628" s="115">
        <v>1</v>
      </c>
      <c r="S1628" s="115">
        <v>0</v>
      </c>
      <c r="T1628" s="115">
        <v>0</v>
      </c>
      <c r="U1628" s="119"/>
      <c r="V1628" s="119"/>
      <c r="W1628" s="119"/>
      <c r="X1628" s="119"/>
      <c r="Y1628" s="119"/>
      <c r="Z1628" s="119"/>
      <c r="AA1628" s="119"/>
      <c r="AB1628" s="119"/>
      <c r="AC1628" s="119"/>
      <c r="AD1628" s="119"/>
      <c r="AE1628" s="119"/>
      <c r="AF1628" s="119"/>
      <c r="AG1628" s="119"/>
      <c r="AH1628" s="119"/>
      <c r="AI1628" s="119"/>
      <c r="AJ1628" s="119"/>
      <c r="AK1628" s="119"/>
      <c r="AL1628" s="119"/>
      <c r="AM1628" s="119"/>
      <c r="AN1628" s="119"/>
      <c r="AO1628" s="119"/>
      <c r="AP1628" s="119"/>
      <c r="AQ1628" s="119"/>
      <c r="AR1628" s="119"/>
      <c r="AS1628" s="119"/>
      <c r="AT1628" s="119"/>
      <c r="AU1628" s="119"/>
      <c r="AV1628" s="119"/>
      <c r="AW1628" s="119"/>
      <c r="AX1628" s="119"/>
      <c r="AY1628" s="119"/>
      <c r="AZ1628" s="119"/>
      <c r="BA1628" s="119"/>
      <c r="BB1628" s="107">
        <v>45884</v>
      </c>
    </row>
    <row r="1629" spans="1:54" s="207" customFormat="1" ht="13.95" customHeight="1" x14ac:dyDescent="0.25">
      <c r="A1629" s="208" t="s">
        <v>3931</v>
      </c>
      <c r="B1629" s="209" t="s">
        <v>20420</v>
      </c>
      <c r="C1629" s="113" t="s">
        <v>3932</v>
      </c>
      <c r="D1629" s="113" t="s">
        <v>23389</v>
      </c>
      <c r="E1629" s="210">
        <v>2011</v>
      </c>
      <c r="F1629" s="210">
        <v>1948</v>
      </c>
      <c r="G1629" s="113" t="s">
        <v>1</v>
      </c>
      <c r="H1629" s="113">
        <v>0</v>
      </c>
      <c r="I1629" s="113">
        <v>0</v>
      </c>
      <c r="J1629" s="115">
        <v>1</v>
      </c>
      <c r="K1629" s="116" t="s">
        <v>174</v>
      </c>
      <c r="L1629" s="115">
        <v>1</v>
      </c>
      <c r="M1629" s="115">
        <v>0</v>
      </c>
      <c r="N1629" s="115">
        <v>0</v>
      </c>
      <c r="O1629" s="115">
        <v>1</v>
      </c>
      <c r="P1629" s="115" t="s">
        <v>400</v>
      </c>
      <c r="Q1629" s="115">
        <v>1</v>
      </c>
      <c r="R1629" s="115">
        <v>0</v>
      </c>
      <c r="S1629" s="115">
        <v>0</v>
      </c>
      <c r="T1629" s="115">
        <v>0</v>
      </c>
      <c r="U1629" s="119"/>
      <c r="V1629" s="119"/>
      <c r="W1629" s="119"/>
      <c r="X1629" s="119"/>
      <c r="Y1629" s="119"/>
      <c r="Z1629" s="119"/>
      <c r="AA1629" s="119"/>
      <c r="AB1629" s="119"/>
      <c r="AC1629" s="119"/>
      <c r="AD1629" s="119"/>
      <c r="AE1629" s="119"/>
      <c r="AF1629" s="119"/>
      <c r="AG1629" s="119"/>
      <c r="AH1629" s="119"/>
      <c r="AI1629" s="119"/>
      <c r="AJ1629" s="119"/>
      <c r="AK1629" s="119"/>
      <c r="AL1629" s="119"/>
      <c r="AM1629" s="119"/>
      <c r="AN1629" s="119"/>
      <c r="AO1629" s="119"/>
      <c r="AP1629" s="119"/>
      <c r="AQ1629" s="119"/>
      <c r="AR1629" s="119"/>
      <c r="AS1629" s="119"/>
      <c r="AT1629" s="119"/>
      <c r="AU1629" s="119"/>
      <c r="AV1629" s="119"/>
      <c r="AW1629" s="119"/>
      <c r="AX1629" s="119"/>
      <c r="AY1629" s="119"/>
      <c r="AZ1629" s="119"/>
      <c r="BA1629" s="119"/>
      <c r="BB1629" s="107">
        <v>45884</v>
      </c>
    </row>
    <row r="1630" spans="1:54" s="207" customFormat="1" ht="13.95" customHeight="1" x14ac:dyDescent="0.25">
      <c r="A1630" s="208" t="s">
        <v>3933</v>
      </c>
      <c r="B1630" s="209" t="s">
        <v>20420</v>
      </c>
      <c r="C1630" s="113" t="s">
        <v>3934</v>
      </c>
      <c r="D1630" s="113" t="s">
        <v>23390</v>
      </c>
      <c r="E1630" s="210">
        <v>1989</v>
      </c>
      <c r="F1630" s="210">
        <v>1950</v>
      </c>
      <c r="G1630" s="113" t="s">
        <v>1</v>
      </c>
      <c r="H1630" s="113">
        <v>0</v>
      </c>
      <c r="I1630" s="113">
        <v>0</v>
      </c>
      <c r="J1630" s="115">
        <v>1</v>
      </c>
      <c r="K1630" s="116" t="s">
        <v>174</v>
      </c>
      <c r="L1630" s="115">
        <v>1</v>
      </c>
      <c r="M1630" s="115">
        <v>1</v>
      </c>
      <c r="N1630" s="115">
        <v>0</v>
      </c>
      <c r="O1630" s="115">
        <v>1</v>
      </c>
      <c r="P1630" s="115" t="s">
        <v>400</v>
      </c>
      <c r="Q1630" s="115" t="s">
        <v>400</v>
      </c>
      <c r="R1630" s="115">
        <v>0</v>
      </c>
      <c r="S1630" s="115">
        <v>0</v>
      </c>
      <c r="T1630" s="115">
        <v>0</v>
      </c>
      <c r="U1630" s="119"/>
      <c r="V1630" s="119"/>
      <c r="W1630" s="119"/>
      <c r="X1630" s="119"/>
      <c r="Y1630" s="119"/>
      <c r="Z1630" s="119"/>
      <c r="AA1630" s="119"/>
      <c r="AB1630" s="119"/>
      <c r="AC1630" s="119"/>
      <c r="AD1630" s="119"/>
      <c r="AE1630" s="119"/>
      <c r="AF1630" s="119"/>
      <c r="AG1630" s="119"/>
      <c r="AH1630" s="119"/>
      <c r="AI1630" s="119"/>
      <c r="AJ1630" s="119"/>
      <c r="AK1630" s="119"/>
      <c r="AL1630" s="119"/>
      <c r="AM1630" s="119"/>
      <c r="AN1630" s="119"/>
      <c r="AO1630" s="119"/>
      <c r="AP1630" s="119"/>
      <c r="AQ1630" s="119"/>
      <c r="AR1630" s="119"/>
      <c r="AS1630" s="119"/>
      <c r="AT1630" s="119"/>
      <c r="AU1630" s="119"/>
      <c r="AV1630" s="119"/>
      <c r="AW1630" s="119"/>
      <c r="AX1630" s="119"/>
      <c r="AY1630" s="119"/>
      <c r="AZ1630" s="119"/>
      <c r="BA1630" s="119"/>
      <c r="BB1630" s="107">
        <v>45884</v>
      </c>
    </row>
    <row r="1631" spans="1:54" s="207" customFormat="1" ht="13.95" customHeight="1" x14ac:dyDescent="0.25">
      <c r="A1631" s="208" t="s">
        <v>3935</v>
      </c>
      <c r="B1631" s="209" t="s">
        <v>20420</v>
      </c>
      <c r="C1631" s="113" t="s">
        <v>3936</v>
      </c>
      <c r="D1631" s="113" t="s">
        <v>23391</v>
      </c>
      <c r="E1631" s="210">
        <v>1970</v>
      </c>
      <c r="F1631" s="210">
        <v>1950</v>
      </c>
      <c r="G1631" s="113" t="s">
        <v>1</v>
      </c>
      <c r="H1631" s="113">
        <v>0</v>
      </c>
      <c r="I1631" s="113">
        <v>0</v>
      </c>
      <c r="J1631" s="115">
        <v>1</v>
      </c>
      <c r="K1631" s="116" t="s">
        <v>174</v>
      </c>
      <c r="L1631" s="115">
        <v>1</v>
      </c>
      <c r="M1631" s="115">
        <v>0</v>
      </c>
      <c r="N1631" s="115">
        <v>1</v>
      </c>
      <c r="O1631" s="115">
        <v>1</v>
      </c>
      <c r="P1631" s="115">
        <v>1</v>
      </c>
      <c r="Q1631" s="115" t="s">
        <v>400</v>
      </c>
      <c r="R1631" s="115">
        <v>1</v>
      </c>
      <c r="S1631" s="115">
        <v>0</v>
      </c>
      <c r="T1631" s="115">
        <v>0</v>
      </c>
      <c r="U1631" s="119"/>
      <c r="V1631" s="119"/>
      <c r="W1631" s="119"/>
      <c r="X1631" s="119"/>
      <c r="Y1631" s="119"/>
      <c r="Z1631" s="119"/>
      <c r="AA1631" s="119"/>
      <c r="AB1631" s="119"/>
      <c r="AC1631" s="119"/>
      <c r="AD1631" s="119"/>
      <c r="AE1631" s="119"/>
      <c r="AF1631" s="119"/>
      <c r="AG1631" s="119"/>
      <c r="AH1631" s="119"/>
      <c r="AI1631" s="119"/>
      <c r="AJ1631" s="119"/>
      <c r="AK1631" s="119"/>
      <c r="AL1631" s="119"/>
      <c r="AM1631" s="119"/>
      <c r="AN1631" s="119"/>
      <c r="AO1631" s="119"/>
      <c r="AP1631" s="119"/>
      <c r="AQ1631" s="119"/>
      <c r="AR1631" s="119"/>
      <c r="AS1631" s="119"/>
      <c r="AT1631" s="119"/>
      <c r="AU1631" s="119"/>
      <c r="AV1631" s="119"/>
      <c r="AW1631" s="119"/>
      <c r="AX1631" s="119"/>
      <c r="AY1631" s="119"/>
      <c r="AZ1631" s="119"/>
      <c r="BA1631" s="119"/>
      <c r="BB1631" s="107">
        <v>45884</v>
      </c>
    </row>
    <row r="1632" spans="1:54" s="207" customFormat="1" ht="13.95" customHeight="1" x14ac:dyDescent="0.25">
      <c r="A1632" s="208" t="s">
        <v>3937</v>
      </c>
      <c r="B1632" s="209" t="s">
        <v>20420</v>
      </c>
      <c r="C1632" s="113" t="s">
        <v>3938</v>
      </c>
      <c r="D1632" s="113" t="s">
        <v>23392</v>
      </c>
      <c r="E1632" s="210">
        <v>1994</v>
      </c>
      <c r="F1632" s="210">
        <v>1950</v>
      </c>
      <c r="G1632" s="113" t="s">
        <v>1</v>
      </c>
      <c r="H1632" s="113">
        <v>0</v>
      </c>
      <c r="I1632" s="113">
        <v>0</v>
      </c>
      <c r="J1632" s="115">
        <v>1</v>
      </c>
      <c r="K1632" s="211">
        <v>1</v>
      </c>
      <c r="L1632" s="115">
        <v>0</v>
      </c>
      <c r="M1632" s="115">
        <v>0</v>
      </c>
      <c r="N1632" s="115">
        <v>1</v>
      </c>
      <c r="O1632" s="115">
        <v>0</v>
      </c>
      <c r="P1632" s="115">
        <v>1</v>
      </c>
      <c r="Q1632" s="115" t="s">
        <v>400</v>
      </c>
      <c r="R1632" s="115">
        <v>1</v>
      </c>
      <c r="S1632" s="115">
        <v>0</v>
      </c>
      <c r="T1632" s="115">
        <v>0</v>
      </c>
      <c r="U1632" s="119"/>
      <c r="V1632" s="119"/>
      <c r="W1632" s="119"/>
      <c r="X1632" s="119"/>
      <c r="Y1632" s="119"/>
      <c r="Z1632" s="119"/>
      <c r="AA1632" s="119"/>
      <c r="AB1632" s="119"/>
      <c r="AC1632" s="119"/>
      <c r="AD1632" s="119"/>
      <c r="AE1632" s="119"/>
      <c r="AF1632" s="119"/>
      <c r="AG1632" s="119"/>
      <c r="AH1632" s="119"/>
      <c r="AI1632" s="119"/>
      <c r="AJ1632" s="119"/>
      <c r="AK1632" s="119"/>
      <c r="AL1632" s="119"/>
      <c r="AM1632" s="119"/>
      <c r="AN1632" s="119"/>
      <c r="AO1632" s="119"/>
      <c r="AP1632" s="119"/>
      <c r="AQ1632" s="119"/>
      <c r="AR1632" s="119"/>
      <c r="AS1632" s="119"/>
      <c r="AT1632" s="119"/>
      <c r="AU1632" s="119"/>
      <c r="AV1632" s="119"/>
      <c r="AW1632" s="119"/>
      <c r="AX1632" s="119"/>
      <c r="AY1632" s="119"/>
      <c r="AZ1632" s="119"/>
      <c r="BA1632" s="119"/>
      <c r="BB1632" s="107">
        <v>45884</v>
      </c>
    </row>
    <row r="1633" spans="1:54" s="207" customFormat="1" ht="13.95" customHeight="1" x14ac:dyDescent="0.25">
      <c r="A1633" s="208" t="s">
        <v>3939</v>
      </c>
      <c r="B1633" s="209" t="s">
        <v>20420</v>
      </c>
      <c r="C1633" s="113" t="s">
        <v>3940</v>
      </c>
      <c r="D1633" s="113" t="s">
        <v>3941</v>
      </c>
      <c r="E1633" s="210">
        <v>1985</v>
      </c>
      <c r="F1633" s="210">
        <v>1959</v>
      </c>
      <c r="G1633" s="113" t="s">
        <v>1</v>
      </c>
      <c r="H1633" s="113">
        <v>0</v>
      </c>
      <c r="I1633" s="113">
        <v>0</v>
      </c>
      <c r="J1633" s="115">
        <v>1</v>
      </c>
      <c r="K1633" s="116" t="s">
        <v>174</v>
      </c>
      <c r="L1633" s="115">
        <v>1</v>
      </c>
      <c r="M1633" s="115">
        <v>0</v>
      </c>
      <c r="N1633" s="115">
        <v>0</v>
      </c>
      <c r="O1633" s="115">
        <v>1</v>
      </c>
      <c r="P1633" s="115">
        <v>1</v>
      </c>
      <c r="Q1633" s="115" t="s">
        <v>400</v>
      </c>
      <c r="R1633" s="115">
        <v>0</v>
      </c>
      <c r="S1633" s="115">
        <v>0</v>
      </c>
      <c r="T1633" s="115">
        <v>0</v>
      </c>
      <c r="U1633" s="119"/>
      <c r="V1633" s="119"/>
      <c r="W1633" s="119"/>
      <c r="X1633" s="119"/>
      <c r="Y1633" s="119"/>
      <c r="Z1633" s="119"/>
      <c r="AA1633" s="119"/>
      <c r="AB1633" s="119"/>
      <c r="AC1633" s="119"/>
      <c r="AD1633" s="119"/>
      <c r="AE1633" s="119"/>
      <c r="AF1633" s="119"/>
      <c r="AG1633" s="119"/>
      <c r="AH1633" s="119"/>
      <c r="AI1633" s="119"/>
      <c r="AJ1633" s="119"/>
      <c r="AK1633" s="119"/>
      <c r="AL1633" s="119"/>
      <c r="AM1633" s="119"/>
      <c r="AN1633" s="119"/>
      <c r="AO1633" s="119"/>
      <c r="AP1633" s="119"/>
      <c r="AQ1633" s="119"/>
      <c r="AR1633" s="119"/>
      <c r="AS1633" s="119"/>
      <c r="AT1633" s="119"/>
      <c r="AU1633" s="119"/>
      <c r="AV1633" s="119"/>
      <c r="AW1633" s="119"/>
      <c r="AX1633" s="119"/>
      <c r="AY1633" s="119"/>
      <c r="AZ1633" s="119"/>
      <c r="BA1633" s="119"/>
      <c r="BB1633" s="107">
        <v>45884</v>
      </c>
    </row>
    <row r="1634" spans="1:54" s="207" customFormat="1" ht="13.95" customHeight="1" x14ac:dyDescent="0.25">
      <c r="A1634" s="208" t="s">
        <v>3942</v>
      </c>
      <c r="B1634" s="209" t="s">
        <v>20420</v>
      </c>
      <c r="C1634" s="113" t="s">
        <v>3943</v>
      </c>
      <c r="D1634" s="113" t="s">
        <v>23393</v>
      </c>
      <c r="E1634" s="210">
        <v>1942</v>
      </c>
      <c r="F1634" s="210">
        <v>1962</v>
      </c>
      <c r="G1634" s="113" t="s">
        <v>1</v>
      </c>
      <c r="H1634" s="113">
        <v>0</v>
      </c>
      <c r="I1634" s="113">
        <v>0</v>
      </c>
      <c r="J1634" s="115">
        <v>1</v>
      </c>
      <c r="K1634" s="116" t="s">
        <v>174</v>
      </c>
      <c r="L1634" s="115">
        <v>1</v>
      </c>
      <c r="M1634" s="115">
        <v>0</v>
      </c>
      <c r="N1634" s="115">
        <v>0</v>
      </c>
      <c r="O1634" s="115">
        <v>1</v>
      </c>
      <c r="P1634" s="115">
        <v>1</v>
      </c>
      <c r="Q1634" s="115">
        <v>1</v>
      </c>
      <c r="R1634" s="115">
        <v>0</v>
      </c>
      <c r="S1634" s="115">
        <v>0</v>
      </c>
      <c r="T1634" s="115">
        <v>0</v>
      </c>
      <c r="U1634" s="119"/>
      <c r="V1634" s="119"/>
      <c r="W1634" s="119"/>
      <c r="X1634" s="119"/>
      <c r="Y1634" s="119"/>
      <c r="Z1634" s="119"/>
      <c r="AA1634" s="119"/>
      <c r="AB1634" s="119"/>
      <c r="AC1634" s="119"/>
      <c r="AD1634" s="119"/>
      <c r="AE1634" s="119"/>
      <c r="AF1634" s="119"/>
      <c r="AG1634" s="119"/>
      <c r="AH1634" s="119"/>
      <c r="AI1634" s="119"/>
      <c r="AJ1634" s="119"/>
      <c r="AK1634" s="119"/>
      <c r="AL1634" s="119"/>
      <c r="AM1634" s="119"/>
      <c r="AN1634" s="119"/>
      <c r="AO1634" s="119"/>
      <c r="AP1634" s="119"/>
      <c r="AQ1634" s="119"/>
      <c r="AR1634" s="119"/>
      <c r="AS1634" s="119"/>
      <c r="AT1634" s="119"/>
      <c r="AU1634" s="119"/>
      <c r="AV1634" s="119"/>
      <c r="AW1634" s="119"/>
      <c r="AX1634" s="119"/>
      <c r="AY1634" s="119"/>
      <c r="AZ1634" s="119"/>
      <c r="BA1634" s="119"/>
      <c r="BB1634" s="107">
        <v>45884</v>
      </c>
    </row>
    <row r="1635" spans="1:54" s="207" customFormat="1" ht="13.95" customHeight="1" x14ac:dyDescent="0.25">
      <c r="A1635" s="208" t="s">
        <v>3944</v>
      </c>
      <c r="B1635" s="209" t="s">
        <v>20420</v>
      </c>
      <c r="C1635" s="113" t="s">
        <v>3945</v>
      </c>
      <c r="D1635" s="113" t="s">
        <v>23394</v>
      </c>
      <c r="E1635" s="210">
        <v>1990</v>
      </c>
      <c r="F1635" s="210">
        <v>1962</v>
      </c>
      <c r="G1635" s="113" t="s">
        <v>1</v>
      </c>
      <c r="H1635" s="113">
        <v>0</v>
      </c>
      <c r="I1635" s="113">
        <v>0</v>
      </c>
      <c r="J1635" s="115">
        <v>1</v>
      </c>
      <c r="K1635" s="116" t="s">
        <v>174</v>
      </c>
      <c r="L1635" s="115">
        <v>1</v>
      </c>
      <c r="M1635" s="115">
        <v>0</v>
      </c>
      <c r="N1635" s="115">
        <v>0</v>
      </c>
      <c r="O1635" s="115">
        <v>1</v>
      </c>
      <c r="P1635" s="115">
        <v>1</v>
      </c>
      <c r="Q1635" s="115" t="s">
        <v>400</v>
      </c>
      <c r="R1635" s="115">
        <v>0</v>
      </c>
      <c r="S1635" s="115">
        <v>0</v>
      </c>
      <c r="T1635" s="115">
        <v>0</v>
      </c>
      <c r="U1635" s="119"/>
      <c r="V1635" s="119"/>
      <c r="W1635" s="119"/>
      <c r="X1635" s="119"/>
      <c r="Y1635" s="119"/>
      <c r="Z1635" s="119"/>
      <c r="AA1635" s="119"/>
      <c r="AB1635" s="119"/>
      <c r="AC1635" s="119"/>
      <c r="AD1635" s="119"/>
      <c r="AE1635" s="119"/>
      <c r="AF1635" s="119"/>
      <c r="AG1635" s="119"/>
      <c r="AH1635" s="119"/>
      <c r="AI1635" s="119"/>
      <c r="AJ1635" s="119"/>
      <c r="AK1635" s="119"/>
      <c r="AL1635" s="119"/>
      <c r="AM1635" s="119"/>
      <c r="AN1635" s="119"/>
      <c r="AO1635" s="119"/>
      <c r="AP1635" s="119"/>
      <c r="AQ1635" s="119"/>
      <c r="AR1635" s="119"/>
      <c r="AS1635" s="119"/>
      <c r="AT1635" s="119"/>
      <c r="AU1635" s="119"/>
      <c r="AV1635" s="119"/>
      <c r="AW1635" s="119"/>
      <c r="AX1635" s="119"/>
      <c r="AY1635" s="119"/>
      <c r="AZ1635" s="119"/>
      <c r="BA1635" s="119"/>
      <c r="BB1635" s="107">
        <v>45884</v>
      </c>
    </row>
    <row r="1636" spans="1:54" s="207" customFormat="1" ht="13.95" customHeight="1" x14ac:dyDescent="0.25">
      <c r="A1636" s="208" t="s">
        <v>3946</v>
      </c>
      <c r="B1636" s="209" t="s">
        <v>20420</v>
      </c>
      <c r="C1636" s="113" t="s">
        <v>3947</v>
      </c>
      <c r="D1636" s="113" t="s">
        <v>23395</v>
      </c>
      <c r="E1636" s="210">
        <v>1953</v>
      </c>
      <c r="F1636" s="210">
        <v>1968</v>
      </c>
      <c r="G1636" s="113" t="s">
        <v>1</v>
      </c>
      <c r="H1636" s="113">
        <v>0</v>
      </c>
      <c r="I1636" s="113">
        <v>0</v>
      </c>
      <c r="J1636" s="115">
        <v>1</v>
      </c>
      <c r="K1636" s="116" t="s">
        <v>174</v>
      </c>
      <c r="L1636" s="115">
        <v>1</v>
      </c>
      <c r="M1636" s="115">
        <v>1</v>
      </c>
      <c r="N1636" s="115">
        <v>1</v>
      </c>
      <c r="O1636" s="115">
        <v>1</v>
      </c>
      <c r="P1636" s="115" t="s">
        <v>400</v>
      </c>
      <c r="Q1636" s="115" t="s">
        <v>400</v>
      </c>
      <c r="R1636" s="115">
        <v>1</v>
      </c>
      <c r="S1636" s="115">
        <v>0</v>
      </c>
      <c r="T1636" s="115">
        <v>0</v>
      </c>
      <c r="U1636" s="119"/>
      <c r="V1636" s="119"/>
      <c r="W1636" s="119"/>
      <c r="X1636" s="119"/>
      <c r="Y1636" s="119"/>
      <c r="Z1636" s="119"/>
      <c r="AA1636" s="119"/>
      <c r="AB1636" s="119"/>
      <c r="AC1636" s="119"/>
      <c r="AD1636" s="119"/>
      <c r="AE1636" s="119"/>
      <c r="AF1636" s="119"/>
      <c r="AG1636" s="119"/>
      <c r="AH1636" s="119"/>
      <c r="AI1636" s="119"/>
      <c r="AJ1636" s="119"/>
      <c r="AK1636" s="119"/>
      <c r="AL1636" s="119"/>
      <c r="AM1636" s="119"/>
      <c r="AN1636" s="119"/>
      <c r="AO1636" s="119"/>
      <c r="AP1636" s="119"/>
      <c r="AQ1636" s="119"/>
      <c r="AR1636" s="119"/>
      <c r="AS1636" s="119"/>
      <c r="AT1636" s="119"/>
      <c r="AU1636" s="119"/>
      <c r="AV1636" s="119"/>
      <c r="AW1636" s="119"/>
      <c r="AX1636" s="119"/>
      <c r="AY1636" s="119"/>
      <c r="AZ1636" s="119"/>
      <c r="BA1636" s="119"/>
      <c r="BB1636" s="107">
        <v>45884</v>
      </c>
    </row>
    <row r="1637" spans="1:54" s="207" customFormat="1" ht="13.95" customHeight="1" x14ac:dyDescent="0.25">
      <c r="A1637" s="208" t="s">
        <v>3948</v>
      </c>
      <c r="B1637" s="209" t="s">
        <v>20420</v>
      </c>
      <c r="C1637" s="113" t="s">
        <v>3949</v>
      </c>
      <c r="D1637" s="113" t="s">
        <v>3950</v>
      </c>
      <c r="E1637" s="210">
        <v>1972</v>
      </c>
      <c r="F1637" s="210">
        <v>1973</v>
      </c>
      <c r="G1637" s="113" t="s">
        <v>1</v>
      </c>
      <c r="H1637" s="113">
        <v>0</v>
      </c>
      <c r="I1637" s="113">
        <v>0</v>
      </c>
      <c r="J1637" s="115">
        <v>1</v>
      </c>
      <c r="K1637" s="116" t="s">
        <v>174</v>
      </c>
      <c r="L1637" s="115">
        <v>1</v>
      </c>
      <c r="M1637" s="115">
        <v>0</v>
      </c>
      <c r="N1637" s="115">
        <v>0</v>
      </c>
      <c r="O1637" s="115">
        <v>1</v>
      </c>
      <c r="P1637" s="115">
        <v>1</v>
      </c>
      <c r="Q1637" s="115" t="s">
        <v>400</v>
      </c>
      <c r="R1637" s="115">
        <v>1</v>
      </c>
      <c r="S1637" s="115">
        <v>0</v>
      </c>
      <c r="T1637" s="115">
        <v>0</v>
      </c>
      <c r="U1637" s="119"/>
      <c r="V1637" s="119"/>
      <c r="W1637" s="119"/>
      <c r="X1637" s="119"/>
      <c r="Y1637" s="119"/>
      <c r="Z1637" s="119"/>
      <c r="AA1637" s="119"/>
      <c r="AB1637" s="119"/>
      <c r="AC1637" s="119"/>
      <c r="AD1637" s="119"/>
      <c r="AE1637" s="119"/>
      <c r="AF1637" s="119"/>
      <c r="AG1637" s="119"/>
      <c r="AH1637" s="119"/>
      <c r="AI1637" s="119"/>
      <c r="AJ1637" s="119"/>
      <c r="AK1637" s="119"/>
      <c r="AL1637" s="119"/>
      <c r="AM1637" s="119"/>
      <c r="AN1637" s="119"/>
      <c r="AO1637" s="119"/>
      <c r="AP1637" s="119"/>
      <c r="AQ1637" s="119"/>
      <c r="AR1637" s="119"/>
      <c r="AS1637" s="119"/>
      <c r="AT1637" s="119"/>
      <c r="AU1637" s="119"/>
      <c r="AV1637" s="119"/>
      <c r="AW1637" s="119"/>
      <c r="AX1637" s="119"/>
      <c r="AY1637" s="119"/>
      <c r="AZ1637" s="119"/>
      <c r="BA1637" s="119"/>
      <c r="BB1637" s="107">
        <v>45884</v>
      </c>
    </row>
    <row r="1638" spans="1:54" s="207" customFormat="1" ht="13.95" customHeight="1" x14ac:dyDescent="0.25">
      <c r="A1638" s="208" t="s">
        <v>3951</v>
      </c>
      <c r="B1638" s="209" t="s">
        <v>20420</v>
      </c>
      <c r="C1638" s="113" t="s">
        <v>3952</v>
      </c>
      <c r="D1638" s="113" t="s">
        <v>23396</v>
      </c>
      <c r="E1638" s="210">
        <v>1985</v>
      </c>
      <c r="F1638" s="210">
        <v>1974</v>
      </c>
      <c r="G1638" s="113" t="s">
        <v>1</v>
      </c>
      <c r="H1638" s="113">
        <v>0</v>
      </c>
      <c r="I1638" s="113">
        <v>0</v>
      </c>
      <c r="J1638" s="115">
        <v>1</v>
      </c>
      <c r="K1638" s="116" t="s">
        <v>174</v>
      </c>
      <c r="L1638" s="115">
        <v>1</v>
      </c>
      <c r="M1638" s="115">
        <v>1</v>
      </c>
      <c r="N1638" s="115">
        <v>0</v>
      </c>
      <c r="O1638" s="115">
        <v>0</v>
      </c>
      <c r="P1638" s="115" t="s">
        <v>400</v>
      </c>
      <c r="Q1638" s="115" t="s">
        <v>400</v>
      </c>
      <c r="R1638" s="115">
        <v>0</v>
      </c>
      <c r="S1638" s="115">
        <v>0</v>
      </c>
      <c r="T1638" s="115">
        <v>0</v>
      </c>
      <c r="U1638" s="119"/>
      <c r="V1638" s="119"/>
      <c r="W1638" s="119"/>
      <c r="X1638" s="119"/>
      <c r="Y1638" s="119"/>
      <c r="Z1638" s="119"/>
      <c r="AA1638" s="119"/>
      <c r="AB1638" s="119"/>
      <c r="AC1638" s="119"/>
      <c r="AD1638" s="119"/>
      <c r="AE1638" s="119"/>
      <c r="AF1638" s="119"/>
      <c r="AG1638" s="119"/>
      <c r="AH1638" s="119"/>
      <c r="AI1638" s="119"/>
      <c r="AJ1638" s="119"/>
      <c r="AK1638" s="119"/>
      <c r="AL1638" s="119"/>
      <c r="AM1638" s="119"/>
      <c r="AN1638" s="119"/>
      <c r="AO1638" s="119"/>
      <c r="AP1638" s="119"/>
      <c r="AQ1638" s="119"/>
      <c r="AR1638" s="119"/>
      <c r="AS1638" s="119"/>
      <c r="AT1638" s="119"/>
      <c r="AU1638" s="119"/>
      <c r="AV1638" s="119"/>
      <c r="AW1638" s="119"/>
      <c r="AX1638" s="119"/>
      <c r="AY1638" s="119"/>
      <c r="AZ1638" s="119"/>
      <c r="BA1638" s="119"/>
      <c r="BB1638" s="107">
        <v>45884</v>
      </c>
    </row>
    <row r="1639" spans="1:54" s="207" customFormat="1" ht="13.95" customHeight="1" x14ac:dyDescent="0.25">
      <c r="A1639" s="208" t="s">
        <v>3953</v>
      </c>
      <c r="B1639" s="209" t="s">
        <v>20420</v>
      </c>
      <c r="C1639" s="113" t="s">
        <v>3954</v>
      </c>
      <c r="D1639" s="113" t="s">
        <v>23397</v>
      </c>
      <c r="E1639" s="210">
        <v>1989</v>
      </c>
      <c r="F1639" s="210">
        <v>1980</v>
      </c>
      <c r="G1639" s="113" t="s">
        <v>1</v>
      </c>
      <c r="H1639" s="113">
        <v>0</v>
      </c>
      <c r="I1639" s="113">
        <v>0</v>
      </c>
      <c r="J1639" s="115">
        <v>1</v>
      </c>
      <c r="K1639" s="116" t="s">
        <v>174</v>
      </c>
      <c r="L1639" s="115">
        <v>1</v>
      </c>
      <c r="M1639" s="115">
        <v>0</v>
      </c>
      <c r="N1639" s="115">
        <v>0</v>
      </c>
      <c r="O1639" s="115">
        <v>1</v>
      </c>
      <c r="P1639" s="115">
        <v>1</v>
      </c>
      <c r="Q1639" s="115" t="s">
        <v>400</v>
      </c>
      <c r="R1639" s="115">
        <v>1</v>
      </c>
      <c r="S1639" s="115">
        <v>0</v>
      </c>
      <c r="T1639" s="115">
        <v>0</v>
      </c>
      <c r="U1639" s="119"/>
      <c r="V1639" s="119"/>
      <c r="W1639" s="119"/>
      <c r="X1639" s="119"/>
      <c r="Y1639" s="119"/>
      <c r="Z1639" s="119"/>
      <c r="AA1639" s="119"/>
      <c r="AB1639" s="119"/>
      <c r="AC1639" s="119"/>
      <c r="AD1639" s="119"/>
      <c r="AE1639" s="119"/>
      <c r="AF1639" s="119"/>
      <c r="AG1639" s="119"/>
      <c r="AH1639" s="119"/>
      <c r="AI1639" s="119"/>
      <c r="AJ1639" s="119"/>
      <c r="AK1639" s="119"/>
      <c r="AL1639" s="119"/>
      <c r="AM1639" s="119"/>
      <c r="AN1639" s="119"/>
      <c r="AO1639" s="119"/>
      <c r="AP1639" s="119"/>
      <c r="AQ1639" s="119"/>
      <c r="AR1639" s="119"/>
      <c r="AS1639" s="119"/>
      <c r="AT1639" s="119"/>
      <c r="AU1639" s="119"/>
      <c r="AV1639" s="119"/>
      <c r="AW1639" s="119"/>
      <c r="AX1639" s="119"/>
      <c r="AY1639" s="119"/>
      <c r="AZ1639" s="119"/>
      <c r="BA1639" s="119"/>
      <c r="BB1639" s="107">
        <v>45884</v>
      </c>
    </row>
    <row r="1640" spans="1:54" s="207" customFormat="1" ht="13.95" customHeight="1" x14ac:dyDescent="0.25">
      <c r="A1640" s="208" t="s">
        <v>3955</v>
      </c>
      <c r="B1640" s="209" t="s">
        <v>20420</v>
      </c>
      <c r="C1640" s="113" t="s">
        <v>3956</v>
      </c>
      <c r="D1640" s="113" t="s">
        <v>23398</v>
      </c>
      <c r="E1640" s="210">
        <v>1996</v>
      </c>
      <c r="F1640" s="210">
        <v>1981</v>
      </c>
      <c r="G1640" s="113" t="s">
        <v>1</v>
      </c>
      <c r="H1640" s="113">
        <v>0</v>
      </c>
      <c r="I1640" s="113">
        <v>0</v>
      </c>
      <c r="J1640" s="115">
        <v>1</v>
      </c>
      <c r="K1640" s="116" t="s">
        <v>174</v>
      </c>
      <c r="L1640" s="115">
        <v>1</v>
      </c>
      <c r="M1640" s="115">
        <v>0</v>
      </c>
      <c r="N1640" s="115">
        <v>0</v>
      </c>
      <c r="O1640" s="115">
        <v>1</v>
      </c>
      <c r="P1640" s="115">
        <v>1</v>
      </c>
      <c r="Q1640" s="115" t="s">
        <v>400</v>
      </c>
      <c r="R1640" s="115">
        <v>0</v>
      </c>
      <c r="S1640" s="115">
        <v>0</v>
      </c>
      <c r="T1640" s="115">
        <v>0</v>
      </c>
      <c r="U1640" s="119"/>
      <c r="V1640" s="119"/>
      <c r="W1640" s="119"/>
      <c r="X1640" s="119"/>
      <c r="Y1640" s="119"/>
      <c r="Z1640" s="119"/>
      <c r="AA1640" s="119"/>
      <c r="AB1640" s="119"/>
      <c r="AC1640" s="119"/>
      <c r="AD1640" s="119"/>
      <c r="AE1640" s="119"/>
      <c r="AF1640" s="119"/>
      <c r="AG1640" s="119"/>
      <c r="AH1640" s="119"/>
      <c r="AI1640" s="119"/>
      <c r="AJ1640" s="119"/>
      <c r="AK1640" s="119"/>
      <c r="AL1640" s="119"/>
      <c r="AM1640" s="119"/>
      <c r="AN1640" s="119"/>
      <c r="AO1640" s="119"/>
      <c r="AP1640" s="119"/>
      <c r="AQ1640" s="119"/>
      <c r="AR1640" s="119"/>
      <c r="AS1640" s="119"/>
      <c r="AT1640" s="119"/>
      <c r="AU1640" s="119"/>
      <c r="AV1640" s="119"/>
      <c r="AW1640" s="119"/>
      <c r="AX1640" s="119"/>
      <c r="AY1640" s="119"/>
      <c r="AZ1640" s="119"/>
      <c r="BA1640" s="119"/>
      <c r="BB1640" s="107">
        <v>45884</v>
      </c>
    </row>
    <row r="1641" spans="1:54" s="207" customFormat="1" ht="13.95" customHeight="1" x14ac:dyDescent="0.25">
      <c r="A1641" s="208" t="s">
        <v>3957</v>
      </c>
      <c r="B1641" s="209" t="s">
        <v>20420</v>
      </c>
      <c r="C1641" s="113" t="s">
        <v>3958</v>
      </c>
      <c r="D1641" s="113" t="s">
        <v>23399</v>
      </c>
      <c r="E1641" s="210">
        <v>2007</v>
      </c>
      <c r="F1641" s="210">
        <v>1981</v>
      </c>
      <c r="G1641" s="113" t="s">
        <v>8</v>
      </c>
      <c r="H1641" s="113">
        <v>0</v>
      </c>
      <c r="I1641" s="113">
        <v>0</v>
      </c>
      <c r="J1641" s="115">
        <v>0</v>
      </c>
      <c r="K1641" s="116" t="s">
        <v>174</v>
      </c>
      <c r="L1641" s="115">
        <v>0</v>
      </c>
      <c r="M1641" s="115">
        <v>0</v>
      </c>
      <c r="N1641" s="115">
        <v>0</v>
      </c>
      <c r="O1641" s="115">
        <v>0</v>
      </c>
      <c r="P1641" s="115" t="s">
        <v>400</v>
      </c>
      <c r="Q1641" s="115" t="s">
        <v>400</v>
      </c>
      <c r="R1641" s="115">
        <v>0</v>
      </c>
      <c r="S1641" s="115">
        <v>0</v>
      </c>
      <c r="T1641" s="115">
        <v>0</v>
      </c>
      <c r="U1641" s="113" t="s">
        <v>174</v>
      </c>
      <c r="V1641" s="113" t="s">
        <v>174</v>
      </c>
      <c r="W1641" s="113" t="s">
        <v>174</v>
      </c>
      <c r="X1641" s="113" t="s">
        <v>174</v>
      </c>
      <c r="Y1641" s="113" t="s">
        <v>174</v>
      </c>
      <c r="Z1641" s="113" t="s">
        <v>174</v>
      </c>
      <c r="AA1641" s="113" t="s">
        <v>174</v>
      </c>
      <c r="AB1641" s="113" t="s">
        <v>174</v>
      </c>
      <c r="AC1641" s="113" t="s">
        <v>174</v>
      </c>
      <c r="AD1641" s="113" t="s">
        <v>174</v>
      </c>
      <c r="AE1641" s="113" t="s">
        <v>174</v>
      </c>
      <c r="AF1641" s="113" t="s">
        <v>174</v>
      </c>
      <c r="AG1641" s="113" t="s">
        <v>174</v>
      </c>
      <c r="AH1641" s="113" t="s">
        <v>174</v>
      </c>
      <c r="AI1641" s="113" t="s">
        <v>174</v>
      </c>
      <c r="AJ1641" s="113" t="s">
        <v>174</v>
      </c>
      <c r="AK1641" s="113" t="s">
        <v>174</v>
      </c>
      <c r="AL1641" s="113" t="s">
        <v>174</v>
      </c>
      <c r="AM1641" s="113" t="s">
        <v>174</v>
      </c>
      <c r="AN1641" s="113" t="s">
        <v>174</v>
      </c>
      <c r="AO1641" s="113" t="s">
        <v>174</v>
      </c>
      <c r="AP1641" s="113" t="s">
        <v>174</v>
      </c>
      <c r="AQ1641" s="113" t="s">
        <v>174</v>
      </c>
      <c r="AR1641" s="113" t="s">
        <v>174</v>
      </c>
      <c r="AS1641" s="113" t="s">
        <v>174</v>
      </c>
      <c r="AT1641" s="121" t="s">
        <v>174</v>
      </c>
      <c r="AU1641" s="113" t="s">
        <v>174</v>
      </c>
      <c r="AV1641" s="113" t="s">
        <v>174</v>
      </c>
      <c r="AW1641" s="113" t="s">
        <v>174</v>
      </c>
      <c r="AX1641" s="113"/>
      <c r="AY1641" s="113"/>
      <c r="AZ1641" s="113"/>
      <c r="BA1641" s="113"/>
      <c r="BB1641" s="107">
        <v>45884</v>
      </c>
    </row>
    <row r="1642" spans="1:54" s="207" customFormat="1" ht="13.95" customHeight="1" x14ac:dyDescent="0.25">
      <c r="A1642" s="208" t="s">
        <v>3959</v>
      </c>
      <c r="B1642" s="209" t="s">
        <v>20420</v>
      </c>
      <c r="C1642" s="113" t="s">
        <v>3960</v>
      </c>
      <c r="D1642" s="113" t="s">
        <v>23400</v>
      </c>
      <c r="E1642" s="210">
        <v>2001</v>
      </c>
      <c r="F1642" s="210">
        <v>1989</v>
      </c>
      <c r="G1642" s="113" t="s">
        <v>1</v>
      </c>
      <c r="H1642" s="113">
        <v>0</v>
      </c>
      <c r="I1642" s="113">
        <v>0</v>
      </c>
      <c r="J1642" s="115">
        <v>1</v>
      </c>
      <c r="K1642" s="116" t="s">
        <v>174</v>
      </c>
      <c r="L1642" s="115">
        <v>0</v>
      </c>
      <c r="M1642" s="115">
        <v>0</v>
      </c>
      <c r="N1642" s="115">
        <v>0</v>
      </c>
      <c r="O1642" s="115">
        <v>0</v>
      </c>
      <c r="P1642" s="115" t="s">
        <v>400</v>
      </c>
      <c r="Q1642" s="115" t="s">
        <v>400</v>
      </c>
      <c r="R1642" s="115">
        <v>0</v>
      </c>
      <c r="S1642" s="115">
        <v>0</v>
      </c>
      <c r="T1642" s="115">
        <v>0</v>
      </c>
      <c r="U1642" s="119"/>
      <c r="V1642" s="119"/>
      <c r="W1642" s="119"/>
      <c r="X1642" s="119"/>
      <c r="Y1642" s="119"/>
      <c r="Z1642" s="119"/>
      <c r="AA1642" s="119"/>
      <c r="AB1642" s="119"/>
      <c r="AC1642" s="119"/>
      <c r="AD1642" s="119"/>
      <c r="AE1642" s="119"/>
      <c r="AF1642" s="119"/>
      <c r="AG1642" s="119"/>
      <c r="AH1642" s="119"/>
      <c r="AI1642" s="119"/>
      <c r="AJ1642" s="119"/>
      <c r="AK1642" s="119"/>
      <c r="AL1642" s="119"/>
      <c r="AM1642" s="119"/>
      <c r="AN1642" s="119"/>
      <c r="AO1642" s="119"/>
      <c r="AP1642" s="119"/>
      <c r="AQ1642" s="119"/>
      <c r="AR1642" s="119"/>
      <c r="AS1642" s="119"/>
      <c r="AT1642" s="119"/>
      <c r="AU1642" s="119"/>
      <c r="AV1642" s="119"/>
      <c r="AW1642" s="119"/>
      <c r="AX1642" s="119"/>
      <c r="AY1642" s="119"/>
      <c r="AZ1642" s="119"/>
      <c r="BA1642" s="119"/>
      <c r="BB1642" s="107">
        <v>45884</v>
      </c>
    </row>
    <row r="1643" spans="1:54" s="207" customFormat="1" ht="13.95" customHeight="1" x14ac:dyDescent="0.25">
      <c r="A1643" s="208" t="s">
        <v>3961</v>
      </c>
      <c r="B1643" s="209" t="s">
        <v>20420</v>
      </c>
      <c r="C1643" s="113" t="s">
        <v>3962</v>
      </c>
      <c r="D1643" s="113" t="s">
        <v>23401</v>
      </c>
      <c r="E1643" s="210">
        <v>1995</v>
      </c>
      <c r="F1643" s="210">
        <v>1990</v>
      </c>
      <c r="G1643" s="113" t="s">
        <v>1</v>
      </c>
      <c r="H1643" s="113">
        <v>0</v>
      </c>
      <c r="I1643" s="113">
        <v>0</v>
      </c>
      <c r="J1643" s="115">
        <v>1</v>
      </c>
      <c r="K1643" s="116" t="s">
        <v>174</v>
      </c>
      <c r="L1643" s="115">
        <v>1</v>
      </c>
      <c r="M1643" s="115">
        <v>0</v>
      </c>
      <c r="N1643" s="115">
        <v>0</v>
      </c>
      <c r="O1643" s="115">
        <v>1</v>
      </c>
      <c r="P1643" s="115">
        <v>1</v>
      </c>
      <c r="Q1643" s="115" t="s">
        <v>400</v>
      </c>
      <c r="R1643" s="115">
        <v>1</v>
      </c>
      <c r="S1643" s="115">
        <v>0</v>
      </c>
      <c r="T1643" s="115">
        <v>0</v>
      </c>
      <c r="U1643" s="119"/>
      <c r="V1643" s="119"/>
      <c r="W1643" s="119"/>
      <c r="X1643" s="119"/>
      <c r="Y1643" s="119"/>
      <c r="Z1643" s="119"/>
      <c r="AA1643" s="119"/>
      <c r="AB1643" s="119"/>
      <c r="AC1643" s="119"/>
      <c r="AD1643" s="119"/>
      <c r="AE1643" s="119"/>
      <c r="AF1643" s="119"/>
      <c r="AG1643" s="119"/>
      <c r="AH1643" s="119"/>
      <c r="AI1643" s="119"/>
      <c r="AJ1643" s="119"/>
      <c r="AK1643" s="119"/>
      <c r="AL1643" s="119"/>
      <c r="AM1643" s="119"/>
      <c r="AN1643" s="119"/>
      <c r="AO1643" s="119"/>
      <c r="AP1643" s="119"/>
      <c r="AQ1643" s="119"/>
      <c r="AR1643" s="119"/>
      <c r="AS1643" s="119"/>
      <c r="AT1643" s="119"/>
      <c r="AU1643" s="119"/>
      <c r="AV1643" s="119"/>
      <c r="AW1643" s="119"/>
      <c r="AX1643" s="119"/>
      <c r="AY1643" s="119"/>
      <c r="AZ1643" s="119"/>
      <c r="BA1643" s="119"/>
      <c r="BB1643" s="107">
        <v>45884</v>
      </c>
    </row>
    <row r="1644" spans="1:54" s="207" customFormat="1" ht="13.95" customHeight="1" x14ac:dyDescent="0.25">
      <c r="A1644" s="208" t="s">
        <v>3963</v>
      </c>
      <c r="B1644" s="209" t="s">
        <v>20420</v>
      </c>
      <c r="C1644" s="113" t="s">
        <v>3964</v>
      </c>
      <c r="D1644" s="113" t="s">
        <v>23402</v>
      </c>
      <c r="E1644" s="210">
        <v>1976</v>
      </c>
      <c r="F1644" s="210">
        <v>1991</v>
      </c>
      <c r="G1644" s="113" t="s">
        <v>1</v>
      </c>
      <c r="H1644" s="113">
        <v>0</v>
      </c>
      <c r="I1644" s="113">
        <v>0</v>
      </c>
      <c r="J1644" s="115">
        <v>1</v>
      </c>
      <c r="K1644" s="116" t="s">
        <v>174</v>
      </c>
      <c r="L1644" s="115">
        <v>1</v>
      </c>
      <c r="M1644" s="115">
        <v>0</v>
      </c>
      <c r="N1644" s="115">
        <v>0</v>
      </c>
      <c r="O1644" s="115">
        <v>1</v>
      </c>
      <c r="P1644" s="115">
        <v>1</v>
      </c>
      <c r="Q1644" s="115" t="s">
        <v>400</v>
      </c>
      <c r="R1644" s="115">
        <v>1</v>
      </c>
      <c r="S1644" s="115">
        <v>0</v>
      </c>
      <c r="T1644" s="115">
        <v>0</v>
      </c>
      <c r="U1644" s="119"/>
      <c r="V1644" s="119"/>
      <c r="W1644" s="119"/>
      <c r="X1644" s="119"/>
      <c r="Y1644" s="119"/>
      <c r="Z1644" s="119"/>
      <c r="AA1644" s="119"/>
      <c r="AB1644" s="119"/>
      <c r="AC1644" s="119"/>
      <c r="AD1644" s="119"/>
      <c r="AE1644" s="119"/>
      <c r="AF1644" s="119"/>
      <c r="AG1644" s="119"/>
      <c r="AH1644" s="119"/>
      <c r="AI1644" s="119"/>
      <c r="AJ1644" s="119"/>
      <c r="AK1644" s="119"/>
      <c r="AL1644" s="119"/>
      <c r="AM1644" s="119"/>
      <c r="AN1644" s="119"/>
      <c r="AO1644" s="119"/>
      <c r="AP1644" s="119"/>
      <c r="AQ1644" s="119"/>
      <c r="AR1644" s="119"/>
      <c r="AS1644" s="119"/>
      <c r="AT1644" s="119"/>
      <c r="AU1644" s="119"/>
      <c r="AV1644" s="119"/>
      <c r="AW1644" s="119"/>
      <c r="AX1644" s="119"/>
      <c r="AY1644" s="119"/>
      <c r="AZ1644" s="119"/>
      <c r="BA1644" s="119"/>
      <c r="BB1644" s="107">
        <v>45884</v>
      </c>
    </row>
    <row r="1645" spans="1:54" s="207" customFormat="1" ht="13.95" customHeight="1" x14ac:dyDescent="0.25">
      <c r="A1645" s="208" t="s">
        <v>3965</v>
      </c>
      <c r="B1645" s="209" t="s">
        <v>20420</v>
      </c>
      <c r="C1645" s="113" t="s">
        <v>3966</v>
      </c>
      <c r="D1645" s="113" t="s">
        <v>3967</v>
      </c>
      <c r="E1645" s="210">
        <v>1980</v>
      </c>
      <c r="F1645" s="210">
        <v>1995</v>
      </c>
      <c r="G1645" s="113" t="s">
        <v>1</v>
      </c>
      <c r="H1645" s="113">
        <v>0</v>
      </c>
      <c r="I1645" s="113">
        <v>0</v>
      </c>
      <c r="J1645" s="115">
        <v>1</v>
      </c>
      <c r="K1645" s="116" t="s">
        <v>174</v>
      </c>
      <c r="L1645" s="115">
        <v>1</v>
      </c>
      <c r="M1645" s="115">
        <v>1</v>
      </c>
      <c r="N1645" s="115">
        <v>1</v>
      </c>
      <c r="O1645" s="115">
        <v>0</v>
      </c>
      <c r="P1645" s="115" t="s">
        <v>400</v>
      </c>
      <c r="Q1645" s="115" t="s">
        <v>400</v>
      </c>
      <c r="R1645" s="115">
        <v>0</v>
      </c>
      <c r="S1645" s="115">
        <v>0</v>
      </c>
      <c r="T1645" s="115">
        <v>0</v>
      </c>
      <c r="U1645" s="119"/>
      <c r="V1645" s="119"/>
      <c r="W1645" s="119"/>
      <c r="X1645" s="119"/>
      <c r="Y1645" s="119"/>
      <c r="Z1645" s="119"/>
      <c r="AA1645" s="119"/>
      <c r="AB1645" s="119"/>
      <c r="AC1645" s="119"/>
      <c r="AD1645" s="119"/>
      <c r="AE1645" s="119"/>
      <c r="AF1645" s="119"/>
      <c r="AG1645" s="119"/>
      <c r="AH1645" s="119"/>
      <c r="AI1645" s="119"/>
      <c r="AJ1645" s="119"/>
      <c r="AK1645" s="119"/>
      <c r="AL1645" s="119"/>
      <c r="AM1645" s="119"/>
      <c r="AN1645" s="119"/>
      <c r="AO1645" s="119"/>
      <c r="AP1645" s="119"/>
      <c r="AQ1645" s="119"/>
      <c r="AR1645" s="119"/>
      <c r="AS1645" s="119"/>
      <c r="AT1645" s="119"/>
      <c r="AU1645" s="119"/>
      <c r="AV1645" s="119"/>
      <c r="AW1645" s="119"/>
      <c r="AX1645" s="119"/>
      <c r="AY1645" s="119"/>
      <c r="AZ1645" s="119"/>
      <c r="BA1645" s="119"/>
      <c r="BB1645" s="107">
        <v>45884</v>
      </c>
    </row>
    <row r="1646" spans="1:54" s="207" customFormat="1" ht="13.95" customHeight="1" x14ac:dyDescent="0.25">
      <c r="A1646" s="208" t="s">
        <v>3968</v>
      </c>
      <c r="B1646" s="209" t="s">
        <v>20420</v>
      </c>
      <c r="C1646" s="113" t="s">
        <v>3969</v>
      </c>
      <c r="D1646" s="113" t="s">
        <v>3970</v>
      </c>
      <c r="E1646" s="210">
        <v>1978</v>
      </c>
      <c r="F1646" s="210">
        <v>1995</v>
      </c>
      <c r="G1646" s="113" t="s">
        <v>1</v>
      </c>
      <c r="H1646" s="113">
        <v>0</v>
      </c>
      <c r="I1646" s="113">
        <v>0</v>
      </c>
      <c r="J1646" s="115">
        <v>1</v>
      </c>
      <c r="K1646" s="116" t="s">
        <v>174</v>
      </c>
      <c r="L1646" s="115">
        <v>1</v>
      </c>
      <c r="M1646" s="115">
        <v>0</v>
      </c>
      <c r="N1646" s="115">
        <v>0</v>
      </c>
      <c r="O1646" s="115">
        <v>1</v>
      </c>
      <c r="P1646" s="115">
        <v>1</v>
      </c>
      <c r="Q1646" s="115" t="s">
        <v>400</v>
      </c>
      <c r="R1646" s="115">
        <v>1</v>
      </c>
      <c r="S1646" s="115">
        <v>0</v>
      </c>
      <c r="T1646" s="115">
        <v>0</v>
      </c>
      <c r="U1646" s="119"/>
      <c r="V1646" s="119"/>
      <c r="W1646" s="119"/>
      <c r="X1646" s="119"/>
      <c r="Y1646" s="119"/>
      <c r="Z1646" s="119"/>
      <c r="AA1646" s="119"/>
      <c r="AB1646" s="119"/>
      <c r="AC1646" s="119"/>
      <c r="AD1646" s="119"/>
      <c r="AE1646" s="119"/>
      <c r="AF1646" s="119"/>
      <c r="AG1646" s="119"/>
      <c r="AH1646" s="119"/>
      <c r="AI1646" s="119"/>
      <c r="AJ1646" s="119"/>
      <c r="AK1646" s="119"/>
      <c r="AL1646" s="119"/>
      <c r="AM1646" s="119"/>
      <c r="AN1646" s="119"/>
      <c r="AO1646" s="119"/>
      <c r="AP1646" s="119"/>
      <c r="AQ1646" s="119"/>
      <c r="AR1646" s="119"/>
      <c r="AS1646" s="119"/>
      <c r="AT1646" s="119"/>
      <c r="AU1646" s="119"/>
      <c r="AV1646" s="119"/>
      <c r="AW1646" s="119"/>
      <c r="AX1646" s="119"/>
      <c r="AY1646" s="119"/>
      <c r="AZ1646" s="119"/>
      <c r="BA1646" s="119"/>
      <c r="BB1646" s="107">
        <v>45884</v>
      </c>
    </row>
    <row r="1647" spans="1:54" s="207" customFormat="1" ht="13.95" customHeight="1" x14ac:dyDescent="0.25">
      <c r="A1647" s="208" t="s">
        <v>3971</v>
      </c>
      <c r="B1647" s="209" t="s">
        <v>20420</v>
      </c>
      <c r="C1647" s="113" t="s">
        <v>3972</v>
      </c>
      <c r="D1647" s="113" t="s">
        <v>3973</v>
      </c>
      <c r="E1647" s="210">
        <v>1975</v>
      </c>
      <c r="F1647" s="210">
        <v>1996</v>
      </c>
      <c r="G1647" s="113" t="s">
        <v>1</v>
      </c>
      <c r="H1647" s="113">
        <v>0</v>
      </c>
      <c r="I1647" s="113">
        <v>0</v>
      </c>
      <c r="J1647" s="115">
        <v>1</v>
      </c>
      <c r="K1647" s="116" t="s">
        <v>174</v>
      </c>
      <c r="L1647" s="115">
        <v>0</v>
      </c>
      <c r="M1647" s="115">
        <v>0</v>
      </c>
      <c r="N1647" s="115">
        <v>1</v>
      </c>
      <c r="O1647" s="115">
        <v>0</v>
      </c>
      <c r="P1647" s="115" t="s">
        <v>400</v>
      </c>
      <c r="Q1647" s="115" t="s">
        <v>400</v>
      </c>
      <c r="R1647" s="115">
        <v>1</v>
      </c>
      <c r="S1647" s="115">
        <v>0</v>
      </c>
      <c r="T1647" s="115">
        <v>0</v>
      </c>
      <c r="U1647" s="119"/>
      <c r="V1647" s="119"/>
      <c r="W1647" s="119"/>
      <c r="X1647" s="119"/>
      <c r="Y1647" s="119"/>
      <c r="Z1647" s="119"/>
      <c r="AA1647" s="119"/>
      <c r="AB1647" s="119"/>
      <c r="AC1647" s="119"/>
      <c r="AD1647" s="119"/>
      <c r="AE1647" s="119"/>
      <c r="AF1647" s="119"/>
      <c r="AG1647" s="119"/>
      <c r="AH1647" s="119"/>
      <c r="AI1647" s="119"/>
      <c r="AJ1647" s="119"/>
      <c r="AK1647" s="119"/>
      <c r="AL1647" s="119"/>
      <c r="AM1647" s="119"/>
      <c r="AN1647" s="119"/>
      <c r="AO1647" s="119"/>
      <c r="AP1647" s="119"/>
      <c r="AQ1647" s="119"/>
      <c r="AR1647" s="119"/>
      <c r="AS1647" s="119"/>
      <c r="AT1647" s="119"/>
      <c r="AU1647" s="119"/>
      <c r="AV1647" s="119"/>
      <c r="AW1647" s="119"/>
      <c r="AX1647" s="119"/>
      <c r="AY1647" s="119"/>
      <c r="AZ1647" s="119"/>
      <c r="BA1647" s="119"/>
      <c r="BB1647" s="107">
        <v>45884</v>
      </c>
    </row>
    <row r="1648" spans="1:54" s="207" customFormat="1" ht="13.95" customHeight="1" x14ac:dyDescent="0.25">
      <c r="A1648" s="208" t="s">
        <v>3974</v>
      </c>
      <c r="B1648" s="209" t="s">
        <v>20420</v>
      </c>
      <c r="C1648" s="113" t="s">
        <v>3975</v>
      </c>
      <c r="D1648" s="113" t="s">
        <v>23403</v>
      </c>
      <c r="E1648" s="210">
        <v>1973</v>
      </c>
      <c r="F1648" s="210">
        <v>2000</v>
      </c>
      <c r="G1648" s="113" t="s">
        <v>1</v>
      </c>
      <c r="H1648" s="113">
        <v>0</v>
      </c>
      <c r="I1648" s="113">
        <v>0</v>
      </c>
      <c r="J1648" s="115">
        <v>1</v>
      </c>
      <c r="K1648" s="116" t="s">
        <v>174</v>
      </c>
      <c r="L1648" s="115">
        <v>0</v>
      </c>
      <c r="M1648" s="115">
        <v>0</v>
      </c>
      <c r="N1648" s="115">
        <v>1</v>
      </c>
      <c r="O1648" s="115">
        <v>1</v>
      </c>
      <c r="P1648" s="115">
        <v>1</v>
      </c>
      <c r="Q1648" s="115" t="s">
        <v>400</v>
      </c>
      <c r="R1648" s="115">
        <v>1</v>
      </c>
      <c r="S1648" s="115">
        <v>1</v>
      </c>
      <c r="T1648" s="115">
        <v>0</v>
      </c>
      <c r="U1648" s="119"/>
      <c r="V1648" s="119"/>
      <c r="W1648" s="119"/>
      <c r="X1648" s="119"/>
      <c r="Y1648" s="119"/>
      <c r="Z1648" s="119"/>
      <c r="AA1648" s="119"/>
      <c r="AB1648" s="119"/>
      <c r="AC1648" s="119"/>
      <c r="AD1648" s="119"/>
      <c r="AE1648" s="119"/>
      <c r="AF1648" s="119"/>
      <c r="AG1648" s="119"/>
      <c r="AH1648" s="119"/>
      <c r="AI1648" s="119"/>
      <c r="AJ1648" s="119"/>
      <c r="AK1648" s="119"/>
      <c r="AL1648" s="119"/>
      <c r="AM1648" s="119"/>
      <c r="AN1648" s="119"/>
      <c r="AO1648" s="119"/>
      <c r="AP1648" s="119"/>
      <c r="AQ1648" s="119"/>
      <c r="AR1648" s="119"/>
      <c r="AS1648" s="119"/>
      <c r="AT1648" s="119"/>
      <c r="AU1648" s="119"/>
      <c r="AV1648" s="119"/>
      <c r="AW1648" s="119"/>
      <c r="AX1648" s="119"/>
      <c r="AY1648" s="119"/>
      <c r="AZ1648" s="119"/>
      <c r="BA1648" s="119"/>
      <c r="BB1648" s="107">
        <v>45884</v>
      </c>
    </row>
    <row r="1649" spans="1:54" s="207" customFormat="1" ht="13.95" customHeight="1" x14ac:dyDescent="0.25">
      <c r="A1649" s="208" t="s">
        <v>3976</v>
      </c>
      <c r="B1649" s="209" t="s">
        <v>20420</v>
      </c>
      <c r="C1649" s="113" t="s">
        <v>3977</v>
      </c>
      <c r="D1649" s="113" t="s">
        <v>23404</v>
      </c>
      <c r="E1649" s="210">
        <v>1983</v>
      </c>
      <c r="F1649" s="210">
        <v>2000</v>
      </c>
      <c r="G1649" s="113" t="s">
        <v>1</v>
      </c>
      <c r="H1649" s="113">
        <v>0</v>
      </c>
      <c r="I1649" s="113">
        <v>0</v>
      </c>
      <c r="J1649" s="115">
        <v>1</v>
      </c>
      <c r="K1649" s="116" t="s">
        <v>174</v>
      </c>
      <c r="L1649" s="115">
        <v>0</v>
      </c>
      <c r="M1649" s="115">
        <v>0</v>
      </c>
      <c r="N1649" s="115">
        <v>0</v>
      </c>
      <c r="O1649" s="115">
        <v>0</v>
      </c>
      <c r="P1649" s="115" t="s">
        <v>400</v>
      </c>
      <c r="Q1649" s="115" t="s">
        <v>400</v>
      </c>
      <c r="R1649" s="115">
        <v>0</v>
      </c>
      <c r="S1649" s="115">
        <v>0</v>
      </c>
      <c r="T1649" s="115">
        <v>0</v>
      </c>
      <c r="U1649" s="119"/>
      <c r="V1649" s="119"/>
      <c r="W1649" s="119"/>
      <c r="X1649" s="119"/>
      <c r="Y1649" s="119"/>
      <c r="Z1649" s="119"/>
      <c r="AA1649" s="119"/>
      <c r="AB1649" s="119"/>
      <c r="AC1649" s="119"/>
      <c r="AD1649" s="119"/>
      <c r="AE1649" s="119"/>
      <c r="AF1649" s="119"/>
      <c r="AG1649" s="119"/>
      <c r="AH1649" s="119"/>
      <c r="AI1649" s="119"/>
      <c r="AJ1649" s="119"/>
      <c r="AK1649" s="119"/>
      <c r="AL1649" s="119"/>
      <c r="AM1649" s="119"/>
      <c r="AN1649" s="119"/>
      <c r="AO1649" s="119"/>
      <c r="AP1649" s="119"/>
      <c r="AQ1649" s="119"/>
      <c r="AR1649" s="119"/>
      <c r="AS1649" s="119"/>
      <c r="AT1649" s="119"/>
      <c r="AU1649" s="119"/>
      <c r="AV1649" s="119"/>
      <c r="AW1649" s="119"/>
      <c r="AX1649" s="119"/>
      <c r="AY1649" s="119"/>
      <c r="AZ1649" s="119"/>
      <c r="BA1649" s="119"/>
      <c r="BB1649" s="107">
        <v>45884</v>
      </c>
    </row>
    <row r="1650" spans="1:54" s="207" customFormat="1" ht="13.95" customHeight="1" x14ac:dyDescent="0.25">
      <c r="A1650" s="208" t="s">
        <v>3978</v>
      </c>
      <c r="B1650" s="209" t="s">
        <v>20420</v>
      </c>
      <c r="C1650" s="113" t="s">
        <v>3979</v>
      </c>
      <c r="D1650" s="113" t="s">
        <v>23405</v>
      </c>
      <c r="E1650" s="210">
        <v>1984</v>
      </c>
      <c r="F1650" s="210">
        <v>2000</v>
      </c>
      <c r="G1650" s="113" t="s">
        <v>1</v>
      </c>
      <c r="H1650" s="113">
        <v>0</v>
      </c>
      <c r="I1650" s="113">
        <v>0</v>
      </c>
      <c r="J1650" s="115">
        <v>1</v>
      </c>
      <c r="K1650" s="116" t="s">
        <v>174</v>
      </c>
      <c r="L1650" s="115">
        <v>0</v>
      </c>
      <c r="M1650" s="115">
        <v>1</v>
      </c>
      <c r="N1650" s="115">
        <v>0</v>
      </c>
      <c r="O1650" s="115">
        <v>0</v>
      </c>
      <c r="P1650" s="115" t="s">
        <v>400</v>
      </c>
      <c r="Q1650" s="115" t="s">
        <v>400</v>
      </c>
      <c r="R1650" s="115">
        <v>0</v>
      </c>
      <c r="S1650" s="115">
        <v>0</v>
      </c>
      <c r="T1650" s="115">
        <v>0</v>
      </c>
      <c r="U1650" s="119"/>
      <c r="V1650" s="119"/>
      <c r="W1650" s="119"/>
      <c r="X1650" s="119"/>
      <c r="Y1650" s="119"/>
      <c r="Z1650" s="119"/>
      <c r="AA1650" s="119"/>
      <c r="AB1650" s="119"/>
      <c r="AC1650" s="119"/>
      <c r="AD1650" s="119"/>
      <c r="AE1650" s="119"/>
      <c r="AF1650" s="119"/>
      <c r="AG1650" s="119"/>
      <c r="AH1650" s="119"/>
      <c r="AI1650" s="119"/>
      <c r="AJ1650" s="119"/>
      <c r="AK1650" s="119"/>
      <c r="AL1650" s="119"/>
      <c r="AM1650" s="119"/>
      <c r="AN1650" s="119"/>
      <c r="AO1650" s="119"/>
      <c r="AP1650" s="119"/>
      <c r="AQ1650" s="119"/>
      <c r="AR1650" s="119"/>
      <c r="AS1650" s="119"/>
      <c r="AT1650" s="119"/>
      <c r="AU1650" s="119"/>
      <c r="AV1650" s="119"/>
      <c r="AW1650" s="119"/>
      <c r="AX1650" s="119"/>
      <c r="AY1650" s="119"/>
      <c r="AZ1650" s="119"/>
      <c r="BA1650" s="119"/>
      <c r="BB1650" s="107">
        <v>45884</v>
      </c>
    </row>
    <row r="1651" spans="1:54" s="207" customFormat="1" ht="13.95" customHeight="1" x14ac:dyDescent="0.25">
      <c r="A1651" s="208" t="s">
        <v>3980</v>
      </c>
      <c r="B1651" s="209" t="s">
        <v>20420</v>
      </c>
      <c r="C1651" s="113" t="s">
        <v>3981</v>
      </c>
      <c r="D1651" s="113" t="s">
        <v>23406</v>
      </c>
      <c r="E1651" s="210">
        <v>1982</v>
      </c>
      <c r="F1651" s="210">
        <v>2000</v>
      </c>
      <c r="G1651" s="113" t="s">
        <v>1</v>
      </c>
      <c r="H1651" s="113">
        <v>0</v>
      </c>
      <c r="I1651" s="113">
        <v>0</v>
      </c>
      <c r="J1651" s="115">
        <v>1</v>
      </c>
      <c r="K1651" s="116" t="s">
        <v>174</v>
      </c>
      <c r="L1651" s="115">
        <v>1</v>
      </c>
      <c r="M1651" s="115">
        <v>0</v>
      </c>
      <c r="N1651" s="115">
        <v>0</v>
      </c>
      <c r="O1651" s="115">
        <v>0</v>
      </c>
      <c r="P1651" s="115" t="s">
        <v>400</v>
      </c>
      <c r="Q1651" s="115">
        <v>1</v>
      </c>
      <c r="R1651" s="115">
        <v>1</v>
      </c>
      <c r="S1651" s="115">
        <v>0</v>
      </c>
      <c r="T1651" s="115">
        <v>0</v>
      </c>
      <c r="U1651" s="119"/>
      <c r="V1651" s="119"/>
      <c r="W1651" s="119"/>
      <c r="X1651" s="119"/>
      <c r="Y1651" s="119"/>
      <c r="Z1651" s="119"/>
      <c r="AA1651" s="119"/>
      <c r="AB1651" s="119"/>
      <c r="AC1651" s="119"/>
      <c r="AD1651" s="119"/>
      <c r="AE1651" s="119"/>
      <c r="AF1651" s="119"/>
      <c r="AG1651" s="119"/>
      <c r="AH1651" s="119"/>
      <c r="AI1651" s="119"/>
      <c r="AJ1651" s="119"/>
      <c r="AK1651" s="119"/>
      <c r="AL1651" s="119"/>
      <c r="AM1651" s="119"/>
      <c r="AN1651" s="119"/>
      <c r="AO1651" s="119"/>
      <c r="AP1651" s="119"/>
      <c r="AQ1651" s="119"/>
      <c r="AR1651" s="119"/>
      <c r="AS1651" s="119"/>
      <c r="AT1651" s="119"/>
      <c r="AU1651" s="119"/>
      <c r="AV1651" s="119"/>
      <c r="AW1651" s="119"/>
      <c r="AX1651" s="119"/>
      <c r="AY1651" s="119"/>
      <c r="AZ1651" s="119"/>
      <c r="BA1651" s="119"/>
      <c r="BB1651" s="107">
        <v>45884</v>
      </c>
    </row>
    <row r="1652" spans="1:54" s="207" customFormat="1" ht="13.95" customHeight="1" x14ac:dyDescent="0.25">
      <c r="A1652" s="208" t="s">
        <v>3982</v>
      </c>
      <c r="B1652" s="209" t="s">
        <v>20420</v>
      </c>
      <c r="C1652" s="113" t="s">
        <v>3983</v>
      </c>
      <c r="D1652" s="113" t="s">
        <v>23407</v>
      </c>
      <c r="E1652" s="210">
        <v>1984</v>
      </c>
      <c r="F1652" s="210">
        <v>2000</v>
      </c>
      <c r="G1652" s="113" t="s">
        <v>1</v>
      </c>
      <c r="H1652" s="113">
        <v>0</v>
      </c>
      <c r="I1652" s="113">
        <v>0</v>
      </c>
      <c r="J1652" s="115">
        <v>1</v>
      </c>
      <c r="K1652" s="211">
        <v>1</v>
      </c>
      <c r="L1652" s="115">
        <v>1</v>
      </c>
      <c r="M1652" s="115">
        <v>0</v>
      </c>
      <c r="N1652" s="115">
        <v>0</v>
      </c>
      <c r="O1652" s="115">
        <v>1</v>
      </c>
      <c r="P1652" s="115">
        <v>1</v>
      </c>
      <c r="Q1652" s="115" t="s">
        <v>400</v>
      </c>
      <c r="R1652" s="115">
        <v>0</v>
      </c>
      <c r="S1652" s="115">
        <v>0</v>
      </c>
      <c r="T1652" s="115">
        <v>0</v>
      </c>
      <c r="U1652" s="119"/>
      <c r="V1652" s="119"/>
      <c r="W1652" s="119"/>
      <c r="X1652" s="119"/>
      <c r="Y1652" s="119"/>
      <c r="Z1652" s="119"/>
      <c r="AA1652" s="119"/>
      <c r="AB1652" s="119"/>
      <c r="AC1652" s="119"/>
      <c r="AD1652" s="119"/>
      <c r="AE1652" s="119"/>
      <c r="AF1652" s="119"/>
      <c r="AG1652" s="119"/>
      <c r="AH1652" s="119"/>
      <c r="AI1652" s="119"/>
      <c r="AJ1652" s="119"/>
      <c r="AK1652" s="119"/>
      <c r="AL1652" s="119"/>
      <c r="AM1652" s="119"/>
      <c r="AN1652" s="119"/>
      <c r="AO1652" s="119"/>
      <c r="AP1652" s="119"/>
      <c r="AQ1652" s="119"/>
      <c r="AR1652" s="119"/>
      <c r="AS1652" s="119"/>
      <c r="AT1652" s="119"/>
      <c r="AU1652" s="119"/>
      <c r="AV1652" s="119"/>
      <c r="AW1652" s="119"/>
      <c r="AX1652" s="119"/>
      <c r="AY1652" s="119"/>
      <c r="AZ1652" s="119"/>
      <c r="BA1652" s="119"/>
      <c r="BB1652" s="107">
        <v>45884</v>
      </c>
    </row>
    <row r="1653" spans="1:54" s="207" customFormat="1" ht="13.95" customHeight="1" x14ac:dyDescent="0.25">
      <c r="A1653" s="208" t="s">
        <v>3984</v>
      </c>
      <c r="B1653" s="209" t="s">
        <v>20420</v>
      </c>
      <c r="C1653" s="113" t="s">
        <v>3985</v>
      </c>
      <c r="D1653" s="113" t="s">
        <v>23408</v>
      </c>
      <c r="E1653" s="210">
        <v>1982</v>
      </c>
      <c r="F1653" s="210">
        <v>2000</v>
      </c>
      <c r="G1653" s="113" t="s">
        <v>1</v>
      </c>
      <c r="H1653" s="113">
        <v>0</v>
      </c>
      <c r="I1653" s="113">
        <v>0</v>
      </c>
      <c r="J1653" s="115">
        <v>1</v>
      </c>
      <c r="K1653" s="116" t="s">
        <v>174</v>
      </c>
      <c r="L1653" s="115">
        <v>0</v>
      </c>
      <c r="M1653" s="115">
        <v>0</v>
      </c>
      <c r="N1653" s="115">
        <v>1</v>
      </c>
      <c r="O1653" s="115">
        <v>0</v>
      </c>
      <c r="P1653" s="115" t="s">
        <v>400</v>
      </c>
      <c r="Q1653" s="115" t="s">
        <v>400</v>
      </c>
      <c r="R1653" s="115">
        <v>0</v>
      </c>
      <c r="S1653" s="115">
        <v>0</v>
      </c>
      <c r="T1653" s="115">
        <v>0</v>
      </c>
      <c r="U1653" s="119"/>
      <c r="V1653" s="119"/>
      <c r="W1653" s="119"/>
      <c r="X1653" s="119"/>
      <c r="Y1653" s="119"/>
      <c r="Z1653" s="119"/>
      <c r="AA1653" s="119"/>
      <c r="AB1653" s="119"/>
      <c r="AC1653" s="119"/>
      <c r="AD1653" s="119"/>
      <c r="AE1653" s="119"/>
      <c r="AF1653" s="119"/>
      <c r="AG1653" s="119"/>
      <c r="AH1653" s="119"/>
      <c r="AI1653" s="119"/>
      <c r="AJ1653" s="119"/>
      <c r="AK1653" s="119"/>
      <c r="AL1653" s="119"/>
      <c r="AM1653" s="119"/>
      <c r="AN1653" s="119"/>
      <c r="AO1653" s="119"/>
      <c r="AP1653" s="119"/>
      <c r="AQ1653" s="119"/>
      <c r="AR1653" s="119"/>
      <c r="AS1653" s="119"/>
      <c r="AT1653" s="119"/>
      <c r="AU1653" s="119"/>
      <c r="AV1653" s="119"/>
      <c r="AW1653" s="119"/>
      <c r="AX1653" s="119"/>
      <c r="AY1653" s="119"/>
      <c r="AZ1653" s="119"/>
      <c r="BA1653" s="119"/>
      <c r="BB1653" s="107">
        <v>45884</v>
      </c>
    </row>
    <row r="1654" spans="1:54" s="207" customFormat="1" ht="13.95" customHeight="1" x14ac:dyDescent="0.25">
      <c r="A1654" s="208" t="s">
        <v>3986</v>
      </c>
      <c r="B1654" s="209" t="s">
        <v>20420</v>
      </c>
      <c r="C1654" s="113" t="s">
        <v>3987</v>
      </c>
      <c r="D1654" s="113" t="s">
        <v>23409</v>
      </c>
      <c r="E1654" s="210">
        <v>1996</v>
      </c>
      <c r="F1654" s="210">
        <v>2000</v>
      </c>
      <c r="G1654" s="113" t="s">
        <v>1</v>
      </c>
      <c r="H1654" s="113">
        <v>1</v>
      </c>
      <c r="I1654" s="113">
        <v>1</v>
      </c>
      <c r="J1654" s="115">
        <v>1</v>
      </c>
      <c r="K1654" s="116" t="s">
        <v>174</v>
      </c>
      <c r="L1654" s="115">
        <v>1</v>
      </c>
      <c r="M1654" s="115">
        <v>1</v>
      </c>
      <c r="N1654" s="115">
        <v>0</v>
      </c>
      <c r="O1654" s="115">
        <v>1</v>
      </c>
      <c r="P1654" s="115" t="s">
        <v>400</v>
      </c>
      <c r="Q1654" s="115" t="s">
        <v>400</v>
      </c>
      <c r="R1654" s="115">
        <v>0</v>
      </c>
      <c r="S1654" s="115">
        <v>0</v>
      </c>
      <c r="T1654" s="115">
        <v>0</v>
      </c>
      <c r="U1654" s="119"/>
      <c r="V1654" s="119"/>
      <c r="W1654" s="119"/>
      <c r="X1654" s="119"/>
      <c r="Y1654" s="119"/>
      <c r="Z1654" s="119"/>
      <c r="AA1654" s="119"/>
      <c r="AB1654" s="119"/>
      <c r="AC1654" s="119"/>
      <c r="AD1654" s="119"/>
      <c r="AE1654" s="119"/>
      <c r="AF1654" s="119"/>
      <c r="AG1654" s="119"/>
      <c r="AH1654" s="119"/>
      <c r="AI1654" s="119"/>
      <c r="AJ1654" s="119"/>
      <c r="AK1654" s="119"/>
      <c r="AL1654" s="119"/>
      <c r="AM1654" s="119"/>
      <c r="AN1654" s="119"/>
      <c r="AO1654" s="119"/>
      <c r="AP1654" s="119"/>
      <c r="AQ1654" s="119"/>
      <c r="AR1654" s="119"/>
      <c r="AS1654" s="119"/>
      <c r="AT1654" s="119"/>
      <c r="AU1654" s="119"/>
      <c r="AV1654" s="119"/>
      <c r="AW1654" s="119"/>
      <c r="AX1654" s="119"/>
      <c r="AY1654" s="119"/>
      <c r="AZ1654" s="119"/>
      <c r="BA1654" s="119"/>
      <c r="BB1654" s="107">
        <v>45884</v>
      </c>
    </row>
    <row r="1655" spans="1:54" s="207" customFormat="1" ht="13.95" customHeight="1" x14ac:dyDescent="0.25">
      <c r="A1655" s="208" t="s">
        <v>3988</v>
      </c>
      <c r="B1655" s="209" t="s">
        <v>20420</v>
      </c>
      <c r="C1655" s="113" t="s">
        <v>3989</v>
      </c>
      <c r="D1655" s="113" t="s">
        <v>23410</v>
      </c>
      <c r="E1655" s="210">
        <v>1983</v>
      </c>
      <c r="F1655" s="210">
        <v>2000</v>
      </c>
      <c r="G1655" s="113" t="s">
        <v>1</v>
      </c>
      <c r="H1655" s="113">
        <v>0</v>
      </c>
      <c r="I1655" s="113">
        <v>0</v>
      </c>
      <c r="J1655" s="115">
        <v>1</v>
      </c>
      <c r="K1655" s="211">
        <v>1</v>
      </c>
      <c r="L1655" s="115">
        <v>1</v>
      </c>
      <c r="M1655" s="115">
        <v>1</v>
      </c>
      <c r="N1655" s="115">
        <v>0</v>
      </c>
      <c r="O1655" s="115">
        <v>1</v>
      </c>
      <c r="P1655" s="115" t="s">
        <v>400</v>
      </c>
      <c r="Q1655" s="115" t="s">
        <v>400</v>
      </c>
      <c r="R1655" s="115">
        <v>1</v>
      </c>
      <c r="S1655" s="115">
        <v>0</v>
      </c>
      <c r="T1655" s="115">
        <v>0</v>
      </c>
      <c r="U1655" s="119"/>
      <c r="V1655" s="119"/>
      <c r="W1655" s="119"/>
      <c r="X1655" s="119"/>
      <c r="Y1655" s="119"/>
      <c r="Z1655" s="119"/>
      <c r="AA1655" s="119"/>
      <c r="AB1655" s="119"/>
      <c r="AC1655" s="119"/>
      <c r="AD1655" s="119"/>
      <c r="AE1655" s="119"/>
      <c r="AF1655" s="119"/>
      <c r="AG1655" s="119"/>
      <c r="AH1655" s="119"/>
      <c r="AI1655" s="119"/>
      <c r="AJ1655" s="119"/>
      <c r="AK1655" s="119"/>
      <c r="AL1655" s="119"/>
      <c r="AM1655" s="119"/>
      <c r="AN1655" s="119"/>
      <c r="AO1655" s="119"/>
      <c r="AP1655" s="119"/>
      <c r="AQ1655" s="119"/>
      <c r="AR1655" s="119"/>
      <c r="AS1655" s="119"/>
      <c r="AT1655" s="119"/>
      <c r="AU1655" s="119"/>
      <c r="AV1655" s="119"/>
      <c r="AW1655" s="119"/>
      <c r="AX1655" s="119"/>
      <c r="AY1655" s="119"/>
      <c r="AZ1655" s="119"/>
      <c r="BA1655" s="119"/>
      <c r="BB1655" s="107">
        <v>45884</v>
      </c>
    </row>
    <row r="1656" spans="1:54" s="207" customFormat="1" ht="13.95" customHeight="1" x14ac:dyDescent="0.25">
      <c r="A1656" s="208" t="s">
        <v>3990</v>
      </c>
      <c r="B1656" s="209" t="s">
        <v>20420</v>
      </c>
      <c r="C1656" s="113" t="s">
        <v>3991</v>
      </c>
      <c r="D1656" s="113" t="s">
        <v>23411</v>
      </c>
      <c r="E1656" s="210">
        <v>1999</v>
      </c>
      <c r="F1656" s="210">
        <v>2000</v>
      </c>
      <c r="G1656" s="113" t="s">
        <v>1</v>
      </c>
      <c r="H1656" s="113">
        <v>0</v>
      </c>
      <c r="I1656" s="113">
        <v>0</v>
      </c>
      <c r="J1656" s="115">
        <v>1</v>
      </c>
      <c r="K1656" s="116" t="s">
        <v>174</v>
      </c>
      <c r="L1656" s="115">
        <v>1</v>
      </c>
      <c r="M1656" s="115">
        <v>0</v>
      </c>
      <c r="N1656" s="115">
        <v>0</v>
      </c>
      <c r="O1656" s="115">
        <v>0</v>
      </c>
      <c r="P1656" s="115">
        <v>1</v>
      </c>
      <c r="Q1656" s="115" t="s">
        <v>400</v>
      </c>
      <c r="R1656" s="115">
        <v>1</v>
      </c>
      <c r="S1656" s="115">
        <v>0</v>
      </c>
      <c r="T1656" s="115">
        <v>0</v>
      </c>
      <c r="U1656" s="119"/>
      <c r="V1656" s="119"/>
      <c r="W1656" s="119"/>
      <c r="X1656" s="119"/>
      <c r="Y1656" s="119"/>
      <c r="Z1656" s="119"/>
      <c r="AA1656" s="119"/>
      <c r="AB1656" s="119"/>
      <c r="AC1656" s="119"/>
      <c r="AD1656" s="119"/>
      <c r="AE1656" s="119"/>
      <c r="AF1656" s="119"/>
      <c r="AG1656" s="119"/>
      <c r="AH1656" s="119"/>
      <c r="AI1656" s="119"/>
      <c r="AJ1656" s="119"/>
      <c r="AK1656" s="119"/>
      <c r="AL1656" s="119"/>
      <c r="AM1656" s="119"/>
      <c r="AN1656" s="119"/>
      <c r="AO1656" s="119"/>
      <c r="AP1656" s="119"/>
      <c r="AQ1656" s="119"/>
      <c r="AR1656" s="119"/>
      <c r="AS1656" s="119"/>
      <c r="AT1656" s="119"/>
      <c r="AU1656" s="119"/>
      <c r="AV1656" s="119"/>
      <c r="AW1656" s="119"/>
      <c r="AX1656" s="119"/>
      <c r="AY1656" s="119"/>
      <c r="AZ1656" s="119"/>
      <c r="BA1656" s="119"/>
      <c r="BB1656" s="107">
        <v>45884</v>
      </c>
    </row>
    <row r="1657" spans="1:54" s="207" customFormat="1" ht="13.95" customHeight="1" x14ac:dyDescent="0.25">
      <c r="A1657" s="208" t="s">
        <v>3992</v>
      </c>
      <c r="B1657" s="209" t="s">
        <v>20420</v>
      </c>
      <c r="C1657" s="113" t="s">
        <v>3993</v>
      </c>
      <c r="D1657" s="113" t="s">
        <v>23412</v>
      </c>
      <c r="E1657" s="210">
        <v>1983</v>
      </c>
      <c r="F1657" s="210">
        <v>2000</v>
      </c>
      <c r="G1657" s="113" t="s">
        <v>1</v>
      </c>
      <c r="H1657" s="113">
        <v>0</v>
      </c>
      <c r="I1657" s="113">
        <v>0</v>
      </c>
      <c r="J1657" s="115">
        <v>1</v>
      </c>
      <c r="K1657" s="116" t="s">
        <v>174</v>
      </c>
      <c r="L1657" s="115">
        <v>1</v>
      </c>
      <c r="M1657" s="115">
        <v>0</v>
      </c>
      <c r="N1657" s="115">
        <v>0</v>
      </c>
      <c r="O1657" s="115">
        <v>0</v>
      </c>
      <c r="P1657" s="115" t="s">
        <v>400</v>
      </c>
      <c r="Q1657" s="115" t="s">
        <v>400</v>
      </c>
      <c r="R1657" s="115">
        <v>0</v>
      </c>
      <c r="S1657" s="115">
        <v>1</v>
      </c>
      <c r="T1657" s="115">
        <v>0</v>
      </c>
      <c r="U1657" s="119"/>
      <c r="V1657" s="119"/>
      <c r="W1657" s="119"/>
      <c r="X1657" s="119"/>
      <c r="Y1657" s="119"/>
      <c r="Z1657" s="119"/>
      <c r="AA1657" s="119"/>
      <c r="AB1657" s="119"/>
      <c r="AC1657" s="119"/>
      <c r="AD1657" s="119"/>
      <c r="AE1657" s="119"/>
      <c r="AF1657" s="119"/>
      <c r="AG1657" s="119"/>
      <c r="AH1657" s="119"/>
      <c r="AI1657" s="119"/>
      <c r="AJ1657" s="119"/>
      <c r="AK1657" s="119"/>
      <c r="AL1657" s="119"/>
      <c r="AM1657" s="119"/>
      <c r="AN1657" s="119"/>
      <c r="AO1657" s="119"/>
      <c r="AP1657" s="119"/>
      <c r="AQ1657" s="119"/>
      <c r="AR1657" s="119"/>
      <c r="AS1657" s="119"/>
      <c r="AT1657" s="119"/>
      <c r="AU1657" s="119"/>
      <c r="AV1657" s="119"/>
      <c r="AW1657" s="119"/>
      <c r="AX1657" s="119"/>
      <c r="AY1657" s="119"/>
      <c r="AZ1657" s="119"/>
      <c r="BA1657" s="119"/>
      <c r="BB1657" s="107">
        <v>45884</v>
      </c>
    </row>
    <row r="1658" spans="1:54" s="207" customFormat="1" ht="13.95" customHeight="1" x14ac:dyDescent="0.25">
      <c r="A1658" s="208" t="s">
        <v>3994</v>
      </c>
      <c r="B1658" s="209" t="s">
        <v>20420</v>
      </c>
      <c r="C1658" s="113" t="s">
        <v>3995</v>
      </c>
      <c r="D1658" s="113" t="s">
        <v>23413</v>
      </c>
      <c r="E1658" s="210">
        <v>1983</v>
      </c>
      <c r="F1658" s="210">
        <v>2000</v>
      </c>
      <c r="G1658" s="113" t="s">
        <v>1</v>
      </c>
      <c r="H1658" s="113">
        <v>0</v>
      </c>
      <c r="I1658" s="113">
        <v>0</v>
      </c>
      <c r="J1658" s="115">
        <v>1</v>
      </c>
      <c r="K1658" s="116" t="s">
        <v>174</v>
      </c>
      <c r="L1658" s="115">
        <v>0</v>
      </c>
      <c r="M1658" s="115">
        <v>0</v>
      </c>
      <c r="N1658" s="115">
        <v>0</v>
      </c>
      <c r="O1658" s="115">
        <v>0</v>
      </c>
      <c r="P1658" s="115" t="s">
        <v>400</v>
      </c>
      <c r="Q1658" s="115" t="s">
        <v>400</v>
      </c>
      <c r="R1658" s="115">
        <v>0</v>
      </c>
      <c r="S1658" s="115">
        <v>0</v>
      </c>
      <c r="T1658" s="115">
        <v>0</v>
      </c>
      <c r="U1658" s="119"/>
      <c r="V1658" s="119"/>
      <c r="W1658" s="119"/>
      <c r="X1658" s="119"/>
      <c r="Y1658" s="119"/>
      <c r="Z1658" s="119"/>
      <c r="AA1658" s="119"/>
      <c r="AB1658" s="119"/>
      <c r="AC1658" s="119"/>
      <c r="AD1658" s="119"/>
      <c r="AE1658" s="119"/>
      <c r="AF1658" s="119"/>
      <c r="AG1658" s="119"/>
      <c r="AH1658" s="119"/>
      <c r="AI1658" s="119"/>
      <c r="AJ1658" s="119"/>
      <c r="AK1658" s="119"/>
      <c r="AL1658" s="119"/>
      <c r="AM1658" s="119"/>
      <c r="AN1658" s="119"/>
      <c r="AO1658" s="119"/>
      <c r="AP1658" s="119"/>
      <c r="AQ1658" s="119"/>
      <c r="AR1658" s="119"/>
      <c r="AS1658" s="119"/>
      <c r="AT1658" s="119"/>
      <c r="AU1658" s="119"/>
      <c r="AV1658" s="119"/>
      <c r="AW1658" s="119"/>
      <c r="AX1658" s="119"/>
      <c r="AY1658" s="119"/>
      <c r="AZ1658" s="119"/>
      <c r="BA1658" s="119"/>
      <c r="BB1658" s="107">
        <v>45884</v>
      </c>
    </row>
    <row r="1659" spans="1:54" s="207" customFormat="1" ht="13.95" customHeight="1" x14ac:dyDescent="0.25">
      <c r="A1659" s="208" t="s">
        <v>3996</v>
      </c>
      <c r="B1659" s="209" t="s">
        <v>20420</v>
      </c>
      <c r="C1659" s="113" t="s">
        <v>3997</v>
      </c>
      <c r="D1659" s="113" t="s">
        <v>23414</v>
      </c>
      <c r="E1659" s="210">
        <v>1980</v>
      </c>
      <c r="F1659" s="210">
        <v>2000</v>
      </c>
      <c r="G1659" s="113" t="s">
        <v>1</v>
      </c>
      <c r="H1659" s="113">
        <v>0</v>
      </c>
      <c r="I1659" s="113">
        <v>0</v>
      </c>
      <c r="J1659" s="115">
        <v>0</v>
      </c>
      <c r="K1659" s="116" t="s">
        <v>174</v>
      </c>
      <c r="L1659" s="115">
        <v>1</v>
      </c>
      <c r="M1659" s="115">
        <v>0</v>
      </c>
      <c r="N1659" s="115">
        <v>0</v>
      </c>
      <c r="O1659" s="115">
        <v>0</v>
      </c>
      <c r="P1659" s="115">
        <v>1</v>
      </c>
      <c r="Q1659" s="115" t="s">
        <v>400</v>
      </c>
      <c r="R1659" s="115">
        <v>1</v>
      </c>
      <c r="S1659" s="115">
        <v>0</v>
      </c>
      <c r="T1659" s="115">
        <v>0</v>
      </c>
      <c r="U1659" s="119"/>
      <c r="V1659" s="119"/>
      <c r="W1659" s="119"/>
      <c r="X1659" s="119"/>
      <c r="Y1659" s="119"/>
      <c r="Z1659" s="119"/>
      <c r="AA1659" s="119"/>
      <c r="AB1659" s="119"/>
      <c r="AC1659" s="119"/>
      <c r="AD1659" s="119"/>
      <c r="AE1659" s="119"/>
      <c r="AF1659" s="119"/>
      <c r="AG1659" s="119"/>
      <c r="AH1659" s="119"/>
      <c r="AI1659" s="119"/>
      <c r="AJ1659" s="119"/>
      <c r="AK1659" s="119"/>
      <c r="AL1659" s="119"/>
      <c r="AM1659" s="119"/>
      <c r="AN1659" s="119"/>
      <c r="AO1659" s="119"/>
      <c r="AP1659" s="119"/>
      <c r="AQ1659" s="119"/>
      <c r="AR1659" s="119"/>
      <c r="AS1659" s="119"/>
      <c r="AT1659" s="119"/>
      <c r="AU1659" s="119"/>
      <c r="AV1659" s="119"/>
      <c r="AW1659" s="119"/>
      <c r="AX1659" s="119"/>
      <c r="AY1659" s="119"/>
      <c r="AZ1659" s="119"/>
      <c r="BA1659" s="119"/>
      <c r="BB1659" s="107">
        <v>45884</v>
      </c>
    </row>
    <row r="1660" spans="1:54" s="207" customFormat="1" ht="13.95" customHeight="1" x14ac:dyDescent="0.25">
      <c r="A1660" s="208" t="s">
        <v>3998</v>
      </c>
      <c r="B1660" s="209" t="s">
        <v>20420</v>
      </c>
      <c r="C1660" s="113" t="s">
        <v>3999</v>
      </c>
      <c r="D1660" s="113" t="s">
        <v>23415</v>
      </c>
      <c r="E1660" s="210">
        <v>1980</v>
      </c>
      <c r="F1660" s="210">
        <v>2000</v>
      </c>
      <c r="G1660" s="113" t="s">
        <v>1</v>
      </c>
      <c r="H1660" s="113">
        <v>0</v>
      </c>
      <c r="I1660" s="113">
        <v>0</v>
      </c>
      <c r="J1660" s="115">
        <v>0</v>
      </c>
      <c r="K1660" s="116" t="s">
        <v>174</v>
      </c>
      <c r="L1660" s="115">
        <v>0</v>
      </c>
      <c r="M1660" s="115">
        <v>0</v>
      </c>
      <c r="N1660" s="115">
        <v>0</v>
      </c>
      <c r="O1660" s="115">
        <v>0</v>
      </c>
      <c r="P1660" s="115" t="s">
        <v>400</v>
      </c>
      <c r="Q1660" s="115" t="s">
        <v>400</v>
      </c>
      <c r="R1660" s="115">
        <v>0</v>
      </c>
      <c r="S1660" s="115">
        <v>0</v>
      </c>
      <c r="T1660" s="115">
        <v>0</v>
      </c>
      <c r="U1660" s="119"/>
      <c r="V1660" s="119"/>
      <c r="W1660" s="119"/>
      <c r="X1660" s="119"/>
      <c r="Y1660" s="119"/>
      <c r="Z1660" s="119"/>
      <c r="AA1660" s="119"/>
      <c r="AB1660" s="119"/>
      <c r="AC1660" s="119"/>
      <c r="AD1660" s="119"/>
      <c r="AE1660" s="119"/>
      <c r="AF1660" s="119"/>
      <c r="AG1660" s="119"/>
      <c r="AH1660" s="119"/>
      <c r="AI1660" s="119"/>
      <c r="AJ1660" s="119"/>
      <c r="AK1660" s="119"/>
      <c r="AL1660" s="119"/>
      <c r="AM1660" s="119"/>
      <c r="AN1660" s="119"/>
      <c r="AO1660" s="119"/>
      <c r="AP1660" s="119"/>
      <c r="AQ1660" s="119"/>
      <c r="AR1660" s="119"/>
      <c r="AS1660" s="119"/>
      <c r="AT1660" s="119"/>
      <c r="AU1660" s="119"/>
      <c r="AV1660" s="119"/>
      <c r="AW1660" s="119"/>
      <c r="AX1660" s="119"/>
      <c r="AY1660" s="119"/>
      <c r="AZ1660" s="119"/>
      <c r="BA1660" s="119"/>
      <c r="BB1660" s="107">
        <v>45884</v>
      </c>
    </row>
    <row r="1661" spans="1:54" s="207" customFormat="1" ht="13.95" customHeight="1" x14ac:dyDescent="0.25">
      <c r="A1661" s="208" t="s">
        <v>4000</v>
      </c>
      <c r="B1661" s="209" t="s">
        <v>20420</v>
      </c>
      <c r="C1661" s="113" t="s">
        <v>4001</v>
      </c>
      <c r="D1661" s="113" t="s">
        <v>4002</v>
      </c>
      <c r="E1661" s="210">
        <v>1988</v>
      </c>
      <c r="F1661" s="210">
        <v>2000</v>
      </c>
      <c r="G1661" s="113" t="s">
        <v>1</v>
      </c>
      <c r="H1661" s="113">
        <v>0</v>
      </c>
      <c r="I1661" s="113">
        <v>0</v>
      </c>
      <c r="J1661" s="115">
        <v>1</v>
      </c>
      <c r="K1661" s="116" t="s">
        <v>174</v>
      </c>
      <c r="L1661" s="115">
        <v>1</v>
      </c>
      <c r="M1661" s="115">
        <v>0</v>
      </c>
      <c r="N1661" s="115">
        <v>0</v>
      </c>
      <c r="O1661" s="115">
        <v>1</v>
      </c>
      <c r="P1661" s="115">
        <v>1</v>
      </c>
      <c r="Q1661" s="115" t="s">
        <v>400</v>
      </c>
      <c r="R1661" s="115">
        <v>1</v>
      </c>
      <c r="S1661" s="115">
        <v>0</v>
      </c>
      <c r="T1661" s="115">
        <v>0</v>
      </c>
      <c r="U1661" s="119"/>
      <c r="V1661" s="119"/>
      <c r="W1661" s="119"/>
      <c r="X1661" s="119"/>
      <c r="Y1661" s="119"/>
      <c r="Z1661" s="119"/>
      <c r="AA1661" s="119"/>
      <c r="AB1661" s="119"/>
      <c r="AC1661" s="119"/>
      <c r="AD1661" s="119"/>
      <c r="AE1661" s="119"/>
      <c r="AF1661" s="119"/>
      <c r="AG1661" s="119"/>
      <c r="AH1661" s="119"/>
      <c r="AI1661" s="119"/>
      <c r="AJ1661" s="119"/>
      <c r="AK1661" s="119"/>
      <c r="AL1661" s="119"/>
      <c r="AM1661" s="119"/>
      <c r="AN1661" s="119"/>
      <c r="AO1661" s="119"/>
      <c r="AP1661" s="119"/>
      <c r="AQ1661" s="119"/>
      <c r="AR1661" s="119"/>
      <c r="AS1661" s="119"/>
      <c r="AT1661" s="119"/>
      <c r="AU1661" s="119"/>
      <c r="AV1661" s="119"/>
      <c r="AW1661" s="119"/>
      <c r="AX1661" s="119"/>
      <c r="AY1661" s="119"/>
      <c r="AZ1661" s="119"/>
      <c r="BA1661" s="119"/>
      <c r="BB1661" s="107">
        <v>45884</v>
      </c>
    </row>
    <row r="1662" spans="1:54" s="207" customFormat="1" ht="13.95" customHeight="1" x14ac:dyDescent="0.25">
      <c r="A1662" s="208" t="s">
        <v>4003</v>
      </c>
      <c r="B1662" s="209" t="s">
        <v>20420</v>
      </c>
      <c r="C1662" s="113" t="s">
        <v>4004</v>
      </c>
      <c r="D1662" s="113" t="s">
        <v>23416</v>
      </c>
      <c r="E1662" s="210">
        <v>1984</v>
      </c>
      <c r="F1662" s="210">
        <v>2000</v>
      </c>
      <c r="G1662" s="113" t="s">
        <v>1</v>
      </c>
      <c r="H1662" s="113">
        <v>0</v>
      </c>
      <c r="I1662" s="113">
        <v>0</v>
      </c>
      <c r="J1662" s="115">
        <v>1</v>
      </c>
      <c r="K1662" s="116" t="s">
        <v>174</v>
      </c>
      <c r="L1662" s="115">
        <v>0</v>
      </c>
      <c r="M1662" s="115">
        <v>0</v>
      </c>
      <c r="N1662" s="115">
        <v>0</v>
      </c>
      <c r="O1662" s="115">
        <v>0</v>
      </c>
      <c r="P1662" s="115" t="s">
        <v>400</v>
      </c>
      <c r="Q1662" s="115" t="s">
        <v>400</v>
      </c>
      <c r="R1662" s="115">
        <v>0</v>
      </c>
      <c r="S1662" s="115">
        <v>0</v>
      </c>
      <c r="T1662" s="115">
        <v>0</v>
      </c>
      <c r="U1662" s="119"/>
      <c r="V1662" s="119"/>
      <c r="W1662" s="119"/>
      <c r="X1662" s="119"/>
      <c r="Y1662" s="119"/>
      <c r="Z1662" s="119"/>
      <c r="AA1662" s="119"/>
      <c r="AB1662" s="119"/>
      <c r="AC1662" s="119"/>
      <c r="AD1662" s="119"/>
      <c r="AE1662" s="119"/>
      <c r="AF1662" s="119"/>
      <c r="AG1662" s="119"/>
      <c r="AH1662" s="119"/>
      <c r="AI1662" s="119"/>
      <c r="AJ1662" s="119"/>
      <c r="AK1662" s="119"/>
      <c r="AL1662" s="119"/>
      <c r="AM1662" s="119"/>
      <c r="AN1662" s="119"/>
      <c r="AO1662" s="119"/>
      <c r="AP1662" s="119"/>
      <c r="AQ1662" s="119"/>
      <c r="AR1662" s="119"/>
      <c r="AS1662" s="119"/>
      <c r="AT1662" s="119"/>
      <c r="AU1662" s="119"/>
      <c r="AV1662" s="119"/>
      <c r="AW1662" s="119"/>
      <c r="AX1662" s="119"/>
      <c r="AY1662" s="119"/>
      <c r="AZ1662" s="119"/>
      <c r="BA1662" s="119"/>
      <c r="BB1662" s="107">
        <v>45884</v>
      </c>
    </row>
    <row r="1663" spans="1:54" s="207" customFormat="1" ht="13.95" customHeight="1" x14ac:dyDescent="0.25">
      <c r="A1663" s="208" t="s">
        <v>4005</v>
      </c>
      <c r="B1663" s="209" t="s">
        <v>20420</v>
      </c>
      <c r="C1663" s="113" t="s">
        <v>4006</v>
      </c>
      <c r="D1663" s="113" t="s">
        <v>23417</v>
      </c>
      <c r="E1663" s="210">
        <v>1996</v>
      </c>
      <c r="F1663" s="210">
        <v>2000</v>
      </c>
      <c r="G1663" s="113" t="s">
        <v>1</v>
      </c>
      <c r="H1663" s="113">
        <v>0</v>
      </c>
      <c r="I1663" s="113">
        <v>0</v>
      </c>
      <c r="J1663" s="115">
        <v>1</v>
      </c>
      <c r="K1663" s="211">
        <v>1</v>
      </c>
      <c r="L1663" s="115">
        <v>1</v>
      </c>
      <c r="M1663" s="115">
        <v>1</v>
      </c>
      <c r="N1663" s="115">
        <v>0</v>
      </c>
      <c r="O1663" s="115">
        <v>1</v>
      </c>
      <c r="P1663" s="115" t="s">
        <v>400</v>
      </c>
      <c r="Q1663" s="115" t="s">
        <v>400</v>
      </c>
      <c r="R1663" s="115">
        <v>1</v>
      </c>
      <c r="S1663" s="115">
        <v>0</v>
      </c>
      <c r="T1663" s="115">
        <v>0</v>
      </c>
      <c r="U1663" s="119"/>
      <c r="V1663" s="119"/>
      <c r="W1663" s="119"/>
      <c r="X1663" s="119"/>
      <c r="Y1663" s="119"/>
      <c r="Z1663" s="119"/>
      <c r="AA1663" s="119"/>
      <c r="AB1663" s="119"/>
      <c r="AC1663" s="119"/>
      <c r="AD1663" s="119"/>
      <c r="AE1663" s="119"/>
      <c r="AF1663" s="119"/>
      <c r="AG1663" s="119"/>
      <c r="AH1663" s="119"/>
      <c r="AI1663" s="119"/>
      <c r="AJ1663" s="119"/>
      <c r="AK1663" s="119"/>
      <c r="AL1663" s="119"/>
      <c r="AM1663" s="119"/>
      <c r="AN1663" s="119"/>
      <c r="AO1663" s="119"/>
      <c r="AP1663" s="119"/>
      <c r="AQ1663" s="119"/>
      <c r="AR1663" s="119"/>
      <c r="AS1663" s="119"/>
      <c r="AT1663" s="119"/>
      <c r="AU1663" s="119"/>
      <c r="AV1663" s="119"/>
      <c r="AW1663" s="119"/>
      <c r="AX1663" s="119"/>
      <c r="AY1663" s="119"/>
      <c r="AZ1663" s="119"/>
      <c r="BA1663" s="119"/>
      <c r="BB1663" s="107">
        <v>45884</v>
      </c>
    </row>
    <row r="1664" spans="1:54" s="207" customFormat="1" ht="13.95" customHeight="1" x14ac:dyDescent="0.25">
      <c r="A1664" s="208" t="s">
        <v>4007</v>
      </c>
      <c r="B1664" s="209" t="s">
        <v>20420</v>
      </c>
      <c r="C1664" s="113" t="s">
        <v>4008</v>
      </c>
      <c r="D1664" s="113" t="s">
        <v>23418</v>
      </c>
      <c r="E1664" s="210">
        <v>1993</v>
      </c>
      <c r="F1664" s="210">
        <v>2001</v>
      </c>
      <c r="G1664" s="113" t="s">
        <v>1</v>
      </c>
      <c r="H1664" s="113">
        <v>0</v>
      </c>
      <c r="I1664" s="113">
        <v>0</v>
      </c>
      <c r="J1664" s="115">
        <v>1</v>
      </c>
      <c r="K1664" s="116" t="s">
        <v>174</v>
      </c>
      <c r="L1664" s="115">
        <v>1</v>
      </c>
      <c r="M1664" s="115">
        <v>0</v>
      </c>
      <c r="N1664" s="115">
        <v>0</v>
      </c>
      <c r="O1664" s="115">
        <v>1</v>
      </c>
      <c r="P1664" s="115">
        <v>1</v>
      </c>
      <c r="Q1664" s="115" t="s">
        <v>400</v>
      </c>
      <c r="R1664" s="115">
        <v>0</v>
      </c>
      <c r="S1664" s="115">
        <v>0</v>
      </c>
      <c r="T1664" s="115">
        <v>0</v>
      </c>
      <c r="U1664" s="119"/>
      <c r="V1664" s="119"/>
      <c r="W1664" s="119"/>
      <c r="X1664" s="119"/>
      <c r="Y1664" s="119"/>
      <c r="Z1664" s="119"/>
      <c r="AA1664" s="119"/>
      <c r="AB1664" s="119"/>
      <c r="AC1664" s="119"/>
      <c r="AD1664" s="119"/>
      <c r="AE1664" s="119"/>
      <c r="AF1664" s="119"/>
      <c r="AG1664" s="119"/>
      <c r="AH1664" s="119"/>
      <c r="AI1664" s="119"/>
      <c r="AJ1664" s="119"/>
      <c r="AK1664" s="119"/>
      <c r="AL1664" s="119"/>
      <c r="AM1664" s="119"/>
      <c r="AN1664" s="119"/>
      <c r="AO1664" s="119"/>
      <c r="AP1664" s="119"/>
      <c r="AQ1664" s="119"/>
      <c r="AR1664" s="119"/>
      <c r="AS1664" s="119"/>
      <c r="AT1664" s="119"/>
      <c r="AU1664" s="119"/>
      <c r="AV1664" s="119"/>
      <c r="AW1664" s="119"/>
      <c r="AX1664" s="119"/>
      <c r="AY1664" s="119"/>
      <c r="AZ1664" s="119"/>
      <c r="BA1664" s="119"/>
      <c r="BB1664" s="107">
        <v>45884</v>
      </c>
    </row>
    <row r="1665" spans="1:54" s="207" customFormat="1" ht="13.95" customHeight="1" x14ac:dyDescent="0.25">
      <c r="A1665" s="208" t="s">
        <v>4009</v>
      </c>
      <c r="B1665" s="209" t="s">
        <v>20420</v>
      </c>
      <c r="C1665" s="113" t="s">
        <v>4010</v>
      </c>
      <c r="D1665" s="113" t="s">
        <v>23419</v>
      </c>
      <c r="E1665" s="210">
        <v>1989</v>
      </c>
      <c r="F1665" s="210">
        <v>2001</v>
      </c>
      <c r="G1665" s="113" t="s">
        <v>1</v>
      </c>
      <c r="H1665" s="113">
        <v>0</v>
      </c>
      <c r="I1665" s="113">
        <v>0</v>
      </c>
      <c r="J1665" s="115">
        <v>1</v>
      </c>
      <c r="K1665" s="116" t="s">
        <v>174</v>
      </c>
      <c r="L1665" s="115">
        <v>1</v>
      </c>
      <c r="M1665" s="115">
        <v>0</v>
      </c>
      <c r="N1665" s="115">
        <v>0</v>
      </c>
      <c r="O1665" s="115">
        <v>1</v>
      </c>
      <c r="P1665" s="115">
        <v>1</v>
      </c>
      <c r="Q1665" s="115" t="s">
        <v>400</v>
      </c>
      <c r="R1665" s="115">
        <v>1</v>
      </c>
      <c r="S1665" s="115">
        <v>0</v>
      </c>
      <c r="T1665" s="115">
        <v>0</v>
      </c>
      <c r="U1665" s="119"/>
      <c r="V1665" s="119"/>
      <c r="W1665" s="119"/>
      <c r="X1665" s="119"/>
      <c r="Y1665" s="119"/>
      <c r="Z1665" s="119"/>
      <c r="AA1665" s="119"/>
      <c r="AB1665" s="119"/>
      <c r="AC1665" s="119"/>
      <c r="AD1665" s="119"/>
      <c r="AE1665" s="119"/>
      <c r="AF1665" s="119"/>
      <c r="AG1665" s="119"/>
      <c r="AH1665" s="119"/>
      <c r="AI1665" s="119"/>
      <c r="AJ1665" s="119"/>
      <c r="AK1665" s="119"/>
      <c r="AL1665" s="119"/>
      <c r="AM1665" s="119"/>
      <c r="AN1665" s="119"/>
      <c r="AO1665" s="119"/>
      <c r="AP1665" s="119"/>
      <c r="AQ1665" s="119"/>
      <c r="AR1665" s="119"/>
      <c r="AS1665" s="119"/>
      <c r="AT1665" s="119"/>
      <c r="AU1665" s="119"/>
      <c r="AV1665" s="119"/>
      <c r="AW1665" s="119"/>
      <c r="AX1665" s="119"/>
      <c r="AY1665" s="119"/>
      <c r="AZ1665" s="119"/>
      <c r="BA1665" s="119"/>
      <c r="BB1665" s="107">
        <v>45884</v>
      </c>
    </row>
    <row r="1666" spans="1:54" s="207" customFormat="1" ht="13.95" customHeight="1" x14ac:dyDescent="0.25">
      <c r="A1666" s="208" t="s">
        <v>4011</v>
      </c>
      <c r="B1666" s="209" t="s">
        <v>20420</v>
      </c>
      <c r="C1666" s="113" t="s">
        <v>4012</v>
      </c>
      <c r="D1666" s="113" t="s">
        <v>23420</v>
      </c>
      <c r="E1666" s="210">
        <v>2006</v>
      </c>
      <c r="F1666" s="210">
        <v>2002</v>
      </c>
      <c r="G1666" s="113" t="s">
        <v>1</v>
      </c>
      <c r="H1666" s="113">
        <v>0</v>
      </c>
      <c r="I1666" s="113">
        <v>0</v>
      </c>
      <c r="J1666" s="115">
        <v>1</v>
      </c>
      <c r="K1666" s="116" t="s">
        <v>174</v>
      </c>
      <c r="L1666" s="115">
        <v>1</v>
      </c>
      <c r="M1666" s="115">
        <v>0</v>
      </c>
      <c r="N1666" s="115">
        <v>0</v>
      </c>
      <c r="O1666" s="115">
        <v>1</v>
      </c>
      <c r="P1666" s="115">
        <v>1</v>
      </c>
      <c r="Q1666" s="115" t="s">
        <v>400</v>
      </c>
      <c r="R1666" s="115">
        <v>0</v>
      </c>
      <c r="S1666" s="115">
        <v>0</v>
      </c>
      <c r="T1666" s="115">
        <v>0</v>
      </c>
      <c r="U1666" s="119"/>
      <c r="V1666" s="119"/>
      <c r="W1666" s="119"/>
      <c r="X1666" s="119"/>
      <c r="Y1666" s="119"/>
      <c r="Z1666" s="119"/>
      <c r="AA1666" s="119"/>
      <c r="AB1666" s="119"/>
      <c r="AC1666" s="119"/>
      <c r="AD1666" s="119"/>
      <c r="AE1666" s="119"/>
      <c r="AF1666" s="119"/>
      <c r="AG1666" s="119"/>
      <c r="AH1666" s="119"/>
      <c r="AI1666" s="119"/>
      <c r="AJ1666" s="119"/>
      <c r="AK1666" s="119"/>
      <c r="AL1666" s="119"/>
      <c r="AM1666" s="119"/>
      <c r="AN1666" s="119"/>
      <c r="AO1666" s="119"/>
      <c r="AP1666" s="119"/>
      <c r="AQ1666" s="119"/>
      <c r="AR1666" s="119"/>
      <c r="AS1666" s="119"/>
      <c r="AT1666" s="119"/>
      <c r="AU1666" s="119"/>
      <c r="AV1666" s="119"/>
      <c r="AW1666" s="119"/>
      <c r="AX1666" s="119"/>
      <c r="AY1666" s="119"/>
      <c r="AZ1666" s="119"/>
      <c r="BA1666" s="119"/>
      <c r="BB1666" s="107">
        <v>45884</v>
      </c>
    </row>
    <row r="1667" spans="1:54" s="207" customFormat="1" ht="13.95" customHeight="1" x14ac:dyDescent="0.25">
      <c r="A1667" s="208" t="s">
        <v>4013</v>
      </c>
      <c r="B1667" s="209" t="s">
        <v>20420</v>
      </c>
      <c r="C1667" s="113" t="s">
        <v>4014</v>
      </c>
      <c r="D1667" s="113" t="s">
        <v>23421</v>
      </c>
      <c r="E1667" s="210">
        <v>1988</v>
      </c>
      <c r="F1667" s="210">
        <v>2002</v>
      </c>
      <c r="G1667" s="113" t="s">
        <v>1</v>
      </c>
      <c r="H1667" s="113">
        <v>0</v>
      </c>
      <c r="I1667" s="113">
        <v>0</v>
      </c>
      <c r="J1667" s="115">
        <v>1</v>
      </c>
      <c r="K1667" s="116" t="s">
        <v>174</v>
      </c>
      <c r="L1667" s="115">
        <v>1</v>
      </c>
      <c r="M1667" s="115">
        <v>0</v>
      </c>
      <c r="N1667" s="115">
        <v>0</v>
      </c>
      <c r="O1667" s="115">
        <v>0</v>
      </c>
      <c r="P1667" s="115" t="s">
        <v>400</v>
      </c>
      <c r="Q1667" s="115" t="s">
        <v>400</v>
      </c>
      <c r="R1667" s="115">
        <v>1</v>
      </c>
      <c r="S1667" s="115">
        <v>0</v>
      </c>
      <c r="T1667" s="115">
        <v>0</v>
      </c>
      <c r="U1667" s="119"/>
      <c r="V1667" s="119"/>
      <c r="W1667" s="119"/>
      <c r="X1667" s="119"/>
      <c r="Y1667" s="119"/>
      <c r="Z1667" s="119"/>
      <c r="AA1667" s="119"/>
      <c r="AB1667" s="119"/>
      <c r="AC1667" s="119"/>
      <c r="AD1667" s="119"/>
      <c r="AE1667" s="119"/>
      <c r="AF1667" s="119"/>
      <c r="AG1667" s="119"/>
      <c r="AH1667" s="119"/>
      <c r="AI1667" s="119"/>
      <c r="AJ1667" s="119"/>
      <c r="AK1667" s="119"/>
      <c r="AL1667" s="119"/>
      <c r="AM1667" s="119"/>
      <c r="AN1667" s="119"/>
      <c r="AO1667" s="119"/>
      <c r="AP1667" s="119"/>
      <c r="AQ1667" s="119"/>
      <c r="AR1667" s="119"/>
      <c r="AS1667" s="119"/>
      <c r="AT1667" s="119"/>
      <c r="AU1667" s="119"/>
      <c r="AV1667" s="119"/>
      <c r="AW1667" s="119"/>
      <c r="AX1667" s="119"/>
      <c r="AY1667" s="119"/>
      <c r="AZ1667" s="119"/>
      <c r="BA1667" s="119"/>
      <c r="BB1667" s="107">
        <v>45884</v>
      </c>
    </row>
    <row r="1668" spans="1:54" s="207" customFormat="1" ht="13.95" customHeight="1" x14ac:dyDescent="0.25">
      <c r="A1668" s="208" t="s">
        <v>4015</v>
      </c>
      <c r="B1668" s="209" t="s">
        <v>20420</v>
      </c>
      <c r="C1668" s="113" t="s">
        <v>4016</v>
      </c>
      <c r="D1668" s="113" t="s">
        <v>23422</v>
      </c>
      <c r="E1668" s="210">
        <v>1980</v>
      </c>
      <c r="F1668" s="210">
        <v>2005</v>
      </c>
      <c r="G1668" s="113" t="s">
        <v>1</v>
      </c>
      <c r="H1668" s="113">
        <v>0</v>
      </c>
      <c r="I1668" s="113">
        <v>0</v>
      </c>
      <c r="J1668" s="115">
        <v>0</v>
      </c>
      <c r="K1668" s="116" t="s">
        <v>174</v>
      </c>
      <c r="L1668" s="115">
        <v>0</v>
      </c>
      <c r="M1668" s="115">
        <v>0</v>
      </c>
      <c r="N1668" s="115">
        <v>0</v>
      </c>
      <c r="O1668" s="115">
        <v>0</v>
      </c>
      <c r="P1668" s="115" t="s">
        <v>400</v>
      </c>
      <c r="Q1668" s="115" t="s">
        <v>400</v>
      </c>
      <c r="R1668" s="115">
        <v>0</v>
      </c>
      <c r="S1668" s="115">
        <v>0</v>
      </c>
      <c r="T1668" s="115">
        <v>0</v>
      </c>
      <c r="U1668" s="119"/>
      <c r="V1668" s="119"/>
      <c r="W1668" s="119"/>
      <c r="X1668" s="119"/>
      <c r="Y1668" s="119"/>
      <c r="Z1668" s="119"/>
      <c r="AA1668" s="119"/>
      <c r="AB1668" s="119"/>
      <c r="AC1668" s="119"/>
      <c r="AD1668" s="119"/>
      <c r="AE1668" s="119"/>
      <c r="AF1668" s="119"/>
      <c r="AG1668" s="119"/>
      <c r="AH1668" s="119"/>
      <c r="AI1668" s="119"/>
      <c r="AJ1668" s="119"/>
      <c r="AK1668" s="119"/>
      <c r="AL1668" s="119"/>
      <c r="AM1668" s="119"/>
      <c r="AN1668" s="119"/>
      <c r="AO1668" s="119"/>
      <c r="AP1668" s="119"/>
      <c r="AQ1668" s="119"/>
      <c r="AR1668" s="119"/>
      <c r="AS1668" s="119"/>
      <c r="AT1668" s="119"/>
      <c r="AU1668" s="119"/>
      <c r="AV1668" s="119"/>
      <c r="AW1668" s="119"/>
      <c r="AX1668" s="119"/>
      <c r="AY1668" s="119"/>
      <c r="AZ1668" s="119"/>
      <c r="BA1668" s="119"/>
      <c r="BB1668" s="107">
        <v>45884</v>
      </c>
    </row>
    <row r="1669" spans="1:54" s="207" customFormat="1" ht="13.95" customHeight="1" x14ac:dyDescent="0.25">
      <c r="A1669" s="208" t="s">
        <v>4017</v>
      </c>
      <c r="B1669" s="209" t="s">
        <v>20420</v>
      </c>
      <c r="C1669" s="113" t="s">
        <v>4018</v>
      </c>
      <c r="D1669" s="113" t="s">
        <v>23423</v>
      </c>
      <c r="E1669" s="210">
        <v>1975</v>
      </c>
      <c r="F1669" s="210">
        <v>2009</v>
      </c>
      <c r="G1669" s="113" t="s">
        <v>1</v>
      </c>
      <c r="H1669" s="113">
        <v>0</v>
      </c>
      <c r="I1669" s="113">
        <v>0</v>
      </c>
      <c r="J1669" s="115">
        <v>1</v>
      </c>
      <c r="K1669" s="116" t="s">
        <v>174</v>
      </c>
      <c r="L1669" s="115">
        <v>1</v>
      </c>
      <c r="M1669" s="115">
        <v>0</v>
      </c>
      <c r="N1669" s="115">
        <v>0</v>
      </c>
      <c r="O1669" s="115">
        <v>1</v>
      </c>
      <c r="P1669" s="115">
        <v>1</v>
      </c>
      <c r="Q1669" s="115" t="s">
        <v>400</v>
      </c>
      <c r="R1669" s="115">
        <v>1</v>
      </c>
      <c r="S1669" s="115">
        <v>0</v>
      </c>
      <c r="T1669" s="115">
        <v>0</v>
      </c>
      <c r="U1669" s="119"/>
      <c r="V1669" s="119"/>
      <c r="W1669" s="119"/>
      <c r="X1669" s="119"/>
      <c r="Y1669" s="119"/>
      <c r="Z1669" s="119"/>
      <c r="AA1669" s="119"/>
      <c r="AB1669" s="119"/>
      <c r="AC1669" s="119"/>
      <c r="AD1669" s="119"/>
      <c r="AE1669" s="119"/>
      <c r="AF1669" s="119"/>
      <c r="AG1669" s="119"/>
      <c r="AH1669" s="119"/>
      <c r="AI1669" s="119"/>
      <c r="AJ1669" s="119"/>
      <c r="AK1669" s="119"/>
      <c r="AL1669" s="119"/>
      <c r="AM1669" s="119"/>
      <c r="AN1669" s="119"/>
      <c r="AO1669" s="119"/>
      <c r="AP1669" s="119"/>
      <c r="AQ1669" s="119"/>
      <c r="AR1669" s="119"/>
      <c r="AS1669" s="119"/>
      <c r="AT1669" s="119"/>
      <c r="AU1669" s="119"/>
      <c r="AV1669" s="119"/>
      <c r="AW1669" s="119"/>
      <c r="AX1669" s="119"/>
      <c r="AY1669" s="119"/>
      <c r="AZ1669" s="119"/>
      <c r="BA1669" s="119"/>
      <c r="BB1669" s="107">
        <v>45884</v>
      </c>
    </row>
    <row r="1670" spans="1:54" s="207" customFormat="1" ht="13.95" customHeight="1" x14ac:dyDescent="0.25">
      <c r="A1670" s="208" t="s">
        <v>4019</v>
      </c>
      <c r="B1670" s="209" t="s">
        <v>20420</v>
      </c>
      <c r="C1670" s="113" t="s">
        <v>4020</v>
      </c>
      <c r="D1670" s="113" t="s">
        <v>4021</v>
      </c>
      <c r="E1670" s="210">
        <v>1975</v>
      </c>
      <c r="F1670" s="210">
        <v>2013</v>
      </c>
      <c r="G1670" s="113" t="s">
        <v>1</v>
      </c>
      <c r="H1670" s="113">
        <v>0</v>
      </c>
      <c r="I1670" s="113">
        <v>0</v>
      </c>
      <c r="J1670" s="115">
        <v>1</v>
      </c>
      <c r="K1670" s="116" t="s">
        <v>174</v>
      </c>
      <c r="L1670" s="115">
        <v>0</v>
      </c>
      <c r="M1670" s="115">
        <v>0</v>
      </c>
      <c r="N1670" s="115">
        <v>1</v>
      </c>
      <c r="O1670" s="115">
        <v>1</v>
      </c>
      <c r="P1670" s="115">
        <v>1</v>
      </c>
      <c r="Q1670" s="115">
        <v>1</v>
      </c>
      <c r="R1670" s="115">
        <v>1</v>
      </c>
      <c r="S1670" s="115">
        <v>0</v>
      </c>
      <c r="T1670" s="115">
        <v>0</v>
      </c>
      <c r="U1670" s="119"/>
      <c r="V1670" s="119"/>
      <c r="W1670" s="119"/>
      <c r="X1670" s="119"/>
      <c r="Y1670" s="119"/>
      <c r="Z1670" s="119"/>
      <c r="AA1670" s="119"/>
      <c r="AB1670" s="119"/>
      <c r="AC1670" s="119"/>
      <c r="AD1670" s="119"/>
      <c r="AE1670" s="119"/>
      <c r="AF1670" s="119"/>
      <c r="AG1670" s="119"/>
      <c r="AH1670" s="119"/>
      <c r="AI1670" s="119"/>
      <c r="AJ1670" s="119"/>
      <c r="AK1670" s="119"/>
      <c r="AL1670" s="119"/>
      <c r="AM1670" s="119"/>
      <c r="AN1670" s="119"/>
      <c r="AO1670" s="119"/>
      <c r="AP1670" s="119"/>
      <c r="AQ1670" s="119"/>
      <c r="AR1670" s="119"/>
      <c r="AS1670" s="119"/>
      <c r="AT1670" s="119"/>
      <c r="AU1670" s="119"/>
      <c r="AV1670" s="119"/>
      <c r="AW1670" s="119"/>
      <c r="AX1670" s="119"/>
      <c r="AY1670" s="119"/>
      <c r="AZ1670" s="119"/>
      <c r="BA1670" s="119"/>
      <c r="BB1670" s="107">
        <v>45884</v>
      </c>
    </row>
    <row r="1671" spans="1:54" s="207" customFormat="1" ht="13.95" customHeight="1" x14ac:dyDescent="0.25">
      <c r="A1671" s="208" t="s">
        <v>4022</v>
      </c>
      <c r="B1671" s="209" t="s">
        <v>20420</v>
      </c>
      <c r="C1671" s="113" t="s">
        <v>4023</v>
      </c>
      <c r="D1671" s="113" t="s">
        <v>23424</v>
      </c>
      <c r="E1671" s="210">
        <v>1974</v>
      </c>
      <c r="F1671" s="210">
        <v>2016</v>
      </c>
      <c r="G1671" s="113" t="s">
        <v>1</v>
      </c>
      <c r="H1671" s="113">
        <v>0</v>
      </c>
      <c r="I1671" s="113">
        <v>0</v>
      </c>
      <c r="J1671" s="115">
        <v>1</v>
      </c>
      <c r="K1671" s="116" t="s">
        <v>174</v>
      </c>
      <c r="L1671" s="115">
        <v>1</v>
      </c>
      <c r="M1671" s="115">
        <v>0</v>
      </c>
      <c r="N1671" s="115">
        <v>0</v>
      </c>
      <c r="O1671" s="115">
        <v>1</v>
      </c>
      <c r="P1671" s="115">
        <v>1</v>
      </c>
      <c r="Q1671" s="115" t="s">
        <v>400</v>
      </c>
      <c r="R1671" s="115">
        <v>1</v>
      </c>
      <c r="S1671" s="115">
        <v>0</v>
      </c>
      <c r="T1671" s="115">
        <v>0</v>
      </c>
      <c r="U1671" s="119"/>
      <c r="V1671" s="119"/>
      <c r="W1671" s="119"/>
      <c r="X1671" s="119"/>
      <c r="Y1671" s="119"/>
      <c r="Z1671" s="119"/>
      <c r="AA1671" s="119"/>
      <c r="AB1671" s="119"/>
      <c r="AC1671" s="119"/>
      <c r="AD1671" s="119"/>
      <c r="AE1671" s="119"/>
      <c r="AF1671" s="119"/>
      <c r="AG1671" s="119"/>
      <c r="AH1671" s="119"/>
      <c r="AI1671" s="119"/>
      <c r="AJ1671" s="119"/>
      <c r="AK1671" s="119"/>
      <c r="AL1671" s="119"/>
      <c r="AM1671" s="119"/>
      <c r="AN1671" s="119"/>
      <c r="AO1671" s="119"/>
      <c r="AP1671" s="119"/>
      <c r="AQ1671" s="119"/>
      <c r="AR1671" s="119"/>
      <c r="AS1671" s="119"/>
      <c r="AT1671" s="119"/>
      <c r="AU1671" s="119"/>
      <c r="AV1671" s="119"/>
      <c r="AW1671" s="119"/>
      <c r="AX1671" s="119"/>
      <c r="AY1671" s="119"/>
      <c r="AZ1671" s="119"/>
      <c r="BA1671" s="119"/>
      <c r="BB1671" s="107">
        <v>45884</v>
      </c>
    </row>
    <row r="1672" spans="1:54" s="207" customFormat="1" ht="13.95" customHeight="1" x14ac:dyDescent="0.25">
      <c r="A1672" s="208" t="s">
        <v>4024</v>
      </c>
      <c r="B1672" s="209" t="s">
        <v>20420</v>
      </c>
      <c r="C1672" s="113" t="s">
        <v>4025</v>
      </c>
      <c r="D1672" s="113" t="s">
        <v>23425</v>
      </c>
      <c r="E1672" s="210">
        <v>1994</v>
      </c>
      <c r="F1672" s="210">
        <v>2017</v>
      </c>
      <c r="G1672" s="113" t="s">
        <v>1</v>
      </c>
      <c r="H1672" s="113">
        <v>1</v>
      </c>
      <c r="I1672" s="113">
        <v>1</v>
      </c>
      <c r="J1672" s="115">
        <v>1</v>
      </c>
      <c r="K1672" s="116" t="s">
        <v>174</v>
      </c>
      <c r="L1672" s="115">
        <v>1</v>
      </c>
      <c r="M1672" s="115">
        <v>1</v>
      </c>
      <c r="N1672" s="115">
        <v>0</v>
      </c>
      <c r="O1672" s="115">
        <v>0</v>
      </c>
      <c r="P1672" s="115" t="s">
        <v>400</v>
      </c>
      <c r="Q1672" s="115" t="s">
        <v>400</v>
      </c>
      <c r="R1672" s="115">
        <v>1</v>
      </c>
      <c r="S1672" s="115">
        <v>0</v>
      </c>
      <c r="T1672" s="115">
        <v>0</v>
      </c>
      <c r="U1672" s="119"/>
      <c r="V1672" s="119"/>
      <c r="W1672" s="119"/>
      <c r="X1672" s="119"/>
      <c r="Y1672" s="119"/>
      <c r="Z1672" s="119"/>
      <c r="AA1672" s="119"/>
      <c r="AB1672" s="119"/>
      <c r="AC1672" s="119"/>
      <c r="AD1672" s="119"/>
      <c r="AE1672" s="119"/>
      <c r="AF1672" s="119"/>
      <c r="AG1672" s="119"/>
      <c r="AH1672" s="119"/>
      <c r="AI1672" s="119"/>
      <c r="AJ1672" s="119"/>
      <c r="AK1672" s="119"/>
      <c r="AL1672" s="119"/>
      <c r="AM1672" s="119"/>
      <c r="AN1672" s="119"/>
      <c r="AO1672" s="119"/>
      <c r="AP1672" s="119"/>
      <c r="AQ1672" s="119"/>
      <c r="AR1672" s="119"/>
      <c r="AS1672" s="119"/>
      <c r="AT1672" s="119"/>
      <c r="AU1672" s="119"/>
      <c r="AV1672" s="119"/>
      <c r="AW1672" s="119"/>
      <c r="AX1672" s="119"/>
      <c r="AY1672" s="119"/>
      <c r="AZ1672" s="119"/>
      <c r="BA1672" s="119"/>
      <c r="BB1672" s="107">
        <v>45884</v>
      </c>
    </row>
    <row r="1673" spans="1:54" s="207" customFormat="1" ht="13.95" customHeight="1" x14ac:dyDescent="0.25">
      <c r="A1673" s="208" t="s">
        <v>4026</v>
      </c>
      <c r="B1673" s="209" t="s">
        <v>20420</v>
      </c>
      <c r="C1673" s="113" t="s">
        <v>4027</v>
      </c>
      <c r="D1673" s="113" t="s">
        <v>23426</v>
      </c>
      <c r="E1673" s="210">
        <v>2010</v>
      </c>
      <c r="F1673" s="210">
        <v>2028</v>
      </c>
      <c r="G1673" s="113" t="s">
        <v>1</v>
      </c>
      <c r="H1673" s="113">
        <v>0</v>
      </c>
      <c r="I1673" s="113">
        <v>0</v>
      </c>
      <c r="J1673" s="115">
        <v>1</v>
      </c>
      <c r="K1673" s="116" t="s">
        <v>174</v>
      </c>
      <c r="L1673" s="115">
        <v>1</v>
      </c>
      <c r="M1673" s="115">
        <v>0</v>
      </c>
      <c r="N1673" s="115">
        <v>0</v>
      </c>
      <c r="O1673" s="115">
        <v>1</v>
      </c>
      <c r="P1673" s="115" t="s">
        <v>400</v>
      </c>
      <c r="Q1673" s="115" t="s">
        <v>400</v>
      </c>
      <c r="R1673" s="115">
        <v>1</v>
      </c>
      <c r="S1673" s="115">
        <v>0</v>
      </c>
      <c r="T1673" s="115">
        <v>0</v>
      </c>
      <c r="U1673" s="119"/>
      <c r="V1673" s="119"/>
      <c r="W1673" s="119"/>
      <c r="X1673" s="119"/>
      <c r="Y1673" s="119"/>
      <c r="Z1673" s="119"/>
      <c r="AA1673" s="119"/>
      <c r="AB1673" s="119"/>
      <c r="AC1673" s="119"/>
      <c r="AD1673" s="119"/>
      <c r="AE1673" s="119"/>
      <c r="AF1673" s="119"/>
      <c r="AG1673" s="119"/>
      <c r="AH1673" s="119"/>
      <c r="AI1673" s="119"/>
      <c r="AJ1673" s="119"/>
      <c r="AK1673" s="119"/>
      <c r="AL1673" s="119"/>
      <c r="AM1673" s="119"/>
      <c r="AN1673" s="119"/>
      <c r="AO1673" s="119"/>
      <c r="AP1673" s="119"/>
      <c r="AQ1673" s="119"/>
      <c r="AR1673" s="119"/>
      <c r="AS1673" s="119"/>
      <c r="AT1673" s="119"/>
      <c r="AU1673" s="119"/>
      <c r="AV1673" s="119"/>
      <c r="AW1673" s="119"/>
      <c r="AX1673" s="119"/>
      <c r="AY1673" s="119"/>
      <c r="AZ1673" s="119"/>
      <c r="BA1673" s="119"/>
      <c r="BB1673" s="107">
        <v>45884</v>
      </c>
    </row>
    <row r="1674" spans="1:54" s="207" customFormat="1" ht="13.95" customHeight="1" x14ac:dyDescent="0.25">
      <c r="A1674" s="208" t="s">
        <v>4028</v>
      </c>
      <c r="B1674" s="209" t="s">
        <v>20420</v>
      </c>
      <c r="C1674" s="113" t="s">
        <v>4029</v>
      </c>
      <c r="D1674" s="113" t="s">
        <v>4030</v>
      </c>
      <c r="E1674" s="210">
        <v>1987</v>
      </c>
      <c r="F1674" s="210">
        <v>2032</v>
      </c>
      <c r="G1674" s="113" t="s">
        <v>1</v>
      </c>
      <c r="H1674" s="113">
        <v>0</v>
      </c>
      <c r="I1674" s="113">
        <v>0</v>
      </c>
      <c r="J1674" s="115">
        <v>1</v>
      </c>
      <c r="K1674" s="211">
        <v>1</v>
      </c>
      <c r="L1674" s="115">
        <v>1</v>
      </c>
      <c r="M1674" s="115">
        <v>1</v>
      </c>
      <c r="N1674" s="115">
        <v>0</v>
      </c>
      <c r="O1674" s="115">
        <v>1</v>
      </c>
      <c r="P1674" s="115" t="s">
        <v>400</v>
      </c>
      <c r="Q1674" s="115" t="s">
        <v>400</v>
      </c>
      <c r="R1674" s="115">
        <v>1</v>
      </c>
      <c r="S1674" s="115">
        <v>0</v>
      </c>
      <c r="T1674" s="115">
        <v>0</v>
      </c>
      <c r="U1674" s="119"/>
      <c r="V1674" s="119"/>
      <c r="W1674" s="119"/>
      <c r="X1674" s="119"/>
      <c r="Y1674" s="119"/>
      <c r="Z1674" s="119"/>
      <c r="AA1674" s="119"/>
      <c r="AB1674" s="119"/>
      <c r="AC1674" s="119"/>
      <c r="AD1674" s="119"/>
      <c r="AE1674" s="119"/>
      <c r="AF1674" s="119"/>
      <c r="AG1674" s="119"/>
      <c r="AH1674" s="119"/>
      <c r="AI1674" s="119"/>
      <c r="AJ1674" s="119"/>
      <c r="AK1674" s="119"/>
      <c r="AL1674" s="119"/>
      <c r="AM1674" s="119"/>
      <c r="AN1674" s="119"/>
      <c r="AO1674" s="119"/>
      <c r="AP1674" s="119"/>
      <c r="AQ1674" s="119"/>
      <c r="AR1674" s="119"/>
      <c r="AS1674" s="119"/>
      <c r="AT1674" s="119"/>
      <c r="AU1674" s="119"/>
      <c r="AV1674" s="119"/>
      <c r="AW1674" s="119"/>
      <c r="AX1674" s="119"/>
      <c r="AY1674" s="119"/>
      <c r="AZ1674" s="119"/>
      <c r="BA1674" s="119"/>
      <c r="BB1674" s="107">
        <v>45884</v>
      </c>
    </row>
    <row r="1675" spans="1:54" s="207" customFormat="1" ht="13.95" customHeight="1" x14ac:dyDescent="0.25">
      <c r="A1675" s="208" t="s">
        <v>4031</v>
      </c>
      <c r="B1675" s="209" t="s">
        <v>20420</v>
      </c>
      <c r="C1675" s="113" t="s">
        <v>4032</v>
      </c>
      <c r="D1675" s="113" t="s">
        <v>23427</v>
      </c>
      <c r="E1675" s="210">
        <v>1972</v>
      </c>
      <c r="F1675" s="210">
        <v>2032</v>
      </c>
      <c r="G1675" s="113" t="s">
        <v>1</v>
      </c>
      <c r="H1675" s="113">
        <v>0</v>
      </c>
      <c r="I1675" s="113">
        <v>0</v>
      </c>
      <c r="J1675" s="115">
        <v>1</v>
      </c>
      <c r="K1675" s="116" t="s">
        <v>174</v>
      </c>
      <c r="L1675" s="115">
        <v>1</v>
      </c>
      <c r="M1675" s="115">
        <v>1</v>
      </c>
      <c r="N1675" s="115">
        <v>0</v>
      </c>
      <c r="O1675" s="115">
        <v>1</v>
      </c>
      <c r="P1675" s="115" t="s">
        <v>400</v>
      </c>
      <c r="Q1675" s="115" t="s">
        <v>400</v>
      </c>
      <c r="R1675" s="115">
        <v>1</v>
      </c>
      <c r="S1675" s="115">
        <v>0</v>
      </c>
      <c r="T1675" s="115">
        <v>0</v>
      </c>
      <c r="U1675" s="119"/>
      <c r="V1675" s="119"/>
      <c r="W1675" s="119"/>
      <c r="X1675" s="119"/>
      <c r="Y1675" s="119"/>
      <c r="Z1675" s="119"/>
      <c r="AA1675" s="119"/>
      <c r="AB1675" s="119"/>
      <c r="AC1675" s="119"/>
      <c r="AD1675" s="119"/>
      <c r="AE1675" s="119"/>
      <c r="AF1675" s="119"/>
      <c r="AG1675" s="119"/>
      <c r="AH1675" s="119"/>
      <c r="AI1675" s="119"/>
      <c r="AJ1675" s="119"/>
      <c r="AK1675" s="119"/>
      <c r="AL1675" s="119"/>
      <c r="AM1675" s="119"/>
      <c r="AN1675" s="119"/>
      <c r="AO1675" s="119"/>
      <c r="AP1675" s="119"/>
      <c r="AQ1675" s="119"/>
      <c r="AR1675" s="119"/>
      <c r="AS1675" s="119"/>
      <c r="AT1675" s="119"/>
      <c r="AU1675" s="119"/>
      <c r="AV1675" s="119"/>
      <c r="AW1675" s="119"/>
      <c r="AX1675" s="119"/>
      <c r="AY1675" s="119"/>
      <c r="AZ1675" s="119"/>
      <c r="BA1675" s="119"/>
      <c r="BB1675" s="107">
        <v>45884</v>
      </c>
    </row>
    <row r="1676" spans="1:54" s="207" customFormat="1" ht="13.95" customHeight="1" x14ac:dyDescent="0.25">
      <c r="A1676" s="208" t="s">
        <v>4033</v>
      </c>
      <c r="B1676" s="209" t="s">
        <v>20420</v>
      </c>
      <c r="C1676" s="113" t="s">
        <v>4034</v>
      </c>
      <c r="D1676" s="113" t="s">
        <v>23428</v>
      </c>
      <c r="E1676" s="210">
        <v>1987</v>
      </c>
      <c r="F1676" s="210">
        <v>2034</v>
      </c>
      <c r="G1676" s="113" t="s">
        <v>1</v>
      </c>
      <c r="H1676" s="113">
        <v>0</v>
      </c>
      <c r="I1676" s="113">
        <v>0</v>
      </c>
      <c r="J1676" s="115">
        <v>1</v>
      </c>
      <c r="K1676" s="116" t="s">
        <v>174</v>
      </c>
      <c r="L1676" s="115">
        <v>1</v>
      </c>
      <c r="M1676" s="115">
        <v>1</v>
      </c>
      <c r="N1676" s="115">
        <v>0</v>
      </c>
      <c r="O1676" s="115">
        <v>0</v>
      </c>
      <c r="P1676" s="115" t="s">
        <v>400</v>
      </c>
      <c r="Q1676" s="115" t="s">
        <v>400</v>
      </c>
      <c r="R1676" s="115">
        <v>1</v>
      </c>
      <c r="S1676" s="115">
        <v>0</v>
      </c>
      <c r="T1676" s="115">
        <v>0</v>
      </c>
      <c r="U1676" s="119"/>
      <c r="V1676" s="119"/>
      <c r="W1676" s="119"/>
      <c r="X1676" s="119"/>
      <c r="Y1676" s="119"/>
      <c r="Z1676" s="119"/>
      <c r="AA1676" s="119"/>
      <c r="AB1676" s="119"/>
      <c r="AC1676" s="119"/>
      <c r="AD1676" s="119"/>
      <c r="AE1676" s="119"/>
      <c r="AF1676" s="119"/>
      <c r="AG1676" s="119"/>
      <c r="AH1676" s="119"/>
      <c r="AI1676" s="119"/>
      <c r="AJ1676" s="119"/>
      <c r="AK1676" s="119"/>
      <c r="AL1676" s="119"/>
      <c r="AM1676" s="119"/>
      <c r="AN1676" s="119"/>
      <c r="AO1676" s="119"/>
      <c r="AP1676" s="119"/>
      <c r="AQ1676" s="119"/>
      <c r="AR1676" s="119"/>
      <c r="AS1676" s="119"/>
      <c r="AT1676" s="119"/>
      <c r="AU1676" s="119"/>
      <c r="AV1676" s="119"/>
      <c r="AW1676" s="119"/>
      <c r="AX1676" s="119"/>
      <c r="AY1676" s="119"/>
      <c r="AZ1676" s="119"/>
      <c r="BA1676" s="119"/>
      <c r="BB1676" s="107">
        <v>45884</v>
      </c>
    </row>
    <row r="1677" spans="1:54" s="207" customFormat="1" ht="13.95" customHeight="1" x14ac:dyDescent="0.25">
      <c r="A1677" s="208" t="s">
        <v>4035</v>
      </c>
      <c r="B1677" s="209" t="s">
        <v>20420</v>
      </c>
      <c r="C1677" s="113" t="s">
        <v>4036</v>
      </c>
      <c r="D1677" s="113" t="s">
        <v>23429</v>
      </c>
      <c r="E1677" s="210">
        <v>1978</v>
      </c>
      <c r="F1677" s="210">
        <v>2037</v>
      </c>
      <c r="G1677" s="113" t="s">
        <v>1</v>
      </c>
      <c r="H1677" s="113">
        <v>0</v>
      </c>
      <c r="I1677" s="113">
        <v>0</v>
      </c>
      <c r="J1677" s="115">
        <v>1</v>
      </c>
      <c r="K1677" s="116" t="s">
        <v>174</v>
      </c>
      <c r="L1677" s="115">
        <v>0</v>
      </c>
      <c r="M1677" s="115">
        <v>0</v>
      </c>
      <c r="N1677" s="115">
        <v>0</v>
      </c>
      <c r="O1677" s="115">
        <v>1</v>
      </c>
      <c r="P1677" s="115">
        <v>1</v>
      </c>
      <c r="Q1677" s="115" t="s">
        <v>400</v>
      </c>
      <c r="R1677" s="115">
        <v>1</v>
      </c>
      <c r="S1677" s="115">
        <v>0</v>
      </c>
      <c r="T1677" s="115">
        <v>0</v>
      </c>
      <c r="U1677" s="119"/>
      <c r="V1677" s="119"/>
      <c r="W1677" s="119"/>
      <c r="X1677" s="119"/>
      <c r="Y1677" s="119"/>
      <c r="Z1677" s="119"/>
      <c r="AA1677" s="119"/>
      <c r="AB1677" s="119"/>
      <c r="AC1677" s="119"/>
      <c r="AD1677" s="119"/>
      <c r="AE1677" s="119"/>
      <c r="AF1677" s="119"/>
      <c r="AG1677" s="119"/>
      <c r="AH1677" s="119"/>
      <c r="AI1677" s="119"/>
      <c r="AJ1677" s="119"/>
      <c r="AK1677" s="119"/>
      <c r="AL1677" s="119"/>
      <c r="AM1677" s="119"/>
      <c r="AN1677" s="119"/>
      <c r="AO1677" s="119"/>
      <c r="AP1677" s="119"/>
      <c r="AQ1677" s="119"/>
      <c r="AR1677" s="119"/>
      <c r="AS1677" s="119"/>
      <c r="AT1677" s="119"/>
      <c r="AU1677" s="119"/>
      <c r="AV1677" s="119"/>
      <c r="AW1677" s="119"/>
      <c r="AX1677" s="119"/>
      <c r="AY1677" s="119"/>
      <c r="AZ1677" s="119"/>
      <c r="BA1677" s="119"/>
      <c r="BB1677" s="107">
        <v>45884</v>
      </c>
    </row>
    <row r="1678" spans="1:54" s="207" customFormat="1" ht="13.95" customHeight="1" x14ac:dyDescent="0.25">
      <c r="A1678" s="208" t="s">
        <v>4037</v>
      </c>
      <c r="B1678" s="209" t="s">
        <v>20420</v>
      </c>
      <c r="C1678" s="113" t="s">
        <v>4038</v>
      </c>
      <c r="D1678" s="113" t="s">
        <v>4039</v>
      </c>
      <c r="E1678" s="210">
        <v>1969</v>
      </c>
      <c r="F1678" s="210">
        <v>2040</v>
      </c>
      <c r="G1678" s="113" t="s">
        <v>1</v>
      </c>
      <c r="H1678" s="113">
        <v>1</v>
      </c>
      <c r="I1678" s="113">
        <v>0</v>
      </c>
      <c r="J1678" s="115">
        <v>1</v>
      </c>
      <c r="K1678" s="211">
        <v>1</v>
      </c>
      <c r="L1678" s="115">
        <v>1</v>
      </c>
      <c r="M1678" s="115">
        <v>0</v>
      </c>
      <c r="N1678" s="115">
        <v>0</v>
      </c>
      <c r="O1678" s="115">
        <v>1</v>
      </c>
      <c r="P1678" s="115">
        <v>1</v>
      </c>
      <c r="Q1678" s="115">
        <v>1</v>
      </c>
      <c r="R1678" s="115">
        <v>1</v>
      </c>
      <c r="S1678" s="115">
        <v>0</v>
      </c>
      <c r="T1678" s="115">
        <v>0</v>
      </c>
      <c r="U1678" s="119"/>
      <c r="V1678" s="119"/>
      <c r="W1678" s="119"/>
      <c r="X1678" s="119"/>
      <c r="Y1678" s="119"/>
      <c r="Z1678" s="119"/>
      <c r="AA1678" s="119"/>
      <c r="AB1678" s="119"/>
      <c r="AC1678" s="119"/>
      <c r="AD1678" s="119"/>
      <c r="AE1678" s="119"/>
      <c r="AF1678" s="119"/>
      <c r="AG1678" s="119"/>
      <c r="AH1678" s="119"/>
      <c r="AI1678" s="119"/>
      <c r="AJ1678" s="119"/>
      <c r="AK1678" s="119"/>
      <c r="AL1678" s="119"/>
      <c r="AM1678" s="119"/>
      <c r="AN1678" s="119"/>
      <c r="AO1678" s="119"/>
      <c r="AP1678" s="119"/>
      <c r="AQ1678" s="119"/>
      <c r="AR1678" s="119"/>
      <c r="AS1678" s="119"/>
      <c r="AT1678" s="119"/>
      <c r="AU1678" s="119"/>
      <c r="AV1678" s="119"/>
      <c r="AW1678" s="119"/>
      <c r="AX1678" s="119"/>
      <c r="AY1678" s="119"/>
      <c r="AZ1678" s="119"/>
      <c r="BA1678" s="119"/>
      <c r="BB1678" s="107">
        <v>45884</v>
      </c>
    </row>
    <row r="1679" spans="1:54" s="207" customFormat="1" ht="13.95" customHeight="1" x14ac:dyDescent="0.25">
      <c r="A1679" s="208" t="s">
        <v>4040</v>
      </c>
      <c r="B1679" s="209" t="s">
        <v>20420</v>
      </c>
      <c r="C1679" s="113" t="s">
        <v>4041</v>
      </c>
      <c r="D1679" s="113" t="s">
        <v>23430</v>
      </c>
      <c r="E1679" s="210">
        <v>1975</v>
      </c>
      <c r="F1679" s="210">
        <v>2042</v>
      </c>
      <c r="G1679" s="113" t="s">
        <v>1</v>
      </c>
      <c r="H1679" s="113">
        <v>0</v>
      </c>
      <c r="I1679" s="113">
        <v>0</v>
      </c>
      <c r="J1679" s="115">
        <v>1</v>
      </c>
      <c r="K1679" s="116" t="s">
        <v>174</v>
      </c>
      <c r="L1679" s="115">
        <v>0</v>
      </c>
      <c r="M1679" s="115">
        <v>1</v>
      </c>
      <c r="N1679" s="115">
        <v>0</v>
      </c>
      <c r="O1679" s="115">
        <v>1</v>
      </c>
      <c r="P1679" s="115" t="s">
        <v>400</v>
      </c>
      <c r="Q1679" s="115" t="s">
        <v>400</v>
      </c>
      <c r="R1679" s="115">
        <v>1</v>
      </c>
      <c r="S1679" s="115">
        <v>0</v>
      </c>
      <c r="T1679" s="115">
        <v>0</v>
      </c>
      <c r="U1679" s="119"/>
      <c r="V1679" s="119"/>
      <c r="W1679" s="119"/>
      <c r="X1679" s="119"/>
      <c r="Y1679" s="119"/>
      <c r="Z1679" s="119"/>
      <c r="AA1679" s="119"/>
      <c r="AB1679" s="119"/>
      <c r="AC1679" s="119"/>
      <c r="AD1679" s="119"/>
      <c r="AE1679" s="119"/>
      <c r="AF1679" s="119"/>
      <c r="AG1679" s="119"/>
      <c r="AH1679" s="119"/>
      <c r="AI1679" s="119"/>
      <c r="AJ1679" s="119"/>
      <c r="AK1679" s="119"/>
      <c r="AL1679" s="119"/>
      <c r="AM1679" s="119"/>
      <c r="AN1679" s="119"/>
      <c r="AO1679" s="119"/>
      <c r="AP1679" s="119"/>
      <c r="AQ1679" s="119"/>
      <c r="AR1679" s="119"/>
      <c r="AS1679" s="119"/>
      <c r="AT1679" s="119"/>
      <c r="AU1679" s="119"/>
      <c r="AV1679" s="119"/>
      <c r="AW1679" s="119"/>
      <c r="AX1679" s="119"/>
      <c r="AY1679" s="119"/>
      <c r="AZ1679" s="119"/>
      <c r="BA1679" s="119"/>
      <c r="BB1679" s="107">
        <v>45884</v>
      </c>
    </row>
    <row r="1680" spans="1:54" s="207" customFormat="1" ht="13.95" customHeight="1" x14ac:dyDescent="0.25">
      <c r="A1680" s="208" t="s">
        <v>4042</v>
      </c>
      <c r="B1680" s="209" t="s">
        <v>20420</v>
      </c>
      <c r="C1680" s="113" t="s">
        <v>4043</v>
      </c>
      <c r="D1680" s="113" t="s">
        <v>4044</v>
      </c>
      <c r="E1680" s="210">
        <v>1950</v>
      </c>
      <c r="F1680" s="210">
        <v>2049</v>
      </c>
      <c r="G1680" s="113" t="s">
        <v>1</v>
      </c>
      <c r="H1680" s="113">
        <v>1</v>
      </c>
      <c r="I1680" s="113">
        <v>0</v>
      </c>
      <c r="J1680" s="115">
        <v>1</v>
      </c>
      <c r="K1680" s="211">
        <v>1</v>
      </c>
      <c r="L1680" s="115">
        <v>1</v>
      </c>
      <c r="M1680" s="115">
        <v>1</v>
      </c>
      <c r="N1680" s="115">
        <v>1</v>
      </c>
      <c r="O1680" s="115">
        <v>1</v>
      </c>
      <c r="P1680" s="115">
        <v>1</v>
      </c>
      <c r="Q1680" s="115" t="s">
        <v>400</v>
      </c>
      <c r="R1680" s="115">
        <v>1</v>
      </c>
      <c r="S1680" s="115">
        <v>0</v>
      </c>
      <c r="T1680" s="115">
        <v>0</v>
      </c>
      <c r="U1680" s="119"/>
      <c r="V1680" s="119"/>
      <c r="W1680" s="119"/>
      <c r="X1680" s="119"/>
      <c r="Y1680" s="119"/>
      <c r="Z1680" s="119"/>
      <c r="AA1680" s="119"/>
      <c r="AB1680" s="119"/>
      <c r="AC1680" s="119"/>
      <c r="AD1680" s="119"/>
      <c r="AE1680" s="119"/>
      <c r="AF1680" s="119"/>
      <c r="AG1680" s="119"/>
      <c r="AH1680" s="119"/>
      <c r="AI1680" s="119"/>
      <c r="AJ1680" s="119"/>
      <c r="AK1680" s="119"/>
      <c r="AL1680" s="119"/>
      <c r="AM1680" s="119"/>
      <c r="AN1680" s="119"/>
      <c r="AO1680" s="119"/>
      <c r="AP1680" s="119"/>
      <c r="AQ1680" s="119"/>
      <c r="AR1680" s="119"/>
      <c r="AS1680" s="119"/>
      <c r="AT1680" s="119"/>
      <c r="AU1680" s="119"/>
      <c r="AV1680" s="119"/>
      <c r="AW1680" s="119"/>
      <c r="AX1680" s="119"/>
      <c r="AY1680" s="119"/>
      <c r="AZ1680" s="119"/>
      <c r="BA1680" s="119"/>
      <c r="BB1680" s="107">
        <v>45884</v>
      </c>
    </row>
    <row r="1681" spans="1:54" s="207" customFormat="1" ht="13.95" customHeight="1" x14ac:dyDescent="0.25">
      <c r="A1681" s="208" t="s">
        <v>4045</v>
      </c>
      <c r="B1681" s="209" t="s">
        <v>20420</v>
      </c>
      <c r="C1681" s="113" t="s">
        <v>4046</v>
      </c>
      <c r="D1681" s="113" t="s">
        <v>23431</v>
      </c>
      <c r="E1681" s="210">
        <v>1992</v>
      </c>
      <c r="F1681" s="210">
        <v>2060</v>
      </c>
      <c r="G1681" s="113" t="s">
        <v>1</v>
      </c>
      <c r="H1681" s="113">
        <v>0</v>
      </c>
      <c r="I1681" s="113">
        <v>0</v>
      </c>
      <c r="J1681" s="115">
        <v>1</v>
      </c>
      <c r="K1681" s="116" t="s">
        <v>174</v>
      </c>
      <c r="L1681" s="115">
        <v>1</v>
      </c>
      <c r="M1681" s="115">
        <v>0</v>
      </c>
      <c r="N1681" s="115">
        <v>1</v>
      </c>
      <c r="O1681" s="115">
        <v>1</v>
      </c>
      <c r="P1681" s="115">
        <v>1</v>
      </c>
      <c r="Q1681" s="115">
        <v>1</v>
      </c>
      <c r="R1681" s="115">
        <v>1</v>
      </c>
      <c r="S1681" s="115">
        <v>0</v>
      </c>
      <c r="T1681" s="115">
        <v>0</v>
      </c>
      <c r="U1681" s="119"/>
      <c r="V1681" s="119"/>
      <c r="W1681" s="119"/>
      <c r="X1681" s="119"/>
      <c r="Y1681" s="119"/>
      <c r="Z1681" s="119"/>
      <c r="AA1681" s="119"/>
      <c r="AB1681" s="119"/>
      <c r="AC1681" s="119"/>
      <c r="AD1681" s="119"/>
      <c r="AE1681" s="119"/>
      <c r="AF1681" s="119"/>
      <c r="AG1681" s="119"/>
      <c r="AH1681" s="119"/>
      <c r="AI1681" s="119"/>
      <c r="AJ1681" s="119"/>
      <c r="AK1681" s="119"/>
      <c r="AL1681" s="119"/>
      <c r="AM1681" s="119"/>
      <c r="AN1681" s="119"/>
      <c r="AO1681" s="119"/>
      <c r="AP1681" s="119"/>
      <c r="AQ1681" s="119"/>
      <c r="AR1681" s="119"/>
      <c r="AS1681" s="119"/>
      <c r="AT1681" s="119"/>
      <c r="AU1681" s="119"/>
      <c r="AV1681" s="119"/>
      <c r="AW1681" s="119"/>
      <c r="AX1681" s="119"/>
      <c r="AY1681" s="119"/>
      <c r="AZ1681" s="119"/>
      <c r="BA1681" s="119"/>
      <c r="BB1681" s="107">
        <v>45884</v>
      </c>
    </row>
    <row r="1682" spans="1:54" s="207" customFormat="1" ht="13.95" customHeight="1" x14ac:dyDescent="0.25">
      <c r="A1682" s="208" t="s">
        <v>4047</v>
      </c>
      <c r="B1682" s="209" t="s">
        <v>20420</v>
      </c>
      <c r="C1682" s="113" t="s">
        <v>4048</v>
      </c>
      <c r="D1682" s="113" t="s">
        <v>4049</v>
      </c>
      <c r="E1682" s="210">
        <v>1989</v>
      </c>
      <c r="F1682" s="210">
        <v>2061</v>
      </c>
      <c r="G1682" s="113" t="s">
        <v>1</v>
      </c>
      <c r="H1682" s="113">
        <v>0</v>
      </c>
      <c r="I1682" s="113">
        <v>0</v>
      </c>
      <c r="J1682" s="115">
        <v>1</v>
      </c>
      <c r="K1682" s="116" t="s">
        <v>174</v>
      </c>
      <c r="L1682" s="115">
        <v>1</v>
      </c>
      <c r="M1682" s="115">
        <v>1</v>
      </c>
      <c r="N1682" s="115">
        <v>0</v>
      </c>
      <c r="O1682" s="115">
        <v>1</v>
      </c>
      <c r="P1682" s="115" t="s">
        <v>400</v>
      </c>
      <c r="Q1682" s="115" t="s">
        <v>400</v>
      </c>
      <c r="R1682" s="115">
        <v>1</v>
      </c>
      <c r="S1682" s="115">
        <v>0</v>
      </c>
      <c r="T1682" s="115">
        <v>0</v>
      </c>
      <c r="U1682" s="119"/>
      <c r="V1682" s="119"/>
      <c r="W1682" s="119"/>
      <c r="X1682" s="119"/>
      <c r="Y1682" s="119"/>
      <c r="Z1682" s="119"/>
      <c r="AA1682" s="119"/>
      <c r="AB1682" s="119"/>
      <c r="AC1682" s="119"/>
      <c r="AD1682" s="119"/>
      <c r="AE1682" s="119"/>
      <c r="AF1682" s="119"/>
      <c r="AG1682" s="119"/>
      <c r="AH1682" s="119"/>
      <c r="AI1682" s="119"/>
      <c r="AJ1682" s="119"/>
      <c r="AK1682" s="119"/>
      <c r="AL1682" s="119"/>
      <c r="AM1682" s="119"/>
      <c r="AN1682" s="119"/>
      <c r="AO1682" s="119"/>
      <c r="AP1682" s="119"/>
      <c r="AQ1682" s="119"/>
      <c r="AR1682" s="119"/>
      <c r="AS1682" s="119"/>
      <c r="AT1682" s="119"/>
      <c r="AU1682" s="119"/>
      <c r="AV1682" s="119"/>
      <c r="AW1682" s="119"/>
      <c r="AX1682" s="119"/>
      <c r="AY1682" s="119"/>
      <c r="AZ1682" s="119"/>
      <c r="BA1682" s="119"/>
      <c r="BB1682" s="107">
        <v>45884</v>
      </c>
    </row>
    <row r="1683" spans="1:54" s="207" customFormat="1" ht="13.95" customHeight="1" x14ac:dyDescent="0.25">
      <c r="A1683" s="208" t="s">
        <v>4050</v>
      </c>
      <c r="B1683" s="209" t="s">
        <v>20420</v>
      </c>
      <c r="C1683" s="113" t="s">
        <v>4051</v>
      </c>
      <c r="D1683" s="113" t="s">
        <v>23432</v>
      </c>
      <c r="E1683" s="210">
        <v>1986</v>
      </c>
      <c r="F1683" s="210">
        <v>2062</v>
      </c>
      <c r="G1683" s="113" t="s">
        <v>1</v>
      </c>
      <c r="H1683" s="113">
        <v>0</v>
      </c>
      <c r="I1683" s="113">
        <v>0</v>
      </c>
      <c r="J1683" s="115">
        <v>1</v>
      </c>
      <c r="K1683" s="116" t="s">
        <v>174</v>
      </c>
      <c r="L1683" s="115">
        <v>1</v>
      </c>
      <c r="M1683" s="115">
        <v>0</v>
      </c>
      <c r="N1683" s="115">
        <v>0</v>
      </c>
      <c r="O1683" s="115">
        <v>0</v>
      </c>
      <c r="P1683" s="115">
        <v>1</v>
      </c>
      <c r="Q1683" s="115" t="s">
        <v>400</v>
      </c>
      <c r="R1683" s="115">
        <v>1</v>
      </c>
      <c r="S1683" s="115">
        <v>0</v>
      </c>
      <c r="T1683" s="115">
        <v>0</v>
      </c>
      <c r="U1683" s="119"/>
      <c r="V1683" s="119"/>
      <c r="W1683" s="119"/>
      <c r="X1683" s="119"/>
      <c r="Y1683" s="119"/>
      <c r="Z1683" s="119"/>
      <c r="AA1683" s="119"/>
      <c r="AB1683" s="119"/>
      <c r="AC1683" s="119"/>
      <c r="AD1683" s="119"/>
      <c r="AE1683" s="119"/>
      <c r="AF1683" s="119"/>
      <c r="AG1683" s="119"/>
      <c r="AH1683" s="119"/>
      <c r="AI1683" s="119"/>
      <c r="AJ1683" s="119"/>
      <c r="AK1683" s="119"/>
      <c r="AL1683" s="119"/>
      <c r="AM1683" s="119"/>
      <c r="AN1683" s="119"/>
      <c r="AO1683" s="119"/>
      <c r="AP1683" s="119"/>
      <c r="AQ1683" s="119"/>
      <c r="AR1683" s="119"/>
      <c r="AS1683" s="119"/>
      <c r="AT1683" s="119"/>
      <c r="AU1683" s="119"/>
      <c r="AV1683" s="119"/>
      <c r="AW1683" s="119"/>
      <c r="AX1683" s="119"/>
      <c r="AY1683" s="119"/>
      <c r="AZ1683" s="119"/>
      <c r="BA1683" s="119"/>
      <c r="BB1683" s="107">
        <v>45884</v>
      </c>
    </row>
    <row r="1684" spans="1:54" s="207" customFormat="1" ht="13.95" customHeight="1" x14ac:dyDescent="0.25">
      <c r="A1684" s="208" t="s">
        <v>4052</v>
      </c>
      <c r="B1684" s="209" t="s">
        <v>20420</v>
      </c>
      <c r="C1684" s="113" t="s">
        <v>4053</v>
      </c>
      <c r="D1684" s="113" t="s">
        <v>4054</v>
      </c>
      <c r="E1684" s="210">
        <v>1969</v>
      </c>
      <c r="F1684" s="210">
        <v>2064</v>
      </c>
      <c r="G1684" s="113" t="s">
        <v>1</v>
      </c>
      <c r="H1684" s="113">
        <v>0</v>
      </c>
      <c r="I1684" s="113">
        <v>0</v>
      </c>
      <c r="J1684" s="115">
        <v>1</v>
      </c>
      <c r="K1684" s="116" t="s">
        <v>174</v>
      </c>
      <c r="L1684" s="115">
        <v>1</v>
      </c>
      <c r="M1684" s="115">
        <v>1</v>
      </c>
      <c r="N1684" s="115">
        <v>1</v>
      </c>
      <c r="O1684" s="115">
        <v>0</v>
      </c>
      <c r="P1684" s="115" t="s">
        <v>400</v>
      </c>
      <c r="Q1684" s="115" t="s">
        <v>400</v>
      </c>
      <c r="R1684" s="115">
        <v>1</v>
      </c>
      <c r="S1684" s="115">
        <v>0</v>
      </c>
      <c r="T1684" s="115">
        <v>0</v>
      </c>
      <c r="U1684" s="119"/>
      <c r="V1684" s="119"/>
      <c r="W1684" s="119"/>
      <c r="X1684" s="119"/>
      <c r="Y1684" s="119"/>
      <c r="Z1684" s="119"/>
      <c r="AA1684" s="119"/>
      <c r="AB1684" s="119"/>
      <c r="AC1684" s="119"/>
      <c r="AD1684" s="119"/>
      <c r="AE1684" s="119"/>
      <c r="AF1684" s="119"/>
      <c r="AG1684" s="119"/>
      <c r="AH1684" s="119"/>
      <c r="AI1684" s="119"/>
      <c r="AJ1684" s="119"/>
      <c r="AK1684" s="119"/>
      <c r="AL1684" s="119"/>
      <c r="AM1684" s="119"/>
      <c r="AN1684" s="119"/>
      <c r="AO1684" s="119"/>
      <c r="AP1684" s="119"/>
      <c r="AQ1684" s="119"/>
      <c r="AR1684" s="119"/>
      <c r="AS1684" s="119"/>
      <c r="AT1684" s="119"/>
      <c r="AU1684" s="119"/>
      <c r="AV1684" s="119"/>
      <c r="AW1684" s="119"/>
      <c r="AX1684" s="119"/>
      <c r="AY1684" s="119"/>
      <c r="AZ1684" s="119"/>
      <c r="BA1684" s="119"/>
      <c r="BB1684" s="107">
        <v>45884</v>
      </c>
    </row>
    <row r="1685" spans="1:54" s="207" customFormat="1" ht="13.95" customHeight="1" x14ac:dyDescent="0.25">
      <c r="A1685" s="208" t="s">
        <v>4055</v>
      </c>
      <c r="B1685" s="209" t="s">
        <v>20420</v>
      </c>
      <c r="C1685" s="113" t="s">
        <v>4056</v>
      </c>
      <c r="D1685" s="113" t="s">
        <v>4057</v>
      </c>
      <c r="E1685" s="210">
        <v>2002</v>
      </c>
      <c r="F1685" s="210">
        <v>2065</v>
      </c>
      <c r="G1685" s="113" t="s">
        <v>1</v>
      </c>
      <c r="H1685" s="113">
        <v>0</v>
      </c>
      <c r="I1685" s="113">
        <v>0</v>
      </c>
      <c r="J1685" s="115">
        <v>1</v>
      </c>
      <c r="K1685" s="116" t="s">
        <v>174</v>
      </c>
      <c r="L1685" s="115">
        <v>1</v>
      </c>
      <c r="M1685" s="115">
        <v>0</v>
      </c>
      <c r="N1685" s="115">
        <v>0</v>
      </c>
      <c r="O1685" s="115">
        <v>0</v>
      </c>
      <c r="P1685" s="115" t="s">
        <v>400</v>
      </c>
      <c r="Q1685" s="115" t="s">
        <v>400</v>
      </c>
      <c r="R1685" s="115">
        <v>0</v>
      </c>
      <c r="S1685" s="115">
        <v>0</v>
      </c>
      <c r="T1685" s="115">
        <v>0</v>
      </c>
      <c r="U1685" s="119"/>
      <c r="V1685" s="119"/>
      <c r="W1685" s="119"/>
      <c r="X1685" s="119"/>
      <c r="Y1685" s="119"/>
      <c r="Z1685" s="119"/>
      <c r="AA1685" s="119"/>
      <c r="AB1685" s="119"/>
      <c r="AC1685" s="119"/>
      <c r="AD1685" s="119"/>
      <c r="AE1685" s="119"/>
      <c r="AF1685" s="119"/>
      <c r="AG1685" s="119"/>
      <c r="AH1685" s="119"/>
      <c r="AI1685" s="119"/>
      <c r="AJ1685" s="119"/>
      <c r="AK1685" s="119"/>
      <c r="AL1685" s="119"/>
      <c r="AM1685" s="119"/>
      <c r="AN1685" s="119"/>
      <c r="AO1685" s="119"/>
      <c r="AP1685" s="119"/>
      <c r="AQ1685" s="119"/>
      <c r="AR1685" s="119"/>
      <c r="AS1685" s="119"/>
      <c r="AT1685" s="119"/>
      <c r="AU1685" s="119"/>
      <c r="AV1685" s="119"/>
      <c r="AW1685" s="119"/>
      <c r="AX1685" s="119"/>
      <c r="AY1685" s="119"/>
      <c r="AZ1685" s="119"/>
      <c r="BA1685" s="119"/>
      <c r="BB1685" s="107">
        <v>45884</v>
      </c>
    </row>
    <row r="1686" spans="1:54" s="207" customFormat="1" ht="13.95" customHeight="1" x14ac:dyDescent="0.25">
      <c r="A1686" s="208" t="s">
        <v>4058</v>
      </c>
      <c r="B1686" s="209" t="s">
        <v>20420</v>
      </c>
      <c r="C1686" s="113" t="s">
        <v>4059</v>
      </c>
      <c r="D1686" s="113" t="s">
        <v>4060</v>
      </c>
      <c r="E1686" s="210">
        <v>1967</v>
      </c>
      <c r="F1686" s="210">
        <v>2066</v>
      </c>
      <c r="G1686" s="113" t="s">
        <v>1</v>
      </c>
      <c r="H1686" s="113">
        <v>1</v>
      </c>
      <c r="I1686" s="113">
        <v>1</v>
      </c>
      <c r="J1686" s="115">
        <v>1</v>
      </c>
      <c r="K1686" s="116" t="s">
        <v>174</v>
      </c>
      <c r="L1686" s="115">
        <v>1</v>
      </c>
      <c r="M1686" s="115">
        <v>1</v>
      </c>
      <c r="N1686" s="115">
        <v>1</v>
      </c>
      <c r="O1686" s="115">
        <v>1</v>
      </c>
      <c r="P1686" s="115">
        <v>1</v>
      </c>
      <c r="Q1686" s="115">
        <v>1</v>
      </c>
      <c r="R1686" s="115">
        <v>1</v>
      </c>
      <c r="S1686" s="115">
        <v>0</v>
      </c>
      <c r="T1686" s="115">
        <v>0</v>
      </c>
      <c r="U1686" s="119"/>
      <c r="V1686" s="119"/>
      <c r="W1686" s="119"/>
      <c r="X1686" s="119"/>
      <c r="Y1686" s="119"/>
      <c r="Z1686" s="119"/>
      <c r="AA1686" s="119"/>
      <c r="AB1686" s="119"/>
      <c r="AC1686" s="119"/>
      <c r="AD1686" s="119"/>
      <c r="AE1686" s="119"/>
      <c r="AF1686" s="119"/>
      <c r="AG1686" s="119"/>
      <c r="AH1686" s="119"/>
      <c r="AI1686" s="119"/>
      <c r="AJ1686" s="119"/>
      <c r="AK1686" s="119"/>
      <c r="AL1686" s="119"/>
      <c r="AM1686" s="119"/>
      <c r="AN1686" s="119"/>
      <c r="AO1686" s="119"/>
      <c r="AP1686" s="119"/>
      <c r="AQ1686" s="119"/>
      <c r="AR1686" s="119"/>
      <c r="AS1686" s="119"/>
      <c r="AT1686" s="119"/>
      <c r="AU1686" s="119"/>
      <c r="AV1686" s="119"/>
      <c r="AW1686" s="119"/>
      <c r="AX1686" s="119"/>
      <c r="AY1686" s="119"/>
      <c r="AZ1686" s="119"/>
      <c r="BA1686" s="119"/>
      <c r="BB1686" s="107">
        <v>45884</v>
      </c>
    </row>
    <row r="1687" spans="1:54" s="207" customFormat="1" ht="13.95" customHeight="1" x14ac:dyDescent="0.25">
      <c r="A1687" s="208" t="s">
        <v>4061</v>
      </c>
      <c r="B1687" s="209" t="s">
        <v>20420</v>
      </c>
      <c r="C1687" s="113" t="s">
        <v>4062</v>
      </c>
      <c r="D1687" s="113" t="s">
        <v>4063</v>
      </c>
      <c r="E1687" s="210">
        <v>1976</v>
      </c>
      <c r="F1687" s="210">
        <v>2067</v>
      </c>
      <c r="G1687" s="113" t="s">
        <v>1</v>
      </c>
      <c r="H1687" s="113">
        <v>0</v>
      </c>
      <c r="I1687" s="113">
        <v>0</v>
      </c>
      <c r="J1687" s="115">
        <v>1</v>
      </c>
      <c r="K1687" s="211">
        <v>1</v>
      </c>
      <c r="L1687" s="115">
        <v>1</v>
      </c>
      <c r="M1687" s="115">
        <v>0</v>
      </c>
      <c r="N1687" s="115">
        <v>0</v>
      </c>
      <c r="O1687" s="115">
        <v>1</v>
      </c>
      <c r="P1687" s="115" t="s">
        <v>400</v>
      </c>
      <c r="Q1687" s="115" t="s">
        <v>400</v>
      </c>
      <c r="R1687" s="115">
        <v>1</v>
      </c>
      <c r="S1687" s="115">
        <v>0</v>
      </c>
      <c r="T1687" s="115">
        <v>0</v>
      </c>
      <c r="U1687" s="119"/>
      <c r="V1687" s="119"/>
      <c r="W1687" s="119"/>
      <c r="X1687" s="119"/>
      <c r="Y1687" s="119"/>
      <c r="Z1687" s="119"/>
      <c r="AA1687" s="119"/>
      <c r="AB1687" s="119"/>
      <c r="AC1687" s="119"/>
      <c r="AD1687" s="119"/>
      <c r="AE1687" s="119"/>
      <c r="AF1687" s="119"/>
      <c r="AG1687" s="119"/>
      <c r="AH1687" s="119"/>
      <c r="AI1687" s="119"/>
      <c r="AJ1687" s="119"/>
      <c r="AK1687" s="119"/>
      <c r="AL1687" s="119"/>
      <c r="AM1687" s="119"/>
      <c r="AN1687" s="119"/>
      <c r="AO1687" s="119"/>
      <c r="AP1687" s="119"/>
      <c r="AQ1687" s="119"/>
      <c r="AR1687" s="119"/>
      <c r="AS1687" s="119"/>
      <c r="AT1687" s="119"/>
      <c r="AU1687" s="119"/>
      <c r="AV1687" s="119"/>
      <c r="AW1687" s="119"/>
      <c r="AX1687" s="119"/>
      <c r="AY1687" s="119"/>
      <c r="AZ1687" s="119"/>
      <c r="BA1687" s="119"/>
      <c r="BB1687" s="107">
        <v>45884</v>
      </c>
    </row>
    <row r="1688" spans="1:54" s="207" customFormat="1" ht="13.95" customHeight="1" x14ac:dyDescent="0.25">
      <c r="A1688" s="208" t="s">
        <v>4064</v>
      </c>
      <c r="B1688" s="209" t="s">
        <v>20420</v>
      </c>
      <c r="C1688" s="113" t="s">
        <v>4065</v>
      </c>
      <c r="D1688" s="113" t="s">
        <v>23433</v>
      </c>
      <c r="E1688" s="210">
        <v>1976</v>
      </c>
      <c r="F1688" s="210">
        <v>2070</v>
      </c>
      <c r="G1688" s="113" t="s">
        <v>1</v>
      </c>
      <c r="H1688" s="113">
        <v>0</v>
      </c>
      <c r="I1688" s="113">
        <v>0</v>
      </c>
      <c r="J1688" s="115">
        <v>1</v>
      </c>
      <c r="K1688" s="211">
        <v>1</v>
      </c>
      <c r="L1688" s="115">
        <v>1</v>
      </c>
      <c r="M1688" s="115">
        <v>1</v>
      </c>
      <c r="N1688" s="115">
        <v>0</v>
      </c>
      <c r="O1688" s="115">
        <v>1</v>
      </c>
      <c r="P1688" s="115" t="s">
        <v>400</v>
      </c>
      <c r="Q1688" s="115" t="s">
        <v>400</v>
      </c>
      <c r="R1688" s="115">
        <v>1</v>
      </c>
      <c r="S1688" s="115">
        <v>0</v>
      </c>
      <c r="T1688" s="115">
        <v>0</v>
      </c>
      <c r="U1688" s="119"/>
      <c r="V1688" s="119"/>
      <c r="W1688" s="119"/>
      <c r="X1688" s="119"/>
      <c r="Y1688" s="119"/>
      <c r="Z1688" s="119"/>
      <c r="AA1688" s="119"/>
      <c r="AB1688" s="119"/>
      <c r="AC1688" s="119"/>
      <c r="AD1688" s="119"/>
      <c r="AE1688" s="119"/>
      <c r="AF1688" s="119"/>
      <c r="AG1688" s="119"/>
      <c r="AH1688" s="119"/>
      <c r="AI1688" s="119"/>
      <c r="AJ1688" s="119"/>
      <c r="AK1688" s="119"/>
      <c r="AL1688" s="119"/>
      <c r="AM1688" s="119"/>
      <c r="AN1688" s="119"/>
      <c r="AO1688" s="119"/>
      <c r="AP1688" s="119"/>
      <c r="AQ1688" s="119"/>
      <c r="AR1688" s="119"/>
      <c r="AS1688" s="119"/>
      <c r="AT1688" s="119"/>
      <c r="AU1688" s="119"/>
      <c r="AV1688" s="119"/>
      <c r="AW1688" s="119"/>
      <c r="AX1688" s="119"/>
      <c r="AY1688" s="119"/>
      <c r="AZ1688" s="119"/>
      <c r="BA1688" s="119"/>
      <c r="BB1688" s="107">
        <v>45884</v>
      </c>
    </row>
    <row r="1689" spans="1:54" s="207" customFormat="1" ht="13.95" customHeight="1" x14ac:dyDescent="0.25">
      <c r="A1689" s="208" t="s">
        <v>4066</v>
      </c>
      <c r="B1689" s="209" t="s">
        <v>20420</v>
      </c>
      <c r="C1689" s="113" t="s">
        <v>20220</v>
      </c>
      <c r="D1689" s="113" t="s">
        <v>4067</v>
      </c>
      <c r="E1689" s="210">
        <v>1996</v>
      </c>
      <c r="F1689" s="210">
        <v>2072</v>
      </c>
      <c r="G1689" s="113" t="s">
        <v>1</v>
      </c>
      <c r="H1689" s="113">
        <v>0</v>
      </c>
      <c r="I1689" s="113">
        <v>0</v>
      </c>
      <c r="J1689" s="115">
        <v>0</v>
      </c>
      <c r="K1689" s="211">
        <v>1</v>
      </c>
      <c r="L1689" s="115">
        <v>0</v>
      </c>
      <c r="M1689" s="115">
        <v>0</v>
      </c>
      <c r="N1689" s="115">
        <v>0</v>
      </c>
      <c r="O1689" s="115">
        <v>0</v>
      </c>
      <c r="P1689" s="115" t="s">
        <v>400</v>
      </c>
      <c r="Q1689" s="115" t="s">
        <v>400</v>
      </c>
      <c r="R1689" s="115">
        <v>0</v>
      </c>
      <c r="S1689" s="115">
        <v>0</v>
      </c>
      <c r="T1689" s="115">
        <v>0</v>
      </c>
      <c r="U1689" s="119"/>
      <c r="V1689" s="119"/>
      <c r="W1689" s="119"/>
      <c r="X1689" s="119"/>
      <c r="Y1689" s="119"/>
      <c r="Z1689" s="119"/>
      <c r="AA1689" s="119"/>
      <c r="AB1689" s="119"/>
      <c r="AC1689" s="119"/>
      <c r="AD1689" s="119"/>
      <c r="AE1689" s="119"/>
      <c r="AF1689" s="119"/>
      <c r="AG1689" s="119"/>
      <c r="AH1689" s="119"/>
      <c r="AI1689" s="119"/>
      <c r="AJ1689" s="119"/>
      <c r="AK1689" s="119"/>
      <c r="AL1689" s="119"/>
      <c r="AM1689" s="119"/>
      <c r="AN1689" s="119"/>
      <c r="AO1689" s="119"/>
      <c r="AP1689" s="119"/>
      <c r="AQ1689" s="119"/>
      <c r="AR1689" s="119"/>
      <c r="AS1689" s="119"/>
      <c r="AT1689" s="119"/>
      <c r="AU1689" s="119"/>
      <c r="AV1689" s="119"/>
      <c r="AW1689" s="119"/>
      <c r="AX1689" s="119"/>
      <c r="AY1689" s="119"/>
      <c r="AZ1689" s="119"/>
      <c r="BA1689" s="119"/>
      <c r="BB1689" s="107">
        <v>45884</v>
      </c>
    </row>
    <row r="1690" spans="1:54" s="207" customFormat="1" ht="13.95" customHeight="1" x14ac:dyDescent="0.25">
      <c r="A1690" s="208" t="s">
        <v>4068</v>
      </c>
      <c r="B1690" s="209" t="s">
        <v>20420</v>
      </c>
      <c r="C1690" s="113" t="s">
        <v>4069</v>
      </c>
      <c r="D1690" s="113" t="s">
        <v>4070</v>
      </c>
      <c r="E1690" s="210">
        <v>1999</v>
      </c>
      <c r="F1690" s="210">
        <v>2075</v>
      </c>
      <c r="G1690" s="113" t="s">
        <v>1</v>
      </c>
      <c r="H1690" s="113">
        <v>0</v>
      </c>
      <c r="I1690" s="113">
        <v>0</v>
      </c>
      <c r="J1690" s="115">
        <v>1</v>
      </c>
      <c r="K1690" s="116" t="s">
        <v>174</v>
      </c>
      <c r="L1690" s="115">
        <v>0</v>
      </c>
      <c r="M1690" s="115">
        <v>1</v>
      </c>
      <c r="N1690" s="115">
        <v>1</v>
      </c>
      <c r="O1690" s="115">
        <v>0</v>
      </c>
      <c r="P1690" s="115" t="s">
        <v>400</v>
      </c>
      <c r="Q1690" s="115" t="s">
        <v>400</v>
      </c>
      <c r="R1690" s="115">
        <v>0</v>
      </c>
      <c r="S1690" s="115">
        <v>0</v>
      </c>
      <c r="T1690" s="115">
        <v>0</v>
      </c>
      <c r="U1690" s="119"/>
      <c r="V1690" s="119"/>
      <c r="W1690" s="119"/>
      <c r="X1690" s="119"/>
      <c r="Y1690" s="119"/>
      <c r="Z1690" s="119"/>
      <c r="AA1690" s="119"/>
      <c r="AB1690" s="119"/>
      <c r="AC1690" s="119"/>
      <c r="AD1690" s="119"/>
      <c r="AE1690" s="119"/>
      <c r="AF1690" s="119"/>
      <c r="AG1690" s="119"/>
      <c r="AH1690" s="119"/>
      <c r="AI1690" s="119"/>
      <c r="AJ1690" s="119"/>
      <c r="AK1690" s="119"/>
      <c r="AL1690" s="119"/>
      <c r="AM1690" s="119"/>
      <c r="AN1690" s="119"/>
      <c r="AO1690" s="119"/>
      <c r="AP1690" s="119"/>
      <c r="AQ1690" s="119"/>
      <c r="AR1690" s="119"/>
      <c r="AS1690" s="119"/>
      <c r="AT1690" s="119"/>
      <c r="AU1690" s="119"/>
      <c r="AV1690" s="119"/>
      <c r="AW1690" s="119"/>
      <c r="AX1690" s="119"/>
      <c r="AY1690" s="119"/>
      <c r="AZ1690" s="119"/>
      <c r="BA1690" s="119"/>
      <c r="BB1690" s="107">
        <v>45884</v>
      </c>
    </row>
    <row r="1691" spans="1:54" s="207" customFormat="1" ht="13.95" customHeight="1" x14ac:dyDescent="0.25">
      <c r="A1691" s="208" t="s">
        <v>4071</v>
      </c>
      <c r="B1691" s="209" t="s">
        <v>20420</v>
      </c>
      <c r="C1691" s="113" t="s">
        <v>4072</v>
      </c>
      <c r="D1691" s="113" t="s">
        <v>23434</v>
      </c>
      <c r="E1691" s="210">
        <v>1973</v>
      </c>
      <c r="F1691" s="210">
        <v>2078</v>
      </c>
      <c r="G1691" s="113" t="s">
        <v>1</v>
      </c>
      <c r="H1691" s="113">
        <v>0</v>
      </c>
      <c r="I1691" s="113">
        <v>0</v>
      </c>
      <c r="J1691" s="115">
        <v>1</v>
      </c>
      <c r="K1691" s="211">
        <v>1</v>
      </c>
      <c r="L1691" s="115">
        <v>1</v>
      </c>
      <c r="M1691" s="115">
        <v>0</v>
      </c>
      <c r="N1691" s="115">
        <v>0</v>
      </c>
      <c r="O1691" s="115">
        <v>1</v>
      </c>
      <c r="P1691" s="115">
        <v>1</v>
      </c>
      <c r="Q1691" s="115" t="s">
        <v>400</v>
      </c>
      <c r="R1691" s="115">
        <v>1</v>
      </c>
      <c r="S1691" s="115">
        <v>0</v>
      </c>
      <c r="T1691" s="115">
        <v>0</v>
      </c>
      <c r="U1691" s="119"/>
      <c r="V1691" s="119"/>
      <c r="W1691" s="119"/>
      <c r="X1691" s="119"/>
      <c r="Y1691" s="119"/>
      <c r="Z1691" s="119"/>
      <c r="AA1691" s="119"/>
      <c r="AB1691" s="119"/>
      <c r="AC1691" s="119"/>
      <c r="AD1691" s="119"/>
      <c r="AE1691" s="119"/>
      <c r="AF1691" s="119"/>
      <c r="AG1691" s="119"/>
      <c r="AH1691" s="119"/>
      <c r="AI1691" s="119"/>
      <c r="AJ1691" s="119"/>
      <c r="AK1691" s="119"/>
      <c r="AL1691" s="119"/>
      <c r="AM1691" s="119"/>
      <c r="AN1691" s="119"/>
      <c r="AO1691" s="119"/>
      <c r="AP1691" s="119"/>
      <c r="AQ1691" s="119"/>
      <c r="AR1691" s="119"/>
      <c r="AS1691" s="119"/>
      <c r="AT1691" s="119"/>
      <c r="AU1691" s="119"/>
      <c r="AV1691" s="119"/>
      <c r="AW1691" s="119"/>
      <c r="AX1691" s="119"/>
      <c r="AY1691" s="119"/>
      <c r="AZ1691" s="119"/>
      <c r="BA1691" s="119"/>
      <c r="BB1691" s="107">
        <v>45884</v>
      </c>
    </row>
    <row r="1692" spans="1:54" s="207" customFormat="1" ht="13.95" customHeight="1" x14ac:dyDescent="0.25">
      <c r="A1692" s="208" t="s">
        <v>4073</v>
      </c>
      <c r="B1692" s="209" t="s">
        <v>20420</v>
      </c>
      <c r="C1692" s="113" t="s">
        <v>4074</v>
      </c>
      <c r="D1692" s="113" t="s">
        <v>23435</v>
      </c>
      <c r="E1692" s="210">
        <v>1969</v>
      </c>
      <c r="F1692" s="210">
        <v>2082</v>
      </c>
      <c r="G1692" s="113" t="s">
        <v>1</v>
      </c>
      <c r="H1692" s="113">
        <v>0</v>
      </c>
      <c r="I1692" s="113">
        <v>0</v>
      </c>
      <c r="J1692" s="115">
        <v>1</v>
      </c>
      <c r="K1692" s="211">
        <v>1</v>
      </c>
      <c r="L1692" s="115">
        <v>1</v>
      </c>
      <c r="M1692" s="115">
        <v>0</v>
      </c>
      <c r="N1692" s="115">
        <v>1</v>
      </c>
      <c r="O1692" s="115">
        <v>1</v>
      </c>
      <c r="P1692" s="115" t="s">
        <v>400</v>
      </c>
      <c r="Q1692" s="115" t="s">
        <v>400</v>
      </c>
      <c r="R1692" s="115">
        <v>0</v>
      </c>
      <c r="S1692" s="115">
        <v>0</v>
      </c>
      <c r="T1692" s="115">
        <v>0</v>
      </c>
      <c r="U1692" s="119"/>
      <c r="V1692" s="119"/>
      <c r="W1692" s="119"/>
      <c r="X1692" s="119"/>
      <c r="Y1692" s="119"/>
      <c r="Z1692" s="119"/>
      <c r="AA1692" s="119"/>
      <c r="AB1692" s="119"/>
      <c r="AC1692" s="119"/>
      <c r="AD1692" s="119"/>
      <c r="AE1692" s="119"/>
      <c r="AF1692" s="119"/>
      <c r="AG1692" s="119"/>
      <c r="AH1692" s="119"/>
      <c r="AI1692" s="119"/>
      <c r="AJ1692" s="119"/>
      <c r="AK1692" s="119"/>
      <c r="AL1692" s="119"/>
      <c r="AM1692" s="119"/>
      <c r="AN1692" s="119"/>
      <c r="AO1692" s="119"/>
      <c r="AP1692" s="119"/>
      <c r="AQ1692" s="119"/>
      <c r="AR1692" s="119"/>
      <c r="AS1692" s="119"/>
      <c r="AT1692" s="119"/>
      <c r="AU1692" s="119"/>
      <c r="AV1692" s="119"/>
      <c r="AW1692" s="119"/>
      <c r="AX1692" s="119"/>
      <c r="AY1692" s="119"/>
      <c r="AZ1692" s="119"/>
      <c r="BA1692" s="119"/>
      <c r="BB1692" s="107">
        <v>45884</v>
      </c>
    </row>
    <row r="1693" spans="1:54" s="207" customFormat="1" ht="13.95" customHeight="1" x14ac:dyDescent="0.25">
      <c r="A1693" s="208" t="s">
        <v>4075</v>
      </c>
      <c r="B1693" s="209" t="s">
        <v>20420</v>
      </c>
      <c r="C1693" s="113" t="s">
        <v>4076</v>
      </c>
      <c r="D1693" s="113" t="s">
        <v>4077</v>
      </c>
      <c r="E1693" s="210">
        <v>1986</v>
      </c>
      <c r="F1693" s="210">
        <v>2086</v>
      </c>
      <c r="G1693" s="113" t="s">
        <v>1</v>
      </c>
      <c r="H1693" s="113">
        <v>0</v>
      </c>
      <c r="I1693" s="113">
        <v>0</v>
      </c>
      <c r="J1693" s="115">
        <v>1</v>
      </c>
      <c r="K1693" s="116" t="s">
        <v>174</v>
      </c>
      <c r="L1693" s="115">
        <v>0</v>
      </c>
      <c r="M1693" s="115">
        <v>0</v>
      </c>
      <c r="N1693" s="115">
        <v>0</v>
      </c>
      <c r="O1693" s="115">
        <v>1</v>
      </c>
      <c r="P1693" s="115">
        <v>1</v>
      </c>
      <c r="Q1693" s="115" t="s">
        <v>400</v>
      </c>
      <c r="R1693" s="115">
        <v>1</v>
      </c>
      <c r="S1693" s="115">
        <v>0</v>
      </c>
      <c r="T1693" s="115">
        <v>0</v>
      </c>
      <c r="U1693" s="119"/>
      <c r="V1693" s="119"/>
      <c r="W1693" s="119"/>
      <c r="X1693" s="119"/>
      <c r="Y1693" s="119"/>
      <c r="Z1693" s="119"/>
      <c r="AA1693" s="119"/>
      <c r="AB1693" s="119"/>
      <c r="AC1693" s="119"/>
      <c r="AD1693" s="119"/>
      <c r="AE1693" s="119"/>
      <c r="AF1693" s="119"/>
      <c r="AG1693" s="119"/>
      <c r="AH1693" s="119"/>
      <c r="AI1693" s="119"/>
      <c r="AJ1693" s="119"/>
      <c r="AK1693" s="119"/>
      <c r="AL1693" s="119"/>
      <c r="AM1693" s="119"/>
      <c r="AN1693" s="119"/>
      <c r="AO1693" s="119"/>
      <c r="AP1693" s="119"/>
      <c r="AQ1693" s="119"/>
      <c r="AR1693" s="119"/>
      <c r="AS1693" s="119"/>
      <c r="AT1693" s="119"/>
      <c r="AU1693" s="119"/>
      <c r="AV1693" s="119"/>
      <c r="AW1693" s="119"/>
      <c r="AX1693" s="119"/>
      <c r="AY1693" s="119"/>
      <c r="AZ1693" s="119"/>
      <c r="BA1693" s="119"/>
      <c r="BB1693" s="107">
        <v>45884</v>
      </c>
    </row>
    <row r="1694" spans="1:54" s="207" customFormat="1" ht="13.95" customHeight="1" x14ac:dyDescent="0.25">
      <c r="A1694" s="208" t="s">
        <v>4078</v>
      </c>
      <c r="B1694" s="209" t="s">
        <v>20420</v>
      </c>
      <c r="C1694" s="113" t="s">
        <v>4079</v>
      </c>
      <c r="D1694" s="113" t="s">
        <v>4080</v>
      </c>
      <c r="E1694" s="210">
        <v>1975</v>
      </c>
      <c r="F1694" s="210">
        <v>2088</v>
      </c>
      <c r="G1694" s="113" t="s">
        <v>1</v>
      </c>
      <c r="H1694" s="113">
        <v>0</v>
      </c>
      <c r="I1694" s="113">
        <v>0</v>
      </c>
      <c r="J1694" s="115">
        <v>1</v>
      </c>
      <c r="K1694" s="116" t="s">
        <v>174</v>
      </c>
      <c r="L1694" s="115">
        <v>1</v>
      </c>
      <c r="M1694" s="115">
        <v>1</v>
      </c>
      <c r="N1694" s="115">
        <v>1</v>
      </c>
      <c r="O1694" s="115">
        <v>1</v>
      </c>
      <c r="P1694" s="115" t="s">
        <v>400</v>
      </c>
      <c r="Q1694" s="115" t="s">
        <v>400</v>
      </c>
      <c r="R1694" s="115">
        <v>1</v>
      </c>
      <c r="S1694" s="115">
        <v>0</v>
      </c>
      <c r="T1694" s="115">
        <v>0</v>
      </c>
      <c r="U1694" s="119"/>
      <c r="V1694" s="119"/>
      <c r="W1694" s="119"/>
      <c r="X1694" s="119"/>
      <c r="Y1694" s="119"/>
      <c r="Z1694" s="119"/>
      <c r="AA1694" s="119"/>
      <c r="AB1694" s="119"/>
      <c r="AC1694" s="119"/>
      <c r="AD1694" s="119"/>
      <c r="AE1694" s="119"/>
      <c r="AF1694" s="119"/>
      <c r="AG1694" s="119"/>
      <c r="AH1694" s="119"/>
      <c r="AI1694" s="119"/>
      <c r="AJ1694" s="119"/>
      <c r="AK1694" s="119"/>
      <c r="AL1694" s="119"/>
      <c r="AM1694" s="119"/>
      <c r="AN1694" s="119"/>
      <c r="AO1694" s="119"/>
      <c r="AP1694" s="119"/>
      <c r="AQ1694" s="119"/>
      <c r="AR1694" s="119"/>
      <c r="AS1694" s="119"/>
      <c r="AT1694" s="119"/>
      <c r="AU1694" s="119"/>
      <c r="AV1694" s="119"/>
      <c r="AW1694" s="119"/>
      <c r="AX1694" s="119"/>
      <c r="AY1694" s="119"/>
      <c r="AZ1694" s="119"/>
      <c r="BA1694" s="119"/>
      <c r="BB1694" s="107">
        <v>45884</v>
      </c>
    </row>
    <row r="1695" spans="1:54" s="207" customFormat="1" ht="13.95" customHeight="1" x14ac:dyDescent="0.25">
      <c r="A1695" s="208" t="s">
        <v>4081</v>
      </c>
      <c r="B1695" s="209" t="s">
        <v>20420</v>
      </c>
      <c r="C1695" s="113" t="s">
        <v>4082</v>
      </c>
      <c r="D1695" s="113" t="s">
        <v>4083</v>
      </c>
      <c r="E1695" s="210">
        <v>1975</v>
      </c>
      <c r="F1695" s="210">
        <v>2100</v>
      </c>
      <c r="G1695" s="113" t="s">
        <v>1</v>
      </c>
      <c r="H1695" s="113">
        <v>0</v>
      </c>
      <c r="I1695" s="113">
        <v>0</v>
      </c>
      <c r="J1695" s="115">
        <v>1</v>
      </c>
      <c r="K1695" s="116" t="s">
        <v>174</v>
      </c>
      <c r="L1695" s="115">
        <v>1</v>
      </c>
      <c r="M1695" s="115">
        <v>1</v>
      </c>
      <c r="N1695" s="115">
        <v>0</v>
      </c>
      <c r="O1695" s="115">
        <v>1</v>
      </c>
      <c r="P1695" s="115" t="s">
        <v>400</v>
      </c>
      <c r="Q1695" s="115" t="s">
        <v>400</v>
      </c>
      <c r="R1695" s="115">
        <v>1</v>
      </c>
      <c r="S1695" s="115">
        <v>0</v>
      </c>
      <c r="T1695" s="115">
        <v>0</v>
      </c>
      <c r="U1695" s="119"/>
      <c r="V1695" s="119"/>
      <c r="W1695" s="119"/>
      <c r="X1695" s="119"/>
      <c r="Y1695" s="119"/>
      <c r="Z1695" s="119"/>
      <c r="AA1695" s="119"/>
      <c r="AB1695" s="119"/>
      <c r="AC1695" s="119"/>
      <c r="AD1695" s="119"/>
      <c r="AE1695" s="119"/>
      <c r="AF1695" s="119"/>
      <c r="AG1695" s="119"/>
      <c r="AH1695" s="119"/>
      <c r="AI1695" s="119"/>
      <c r="AJ1695" s="119"/>
      <c r="AK1695" s="119"/>
      <c r="AL1695" s="119"/>
      <c r="AM1695" s="119"/>
      <c r="AN1695" s="119"/>
      <c r="AO1695" s="119"/>
      <c r="AP1695" s="119"/>
      <c r="AQ1695" s="119"/>
      <c r="AR1695" s="119"/>
      <c r="AS1695" s="119"/>
      <c r="AT1695" s="119"/>
      <c r="AU1695" s="119"/>
      <c r="AV1695" s="119"/>
      <c r="AW1695" s="119"/>
      <c r="AX1695" s="119"/>
      <c r="AY1695" s="119"/>
      <c r="AZ1695" s="119"/>
      <c r="BA1695" s="119"/>
      <c r="BB1695" s="107">
        <v>45884</v>
      </c>
    </row>
    <row r="1696" spans="1:54" s="207" customFormat="1" ht="13.95" customHeight="1" x14ac:dyDescent="0.25">
      <c r="A1696" s="208" t="s">
        <v>4084</v>
      </c>
      <c r="B1696" s="209" t="s">
        <v>20420</v>
      </c>
      <c r="C1696" s="113" t="s">
        <v>4085</v>
      </c>
      <c r="D1696" s="113" t="s">
        <v>23436</v>
      </c>
      <c r="E1696" s="210">
        <v>1984</v>
      </c>
      <c r="F1696" s="210">
        <v>2100</v>
      </c>
      <c r="G1696" s="113" t="s">
        <v>1</v>
      </c>
      <c r="H1696" s="113">
        <v>0</v>
      </c>
      <c r="I1696" s="113">
        <v>0</v>
      </c>
      <c r="J1696" s="115">
        <v>1</v>
      </c>
      <c r="K1696" s="116" t="s">
        <v>174</v>
      </c>
      <c r="L1696" s="115">
        <v>0</v>
      </c>
      <c r="M1696" s="115">
        <v>0</v>
      </c>
      <c r="N1696" s="115">
        <v>0</v>
      </c>
      <c r="O1696" s="115">
        <v>1</v>
      </c>
      <c r="P1696" s="115">
        <v>1</v>
      </c>
      <c r="Q1696" s="115">
        <v>1</v>
      </c>
      <c r="R1696" s="115">
        <v>1</v>
      </c>
      <c r="S1696" s="115">
        <v>0</v>
      </c>
      <c r="T1696" s="115">
        <v>0</v>
      </c>
      <c r="U1696" s="119"/>
      <c r="V1696" s="119"/>
      <c r="W1696" s="119"/>
      <c r="X1696" s="119"/>
      <c r="Y1696" s="119"/>
      <c r="Z1696" s="119"/>
      <c r="AA1696" s="119"/>
      <c r="AB1696" s="119"/>
      <c r="AC1696" s="119"/>
      <c r="AD1696" s="119"/>
      <c r="AE1696" s="119"/>
      <c r="AF1696" s="119"/>
      <c r="AG1696" s="119"/>
      <c r="AH1696" s="119"/>
      <c r="AI1696" s="119"/>
      <c r="AJ1696" s="119"/>
      <c r="AK1696" s="119"/>
      <c r="AL1696" s="119"/>
      <c r="AM1696" s="119"/>
      <c r="AN1696" s="119"/>
      <c r="AO1696" s="119"/>
      <c r="AP1696" s="119"/>
      <c r="AQ1696" s="119"/>
      <c r="AR1696" s="119"/>
      <c r="AS1696" s="119"/>
      <c r="AT1696" s="119"/>
      <c r="AU1696" s="119"/>
      <c r="AV1696" s="119"/>
      <c r="AW1696" s="119"/>
      <c r="AX1696" s="119"/>
      <c r="AY1696" s="119"/>
      <c r="AZ1696" s="119"/>
      <c r="BA1696" s="119"/>
      <c r="BB1696" s="107">
        <v>45884</v>
      </c>
    </row>
    <row r="1697" spans="1:54" s="207" customFormat="1" ht="13.95" customHeight="1" x14ac:dyDescent="0.25">
      <c r="A1697" s="208" t="s">
        <v>4086</v>
      </c>
      <c r="B1697" s="209" t="s">
        <v>20420</v>
      </c>
      <c r="C1697" s="113" t="s">
        <v>4087</v>
      </c>
      <c r="D1697" s="113" t="s">
        <v>23437</v>
      </c>
      <c r="E1697" s="210">
        <v>1988</v>
      </c>
      <c r="F1697" s="210">
        <v>2102</v>
      </c>
      <c r="G1697" s="113" t="s">
        <v>1</v>
      </c>
      <c r="H1697" s="113">
        <v>0</v>
      </c>
      <c r="I1697" s="113">
        <v>0</v>
      </c>
      <c r="J1697" s="115">
        <v>1</v>
      </c>
      <c r="K1697" s="116" t="s">
        <v>174</v>
      </c>
      <c r="L1697" s="115">
        <v>1</v>
      </c>
      <c r="M1697" s="115">
        <v>0</v>
      </c>
      <c r="N1697" s="115">
        <v>0</v>
      </c>
      <c r="O1697" s="115">
        <v>1</v>
      </c>
      <c r="P1697" s="115">
        <v>1</v>
      </c>
      <c r="Q1697" s="115">
        <v>1</v>
      </c>
      <c r="R1697" s="115">
        <v>0</v>
      </c>
      <c r="S1697" s="115">
        <v>0</v>
      </c>
      <c r="T1697" s="115">
        <v>0</v>
      </c>
      <c r="U1697" s="119"/>
      <c r="V1697" s="119"/>
      <c r="W1697" s="119"/>
      <c r="X1697" s="119"/>
      <c r="Y1697" s="119"/>
      <c r="Z1697" s="119"/>
      <c r="AA1697" s="119"/>
      <c r="AB1697" s="119"/>
      <c r="AC1697" s="119"/>
      <c r="AD1697" s="119"/>
      <c r="AE1697" s="119"/>
      <c r="AF1697" s="119"/>
      <c r="AG1697" s="119"/>
      <c r="AH1697" s="119"/>
      <c r="AI1697" s="119"/>
      <c r="AJ1697" s="119"/>
      <c r="AK1697" s="119"/>
      <c r="AL1697" s="119"/>
      <c r="AM1697" s="119"/>
      <c r="AN1697" s="119"/>
      <c r="AO1697" s="119"/>
      <c r="AP1697" s="119"/>
      <c r="AQ1697" s="119"/>
      <c r="AR1697" s="119"/>
      <c r="AS1697" s="119"/>
      <c r="AT1697" s="119"/>
      <c r="AU1697" s="119"/>
      <c r="AV1697" s="119"/>
      <c r="AW1697" s="119"/>
      <c r="AX1697" s="119"/>
      <c r="AY1697" s="119"/>
      <c r="AZ1697" s="119"/>
      <c r="BA1697" s="119"/>
      <c r="BB1697" s="107">
        <v>45884</v>
      </c>
    </row>
    <row r="1698" spans="1:54" s="207" customFormat="1" ht="13.95" customHeight="1" x14ac:dyDescent="0.25">
      <c r="A1698" s="208" t="s">
        <v>4088</v>
      </c>
      <c r="B1698" s="209" t="s">
        <v>20420</v>
      </c>
      <c r="C1698" s="113" t="s">
        <v>4089</v>
      </c>
      <c r="D1698" s="113" t="s">
        <v>23438</v>
      </c>
      <c r="E1698" s="210">
        <v>1984</v>
      </c>
      <c r="F1698" s="210">
        <v>2108</v>
      </c>
      <c r="G1698" s="113" t="s">
        <v>1</v>
      </c>
      <c r="H1698" s="113">
        <v>0</v>
      </c>
      <c r="I1698" s="113">
        <v>0</v>
      </c>
      <c r="J1698" s="115">
        <v>1</v>
      </c>
      <c r="K1698" s="116" t="s">
        <v>174</v>
      </c>
      <c r="L1698" s="115">
        <v>1</v>
      </c>
      <c r="M1698" s="115">
        <v>1</v>
      </c>
      <c r="N1698" s="115">
        <v>1</v>
      </c>
      <c r="O1698" s="115">
        <v>1</v>
      </c>
      <c r="P1698" s="115">
        <v>1</v>
      </c>
      <c r="Q1698" s="115" t="s">
        <v>400</v>
      </c>
      <c r="R1698" s="115">
        <v>1</v>
      </c>
      <c r="S1698" s="115">
        <v>0</v>
      </c>
      <c r="T1698" s="115">
        <v>0</v>
      </c>
      <c r="U1698" s="119"/>
      <c r="V1698" s="119"/>
      <c r="W1698" s="119"/>
      <c r="X1698" s="119"/>
      <c r="Y1698" s="119"/>
      <c r="Z1698" s="119"/>
      <c r="AA1698" s="119"/>
      <c r="AB1698" s="119"/>
      <c r="AC1698" s="119"/>
      <c r="AD1698" s="119"/>
      <c r="AE1698" s="119"/>
      <c r="AF1698" s="119"/>
      <c r="AG1698" s="119"/>
      <c r="AH1698" s="119"/>
      <c r="AI1698" s="119"/>
      <c r="AJ1698" s="119"/>
      <c r="AK1698" s="119"/>
      <c r="AL1698" s="119"/>
      <c r="AM1698" s="119"/>
      <c r="AN1698" s="119"/>
      <c r="AO1698" s="119"/>
      <c r="AP1698" s="119"/>
      <c r="AQ1698" s="119"/>
      <c r="AR1698" s="119"/>
      <c r="AS1698" s="119"/>
      <c r="AT1698" s="119"/>
      <c r="AU1698" s="119"/>
      <c r="AV1698" s="119"/>
      <c r="AW1698" s="119"/>
      <c r="AX1698" s="119"/>
      <c r="AY1698" s="119"/>
      <c r="AZ1698" s="119"/>
      <c r="BA1698" s="119"/>
      <c r="BB1698" s="107">
        <v>45884</v>
      </c>
    </row>
    <row r="1699" spans="1:54" s="207" customFormat="1" ht="13.95" customHeight="1" x14ac:dyDescent="0.25">
      <c r="A1699" s="208" t="s">
        <v>4090</v>
      </c>
      <c r="B1699" s="209" t="s">
        <v>20420</v>
      </c>
      <c r="C1699" s="113" t="s">
        <v>4091</v>
      </c>
      <c r="D1699" s="113" t="s">
        <v>23439</v>
      </c>
      <c r="E1699" s="210">
        <v>1987</v>
      </c>
      <c r="F1699" s="210">
        <v>2110</v>
      </c>
      <c r="G1699" s="113" t="s">
        <v>1</v>
      </c>
      <c r="H1699" s="113">
        <v>0</v>
      </c>
      <c r="I1699" s="113">
        <v>0</v>
      </c>
      <c r="J1699" s="115">
        <v>1</v>
      </c>
      <c r="K1699" s="211">
        <v>1</v>
      </c>
      <c r="L1699" s="115">
        <v>1</v>
      </c>
      <c r="M1699" s="115">
        <v>0</v>
      </c>
      <c r="N1699" s="115">
        <v>1</v>
      </c>
      <c r="O1699" s="115">
        <v>0</v>
      </c>
      <c r="P1699" s="115">
        <v>1</v>
      </c>
      <c r="Q1699" s="115" t="s">
        <v>400</v>
      </c>
      <c r="R1699" s="115">
        <v>0</v>
      </c>
      <c r="S1699" s="115">
        <v>0</v>
      </c>
      <c r="T1699" s="115">
        <v>0</v>
      </c>
      <c r="U1699" s="119"/>
      <c r="V1699" s="119"/>
      <c r="W1699" s="119"/>
      <c r="X1699" s="119"/>
      <c r="Y1699" s="119"/>
      <c r="Z1699" s="119"/>
      <c r="AA1699" s="119"/>
      <c r="AB1699" s="119"/>
      <c r="AC1699" s="119"/>
      <c r="AD1699" s="119"/>
      <c r="AE1699" s="119"/>
      <c r="AF1699" s="119"/>
      <c r="AG1699" s="119"/>
      <c r="AH1699" s="119"/>
      <c r="AI1699" s="119"/>
      <c r="AJ1699" s="119"/>
      <c r="AK1699" s="119"/>
      <c r="AL1699" s="119"/>
      <c r="AM1699" s="119"/>
      <c r="AN1699" s="119"/>
      <c r="AO1699" s="119"/>
      <c r="AP1699" s="119"/>
      <c r="AQ1699" s="119"/>
      <c r="AR1699" s="119"/>
      <c r="AS1699" s="119"/>
      <c r="AT1699" s="119"/>
      <c r="AU1699" s="119"/>
      <c r="AV1699" s="119"/>
      <c r="AW1699" s="119"/>
      <c r="AX1699" s="119"/>
      <c r="AY1699" s="119"/>
      <c r="AZ1699" s="119"/>
      <c r="BA1699" s="119"/>
      <c r="BB1699" s="107">
        <v>45884</v>
      </c>
    </row>
    <row r="1700" spans="1:54" s="207" customFormat="1" ht="13.95" customHeight="1" x14ac:dyDescent="0.25">
      <c r="A1700" s="208" t="s">
        <v>4092</v>
      </c>
      <c r="B1700" s="209" t="s">
        <v>20420</v>
      </c>
      <c r="C1700" s="113" t="s">
        <v>4093</v>
      </c>
      <c r="D1700" s="113" t="s">
        <v>4094</v>
      </c>
      <c r="E1700" s="210">
        <v>1998</v>
      </c>
      <c r="F1700" s="210">
        <v>2111</v>
      </c>
      <c r="G1700" s="113" t="s">
        <v>1</v>
      </c>
      <c r="H1700" s="113">
        <v>0</v>
      </c>
      <c r="I1700" s="113">
        <v>0</v>
      </c>
      <c r="J1700" s="115">
        <v>1</v>
      </c>
      <c r="K1700" s="211">
        <v>1</v>
      </c>
      <c r="L1700" s="115">
        <v>0</v>
      </c>
      <c r="M1700" s="115">
        <v>1</v>
      </c>
      <c r="N1700" s="115">
        <v>0</v>
      </c>
      <c r="O1700" s="115">
        <v>1</v>
      </c>
      <c r="P1700" s="115" t="s">
        <v>400</v>
      </c>
      <c r="Q1700" s="115" t="s">
        <v>400</v>
      </c>
      <c r="R1700" s="115">
        <v>1</v>
      </c>
      <c r="S1700" s="115">
        <v>0</v>
      </c>
      <c r="T1700" s="115">
        <v>0</v>
      </c>
      <c r="U1700" s="119"/>
      <c r="V1700" s="119"/>
      <c r="W1700" s="119"/>
      <c r="X1700" s="119"/>
      <c r="Y1700" s="119"/>
      <c r="Z1700" s="119"/>
      <c r="AA1700" s="119"/>
      <c r="AB1700" s="119"/>
      <c r="AC1700" s="119"/>
      <c r="AD1700" s="119"/>
      <c r="AE1700" s="119"/>
      <c r="AF1700" s="119"/>
      <c r="AG1700" s="119"/>
      <c r="AH1700" s="119"/>
      <c r="AI1700" s="119"/>
      <c r="AJ1700" s="119"/>
      <c r="AK1700" s="119"/>
      <c r="AL1700" s="119"/>
      <c r="AM1700" s="119"/>
      <c r="AN1700" s="119"/>
      <c r="AO1700" s="119"/>
      <c r="AP1700" s="119"/>
      <c r="AQ1700" s="119"/>
      <c r="AR1700" s="119"/>
      <c r="AS1700" s="119"/>
      <c r="AT1700" s="119"/>
      <c r="AU1700" s="119"/>
      <c r="AV1700" s="119"/>
      <c r="AW1700" s="119"/>
      <c r="AX1700" s="119"/>
      <c r="AY1700" s="119"/>
      <c r="AZ1700" s="119"/>
      <c r="BA1700" s="119"/>
      <c r="BB1700" s="107">
        <v>45884</v>
      </c>
    </row>
    <row r="1701" spans="1:54" s="207" customFormat="1" ht="13.95" customHeight="1" x14ac:dyDescent="0.25">
      <c r="A1701" s="208" t="s">
        <v>4095</v>
      </c>
      <c r="B1701" s="209" t="s">
        <v>20420</v>
      </c>
      <c r="C1701" s="113" t="s">
        <v>4096</v>
      </c>
      <c r="D1701" s="113" t="s">
        <v>4097</v>
      </c>
      <c r="E1701" s="210">
        <v>1975</v>
      </c>
      <c r="F1701" s="210">
        <v>2112</v>
      </c>
      <c r="G1701" s="113" t="s">
        <v>1</v>
      </c>
      <c r="H1701" s="113">
        <v>0</v>
      </c>
      <c r="I1701" s="113">
        <v>0</v>
      </c>
      <c r="J1701" s="115">
        <v>1</v>
      </c>
      <c r="K1701" s="116" t="s">
        <v>174</v>
      </c>
      <c r="L1701" s="115">
        <v>1</v>
      </c>
      <c r="M1701" s="115">
        <v>1</v>
      </c>
      <c r="N1701" s="115">
        <v>0</v>
      </c>
      <c r="O1701" s="115">
        <v>1</v>
      </c>
      <c r="P1701" s="115" t="s">
        <v>400</v>
      </c>
      <c r="Q1701" s="115" t="s">
        <v>400</v>
      </c>
      <c r="R1701" s="115">
        <v>1</v>
      </c>
      <c r="S1701" s="115">
        <v>0</v>
      </c>
      <c r="T1701" s="115">
        <v>0</v>
      </c>
      <c r="U1701" s="119"/>
      <c r="V1701" s="119"/>
      <c r="W1701" s="119"/>
      <c r="X1701" s="119"/>
      <c r="Y1701" s="119"/>
      <c r="Z1701" s="119"/>
      <c r="AA1701" s="119"/>
      <c r="AB1701" s="119"/>
      <c r="AC1701" s="119"/>
      <c r="AD1701" s="119"/>
      <c r="AE1701" s="119"/>
      <c r="AF1701" s="119"/>
      <c r="AG1701" s="119"/>
      <c r="AH1701" s="119"/>
      <c r="AI1701" s="119"/>
      <c r="AJ1701" s="119"/>
      <c r="AK1701" s="119"/>
      <c r="AL1701" s="119"/>
      <c r="AM1701" s="119"/>
      <c r="AN1701" s="119"/>
      <c r="AO1701" s="119"/>
      <c r="AP1701" s="119"/>
      <c r="AQ1701" s="119"/>
      <c r="AR1701" s="119"/>
      <c r="AS1701" s="119"/>
      <c r="AT1701" s="119"/>
      <c r="AU1701" s="119"/>
      <c r="AV1701" s="119"/>
      <c r="AW1701" s="119"/>
      <c r="AX1701" s="119"/>
      <c r="AY1701" s="119"/>
      <c r="AZ1701" s="119"/>
      <c r="BA1701" s="119"/>
      <c r="BB1701" s="107">
        <v>45884</v>
      </c>
    </row>
    <row r="1702" spans="1:54" s="207" customFormat="1" ht="13.95" customHeight="1" x14ac:dyDescent="0.25">
      <c r="A1702" s="208" t="s">
        <v>4098</v>
      </c>
      <c r="B1702" s="209" t="s">
        <v>20420</v>
      </c>
      <c r="C1702" s="113" t="s">
        <v>4099</v>
      </c>
      <c r="D1702" s="113" t="s">
        <v>23440</v>
      </c>
      <c r="E1702" s="210">
        <v>1973</v>
      </c>
      <c r="F1702" s="210">
        <v>2116</v>
      </c>
      <c r="G1702" s="113" t="s">
        <v>1</v>
      </c>
      <c r="H1702" s="113">
        <v>0</v>
      </c>
      <c r="I1702" s="113">
        <v>0</v>
      </c>
      <c r="J1702" s="115">
        <v>1</v>
      </c>
      <c r="K1702" s="211">
        <v>1</v>
      </c>
      <c r="L1702" s="115">
        <v>0</v>
      </c>
      <c r="M1702" s="115">
        <v>1</v>
      </c>
      <c r="N1702" s="115">
        <v>0</v>
      </c>
      <c r="O1702" s="115">
        <v>1</v>
      </c>
      <c r="P1702" s="115" t="s">
        <v>400</v>
      </c>
      <c r="Q1702" s="115" t="s">
        <v>400</v>
      </c>
      <c r="R1702" s="115">
        <v>0</v>
      </c>
      <c r="S1702" s="115">
        <v>0</v>
      </c>
      <c r="T1702" s="115">
        <v>0</v>
      </c>
      <c r="U1702" s="119"/>
      <c r="V1702" s="119"/>
      <c r="W1702" s="119"/>
      <c r="X1702" s="119"/>
      <c r="Y1702" s="119"/>
      <c r="Z1702" s="119"/>
      <c r="AA1702" s="119"/>
      <c r="AB1702" s="119"/>
      <c r="AC1702" s="119"/>
      <c r="AD1702" s="119"/>
      <c r="AE1702" s="119"/>
      <c r="AF1702" s="119"/>
      <c r="AG1702" s="119"/>
      <c r="AH1702" s="119"/>
      <c r="AI1702" s="119"/>
      <c r="AJ1702" s="119"/>
      <c r="AK1702" s="119"/>
      <c r="AL1702" s="119"/>
      <c r="AM1702" s="119"/>
      <c r="AN1702" s="119"/>
      <c r="AO1702" s="119"/>
      <c r="AP1702" s="119"/>
      <c r="AQ1702" s="119"/>
      <c r="AR1702" s="119"/>
      <c r="AS1702" s="119"/>
      <c r="AT1702" s="119"/>
      <c r="AU1702" s="119"/>
      <c r="AV1702" s="119"/>
      <c r="AW1702" s="119"/>
      <c r="AX1702" s="119"/>
      <c r="AY1702" s="119"/>
      <c r="AZ1702" s="119"/>
      <c r="BA1702" s="119"/>
      <c r="BB1702" s="107">
        <v>45884</v>
      </c>
    </row>
    <row r="1703" spans="1:54" s="207" customFormat="1" ht="13.95" customHeight="1" x14ac:dyDescent="0.25">
      <c r="A1703" s="208" t="s">
        <v>4100</v>
      </c>
      <c r="B1703" s="209" t="s">
        <v>20420</v>
      </c>
      <c r="C1703" s="113" t="s">
        <v>4101</v>
      </c>
      <c r="D1703" s="113" t="s">
        <v>23441</v>
      </c>
      <c r="E1703" s="210">
        <v>1981</v>
      </c>
      <c r="F1703" s="210">
        <v>2121</v>
      </c>
      <c r="G1703" s="113" t="s">
        <v>1</v>
      </c>
      <c r="H1703" s="113">
        <v>0</v>
      </c>
      <c r="I1703" s="113">
        <v>0</v>
      </c>
      <c r="J1703" s="115">
        <v>1</v>
      </c>
      <c r="K1703" s="116" t="s">
        <v>174</v>
      </c>
      <c r="L1703" s="115">
        <v>1</v>
      </c>
      <c r="M1703" s="115">
        <v>0</v>
      </c>
      <c r="N1703" s="115">
        <v>1</v>
      </c>
      <c r="O1703" s="115">
        <v>1</v>
      </c>
      <c r="P1703" s="115">
        <v>1</v>
      </c>
      <c r="Q1703" s="115" t="s">
        <v>400</v>
      </c>
      <c r="R1703" s="115">
        <v>0</v>
      </c>
      <c r="S1703" s="115">
        <v>0</v>
      </c>
      <c r="T1703" s="115">
        <v>0</v>
      </c>
      <c r="U1703" s="119"/>
      <c r="V1703" s="119"/>
      <c r="W1703" s="119"/>
      <c r="X1703" s="119"/>
      <c r="Y1703" s="119"/>
      <c r="Z1703" s="119"/>
      <c r="AA1703" s="119"/>
      <c r="AB1703" s="119"/>
      <c r="AC1703" s="119"/>
      <c r="AD1703" s="119"/>
      <c r="AE1703" s="119"/>
      <c r="AF1703" s="119"/>
      <c r="AG1703" s="119"/>
      <c r="AH1703" s="119"/>
      <c r="AI1703" s="119"/>
      <c r="AJ1703" s="119"/>
      <c r="AK1703" s="119"/>
      <c r="AL1703" s="119"/>
      <c r="AM1703" s="119"/>
      <c r="AN1703" s="119"/>
      <c r="AO1703" s="119"/>
      <c r="AP1703" s="119"/>
      <c r="AQ1703" s="119"/>
      <c r="AR1703" s="119"/>
      <c r="AS1703" s="119"/>
      <c r="AT1703" s="119"/>
      <c r="AU1703" s="119"/>
      <c r="AV1703" s="119"/>
      <c r="AW1703" s="119"/>
      <c r="AX1703" s="119"/>
      <c r="AY1703" s="119"/>
      <c r="AZ1703" s="119"/>
      <c r="BA1703" s="119"/>
      <c r="BB1703" s="107">
        <v>45884</v>
      </c>
    </row>
    <row r="1704" spans="1:54" s="207" customFormat="1" ht="13.95" customHeight="1" x14ac:dyDescent="0.25">
      <c r="A1704" s="208" t="s">
        <v>4102</v>
      </c>
      <c r="B1704" s="209" t="s">
        <v>20420</v>
      </c>
      <c r="C1704" s="113" t="s">
        <v>4103</v>
      </c>
      <c r="D1704" s="113" t="s">
        <v>4104</v>
      </c>
      <c r="E1704" s="210">
        <v>1998</v>
      </c>
      <c r="F1704" s="210">
        <v>2121</v>
      </c>
      <c r="G1704" s="113" t="s">
        <v>1</v>
      </c>
      <c r="H1704" s="113">
        <v>0</v>
      </c>
      <c r="I1704" s="113">
        <v>0</v>
      </c>
      <c r="J1704" s="115">
        <v>1</v>
      </c>
      <c r="K1704" s="211">
        <v>1</v>
      </c>
      <c r="L1704" s="115">
        <v>1</v>
      </c>
      <c r="M1704" s="115">
        <v>0</v>
      </c>
      <c r="N1704" s="115">
        <v>0</v>
      </c>
      <c r="O1704" s="115">
        <v>1</v>
      </c>
      <c r="P1704" s="115">
        <v>1</v>
      </c>
      <c r="Q1704" s="115" t="s">
        <v>400</v>
      </c>
      <c r="R1704" s="115">
        <v>1</v>
      </c>
      <c r="S1704" s="115">
        <v>0</v>
      </c>
      <c r="T1704" s="115">
        <v>0</v>
      </c>
      <c r="U1704" s="119"/>
      <c r="V1704" s="119"/>
      <c r="W1704" s="119"/>
      <c r="X1704" s="119"/>
      <c r="Y1704" s="119"/>
      <c r="Z1704" s="119"/>
      <c r="AA1704" s="119"/>
      <c r="AB1704" s="119"/>
      <c r="AC1704" s="119"/>
      <c r="AD1704" s="119"/>
      <c r="AE1704" s="119"/>
      <c r="AF1704" s="119"/>
      <c r="AG1704" s="119"/>
      <c r="AH1704" s="119"/>
      <c r="AI1704" s="119"/>
      <c r="AJ1704" s="119"/>
      <c r="AK1704" s="119"/>
      <c r="AL1704" s="119"/>
      <c r="AM1704" s="119"/>
      <c r="AN1704" s="119"/>
      <c r="AO1704" s="119"/>
      <c r="AP1704" s="119"/>
      <c r="AQ1704" s="119"/>
      <c r="AR1704" s="119"/>
      <c r="AS1704" s="119"/>
      <c r="AT1704" s="119"/>
      <c r="AU1704" s="119"/>
      <c r="AV1704" s="119"/>
      <c r="AW1704" s="119"/>
      <c r="AX1704" s="119"/>
      <c r="AY1704" s="119"/>
      <c r="AZ1704" s="119"/>
      <c r="BA1704" s="119"/>
      <c r="BB1704" s="107">
        <v>45884</v>
      </c>
    </row>
    <row r="1705" spans="1:54" s="207" customFormat="1" ht="13.95" customHeight="1" x14ac:dyDescent="0.25">
      <c r="A1705" s="208" t="s">
        <v>4105</v>
      </c>
      <c r="B1705" s="209" t="s">
        <v>20420</v>
      </c>
      <c r="C1705" s="113" t="s">
        <v>4106</v>
      </c>
      <c r="D1705" s="113" t="s">
        <v>23442</v>
      </c>
      <c r="E1705" s="210">
        <v>1951</v>
      </c>
      <c r="F1705" s="210">
        <v>2122</v>
      </c>
      <c r="G1705" s="113" t="s">
        <v>1</v>
      </c>
      <c r="H1705" s="113">
        <v>0</v>
      </c>
      <c r="I1705" s="113">
        <v>0</v>
      </c>
      <c r="J1705" s="115">
        <v>1</v>
      </c>
      <c r="K1705" s="116" t="s">
        <v>174</v>
      </c>
      <c r="L1705" s="115">
        <v>1</v>
      </c>
      <c r="M1705" s="115">
        <v>0</v>
      </c>
      <c r="N1705" s="115">
        <v>0</v>
      </c>
      <c r="O1705" s="115">
        <v>1</v>
      </c>
      <c r="P1705" s="115">
        <v>1</v>
      </c>
      <c r="Q1705" s="115" t="s">
        <v>400</v>
      </c>
      <c r="R1705" s="115">
        <v>1</v>
      </c>
      <c r="S1705" s="115">
        <v>0</v>
      </c>
      <c r="T1705" s="115">
        <v>0</v>
      </c>
      <c r="U1705" s="119"/>
      <c r="V1705" s="119"/>
      <c r="W1705" s="119"/>
      <c r="X1705" s="119"/>
      <c r="Y1705" s="119"/>
      <c r="Z1705" s="119"/>
      <c r="AA1705" s="119"/>
      <c r="AB1705" s="119"/>
      <c r="AC1705" s="119"/>
      <c r="AD1705" s="119"/>
      <c r="AE1705" s="119"/>
      <c r="AF1705" s="119"/>
      <c r="AG1705" s="119"/>
      <c r="AH1705" s="119"/>
      <c r="AI1705" s="119"/>
      <c r="AJ1705" s="119"/>
      <c r="AK1705" s="119"/>
      <c r="AL1705" s="119"/>
      <c r="AM1705" s="119"/>
      <c r="AN1705" s="119"/>
      <c r="AO1705" s="119"/>
      <c r="AP1705" s="119"/>
      <c r="AQ1705" s="119"/>
      <c r="AR1705" s="119"/>
      <c r="AS1705" s="119"/>
      <c r="AT1705" s="119"/>
      <c r="AU1705" s="119"/>
      <c r="AV1705" s="119"/>
      <c r="AW1705" s="119"/>
      <c r="AX1705" s="119"/>
      <c r="AY1705" s="119"/>
      <c r="AZ1705" s="119"/>
      <c r="BA1705" s="119"/>
      <c r="BB1705" s="107">
        <v>45884</v>
      </c>
    </row>
    <row r="1706" spans="1:54" s="207" customFormat="1" ht="13.95" customHeight="1" x14ac:dyDescent="0.25">
      <c r="A1706" s="208" t="s">
        <v>4107</v>
      </c>
      <c r="B1706" s="209" t="s">
        <v>20420</v>
      </c>
      <c r="C1706" s="113" t="s">
        <v>4108</v>
      </c>
      <c r="D1706" s="113" t="s">
        <v>4109</v>
      </c>
      <c r="E1706" s="210">
        <v>1988</v>
      </c>
      <c r="F1706" s="210">
        <v>2124</v>
      </c>
      <c r="G1706" s="113" t="s">
        <v>1</v>
      </c>
      <c r="H1706" s="113">
        <v>1</v>
      </c>
      <c r="I1706" s="113">
        <v>1</v>
      </c>
      <c r="J1706" s="115">
        <v>1</v>
      </c>
      <c r="K1706" s="116" t="s">
        <v>174</v>
      </c>
      <c r="L1706" s="115">
        <v>1</v>
      </c>
      <c r="M1706" s="115">
        <v>0</v>
      </c>
      <c r="N1706" s="115">
        <v>1</v>
      </c>
      <c r="O1706" s="115">
        <v>1</v>
      </c>
      <c r="P1706" s="115">
        <v>1</v>
      </c>
      <c r="Q1706" s="115" t="s">
        <v>400</v>
      </c>
      <c r="R1706" s="115">
        <v>1</v>
      </c>
      <c r="S1706" s="115">
        <v>0</v>
      </c>
      <c r="T1706" s="115">
        <v>0</v>
      </c>
      <c r="U1706" s="119"/>
      <c r="V1706" s="119"/>
      <c r="W1706" s="119"/>
      <c r="X1706" s="119"/>
      <c r="Y1706" s="119"/>
      <c r="Z1706" s="119"/>
      <c r="AA1706" s="119"/>
      <c r="AB1706" s="119"/>
      <c r="AC1706" s="119"/>
      <c r="AD1706" s="119"/>
      <c r="AE1706" s="119"/>
      <c r="AF1706" s="119"/>
      <c r="AG1706" s="119"/>
      <c r="AH1706" s="119"/>
      <c r="AI1706" s="119"/>
      <c r="AJ1706" s="119"/>
      <c r="AK1706" s="119"/>
      <c r="AL1706" s="119"/>
      <c r="AM1706" s="119"/>
      <c r="AN1706" s="119"/>
      <c r="AO1706" s="119"/>
      <c r="AP1706" s="119"/>
      <c r="AQ1706" s="119"/>
      <c r="AR1706" s="119"/>
      <c r="AS1706" s="119"/>
      <c r="AT1706" s="119"/>
      <c r="AU1706" s="119"/>
      <c r="AV1706" s="119"/>
      <c r="AW1706" s="119"/>
      <c r="AX1706" s="119"/>
      <c r="AY1706" s="119"/>
      <c r="AZ1706" s="119"/>
      <c r="BA1706" s="119"/>
      <c r="BB1706" s="107">
        <v>45884</v>
      </c>
    </row>
    <row r="1707" spans="1:54" s="207" customFormat="1" ht="13.95" customHeight="1" x14ac:dyDescent="0.25">
      <c r="A1707" s="208" t="s">
        <v>4110</v>
      </c>
      <c r="B1707" s="209" t="s">
        <v>20420</v>
      </c>
      <c r="C1707" s="113" t="s">
        <v>4111</v>
      </c>
      <c r="D1707" s="113" t="s">
        <v>23443</v>
      </c>
      <c r="E1707" s="210">
        <v>1997</v>
      </c>
      <c r="F1707" s="210">
        <v>2125</v>
      </c>
      <c r="G1707" s="113" t="s">
        <v>11</v>
      </c>
      <c r="H1707" s="113">
        <v>0</v>
      </c>
      <c r="I1707" s="113">
        <v>0</v>
      </c>
      <c r="J1707" s="115">
        <v>1</v>
      </c>
      <c r="K1707" s="116" t="s">
        <v>174</v>
      </c>
      <c r="L1707" s="115">
        <v>0</v>
      </c>
      <c r="M1707" s="115">
        <v>0</v>
      </c>
      <c r="N1707" s="115">
        <v>0</v>
      </c>
      <c r="O1707" s="115">
        <v>0</v>
      </c>
      <c r="P1707" s="115" t="s">
        <v>400</v>
      </c>
      <c r="Q1707" s="115">
        <v>1</v>
      </c>
      <c r="R1707" s="115">
        <v>0</v>
      </c>
      <c r="S1707" s="115">
        <v>0</v>
      </c>
      <c r="T1707" s="115">
        <v>0</v>
      </c>
      <c r="U1707" s="113" t="s">
        <v>174</v>
      </c>
      <c r="V1707" s="113" t="s">
        <v>174</v>
      </c>
      <c r="W1707" s="113" t="s">
        <v>174</v>
      </c>
      <c r="X1707" s="113" t="s">
        <v>174</v>
      </c>
      <c r="Y1707" s="113" t="s">
        <v>174</v>
      </c>
      <c r="Z1707" s="113" t="s">
        <v>174</v>
      </c>
      <c r="AA1707" s="113" t="s">
        <v>174</v>
      </c>
      <c r="AB1707" s="113" t="s">
        <v>174</v>
      </c>
      <c r="AC1707" s="113" t="s">
        <v>174</v>
      </c>
      <c r="AD1707" s="113" t="s">
        <v>174</v>
      </c>
      <c r="AE1707" s="113" t="s">
        <v>174</v>
      </c>
      <c r="AF1707" s="113" t="s">
        <v>174</v>
      </c>
      <c r="AG1707" s="113" t="s">
        <v>174</v>
      </c>
      <c r="AH1707" s="113" t="s">
        <v>174</v>
      </c>
      <c r="AI1707" s="113" t="s">
        <v>174</v>
      </c>
      <c r="AJ1707" s="113" t="s">
        <v>174</v>
      </c>
      <c r="AK1707" s="113" t="s">
        <v>174</v>
      </c>
      <c r="AL1707" s="113" t="s">
        <v>174</v>
      </c>
      <c r="AM1707" s="113" t="s">
        <v>174</v>
      </c>
      <c r="AN1707" s="113" t="s">
        <v>174</v>
      </c>
      <c r="AO1707" s="113" t="s">
        <v>174</v>
      </c>
      <c r="AP1707" s="113" t="s">
        <v>174</v>
      </c>
      <c r="AQ1707" s="113" t="s">
        <v>174</v>
      </c>
      <c r="AR1707" s="113" t="s">
        <v>174</v>
      </c>
      <c r="AS1707" s="113" t="s">
        <v>174</v>
      </c>
      <c r="AT1707" s="121" t="s">
        <v>174</v>
      </c>
      <c r="AU1707" s="113" t="s">
        <v>174</v>
      </c>
      <c r="AV1707" s="113" t="s">
        <v>174</v>
      </c>
      <c r="AW1707" s="113" t="s">
        <v>174</v>
      </c>
      <c r="AX1707" s="113"/>
      <c r="AY1707" s="113"/>
      <c r="AZ1707" s="113"/>
      <c r="BA1707" s="113"/>
      <c r="BB1707" s="107">
        <v>45884</v>
      </c>
    </row>
    <row r="1708" spans="1:54" s="207" customFormat="1" ht="13.95" customHeight="1" x14ac:dyDescent="0.25">
      <c r="A1708" s="208" t="s">
        <v>4112</v>
      </c>
      <c r="B1708" s="209" t="s">
        <v>20420</v>
      </c>
      <c r="C1708" s="113" t="s">
        <v>4113</v>
      </c>
      <c r="D1708" s="113" t="s">
        <v>23444</v>
      </c>
      <c r="E1708" s="210">
        <v>2014</v>
      </c>
      <c r="F1708" s="210">
        <v>2130</v>
      </c>
      <c r="G1708" s="113" t="s">
        <v>1</v>
      </c>
      <c r="H1708" s="113">
        <v>0</v>
      </c>
      <c r="I1708" s="113">
        <v>0</v>
      </c>
      <c r="J1708" s="115">
        <v>1</v>
      </c>
      <c r="K1708" s="116" t="s">
        <v>174</v>
      </c>
      <c r="L1708" s="115">
        <v>1</v>
      </c>
      <c r="M1708" s="115">
        <v>0</v>
      </c>
      <c r="N1708" s="115">
        <v>0</v>
      </c>
      <c r="O1708" s="115">
        <v>0</v>
      </c>
      <c r="P1708" s="115">
        <v>1</v>
      </c>
      <c r="Q1708" s="115" t="s">
        <v>400</v>
      </c>
      <c r="R1708" s="115">
        <v>1</v>
      </c>
      <c r="S1708" s="115">
        <v>0</v>
      </c>
      <c r="T1708" s="115">
        <v>0</v>
      </c>
      <c r="U1708" s="119"/>
      <c r="V1708" s="119"/>
      <c r="W1708" s="119"/>
      <c r="X1708" s="119"/>
      <c r="Y1708" s="119"/>
      <c r="Z1708" s="119"/>
      <c r="AA1708" s="119"/>
      <c r="AB1708" s="119"/>
      <c r="AC1708" s="119"/>
      <c r="AD1708" s="119"/>
      <c r="AE1708" s="119"/>
      <c r="AF1708" s="119"/>
      <c r="AG1708" s="119"/>
      <c r="AH1708" s="119"/>
      <c r="AI1708" s="119"/>
      <c r="AJ1708" s="119"/>
      <c r="AK1708" s="119"/>
      <c r="AL1708" s="119"/>
      <c r="AM1708" s="119"/>
      <c r="AN1708" s="119"/>
      <c r="AO1708" s="119"/>
      <c r="AP1708" s="119"/>
      <c r="AQ1708" s="119"/>
      <c r="AR1708" s="119"/>
      <c r="AS1708" s="119"/>
      <c r="AT1708" s="119"/>
      <c r="AU1708" s="119"/>
      <c r="AV1708" s="119"/>
      <c r="AW1708" s="119"/>
      <c r="AX1708" s="119"/>
      <c r="AY1708" s="119"/>
      <c r="AZ1708" s="119"/>
      <c r="BA1708" s="119"/>
      <c r="BB1708" s="107">
        <v>45884</v>
      </c>
    </row>
    <row r="1709" spans="1:54" s="207" customFormat="1" ht="13.95" customHeight="1" x14ac:dyDescent="0.25">
      <c r="A1709" s="208" t="s">
        <v>4114</v>
      </c>
      <c r="B1709" s="209" t="s">
        <v>20420</v>
      </c>
      <c r="C1709" s="113" t="s">
        <v>4115</v>
      </c>
      <c r="D1709" s="113" t="s">
        <v>4116</v>
      </c>
      <c r="E1709" s="210">
        <v>1975</v>
      </c>
      <c r="F1709" s="210">
        <v>2134</v>
      </c>
      <c r="G1709" s="113" t="s">
        <v>1</v>
      </c>
      <c r="H1709" s="113">
        <v>0</v>
      </c>
      <c r="I1709" s="113">
        <v>0</v>
      </c>
      <c r="J1709" s="115">
        <v>1</v>
      </c>
      <c r="K1709" s="211">
        <v>1</v>
      </c>
      <c r="L1709" s="115">
        <v>1</v>
      </c>
      <c r="M1709" s="115">
        <v>0</v>
      </c>
      <c r="N1709" s="115">
        <v>0</v>
      </c>
      <c r="O1709" s="115">
        <v>1</v>
      </c>
      <c r="P1709" s="115">
        <v>1</v>
      </c>
      <c r="Q1709" s="115" t="s">
        <v>400</v>
      </c>
      <c r="R1709" s="115">
        <v>0</v>
      </c>
      <c r="S1709" s="115">
        <v>0</v>
      </c>
      <c r="T1709" s="115">
        <v>0</v>
      </c>
      <c r="U1709" s="119"/>
      <c r="V1709" s="119"/>
      <c r="W1709" s="119"/>
      <c r="X1709" s="119"/>
      <c r="Y1709" s="119"/>
      <c r="Z1709" s="119"/>
      <c r="AA1709" s="119"/>
      <c r="AB1709" s="119"/>
      <c r="AC1709" s="119"/>
      <c r="AD1709" s="119"/>
      <c r="AE1709" s="119"/>
      <c r="AF1709" s="119"/>
      <c r="AG1709" s="119"/>
      <c r="AH1709" s="119"/>
      <c r="AI1709" s="119"/>
      <c r="AJ1709" s="119"/>
      <c r="AK1709" s="119"/>
      <c r="AL1709" s="119"/>
      <c r="AM1709" s="119"/>
      <c r="AN1709" s="119"/>
      <c r="AO1709" s="119"/>
      <c r="AP1709" s="119"/>
      <c r="AQ1709" s="119"/>
      <c r="AR1709" s="119"/>
      <c r="AS1709" s="119"/>
      <c r="AT1709" s="119"/>
      <c r="AU1709" s="119"/>
      <c r="AV1709" s="119"/>
      <c r="AW1709" s="119"/>
      <c r="AX1709" s="119"/>
      <c r="AY1709" s="119"/>
      <c r="AZ1709" s="119"/>
      <c r="BA1709" s="119"/>
      <c r="BB1709" s="107">
        <v>45884</v>
      </c>
    </row>
    <row r="1710" spans="1:54" s="207" customFormat="1" ht="13.95" customHeight="1" x14ac:dyDescent="0.25">
      <c r="A1710" s="208" t="s">
        <v>4117</v>
      </c>
      <c r="B1710" s="209" t="s">
        <v>20420</v>
      </c>
      <c r="C1710" s="113" t="s">
        <v>4118</v>
      </c>
      <c r="D1710" s="113" t="s">
        <v>4119</v>
      </c>
      <c r="E1710" s="210">
        <v>1964</v>
      </c>
      <c r="F1710" s="210">
        <v>2142</v>
      </c>
      <c r="G1710" s="113" t="s">
        <v>1</v>
      </c>
      <c r="H1710" s="113">
        <v>1</v>
      </c>
      <c r="I1710" s="113">
        <v>0</v>
      </c>
      <c r="J1710" s="115">
        <v>1</v>
      </c>
      <c r="K1710" s="116" t="s">
        <v>174</v>
      </c>
      <c r="L1710" s="115">
        <v>1</v>
      </c>
      <c r="M1710" s="115">
        <v>0</v>
      </c>
      <c r="N1710" s="115">
        <v>0</v>
      </c>
      <c r="O1710" s="115">
        <v>1</v>
      </c>
      <c r="P1710" s="115">
        <v>1</v>
      </c>
      <c r="Q1710" s="115" t="s">
        <v>400</v>
      </c>
      <c r="R1710" s="115">
        <v>0</v>
      </c>
      <c r="S1710" s="115">
        <v>0</v>
      </c>
      <c r="T1710" s="115">
        <v>0</v>
      </c>
      <c r="U1710" s="119"/>
      <c r="V1710" s="119"/>
      <c r="W1710" s="119"/>
      <c r="X1710" s="119"/>
      <c r="Y1710" s="119"/>
      <c r="Z1710" s="119"/>
      <c r="AA1710" s="119"/>
      <c r="AB1710" s="119"/>
      <c r="AC1710" s="119"/>
      <c r="AD1710" s="119"/>
      <c r="AE1710" s="119"/>
      <c r="AF1710" s="122">
        <v>1</v>
      </c>
      <c r="AG1710" s="119"/>
      <c r="AH1710" s="119"/>
      <c r="AI1710" s="119"/>
      <c r="AJ1710" s="119"/>
      <c r="AK1710" s="119"/>
      <c r="AL1710" s="119"/>
      <c r="AM1710" s="119"/>
      <c r="AN1710" s="119"/>
      <c r="AO1710" s="119"/>
      <c r="AP1710" s="119"/>
      <c r="AQ1710" s="119"/>
      <c r="AR1710" s="119"/>
      <c r="AS1710" s="119"/>
      <c r="AT1710" s="119"/>
      <c r="AU1710" s="119"/>
      <c r="AV1710" s="119"/>
      <c r="AW1710" s="119"/>
      <c r="AX1710" s="119"/>
      <c r="AY1710" s="119"/>
      <c r="AZ1710" s="123" t="s">
        <v>23203</v>
      </c>
      <c r="BA1710" s="122" t="s">
        <v>19478</v>
      </c>
      <c r="BB1710" s="107">
        <v>45884</v>
      </c>
    </row>
    <row r="1711" spans="1:54" s="207" customFormat="1" ht="13.95" customHeight="1" x14ac:dyDescent="0.25">
      <c r="A1711" s="208" t="s">
        <v>4120</v>
      </c>
      <c r="B1711" s="209" t="s">
        <v>20420</v>
      </c>
      <c r="C1711" s="113" t="s">
        <v>4121</v>
      </c>
      <c r="D1711" s="113" t="s">
        <v>4122</v>
      </c>
      <c r="E1711" s="210">
        <v>2008</v>
      </c>
      <c r="F1711" s="210">
        <v>2143</v>
      </c>
      <c r="G1711" s="113" t="s">
        <v>1</v>
      </c>
      <c r="H1711" s="113">
        <v>0</v>
      </c>
      <c r="I1711" s="113">
        <v>0</v>
      </c>
      <c r="J1711" s="115">
        <v>1</v>
      </c>
      <c r="K1711" s="211">
        <v>1</v>
      </c>
      <c r="L1711" s="115">
        <v>1</v>
      </c>
      <c r="M1711" s="115">
        <v>1</v>
      </c>
      <c r="N1711" s="115">
        <v>0</v>
      </c>
      <c r="O1711" s="115">
        <v>0</v>
      </c>
      <c r="P1711" s="115" t="s">
        <v>400</v>
      </c>
      <c r="Q1711" s="115" t="s">
        <v>400</v>
      </c>
      <c r="R1711" s="115">
        <v>1</v>
      </c>
      <c r="S1711" s="115">
        <v>0</v>
      </c>
      <c r="T1711" s="115">
        <v>0</v>
      </c>
      <c r="U1711" s="119"/>
      <c r="V1711" s="119"/>
      <c r="W1711" s="119"/>
      <c r="X1711" s="119"/>
      <c r="Y1711" s="119"/>
      <c r="Z1711" s="119"/>
      <c r="AA1711" s="119"/>
      <c r="AB1711" s="119"/>
      <c r="AC1711" s="119"/>
      <c r="AD1711" s="119"/>
      <c r="AE1711" s="119"/>
      <c r="AF1711" s="119"/>
      <c r="AG1711" s="119"/>
      <c r="AH1711" s="119"/>
      <c r="AI1711" s="119"/>
      <c r="AJ1711" s="119"/>
      <c r="AK1711" s="119"/>
      <c r="AL1711" s="119"/>
      <c r="AM1711" s="119"/>
      <c r="AN1711" s="119"/>
      <c r="AO1711" s="119"/>
      <c r="AP1711" s="119"/>
      <c r="AQ1711" s="119"/>
      <c r="AR1711" s="119"/>
      <c r="AS1711" s="119"/>
      <c r="AT1711" s="119"/>
      <c r="AU1711" s="119"/>
      <c r="AV1711" s="119"/>
      <c r="AW1711" s="119"/>
      <c r="AX1711" s="119"/>
      <c r="AY1711" s="119"/>
      <c r="AZ1711" s="119"/>
      <c r="BA1711" s="119"/>
      <c r="BB1711" s="107">
        <v>45884</v>
      </c>
    </row>
    <row r="1712" spans="1:54" s="207" customFormat="1" ht="13.95" customHeight="1" x14ac:dyDescent="0.25">
      <c r="A1712" s="208" t="s">
        <v>4123</v>
      </c>
      <c r="B1712" s="209" t="s">
        <v>20420</v>
      </c>
      <c r="C1712" s="113" t="s">
        <v>4124</v>
      </c>
      <c r="D1712" s="113" t="s">
        <v>4125</v>
      </c>
      <c r="E1712" s="210">
        <v>1973</v>
      </c>
      <c r="F1712" s="210">
        <v>2146</v>
      </c>
      <c r="G1712" s="113" t="s">
        <v>1</v>
      </c>
      <c r="H1712" s="113">
        <v>0</v>
      </c>
      <c r="I1712" s="113">
        <v>0</v>
      </c>
      <c r="J1712" s="115">
        <v>1</v>
      </c>
      <c r="K1712" s="116" t="s">
        <v>174</v>
      </c>
      <c r="L1712" s="115">
        <v>1</v>
      </c>
      <c r="M1712" s="115">
        <v>1</v>
      </c>
      <c r="N1712" s="115">
        <v>1</v>
      </c>
      <c r="O1712" s="115">
        <v>1</v>
      </c>
      <c r="P1712" s="115" t="s">
        <v>400</v>
      </c>
      <c r="Q1712" s="115" t="s">
        <v>400</v>
      </c>
      <c r="R1712" s="115">
        <v>1</v>
      </c>
      <c r="S1712" s="115">
        <v>0</v>
      </c>
      <c r="T1712" s="115">
        <v>0</v>
      </c>
      <c r="U1712" s="119"/>
      <c r="V1712" s="119"/>
      <c r="W1712" s="119"/>
      <c r="X1712" s="119"/>
      <c r="Y1712" s="119"/>
      <c r="Z1712" s="119"/>
      <c r="AA1712" s="119"/>
      <c r="AB1712" s="119"/>
      <c r="AC1712" s="119"/>
      <c r="AD1712" s="119"/>
      <c r="AE1712" s="119"/>
      <c r="AF1712" s="119"/>
      <c r="AG1712" s="119"/>
      <c r="AH1712" s="119"/>
      <c r="AI1712" s="119"/>
      <c r="AJ1712" s="119"/>
      <c r="AK1712" s="119"/>
      <c r="AL1712" s="119"/>
      <c r="AM1712" s="119"/>
      <c r="AN1712" s="119"/>
      <c r="AO1712" s="119"/>
      <c r="AP1712" s="119"/>
      <c r="AQ1712" s="119"/>
      <c r="AR1712" s="119"/>
      <c r="AS1712" s="119"/>
      <c r="AT1712" s="119"/>
      <c r="AU1712" s="119"/>
      <c r="AV1712" s="119"/>
      <c r="AW1712" s="119"/>
      <c r="AX1712" s="119"/>
      <c r="AY1712" s="119"/>
      <c r="AZ1712" s="119"/>
      <c r="BA1712" s="119"/>
      <c r="BB1712" s="107">
        <v>45884</v>
      </c>
    </row>
    <row r="1713" spans="1:54" s="207" customFormat="1" ht="13.95" customHeight="1" x14ac:dyDescent="0.25">
      <c r="A1713" s="208" t="s">
        <v>4126</v>
      </c>
      <c r="B1713" s="209" t="s">
        <v>20420</v>
      </c>
      <c r="C1713" s="113" t="s">
        <v>4127</v>
      </c>
      <c r="D1713" s="113" t="s">
        <v>23445</v>
      </c>
      <c r="E1713" s="210">
        <v>1953</v>
      </c>
      <c r="F1713" s="210">
        <v>2147</v>
      </c>
      <c r="G1713" s="113" t="s">
        <v>1</v>
      </c>
      <c r="H1713" s="113">
        <v>0</v>
      </c>
      <c r="I1713" s="113">
        <v>0</v>
      </c>
      <c r="J1713" s="115">
        <v>1</v>
      </c>
      <c r="K1713" s="116" t="s">
        <v>174</v>
      </c>
      <c r="L1713" s="115">
        <v>1</v>
      </c>
      <c r="M1713" s="115">
        <v>1</v>
      </c>
      <c r="N1713" s="115">
        <v>0</v>
      </c>
      <c r="O1713" s="115">
        <v>1</v>
      </c>
      <c r="P1713" s="115" t="s">
        <v>400</v>
      </c>
      <c r="Q1713" s="115" t="s">
        <v>400</v>
      </c>
      <c r="R1713" s="115">
        <v>1</v>
      </c>
      <c r="S1713" s="115">
        <v>0</v>
      </c>
      <c r="T1713" s="115">
        <v>0</v>
      </c>
      <c r="U1713" s="119"/>
      <c r="V1713" s="119"/>
      <c r="W1713" s="119"/>
      <c r="X1713" s="119"/>
      <c r="Y1713" s="119"/>
      <c r="Z1713" s="119"/>
      <c r="AA1713" s="119"/>
      <c r="AB1713" s="119"/>
      <c r="AC1713" s="119"/>
      <c r="AD1713" s="119"/>
      <c r="AE1713" s="119"/>
      <c r="AF1713" s="119"/>
      <c r="AG1713" s="119"/>
      <c r="AH1713" s="119"/>
      <c r="AI1713" s="119"/>
      <c r="AJ1713" s="119"/>
      <c r="AK1713" s="119"/>
      <c r="AL1713" s="119"/>
      <c r="AM1713" s="119"/>
      <c r="AN1713" s="119"/>
      <c r="AO1713" s="119"/>
      <c r="AP1713" s="119"/>
      <c r="AQ1713" s="119"/>
      <c r="AR1713" s="119"/>
      <c r="AS1713" s="119"/>
      <c r="AT1713" s="119"/>
      <c r="AU1713" s="119"/>
      <c r="AV1713" s="119"/>
      <c r="AW1713" s="119"/>
      <c r="AX1713" s="119"/>
      <c r="AY1713" s="119"/>
      <c r="AZ1713" s="119"/>
      <c r="BA1713" s="119"/>
      <c r="BB1713" s="107">
        <v>45884</v>
      </c>
    </row>
    <row r="1714" spans="1:54" s="207" customFormat="1" ht="13.95" customHeight="1" x14ac:dyDescent="0.25">
      <c r="A1714" s="208" t="s">
        <v>4128</v>
      </c>
      <c r="B1714" s="209" t="s">
        <v>20420</v>
      </c>
      <c r="C1714" s="113" t="s">
        <v>4129</v>
      </c>
      <c r="D1714" s="113" t="s">
        <v>23446</v>
      </c>
      <c r="E1714" s="210">
        <v>1979</v>
      </c>
      <c r="F1714" s="210">
        <v>2154</v>
      </c>
      <c r="G1714" s="113" t="s">
        <v>1</v>
      </c>
      <c r="H1714" s="113">
        <v>0</v>
      </c>
      <c r="I1714" s="113">
        <v>0</v>
      </c>
      <c r="J1714" s="115">
        <v>1</v>
      </c>
      <c r="K1714" s="116" t="s">
        <v>174</v>
      </c>
      <c r="L1714" s="115">
        <v>1</v>
      </c>
      <c r="M1714" s="115">
        <v>1</v>
      </c>
      <c r="N1714" s="115">
        <v>0</v>
      </c>
      <c r="O1714" s="115">
        <v>1</v>
      </c>
      <c r="P1714" s="115" t="s">
        <v>400</v>
      </c>
      <c r="Q1714" s="115" t="s">
        <v>400</v>
      </c>
      <c r="R1714" s="115">
        <v>1</v>
      </c>
      <c r="S1714" s="115">
        <v>0</v>
      </c>
      <c r="T1714" s="115">
        <v>0</v>
      </c>
      <c r="U1714" s="119"/>
      <c r="V1714" s="119"/>
      <c r="W1714" s="119"/>
      <c r="X1714" s="119"/>
      <c r="Y1714" s="119"/>
      <c r="Z1714" s="119"/>
      <c r="AA1714" s="119"/>
      <c r="AB1714" s="119"/>
      <c r="AC1714" s="119"/>
      <c r="AD1714" s="119"/>
      <c r="AE1714" s="119"/>
      <c r="AF1714" s="119"/>
      <c r="AG1714" s="119"/>
      <c r="AH1714" s="119"/>
      <c r="AI1714" s="119"/>
      <c r="AJ1714" s="119"/>
      <c r="AK1714" s="119"/>
      <c r="AL1714" s="119"/>
      <c r="AM1714" s="119"/>
      <c r="AN1714" s="119"/>
      <c r="AO1714" s="119"/>
      <c r="AP1714" s="119"/>
      <c r="AQ1714" s="119"/>
      <c r="AR1714" s="119"/>
      <c r="AS1714" s="119"/>
      <c r="AT1714" s="119"/>
      <c r="AU1714" s="119"/>
      <c r="AV1714" s="119"/>
      <c r="AW1714" s="119"/>
      <c r="AX1714" s="119"/>
      <c r="AY1714" s="119"/>
      <c r="AZ1714" s="119"/>
      <c r="BA1714" s="119"/>
      <c r="BB1714" s="107">
        <v>45884</v>
      </c>
    </row>
    <row r="1715" spans="1:54" s="207" customFormat="1" ht="13.95" customHeight="1" x14ac:dyDescent="0.25">
      <c r="A1715" s="208" t="s">
        <v>4130</v>
      </c>
      <c r="B1715" s="209" t="s">
        <v>20420</v>
      </c>
      <c r="C1715" s="113" t="s">
        <v>4131</v>
      </c>
      <c r="D1715" s="113" t="s">
        <v>23447</v>
      </c>
      <c r="E1715" s="210">
        <v>1998</v>
      </c>
      <c r="F1715" s="210">
        <v>2156</v>
      </c>
      <c r="G1715" s="113" t="s">
        <v>1</v>
      </c>
      <c r="H1715" s="113">
        <v>1</v>
      </c>
      <c r="I1715" s="113">
        <v>1</v>
      </c>
      <c r="J1715" s="115">
        <v>1</v>
      </c>
      <c r="K1715" s="116" t="s">
        <v>174</v>
      </c>
      <c r="L1715" s="115">
        <v>0</v>
      </c>
      <c r="M1715" s="115">
        <v>0</v>
      </c>
      <c r="N1715" s="115">
        <v>1</v>
      </c>
      <c r="O1715" s="115">
        <v>1</v>
      </c>
      <c r="P1715" s="115">
        <v>1</v>
      </c>
      <c r="Q1715" s="115" t="s">
        <v>400</v>
      </c>
      <c r="R1715" s="115">
        <v>0</v>
      </c>
      <c r="S1715" s="115">
        <v>0</v>
      </c>
      <c r="T1715" s="115">
        <v>0</v>
      </c>
      <c r="U1715" s="119"/>
      <c r="V1715" s="119"/>
      <c r="W1715" s="119"/>
      <c r="X1715" s="119"/>
      <c r="Y1715" s="119"/>
      <c r="Z1715" s="119"/>
      <c r="AA1715" s="119"/>
      <c r="AB1715" s="119"/>
      <c r="AC1715" s="119"/>
      <c r="AD1715" s="119"/>
      <c r="AE1715" s="119"/>
      <c r="AF1715" s="119"/>
      <c r="AG1715" s="119"/>
      <c r="AH1715" s="119"/>
      <c r="AI1715" s="119"/>
      <c r="AJ1715" s="119"/>
      <c r="AK1715" s="119"/>
      <c r="AL1715" s="119"/>
      <c r="AM1715" s="119"/>
      <c r="AN1715" s="119"/>
      <c r="AO1715" s="119"/>
      <c r="AP1715" s="119"/>
      <c r="AQ1715" s="119"/>
      <c r="AR1715" s="119"/>
      <c r="AS1715" s="119"/>
      <c r="AT1715" s="119"/>
      <c r="AU1715" s="119"/>
      <c r="AV1715" s="119"/>
      <c r="AW1715" s="119"/>
      <c r="AX1715" s="119"/>
      <c r="AY1715" s="119"/>
      <c r="AZ1715" s="119"/>
      <c r="BA1715" s="119"/>
      <c r="BB1715" s="107">
        <v>45884</v>
      </c>
    </row>
    <row r="1716" spans="1:54" s="207" customFormat="1" ht="13.95" customHeight="1" x14ac:dyDescent="0.25">
      <c r="A1716" s="208" t="s">
        <v>4132</v>
      </c>
      <c r="B1716" s="209" t="s">
        <v>20420</v>
      </c>
      <c r="C1716" s="113" t="s">
        <v>4133</v>
      </c>
      <c r="D1716" s="113" t="s">
        <v>23448</v>
      </c>
      <c r="E1716" s="210">
        <v>1981</v>
      </c>
      <c r="F1716" s="210">
        <v>2156</v>
      </c>
      <c r="G1716" s="113" t="s">
        <v>1</v>
      </c>
      <c r="H1716" s="113">
        <v>0</v>
      </c>
      <c r="I1716" s="113">
        <v>0</v>
      </c>
      <c r="J1716" s="115">
        <v>1</v>
      </c>
      <c r="K1716" s="211">
        <v>1</v>
      </c>
      <c r="L1716" s="115">
        <v>1</v>
      </c>
      <c r="M1716" s="115">
        <v>1</v>
      </c>
      <c r="N1716" s="115">
        <v>1</v>
      </c>
      <c r="O1716" s="115">
        <v>1</v>
      </c>
      <c r="P1716" s="115" t="s">
        <v>400</v>
      </c>
      <c r="Q1716" s="115" t="s">
        <v>400</v>
      </c>
      <c r="R1716" s="115">
        <v>0</v>
      </c>
      <c r="S1716" s="115">
        <v>0</v>
      </c>
      <c r="T1716" s="115">
        <v>0</v>
      </c>
      <c r="U1716" s="119"/>
      <c r="V1716" s="119"/>
      <c r="W1716" s="119"/>
      <c r="X1716" s="119"/>
      <c r="Y1716" s="119"/>
      <c r="Z1716" s="119"/>
      <c r="AA1716" s="119"/>
      <c r="AB1716" s="119"/>
      <c r="AC1716" s="119"/>
      <c r="AD1716" s="119"/>
      <c r="AE1716" s="119"/>
      <c r="AF1716" s="119"/>
      <c r="AG1716" s="119"/>
      <c r="AH1716" s="119"/>
      <c r="AI1716" s="119"/>
      <c r="AJ1716" s="119"/>
      <c r="AK1716" s="119"/>
      <c r="AL1716" s="119"/>
      <c r="AM1716" s="119"/>
      <c r="AN1716" s="119"/>
      <c r="AO1716" s="119"/>
      <c r="AP1716" s="119"/>
      <c r="AQ1716" s="119"/>
      <c r="AR1716" s="119"/>
      <c r="AS1716" s="119"/>
      <c r="AT1716" s="119"/>
      <c r="AU1716" s="119"/>
      <c r="AV1716" s="119"/>
      <c r="AW1716" s="119"/>
      <c r="AX1716" s="119"/>
      <c r="AY1716" s="119"/>
      <c r="AZ1716" s="119"/>
      <c r="BA1716" s="119"/>
      <c r="BB1716" s="107">
        <v>45884</v>
      </c>
    </row>
    <row r="1717" spans="1:54" s="207" customFormat="1" ht="13.95" customHeight="1" x14ac:dyDescent="0.25">
      <c r="A1717" s="208" t="s">
        <v>4134</v>
      </c>
      <c r="B1717" s="209" t="s">
        <v>20420</v>
      </c>
      <c r="C1717" s="113" t="s">
        <v>4135</v>
      </c>
      <c r="D1717" s="113" t="s">
        <v>23449</v>
      </c>
      <c r="E1717" s="210">
        <v>2013</v>
      </c>
      <c r="F1717" s="210">
        <v>2159</v>
      </c>
      <c r="G1717" s="113" t="s">
        <v>8</v>
      </c>
      <c r="H1717" s="113">
        <v>0</v>
      </c>
      <c r="I1717" s="113">
        <v>0</v>
      </c>
      <c r="J1717" s="115">
        <v>0</v>
      </c>
      <c r="K1717" s="116" t="s">
        <v>174</v>
      </c>
      <c r="L1717" s="115">
        <v>0</v>
      </c>
      <c r="M1717" s="115">
        <v>0</v>
      </c>
      <c r="N1717" s="115">
        <v>0</v>
      </c>
      <c r="O1717" s="115">
        <v>0</v>
      </c>
      <c r="P1717" s="115" t="s">
        <v>400</v>
      </c>
      <c r="Q1717" s="115" t="s">
        <v>400</v>
      </c>
      <c r="R1717" s="115">
        <v>0</v>
      </c>
      <c r="S1717" s="115">
        <v>0</v>
      </c>
      <c r="T1717" s="115">
        <v>0</v>
      </c>
      <c r="U1717" s="113" t="s">
        <v>174</v>
      </c>
      <c r="V1717" s="113" t="s">
        <v>174</v>
      </c>
      <c r="W1717" s="113" t="s">
        <v>174</v>
      </c>
      <c r="X1717" s="113" t="s">
        <v>174</v>
      </c>
      <c r="Y1717" s="113" t="s">
        <v>174</v>
      </c>
      <c r="Z1717" s="113" t="s">
        <v>174</v>
      </c>
      <c r="AA1717" s="113" t="s">
        <v>174</v>
      </c>
      <c r="AB1717" s="113" t="s">
        <v>174</v>
      </c>
      <c r="AC1717" s="113" t="s">
        <v>174</v>
      </c>
      <c r="AD1717" s="113" t="s">
        <v>174</v>
      </c>
      <c r="AE1717" s="113" t="s">
        <v>174</v>
      </c>
      <c r="AF1717" s="113" t="s">
        <v>174</v>
      </c>
      <c r="AG1717" s="113" t="s">
        <v>174</v>
      </c>
      <c r="AH1717" s="113" t="s">
        <v>174</v>
      </c>
      <c r="AI1717" s="113" t="s">
        <v>174</v>
      </c>
      <c r="AJ1717" s="113" t="s">
        <v>174</v>
      </c>
      <c r="AK1717" s="113" t="s">
        <v>174</v>
      </c>
      <c r="AL1717" s="113" t="s">
        <v>174</v>
      </c>
      <c r="AM1717" s="113" t="s">
        <v>174</v>
      </c>
      <c r="AN1717" s="113" t="s">
        <v>174</v>
      </c>
      <c r="AO1717" s="113" t="s">
        <v>174</v>
      </c>
      <c r="AP1717" s="113" t="s">
        <v>174</v>
      </c>
      <c r="AQ1717" s="113" t="s">
        <v>174</v>
      </c>
      <c r="AR1717" s="113" t="s">
        <v>174</v>
      </c>
      <c r="AS1717" s="113" t="s">
        <v>174</v>
      </c>
      <c r="AT1717" s="121" t="s">
        <v>174</v>
      </c>
      <c r="AU1717" s="113" t="s">
        <v>174</v>
      </c>
      <c r="AV1717" s="113" t="s">
        <v>174</v>
      </c>
      <c r="AW1717" s="113" t="s">
        <v>174</v>
      </c>
      <c r="AX1717" s="113"/>
      <c r="AY1717" s="113"/>
      <c r="AZ1717" s="113"/>
      <c r="BA1717" s="113"/>
      <c r="BB1717" s="107">
        <v>45884</v>
      </c>
    </row>
    <row r="1718" spans="1:54" s="207" customFormat="1" ht="13.95" customHeight="1" x14ac:dyDescent="0.25">
      <c r="A1718" s="208" t="s">
        <v>4136</v>
      </c>
      <c r="B1718" s="209" t="s">
        <v>20420</v>
      </c>
      <c r="C1718" s="113" t="s">
        <v>4137</v>
      </c>
      <c r="D1718" s="113" t="s">
        <v>4138</v>
      </c>
      <c r="E1718" s="210">
        <v>1979</v>
      </c>
      <c r="F1718" s="210">
        <v>2165</v>
      </c>
      <c r="G1718" s="113" t="s">
        <v>1</v>
      </c>
      <c r="H1718" s="113">
        <v>0</v>
      </c>
      <c r="I1718" s="113">
        <v>0</v>
      </c>
      <c r="J1718" s="115">
        <v>1</v>
      </c>
      <c r="K1718" s="116" t="s">
        <v>174</v>
      </c>
      <c r="L1718" s="115">
        <v>1</v>
      </c>
      <c r="M1718" s="115">
        <v>1</v>
      </c>
      <c r="N1718" s="115">
        <v>1</v>
      </c>
      <c r="O1718" s="115">
        <v>1</v>
      </c>
      <c r="P1718" s="115">
        <v>1</v>
      </c>
      <c r="Q1718" s="115" t="s">
        <v>400</v>
      </c>
      <c r="R1718" s="115">
        <v>1</v>
      </c>
      <c r="S1718" s="115">
        <v>0</v>
      </c>
      <c r="T1718" s="115">
        <v>0</v>
      </c>
      <c r="U1718" s="119"/>
      <c r="V1718" s="119"/>
      <c r="W1718" s="119"/>
      <c r="X1718" s="119"/>
      <c r="Y1718" s="119"/>
      <c r="Z1718" s="119"/>
      <c r="AA1718" s="119"/>
      <c r="AB1718" s="119"/>
      <c r="AC1718" s="119"/>
      <c r="AD1718" s="119"/>
      <c r="AE1718" s="119"/>
      <c r="AF1718" s="119"/>
      <c r="AG1718" s="119"/>
      <c r="AH1718" s="119"/>
      <c r="AI1718" s="119"/>
      <c r="AJ1718" s="119"/>
      <c r="AK1718" s="119"/>
      <c r="AL1718" s="119"/>
      <c r="AM1718" s="119"/>
      <c r="AN1718" s="119"/>
      <c r="AO1718" s="119"/>
      <c r="AP1718" s="119"/>
      <c r="AQ1718" s="119"/>
      <c r="AR1718" s="119"/>
      <c r="AS1718" s="119"/>
      <c r="AT1718" s="119"/>
      <c r="AU1718" s="119"/>
      <c r="AV1718" s="119"/>
      <c r="AW1718" s="119"/>
      <c r="AX1718" s="119"/>
      <c r="AY1718" s="119"/>
      <c r="AZ1718" s="119"/>
      <c r="BA1718" s="119"/>
      <c r="BB1718" s="107">
        <v>45884</v>
      </c>
    </row>
    <row r="1719" spans="1:54" s="207" customFormat="1" ht="13.95" customHeight="1" x14ac:dyDescent="0.25">
      <c r="A1719" s="208" t="s">
        <v>4139</v>
      </c>
      <c r="B1719" s="209" t="s">
        <v>20420</v>
      </c>
      <c r="C1719" s="113" t="s">
        <v>4140</v>
      </c>
      <c r="D1719" s="113" t="s">
        <v>23450</v>
      </c>
      <c r="E1719" s="210">
        <v>1982</v>
      </c>
      <c r="F1719" s="210">
        <v>2168</v>
      </c>
      <c r="G1719" s="113" t="s">
        <v>1</v>
      </c>
      <c r="H1719" s="113">
        <v>0</v>
      </c>
      <c r="I1719" s="113">
        <v>0</v>
      </c>
      <c r="J1719" s="115">
        <v>1</v>
      </c>
      <c r="K1719" s="116" t="s">
        <v>174</v>
      </c>
      <c r="L1719" s="115">
        <v>1</v>
      </c>
      <c r="M1719" s="115">
        <v>0</v>
      </c>
      <c r="N1719" s="115">
        <v>1</v>
      </c>
      <c r="O1719" s="115">
        <v>1</v>
      </c>
      <c r="P1719" s="115">
        <v>1</v>
      </c>
      <c r="Q1719" s="115" t="s">
        <v>400</v>
      </c>
      <c r="R1719" s="115">
        <v>1</v>
      </c>
      <c r="S1719" s="115">
        <v>0</v>
      </c>
      <c r="T1719" s="115">
        <v>0</v>
      </c>
      <c r="U1719" s="119"/>
      <c r="V1719" s="119"/>
      <c r="W1719" s="119"/>
      <c r="X1719" s="119"/>
      <c r="Y1719" s="119"/>
      <c r="Z1719" s="119"/>
      <c r="AA1719" s="119"/>
      <c r="AB1719" s="119"/>
      <c r="AC1719" s="119"/>
      <c r="AD1719" s="119"/>
      <c r="AE1719" s="119"/>
      <c r="AF1719" s="119"/>
      <c r="AG1719" s="119"/>
      <c r="AH1719" s="119"/>
      <c r="AI1719" s="119"/>
      <c r="AJ1719" s="119"/>
      <c r="AK1719" s="119"/>
      <c r="AL1719" s="119"/>
      <c r="AM1719" s="119"/>
      <c r="AN1719" s="119"/>
      <c r="AO1719" s="119"/>
      <c r="AP1719" s="119"/>
      <c r="AQ1719" s="119"/>
      <c r="AR1719" s="119"/>
      <c r="AS1719" s="119"/>
      <c r="AT1719" s="119"/>
      <c r="AU1719" s="119"/>
      <c r="AV1719" s="119"/>
      <c r="AW1719" s="119"/>
      <c r="AX1719" s="119"/>
      <c r="AY1719" s="119"/>
      <c r="AZ1719" s="119"/>
      <c r="BA1719" s="119"/>
      <c r="BB1719" s="107">
        <v>45884</v>
      </c>
    </row>
    <row r="1720" spans="1:54" s="207" customFormat="1" ht="13.95" customHeight="1" x14ac:dyDescent="0.25">
      <c r="A1720" s="208" t="s">
        <v>4141</v>
      </c>
      <c r="B1720" s="209" t="s">
        <v>20420</v>
      </c>
      <c r="C1720" s="113" t="s">
        <v>4142</v>
      </c>
      <c r="D1720" s="113" t="s">
        <v>23451</v>
      </c>
      <c r="E1720" s="210">
        <v>1999</v>
      </c>
      <c r="F1720" s="210">
        <v>2170</v>
      </c>
      <c r="G1720" s="113" t="s">
        <v>1</v>
      </c>
      <c r="H1720" s="113">
        <v>1</v>
      </c>
      <c r="I1720" s="113">
        <v>1</v>
      </c>
      <c r="J1720" s="115">
        <v>1</v>
      </c>
      <c r="K1720" s="116" t="s">
        <v>174</v>
      </c>
      <c r="L1720" s="115">
        <v>1</v>
      </c>
      <c r="M1720" s="115">
        <v>0</v>
      </c>
      <c r="N1720" s="115">
        <v>0</v>
      </c>
      <c r="O1720" s="115">
        <v>0</v>
      </c>
      <c r="P1720" s="115">
        <v>1</v>
      </c>
      <c r="Q1720" s="115">
        <v>1</v>
      </c>
      <c r="R1720" s="115">
        <v>0</v>
      </c>
      <c r="S1720" s="115">
        <v>0</v>
      </c>
      <c r="T1720" s="115">
        <v>0</v>
      </c>
      <c r="U1720" s="119"/>
      <c r="V1720" s="119"/>
      <c r="W1720" s="119"/>
      <c r="X1720" s="119"/>
      <c r="Y1720" s="119"/>
      <c r="Z1720" s="119"/>
      <c r="AA1720" s="119"/>
      <c r="AB1720" s="119"/>
      <c r="AC1720" s="119"/>
      <c r="AD1720" s="119"/>
      <c r="AE1720" s="119"/>
      <c r="AF1720" s="119"/>
      <c r="AG1720" s="119"/>
      <c r="AH1720" s="119"/>
      <c r="AI1720" s="119"/>
      <c r="AJ1720" s="119"/>
      <c r="AK1720" s="119"/>
      <c r="AL1720" s="119"/>
      <c r="AM1720" s="119"/>
      <c r="AN1720" s="119"/>
      <c r="AO1720" s="119"/>
      <c r="AP1720" s="119"/>
      <c r="AQ1720" s="119"/>
      <c r="AR1720" s="119"/>
      <c r="AS1720" s="119"/>
      <c r="AT1720" s="119"/>
      <c r="AU1720" s="119"/>
      <c r="AV1720" s="119"/>
      <c r="AW1720" s="119"/>
      <c r="AX1720" s="119"/>
      <c r="AY1720" s="119"/>
      <c r="AZ1720" s="119"/>
      <c r="BA1720" s="119"/>
      <c r="BB1720" s="107">
        <v>45884</v>
      </c>
    </row>
    <row r="1721" spans="1:54" s="207" customFormat="1" ht="13.95" customHeight="1" x14ac:dyDescent="0.25">
      <c r="A1721" s="208" t="s">
        <v>4143</v>
      </c>
      <c r="B1721" s="209" t="s">
        <v>20420</v>
      </c>
      <c r="C1721" s="113" t="s">
        <v>4144</v>
      </c>
      <c r="D1721" s="113" t="s">
        <v>23452</v>
      </c>
      <c r="E1721" s="210">
        <v>1975</v>
      </c>
      <c r="F1721" s="210">
        <v>2171</v>
      </c>
      <c r="G1721" s="113" t="s">
        <v>1</v>
      </c>
      <c r="H1721" s="113">
        <v>0</v>
      </c>
      <c r="I1721" s="113">
        <v>0</v>
      </c>
      <c r="J1721" s="115">
        <v>1</v>
      </c>
      <c r="K1721" s="116" t="s">
        <v>174</v>
      </c>
      <c r="L1721" s="115">
        <v>1</v>
      </c>
      <c r="M1721" s="115">
        <v>1</v>
      </c>
      <c r="N1721" s="115">
        <v>0</v>
      </c>
      <c r="O1721" s="115">
        <v>1</v>
      </c>
      <c r="P1721" s="115" t="s">
        <v>400</v>
      </c>
      <c r="Q1721" s="115" t="s">
        <v>400</v>
      </c>
      <c r="R1721" s="115">
        <v>1</v>
      </c>
      <c r="S1721" s="115">
        <v>0</v>
      </c>
      <c r="T1721" s="115">
        <v>0</v>
      </c>
      <c r="U1721" s="119"/>
      <c r="V1721" s="119"/>
      <c r="W1721" s="119"/>
      <c r="X1721" s="119"/>
      <c r="Y1721" s="119"/>
      <c r="Z1721" s="119"/>
      <c r="AA1721" s="119"/>
      <c r="AB1721" s="119"/>
      <c r="AC1721" s="119"/>
      <c r="AD1721" s="119"/>
      <c r="AE1721" s="119"/>
      <c r="AF1721" s="119"/>
      <c r="AG1721" s="119"/>
      <c r="AH1721" s="119"/>
      <c r="AI1721" s="119"/>
      <c r="AJ1721" s="119"/>
      <c r="AK1721" s="119"/>
      <c r="AL1721" s="119"/>
      <c r="AM1721" s="119"/>
      <c r="AN1721" s="119"/>
      <c r="AO1721" s="119"/>
      <c r="AP1721" s="119"/>
      <c r="AQ1721" s="119"/>
      <c r="AR1721" s="119"/>
      <c r="AS1721" s="119"/>
      <c r="AT1721" s="119"/>
      <c r="AU1721" s="119"/>
      <c r="AV1721" s="119"/>
      <c r="AW1721" s="119"/>
      <c r="AX1721" s="119"/>
      <c r="AY1721" s="119"/>
      <c r="AZ1721" s="119"/>
      <c r="BA1721" s="119"/>
      <c r="BB1721" s="107">
        <v>45884</v>
      </c>
    </row>
    <row r="1722" spans="1:54" s="207" customFormat="1" ht="13.95" customHeight="1" x14ac:dyDescent="0.25">
      <c r="A1722" s="208" t="s">
        <v>4145</v>
      </c>
      <c r="B1722" s="209" t="s">
        <v>20420</v>
      </c>
      <c r="C1722" s="113" t="s">
        <v>4146</v>
      </c>
      <c r="D1722" s="113" t="s">
        <v>4147</v>
      </c>
      <c r="E1722" s="210">
        <v>1984</v>
      </c>
      <c r="F1722" s="210">
        <v>2207</v>
      </c>
      <c r="G1722" s="113" t="s">
        <v>1</v>
      </c>
      <c r="H1722" s="113">
        <v>0</v>
      </c>
      <c r="I1722" s="113">
        <v>0</v>
      </c>
      <c r="J1722" s="115">
        <v>1</v>
      </c>
      <c r="K1722" s="116" t="s">
        <v>174</v>
      </c>
      <c r="L1722" s="115">
        <v>1</v>
      </c>
      <c r="M1722" s="115">
        <v>0</v>
      </c>
      <c r="N1722" s="115">
        <v>0</v>
      </c>
      <c r="O1722" s="115">
        <v>1</v>
      </c>
      <c r="P1722" s="115">
        <v>1</v>
      </c>
      <c r="Q1722" s="115" t="s">
        <v>400</v>
      </c>
      <c r="R1722" s="115">
        <v>1</v>
      </c>
      <c r="S1722" s="115">
        <v>0</v>
      </c>
      <c r="T1722" s="115">
        <v>0</v>
      </c>
      <c r="U1722" s="119"/>
      <c r="V1722" s="119"/>
      <c r="W1722" s="119"/>
      <c r="X1722" s="119"/>
      <c r="Y1722" s="119"/>
      <c r="Z1722" s="119"/>
      <c r="AA1722" s="119"/>
      <c r="AB1722" s="119"/>
      <c r="AC1722" s="119"/>
      <c r="AD1722" s="119"/>
      <c r="AE1722" s="119"/>
      <c r="AF1722" s="119"/>
      <c r="AG1722" s="119"/>
      <c r="AH1722" s="119"/>
      <c r="AI1722" s="119"/>
      <c r="AJ1722" s="119"/>
      <c r="AK1722" s="119"/>
      <c r="AL1722" s="119"/>
      <c r="AM1722" s="119"/>
      <c r="AN1722" s="119"/>
      <c r="AO1722" s="119"/>
      <c r="AP1722" s="119"/>
      <c r="AQ1722" s="119"/>
      <c r="AR1722" s="119"/>
      <c r="AS1722" s="119"/>
      <c r="AT1722" s="119"/>
      <c r="AU1722" s="119"/>
      <c r="AV1722" s="119"/>
      <c r="AW1722" s="119"/>
      <c r="AX1722" s="119"/>
      <c r="AY1722" s="119"/>
      <c r="AZ1722" s="119"/>
      <c r="BA1722" s="119"/>
      <c r="BB1722" s="107">
        <v>45884</v>
      </c>
    </row>
    <row r="1723" spans="1:54" s="207" customFormat="1" ht="13.95" customHeight="1" x14ac:dyDescent="0.25">
      <c r="A1723" s="208" t="s">
        <v>4148</v>
      </c>
      <c r="B1723" s="209" t="s">
        <v>20420</v>
      </c>
      <c r="C1723" s="113" t="s">
        <v>4149</v>
      </c>
      <c r="D1723" s="113" t="s">
        <v>4150</v>
      </c>
      <c r="E1723" s="210">
        <v>1978</v>
      </c>
      <c r="F1723" s="210">
        <v>2174</v>
      </c>
      <c r="G1723" s="113" t="s">
        <v>1</v>
      </c>
      <c r="H1723" s="113">
        <v>0</v>
      </c>
      <c r="I1723" s="113">
        <v>0</v>
      </c>
      <c r="J1723" s="115">
        <v>1</v>
      </c>
      <c r="K1723" s="116" t="s">
        <v>174</v>
      </c>
      <c r="L1723" s="115">
        <v>0</v>
      </c>
      <c r="M1723" s="115">
        <v>0</v>
      </c>
      <c r="N1723" s="115">
        <v>1</v>
      </c>
      <c r="O1723" s="115">
        <v>1</v>
      </c>
      <c r="P1723" s="115">
        <v>1</v>
      </c>
      <c r="Q1723" s="115">
        <v>1</v>
      </c>
      <c r="R1723" s="115">
        <v>0</v>
      </c>
      <c r="S1723" s="115">
        <v>0</v>
      </c>
      <c r="T1723" s="115">
        <v>0</v>
      </c>
      <c r="U1723" s="119"/>
      <c r="V1723" s="119"/>
      <c r="W1723" s="119"/>
      <c r="X1723" s="119"/>
      <c r="Y1723" s="119"/>
      <c r="Z1723" s="119"/>
      <c r="AA1723" s="119"/>
      <c r="AB1723" s="119"/>
      <c r="AC1723" s="119"/>
      <c r="AD1723" s="119"/>
      <c r="AE1723" s="119"/>
      <c r="AF1723" s="119"/>
      <c r="AG1723" s="119"/>
      <c r="AH1723" s="119"/>
      <c r="AI1723" s="119"/>
      <c r="AJ1723" s="119"/>
      <c r="AK1723" s="119"/>
      <c r="AL1723" s="119"/>
      <c r="AM1723" s="119"/>
      <c r="AN1723" s="119"/>
      <c r="AO1723" s="119"/>
      <c r="AP1723" s="119"/>
      <c r="AQ1723" s="119"/>
      <c r="AR1723" s="119"/>
      <c r="AS1723" s="119"/>
      <c r="AT1723" s="119"/>
      <c r="AU1723" s="119"/>
      <c r="AV1723" s="119"/>
      <c r="AW1723" s="119"/>
      <c r="AX1723" s="119"/>
      <c r="AY1723" s="119"/>
      <c r="AZ1723" s="119"/>
      <c r="BA1723" s="119"/>
      <c r="BB1723" s="107">
        <v>45884</v>
      </c>
    </row>
    <row r="1724" spans="1:54" s="207" customFormat="1" ht="13.95" customHeight="1" x14ac:dyDescent="0.25">
      <c r="A1724" s="208" t="s">
        <v>4151</v>
      </c>
      <c r="B1724" s="209" t="s">
        <v>20420</v>
      </c>
      <c r="C1724" s="113" t="s">
        <v>4152</v>
      </c>
      <c r="D1724" s="113" t="s">
        <v>23453</v>
      </c>
      <c r="E1724" s="210">
        <v>1978</v>
      </c>
      <c r="F1724" s="210">
        <v>2180</v>
      </c>
      <c r="G1724" s="113" t="s">
        <v>1</v>
      </c>
      <c r="H1724" s="113">
        <v>0</v>
      </c>
      <c r="I1724" s="113">
        <v>0</v>
      </c>
      <c r="J1724" s="115">
        <v>1</v>
      </c>
      <c r="K1724" s="116" t="s">
        <v>174</v>
      </c>
      <c r="L1724" s="115">
        <v>1</v>
      </c>
      <c r="M1724" s="115">
        <v>1</v>
      </c>
      <c r="N1724" s="115">
        <v>1</v>
      </c>
      <c r="O1724" s="115">
        <v>1</v>
      </c>
      <c r="P1724" s="115" t="s">
        <v>400</v>
      </c>
      <c r="Q1724" s="115" t="s">
        <v>400</v>
      </c>
      <c r="R1724" s="115">
        <v>1</v>
      </c>
      <c r="S1724" s="115">
        <v>0</v>
      </c>
      <c r="T1724" s="115">
        <v>0</v>
      </c>
      <c r="U1724" s="119"/>
      <c r="V1724" s="119"/>
      <c r="W1724" s="119"/>
      <c r="X1724" s="119"/>
      <c r="Y1724" s="119"/>
      <c r="Z1724" s="119"/>
      <c r="AA1724" s="119"/>
      <c r="AB1724" s="119"/>
      <c r="AC1724" s="119"/>
      <c r="AD1724" s="119"/>
      <c r="AE1724" s="119"/>
      <c r="AF1724" s="119"/>
      <c r="AG1724" s="119"/>
      <c r="AH1724" s="119"/>
      <c r="AI1724" s="119"/>
      <c r="AJ1724" s="119"/>
      <c r="AK1724" s="119"/>
      <c r="AL1724" s="119"/>
      <c r="AM1724" s="119"/>
      <c r="AN1724" s="119"/>
      <c r="AO1724" s="119"/>
      <c r="AP1724" s="119"/>
      <c r="AQ1724" s="119"/>
      <c r="AR1724" s="119"/>
      <c r="AS1724" s="119"/>
      <c r="AT1724" s="119"/>
      <c r="AU1724" s="119"/>
      <c r="AV1724" s="119"/>
      <c r="AW1724" s="119"/>
      <c r="AX1724" s="119"/>
      <c r="AY1724" s="119"/>
      <c r="AZ1724" s="119"/>
      <c r="BA1724" s="119"/>
      <c r="BB1724" s="107">
        <v>45884</v>
      </c>
    </row>
    <row r="1725" spans="1:54" s="207" customFormat="1" ht="13.95" customHeight="1" x14ac:dyDescent="0.25">
      <c r="A1725" s="208" t="s">
        <v>4153</v>
      </c>
      <c r="B1725" s="209" t="s">
        <v>20420</v>
      </c>
      <c r="C1725" s="113" t="s">
        <v>4154</v>
      </c>
      <c r="D1725" s="113" t="s">
        <v>23454</v>
      </c>
      <c r="E1725" s="210">
        <v>2012</v>
      </c>
      <c r="F1725" s="210">
        <v>2184</v>
      </c>
      <c r="G1725" s="113" t="s">
        <v>1</v>
      </c>
      <c r="H1725" s="113">
        <v>1</v>
      </c>
      <c r="I1725" s="113">
        <v>1</v>
      </c>
      <c r="J1725" s="115">
        <v>1</v>
      </c>
      <c r="K1725" s="116" t="s">
        <v>174</v>
      </c>
      <c r="L1725" s="115">
        <v>1</v>
      </c>
      <c r="M1725" s="115">
        <v>0</v>
      </c>
      <c r="N1725" s="115">
        <v>1</v>
      </c>
      <c r="O1725" s="115">
        <v>1</v>
      </c>
      <c r="P1725" s="115">
        <v>1</v>
      </c>
      <c r="Q1725" s="115" t="s">
        <v>400</v>
      </c>
      <c r="R1725" s="115">
        <v>0</v>
      </c>
      <c r="S1725" s="115">
        <v>0</v>
      </c>
      <c r="T1725" s="115">
        <v>0</v>
      </c>
      <c r="U1725" s="119"/>
      <c r="V1725" s="119"/>
      <c r="W1725" s="119"/>
      <c r="X1725" s="119"/>
      <c r="Y1725" s="119"/>
      <c r="Z1725" s="119"/>
      <c r="AA1725" s="119"/>
      <c r="AB1725" s="119"/>
      <c r="AC1725" s="119"/>
      <c r="AD1725" s="119"/>
      <c r="AE1725" s="119"/>
      <c r="AF1725" s="119"/>
      <c r="AG1725" s="119"/>
      <c r="AH1725" s="119"/>
      <c r="AI1725" s="119"/>
      <c r="AJ1725" s="119"/>
      <c r="AK1725" s="119"/>
      <c r="AL1725" s="119"/>
      <c r="AM1725" s="119"/>
      <c r="AN1725" s="119"/>
      <c r="AO1725" s="119"/>
      <c r="AP1725" s="119"/>
      <c r="AQ1725" s="119"/>
      <c r="AR1725" s="119"/>
      <c r="AS1725" s="119"/>
      <c r="AT1725" s="119"/>
      <c r="AU1725" s="119"/>
      <c r="AV1725" s="119"/>
      <c r="AW1725" s="119"/>
      <c r="AX1725" s="119"/>
      <c r="AY1725" s="119"/>
      <c r="AZ1725" s="119"/>
      <c r="BA1725" s="119"/>
      <c r="BB1725" s="107">
        <v>45884</v>
      </c>
    </row>
    <row r="1726" spans="1:54" s="207" customFormat="1" ht="13.95" customHeight="1" x14ac:dyDescent="0.25">
      <c r="A1726" s="208" t="s">
        <v>4155</v>
      </c>
      <c r="B1726" s="209" t="s">
        <v>20420</v>
      </c>
      <c r="C1726" s="113" t="s">
        <v>4156</v>
      </c>
      <c r="D1726" s="113" t="s">
        <v>4157</v>
      </c>
      <c r="E1726" s="210">
        <v>1962</v>
      </c>
      <c r="F1726" s="210">
        <v>2185</v>
      </c>
      <c r="G1726" s="113" t="s">
        <v>1</v>
      </c>
      <c r="H1726" s="113">
        <v>0</v>
      </c>
      <c r="I1726" s="113">
        <v>0</v>
      </c>
      <c r="J1726" s="115">
        <v>1</v>
      </c>
      <c r="K1726" s="211">
        <v>1</v>
      </c>
      <c r="L1726" s="115">
        <v>0</v>
      </c>
      <c r="M1726" s="115">
        <v>0</v>
      </c>
      <c r="N1726" s="115">
        <v>0</v>
      </c>
      <c r="O1726" s="115">
        <v>1</v>
      </c>
      <c r="P1726" s="115">
        <v>1</v>
      </c>
      <c r="Q1726" s="115" t="s">
        <v>400</v>
      </c>
      <c r="R1726" s="115">
        <v>0</v>
      </c>
      <c r="S1726" s="115">
        <v>1</v>
      </c>
      <c r="T1726" s="115">
        <v>0</v>
      </c>
      <c r="U1726" s="119"/>
      <c r="V1726" s="119"/>
      <c r="W1726" s="119"/>
      <c r="X1726" s="119"/>
      <c r="Y1726" s="119"/>
      <c r="Z1726" s="119"/>
      <c r="AA1726" s="119"/>
      <c r="AB1726" s="119"/>
      <c r="AC1726" s="119"/>
      <c r="AD1726" s="119"/>
      <c r="AE1726" s="119"/>
      <c r="AF1726" s="119"/>
      <c r="AG1726" s="119"/>
      <c r="AH1726" s="119"/>
      <c r="AI1726" s="119"/>
      <c r="AJ1726" s="119"/>
      <c r="AK1726" s="119"/>
      <c r="AL1726" s="119"/>
      <c r="AM1726" s="119"/>
      <c r="AN1726" s="119"/>
      <c r="AO1726" s="119"/>
      <c r="AP1726" s="119"/>
      <c r="AQ1726" s="119"/>
      <c r="AR1726" s="119"/>
      <c r="AS1726" s="119"/>
      <c r="AT1726" s="119"/>
      <c r="AU1726" s="119"/>
      <c r="AV1726" s="119"/>
      <c r="AW1726" s="119"/>
      <c r="AX1726" s="119"/>
      <c r="AY1726" s="119"/>
      <c r="AZ1726" s="119"/>
      <c r="BA1726" s="119"/>
      <c r="BB1726" s="107">
        <v>45884</v>
      </c>
    </row>
    <row r="1727" spans="1:54" s="207" customFormat="1" ht="13.95" customHeight="1" x14ac:dyDescent="0.25">
      <c r="A1727" s="208" t="s">
        <v>4158</v>
      </c>
      <c r="B1727" s="209" t="s">
        <v>20420</v>
      </c>
      <c r="C1727" s="113" t="s">
        <v>4159</v>
      </c>
      <c r="D1727" s="113" t="s">
        <v>23455</v>
      </c>
      <c r="E1727" s="210">
        <v>1983</v>
      </c>
      <c r="F1727" s="210">
        <v>2188</v>
      </c>
      <c r="G1727" s="113" t="s">
        <v>1</v>
      </c>
      <c r="H1727" s="113">
        <v>1</v>
      </c>
      <c r="I1727" s="113">
        <v>0</v>
      </c>
      <c r="J1727" s="115">
        <v>1</v>
      </c>
      <c r="K1727" s="116" t="s">
        <v>174</v>
      </c>
      <c r="L1727" s="115">
        <v>0</v>
      </c>
      <c r="M1727" s="115">
        <v>1</v>
      </c>
      <c r="N1727" s="115">
        <v>0</v>
      </c>
      <c r="O1727" s="115">
        <v>1</v>
      </c>
      <c r="P1727" s="115" t="s">
        <v>400</v>
      </c>
      <c r="Q1727" s="115" t="s">
        <v>400</v>
      </c>
      <c r="R1727" s="115">
        <v>1</v>
      </c>
      <c r="S1727" s="115">
        <v>0</v>
      </c>
      <c r="T1727" s="115">
        <v>0</v>
      </c>
      <c r="U1727" s="119"/>
      <c r="V1727" s="119"/>
      <c r="W1727" s="119"/>
      <c r="X1727" s="119"/>
      <c r="Y1727" s="119"/>
      <c r="Z1727" s="119"/>
      <c r="AA1727" s="119"/>
      <c r="AB1727" s="119"/>
      <c r="AC1727" s="119"/>
      <c r="AD1727" s="119"/>
      <c r="AE1727" s="119"/>
      <c r="AF1727" s="119"/>
      <c r="AG1727" s="119"/>
      <c r="AH1727" s="119"/>
      <c r="AI1727" s="119"/>
      <c r="AJ1727" s="119"/>
      <c r="AK1727" s="119"/>
      <c r="AL1727" s="119"/>
      <c r="AM1727" s="119"/>
      <c r="AN1727" s="119"/>
      <c r="AO1727" s="119"/>
      <c r="AP1727" s="119"/>
      <c r="AQ1727" s="119"/>
      <c r="AR1727" s="119"/>
      <c r="AS1727" s="119"/>
      <c r="AT1727" s="119"/>
      <c r="AU1727" s="119"/>
      <c r="AV1727" s="119"/>
      <c r="AW1727" s="119"/>
      <c r="AX1727" s="119"/>
      <c r="AY1727" s="119"/>
      <c r="AZ1727" s="119"/>
      <c r="BA1727" s="119"/>
      <c r="BB1727" s="107">
        <v>45884</v>
      </c>
    </row>
    <row r="1728" spans="1:54" s="207" customFormat="1" ht="13.95" customHeight="1" x14ac:dyDescent="0.25">
      <c r="A1728" s="208" t="s">
        <v>4160</v>
      </c>
      <c r="B1728" s="209" t="s">
        <v>20420</v>
      </c>
      <c r="C1728" s="113" t="s">
        <v>4161</v>
      </c>
      <c r="D1728" s="113" t="s">
        <v>23456</v>
      </c>
      <c r="E1728" s="210">
        <v>1982</v>
      </c>
      <c r="F1728" s="210">
        <v>2190</v>
      </c>
      <c r="G1728" s="113" t="s">
        <v>1</v>
      </c>
      <c r="H1728" s="113">
        <v>0</v>
      </c>
      <c r="I1728" s="113">
        <v>0</v>
      </c>
      <c r="J1728" s="115">
        <v>1</v>
      </c>
      <c r="K1728" s="116" t="s">
        <v>174</v>
      </c>
      <c r="L1728" s="115">
        <v>1</v>
      </c>
      <c r="M1728" s="115">
        <v>0</v>
      </c>
      <c r="N1728" s="115">
        <v>0</v>
      </c>
      <c r="O1728" s="115">
        <v>1</v>
      </c>
      <c r="P1728" s="115" t="s">
        <v>400</v>
      </c>
      <c r="Q1728" s="115" t="s">
        <v>400</v>
      </c>
      <c r="R1728" s="115">
        <v>0</v>
      </c>
      <c r="S1728" s="115">
        <v>0</v>
      </c>
      <c r="T1728" s="115">
        <v>0</v>
      </c>
      <c r="U1728" s="119"/>
      <c r="V1728" s="119"/>
      <c r="W1728" s="119"/>
      <c r="X1728" s="119"/>
      <c r="Y1728" s="119"/>
      <c r="Z1728" s="119"/>
      <c r="AA1728" s="119"/>
      <c r="AB1728" s="119"/>
      <c r="AC1728" s="119"/>
      <c r="AD1728" s="119"/>
      <c r="AE1728" s="119"/>
      <c r="AF1728" s="119"/>
      <c r="AG1728" s="119"/>
      <c r="AH1728" s="119"/>
      <c r="AI1728" s="119"/>
      <c r="AJ1728" s="119"/>
      <c r="AK1728" s="119"/>
      <c r="AL1728" s="119"/>
      <c r="AM1728" s="119"/>
      <c r="AN1728" s="119"/>
      <c r="AO1728" s="119"/>
      <c r="AP1728" s="119"/>
      <c r="AQ1728" s="119"/>
      <c r="AR1728" s="119"/>
      <c r="AS1728" s="119"/>
      <c r="AT1728" s="119"/>
      <c r="AU1728" s="119"/>
      <c r="AV1728" s="119"/>
      <c r="AW1728" s="119"/>
      <c r="AX1728" s="119"/>
      <c r="AY1728" s="119"/>
      <c r="AZ1728" s="119"/>
      <c r="BA1728" s="119"/>
      <c r="BB1728" s="107">
        <v>45884</v>
      </c>
    </row>
    <row r="1729" spans="1:54" s="207" customFormat="1" ht="13.95" customHeight="1" x14ac:dyDescent="0.25">
      <c r="A1729" s="208" t="s">
        <v>4162</v>
      </c>
      <c r="B1729" s="209" t="s">
        <v>20420</v>
      </c>
      <c r="C1729" s="113" t="s">
        <v>4163</v>
      </c>
      <c r="D1729" s="113" t="s">
        <v>23457</v>
      </c>
      <c r="E1729" s="210">
        <v>1972</v>
      </c>
      <c r="F1729" s="210">
        <v>2191</v>
      </c>
      <c r="G1729" s="113" t="s">
        <v>1</v>
      </c>
      <c r="H1729" s="113">
        <v>0</v>
      </c>
      <c r="I1729" s="113">
        <v>0</v>
      </c>
      <c r="J1729" s="115">
        <v>1</v>
      </c>
      <c r="K1729" s="116" t="s">
        <v>174</v>
      </c>
      <c r="L1729" s="115">
        <v>1</v>
      </c>
      <c r="M1729" s="115">
        <v>0</v>
      </c>
      <c r="N1729" s="115">
        <v>0</v>
      </c>
      <c r="O1729" s="115">
        <v>1</v>
      </c>
      <c r="P1729" s="115">
        <v>1</v>
      </c>
      <c r="Q1729" s="115" t="s">
        <v>400</v>
      </c>
      <c r="R1729" s="115">
        <v>1</v>
      </c>
      <c r="S1729" s="115">
        <v>0</v>
      </c>
      <c r="T1729" s="115">
        <v>0</v>
      </c>
      <c r="U1729" s="119"/>
      <c r="V1729" s="119"/>
      <c r="W1729" s="119"/>
      <c r="X1729" s="119"/>
      <c r="Y1729" s="119"/>
      <c r="Z1729" s="119"/>
      <c r="AA1729" s="119"/>
      <c r="AB1729" s="119"/>
      <c r="AC1729" s="119"/>
      <c r="AD1729" s="119"/>
      <c r="AE1729" s="119"/>
      <c r="AF1729" s="119"/>
      <c r="AG1729" s="119"/>
      <c r="AH1729" s="119"/>
      <c r="AI1729" s="119"/>
      <c r="AJ1729" s="119"/>
      <c r="AK1729" s="119"/>
      <c r="AL1729" s="119"/>
      <c r="AM1729" s="119"/>
      <c r="AN1729" s="119"/>
      <c r="AO1729" s="119"/>
      <c r="AP1729" s="119"/>
      <c r="AQ1729" s="119"/>
      <c r="AR1729" s="119"/>
      <c r="AS1729" s="119"/>
      <c r="AT1729" s="119"/>
      <c r="AU1729" s="119"/>
      <c r="AV1729" s="119"/>
      <c r="AW1729" s="119"/>
      <c r="AX1729" s="119"/>
      <c r="AY1729" s="119"/>
      <c r="AZ1729" s="119"/>
      <c r="BA1729" s="119"/>
      <c r="BB1729" s="107">
        <v>45884</v>
      </c>
    </row>
    <row r="1730" spans="1:54" s="207" customFormat="1" ht="13.95" customHeight="1" x14ac:dyDescent="0.25">
      <c r="A1730" s="208" t="s">
        <v>4164</v>
      </c>
      <c r="B1730" s="209" t="s">
        <v>20420</v>
      </c>
      <c r="C1730" s="113" t="s">
        <v>4165</v>
      </c>
      <c r="D1730" s="113" t="s">
        <v>23458</v>
      </c>
      <c r="E1730" s="210">
        <v>1994</v>
      </c>
      <c r="F1730" s="210">
        <v>2200</v>
      </c>
      <c r="G1730" s="113" t="s">
        <v>1</v>
      </c>
      <c r="H1730" s="113">
        <v>0</v>
      </c>
      <c r="I1730" s="113">
        <v>0</v>
      </c>
      <c r="J1730" s="115">
        <v>1</v>
      </c>
      <c r="K1730" s="116" t="s">
        <v>174</v>
      </c>
      <c r="L1730" s="115">
        <v>1</v>
      </c>
      <c r="M1730" s="115">
        <v>1</v>
      </c>
      <c r="N1730" s="115">
        <v>0</v>
      </c>
      <c r="O1730" s="115">
        <v>1</v>
      </c>
      <c r="P1730" s="115">
        <v>1</v>
      </c>
      <c r="Q1730" s="115" t="s">
        <v>400</v>
      </c>
      <c r="R1730" s="115">
        <v>0</v>
      </c>
      <c r="S1730" s="115">
        <v>0</v>
      </c>
      <c r="T1730" s="115">
        <v>0</v>
      </c>
      <c r="U1730" s="119"/>
      <c r="V1730" s="119"/>
      <c r="W1730" s="119"/>
      <c r="X1730" s="119"/>
      <c r="Y1730" s="119"/>
      <c r="Z1730" s="119"/>
      <c r="AA1730" s="119"/>
      <c r="AB1730" s="119"/>
      <c r="AC1730" s="119"/>
      <c r="AD1730" s="119"/>
      <c r="AE1730" s="119"/>
      <c r="AF1730" s="119"/>
      <c r="AG1730" s="119"/>
      <c r="AH1730" s="119"/>
      <c r="AI1730" s="119"/>
      <c r="AJ1730" s="119"/>
      <c r="AK1730" s="119"/>
      <c r="AL1730" s="119"/>
      <c r="AM1730" s="119"/>
      <c r="AN1730" s="119"/>
      <c r="AO1730" s="119"/>
      <c r="AP1730" s="119"/>
      <c r="AQ1730" s="119"/>
      <c r="AR1730" s="119"/>
      <c r="AS1730" s="119"/>
      <c r="AT1730" s="119"/>
      <c r="AU1730" s="119"/>
      <c r="AV1730" s="119"/>
      <c r="AW1730" s="119"/>
      <c r="AX1730" s="119"/>
      <c r="AY1730" s="119"/>
      <c r="AZ1730" s="119"/>
      <c r="BA1730" s="119"/>
      <c r="BB1730" s="107">
        <v>45884</v>
      </c>
    </row>
    <row r="1731" spans="1:54" s="207" customFormat="1" ht="13.95" customHeight="1" x14ac:dyDescent="0.25">
      <c r="A1731" s="208" t="s">
        <v>4166</v>
      </c>
      <c r="B1731" s="209" t="s">
        <v>20420</v>
      </c>
      <c r="C1731" s="113" t="s">
        <v>4167</v>
      </c>
      <c r="D1731" s="113" t="s">
        <v>23459</v>
      </c>
      <c r="E1731" s="210">
        <v>1997</v>
      </c>
      <c r="F1731" s="210">
        <v>2200</v>
      </c>
      <c r="G1731" s="113" t="s">
        <v>1</v>
      </c>
      <c r="H1731" s="113">
        <v>0</v>
      </c>
      <c r="I1731" s="113">
        <v>0</v>
      </c>
      <c r="J1731" s="115">
        <v>1</v>
      </c>
      <c r="K1731" s="116" t="s">
        <v>174</v>
      </c>
      <c r="L1731" s="115">
        <v>1</v>
      </c>
      <c r="M1731" s="115">
        <v>0</v>
      </c>
      <c r="N1731" s="115">
        <v>0</v>
      </c>
      <c r="O1731" s="115">
        <v>1</v>
      </c>
      <c r="P1731" s="115">
        <v>1</v>
      </c>
      <c r="Q1731" s="115">
        <v>1</v>
      </c>
      <c r="R1731" s="115">
        <v>0</v>
      </c>
      <c r="S1731" s="115">
        <v>0</v>
      </c>
      <c r="T1731" s="115">
        <v>0</v>
      </c>
      <c r="U1731" s="119"/>
      <c r="V1731" s="119"/>
      <c r="W1731" s="119"/>
      <c r="X1731" s="119"/>
      <c r="Y1731" s="119"/>
      <c r="Z1731" s="119"/>
      <c r="AA1731" s="119"/>
      <c r="AB1731" s="119"/>
      <c r="AC1731" s="119"/>
      <c r="AD1731" s="119"/>
      <c r="AE1731" s="119"/>
      <c r="AF1731" s="119"/>
      <c r="AG1731" s="119"/>
      <c r="AH1731" s="119"/>
      <c r="AI1731" s="119"/>
      <c r="AJ1731" s="119"/>
      <c r="AK1731" s="119"/>
      <c r="AL1731" s="119"/>
      <c r="AM1731" s="119"/>
      <c r="AN1731" s="119"/>
      <c r="AO1731" s="119"/>
      <c r="AP1731" s="119"/>
      <c r="AQ1731" s="119"/>
      <c r="AR1731" s="119"/>
      <c r="AS1731" s="119"/>
      <c r="AT1731" s="119"/>
      <c r="AU1731" s="119"/>
      <c r="AV1731" s="119"/>
      <c r="AW1731" s="119"/>
      <c r="AX1731" s="119"/>
      <c r="AY1731" s="119"/>
      <c r="AZ1731" s="119"/>
      <c r="BA1731" s="119"/>
      <c r="BB1731" s="107">
        <v>45884</v>
      </c>
    </row>
    <row r="1732" spans="1:54" s="207" customFormat="1" ht="13.95" customHeight="1" x14ac:dyDescent="0.25">
      <c r="A1732" s="208" t="s">
        <v>4168</v>
      </c>
      <c r="B1732" s="209" t="s">
        <v>20420</v>
      </c>
      <c r="C1732" s="113" t="s">
        <v>4169</v>
      </c>
      <c r="D1732" s="113" t="s">
        <v>23460</v>
      </c>
      <c r="E1732" s="210">
        <v>1987</v>
      </c>
      <c r="F1732" s="210">
        <v>2200</v>
      </c>
      <c r="G1732" s="113" t="s">
        <v>1</v>
      </c>
      <c r="H1732" s="113">
        <v>0</v>
      </c>
      <c r="I1732" s="113">
        <v>0</v>
      </c>
      <c r="J1732" s="115">
        <v>1</v>
      </c>
      <c r="K1732" s="116" t="s">
        <v>174</v>
      </c>
      <c r="L1732" s="115">
        <v>1</v>
      </c>
      <c r="M1732" s="115">
        <v>0</v>
      </c>
      <c r="N1732" s="115">
        <v>1</v>
      </c>
      <c r="O1732" s="115">
        <v>1</v>
      </c>
      <c r="P1732" s="115">
        <v>1</v>
      </c>
      <c r="Q1732" s="115" t="s">
        <v>400</v>
      </c>
      <c r="R1732" s="115">
        <v>1</v>
      </c>
      <c r="S1732" s="115">
        <v>0</v>
      </c>
      <c r="T1732" s="115">
        <v>0</v>
      </c>
      <c r="U1732" s="119"/>
      <c r="V1732" s="119"/>
      <c r="W1732" s="119"/>
      <c r="X1732" s="119"/>
      <c r="Y1732" s="119"/>
      <c r="Z1732" s="119"/>
      <c r="AA1732" s="119"/>
      <c r="AB1732" s="119"/>
      <c r="AC1732" s="119"/>
      <c r="AD1732" s="119"/>
      <c r="AE1732" s="119"/>
      <c r="AF1732" s="119"/>
      <c r="AG1732" s="119"/>
      <c r="AH1732" s="119"/>
      <c r="AI1732" s="119"/>
      <c r="AJ1732" s="119"/>
      <c r="AK1732" s="119"/>
      <c r="AL1732" s="119"/>
      <c r="AM1732" s="119"/>
      <c r="AN1732" s="119"/>
      <c r="AO1732" s="119"/>
      <c r="AP1732" s="119"/>
      <c r="AQ1732" s="119"/>
      <c r="AR1732" s="119"/>
      <c r="AS1732" s="119"/>
      <c r="AT1732" s="119"/>
      <c r="AU1732" s="119"/>
      <c r="AV1732" s="119"/>
      <c r="AW1732" s="119"/>
      <c r="AX1732" s="119"/>
      <c r="AY1732" s="119"/>
      <c r="AZ1732" s="119"/>
      <c r="BA1732" s="119"/>
      <c r="BB1732" s="107">
        <v>45884</v>
      </c>
    </row>
    <row r="1733" spans="1:54" s="207" customFormat="1" ht="13.95" customHeight="1" x14ac:dyDescent="0.25">
      <c r="A1733" s="208" t="s">
        <v>4170</v>
      </c>
      <c r="B1733" s="209" t="s">
        <v>20420</v>
      </c>
      <c r="C1733" s="113" t="s">
        <v>4171</v>
      </c>
      <c r="D1733" s="113" t="s">
        <v>23461</v>
      </c>
      <c r="E1733" s="210">
        <v>1994</v>
      </c>
      <c r="F1733" s="210">
        <v>2200</v>
      </c>
      <c r="G1733" s="113" t="s">
        <v>1</v>
      </c>
      <c r="H1733" s="113">
        <v>0</v>
      </c>
      <c r="I1733" s="113">
        <v>0</v>
      </c>
      <c r="J1733" s="115">
        <v>1</v>
      </c>
      <c r="K1733" s="116" t="s">
        <v>174</v>
      </c>
      <c r="L1733" s="115">
        <v>1</v>
      </c>
      <c r="M1733" s="115">
        <v>1</v>
      </c>
      <c r="N1733" s="115">
        <v>0</v>
      </c>
      <c r="O1733" s="115">
        <v>0</v>
      </c>
      <c r="P1733" s="115" t="s">
        <v>400</v>
      </c>
      <c r="Q1733" s="115" t="s">
        <v>400</v>
      </c>
      <c r="R1733" s="115">
        <v>1</v>
      </c>
      <c r="S1733" s="115">
        <v>0</v>
      </c>
      <c r="T1733" s="115">
        <v>0</v>
      </c>
      <c r="U1733" s="119"/>
      <c r="V1733" s="119"/>
      <c r="W1733" s="119"/>
      <c r="X1733" s="119"/>
      <c r="Y1733" s="119"/>
      <c r="Z1733" s="119"/>
      <c r="AA1733" s="119"/>
      <c r="AB1733" s="119"/>
      <c r="AC1733" s="119"/>
      <c r="AD1733" s="119"/>
      <c r="AE1733" s="119"/>
      <c r="AF1733" s="119"/>
      <c r="AG1733" s="119"/>
      <c r="AH1733" s="119"/>
      <c r="AI1733" s="119"/>
      <c r="AJ1733" s="119"/>
      <c r="AK1733" s="119"/>
      <c r="AL1733" s="119"/>
      <c r="AM1733" s="119"/>
      <c r="AN1733" s="119"/>
      <c r="AO1733" s="119"/>
      <c r="AP1733" s="119"/>
      <c r="AQ1733" s="119"/>
      <c r="AR1733" s="119"/>
      <c r="AS1733" s="119"/>
      <c r="AT1733" s="119"/>
      <c r="AU1733" s="119"/>
      <c r="AV1733" s="119"/>
      <c r="AW1733" s="119"/>
      <c r="AX1733" s="119"/>
      <c r="AY1733" s="119"/>
      <c r="AZ1733" s="119"/>
      <c r="BA1733" s="119"/>
      <c r="BB1733" s="107">
        <v>45884</v>
      </c>
    </row>
    <row r="1734" spans="1:54" s="207" customFormat="1" ht="13.95" customHeight="1" x14ac:dyDescent="0.25">
      <c r="A1734" s="208" t="s">
        <v>4172</v>
      </c>
      <c r="B1734" s="209" t="s">
        <v>20420</v>
      </c>
      <c r="C1734" s="113" t="s">
        <v>4173</v>
      </c>
      <c r="D1734" s="113" t="s">
        <v>23462</v>
      </c>
      <c r="E1734" s="210">
        <v>1990</v>
      </c>
      <c r="F1734" s="210">
        <v>2200</v>
      </c>
      <c r="G1734" s="113" t="s">
        <v>1</v>
      </c>
      <c r="H1734" s="113">
        <v>0</v>
      </c>
      <c r="I1734" s="113">
        <v>0</v>
      </c>
      <c r="J1734" s="115">
        <v>1</v>
      </c>
      <c r="K1734" s="116" t="s">
        <v>174</v>
      </c>
      <c r="L1734" s="115">
        <v>1</v>
      </c>
      <c r="M1734" s="115">
        <v>0</v>
      </c>
      <c r="N1734" s="115">
        <v>0</v>
      </c>
      <c r="O1734" s="115">
        <v>1</v>
      </c>
      <c r="P1734" s="115">
        <v>1</v>
      </c>
      <c r="Q1734" s="115" t="s">
        <v>400</v>
      </c>
      <c r="R1734" s="115">
        <v>1</v>
      </c>
      <c r="S1734" s="115">
        <v>0</v>
      </c>
      <c r="T1734" s="115">
        <v>0</v>
      </c>
      <c r="U1734" s="119"/>
      <c r="V1734" s="119"/>
      <c r="W1734" s="119"/>
      <c r="X1734" s="119"/>
      <c r="Y1734" s="119"/>
      <c r="Z1734" s="119"/>
      <c r="AA1734" s="119"/>
      <c r="AB1734" s="119"/>
      <c r="AC1734" s="119"/>
      <c r="AD1734" s="119"/>
      <c r="AE1734" s="119"/>
      <c r="AF1734" s="119"/>
      <c r="AG1734" s="119"/>
      <c r="AH1734" s="119"/>
      <c r="AI1734" s="119"/>
      <c r="AJ1734" s="119"/>
      <c r="AK1734" s="119"/>
      <c r="AL1734" s="119"/>
      <c r="AM1734" s="119"/>
      <c r="AN1734" s="119"/>
      <c r="AO1734" s="119"/>
      <c r="AP1734" s="119"/>
      <c r="AQ1734" s="119"/>
      <c r="AR1734" s="119"/>
      <c r="AS1734" s="119"/>
      <c r="AT1734" s="119"/>
      <c r="AU1734" s="119"/>
      <c r="AV1734" s="119"/>
      <c r="AW1734" s="119"/>
      <c r="AX1734" s="119"/>
      <c r="AY1734" s="119"/>
      <c r="AZ1734" s="119"/>
      <c r="BA1734" s="119"/>
      <c r="BB1734" s="107">
        <v>45884</v>
      </c>
    </row>
    <row r="1735" spans="1:54" s="207" customFormat="1" ht="13.95" customHeight="1" x14ac:dyDescent="0.25">
      <c r="A1735" s="208" t="s">
        <v>4174</v>
      </c>
      <c r="B1735" s="209" t="s">
        <v>20420</v>
      </c>
      <c r="C1735" s="113" t="s">
        <v>4175</v>
      </c>
      <c r="D1735" s="113" t="s">
        <v>23463</v>
      </c>
      <c r="E1735" s="210">
        <v>1997</v>
      </c>
      <c r="F1735" s="210">
        <v>2200</v>
      </c>
      <c r="G1735" s="113" t="s">
        <v>1</v>
      </c>
      <c r="H1735" s="113">
        <v>0</v>
      </c>
      <c r="I1735" s="113">
        <v>0</v>
      </c>
      <c r="J1735" s="115">
        <v>1</v>
      </c>
      <c r="K1735" s="116" t="s">
        <v>174</v>
      </c>
      <c r="L1735" s="115">
        <v>1</v>
      </c>
      <c r="M1735" s="115">
        <v>1</v>
      </c>
      <c r="N1735" s="115">
        <v>0</v>
      </c>
      <c r="O1735" s="115">
        <v>1</v>
      </c>
      <c r="P1735" s="115" t="s">
        <v>400</v>
      </c>
      <c r="Q1735" s="115" t="s">
        <v>400</v>
      </c>
      <c r="R1735" s="115">
        <v>1</v>
      </c>
      <c r="S1735" s="115">
        <v>0</v>
      </c>
      <c r="T1735" s="115">
        <v>0</v>
      </c>
      <c r="U1735" s="119"/>
      <c r="V1735" s="119"/>
      <c r="W1735" s="119"/>
      <c r="X1735" s="119"/>
      <c r="Y1735" s="119"/>
      <c r="Z1735" s="119"/>
      <c r="AA1735" s="119"/>
      <c r="AB1735" s="119"/>
      <c r="AC1735" s="119"/>
      <c r="AD1735" s="119"/>
      <c r="AE1735" s="119"/>
      <c r="AF1735" s="119"/>
      <c r="AG1735" s="119"/>
      <c r="AH1735" s="119"/>
      <c r="AI1735" s="119"/>
      <c r="AJ1735" s="119"/>
      <c r="AK1735" s="119"/>
      <c r="AL1735" s="119"/>
      <c r="AM1735" s="119"/>
      <c r="AN1735" s="119"/>
      <c r="AO1735" s="119"/>
      <c r="AP1735" s="119"/>
      <c r="AQ1735" s="119"/>
      <c r="AR1735" s="119"/>
      <c r="AS1735" s="119"/>
      <c r="AT1735" s="119"/>
      <c r="AU1735" s="119"/>
      <c r="AV1735" s="119"/>
      <c r="AW1735" s="119"/>
      <c r="AX1735" s="119"/>
      <c r="AY1735" s="119"/>
      <c r="AZ1735" s="119"/>
      <c r="BA1735" s="119"/>
      <c r="BB1735" s="107">
        <v>45884</v>
      </c>
    </row>
    <row r="1736" spans="1:54" s="207" customFormat="1" ht="13.95" customHeight="1" x14ac:dyDescent="0.25">
      <c r="A1736" s="208" t="s">
        <v>4176</v>
      </c>
      <c r="B1736" s="209" t="s">
        <v>20420</v>
      </c>
      <c r="C1736" s="113" t="s">
        <v>4177</v>
      </c>
      <c r="D1736" s="113" t="s">
        <v>23464</v>
      </c>
      <c r="E1736" s="210">
        <v>2001</v>
      </c>
      <c r="F1736" s="210">
        <v>2203</v>
      </c>
      <c r="G1736" s="113" t="s">
        <v>1</v>
      </c>
      <c r="H1736" s="113">
        <v>0</v>
      </c>
      <c r="I1736" s="113">
        <v>0</v>
      </c>
      <c r="J1736" s="115">
        <v>1</v>
      </c>
      <c r="K1736" s="116" t="s">
        <v>174</v>
      </c>
      <c r="L1736" s="115">
        <v>0</v>
      </c>
      <c r="M1736" s="115">
        <v>0</v>
      </c>
      <c r="N1736" s="115">
        <v>0</v>
      </c>
      <c r="O1736" s="115">
        <v>1</v>
      </c>
      <c r="P1736" s="115">
        <v>1</v>
      </c>
      <c r="Q1736" s="115">
        <v>1</v>
      </c>
      <c r="R1736" s="115">
        <v>0</v>
      </c>
      <c r="S1736" s="115">
        <v>0</v>
      </c>
      <c r="T1736" s="115">
        <v>0</v>
      </c>
      <c r="U1736" s="119"/>
      <c r="V1736" s="119"/>
      <c r="W1736" s="119"/>
      <c r="X1736" s="119"/>
      <c r="Y1736" s="119"/>
      <c r="Z1736" s="119"/>
      <c r="AA1736" s="119"/>
      <c r="AB1736" s="119"/>
      <c r="AC1736" s="119"/>
      <c r="AD1736" s="119"/>
      <c r="AE1736" s="119"/>
      <c r="AF1736" s="119"/>
      <c r="AG1736" s="119"/>
      <c r="AH1736" s="119"/>
      <c r="AI1736" s="119"/>
      <c r="AJ1736" s="119"/>
      <c r="AK1736" s="119"/>
      <c r="AL1736" s="119"/>
      <c r="AM1736" s="119"/>
      <c r="AN1736" s="119"/>
      <c r="AO1736" s="119"/>
      <c r="AP1736" s="119"/>
      <c r="AQ1736" s="119"/>
      <c r="AR1736" s="119"/>
      <c r="AS1736" s="119"/>
      <c r="AT1736" s="119"/>
      <c r="AU1736" s="119"/>
      <c r="AV1736" s="119"/>
      <c r="AW1736" s="119"/>
      <c r="AX1736" s="119"/>
      <c r="AY1736" s="119"/>
      <c r="AZ1736" s="119"/>
      <c r="BA1736" s="119"/>
      <c r="BB1736" s="107">
        <v>45884</v>
      </c>
    </row>
    <row r="1737" spans="1:54" s="207" customFormat="1" ht="13.95" customHeight="1" x14ac:dyDescent="0.25">
      <c r="A1737" s="208" t="s">
        <v>4178</v>
      </c>
      <c r="B1737" s="209" t="s">
        <v>20420</v>
      </c>
      <c r="C1737" s="113" t="s">
        <v>4179</v>
      </c>
      <c r="D1737" s="113" t="s">
        <v>23465</v>
      </c>
      <c r="E1737" s="210">
        <v>1989</v>
      </c>
      <c r="F1737" s="210">
        <v>2204</v>
      </c>
      <c r="G1737" s="113" t="s">
        <v>1</v>
      </c>
      <c r="H1737" s="113">
        <v>0</v>
      </c>
      <c r="I1737" s="113">
        <v>0</v>
      </c>
      <c r="J1737" s="115">
        <v>1</v>
      </c>
      <c r="K1737" s="116" t="s">
        <v>174</v>
      </c>
      <c r="L1737" s="115">
        <v>1</v>
      </c>
      <c r="M1737" s="115">
        <v>0</v>
      </c>
      <c r="N1737" s="115">
        <v>0</v>
      </c>
      <c r="O1737" s="115">
        <v>1</v>
      </c>
      <c r="P1737" s="115">
        <v>1</v>
      </c>
      <c r="Q1737" s="115" t="s">
        <v>400</v>
      </c>
      <c r="R1737" s="115">
        <v>0</v>
      </c>
      <c r="S1737" s="115">
        <v>0</v>
      </c>
      <c r="T1737" s="115">
        <v>0</v>
      </c>
      <c r="U1737" s="119"/>
      <c r="V1737" s="119"/>
      <c r="W1737" s="119"/>
      <c r="X1737" s="119"/>
      <c r="Y1737" s="119"/>
      <c r="Z1737" s="119"/>
      <c r="AA1737" s="119"/>
      <c r="AB1737" s="119"/>
      <c r="AC1737" s="119"/>
      <c r="AD1737" s="119"/>
      <c r="AE1737" s="119"/>
      <c r="AF1737" s="119"/>
      <c r="AG1737" s="119"/>
      <c r="AH1737" s="119"/>
      <c r="AI1737" s="119"/>
      <c r="AJ1737" s="119"/>
      <c r="AK1737" s="119"/>
      <c r="AL1737" s="119"/>
      <c r="AM1737" s="119"/>
      <c r="AN1737" s="119"/>
      <c r="AO1737" s="119"/>
      <c r="AP1737" s="119"/>
      <c r="AQ1737" s="119"/>
      <c r="AR1737" s="119"/>
      <c r="AS1737" s="119"/>
      <c r="AT1737" s="119"/>
      <c r="AU1737" s="119"/>
      <c r="AV1737" s="119"/>
      <c r="AW1737" s="119"/>
      <c r="AX1737" s="119"/>
      <c r="AY1737" s="119"/>
      <c r="AZ1737" s="119"/>
      <c r="BA1737" s="119"/>
      <c r="BB1737" s="107">
        <v>45884</v>
      </c>
    </row>
    <row r="1738" spans="1:54" s="207" customFormat="1" ht="13.95" customHeight="1" x14ac:dyDescent="0.25">
      <c r="A1738" s="208" t="s">
        <v>4180</v>
      </c>
      <c r="B1738" s="209" t="s">
        <v>20420</v>
      </c>
      <c r="C1738" s="113" t="s">
        <v>4181</v>
      </c>
      <c r="D1738" s="113" t="s">
        <v>4182</v>
      </c>
      <c r="E1738" s="210">
        <v>1991</v>
      </c>
      <c r="F1738" s="210">
        <v>2206</v>
      </c>
      <c r="G1738" s="113" t="s">
        <v>1</v>
      </c>
      <c r="H1738" s="113">
        <v>0</v>
      </c>
      <c r="I1738" s="113">
        <v>0</v>
      </c>
      <c r="J1738" s="115">
        <v>1</v>
      </c>
      <c r="K1738" s="116" t="s">
        <v>174</v>
      </c>
      <c r="L1738" s="115">
        <v>1</v>
      </c>
      <c r="M1738" s="115">
        <v>0</v>
      </c>
      <c r="N1738" s="115">
        <v>1</v>
      </c>
      <c r="O1738" s="115">
        <v>1</v>
      </c>
      <c r="P1738" s="115">
        <v>1</v>
      </c>
      <c r="Q1738" s="115" t="s">
        <v>400</v>
      </c>
      <c r="R1738" s="115">
        <v>1</v>
      </c>
      <c r="S1738" s="115">
        <v>0</v>
      </c>
      <c r="T1738" s="115">
        <v>0</v>
      </c>
      <c r="U1738" s="119"/>
      <c r="V1738" s="119"/>
      <c r="W1738" s="119"/>
      <c r="X1738" s="119"/>
      <c r="Y1738" s="119"/>
      <c r="Z1738" s="119"/>
      <c r="AA1738" s="119"/>
      <c r="AB1738" s="119"/>
      <c r="AC1738" s="119"/>
      <c r="AD1738" s="119"/>
      <c r="AE1738" s="119"/>
      <c r="AF1738" s="119"/>
      <c r="AG1738" s="119"/>
      <c r="AH1738" s="119"/>
      <c r="AI1738" s="119"/>
      <c r="AJ1738" s="119"/>
      <c r="AK1738" s="119"/>
      <c r="AL1738" s="119"/>
      <c r="AM1738" s="119"/>
      <c r="AN1738" s="119"/>
      <c r="AO1738" s="119"/>
      <c r="AP1738" s="119"/>
      <c r="AQ1738" s="119"/>
      <c r="AR1738" s="119"/>
      <c r="AS1738" s="119"/>
      <c r="AT1738" s="119"/>
      <c r="AU1738" s="119"/>
      <c r="AV1738" s="119"/>
      <c r="AW1738" s="119"/>
      <c r="AX1738" s="119"/>
      <c r="AY1738" s="119"/>
      <c r="AZ1738" s="119"/>
      <c r="BA1738" s="119"/>
      <c r="BB1738" s="107">
        <v>45884</v>
      </c>
    </row>
    <row r="1739" spans="1:54" s="207" customFormat="1" ht="13.95" customHeight="1" x14ac:dyDescent="0.25">
      <c r="A1739" s="208" t="s">
        <v>4183</v>
      </c>
      <c r="B1739" s="209" t="s">
        <v>20420</v>
      </c>
      <c r="C1739" s="113" t="s">
        <v>4184</v>
      </c>
      <c r="D1739" s="113" t="s">
        <v>23466</v>
      </c>
      <c r="E1739" s="210">
        <v>1991</v>
      </c>
      <c r="F1739" s="210">
        <v>2207</v>
      </c>
      <c r="G1739" s="113" t="s">
        <v>1</v>
      </c>
      <c r="H1739" s="113">
        <v>1</v>
      </c>
      <c r="I1739" s="113">
        <v>1</v>
      </c>
      <c r="J1739" s="115">
        <v>1</v>
      </c>
      <c r="K1739" s="116" t="s">
        <v>174</v>
      </c>
      <c r="L1739" s="115">
        <v>1</v>
      </c>
      <c r="M1739" s="115">
        <v>1</v>
      </c>
      <c r="N1739" s="115">
        <v>0</v>
      </c>
      <c r="O1739" s="115">
        <v>1</v>
      </c>
      <c r="P1739" s="115" t="s">
        <v>400</v>
      </c>
      <c r="Q1739" s="115" t="s">
        <v>400</v>
      </c>
      <c r="R1739" s="115">
        <v>1</v>
      </c>
      <c r="S1739" s="115">
        <v>0</v>
      </c>
      <c r="T1739" s="115">
        <v>0</v>
      </c>
      <c r="U1739" s="119"/>
      <c r="V1739" s="119"/>
      <c r="W1739" s="119"/>
      <c r="X1739" s="119"/>
      <c r="Y1739" s="119"/>
      <c r="Z1739" s="119"/>
      <c r="AA1739" s="119"/>
      <c r="AB1739" s="119"/>
      <c r="AC1739" s="119"/>
      <c r="AD1739" s="119"/>
      <c r="AE1739" s="119"/>
      <c r="AF1739" s="119"/>
      <c r="AG1739" s="119"/>
      <c r="AH1739" s="119"/>
      <c r="AI1739" s="119"/>
      <c r="AJ1739" s="119"/>
      <c r="AK1739" s="119"/>
      <c r="AL1739" s="119"/>
      <c r="AM1739" s="119"/>
      <c r="AN1739" s="119"/>
      <c r="AO1739" s="119"/>
      <c r="AP1739" s="119"/>
      <c r="AQ1739" s="119"/>
      <c r="AR1739" s="119"/>
      <c r="AS1739" s="119"/>
      <c r="AT1739" s="119"/>
      <c r="AU1739" s="119"/>
      <c r="AV1739" s="119"/>
      <c r="AW1739" s="119"/>
      <c r="AX1739" s="119"/>
      <c r="AY1739" s="119"/>
      <c r="AZ1739" s="119"/>
      <c r="BA1739" s="119"/>
      <c r="BB1739" s="107">
        <v>45884</v>
      </c>
    </row>
    <row r="1740" spans="1:54" s="207" customFormat="1" ht="13.95" customHeight="1" x14ac:dyDescent="0.25">
      <c r="A1740" s="208" t="s">
        <v>4185</v>
      </c>
      <c r="B1740" s="209" t="s">
        <v>20420</v>
      </c>
      <c r="C1740" s="113" t="s">
        <v>4186</v>
      </c>
      <c r="D1740" s="113" t="s">
        <v>4187</v>
      </c>
      <c r="E1740" s="210">
        <v>1954</v>
      </c>
      <c r="F1740" s="210">
        <v>2208</v>
      </c>
      <c r="G1740" s="113" t="s">
        <v>1</v>
      </c>
      <c r="H1740" s="113">
        <v>0</v>
      </c>
      <c r="I1740" s="113">
        <v>0</v>
      </c>
      <c r="J1740" s="115">
        <v>1</v>
      </c>
      <c r="K1740" s="116" t="s">
        <v>174</v>
      </c>
      <c r="L1740" s="115">
        <v>1</v>
      </c>
      <c r="M1740" s="115">
        <v>1</v>
      </c>
      <c r="N1740" s="115">
        <v>0</v>
      </c>
      <c r="O1740" s="115">
        <v>1</v>
      </c>
      <c r="P1740" s="115">
        <v>1</v>
      </c>
      <c r="Q1740" s="115">
        <v>1</v>
      </c>
      <c r="R1740" s="115">
        <v>1</v>
      </c>
      <c r="S1740" s="115">
        <v>0</v>
      </c>
      <c r="T1740" s="115">
        <v>0</v>
      </c>
      <c r="U1740" s="119"/>
      <c r="V1740" s="119"/>
      <c r="W1740" s="119"/>
      <c r="X1740" s="119"/>
      <c r="Y1740" s="119"/>
      <c r="Z1740" s="119"/>
      <c r="AA1740" s="119"/>
      <c r="AB1740" s="119"/>
      <c r="AC1740" s="119"/>
      <c r="AD1740" s="119"/>
      <c r="AE1740" s="119"/>
      <c r="AF1740" s="119"/>
      <c r="AG1740" s="119"/>
      <c r="AH1740" s="119"/>
      <c r="AI1740" s="119"/>
      <c r="AJ1740" s="119"/>
      <c r="AK1740" s="119"/>
      <c r="AL1740" s="119"/>
      <c r="AM1740" s="119"/>
      <c r="AN1740" s="119"/>
      <c r="AO1740" s="119"/>
      <c r="AP1740" s="119"/>
      <c r="AQ1740" s="119"/>
      <c r="AR1740" s="119"/>
      <c r="AS1740" s="119"/>
      <c r="AT1740" s="119"/>
      <c r="AU1740" s="119"/>
      <c r="AV1740" s="119"/>
      <c r="AW1740" s="119"/>
      <c r="AX1740" s="119"/>
      <c r="AY1740" s="119"/>
      <c r="AZ1740" s="119"/>
      <c r="BA1740" s="119"/>
      <c r="BB1740" s="107">
        <v>45884</v>
      </c>
    </row>
    <row r="1741" spans="1:54" s="207" customFormat="1" ht="13.95" customHeight="1" x14ac:dyDescent="0.25">
      <c r="A1741" s="208" t="s">
        <v>4188</v>
      </c>
      <c r="B1741" s="209" t="s">
        <v>20420</v>
      </c>
      <c r="C1741" s="113" t="s">
        <v>4189</v>
      </c>
      <c r="D1741" s="113" t="s">
        <v>23467</v>
      </c>
      <c r="E1741" s="210">
        <v>1980</v>
      </c>
      <c r="F1741" s="210">
        <v>2212</v>
      </c>
      <c r="G1741" s="113" t="s">
        <v>1</v>
      </c>
      <c r="H1741" s="113">
        <v>0</v>
      </c>
      <c r="I1741" s="113">
        <v>0</v>
      </c>
      <c r="J1741" s="115">
        <v>1</v>
      </c>
      <c r="K1741" s="116" t="s">
        <v>174</v>
      </c>
      <c r="L1741" s="115">
        <v>0</v>
      </c>
      <c r="M1741" s="115">
        <v>0</v>
      </c>
      <c r="N1741" s="115">
        <v>0</v>
      </c>
      <c r="O1741" s="115">
        <v>0</v>
      </c>
      <c r="P1741" s="115" t="s">
        <v>400</v>
      </c>
      <c r="Q1741" s="115" t="s">
        <v>400</v>
      </c>
      <c r="R1741" s="115">
        <v>0</v>
      </c>
      <c r="S1741" s="115">
        <v>0</v>
      </c>
      <c r="T1741" s="115">
        <v>0</v>
      </c>
      <c r="U1741" s="119"/>
      <c r="V1741" s="119"/>
      <c r="W1741" s="119"/>
      <c r="X1741" s="119"/>
      <c r="Y1741" s="119"/>
      <c r="Z1741" s="119"/>
      <c r="AA1741" s="119"/>
      <c r="AB1741" s="119"/>
      <c r="AC1741" s="119"/>
      <c r="AD1741" s="119"/>
      <c r="AE1741" s="119"/>
      <c r="AF1741" s="119"/>
      <c r="AG1741" s="119"/>
      <c r="AH1741" s="119"/>
      <c r="AI1741" s="119"/>
      <c r="AJ1741" s="119"/>
      <c r="AK1741" s="119"/>
      <c r="AL1741" s="119"/>
      <c r="AM1741" s="119"/>
      <c r="AN1741" s="119"/>
      <c r="AO1741" s="119"/>
      <c r="AP1741" s="119"/>
      <c r="AQ1741" s="119"/>
      <c r="AR1741" s="119"/>
      <c r="AS1741" s="119"/>
      <c r="AT1741" s="119"/>
      <c r="AU1741" s="119"/>
      <c r="AV1741" s="119"/>
      <c r="AW1741" s="119"/>
      <c r="AX1741" s="119"/>
      <c r="AY1741" s="119"/>
      <c r="AZ1741" s="119"/>
      <c r="BA1741" s="119"/>
      <c r="BB1741" s="107">
        <v>45884</v>
      </c>
    </row>
    <row r="1742" spans="1:54" s="207" customFormat="1" ht="13.95" customHeight="1" x14ac:dyDescent="0.25">
      <c r="A1742" s="208" t="s">
        <v>4190</v>
      </c>
      <c r="B1742" s="209" t="s">
        <v>20420</v>
      </c>
      <c r="C1742" s="113" t="s">
        <v>4191</v>
      </c>
      <c r="D1742" s="113" t="s">
        <v>4192</v>
      </c>
      <c r="E1742" s="210">
        <v>1974</v>
      </c>
      <c r="F1742" s="210">
        <v>2222</v>
      </c>
      <c r="G1742" s="113" t="s">
        <v>1</v>
      </c>
      <c r="H1742" s="113">
        <v>1</v>
      </c>
      <c r="I1742" s="113">
        <v>0</v>
      </c>
      <c r="J1742" s="115">
        <v>1</v>
      </c>
      <c r="K1742" s="116" t="s">
        <v>174</v>
      </c>
      <c r="L1742" s="115">
        <v>1</v>
      </c>
      <c r="M1742" s="115">
        <v>1</v>
      </c>
      <c r="N1742" s="115">
        <v>1</v>
      </c>
      <c r="O1742" s="115">
        <v>1</v>
      </c>
      <c r="P1742" s="115" t="s">
        <v>400</v>
      </c>
      <c r="Q1742" s="115" t="s">
        <v>400</v>
      </c>
      <c r="R1742" s="115">
        <v>1</v>
      </c>
      <c r="S1742" s="115">
        <v>1</v>
      </c>
      <c r="T1742" s="115">
        <v>0</v>
      </c>
      <c r="U1742" s="119"/>
      <c r="V1742" s="119"/>
      <c r="W1742" s="119"/>
      <c r="X1742" s="119"/>
      <c r="Y1742" s="119"/>
      <c r="Z1742" s="119"/>
      <c r="AA1742" s="119"/>
      <c r="AB1742" s="119"/>
      <c r="AC1742" s="119"/>
      <c r="AD1742" s="119"/>
      <c r="AE1742" s="119"/>
      <c r="AF1742" s="119"/>
      <c r="AG1742" s="119"/>
      <c r="AH1742" s="119"/>
      <c r="AI1742" s="119"/>
      <c r="AJ1742" s="119"/>
      <c r="AK1742" s="119"/>
      <c r="AL1742" s="119"/>
      <c r="AM1742" s="119"/>
      <c r="AN1742" s="119"/>
      <c r="AO1742" s="119"/>
      <c r="AP1742" s="119"/>
      <c r="AQ1742" s="119"/>
      <c r="AR1742" s="119"/>
      <c r="AS1742" s="119"/>
      <c r="AT1742" s="119"/>
      <c r="AU1742" s="119"/>
      <c r="AV1742" s="119"/>
      <c r="AW1742" s="119"/>
      <c r="AX1742" s="119"/>
      <c r="AY1742" s="119"/>
      <c r="AZ1742" s="119"/>
      <c r="BA1742" s="119"/>
      <c r="BB1742" s="107">
        <v>45884</v>
      </c>
    </row>
    <row r="1743" spans="1:54" s="207" customFormat="1" ht="13.95" customHeight="1" x14ac:dyDescent="0.25">
      <c r="A1743" s="208" t="s">
        <v>4193</v>
      </c>
      <c r="B1743" s="209" t="s">
        <v>20420</v>
      </c>
      <c r="C1743" s="113" t="s">
        <v>4194</v>
      </c>
      <c r="D1743" s="113" t="s">
        <v>4195</v>
      </c>
      <c r="E1743" s="210">
        <v>1984</v>
      </c>
      <c r="F1743" s="210">
        <v>2224</v>
      </c>
      <c r="G1743" s="113" t="s">
        <v>1</v>
      </c>
      <c r="H1743" s="113">
        <v>0</v>
      </c>
      <c r="I1743" s="113">
        <v>0</v>
      </c>
      <c r="J1743" s="115">
        <v>1</v>
      </c>
      <c r="K1743" s="116" t="s">
        <v>174</v>
      </c>
      <c r="L1743" s="115">
        <v>1</v>
      </c>
      <c r="M1743" s="115">
        <v>0</v>
      </c>
      <c r="N1743" s="115">
        <v>0</v>
      </c>
      <c r="O1743" s="115">
        <v>1</v>
      </c>
      <c r="P1743" s="115">
        <v>1</v>
      </c>
      <c r="Q1743" s="115">
        <v>1</v>
      </c>
      <c r="R1743" s="115">
        <v>1</v>
      </c>
      <c r="S1743" s="115">
        <v>0</v>
      </c>
      <c r="T1743" s="115">
        <v>0</v>
      </c>
      <c r="U1743" s="119"/>
      <c r="V1743" s="119"/>
      <c r="W1743" s="119"/>
      <c r="X1743" s="119"/>
      <c r="Y1743" s="119"/>
      <c r="Z1743" s="119"/>
      <c r="AA1743" s="119"/>
      <c r="AB1743" s="119"/>
      <c r="AC1743" s="119"/>
      <c r="AD1743" s="119"/>
      <c r="AE1743" s="119"/>
      <c r="AF1743" s="119"/>
      <c r="AG1743" s="119"/>
      <c r="AH1743" s="119"/>
      <c r="AI1743" s="119"/>
      <c r="AJ1743" s="119"/>
      <c r="AK1743" s="119"/>
      <c r="AL1743" s="119"/>
      <c r="AM1743" s="119"/>
      <c r="AN1743" s="119"/>
      <c r="AO1743" s="119"/>
      <c r="AP1743" s="119"/>
      <c r="AQ1743" s="119"/>
      <c r="AR1743" s="119"/>
      <c r="AS1743" s="119"/>
      <c r="AT1743" s="119"/>
      <c r="AU1743" s="119"/>
      <c r="AV1743" s="119"/>
      <c r="AW1743" s="119"/>
      <c r="AX1743" s="119"/>
      <c r="AY1743" s="119"/>
      <c r="AZ1743" s="119"/>
      <c r="BA1743" s="119"/>
      <c r="BB1743" s="107">
        <v>45884</v>
      </c>
    </row>
    <row r="1744" spans="1:54" s="207" customFormat="1" ht="13.95" customHeight="1" x14ac:dyDescent="0.25">
      <c r="A1744" s="208" t="s">
        <v>4196</v>
      </c>
      <c r="B1744" s="209" t="s">
        <v>20420</v>
      </c>
      <c r="C1744" s="113" t="s">
        <v>4197</v>
      </c>
      <c r="D1744" s="113" t="s">
        <v>23468</v>
      </c>
      <c r="E1744" s="210">
        <v>1980</v>
      </c>
      <c r="F1744" s="210">
        <v>2224</v>
      </c>
      <c r="G1744" s="113" t="s">
        <v>1</v>
      </c>
      <c r="H1744" s="113">
        <v>0</v>
      </c>
      <c r="I1744" s="113">
        <v>0</v>
      </c>
      <c r="J1744" s="115">
        <v>1</v>
      </c>
      <c r="K1744" s="116" t="s">
        <v>174</v>
      </c>
      <c r="L1744" s="115">
        <v>1</v>
      </c>
      <c r="M1744" s="115">
        <v>0</v>
      </c>
      <c r="N1744" s="115">
        <v>1</v>
      </c>
      <c r="O1744" s="115">
        <v>0</v>
      </c>
      <c r="P1744" s="115">
        <v>1</v>
      </c>
      <c r="Q1744" s="115">
        <v>1</v>
      </c>
      <c r="R1744" s="115">
        <v>0</v>
      </c>
      <c r="S1744" s="115">
        <v>0</v>
      </c>
      <c r="T1744" s="115">
        <v>0</v>
      </c>
      <c r="U1744" s="119"/>
      <c r="V1744" s="119"/>
      <c r="W1744" s="119"/>
      <c r="X1744" s="119"/>
      <c r="Y1744" s="119"/>
      <c r="Z1744" s="119"/>
      <c r="AA1744" s="119"/>
      <c r="AB1744" s="119"/>
      <c r="AC1744" s="119"/>
      <c r="AD1744" s="119"/>
      <c r="AE1744" s="119"/>
      <c r="AF1744" s="119"/>
      <c r="AG1744" s="119"/>
      <c r="AH1744" s="119"/>
      <c r="AI1744" s="119"/>
      <c r="AJ1744" s="119"/>
      <c r="AK1744" s="119"/>
      <c r="AL1744" s="119"/>
      <c r="AM1744" s="119"/>
      <c r="AN1744" s="119"/>
      <c r="AO1744" s="119"/>
      <c r="AP1744" s="119"/>
      <c r="AQ1744" s="119"/>
      <c r="AR1744" s="119"/>
      <c r="AS1744" s="119"/>
      <c r="AT1744" s="119"/>
      <c r="AU1744" s="119"/>
      <c r="AV1744" s="119"/>
      <c r="AW1744" s="119"/>
      <c r="AX1744" s="119"/>
      <c r="AY1744" s="119"/>
      <c r="AZ1744" s="119"/>
      <c r="BA1744" s="119"/>
      <c r="BB1744" s="107">
        <v>45884</v>
      </c>
    </row>
    <row r="1745" spans="1:54" s="207" customFormat="1" ht="13.95" customHeight="1" x14ac:dyDescent="0.25">
      <c r="A1745" s="208" t="s">
        <v>4198</v>
      </c>
      <c r="B1745" s="209" t="s">
        <v>20420</v>
      </c>
      <c r="C1745" s="113" t="s">
        <v>4199</v>
      </c>
      <c r="D1745" s="113" t="s">
        <v>4200</v>
      </c>
      <c r="E1745" s="210">
        <v>1991</v>
      </c>
      <c r="F1745" s="210">
        <v>2224</v>
      </c>
      <c r="G1745" s="113" t="s">
        <v>1</v>
      </c>
      <c r="H1745" s="113">
        <v>0</v>
      </c>
      <c r="I1745" s="113">
        <v>0</v>
      </c>
      <c r="J1745" s="115">
        <v>1</v>
      </c>
      <c r="K1745" s="211">
        <v>1</v>
      </c>
      <c r="L1745" s="115">
        <v>1</v>
      </c>
      <c r="M1745" s="115">
        <v>0</v>
      </c>
      <c r="N1745" s="115">
        <v>0</v>
      </c>
      <c r="O1745" s="115">
        <v>1</v>
      </c>
      <c r="P1745" s="115">
        <v>1</v>
      </c>
      <c r="Q1745" s="115" t="s">
        <v>400</v>
      </c>
      <c r="R1745" s="115">
        <v>0</v>
      </c>
      <c r="S1745" s="115">
        <v>0</v>
      </c>
      <c r="T1745" s="115">
        <v>0</v>
      </c>
      <c r="U1745" s="119"/>
      <c r="V1745" s="119"/>
      <c r="W1745" s="119"/>
      <c r="X1745" s="119"/>
      <c r="Y1745" s="119"/>
      <c r="Z1745" s="119"/>
      <c r="AA1745" s="119"/>
      <c r="AB1745" s="119"/>
      <c r="AC1745" s="119"/>
      <c r="AD1745" s="119"/>
      <c r="AE1745" s="119"/>
      <c r="AF1745" s="119"/>
      <c r="AG1745" s="119"/>
      <c r="AH1745" s="119"/>
      <c r="AI1745" s="119"/>
      <c r="AJ1745" s="119"/>
      <c r="AK1745" s="119"/>
      <c r="AL1745" s="119"/>
      <c r="AM1745" s="119"/>
      <c r="AN1745" s="119"/>
      <c r="AO1745" s="119"/>
      <c r="AP1745" s="119"/>
      <c r="AQ1745" s="119"/>
      <c r="AR1745" s="119"/>
      <c r="AS1745" s="119"/>
      <c r="AT1745" s="119"/>
      <c r="AU1745" s="119"/>
      <c r="AV1745" s="119"/>
      <c r="AW1745" s="119"/>
      <c r="AX1745" s="119"/>
      <c r="AY1745" s="119"/>
      <c r="AZ1745" s="119"/>
      <c r="BA1745" s="119"/>
      <c r="BB1745" s="107">
        <v>45884</v>
      </c>
    </row>
    <row r="1746" spans="1:54" s="207" customFormat="1" ht="13.95" customHeight="1" x14ac:dyDescent="0.25">
      <c r="A1746" s="208" t="s">
        <v>4201</v>
      </c>
      <c r="B1746" s="209" t="s">
        <v>20420</v>
      </c>
      <c r="C1746" s="113" t="s">
        <v>4202</v>
      </c>
      <c r="D1746" s="113" t="s">
        <v>4203</v>
      </c>
      <c r="E1746" s="210">
        <v>1984</v>
      </c>
      <c r="F1746" s="210">
        <v>2224</v>
      </c>
      <c r="G1746" s="113" t="s">
        <v>1</v>
      </c>
      <c r="H1746" s="113">
        <v>0</v>
      </c>
      <c r="I1746" s="113">
        <v>0</v>
      </c>
      <c r="J1746" s="115">
        <v>1</v>
      </c>
      <c r="K1746" s="116" t="s">
        <v>174</v>
      </c>
      <c r="L1746" s="115">
        <v>1</v>
      </c>
      <c r="M1746" s="115">
        <v>0</v>
      </c>
      <c r="N1746" s="115">
        <v>1</v>
      </c>
      <c r="O1746" s="115">
        <v>1</v>
      </c>
      <c r="P1746" s="115">
        <v>1</v>
      </c>
      <c r="Q1746" s="115" t="s">
        <v>400</v>
      </c>
      <c r="R1746" s="115">
        <v>1</v>
      </c>
      <c r="S1746" s="115">
        <v>0</v>
      </c>
      <c r="T1746" s="115">
        <v>0</v>
      </c>
      <c r="U1746" s="119"/>
      <c r="V1746" s="119"/>
      <c r="W1746" s="119"/>
      <c r="X1746" s="119"/>
      <c r="Y1746" s="119"/>
      <c r="Z1746" s="119"/>
      <c r="AA1746" s="119"/>
      <c r="AB1746" s="119"/>
      <c r="AC1746" s="119"/>
      <c r="AD1746" s="119"/>
      <c r="AE1746" s="119"/>
      <c r="AF1746" s="119"/>
      <c r="AG1746" s="119"/>
      <c r="AH1746" s="119"/>
      <c r="AI1746" s="119"/>
      <c r="AJ1746" s="119"/>
      <c r="AK1746" s="119"/>
      <c r="AL1746" s="119"/>
      <c r="AM1746" s="119"/>
      <c r="AN1746" s="119"/>
      <c r="AO1746" s="119"/>
      <c r="AP1746" s="119"/>
      <c r="AQ1746" s="119"/>
      <c r="AR1746" s="119"/>
      <c r="AS1746" s="119"/>
      <c r="AT1746" s="119"/>
      <c r="AU1746" s="119"/>
      <c r="AV1746" s="119"/>
      <c r="AW1746" s="119"/>
      <c r="AX1746" s="119"/>
      <c r="AY1746" s="119"/>
      <c r="AZ1746" s="119"/>
      <c r="BA1746" s="119"/>
      <c r="BB1746" s="107">
        <v>45884</v>
      </c>
    </row>
    <row r="1747" spans="1:54" s="207" customFormat="1" ht="13.95" customHeight="1" x14ac:dyDescent="0.25">
      <c r="A1747" s="208" t="s">
        <v>4204</v>
      </c>
      <c r="B1747" s="209" t="s">
        <v>20420</v>
      </c>
      <c r="C1747" s="113" t="s">
        <v>4205</v>
      </c>
      <c r="D1747" s="113" t="s">
        <v>23469</v>
      </c>
      <c r="E1747" s="210">
        <v>1974</v>
      </c>
      <c r="F1747" s="210">
        <v>2227</v>
      </c>
      <c r="G1747" s="113" t="s">
        <v>1</v>
      </c>
      <c r="H1747" s="113">
        <v>0</v>
      </c>
      <c r="I1747" s="113">
        <v>0</v>
      </c>
      <c r="J1747" s="115">
        <v>1</v>
      </c>
      <c r="K1747" s="211">
        <v>1</v>
      </c>
      <c r="L1747" s="115">
        <v>1</v>
      </c>
      <c r="M1747" s="115">
        <v>1</v>
      </c>
      <c r="N1747" s="115">
        <v>0</v>
      </c>
      <c r="O1747" s="115">
        <v>1</v>
      </c>
      <c r="P1747" s="115" t="s">
        <v>400</v>
      </c>
      <c r="Q1747" s="115" t="s">
        <v>400</v>
      </c>
      <c r="R1747" s="115">
        <v>1</v>
      </c>
      <c r="S1747" s="115">
        <v>0</v>
      </c>
      <c r="T1747" s="115">
        <v>0</v>
      </c>
      <c r="U1747" s="119"/>
      <c r="V1747" s="119"/>
      <c r="W1747" s="119"/>
      <c r="X1747" s="119"/>
      <c r="Y1747" s="119"/>
      <c r="Z1747" s="119"/>
      <c r="AA1747" s="119"/>
      <c r="AB1747" s="119"/>
      <c r="AC1747" s="119"/>
      <c r="AD1747" s="119"/>
      <c r="AE1747" s="119"/>
      <c r="AF1747" s="119"/>
      <c r="AG1747" s="119"/>
      <c r="AH1747" s="119"/>
      <c r="AI1747" s="119"/>
      <c r="AJ1747" s="119"/>
      <c r="AK1747" s="119"/>
      <c r="AL1747" s="119"/>
      <c r="AM1747" s="119"/>
      <c r="AN1747" s="119"/>
      <c r="AO1747" s="119"/>
      <c r="AP1747" s="119"/>
      <c r="AQ1747" s="119"/>
      <c r="AR1747" s="119"/>
      <c r="AS1747" s="119"/>
      <c r="AT1747" s="119"/>
      <c r="AU1747" s="119"/>
      <c r="AV1747" s="119"/>
      <c r="AW1747" s="119"/>
      <c r="AX1747" s="119"/>
      <c r="AY1747" s="119"/>
      <c r="AZ1747" s="119"/>
      <c r="BA1747" s="119"/>
      <c r="BB1747" s="107">
        <v>45884</v>
      </c>
    </row>
    <row r="1748" spans="1:54" s="207" customFormat="1" ht="13.95" customHeight="1" x14ac:dyDescent="0.25">
      <c r="A1748" s="208" t="s">
        <v>4206</v>
      </c>
      <c r="B1748" s="209" t="s">
        <v>20420</v>
      </c>
      <c r="C1748" s="113" t="s">
        <v>4207</v>
      </c>
      <c r="D1748" s="113" t="s">
        <v>23470</v>
      </c>
      <c r="E1748" s="210">
        <v>1969</v>
      </c>
      <c r="F1748" s="210">
        <v>2230</v>
      </c>
      <c r="G1748" s="113" t="s">
        <v>1</v>
      </c>
      <c r="H1748" s="113">
        <v>0</v>
      </c>
      <c r="I1748" s="113">
        <v>0</v>
      </c>
      <c r="J1748" s="115">
        <v>1</v>
      </c>
      <c r="K1748" s="211">
        <v>1</v>
      </c>
      <c r="L1748" s="115">
        <v>1</v>
      </c>
      <c r="M1748" s="115">
        <v>1</v>
      </c>
      <c r="N1748" s="115">
        <v>0</v>
      </c>
      <c r="O1748" s="115">
        <v>1</v>
      </c>
      <c r="P1748" s="115" t="s">
        <v>400</v>
      </c>
      <c r="Q1748" s="115" t="s">
        <v>400</v>
      </c>
      <c r="R1748" s="115">
        <v>0</v>
      </c>
      <c r="S1748" s="115">
        <v>0</v>
      </c>
      <c r="T1748" s="115">
        <v>0</v>
      </c>
      <c r="U1748" s="119"/>
      <c r="V1748" s="119"/>
      <c r="W1748" s="119"/>
      <c r="X1748" s="119"/>
      <c r="Y1748" s="119"/>
      <c r="Z1748" s="119"/>
      <c r="AA1748" s="119"/>
      <c r="AB1748" s="119"/>
      <c r="AC1748" s="119"/>
      <c r="AD1748" s="119"/>
      <c r="AE1748" s="119"/>
      <c r="AF1748" s="119"/>
      <c r="AG1748" s="119"/>
      <c r="AH1748" s="119"/>
      <c r="AI1748" s="119"/>
      <c r="AJ1748" s="119"/>
      <c r="AK1748" s="119"/>
      <c r="AL1748" s="119"/>
      <c r="AM1748" s="119"/>
      <c r="AN1748" s="119"/>
      <c r="AO1748" s="119"/>
      <c r="AP1748" s="119"/>
      <c r="AQ1748" s="119"/>
      <c r="AR1748" s="119"/>
      <c r="AS1748" s="119"/>
      <c r="AT1748" s="119"/>
      <c r="AU1748" s="119"/>
      <c r="AV1748" s="119"/>
      <c r="AW1748" s="119"/>
      <c r="AX1748" s="119"/>
      <c r="AY1748" s="119"/>
      <c r="AZ1748" s="119"/>
      <c r="BA1748" s="119"/>
      <c r="BB1748" s="107">
        <v>45884</v>
      </c>
    </row>
    <row r="1749" spans="1:54" s="207" customFormat="1" ht="13.95" customHeight="1" x14ac:dyDescent="0.25">
      <c r="A1749" s="208" t="s">
        <v>4208</v>
      </c>
      <c r="B1749" s="209" t="s">
        <v>20420</v>
      </c>
      <c r="C1749" s="113" t="s">
        <v>4209</v>
      </c>
      <c r="D1749" s="113" t="s">
        <v>23471</v>
      </c>
      <c r="E1749" s="210">
        <v>1993</v>
      </c>
      <c r="F1749" s="210">
        <v>2231</v>
      </c>
      <c r="G1749" s="113" t="s">
        <v>1</v>
      </c>
      <c r="H1749" s="113">
        <v>0</v>
      </c>
      <c r="I1749" s="113">
        <v>0</v>
      </c>
      <c r="J1749" s="115">
        <v>1</v>
      </c>
      <c r="K1749" s="116" t="s">
        <v>174</v>
      </c>
      <c r="L1749" s="115">
        <v>1</v>
      </c>
      <c r="M1749" s="115">
        <v>1</v>
      </c>
      <c r="N1749" s="115">
        <v>1</v>
      </c>
      <c r="O1749" s="115">
        <v>0</v>
      </c>
      <c r="P1749" s="115" t="s">
        <v>400</v>
      </c>
      <c r="Q1749" s="115" t="s">
        <v>400</v>
      </c>
      <c r="R1749" s="115">
        <v>0</v>
      </c>
      <c r="S1749" s="115">
        <v>0</v>
      </c>
      <c r="T1749" s="115">
        <v>0</v>
      </c>
      <c r="U1749" s="119"/>
      <c r="V1749" s="119"/>
      <c r="W1749" s="119"/>
      <c r="X1749" s="119"/>
      <c r="Y1749" s="119"/>
      <c r="Z1749" s="119"/>
      <c r="AA1749" s="119"/>
      <c r="AB1749" s="119"/>
      <c r="AC1749" s="119"/>
      <c r="AD1749" s="119"/>
      <c r="AE1749" s="119"/>
      <c r="AF1749" s="119"/>
      <c r="AG1749" s="119"/>
      <c r="AH1749" s="119"/>
      <c r="AI1749" s="119"/>
      <c r="AJ1749" s="119"/>
      <c r="AK1749" s="119"/>
      <c r="AL1749" s="119"/>
      <c r="AM1749" s="119"/>
      <c r="AN1749" s="119"/>
      <c r="AO1749" s="119"/>
      <c r="AP1749" s="119"/>
      <c r="AQ1749" s="119"/>
      <c r="AR1749" s="119"/>
      <c r="AS1749" s="119"/>
      <c r="AT1749" s="119"/>
      <c r="AU1749" s="119"/>
      <c r="AV1749" s="119"/>
      <c r="AW1749" s="119"/>
      <c r="AX1749" s="119"/>
      <c r="AY1749" s="119"/>
      <c r="AZ1749" s="119"/>
      <c r="BA1749" s="119"/>
      <c r="BB1749" s="107">
        <v>45884</v>
      </c>
    </row>
    <row r="1750" spans="1:54" s="207" customFormat="1" ht="13.95" customHeight="1" x14ac:dyDescent="0.25">
      <c r="A1750" s="208" t="s">
        <v>4210</v>
      </c>
      <c r="B1750" s="209" t="s">
        <v>20420</v>
      </c>
      <c r="C1750" s="113" t="s">
        <v>4211</v>
      </c>
      <c r="D1750" s="113" t="s">
        <v>23472</v>
      </c>
      <c r="E1750" s="210">
        <v>2006</v>
      </c>
      <c r="F1750" s="210">
        <v>2231</v>
      </c>
      <c r="G1750" s="113" t="s">
        <v>8</v>
      </c>
      <c r="H1750" s="113">
        <v>0</v>
      </c>
      <c r="I1750" s="113">
        <v>0</v>
      </c>
      <c r="J1750" s="115">
        <v>1</v>
      </c>
      <c r="K1750" s="116" t="s">
        <v>174</v>
      </c>
      <c r="L1750" s="115">
        <v>0</v>
      </c>
      <c r="M1750" s="115">
        <v>0</v>
      </c>
      <c r="N1750" s="115">
        <v>0</v>
      </c>
      <c r="O1750" s="115">
        <v>0</v>
      </c>
      <c r="P1750" s="115" t="s">
        <v>400</v>
      </c>
      <c r="Q1750" s="115" t="s">
        <v>400</v>
      </c>
      <c r="R1750" s="115">
        <v>0</v>
      </c>
      <c r="S1750" s="115">
        <v>0</v>
      </c>
      <c r="T1750" s="115">
        <v>0</v>
      </c>
      <c r="U1750" s="113" t="s">
        <v>174</v>
      </c>
      <c r="V1750" s="113" t="s">
        <v>174</v>
      </c>
      <c r="W1750" s="113" t="s">
        <v>174</v>
      </c>
      <c r="X1750" s="113" t="s">
        <v>174</v>
      </c>
      <c r="Y1750" s="113" t="s">
        <v>174</v>
      </c>
      <c r="Z1750" s="113" t="s">
        <v>174</v>
      </c>
      <c r="AA1750" s="113" t="s">
        <v>174</v>
      </c>
      <c r="AB1750" s="113" t="s">
        <v>174</v>
      </c>
      <c r="AC1750" s="113" t="s">
        <v>174</v>
      </c>
      <c r="AD1750" s="113" t="s">
        <v>174</v>
      </c>
      <c r="AE1750" s="113" t="s">
        <v>174</v>
      </c>
      <c r="AF1750" s="113" t="s">
        <v>174</v>
      </c>
      <c r="AG1750" s="113" t="s">
        <v>174</v>
      </c>
      <c r="AH1750" s="113" t="s">
        <v>174</v>
      </c>
      <c r="AI1750" s="113" t="s">
        <v>174</v>
      </c>
      <c r="AJ1750" s="113" t="s">
        <v>174</v>
      </c>
      <c r="AK1750" s="113" t="s">
        <v>174</v>
      </c>
      <c r="AL1750" s="113" t="s">
        <v>174</v>
      </c>
      <c r="AM1750" s="113" t="s">
        <v>174</v>
      </c>
      <c r="AN1750" s="113" t="s">
        <v>174</v>
      </c>
      <c r="AO1750" s="113" t="s">
        <v>174</v>
      </c>
      <c r="AP1750" s="113" t="s">
        <v>174</v>
      </c>
      <c r="AQ1750" s="113" t="s">
        <v>174</v>
      </c>
      <c r="AR1750" s="113" t="s">
        <v>174</v>
      </c>
      <c r="AS1750" s="113" t="s">
        <v>174</v>
      </c>
      <c r="AT1750" s="121" t="s">
        <v>174</v>
      </c>
      <c r="AU1750" s="113" t="s">
        <v>174</v>
      </c>
      <c r="AV1750" s="113" t="s">
        <v>174</v>
      </c>
      <c r="AW1750" s="113" t="s">
        <v>174</v>
      </c>
      <c r="AX1750" s="113"/>
      <c r="AY1750" s="113"/>
      <c r="AZ1750" s="113"/>
      <c r="BA1750" s="113"/>
      <c r="BB1750" s="107">
        <v>45884</v>
      </c>
    </row>
    <row r="1751" spans="1:54" s="207" customFormat="1" ht="13.95" customHeight="1" x14ac:dyDescent="0.25">
      <c r="A1751" s="208" t="s">
        <v>4212</v>
      </c>
      <c r="B1751" s="209" t="s">
        <v>20420</v>
      </c>
      <c r="C1751" s="113" t="s">
        <v>4213</v>
      </c>
      <c r="D1751" s="113" t="s">
        <v>23473</v>
      </c>
      <c r="E1751" s="210">
        <v>1972</v>
      </c>
      <c r="F1751" s="210">
        <v>2235</v>
      </c>
      <c r="G1751" s="113" t="s">
        <v>1</v>
      </c>
      <c r="H1751" s="113">
        <v>0</v>
      </c>
      <c r="I1751" s="113">
        <v>0</v>
      </c>
      <c r="J1751" s="115">
        <v>1</v>
      </c>
      <c r="K1751" s="211">
        <v>1</v>
      </c>
      <c r="L1751" s="115">
        <v>1</v>
      </c>
      <c r="M1751" s="115">
        <v>1</v>
      </c>
      <c r="N1751" s="115">
        <v>0</v>
      </c>
      <c r="O1751" s="115">
        <v>1</v>
      </c>
      <c r="P1751" s="115" t="s">
        <v>400</v>
      </c>
      <c r="Q1751" s="115" t="s">
        <v>400</v>
      </c>
      <c r="R1751" s="115">
        <v>1</v>
      </c>
      <c r="S1751" s="115">
        <v>0</v>
      </c>
      <c r="T1751" s="115">
        <v>0</v>
      </c>
      <c r="U1751" s="119"/>
      <c r="V1751" s="119"/>
      <c r="W1751" s="119"/>
      <c r="X1751" s="119"/>
      <c r="Y1751" s="119"/>
      <c r="Z1751" s="119"/>
      <c r="AA1751" s="119"/>
      <c r="AB1751" s="119"/>
      <c r="AC1751" s="119"/>
      <c r="AD1751" s="119"/>
      <c r="AE1751" s="119"/>
      <c r="AF1751" s="119"/>
      <c r="AG1751" s="119"/>
      <c r="AH1751" s="119"/>
      <c r="AI1751" s="119"/>
      <c r="AJ1751" s="119"/>
      <c r="AK1751" s="119"/>
      <c r="AL1751" s="119"/>
      <c r="AM1751" s="119"/>
      <c r="AN1751" s="119"/>
      <c r="AO1751" s="119"/>
      <c r="AP1751" s="119"/>
      <c r="AQ1751" s="119"/>
      <c r="AR1751" s="119"/>
      <c r="AS1751" s="119"/>
      <c r="AT1751" s="119"/>
      <c r="AU1751" s="119"/>
      <c r="AV1751" s="119"/>
      <c r="AW1751" s="119"/>
      <c r="AX1751" s="119"/>
      <c r="AY1751" s="119"/>
      <c r="AZ1751" s="119"/>
      <c r="BA1751" s="119"/>
      <c r="BB1751" s="107">
        <v>45884</v>
      </c>
    </row>
    <row r="1752" spans="1:54" s="207" customFormat="1" ht="13.95" customHeight="1" x14ac:dyDescent="0.25">
      <c r="A1752" s="208" t="s">
        <v>4214</v>
      </c>
      <c r="B1752" s="209" t="s">
        <v>20420</v>
      </c>
      <c r="C1752" s="113" t="s">
        <v>4215</v>
      </c>
      <c r="D1752" s="113" t="s">
        <v>4216</v>
      </c>
      <c r="E1752" s="210">
        <v>1976</v>
      </c>
      <c r="F1752" s="210">
        <v>2235</v>
      </c>
      <c r="G1752" s="113" t="s">
        <v>1</v>
      </c>
      <c r="H1752" s="113">
        <v>0</v>
      </c>
      <c r="I1752" s="113">
        <v>0</v>
      </c>
      <c r="J1752" s="115">
        <v>1</v>
      </c>
      <c r="K1752" s="116" t="s">
        <v>174</v>
      </c>
      <c r="L1752" s="115">
        <v>1</v>
      </c>
      <c r="M1752" s="115">
        <v>0</v>
      </c>
      <c r="N1752" s="115">
        <v>0</v>
      </c>
      <c r="O1752" s="115">
        <v>1</v>
      </c>
      <c r="P1752" s="115">
        <v>1</v>
      </c>
      <c r="Q1752" s="115">
        <v>1</v>
      </c>
      <c r="R1752" s="115">
        <v>1</v>
      </c>
      <c r="S1752" s="115">
        <v>0</v>
      </c>
      <c r="T1752" s="115">
        <v>0</v>
      </c>
      <c r="U1752" s="119"/>
      <c r="V1752" s="119"/>
      <c r="W1752" s="119"/>
      <c r="X1752" s="119"/>
      <c r="Y1752" s="119"/>
      <c r="Z1752" s="119"/>
      <c r="AA1752" s="119"/>
      <c r="AB1752" s="119"/>
      <c r="AC1752" s="119"/>
      <c r="AD1752" s="119"/>
      <c r="AE1752" s="119"/>
      <c r="AF1752" s="119"/>
      <c r="AG1752" s="119"/>
      <c r="AH1752" s="119"/>
      <c r="AI1752" s="119"/>
      <c r="AJ1752" s="119"/>
      <c r="AK1752" s="119"/>
      <c r="AL1752" s="119"/>
      <c r="AM1752" s="119"/>
      <c r="AN1752" s="119"/>
      <c r="AO1752" s="119"/>
      <c r="AP1752" s="119"/>
      <c r="AQ1752" s="119"/>
      <c r="AR1752" s="119"/>
      <c r="AS1752" s="119"/>
      <c r="AT1752" s="119"/>
      <c r="AU1752" s="119"/>
      <c r="AV1752" s="119"/>
      <c r="AW1752" s="119"/>
      <c r="AX1752" s="119"/>
      <c r="AY1752" s="119"/>
      <c r="AZ1752" s="119"/>
      <c r="BA1752" s="119"/>
      <c r="BB1752" s="107">
        <v>45884</v>
      </c>
    </row>
    <row r="1753" spans="1:54" s="207" customFormat="1" ht="13.95" customHeight="1" x14ac:dyDescent="0.25">
      <c r="A1753" s="208" t="s">
        <v>4217</v>
      </c>
      <c r="B1753" s="209" t="s">
        <v>20420</v>
      </c>
      <c r="C1753" s="113" t="s">
        <v>4218</v>
      </c>
      <c r="D1753" s="113" t="s">
        <v>4219</v>
      </c>
      <c r="E1753" s="210">
        <v>1987</v>
      </c>
      <c r="F1753" s="210">
        <v>2323</v>
      </c>
      <c r="G1753" s="113" t="s">
        <v>8</v>
      </c>
      <c r="H1753" s="113">
        <v>0</v>
      </c>
      <c r="I1753" s="113">
        <v>0</v>
      </c>
      <c r="J1753" s="115">
        <v>0</v>
      </c>
      <c r="K1753" s="116" t="s">
        <v>174</v>
      </c>
      <c r="L1753" s="115">
        <v>0</v>
      </c>
      <c r="M1753" s="115">
        <v>0</v>
      </c>
      <c r="N1753" s="115">
        <v>0</v>
      </c>
      <c r="O1753" s="115">
        <v>0</v>
      </c>
      <c r="P1753" s="115" t="s">
        <v>400</v>
      </c>
      <c r="Q1753" s="115" t="s">
        <v>400</v>
      </c>
      <c r="R1753" s="115">
        <v>0</v>
      </c>
      <c r="S1753" s="115">
        <v>0</v>
      </c>
      <c r="T1753" s="115">
        <v>0</v>
      </c>
      <c r="U1753" s="113" t="s">
        <v>174</v>
      </c>
      <c r="V1753" s="113" t="s">
        <v>174</v>
      </c>
      <c r="W1753" s="113" t="s">
        <v>174</v>
      </c>
      <c r="X1753" s="113" t="s">
        <v>174</v>
      </c>
      <c r="Y1753" s="113" t="s">
        <v>174</v>
      </c>
      <c r="Z1753" s="113" t="s">
        <v>174</v>
      </c>
      <c r="AA1753" s="113" t="s">
        <v>174</v>
      </c>
      <c r="AB1753" s="113" t="s">
        <v>174</v>
      </c>
      <c r="AC1753" s="113" t="s">
        <v>174</v>
      </c>
      <c r="AD1753" s="113" t="s">
        <v>174</v>
      </c>
      <c r="AE1753" s="113" t="s">
        <v>174</v>
      </c>
      <c r="AF1753" s="113" t="s">
        <v>174</v>
      </c>
      <c r="AG1753" s="113" t="s">
        <v>174</v>
      </c>
      <c r="AH1753" s="113" t="s">
        <v>174</v>
      </c>
      <c r="AI1753" s="113" t="s">
        <v>174</v>
      </c>
      <c r="AJ1753" s="113" t="s">
        <v>174</v>
      </c>
      <c r="AK1753" s="113" t="s">
        <v>174</v>
      </c>
      <c r="AL1753" s="113" t="s">
        <v>174</v>
      </c>
      <c r="AM1753" s="113" t="s">
        <v>174</v>
      </c>
      <c r="AN1753" s="113" t="s">
        <v>174</v>
      </c>
      <c r="AO1753" s="113" t="s">
        <v>174</v>
      </c>
      <c r="AP1753" s="113" t="s">
        <v>174</v>
      </c>
      <c r="AQ1753" s="113" t="s">
        <v>174</v>
      </c>
      <c r="AR1753" s="113" t="s">
        <v>174</v>
      </c>
      <c r="AS1753" s="113" t="s">
        <v>174</v>
      </c>
      <c r="AT1753" s="121" t="s">
        <v>174</v>
      </c>
      <c r="AU1753" s="113" t="s">
        <v>174</v>
      </c>
      <c r="AV1753" s="113" t="s">
        <v>174</v>
      </c>
      <c r="AW1753" s="113" t="s">
        <v>174</v>
      </c>
      <c r="AX1753" s="113"/>
      <c r="AY1753" s="113"/>
      <c r="AZ1753" s="113"/>
      <c r="BA1753" s="113"/>
      <c r="BB1753" s="107">
        <v>45884</v>
      </c>
    </row>
    <row r="1754" spans="1:54" s="207" customFormat="1" ht="13.95" customHeight="1" x14ac:dyDescent="0.25">
      <c r="A1754" s="208" t="s">
        <v>4220</v>
      </c>
      <c r="B1754" s="209" t="s">
        <v>20420</v>
      </c>
      <c r="C1754" s="113" t="s">
        <v>20421</v>
      </c>
      <c r="D1754" s="113" t="s">
        <v>23474</v>
      </c>
      <c r="E1754" s="210">
        <v>1963</v>
      </c>
      <c r="F1754" s="210">
        <v>2245</v>
      </c>
      <c r="G1754" s="113" t="s">
        <v>1</v>
      </c>
      <c r="H1754" s="113">
        <v>0</v>
      </c>
      <c r="I1754" s="113">
        <v>0</v>
      </c>
      <c r="J1754" s="115">
        <v>1</v>
      </c>
      <c r="K1754" s="116" t="s">
        <v>174</v>
      </c>
      <c r="L1754" s="115">
        <v>0</v>
      </c>
      <c r="M1754" s="115">
        <v>0</v>
      </c>
      <c r="N1754" s="115">
        <v>0</v>
      </c>
      <c r="O1754" s="115">
        <v>0</v>
      </c>
      <c r="P1754" s="115" t="s">
        <v>400</v>
      </c>
      <c r="Q1754" s="115" t="s">
        <v>400</v>
      </c>
      <c r="R1754" s="115">
        <v>0</v>
      </c>
      <c r="S1754" s="115">
        <v>0</v>
      </c>
      <c r="T1754" s="115">
        <v>0</v>
      </c>
      <c r="U1754" s="119"/>
      <c r="V1754" s="119"/>
      <c r="W1754" s="119"/>
      <c r="X1754" s="119"/>
      <c r="Y1754" s="119"/>
      <c r="Z1754" s="119"/>
      <c r="AA1754" s="119"/>
      <c r="AB1754" s="119"/>
      <c r="AC1754" s="119"/>
      <c r="AD1754" s="119"/>
      <c r="AE1754" s="119"/>
      <c r="AF1754" s="119"/>
      <c r="AG1754" s="119"/>
      <c r="AH1754" s="119"/>
      <c r="AI1754" s="119"/>
      <c r="AJ1754" s="119"/>
      <c r="AK1754" s="119"/>
      <c r="AL1754" s="119"/>
      <c r="AM1754" s="119"/>
      <c r="AN1754" s="119"/>
      <c r="AO1754" s="119"/>
      <c r="AP1754" s="119"/>
      <c r="AQ1754" s="119"/>
      <c r="AR1754" s="119"/>
      <c r="AS1754" s="119"/>
      <c r="AT1754" s="119"/>
      <c r="AU1754" s="119"/>
      <c r="AV1754" s="119"/>
      <c r="AW1754" s="119"/>
      <c r="AX1754" s="119"/>
      <c r="AY1754" s="119"/>
      <c r="AZ1754" s="119"/>
      <c r="BA1754" s="119"/>
      <c r="BB1754" s="107">
        <v>45884</v>
      </c>
    </row>
    <row r="1755" spans="1:54" s="207" customFormat="1" ht="13.95" customHeight="1" x14ac:dyDescent="0.25">
      <c r="A1755" s="208" t="s">
        <v>4221</v>
      </c>
      <c r="B1755" s="209" t="s">
        <v>20420</v>
      </c>
      <c r="C1755" s="113" t="s">
        <v>4222</v>
      </c>
      <c r="D1755" s="113" t="s">
        <v>23475</v>
      </c>
      <c r="E1755" s="210">
        <v>1994</v>
      </c>
      <c r="F1755" s="210">
        <v>2250</v>
      </c>
      <c r="G1755" s="113" t="s">
        <v>1</v>
      </c>
      <c r="H1755" s="113">
        <v>0</v>
      </c>
      <c r="I1755" s="113">
        <v>0</v>
      </c>
      <c r="J1755" s="115">
        <v>1</v>
      </c>
      <c r="K1755" s="116" t="s">
        <v>174</v>
      </c>
      <c r="L1755" s="115">
        <v>1</v>
      </c>
      <c r="M1755" s="115">
        <v>1</v>
      </c>
      <c r="N1755" s="115">
        <v>0</v>
      </c>
      <c r="O1755" s="115">
        <v>0</v>
      </c>
      <c r="P1755" s="115" t="s">
        <v>400</v>
      </c>
      <c r="Q1755" s="115" t="s">
        <v>400</v>
      </c>
      <c r="R1755" s="115">
        <v>1</v>
      </c>
      <c r="S1755" s="115">
        <v>0</v>
      </c>
      <c r="T1755" s="115">
        <v>0</v>
      </c>
      <c r="U1755" s="119"/>
      <c r="V1755" s="119"/>
      <c r="W1755" s="119"/>
      <c r="X1755" s="119"/>
      <c r="Y1755" s="119"/>
      <c r="Z1755" s="119"/>
      <c r="AA1755" s="119"/>
      <c r="AB1755" s="119"/>
      <c r="AC1755" s="119"/>
      <c r="AD1755" s="119"/>
      <c r="AE1755" s="119"/>
      <c r="AF1755" s="119"/>
      <c r="AG1755" s="119"/>
      <c r="AH1755" s="119"/>
      <c r="AI1755" s="119"/>
      <c r="AJ1755" s="119"/>
      <c r="AK1755" s="119"/>
      <c r="AL1755" s="119"/>
      <c r="AM1755" s="119"/>
      <c r="AN1755" s="119"/>
      <c r="AO1755" s="119"/>
      <c r="AP1755" s="119"/>
      <c r="AQ1755" s="119"/>
      <c r="AR1755" s="119"/>
      <c r="AS1755" s="119"/>
      <c r="AT1755" s="119"/>
      <c r="AU1755" s="119"/>
      <c r="AV1755" s="119"/>
      <c r="AW1755" s="119"/>
      <c r="AX1755" s="119"/>
      <c r="AY1755" s="119"/>
      <c r="AZ1755" s="119"/>
      <c r="BA1755" s="119"/>
      <c r="BB1755" s="107">
        <v>45884</v>
      </c>
    </row>
    <row r="1756" spans="1:54" s="207" customFormat="1" ht="13.95" customHeight="1" x14ac:dyDescent="0.25">
      <c r="A1756" s="208" t="s">
        <v>4223</v>
      </c>
      <c r="B1756" s="209" t="s">
        <v>20420</v>
      </c>
      <c r="C1756" s="113" t="s">
        <v>4224</v>
      </c>
      <c r="D1756" s="113" t="s">
        <v>23476</v>
      </c>
      <c r="E1756" s="210">
        <v>1982</v>
      </c>
      <c r="F1756" s="210">
        <v>2251</v>
      </c>
      <c r="G1756" s="113" t="s">
        <v>1</v>
      </c>
      <c r="H1756" s="113">
        <v>0</v>
      </c>
      <c r="I1756" s="113">
        <v>0</v>
      </c>
      <c r="J1756" s="115">
        <v>1</v>
      </c>
      <c r="K1756" s="211">
        <v>1</v>
      </c>
      <c r="L1756" s="115">
        <v>0</v>
      </c>
      <c r="M1756" s="115">
        <v>0</v>
      </c>
      <c r="N1756" s="115">
        <v>0</v>
      </c>
      <c r="O1756" s="115">
        <v>0</v>
      </c>
      <c r="P1756" s="115" t="s">
        <v>400</v>
      </c>
      <c r="Q1756" s="115" t="s">
        <v>400</v>
      </c>
      <c r="R1756" s="115">
        <v>1</v>
      </c>
      <c r="S1756" s="115">
        <v>0</v>
      </c>
      <c r="T1756" s="115">
        <v>0</v>
      </c>
      <c r="U1756" s="119"/>
      <c r="V1756" s="119"/>
      <c r="W1756" s="119"/>
      <c r="X1756" s="119"/>
      <c r="Y1756" s="119"/>
      <c r="Z1756" s="119"/>
      <c r="AA1756" s="119"/>
      <c r="AB1756" s="119"/>
      <c r="AC1756" s="119"/>
      <c r="AD1756" s="119"/>
      <c r="AE1756" s="119"/>
      <c r="AF1756" s="119"/>
      <c r="AG1756" s="119"/>
      <c r="AH1756" s="119"/>
      <c r="AI1756" s="119"/>
      <c r="AJ1756" s="119"/>
      <c r="AK1756" s="119"/>
      <c r="AL1756" s="119"/>
      <c r="AM1756" s="119"/>
      <c r="AN1756" s="119"/>
      <c r="AO1756" s="119"/>
      <c r="AP1756" s="119"/>
      <c r="AQ1756" s="119"/>
      <c r="AR1756" s="119"/>
      <c r="AS1756" s="119"/>
      <c r="AT1756" s="119"/>
      <c r="AU1756" s="119"/>
      <c r="AV1756" s="119"/>
      <c r="AW1756" s="119"/>
      <c r="AX1756" s="119"/>
      <c r="AY1756" s="119"/>
      <c r="AZ1756" s="119"/>
      <c r="BA1756" s="119"/>
      <c r="BB1756" s="107">
        <v>45884</v>
      </c>
    </row>
    <row r="1757" spans="1:54" s="207" customFormat="1" ht="13.95" customHeight="1" x14ac:dyDescent="0.25">
      <c r="A1757" s="208" t="s">
        <v>4225</v>
      </c>
      <c r="B1757" s="209" t="s">
        <v>20420</v>
      </c>
      <c r="C1757" s="113" t="s">
        <v>4226</v>
      </c>
      <c r="D1757" s="113" t="s">
        <v>4227</v>
      </c>
      <c r="E1757" s="210">
        <v>1977</v>
      </c>
      <c r="F1757" s="210">
        <v>2254</v>
      </c>
      <c r="G1757" s="113" t="s">
        <v>1</v>
      </c>
      <c r="H1757" s="113">
        <v>0</v>
      </c>
      <c r="I1757" s="113">
        <v>0</v>
      </c>
      <c r="J1757" s="115">
        <v>1</v>
      </c>
      <c r="K1757" s="116" t="s">
        <v>174</v>
      </c>
      <c r="L1757" s="115">
        <v>1</v>
      </c>
      <c r="M1757" s="115">
        <v>0</v>
      </c>
      <c r="N1757" s="115">
        <v>0</v>
      </c>
      <c r="O1757" s="115">
        <v>1</v>
      </c>
      <c r="P1757" s="115">
        <v>1</v>
      </c>
      <c r="Q1757" s="115">
        <v>1</v>
      </c>
      <c r="R1757" s="115">
        <v>1</v>
      </c>
      <c r="S1757" s="115">
        <v>0</v>
      </c>
      <c r="T1757" s="115">
        <v>0</v>
      </c>
      <c r="U1757" s="119"/>
      <c r="V1757" s="119"/>
      <c r="W1757" s="119"/>
      <c r="X1757" s="119"/>
      <c r="Y1757" s="119"/>
      <c r="Z1757" s="119"/>
      <c r="AA1757" s="119"/>
      <c r="AB1757" s="119"/>
      <c r="AC1757" s="119"/>
      <c r="AD1757" s="119"/>
      <c r="AE1757" s="119"/>
      <c r="AF1757" s="119"/>
      <c r="AG1757" s="119"/>
      <c r="AH1757" s="119"/>
      <c r="AI1757" s="119"/>
      <c r="AJ1757" s="119"/>
      <c r="AK1757" s="119"/>
      <c r="AL1757" s="119"/>
      <c r="AM1757" s="119"/>
      <c r="AN1757" s="119"/>
      <c r="AO1757" s="119"/>
      <c r="AP1757" s="119"/>
      <c r="AQ1757" s="119"/>
      <c r="AR1757" s="119"/>
      <c r="AS1757" s="119"/>
      <c r="AT1757" s="119"/>
      <c r="AU1757" s="119"/>
      <c r="AV1757" s="119"/>
      <c r="AW1757" s="119"/>
      <c r="AX1757" s="119"/>
      <c r="AY1757" s="119"/>
      <c r="AZ1757" s="119"/>
      <c r="BA1757" s="119"/>
      <c r="BB1757" s="107">
        <v>45884</v>
      </c>
    </row>
    <row r="1758" spans="1:54" s="207" customFormat="1" ht="13.95" customHeight="1" x14ac:dyDescent="0.25">
      <c r="A1758" s="208" t="s">
        <v>4228</v>
      </c>
      <c r="B1758" s="209" t="s">
        <v>20420</v>
      </c>
      <c r="C1758" s="113" t="s">
        <v>4229</v>
      </c>
      <c r="D1758" s="113" t="s">
        <v>23477</v>
      </c>
      <c r="E1758" s="210">
        <v>1990</v>
      </c>
      <c r="F1758" s="210">
        <v>2258</v>
      </c>
      <c r="G1758" s="113" t="s">
        <v>1</v>
      </c>
      <c r="H1758" s="113">
        <v>1</v>
      </c>
      <c r="I1758" s="113">
        <v>1</v>
      </c>
      <c r="J1758" s="115">
        <v>1</v>
      </c>
      <c r="K1758" s="116" t="s">
        <v>174</v>
      </c>
      <c r="L1758" s="115">
        <v>1</v>
      </c>
      <c r="M1758" s="115">
        <v>0</v>
      </c>
      <c r="N1758" s="115">
        <v>0</v>
      </c>
      <c r="O1758" s="115">
        <v>1</v>
      </c>
      <c r="P1758" s="115" t="s">
        <v>400</v>
      </c>
      <c r="Q1758" s="115" t="s">
        <v>400</v>
      </c>
      <c r="R1758" s="115">
        <v>0</v>
      </c>
      <c r="S1758" s="115">
        <v>0</v>
      </c>
      <c r="T1758" s="115">
        <v>0</v>
      </c>
      <c r="U1758" s="119"/>
      <c r="V1758" s="119"/>
      <c r="W1758" s="119"/>
      <c r="X1758" s="119"/>
      <c r="Y1758" s="119"/>
      <c r="Z1758" s="119"/>
      <c r="AA1758" s="119"/>
      <c r="AB1758" s="119"/>
      <c r="AC1758" s="119"/>
      <c r="AD1758" s="119"/>
      <c r="AE1758" s="119"/>
      <c r="AF1758" s="119"/>
      <c r="AG1758" s="119"/>
      <c r="AH1758" s="119"/>
      <c r="AI1758" s="119"/>
      <c r="AJ1758" s="119"/>
      <c r="AK1758" s="119"/>
      <c r="AL1758" s="119"/>
      <c r="AM1758" s="119"/>
      <c r="AN1758" s="119"/>
      <c r="AO1758" s="119"/>
      <c r="AP1758" s="119"/>
      <c r="AQ1758" s="119"/>
      <c r="AR1758" s="119"/>
      <c r="AS1758" s="119"/>
      <c r="AT1758" s="119"/>
      <c r="AU1758" s="119"/>
      <c r="AV1758" s="119"/>
      <c r="AW1758" s="119"/>
      <c r="AX1758" s="119"/>
      <c r="AY1758" s="119"/>
      <c r="AZ1758" s="119"/>
      <c r="BA1758" s="119"/>
      <c r="BB1758" s="107">
        <v>45884</v>
      </c>
    </row>
    <row r="1759" spans="1:54" s="207" customFormat="1" ht="13.95" customHeight="1" x14ac:dyDescent="0.25">
      <c r="A1759" s="208" t="s">
        <v>4230</v>
      </c>
      <c r="B1759" s="209" t="s">
        <v>20420</v>
      </c>
      <c r="C1759" s="113" t="s">
        <v>4231</v>
      </c>
      <c r="D1759" s="113" t="s">
        <v>4232</v>
      </c>
      <c r="E1759" s="210">
        <v>1977</v>
      </c>
      <c r="F1759" s="210">
        <v>2271</v>
      </c>
      <c r="G1759" s="113" t="s">
        <v>1</v>
      </c>
      <c r="H1759" s="113">
        <v>0</v>
      </c>
      <c r="I1759" s="113">
        <v>0</v>
      </c>
      <c r="J1759" s="115">
        <v>1</v>
      </c>
      <c r="K1759" s="116" t="s">
        <v>174</v>
      </c>
      <c r="L1759" s="115">
        <v>1</v>
      </c>
      <c r="M1759" s="115">
        <v>1</v>
      </c>
      <c r="N1759" s="115">
        <v>1</v>
      </c>
      <c r="O1759" s="115">
        <v>1</v>
      </c>
      <c r="P1759" s="115" t="s">
        <v>400</v>
      </c>
      <c r="Q1759" s="115" t="s">
        <v>400</v>
      </c>
      <c r="R1759" s="115">
        <v>1</v>
      </c>
      <c r="S1759" s="115">
        <v>0</v>
      </c>
      <c r="T1759" s="115">
        <v>0</v>
      </c>
      <c r="U1759" s="119"/>
      <c r="V1759" s="119"/>
      <c r="W1759" s="119"/>
      <c r="X1759" s="119"/>
      <c r="Y1759" s="119"/>
      <c r="Z1759" s="119"/>
      <c r="AA1759" s="119"/>
      <c r="AB1759" s="119"/>
      <c r="AC1759" s="119"/>
      <c r="AD1759" s="119"/>
      <c r="AE1759" s="119"/>
      <c r="AF1759" s="119"/>
      <c r="AG1759" s="119"/>
      <c r="AH1759" s="119"/>
      <c r="AI1759" s="119"/>
      <c r="AJ1759" s="119"/>
      <c r="AK1759" s="119"/>
      <c r="AL1759" s="119"/>
      <c r="AM1759" s="119"/>
      <c r="AN1759" s="119"/>
      <c r="AO1759" s="119"/>
      <c r="AP1759" s="119"/>
      <c r="AQ1759" s="119"/>
      <c r="AR1759" s="119"/>
      <c r="AS1759" s="119"/>
      <c r="AT1759" s="119"/>
      <c r="AU1759" s="119"/>
      <c r="AV1759" s="119"/>
      <c r="AW1759" s="119"/>
      <c r="AX1759" s="119"/>
      <c r="AY1759" s="119"/>
      <c r="AZ1759" s="119"/>
      <c r="BA1759" s="119"/>
      <c r="BB1759" s="107">
        <v>45884</v>
      </c>
    </row>
    <row r="1760" spans="1:54" s="207" customFormat="1" ht="13.95" customHeight="1" x14ac:dyDescent="0.25">
      <c r="A1760" s="208" t="s">
        <v>4233</v>
      </c>
      <c r="B1760" s="209" t="s">
        <v>20420</v>
      </c>
      <c r="C1760" s="113" t="s">
        <v>4234</v>
      </c>
      <c r="D1760" s="113" t="s">
        <v>4235</v>
      </c>
      <c r="E1760" s="210">
        <v>1974</v>
      </c>
      <c r="F1760" s="210">
        <v>2274</v>
      </c>
      <c r="G1760" s="113" t="s">
        <v>1</v>
      </c>
      <c r="H1760" s="113">
        <v>0</v>
      </c>
      <c r="I1760" s="113">
        <v>0</v>
      </c>
      <c r="J1760" s="115">
        <v>1</v>
      </c>
      <c r="K1760" s="211">
        <v>1</v>
      </c>
      <c r="L1760" s="115">
        <v>1</v>
      </c>
      <c r="M1760" s="115">
        <v>1</v>
      </c>
      <c r="N1760" s="115">
        <v>1</v>
      </c>
      <c r="O1760" s="115">
        <v>1</v>
      </c>
      <c r="P1760" s="115">
        <v>1</v>
      </c>
      <c r="Q1760" s="115" t="s">
        <v>400</v>
      </c>
      <c r="R1760" s="115">
        <v>1</v>
      </c>
      <c r="S1760" s="115">
        <v>0</v>
      </c>
      <c r="T1760" s="115">
        <v>0</v>
      </c>
      <c r="U1760" s="119"/>
      <c r="V1760" s="119"/>
      <c r="W1760" s="119"/>
      <c r="X1760" s="119"/>
      <c r="Y1760" s="119"/>
      <c r="Z1760" s="119"/>
      <c r="AA1760" s="119"/>
      <c r="AB1760" s="119"/>
      <c r="AC1760" s="119"/>
      <c r="AD1760" s="119"/>
      <c r="AE1760" s="119"/>
      <c r="AF1760" s="119"/>
      <c r="AG1760" s="119"/>
      <c r="AH1760" s="119"/>
      <c r="AI1760" s="119"/>
      <c r="AJ1760" s="119"/>
      <c r="AK1760" s="119"/>
      <c r="AL1760" s="119"/>
      <c r="AM1760" s="119"/>
      <c r="AN1760" s="119"/>
      <c r="AO1760" s="119"/>
      <c r="AP1760" s="119"/>
      <c r="AQ1760" s="119"/>
      <c r="AR1760" s="119"/>
      <c r="AS1760" s="119"/>
      <c r="AT1760" s="119"/>
      <c r="AU1760" s="119"/>
      <c r="AV1760" s="119"/>
      <c r="AW1760" s="119"/>
      <c r="AX1760" s="119"/>
      <c r="AY1760" s="119"/>
      <c r="AZ1760" s="119"/>
      <c r="BA1760" s="119"/>
      <c r="BB1760" s="107">
        <v>45884</v>
      </c>
    </row>
    <row r="1761" spans="1:54" s="207" customFormat="1" ht="13.95" customHeight="1" x14ac:dyDescent="0.25">
      <c r="A1761" s="208" t="s">
        <v>4236</v>
      </c>
      <c r="B1761" s="209" t="s">
        <v>20420</v>
      </c>
      <c r="C1761" s="113" t="s">
        <v>4237</v>
      </c>
      <c r="D1761" s="113" t="s">
        <v>23478</v>
      </c>
      <c r="E1761" s="210">
        <v>1976</v>
      </c>
      <c r="F1761" s="210">
        <v>2277</v>
      </c>
      <c r="G1761" s="113" t="s">
        <v>1</v>
      </c>
      <c r="H1761" s="113">
        <v>0</v>
      </c>
      <c r="I1761" s="113">
        <v>0</v>
      </c>
      <c r="J1761" s="115">
        <v>1</v>
      </c>
      <c r="K1761" s="116" t="s">
        <v>174</v>
      </c>
      <c r="L1761" s="115">
        <v>1</v>
      </c>
      <c r="M1761" s="115">
        <v>1</v>
      </c>
      <c r="N1761" s="115">
        <v>1</v>
      </c>
      <c r="O1761" s="115">
        <v>1</v>
      </c>
      <c r="P1761" s="115" t="s">
        <v>400</v>
      </c>
      <c r="Q1761" s="115" t="s">
        <v>400</v>
      </c>
      <c r="R1761" s="115">
        <v>1</v>
      </c>
      <c r="S1761" s="115">
        <v>0</v>
      </c>
      <c r="T1761" s="115">
        <v>0</v>
      </c>
      <c r="U1761" s="119"/>
      <c r="V1761" s="119"/>
      <c r="W1761" s="119"/>
      <c r="X1761" s="119"/>
      <c r="Y1761" s="119"/>
      <c r="Z1761" s="119"/>
      <c r="AA1761" s="119"/>
      <c r="AB1761" s="119"/>
      <c r="AC1761" s="119"/>
      <c r="AD1761" s="119"/>
      <c r="AE1761" s="119"/>
      <c r="AF1761" s="119"/>
      <c r="AG1761" s="119"/>
      <c r="AH1761" s="119"/>
      <c r="AI1761" s="119"/>
      <c r="AJ1761" s="119"/>
      <c r="AK1761" s="119"/>
      <c r="AL1761" s="119"/>
      <c r="AM1761" s="119"/>
      <c r="AN1761" s="119"/>
      <c r="AO1761" s="119"/>
      <c r="AP1761" s="119"/>
      <c r="AQ1761" s="119"/>
      <c r="AR1761" s="119"/>
      <c r="AS1761" s="119"/>
      <c r="AT1761" s="119"/>
      <c r="AU1761" s="119"/>
      <c r="AV1761" s="119"/>
      <c r="AW1761" s="119"/>
      <c r="AX1761" s="119"/>
      <c r="AY1761" s="119"/>
      <c r="AZ1761" s="119"/>
      <c r="BA1761" s="119"/>
      <c r="BB1761" s="107">
        <v>45884</v>
      </c>
    </row>
    <row r="1762" spans="1:54" s="207" customFormat="1" ht="13.95" customHeight="1" x14ac:dyDescent="0.25">
      <c r="A1762" s="208" t="s">
        <v>4238</v>
      </c>
      <c r="B1762" s="209" t="s">
        <v>20420</v>
      </c>
      <c r="C1762" s="113" t="s">
        <v>4239</v>
      </c>
      <c r="D1762" s="113" t="s">
        <v>4240</v>
      </c>
      <c r="E1762" s="210">
        <v>2013</v>
      </c>
      <c r="F1762" s="210">
        <v>2277</v>
      </c>
      <c r="G1762" s="113" t="s">
        <v>8</v>
      </c>
      <c r="H1762" s="113">
        <v>0</v>
      </c>
      <c r="I1762" s="113">
        <v>0</v>
      </c>
      <c r="J1762" s="115">
        <v>1</v>
      </c>
      <c r="K1762" s="116" t="s">
        <v>174</v>
      </c>
      <c r="L1762" s="115">
        <v>0</v>
      </c>
      <c r="M1762" s="115">
        <v>0</v>
      </c>
      <c r="N1762" s="115">
        <v>0</v>
      </c>
      <c r="O1762" s="115">
        <v>0</v>
      </c>
      <c r="P1762" s="115" t="s">
        <v>400</v>
      </c>
      <c r="Q1762" s="115" t="s">
        <v>400</v>
      </c>
      <c r="R1762" s="115">
        <v>0</v>
      </c>
      <c r="S1762" s="115">
        <v>0</v>
      </c>
      <c r="T1762" s="115">
        <v>0</v>
      </c>
      <c r="U1762" s="113" t="s">
        <v>174</v>
      </c>
      <c r="V1762" s="113" t="s">
        <v>174</v>
      </c>
      <c r="W1762" s="113" t="s">
        <v>174</v>
      </c>
      <c r="X1762" s="113" t="s">
        <v>174</v>
      </c>
      <c r="Y1762" s="113" t="s">
        <v>174</v>
      </c>
      <c r="Z1762" s="113" t="s">
        <v>174</v>
      </c>
      <c r="AA1762" s="113" t="s">
        <v>174</v>
      </c>
      <c r="AB1762" s="113" t="s">
        <v>174</v>
      </c>
      <c r="AC1762" s="113" t="s">
        <v>174</v>
      </c>
      <c r="AD1762" s="113" t="s">
        <v>174</v>
      </c>
      <c r="AE1762" s="113" t="s">
        <v>174</v>
      </c>
      <c r="AF1762" s="113" t="s">
        <v>174</v>
      </c>
      <c r="AG1762" s="113" t="s">
        <v>174</v>
      </c>
      <c r="AH1762" s="113" t="s">
        <v>174</v>
      </c>
      <c r="AI1762" s="113" t="s">
        <v>174</v>
      </c>
      <c r="AJ1762" s="113" t="s">
        <v>174</v>
      </c>
      <c r="AK1762" s="113" t="s">
        <v>174</v>
      </c>
      <c r="AL1762" s="113" t="s">
        <v>174</v>
      </c>
      <c r="AM1762" s="113" t="s">
        <v>174</v>
      </c>
      <c r="AN1762" s="113" t="s">
        <v>174</v>
      </c>
      <c r="AO1762" s="113" t="s">
        <v>174</v>
      </c>
      <c r="AP1762" s="113" t="s">
        <v>174</v>
      </c>
      <c r="AQ1762" s="113" t="s">
        <v>174</v>
      </c>
      <c r="AR1762" s="113" t="s">
        <v>174</v>
      </c>
      <c r="AS1762" s="113" t="s">
        <v>174</v>
      </c>
      <c r="AT1762" s="121" t="s">
        <v>174</v>
      </c>
      <c r="AU1762" s="113" t="s">
        <v>174</v>
      </c>
      <c r="AV1762" s="113" t="s">
        <v>174</v>
      </c>
      <c r="AW1762" s="113" t="s">
        <v>174</v>
      </c>
      <c r="AX1762" s="113"/>
      <c r="AY1762" s="113"/>
      <c r="AZ1762" s="113"/>
      <c r="BA1762" s="113"/>
      <c r="BB1762" s="107">
        <v>45884</v>
      </c>
    </row>
    <row r="1763" spans="1:54" s="207" customFormat="1" ht="13.95" customHeight="1" x14ac:dyDescent="0.25">
      <c r="A1763" s="208" t="s">
        <v>4241</v>
      </c>
      <c r="B1763" s="209" t="s">
        <v>20420</v>
      </c>
      <c r="C1763" s="113" t="s">
        <v>4242</v>
      </c>
      <c r="D1763" s="113" t="s">
        <v>4243</v>
      </c>
      <c r="E1763" s="210">
        <v>1995</v>
      </c>
      <c r="F1763" s="210">
        <v>2279</v>
      </c>
      <c r="G1763" s="113" t="s">
        <v>1</v>
      </c>
      <c r="H1763" s="113">
        <v>0</v>
      </c>
      <c r="I1763" s="113">
        <v>0</v>
      </c>
      <c r="J1763" s="115">
        <v>1</v>
      </c>
      <c r="K1763" s="116" t="s">
        <v>174</v>
      </c>
      <c r="L1763" s="115">
        <v>1</v>
      </c>
      <c r="M1763" s="115">
        <v>1</v>
      </c>
      <c r="N1763" s="115">
        <v>1</v>
      </c>
      <c r="O1763" s="115">
        <v>1</v>
      </c>
      <c r="P1763" s="115" t="s">
        <v>400</v>
      </c>
      <c r="Q1763" s="115" t="s">
        <v>400</v>
      </c>
      <c r="R1763" s="115">
        <v>1</v>
      </c>
      <c r="S1763" s="115">
        <v>0</v>
      </c>
      <c r="T1763" s="115">
        <v>0</v>
      </c>
      <c r="U1763" s="119"/>
      <c r="V1763" s="119"/>
      <c r="W1763" s="119"/>
      <c r="X1763" s="119"/>
      <c r="Y1763" s="119"/>
      <c r="Z1763" s="119"/>
      <c r="AA1763" s="119"/>
      <c r="AB1763" s="119"/>
      <c r="AC1763" s="119"/>
      <c r="AD1763" s="119"/>
      <c r="AE1763" s="119"/>
      <c r="AF1763" s="119"/>
      <c r="AG1763" s="119"/>
      <c r="AH1763" s="119"/>
      <c r="AI1763" s="119"/>
      <c r="AJ1763" s="119"/>
      <c r="AK1763" s="119"/>
      <c r="AL1763" s="119"/>
      <c r="AM1763" s="119"/>
      <c r="AN1763" s="119"/>
      <c r="AO1763" s="119"/>
      <c r="AP1763" s="119"/>
      <c r="AQ1763" s="119"/>
      <c r="AR1763" s="119"/>
      <c r="AS1763" s="119"/>
      <c r="AT1763" s="119"/>
      <c r="AU1763" s="119"/>
      <c r="AV1763" s="119"/>
      <c r="AW1763" s="119"/>
      <c r="AX1763" s="119"/>
      <c r="AY1763" s="119"/>
      <c r="AZ1763" s="119"/>
      <c r="BA1763" s="119"/>
      <c r="BB1763" s="107">
        <v>45884</v>
      </c>
    </row>
    <row r="1764" spans="1:54" s="207" customFormat="1" ht="13.95" customHeight="1" x14ac:dyDescent="0.25">
      <c r="A1764" s="208" t="s">
        <v>4244</v>
      </c>
      <c r="B1764" s="209" t="s">
        <v>20420</v>
      </c>
      <c r="C1764" s="113" t="s">
        <v>4245</v>
      </c>
      <c r="D1764" s="113" t="s">
        <v>23479</v>
      </c>
      <c r="E1764" s="210">
        <v>1977</v>
      </c>
      <c r="F1764" s="210">
        <v>2282</v>
      </c>
      <c r="G1764" s="113" t="s">
        <v>1</v>
      </c>
      <c r="H1764" s="113">
        <v>0</v>
      </c>
      <c r="I1764" s="113">
        <v>0</v>
      </c>
      <c r="J1764" s="115">
        <v>1</v>
      </c>
      <c r="K1764" s="116" t="s">
        <v>174</v>
      </c>
      <c r="L1764" s="115">
        <v>0</v>
      </c>
      <c r="M1764" s="115">
        <v>1</v>
      </c>
      <c r="N1764" s="115">
        <v>1</v>
      </c>
      <c r="O1764" s="115">
        <v>0</v>
      </c>
      <c r="P1764" s="115" t="s">
        <v>400</v>
      </c>
      <c r="Q1764" s="115" t="s">
        <v>400</v>
      </c>
      <c r="R1764" s="115">
        <v>0</v>
      </c>
      <c r="S1764" s="115">
        <v>0</v>
      </c>
      <c r="T1764" s="115">
        <v>0</v>
      </c>
      <c r="U1764" s="119"/>
      <c r="V1764" s="119"/>
      <c r="W1764" s="119"/>
      <c r="X1764" s="119"/>
      <c r="Y1764" s="119"/>
      <c r="Z1764" s="119"/>
      <c r="AA1764" s="119"/>
      <c r="AB1764" s="119"/>
      <c r="AC1764" s="119"/>
      <c r="AD1764" s="119"/>
      <c r="AE1764" s="119"/>
      <c r="AF1764" s="119"/>
      <c r="AG1764" s="119"/>
      <c r="AH1764" s="119"/>
      <c r="AI1764" s="119"/>
      <c r="AJ1764" s="119"/>
      <c r="AK1764" s="119"/>
      <c r="AL1764" s="119"/>
      <c r="AM1764" s="119"/>
      <c r="AN1764" s="119"/>
      <c r="AO1764" s="119"/>
      <c r="AP1764" s="119"/>
      <c r="AQ1764" s="119"/>
      <c r="AR1764" s="119"/>
      <c r="AS1764" s="119"/>
      <c r="AT1764" s="119"/>
      <c r="AU1764" s="119"/>
      <c r="AV1764" s="119"/>
      <c r="AW1764" s="119"/>
      <c r="AX1764" s="119"/>
      <c r="AY1764" s="119"/>
      <c r="AZ1764" s="119"/>
      <c r="BA1764" s="119"/>
      <c r="BB1764" s="107">
        <v>45884</v>
      </c>
    </row>
    <row r="1765" spans="1:54" s="207" customFormat="1" ht="13.95" customHeight="1" x14ac:dyDescent="0.25">
      <c r="A1765" s="208" t="s">
        <v>4246</v>
      </c>
      <c r="B1765" s="209" t="s">
        <v>20420</v>
      </c>
      <c r="C1765" s="113" t="s">
        <v>4247</v>
      </c>
      <c r="D1765" s="113" t="s">
        <v>23480</v>
      </c>
      <c r="E1765" s="210">
        <v>2006</v>
      </c>
      <c r="F1765" s="210">
        <v>2284</v>
      </c>
      <c r="G1765" s="113" t="s">
        <v>1</v>
      </c>
      <c r="H1765" s="113">
        <v>0</v>
      </c>
      <c r="I1765" s="113">
        <v>0</v>
      </c>
      <c r="J1765" s="115">
        <v>1</v>
      </c>
      <c r="K1765" s="116" t="s">
        <v>174</v>
      </c>
      <c r="L1765" s="115">
        <v>0</v>
      </c>
      <c r="M1765" s="115">
        <v>1</v>
      </c>
      <c r="N1765" s="115">
        <v>1</v>
      </c>
      <c r="O1765" s="115">
        <v>0</v>
      </c>
      <c r="P1765" s="115" t="s">
        <v>400</v>
      </c>
      <c r="Q1765" s="115" t="s">
        <v>400</v>
      </c>
      <c r="R1765" s="115">
        <v>0</v>
      </c>
      <c r="S1765" s="115">
        <v>0</v>
      </c>
      <c r="T1765" s="115">
        <v>0</v>
      </c>
      <c r="U1765" s="119"/>
      <c r="V1765" s="119"/>
      <c r="W1765" s="119"/>
      <c r="X1765" s="119"/>
      <c r="Y1765" s="119"/>
      <c r="Z1765" s="119"/>
      <c r="AA1765" s="119"/>
      <c r="AB1765" s="119"/>
      <c r="AC1765" s="119"/>
      <c r="AD1765" s="119"/>
      <c r="AE1765" s="119"/>
      <c r="AF1765" s="119"/>
      <c r="AG1765" s="119"/>
      <c r="AH1765" s="119"/>
      <c r="AI1765" s="119"/>
      <c r="AJ1765" s="119"/>
      <c r="AK1765" s="119"/>
      <c r="AL1765" s="119"/>
      <c r="AM1765" s="119"/>
      <c r="AN1765" s="119"/>
      <c r="AO1765" s="119"/>
      <c r="AP1765" s="119"/>
      <c r="AQ1765" s="119"/>
      <c r="AR1765" s="119"/>
      <c r="AS1765" s="119"/>
      <c r="AT1765" s="119"/>
      <c r="AU1765" s="119"/>
      <c r="AV1765" s="119"/>
      <c r="AW1765" s="119"/>
      <c r="AX1765" s="119"/>
      <c r="AY1765" s="119"/>
      <c r="AZ1765" s="119"/>
      <c r="BA1765" s="119"/>
      <c r="BB1765" s="107">
        <v>45884</v>
      </c>
    </row>
    <row r="1766" spans="1:54" s="207" customFormat="1" ht="13.95" customHeight="1" x14ac:dyDescent="0.25">
      <c r="A1766" s="208" t="s">
        <v>4248</v>
      </c>
      <c r="B1766" s="209" t="s">
        <v>20420</v>
      </c>
      <c r="C1766" s="113" t="s">
        <v>4249</v>
      </c>
      <c r="D1766" s="113" t="s">
        <v>23481</v>
      </c>
      <c r="E1766" s="210">
        <v>1970</v>
      </c>
      <c r="F1766" s="210">
        <v>2286</v>
      </c>
      <c r="G1766" s="113" t="s">
        <v>1</v>
      </c>
      <c r="H1766" s="113">
        <v>0</v>
      </c>
      <c r="I1766" s="113">
        <v>0</v>
      </c>
      <c r="J1766" s="115">
        <v>1</v>
      </c>
      <c r="K1766" s="116" t="s">
        <v>174</v>
      </c>
      <c r="L1766" s="115">
        <v>1</v>
      </c>
      <c r="M1766" s="115">
        <v>1</v>
      </c>
      <c r="N1766" s="115">
        <v>0</v>
      </c>
      <c r="O1766" s="115">
        <v>1</v>
      </c>
      <c r="P1766" s="115" t="s">
        <v>400</v>
      </c>
      <c r="Q1766" s="115" t="s">
        <v>400</v>
      </c>
      <c r="R1766" s="115">
        <v>1</v>
      </c>
      <c r="S1766" s="115">
        <v>0</v>
      </c>
      <c r="T1766" s="115">
        <v>0</v>
      </c>
      <c r="U1766" s="119"/>
      <c r="V1766" s="119"/>
      <c r="W1766" s="119"/>
      <c r="X1766" s="119"/>
      <c r="Y1766" s="119"/>
      <c r="Z1766" s="119"/>
      <c r="AA1766" s="119"/>
      <c r="AB1766" s="119"/>
      <c r="AC1766" s="119"/>
      <c r="AD1766" s="119"/>
      <c r="AE1766" s="119"/>
      <c r="AF1766" s="119"/>
      <c r="AG1766" s="119"/>
      <c r="AH1766" s="119"/>
      <c r="AI1766" s="119"/>
      <c r="AJ1766" s="119"/>
      <c r="AK1766" s="119"/>
      <c r="AL1766" s="119"/>
      <c r="AM1766" s="119"/>
      <c r="AN1766" s="119"/>
      <c r="AO1766" s="119"/>
      <c r="AP1766" s="119"/>
      <c r="AQ1766" s="119"/>
      <c r="AR1766" s="119"/>
      <c r="AS1766" s="119"/>
      <c r="AT1766" s="119"/>
      <c r="AU1766" s="119"/>
      <c r="AV1766" s="119"/>
      <c r="AW1766" s="119"/>
      <c r="AX1766" s="119"/>
      <c r="AY1766" s="119"/>
      <c r="AZ1766" s="119"/>
      <c r="BA1766" s="119"/>
      <c r="BB1766" s="107">
        <v>45884</v>
      </c>
    </row>
    <row r="1767" spans="1:54" s="207" customFormat="1" ht="13.95" customHeight="1" x14ac:dyDescent="0.25">
      <c r="A1767" s="208" t="s">
        <v>4250</v>
      </c>
      <c r="B1767" s="209" t="s">
        <v>20420</v>
      </c>
      <c r="C1767" s="113" t="s">
        <v>4251</v>
      </c>
      <c r="D1767" s="113" t="s">
        <v>23482</v>
      </c>
      <c r="E1767" s="210">
        <v>1978</v>
      </c>
      <c r="F1767" s="210">
        <v>2298</v>
      </c>
      <c r="G1767" s="113" t="s">
        <v>1</v>
      </c>
      <c r="H1767" s="113">
        <v>0</v>
      </c>
      <c r="I1767" s="113">
        <v>0</v>
      </c>
      <c r="J1767" s="115">
        <v>1</v>
      </c>
      <c r="K1767" s="116" t="s">
        <v>174</v>
      </c>
      <c r="L1767" s="115">
        <v>1</v>
      </c>
      <c r="M1767" s="115">
        <v>0</v>
      </c>
      <c r="N1767" s="115">
        <v>0</v>
      </c>
      <c r="O1767" s="115">
        <v>1</v>
      </c>
      <c r="P1767" s="115">
        <v>1</v>
      </c>
      <c r="Q1767" s="115" t="s">
        <v>400</v>
      </c>
      <c r="R1767" s="115">
        <v>1</v>
      </c>
      <c r="S1767" s="115">
        <v>0</v>
      </c>
      <c r="T1767" s="115">
        <v>0</v>
      </c>
      <c r="U1767" s="119"/>
      <c r="V1767" s="119"/>
      <c r="W1767" s="119"/>
      <c r="X1767" s="119"/>
      <c r="Y1767" s="119"/>
      <c r="Z1767" s="119"/>
      <c r="AA1767" s="119"/>
      <c r="AB1767" s="119"/>
      <c r="AC1767" s="119"/>
      <c r="AD1767" s="119"/>
      <c r="AE1767" s="119"/>
      <c r="AF1767" s="119"/>
      <c r="AG1767" s="119"/>
      <c r="AH1767" s="119"/>
      <c r="AI1767" s="119"/>
      <c r="AJ1767" s="119"/>
      <c r="AK1767" s="119"/>
      <c r="AL1767" s="119"/>
      <c r="AM1767" s="119"/>
      <c r="AN1767" s="119"/>
      <c r="AO1767" s="119"/>
      <c r="AP1767" s="119"/>
      <c r="AQ1767" s="119"/>
      <c r="AR1767" s="119"/>
      <c r="AS1767" s="119"/>
      <c r="AT1767" s="119"/>
      <c r="AU1767" s="119"/>
      <c r="AV1767" s="119"/>
      <c r="AW1767" s="119"/>
      <c r="AX1767" s="119"/>
      <c r="AY1767" s="119"/>
      <c r="AZ1767" s="119"/>
      <c r="BA1767" s="119"/>
      <c r="BB1767" s="107">
        <v>45884</v>
      </c>
    </row>
    <row r="1768" spans="1:54" s="207" customFormat="1" ht="13.95" customHeight="1" x14ac:dyDescent="0.25">
      <c r="A1768" s="208" t="s">
        <v>4252</v>
      </c>
      <c r="B1768" s="209" t="s">
        <v>20420</v>
      </c>
      <c r="C1768" s="113" t="s">
        <v>4253</v>
      </c>
      <c r="D1768" s="113" t="s">
        <v>4254</v>
      </c>
      <c r="E1768" s="210">
        <v>1992</v>
      </c>
      <c r="F1768" s="210">
        <v>2300</v>
      </c>
      <c r="G1768" s="113" t="s">
        <v>1</v>
      </c>
      <c r="H1768" s="113">
        <v>1</v>
      </c>
      <c r="I1768" s="95">
        <v>1</v>
      </c>
      <c r="J1768" s="115">
        <v>1</v>
      </c>
      <c r="K1768" s="116" t="s">
        <v>174</v>
      </c>
      <c r="L1768" s="115">
        <v>1</v>
      </c>
      <c r="M1768" s="115">
        <v>1</v>
      </c>
      <c r="N1768" s="115">
        <v>0</v>
      </c>
      <c r="O1768" s="115">
        <v>0</v>
      </c>
      <c r="P1768" s="115" t="s">
        <v>400</v>
      </c>
      <c r="Q1768" s="115" t="s">
        <v>400</v>
      </c>
      <c r="R1768" s="115">
        <v>0</v>
      </c>
      <c r="S1768" s="115">
        <v>0</v>
      </c>
      <c r="T1768" s="115">
        <v>0</v>
      </c>
      <c r="U1768" s="119"/>
      <c r="V1768" s="119"/>
      <c r="W1768" s="119"/>
      <c r="X1768" s="119"/>
      <c r="Y1768" s="119"/>
      <c r="Z1768" s="119"/>
      <c r="AA1768" s="119"/>
      <c r="AB1768" s="119"/>
      <c r="AC1768" s="119"/>
      <c r="AD1768" s="119"/>
      <c r="AE1768" s="119"/>
      <c r="AF1768" s="119"/>
      <c r="AG1768" s="119"/>
      <c r="AH1768" s="119"/>
      <c r="AI1768" s="119"/>
      <c r="AJ1768" s="119"/>
      <c r="AK1768" s="119"/>
      <c r="AL1768" s="119"/>
      <c r="AM1768" s="119"/>
      <c r="AN1768" s="119"/>
      <c r="AO1768" s="119"/>
      <c r="AP1768" s="119"/>
      <c r="AQ1768" s="119"/>
      <c r="AR1768" s="119"/>
      <c r="AS1768" s="119"/>
      <c r="AT1768" s="119"/>
      <c r="AU1768" s="119"/>
      <c r="AV1768" s="119"/>
      <c r="AW1768" s="119"/>
      <c r="AX1768" s="119"/>
      <c r="AY1768" s="119"/>
      <c r="AZ1768" s="119"/>
      <c r="BA1768" s="119"/>
      <c r="BB1768" s="107">
        <v>45884</v>
      </c>
    </row>
    <row r="1769" spans="1:54" s="207" customFormat="1" ht="13.95" customHeight="1" x14ac:dyDescent="0.25">
      <c r="A1769" s="208" t="s">
        <v>4255</v>
      </c>
      <c r="B1769" s="209" t="s">
        <v>20420</v>
      </c>
      <c r="C1769" s="113" t="s">
        <v>4256</v>
      </c>
      <c r="D1769" s="113" t="s">
        <v>4257</v>
      </c>
      <c r="E1769" s="210">
        <v>1979</v>
      </c>
      <c r="F1769" s="210">
        <v>2306</v>
      </c>
      <c r="G1769" s="113" t="s">
        <v>1</v>
      </c>
      <c r="H1769" s="113">
        <v>0</v>
      </c>
      <c r="I1769" s="113">
        <v>0</v>
      </c>
      <c r="J1769" s="115">
        <v>1</v>
      </c>
      <c r="K1769" s="116" t="s">
        <v>174</v>
      </c>
      <c r="L1769" s="115">
        <v>1</v>
      </c>
      <c r="M1769" s="115">
        <v>0</v>
      </c>
      <c r="N1769" s="115">
        <v>1</v>
      </c>
      <c r="O1769" s="115">
        <v>1</v>
      </c>
      <c r="P1769" s="115">
        <v>1</v>
      </c>
      <c r="Q1769" s="115" t="s">
        <v>400</v>
      </c>
      <c r="R1769" s="115">
        <v>1</v>
      </c>
      <c r="S1769" s="115">
        <v>0</v>
      </c>
      <c r="T1769" s="115">
        <v>0</v>
      </c>
      <c r="U1769" s="119"/>
      <c r="V1769" s="119"/>
      <c r="W1769" s="119"/>
      <c r="X1769" s="119"/>
      <c r="Y1769" s="119"/>
      <c r="Z1769" s="119"/>
      <c r="AA1769" s="119"/>
      <c r="AB1769" s="119"/>
      <c r="AC1769" s="119"/>
      <c r="AD1769" s="119"/>
      <c r="AE1769" s="119"/>
      <c r="AF1769" s="119"/>
      <c r="AG1769" s="119"/>
      <c r="AH1769" s="119"/>
      <c r="AI1769" s="119"/>
      <c r="AJ1769" s="119"/>
      <c r="AK1769" s="119"/>
      <c r="AL1769" s="119"/>
      <c r="AM1769" s="119"/>
      <c r="AN1769" s="119"/>
      <c r="AO1769" s="119"/>
      <c r="AP1769" s="119"/>
      <c r="AQ1769" s="119"/>
      <c r="AR1769" s="119"/>
      <c r="AS1769" s="119"/>
      <c r="AT1769" s="119"/>
      <c r="AU1769" s="119"/>
      <c r="AV1769" s="119"/>
      <c r="AW1769" s="119"/>
      <c r="AX1769" s="119"/>
      <c r="AY1769" s="119"/>
      <c r="AZ1769" s="119"/>
      <c r="BA1769" s="119"/>
      <c r="BB1769" s="107">
        <v>45884</v>
      </c>
    </row>
    <row r="1770" spans="1:54" s="207" customFormat="1" ht="13.95" customHeight="1" x14ac:dyDescent="0.25">
      <c r="A1770" s="208" t="s">
        <v>4258</v>
      </c>
      <c r="B1770" s="209" t="s">
        <v>20420</v>
      </c>
      <c r="C1770" s="113" t="s">
        <v>4259</v>
      </c>
      <c r="D1770" s="113" t="s">
        <v>4260</v>
      </c>
      <c r="E1770" s="210">
        <v>1986</v>
      </c>
      <c r="F1770" s="210">
        <v>2307</v>
      </c>
      <c r="G1770" s="113" t="s">
        <v>1</v>
      </c>
      <c r="H1770" s="113">
        <v>0</v>
      </c>
      <c r="I1770" s="113">
        <v>0</v>
      </c>
      <c r="J1770" s="115">
        <v>1</v>
      </c>
      <c r="K1770" s="116" t="s">
        <v>174</v>
      </c>
      <c r="L1770" s="115">
        <v>1</v>
      </c>
      <c r="M1770" s="115">
        <v>0</v>
      </c>
      <c r="N1770" s="115">
        <v>1</v>
      </c>
      <c r="O1770" s="115">
        <v>1</v>
      </c>
      <c r="P1770" s="115">
        <v>1</v>
      </c>
      <c r="Q1770" s="115">
        <v>1</v>
      </c>
      <c r="R1770" s="115">
        <v>1</v>
      </c>
      <c r="S1770" s="115">
        <v>0</v>
      </c>
      <c r="T1770" s="115">
        <v>0</v>
      </c>
      <c r="U1770" s="119"/>
      <c r="V1770" s="119"/>
      <c r="W1770" s="119"/>
      <c r="X1770" s="119"/>
      <c r="Y1770" s="119"/>
      <c r="Z1770" s="119"/>
      <c r="AA1770" s="119"/>
      <c r="AB1770" s="119"/>
      <c r="AC1770" s="119"/>
      <c r="AD1770" s="119"/>
      <c r="AE1770" s="119"/>
      <c r="AF1770" s="119"/>
      <c r="AG1770" s="119"/>
      <c r="AH1770" s="119"/>
      <c r="AI1770" s="119"/>
      <c r="AJ1770" s="119"/>
      <c r="AK1770" s="119"/>
      <c r="AL1770" s="119"/>
      <c r="AM1770" s="119"/>
      <c r="AN1770" s="119"/>
      <c r="AO1770" s="119"/>
      <c r="AP1770" s="119"/>
      <c r="AQ1770" s="119"/>
      <c r="AR1770" s="119"/>
      <c r="AS1770" s="119"/>
      <c r="AT1770" s="119"/>
      <c r="AU1770" s="119"/>
      <c r="AV1770" s="119"/>
      <c r="AW1770" s="119"/>
      <c r="AX1770" s="119"/>
      <c r="AY1770" s="119"/>
      <c r="AZ1770" s="119"/>
      <c r="BA1770" s="119"/>
      <c r="BB1770" s="107">
        <v>45884</v>
      </c>
    </row>
    <row r="1771" spans="1:54" s="207" customFormat="1" ht="13.95" customHeight="1" x14ac:dyDescent="0.25">
      <c r="A1771" s="208" t="s">
        <v>4261</v>
      </c>
      <c r="B1771" s="209" t="s">
        <v>20420</v>
      </c>
      <c r="C1771" s="113" t="s">
        <v>4262</v>
      </c>
      <c r="D1771" s="113" t="s">
        <v>23483</v>
      </c>
      <c r="E1771" s="210">
        <v>1971</v>
      </c>
      <c r="F1771" s="210">
        <v>2308</v>
      </c>
      <c r="G1771" s="113" t="s">
        <v>1</v>
      </c>
      <c r="H1771" s="113">
        <v>1</v>
      </c>
      <c r="I1771" s="113">
        <v>0</v>
      </c>
      <c r="J1771" s="115">
        <v>1</v>
      </c>
      <c r="K1771" s="116" t="s">
        <v>174</v>
      </c>
      <c r="L1771" s="115">
        <v>1</v>
      </c>
      <c r="M1771" s="115">
        <v>0</v>
      </c>
      <c r="N1771" s="115">
        <v>0</v>
      </c>
      <c r="O1771" s="115">
        <v>1</v>
      </c>
      <c r="P1771" s="115">
        <v>1</v>
      </c>
      <c r="Q1771" s="115" t="s">
        <v>400</v>
      </c>
      <c r="R1771" s="115">
        <v>0</v>
      </c>
      <c r="S1771" s="115">
        <v>0</v>
      </c>
      <c r="T1771" s="115">
        <v>0</v>
      </c>
      <c r="U1771" s="119"/>
      <c r="V1771" s="119"/>
      <c r="W1771" s="119"/>
      <c r="X1771" s="119"/>
      <c r="Y1771" s="119"/>
      <c r="Z1771" s="119"/>
      <c r="AA1771" s="119"/>
      <c r="AB1771" s="119"/>
      <c r="AC1771" s="119"/>
      <c r="AD1771" s="119"/>
      <c r="AE1771" s="119"/>
      <c r="AF1771" s="119"/>
      <c r="AG1771" s="119"/>
      <c r="AH1771" s="119"/>
      <c r="AI1771" s="119"/>
      <c r="AJ1771" s="119"/>
      <c r="AK1771" s="119"/>
      <c r="AL1771" s="119"/>
      <c r="AM1771" s="119"/>
      <c r="AN1771" s="119"/>
      <c r="AO1771" s="119"/>
      <c r="AP1771" s="119"/>
      <c r="AQ1771" s="119"/>
      <c r="AR1771" s="119"/>
      <c r="AS1771" s="119"/>
      <c r="AT1771" s="119"/>
      <c r="AU1771" s="119"/>
      <c r="AV1771" s="119"/>
      <c r="AW1771" s="119"/>
      <c r="AX1771" s="119"/>
      <c r="AY1771" s="119"/>
      <c r="AZ1771" s="119"/>
      <c r="BA1771" s="119"/>
      <c r="BB1771" s="107">
        <v>45884</v>
      </c>
    </row>
    <row r="1772" spans="1:54" s="207" customFormat="1" ht="13.95" customHeight="1" x14ac:dyDescent="0.25">
      <c r="A1772" s="208" t="s">
        <v>4263</v>
      </c>
      <c r="B1772" s="209" t="s">
        <v>20420</v>
      </c>
      <c r="C1772" s="113" t="s">
        <v>4264</v>
      </c>
      <c r="D1772" s="113" t="s">
        <v>4265</v>
      </c>
      <c r="E1772" s="210">
        <v>1957</v>
      </c>
      <c r="F1772" s="210">
        <v>2310</v>
      </c>
      <c r="G1772" s="113" t="s">
        <v>1</v>
      </c>
      <c r="H1772" s="113">
        <v>0</v>
      </c>
      <c r="I1772" s="113">
        <v>0</v>
      </c>
      <c r="J1772" s="115">
        <v>0</v>
      </c>
      <c r="K1772" s="211">
        <v>1</v>
      </c>
      <c r="L1772" s="115">
        <v>1</v>
      </c>
      <c r="M1772" s="115">
        <v>1</v>
      </c>
      <c r="N1772" s="115">
        <v>1</v>
      </c>
      <c r="O1772" s="115">
        <v>1</v>
      </c>
      <c r="P1772" s="115" t="s">
        <v>400</v>
      </c>
      <c r="Q1772" s="115" t="s">
        <v>400</v>
      </c>
      <c r="R1772" s="115">
        <v>0</v>
      </c>
      <c r="S1772" s="115">
        <v>0</v>
      </c>
      <c r="T1772" s="115">
        <v>0</v>
      </c>
      <c r="U1772" s="119"/>
      <c r="V1772" s="119"/>
      <c r="W1772" s="119"/>
      <c r="X1772" s="119"/>
      <c r="Y1772" s="119"/>
      <c r="Z1772" s="119"/>
      <c r="AA1772" s="119"/>
      <c r="AB1772" s="119"/>
      <c r="AC1772" s="119"/>
      <c r="AD1772" s="119"/>
      <c r="AE1772" s="119"/>
      <c r="AF1772" s="119"/>
      <c r="AG1772" s="119"/>
      <c r="AH1772" s="119"/>
      <c r="AI1772" s="119"/>
      <c r="AJ1772" s="119"/>
      <c r="AK1772" s="119"/>
      <c r="AL1772" s="119"/>
      <c r="AM1772" s="119"/>
      <c r="AN1772" s="119"/>
      <c r="AO1772" s="119"/>
      <c r="AP1772" s="119"/>
      <c r="AQ1772" s="119"/>
      <c r="AR1772" s="119"/>
      <c r="AS1772" s="119"/>
      <c r="AT1772" s="119"/>
      <c r="AU1772" s="119"/>
      <c r="AV1772" s="119"/>
      <c r="AW1772" s="119"/>
      <c r="AX1772" s="119"/>
      <c r="AY1772" s="119"/>
      <c r="AZ1772" s="119"/>
      <c r="BA1772" s="119"/>
      <c r="BB1772" s="107">
        <v>45884</v>
      </c>
    </row>
    <row r="1773" spans="1:54" s="207" customFormat="1" ht="13.95" customHeight="1" x14ac:dyDescent="0.25">
      <c r="A1773" s="208" t="s">
        <v>4266</v>
      </c>
      <c r="B1773" s="209" t="s">
        <v>20420</v>
      </c>
      <c r="C1773" s="113" t="s">
        <v>4267</v>
      </c>
      <c r="D1773" s="113" t="s">
        <v>23484</v>
      </c>
      <c r="E1773" s="210">
        <v>2001</v>
      </c>
      <c r="F1773" s="210">
        <v>2310</v>
      </c>
      <c r="G1773" s="113" t="s">
        <v>1</v>
      </c>
      <c r="H1773" s="113">
        <v>0</v>
      </c>
      <c r="I1773" s="113">
        <v>0</v>
      </c>
      <c r="J1773" s="115">
        <v>1</v>
      </c>
      <c r="K1773" s="211">
        <v>1</v>
      </c>
      <c r="L1773" s="115">
        <v>1</v>
      </c>
      <c r="M1773" s="115">
        <v>1</v>
      </c>
      <c r="N1773" s="115">
        <v>0</v>
      </c>
      <c r="O1773" s="115">
        <v>1</v>
      </c>
      <c r="P1773" s="115" t="s">
        <v>400</v>
      </c>
      <c r="Q1773" s="115" t="s">
        <v>400</v>
      </c>
      <c r="R1773" s="115">
        <v>0</v>
      </c>
      <c r="S1773" s="115">
        <v>0</v>
      </c>
      <c r="T1773" s="115">
        <v>0</v>
      </c>
      <c r="U1773" s="119"/>
      <c r="V1773" s="119"/>
      <c r="W1773" s="119"/>
      <c r="X1773" s="119"/>
      <c r="Y1773" s="119"/>
      <c r="Z1773" s="119"/>
      <c r="AA1773" s="119"/>
      <c r="AB1773" s="119"/>
      <c r="AC1773" s="119"/>
      <c r="AD1773" s="119"/>
      <c r="AE1773" s="119"/>
      <c r="AF1773" s="119"/>
      <c r="AG1773" s="119"/>
      <c r="AH1773" s="119"/>
      <c r="AI1773" s="119"/>
      <c r="AJ1773" s="119"/>
      <c r="AK1773" s="119"/>
      <c r="AL1773" s="119"/>
      <c r="AM1773" s="119"/>
      <c r="AN1773" s="119"/>
      <c r="AO1773" s="119"/>
      <c r="AP1773" s="119"/>
      <c r="AQ1773" s="119"/>
      <c r="AR1773" s="119"/>
      <c r="AS1773" s="119"/>
      <c r="AT1773" s="119"/>
      <c r="AU1773" s="119"/>
      <c r="AV1773" s="119"/>
      <c r="AW1773" s="119"/>
      <c r="AX1773" s="119"/>
      <c r="AY1773" s="119"/>
      <c r="AZ1773" s="119"/>
      <c r="BA1773" s="119"/>
      <c r="BB1773" s="107">
        <v>45884</v>
      </c>
    </row>
    <row r="1774" spans="1:54" s="207" customFormat="1" ht="13.95" customHeight="1" x14ac:dyDescent="0.25">
      <c r="A1774" s="208" t="s">
        <v>4268</v>
      </c>
      <c r="B1774" s="209" t="s">
        <v>20420</v>
      </c>
      <c r="C1774" s="113" t="s">
        <v>4269</v>
      </c>
      <c r="D1774" s="113" t="s">
        <v>23485</v>
      </c>
      <c r="E1774" s="210">
        <v>1987</v>
      </c>
      <c r="F1774" s="210">
        <v>2312</v>
      </c>
      <c r="G1774" s="113" t="s">
        <v>1</v>
      </c>
      <c r="H1774" s="113">
        <v>0</v>
      </c>
      <c r="I1774" s="113">
        <v>0</v>
      </c>
      <c r="J1774" s="115">
        <v>1</v>
      </c>
      <c r="K1774" s="116" t="s">
        <v>174</v>
      </c>
      <c r="L1774" s="115">
        <v>0</v>
      </c>
      <c r="M1774" s="115">
        <v>1</v>
      </c>
      <c r="N1774" s="115">
        <v>0</v>
      </c>
      <c r="O1774" s="115">
        <v>1</v>
      </c>
      <c r="P1774" s="115" t="s">
        <v>400</v>
      </c>
      <c r="Q1774" s="115" t="s">
        <v>400</v>
      </c>
      <c r="R1774" s="115">
        <v>1</v>
      </c>
      <c r="S1774" s="115">
        <v>0</v>
      </c>
      <c r="T1774" s="115">
        <v>0</v>
      </c>
      <c r="U1774" s="119"/>
      <c r="V1774" s="119"/>
      <c r="W1774" s="119"/>
      <c r="X1774" s="119"/>
      <c r="Y1774" s="119"/>
      <c r="Z1774" s="119"/>
      <c r="AA1774" s="119"/>
      <c r="AB1774" s="119"/>
      <c r="AC1774" s="119"/>
      <c r="AD1774" s="119"/>
      <c r="AE1774" s="119"/>
      <c r="AF1774" s="119"/>
      <c r="AG1774" s="119"/>
      <c r="AH1774" s="119"/>
      <c r="AI1774" s="119"/>
      <c r="AJ1774" s="119"/>
      <c r="AK1774" s="119"/>
      <c r="AL1774" s="119"/>
      <c r="AM1774" s="119"/>
      <c r="AN1774" s="119"/>
      <c r="AO1774" s="119"/>
      <c r="AP1774" s="119"/>
      <c r="AQ1774" s="119"/>
      <c r="AR1774" s="119"/>
      <c r="AS1774" s="119"/>
      <c r="AT1774" s="119"/>
      <c r="AU1774" s="119"/>
      <c r="AV1774" s="119"/>
      <c r="AW1774" s="119"/>
      <c r="AX1774" s="119"/>
      <c r="AY1774" s="119"/>
      <c r="AZ1774" s="119"/>
      <c r="BA1774" s="119"/>
      <c r="BB1774" s="107">
        <v>45884</v>
      </c>
    </row>
    <row r="1775" spans="1:54" s="207" customFormat="1" ht="13.95" customHeight="1" x14ac:dyDescent="0.25">
      <c r="A1775" s="208" t="s">
        <v>4270</v>
      </c>
      <c r="B1775" s="209" t="s">
        <v>20420</v>
      </c>
      <c r="C1775" s="113" t="s">
        <v>4271</v>
      </c>
      <c r="D1775" s="113" t="s">
        <v>23486</v>
      </c>
      <c r="E1775" s="210">
        <v>1999</v>
      </c>
      <c r="F1775" s="210">
        <v>2312</v>
      </c>
      <c r="G1775" s="113" t="s">
        <v>1</v>
      </c>
      <c r="H1775" s="113">
        <v>0</v>
      </c>
      <c r="I1775" s="113">
        <v>0</v>
      </c>
      <c r="J1775" s="115">
        <v>1</v>
      </c>
      <c r="K1775" s="211">
        <v>1</v>
      </c>
      <c r="L1775" s="115">
        <v>0</v>
      </c>
      <c r="M1775" s="115">
        <v>0</v>
      </c>
      <c r="N1775" s="115">
        <v>0</v>
      </c>
      <c r="O1775" s="115">
        <v>0</v>
      </c>
      <c r="P1775" s="115" t="s">
        <v>400</v>
      </c>
      <c r="Q1775" s="115" t="s">
        <v>400</v>
      </c>
      <c r="R1775" s="115">
        <v>0</v>
      </c>
      <c r="S1775" s="115">
        <v>0</v>
      </c>
      <c r="T1775" s="115">
        <v>0</v>
      </c>
      <c r="U1775" s="119"/>
      <c r="V1775" s="119"/>
      <c r="W1775" s="119"/>
      <c r="X1775" s="119"/>
      <c r="Y1775" s="119"/>
      <c r="Z1775" s="119"/>
      <c r="AA1775" s="119"/>
      <c r="AB1775" s="119"/>
      <c r="AC1775" s="119"/>
      <c r="AD1775" s="119"/>
      <c r="AE1775" s="119"/>
      <c r="AF1775" s="119"/>
      <c r="AG1775" s="119"/>
      <c r="AH1775" s="119"/>
      <c r="AI1775" s="119"/>
      <c r="AJ1775" s="119"/>
      <c r="AK1775" s="119"/>
      <c r="AL1775" s="119"/>
      <c r="AM1775" s="119"/>
      <c r="AN1775" s="119"/>
      <c r="AO1775" s="119"/>
      <c r="AP1775" s="119"/>
      <c r="AQ1775" s="119"/>
      <c r="AR1775" s="119"/>
      <c r="AS1775" s="119"/>
      <c r="AT1775" s="119"/>
      <c r="AU1775" s="119"/>
      <c r="AV1775" s="119"/>
      <c r="AW1775" s="119"/>
      <c r="AX1775" s="119"/>
      <c r="AY1775" s="119"/>
      <c r="AZ1775" s="119"/>
      <c r="BA1775" s="119"/>
      <c r="BB1775" s="107">
        <v>45884</v>
      </c>
    </row>
    <row r="1776" spans="1:54" s="207" customFormat="1" ht="13.95" customHeight="1" x14ac:dyDescent="0.25">
      <c r="A1776" s="208" t="s">
        <v>4272</v>
      </c>
      <c r="B1776" s="209" t="s">
        <v>20420</v>
      </c>
      <c r="C1776" s="113" t="s">
        <v>4273</v>
      </c>
      <c r="D1776" s="113" t="s">
        <v>23487</v>
      </c>
      <c r="E1776" s="210">
        <v>1943</v>
      </c>
      <c r="F1776" s="210">
        <v>2313</v>
      </c>
      <c r="G1776" s="113" t="s">
        <v>1</v>
      </c>
      <c r="H1776" s="113">
        <v>1</v>
      </c>
      <c r="I1776" s="113">
        <v>1</v>
      </c>
      <c r="J1776" s="115">
        <v>1</v>
      </c>
      <c r="K1776" s="116" t="s">
        <v>174</v>
      </c>
      <c r="L1776" s="115">
        <v>1</v>
      </c>
      <c r="M1776" s="115">
        <v>1</v>
      </c>
      <c r="N1776" s="115">
        <v>1</v>
      </c>
      <c r="O1776" s="115">
        <v>1</v>
      </c>
      <c r="P1776" s="115" t="s">
        <v>400</v>
      </c>
      <c r="Q1776" s="115" t="s">
        <v>400</v>
      </c>
      <c r="R1776" s="115">
        <v>1</v>
      </c>
      <c r="S1776" s="115">
        <v>0</v>
      </c>
      <c r="T1776" s="115">
        <v>0</v>
      </c>
      <c r="U1776" s="119"/>
      <c r="V1776" s="119"/>
      <c r="W1776" s="119"/>
      <c r="X1776" s="119"/>
      <c r="Y1776" s="119"/>
      <c r="Z1776" s="119"/>
      <c r="AA1776" s="119"/>
      <c r="AB1776" s="119"/>
      <c r="AC1776" s="119"/>
      <c r="AD1776" s="119"/>
      <c r="AE1776" s="119"/>
      <c r="AF1776" s="119"/>
      <c r="AG1776" s="119"/>
      <c r="AH1776" s="119"/>
      <c r="AI1776" s="119"/>
      <c r="AJ1776" s="119"/>
      <c r="AK1776" s="119"/>
      <c r="AL1776" s="119"/>
      <c r="AM1776" s="119"/>
      <c r="AN1776" s="119"/>
      <c r="AO1776" s="119"/>
      <c r="AP1776" s="119"/>
      <c r="AQ1776" s="119"/>
      <c r="AR1776" s="119"/>
      <c r="AS1776" s="119"/>
      <c r="AT1776" s="119"/>
      <c r="AU1776" s="119"/>
      <c r="AV1776" s="119"/>
      <c r="AW1776" s="119"/>
      <c r="AX1776" s="119"/>
      <c r="AY1776" s="119"/>
      <c r="AZ1776" s="119"/>
      <c r="BA1776" s="119"/>
      <c r="BB1776" s="107">
        <v>45884</v>
      </c>
    </row>
    <row r="1777" spans="1:54" s="207" customFormat="1" ht="13.95" customHeight="1" x14ac:dyDescent="0.25">
      <c r="A1777" s="208" t="s">
        <v>4274</v>
      </c>
      <c r="B1777" s="209" t="s">
        <v>20420</v>
      </c>
      <c r="C1777" s="113" t="s">
        <v>4275</v>
      </c>
      <c r="D1777" s="113" t="s">
        <v>4276</v>
      </c>
      <c r="E1777" s="210">
        <v>1985</v>
      </c>
      <c r="F1777" s="210">
        <v>2314</v>
      </c>
      <c r="G1777" s="113" t="s">
        <v>1</v>
      </c>
      <c r="H1777" s="113">
        <v>0</v>
      </c>
      <c r="I1777" s="113">
        <v>0</v>
      </c>
      <c r="J1777" s="115">
        <v>1</v>
      </c>
      <c r="K1777" s="116" t="s">
        <v>174</v>
      </c>
      <c r="L1777" s="115">
        <v>1</v>
      </c>
      <c r="M1777" s="115">
        <v>1</v>
      </c>
      <c r="N1777" s="115">
        <v>0</v>
      </c>
      <c r="O1777" s="115">
        <v>0</v>
      </c>
      <c r="P1777" s="115">
        <v>1</v>
      </c>
      <c r="Q1777" s="115" t="s">
        <v>400</v>
      </c>
      <c r="R1777" s="115">
        <v>0</v>
      </c>
      <c r="S1777" s="115">
        <v>0</v>
      </c>
      <c r="T1777" s="115">
        <v>0</v>
      </c>
      <c r="U1777" s="119"/>
      <c r="V1777" s="119"/>
      <c r="W1777" s="119"/>
      <c r="X1777" s="119"/>
      <c r="Y1777" s="119"/>
      <c r="Z1777" s="119"/>
      <c r="AA1777" s="119"/>
      <c r="AB1777" s="119"/>
      <c r="AC1777" s="119"/>
      <c r="AD1777" s="119"/>
      <c r="AE1777" s="119"/>
      <c r="AF1777" s="119"/>
      <c r="AG1777" s="119"/>
      <c r="AH1777" s="119"/>
      <c r="AI1777" s="119"/>
      <c r="AJ1777" s="119"/>
      <c r="AK1777" s="119"/>
      <c r="AL1777" s="119"/>
      <c r="AM1777" s="119"/>
      <c r="AN1777" s="119"/>
      <c r="AO1777" s="119"/>
      <c r="AP1777" s="119"/>
      <c r="AQ1777" s="119"/>
      <c r="AR1777" s="119"/>
      <c r="AS1777" s="119"/>
      <c r="AT1777" s="119"/>
      <c r="AU1777" s="119"/>
      <c r="AV1777" s="119"/>
      <c r="AW1777" s="119"/>
      <c r="AX1777" s="119"/>
      <c r="AY1777" s="119"/>
      <c r="AZ1777" s="119"/>
      <c r="BA1777" s="119"/>
      <c r="BB1777" s="107">
        <v>45884</v>
      </c>
    </row>
    <row r="1778" spans="1:54" s="207" customFormat="1" ht="13.95" customHeight="1" x14ac:dyDescent="0.25">
      <c r="A1778" s="208" t="s">
        <v>4277</v>
      </c>
      <c r="B1778" s="209" t="s">
        <v>20420</v>
      </c>
      <c r="C1778" s="113" t="s">
        <v>4278</v>
      </c>
      <c r="D1778" s="113" t="s">
        <v>23488</v>
      </c>
      <c r="E1778" s="210">
        <v>1976</v>
      </c>
      <c r="F1778" s="210">
        <v>2315</v>
      </c>
      <c r="G1778" s="113" t="s">
        <v>1</v>
      </c>
      <c r="H1778" s="113">
        <v>0</v>
      </c>
      <c r="I1778" s="113">
        <v>0</v>
      </c>
      <c r="J1778" s="115">
        <v>1</v>
      </c>
      <c r="K1778" s="116" t="s">
        <v>174</v>
      </c>
      <c r="L1778" s="115">
        <v>1</v>
      </c>
      <c r="M1778" s="115">
        <v>0</v>
      </c>
      <c r="N1778" s="115">
        <v>0</v>
      </c>
      <c r="O1778" s="115">
        <v>1</v>
      </c>
      <c r="P1778" s="115">
        <v>1</v>
      </c>
      <c r="Q1778" s="115" t="s">
        <v>400</v>
      </c>
      <c r="R1778" s="115">
        <v>0</v>
      </c>
      <c r="S1778" s="115">
        <v>0</v>
      </c>
      <c r="T1778" s="115">
        <v>0</v>
      </c>
      <c r="U1778" s="119"/>
      <c r="V1778" s="119"/>
      <c r="W1778" s="119"/>
      <c r="X1778" s="119"/>
      <c r="Y1778" s="119"/>
      <c r="Z1778" s="119"/>
      <c r="AA1778" s="119"/>
      <c r="AB1778" s="119"/>
      <c r="AC1778" s="119"/>
      <c r="AD1778" s="119"/>
      <c r="AE1778" s="119"/>
      <c r="AF1778" s="119"/>
      <c r="AG1778" s="119"/>
      <c r="AH1778" s="119"/>
      <c r="AI1778" s="119"/>
      <c r="AJ1778" s="119"/>
      <c r="AK1778" s="119"/>
      <c r="AL1778" s="119"/>
      <c r="AM1778" s="119"/>
      <c r="AN1778" s="119"/>
      <c r="AO1778" s="119"/>
      <c r="AP1778" s="119"/>
      <c r="AQ1778" s="119"/>
      <c r="AR1778" s="119"/>
      <c r="AS1778" s="119"/>
      <c r="AT1778" s="119"/>
      <c r="AU1778" s="119"/>
      <c r="AV1778" s="119"/>
      <c r="AW1778" s="119"/>
      <c r="AX1778" s="119"/>
      <c r="AY1778" s="119"/>
      <c r="AZ1778" s="119"/>
      <c r="BA1778" s="119"/>
      <c r="BB1778" s="107">
        <v>45884</v>
      </c>
    </row>
    <row r="1779" spans="1:54" s="207" customFormat="1" ht="13.95" customHeight="1" x14ac:dyDescent="0.25">
      <c r="A1779" s="208" t="s">
        <v>4279</v>
      </c>
      <c r="B1779" s="209" t="s">
        <v>20420</v>
      </c>
      <c r="C1779" s="113" t="s">
        <v>4280</v>
      </c>
      <c r="D1779" s="113" t="s">
        <v>23489</v>
      </c>
      <c r="E1779" s="210">
        <v>1996</v>
      </c>
      <c r="F1779" s="210">
        <v>2320</v>
      </c>
      <c r="G1779" s="113" t="s">
        <v>1</v>
      </c>
      <c r="H1779" s="113">
        <v>0</v>
      </c>
      <c r="I1779" s="113">
        <v>0</v>
      </c>
      <c r="J1779" s="115">
        <v>1</v>
      </c>
      <c r="K1779" s="211">
        <v>1</v>
      </c>
      <c r="L1779" s="115">
        <v>1</v>
      </c>
      <c r="M1779" s="115">
        <v>1</v>
      </c>
      <c r="N1779" s="115">
        <v>0</v>
      </c>
      <c r="O1779" s="115">
        <v>1</v>
      </c>
      <c r="P1779" s="115" t="s">
        <v>400</v>
      </c>
      <c r="Q1779" s="115" t="s">
        <v>400</v>
      </c>
      <c r="R1779" s="115">
        <v>1</v>
      </c>
      <c r="S1779" s="115">
        <v>0</v>
      </c>
      <c r="T1779" s="115">
        <v>0</v>
      </c>
      <c r="U1779" s="119"/>
      <c r="V1779" s="119"/>
      <c r="W1779" s="119"/>
      <c r="X1779" s="119"/>
      <c r="Y1779" s="119"/>
      <c r="Z1779" s="119"/>
      <c r="AA1779" s="119"/>
      <c r="AB1779" s="119"/>
      <c r="AC1779" s="119"/>
      <c r="AD1779" s="119"/>
      <c r="AE1779" s="119"/>
      <c r="AF1779" s="119"/>
      <c r="AG1779" s="119"/>
      <c r="AH1779" s="119"/>
      <c r="AI1779" s="119"/>
      <c r="AJ1779" s="119"/>
      <c r="AK1779" s="119"/>
      <c r="AL1779" s="119"/>
      <c r="AM1779" s="119"/>
      <c r="AN1779" s="119"/>
      <c r="AO1779" s="119"/>
      <c r="AP1779" s="119"/>
      <c r="AQ1779" s="119"/>
      <c r="AR1779" s="119"/>
      <c r="AS1779" s="119"/>
      <c r="AT1779" s="119"/>
      <c r="AU1779" s="119"/>
      <c r="AV1779" s="119"/>
      <c r="AW1779" s="119"/>
      <c r="AX1779" s="119"/>
      <c r="AY1779" s="119"/>
      <c r="AZ1779" s="119"/>
      <c r="BA1779" s="119"/>
      <c r="BB1779" s="107">
        <v>45884</v>
      </c>
    </row>
    <row r="1780" spans="1:54" s="207" customFormat="1" ht="13.95" customHeight="1" x14ac:dyDescent="0.25">
      <c r="A1780" s="208" t="s">
        <v>4281</v>
      </c>
      <c r="B1780" s="209" t="s">
        <v>20420</v>
      </c>
      <c r="C1780" s="113" t="s">
        <v>4282</v>
      </c>
      <c r="D1780" s="113" t="s">
        <v>23490</v>
      </c>
      <c r="E1780" s="210">
        <v>2002</v>
      </c>
      <c r="F1780" s="210">
        <v>2320</v>
      </c>
      <c r="G1780" s="113" t="s">
        <v>1</v>
      </c>
      <c r="H1780" s="113">
        <v>0</v>
      </c>
      <c r="I1780" s="113">
        <v>0</v>
      </c>
      <c r="J1780" s="115">
        <v>1</v>
      </c>
      <c r="K1780" s="116" t="s">
        <v>174</v>
      </c>
      <c r="L1780" s="115">
        <v>1</v>
      </c>
      <c r="M1780" s="115">
        <v>0</v>
      </c>
      <c r="N1780" s="115">
        <v>1</v>
      </c>
      <c r="O1780" s="115">
        <v>1</v>
      </c>
      <c r="P1780" s="115">
        <v>1</v>
      </c>
      <c r="Q1780" s="115" t="s">
        <v>400</v>
      </c>
      <c r="R1780" s="115">
        <v>1</v>
      </c>
      <c r="S1780" s="115">
        <v>0</v>
      </c>
      <c r="T1780" s="115">
        <v>0</v>
      </c>
      <c r="U1780" s="119"/>
      <c r="V1780" s="119"/>
      <c r="W1780" s="119"/>
      <c r="X1780" s="119"/>
      <c r="Y1780" s="119"/>
      <c r="Z1780" s="119"/>
      <c r="AA1780" s="119"/>
      <c r="AB1780" s="119"/>
      <c r="AC1780" s="119"/>
      <c r="AD1780" s="119"/>
      <c r="AE1780" s="119"/>
      <c r="AF1780" s="119"/>
      <c r="AG1780" s="119"/>
      <c r="AH1780" s="119"/>
      <c r="AI1780" s="119"/>
      <c r="AJ1780" s="119"/>
      <c r="AK1780" s="119"/>
      <c r="AL1780" s="119"/>
      <c r="AM1780" s="119"/>
      <c r="AN1780" s="119"/>
      <c r="AO1780" s="119"/>
      <c r="AP1780" s="119"/>
      <c r="AQ1780" s="119"/>
      <c r="AR1780" s="119"/>
      <c r="AS1780" s="119"/>
      <c r="AT1780" s="119"/>
      <c r="AU1780" s="119"/>
      <c r="AV1780" s="119"/>
      <c r="AW1780" s="119"/>
      <c r="AX1780" s="119"/>
      <c r="AY1780" s="119"/>
      <c r="AZ1780" s="119"/>
      <c r="BA1780" s="119"/>
      <c r="BB1780" s="107">
        <v>45884</v>
      </c>
    </row>
    <row r="1781" spans="1:54" s="207" customFormat="1" ht="13.95" customHeight="1" x14ac:dyDescent="0.25">
      <c r="A1781" s="208" t="s">
        <v>4283</v>
      </c>
      <c r="B1781" s="209" t="s">
        <v>20420</v>
      </c>
      <c r="C1781" s="113" t="s">
        <v>4284</v>
      </c>
      <c r="D1781" s="113" t="s">
        <v>23491</v>
      </c>
      <c r="E1781" s="210">
        <v>1988</v>
      </c>
      <c r="F1781" s="210">
        <v>2325</v>
      </c>
      <c r="G1781" s="113" t="s">
        <v>1</v>
      </c>
      <c r="H1781" s="113">
        <v>0</v>
      </c>
      <c r="I1781" s="113">
        <v>0</v>
      </c>
      <c r="J1781" s="115">
        <v>1</v>
      </c>
      <c r="K1781" s="211">
        <v>1</v>
      </c>
      <c r="L1781" s="115">
        <v>1</v>
      </c>
      <c r="M1781" s="115">
        <v>0</v>
      </c>
      <c r="N1781" s="115">
        <v>0</v>
      </c>
      <c r="O1781" s="115">
        <v>1</v>
      </c>
      <c r="P1781" s="115">
        <v>1</v>
      </c>
      <c r="Q1781" s="115">
        <v>1</v>
      </c>
      <c r="R1781" s="115">
        <v>1</v>
      </c>
      <c r="S1781" s="115">
        <v>0</v>
      </c>
      <c r="T1781" s="115">
        <v>0</v>
      </c>
      <c r="U1781" s="119"/>
      <c r="V1781" s="119"/>
      <c r="W1781" s="119"/>
      <c r="X1781" s="119"/>
      <c r="Y1781" s="119"/>
      <c r="Z1781" s="119"/>
      <c r="AA1781" s="119"/>
      <c r="AB1781" s="119"/>
      <c r="AC1781" s="119"/>
      <c r="AD1781" s="119"/>
      <c r="AE1781" s="119"/>
      <c r="AF1781" s="119"/>
      <c r="AG1781" s="119"/>
      <c r="AH1781" s="119"/>
      <c r="AI1781" s="119"/>
      <c r="AJ1781" s="119"/>
      <c r="AK1781" s="119"/>
      <c r="AL1781" s="119"/>
      <c r="AM1781" s="119"/>
      <c r="AN1781" s="119"/>
      <c r="AO1781" s="119"/>
      <c r="AP1781" s="119"/>
      <c r="AQ1781" s="119"/>
      <c r="AR1781" s="119"/>
      <c r="AS1781" s="119"/>
      <c r="AT1781" s="119"/>
      <c r="AU1781" s="119"/>
      <c r="AV1781" s="119"/>
      <c r="AW1781" s="119"/>
      <c r="AX1781" s="119"/>
      <c r="AY1781" s="119"/>
      <c r="AZ1781" s="119"/>
      <c r="BA1781" s="119"/>
      <c r="BB1781" s="107">
        <v>45884</v>
      </c>
    </row>
    <row r="1782" spans="1:54" s="207" customFormat="1" ht="13.95" customHeight="1" x14ac:dyDescent="0.25">
      <c r="A1782" s="208" t="s">
        <v>4285</v>
      </c>
      <c r="B1782" s="209" t="s">
        <v>20420</v>
      </c>
      <c r="C1782" s="113" t="s">
        <v>4286</v>
      </c>
      <c r="D1782" s="113" t="s">
        <v>23492</v>
      </c>
      <c r="E1782" s="210">
        <v>1986</v>
      </c>
      <c r="F1782" s="210">
        <v>2330</v>
      </c>
      <c r="G1782" s="113" t="s">
        <v>1</v>
      </c>
      <c r="H1782" s="113">
        <v>0</v>
      </c>
      <c r="I1782" s="113">
        <v>0</v>
      </c>
      <c r="J1782" s="115">
        <v>1</v>
      </c>
      <c r="K1782" s="211">
        <v>1</v>
      </c>
      <c r="L1782" s="115">
        <v>1</v>
      </c>
      <c r="M1782" s="115">
        <v>0</v>
      </c>
      <c r="N1782" s="115">
        <v>0</v>
      </c>
      <c r="O1782" s="115">
        <v>1</v>
      </c>
      <c r="P1782" s="115">
        <v>1</v>
      </c>
      <c r="Q1782" s="115" t="s">
        <v>400</v>
      </c>
      <c r="R1782" s="115">
        <v>1</v>
      </c>
      <c r="S1782" s="115">
        <v>0</v>
      </c>
      <c r="T1782" s="115">
        <v>0</v>
      </c>
      <c r="U1782" s="119"/>
      <c r="V1782" s="119"/>
      <c r="W1782" s="119"/>
      <c r="X1782" s="119"/>
      <c r="Y1782" s="119"/>
      <c r="Z1782" s="119"/>
      <c r="AA1782" s="119"/>
      <c r="AB1782" s="119"/>
      <c r="AC1782" s="119"/>
      <c r="AD1782" s="119"/>
      <c r="AE1782" s="119"/>
      <c r="AF1782" s="119"/>
      <c r="AG1782" s="119"/>
      <c r="AH1782" s="119"/>
      <c r="AI1782" s="119"/>
      <c r="AJ1782" s="119"/>
      <c r="AK1782" s="119"/>
      <c r="AL1782" s="119"/>
      <c r="AM1782" s="119"/>
      <c r="AN1782" s="119"/>
      <c r="AO1782" s="119"/>
      <c r="AP1782" s="119"/>
      <c r="AQ1782" s="119"/>
      <c r="AR1782" s="119"/>
      <c r="AS1782" s="119"/>
      <c r="AT1782" s="119"/>
      <c r="AU1782" s="119"/>
      <c r="AV1782" s="119"/>
      <c r="AW1782" s="119"/>
      <c r="AX1782" s="119"/>
      <c r="AY1782" s="119"/>
      <c r="AZ1782" s="119"/>
      <c r="BA1782" s="119"/>
      <c r="BB1782" s="107">
        <v>45884</v>
      </c>
    </row>
    <row r="1783" spans="1:54" s="207" customFormat="1" ht="13.95" customHeight="1" x14ac:dyDescent="0.25">
      <c r="A1783" s="208" t="s">
        <v>4287</v>
      </c>
      <c r="B1783" s="209" t="s">
        <v>20420</v>
      </c>
      <c r="C1783" s="113" t="s">
        <v>4288</v>
      </c>
      <c r="D1783" s="113" t="s">
        <v>23493</v>
      </c>
      <c r="E1783" s="210">
        <v>1978</v>
      </c>
      <c r="F1783" s="210">
        <v>2333</v>
      </c>
      <c r="G1783" s="113" t="s">
        <v>1</v>
      </c>
      <c r="H1783" s="113">
        <v>0</v>
      </c>
      <c r="I1783" s="113">
        <v>0</v>
      </c>
      <c r="J1783" s="115">
        <v>1</v>
      </c>
      <c r="K1783" s="211">
        <v>1</v>
      </c>
      <c r="L1783" s="115">
        <v>1</v>
      </c>
      <c r="M1783" s="115">
        <v>1</v>
      </c>
      <c r="N1783" s="115">
        <v>0</v>
      </c>
      <c r="O1783" s="115">
        <v>1</v>
      </c>
      <c r="P1783" s="115" t="s">
        <v>400</v>
      </c>
      <c r="Q1783" s="115" t="s">
        <v>400</v>
      </c>
      <c r="R1783" s="115">
        <v>1</v>
      </c>
      <c r="S1783" s="115">
        <v>0</v>
      </c>
      <c r="T1783" s="115">
        <v>0</v>
      </c>
      <c r="U1783" s="119"/>
      <c r="V1783" s="119"/>
      <c r="W1783" s="119"/>
      <c r="X1783" s="119"/>
      <c r="Y1783" s="119"/>
      <c r="Z1783" s="119"/>
      <c r="AA1783" s="119"/>
      <c r="AB1783" s="119"/>
      <c r="AC1783" s="119"/>
      <c r="AD1783" s="119"/>
      <c r="AE1783" s="119"/>
      <c r="AF1783" s="119"/>
      <c r="AG1783" s="119"/>
      <c r="AH1783" s="119"/>
      <c r="AI1783" s="119"/>
      <c r="AJ1783" s="119"/>
      <c r="AK1783" s="119"/>
      <c r="AL1783" s="119"/>
      <c r="AM1783" s="119"/>
      <c r="AN1783" s="119"/>
      <c r="AO1783" s="119"/>
      <c r="AP1783" s="119"/>
      <c r="AQ1783" s="119"/>
      <c r="AR1783" s="119"/>
      <c r="AS1783" s="119"/>
      <c r="AT1783" s="119"/>
      <c r="AU1783" s="119"/>
      <c r="AV1783" s="119"/>
      <c r="AW1783" s="119"/>
      <c r="AX1783" s="119"/>
      <c r="AY1783" s="119"/>
      <c r="AZ1783" s="119"/>
      <c r="BA1783" s="119"/>
      <c r="BB1783" s="107">
        <v>45884</v>
      </c>
    </row>
    <row r="1784" spans="1:54" s="207" customFormat="1" ht="13.95" customHeight="1" x14ac:dyDescent="0.25">
      <c r="A1784" s="208" t="s">
        <v>4289</v>
      </c>
      <c r="B1784" s="209" t="s">
        <v>20420</v>
      </c>
      <c r="C1784" s="113" t="s">
        <v>4290</v>
      </c>
      <c r="D1784" s="113" t="s">
        <v>23494</v>
      </c>
      <c r="E1784" s="210">
        <v>1975</v>
      </c>
      <c r="F1784" s="210">
        <v>2336</v>
      </c>
      <c r="G1784" s="113" t="s">
        <v>1</v>
      </c>
      <c r="H1784" s="113">
        <v>0</v>
      </c>
      <c r="I1784" s="113">
        <v>0</v>
      </c>
      <c r="J1784" s="115">
        <v>1</v>
      </c>
      <c r="K1784" s="116" t="s">
        <v>174</v>
      </c>
      <c r="L1784" s="115">
        <v>1</v>
      </c>
      <c r="M1784" s="115">
        <v>1</v>
      </c>
      <c r="N1784" s="115">
        <v>0</v>
      </c>
      <c r="O1784" s="115">
        <v>1</v>
      </c>
      <c r="P1784" s="115" t="s">
        <v>400</v>
      </c>
      <c r="Q1784" s="115" t="s">
        <v>400</v>
      </c>
      <c r="R1784" s="115">
        <v>1</v>
      </c>
      <c r="S1784" s="115">
        <v>0</v>
      </c>
      <c r="T1784" s="115">
        <v>0</v>
      </c>
      <c r="U1784" s="119"/>
      <c r="V1784" s="119"/>
      <c r="W1784" s="119"/>
      <c r="X1784" s="119"/>
      <c r="Y1784" s="119"/>
      <c r="Z1784" s="119"/>
      <c r="AA1784" s="119"/>
      <c r="AB1784" s="119"/>
      <c r="AC1784" s="119"/>
      <c r="AD1784" s="119"/>
      <c r="AE1784" s="119"/>
      <c r="AF1784" s="119"/>
      <c r="AG1784" s="119"/>
      <c r="AH1784" s="119"/>
      <c r="AI1784" s="119"/>
      <c r="AJ1784" s="119"/>
      <c r="AK1784" s="119"/>
      <c r="AL1784" s="119"/>
      <c r="AM1784" s="119"/>
      <c r="AN1784" s="119"/>
      <c r="AO1784" s="119"/>
      <c r="AP1784" s="119"/>
      <c r="AQ1784" s="119"/>
      <c r="AR1784" s="119"/>
      <c r="AS1784" s="119"/>
      <c r="AT1784" s="119"/>
      <c r="AU1784" s="119"/>
      <c r="AV1784" s="119"/>
      <c r="AW1784" s="119"/>
      <c r="AX1784" s="119"/>
      <c r="AY1784" s="119"/>
      <c r="AZ1784" s="119"/>
      <c r="BA1784" s="119"/>
      <c r="BB1784" s="107">
        <v>45884</v>
      </c>
    </row>
    <row r="1785" spans="1:54" s="207" customFormat="1" ht="13.95" customHeight="1" x14ac:dyDescent="0.25">
      <c r="A1785" s="208" t="s">
        <v>4291</v>
      </c>
      <c r="B1785" s="209" t="s">
        <v>20420</v>
      </c>
      <c r="C1785" s="113" t="s">
        <v>4292</v>
      </c>
      <c r="D1785" s="113" t="s">
        <v>4293</v>
      </c>
      <c r="E1785" s="210">
        <v>1975</v>
      </c>
      <c r="F1785" s="210">
        <v>2337</v>
      </c>
      <c r="G1785" s="113" t="s">
        <v>1</v>
      </c>
      <c r="H1785" s="113">
        <v>0</v>
      </c>
      <c r="I1785" s="113">
        <v>0</v>
      </c>
      <c r="J1785" s="115">
        <v>1</v>
      </c>
      <c r="K1785" s="211">
        <v>1</v>
      </c>
      <c r="L1785" s="115">
        <v>1</v>
      </c>
      <c r="M1785" s="115">
        <v>1</v>
      </c>
      <c r="N1785" s="115">
        <v>1</v>
      </c>
      <c r="O1785" s="115">
        <v>1</v>
      </c>
      <c r="P1785" s="115" t="s">
        <v>400</v>
      </c>
      <c r="Q1785" s="115">
        <v>1</v>
      </c>
      <c r="R1785" s="115">
        <v>0</v>
      </c>
      <c r="S1785" s="115">
        <v>0</v>
      </c>
      <c r="T1785" s="115">
        <v>0</v>
      </c>
      <c r="U1785" s="119"/>
      <c r="V1785" s="119"/>
      <c r="W1785" s="119"/>
      <c r="X1785" s="119"/>
      <c r="Y1785" s="119"/>
      <c r="Z1785" s="119"/>
      <c r="AA1785" s="119"/>
      <c r="AB1785" s="119"/>
      <c r="AC1785" s="119"/>
      <c r="AD1785" s="119"/>
      <c r="AE1785" s="119"/>
      <c r="AF1785" s="119"/>
      <c r="AG1785" s="119"/>
      <c r="AH1785" s="119"/>
      <c r="AI1785" s="119"/>
      <c r="AJ1785" s="119"/>
      <c r="AK1785" s="119"/>
      <c r="AL1785" s="119"/>
      <c r="AM1785" s="119"/>
      <c r="AN1785" s="119"/>
      <c r="AO1785" s="119"/>
      <c r="AP1785" s="119"/>
      <c r="AQ1785" s="119"/>
      <c r="AR1785" s="119"/>
      <c r="AS1785" s="119"/>
      <c r="AT1785" s="119"/>
      <c r="AU1785" s="119"/>
      <c r="AV1785" s="119"/>
      <c r="AW1785" s="119"/>
      <c r="AX1785" s="119"/>
      <c r="AY1785" s="119"/>
      <c r="AZ1785" s="119"/>
      <c r="BA1785" s="119"/>
      <c r="BB1785" s="107">
        <v>45884</v>
      </c>
    </row>
    <row r="1786" spans="1:54" s="207" customFormat="1" ht="13.95" customHeight="1" x14ac:dyDescent="0.25">
      <c r="A1786" s="208" t="s">
        <v>4294</v>
      </c>
      <c r="B1786" s="209" t="s">
        <v>20420</v>
      </c>
      <c r="C1786" s="113" t="s">
        <v>4295</v>
      </c>
      <c r="D1786" s="113" t="s">
        <v>4296</v>
      </c>
      <c r="E1786" s="210">
        <v>1959</v>
      </c>
      <c r="F1786" s="210">
        <v>2340</v>
      </c>
      <c r="G1786" s="113" t="s">
        <v>1</v>
      </c>
      <c r="H1786" s="113">
        <v>0</v>
      </c>
      <c r="I1786" s="113">
        <v>0</v>
      </c>
      <c r="J1786" s="115">
        <v>1</v>
      </c>
      <c r="K1786" s="116" t="s">
        <v>174</v>
      </c>
      <c r="L1786" s="115">
        <v>1</v>
      </c>
      <c r="M1786" s="115">
        <v>0</v>
      </c>
      <c r="N1786" s="115">
        <v>0</v>
      </c>
      <c r="O1786" s="115">
        <v>1</v>
      </c>
      <c r="P1786" s="115">
        <v>1</v>
      </c>
      <c r="Q1786" s="115">
        <v>1</v>
      </c>
      <c r="R1786" s="115">
        <v>1</v>
      </c>
      <c r="S1786" s="115">
        <v>0</v>
      </c>
      <c r="T1786" s="115">
        <v>0</v>
      </c>
      <c r="U1786" s="119"/>
      <c r="V1786" s="119"/>
      <c r="W1786" s="119"/>
      <c r="X1786" s="119"/>
      <c r="Y1786" s="119"/>
      <c r="Z1786" s="119"/>
      <c r="AA1786" s="119"/>
      <c r="AB1786" s="119"/>
      <c r="AC1786" s="119"/>
      <c r="AD1786" s="119"/>
      <c r="AE1786" s="119"/>
      <c r="AF1786" s="119"/>
      <c r="AG1786" s="119"/>
      <c r="AH1786" s="119"/>
      <c r="AI1786" s="119"/>
      <c r="AJ1786" s="119"/>
      <c r="AK1786" s="119"/>
      <c r="AL1786" s="119"/>
      <c r="AM1786" s="119"/>
      <c r="AN1786" s="119"/>
      <c r="AO1786" s="119"/>
      <c r="AP1786" s="119"/>
      <c r="AQ1786" s="119"/>
      <c r="AR1786" s="119"/>
      <c r="AS1786" s="119"/>
      <c r="AT1786" s="119"/>
      <c r="AU1786" s="119"/>
      <c r="AV1786" s="119"/>
      <c r="AW1786" s="119"/>
      <c r="AX1786" s="119"/>
      <c r="AY1786" s="119"/>
      <c r="AZ1786" s="119"/>
      <c r="BA1786" s="119"/>
      <c r="BB1786" s="107">
        <v>45884</v>
      </c>
    </row>
    <row r="1787" spans="1:54" s="207" customFormat="1" ht="13.95" customHeight="1" x14ac:dyDescent="0.25">
      <c r="A1787" s="208" t="s">
        <v>4297</v>
      </c>
      <c r="B1787" s="209" t="s">
        <v>20420</v>
      </c>
      <c r="C1787" s="113" t="s">
        <v>4298</v>
      </c>
      <c r="D1787" s="113" t="s">
        <v>23495</v>
      </c>
      <c r="E1787" s="210">
        <v>1975</v>
      </c>
      <c r="F1787" s="210">
        <v>2341</v>
      </c>
      <c r="G1787" s="113" t="s">
        <v>1</v>
      </c>
      <c r="H1787" s="113">
        <v>0</v>
      </c>
      <c r="I1787" s="113">
        <v>0</v>
      </c>
      <c r="J1787" s="115">
        <v>1</v>
      </c>
      <c r="K1787" s="116" t="s">
        <v>174</v>
      </c>
      <c r="L1787" s="115">
        <v>1</v>
      </c>
      <c r="M1787" s="115">
        <v>1</v>
      </c>
      <c r="N1787" s="115">
        <v>0</v>
      </c>
      <c r="O1787" s="115">
        <v>1</v>
      </c>
      <c r="P1787" s="115" t="s">
        <v>400</v>
      </c>
      <c r="Q1787" s="115" t="s">
        <v>400</v>
      </c>
      <c r="R1787" s="115">
        <v>1</v>
      </c>
      <c r="S1787" s="115">
        <v>0</v>
      </c>
      <c r="T1787" s="115">
        <v>0</v>
      </c>
      <c r="U1787" s="119"/>
      <c r="V1787" s="119"/>
      <c r="W1787" s="119"/>
      <c r="X1787" s="119"/>
      <c r="Y1787" s="119"/>
      <c r="Z1787" s="119"/>
      <c r="AA1787" s="119"/>
      <c r="AB1787" s="119"/>
      <c r="AC1787" s="119"/>
      <c r="AD1787" s="119"/>
      <c r="AE1787" s="119"/>
      <c r="AF1787" s="119"/>
      <c r="AG1787" s="119"/>
      <c r="AH1787" s="119"/>
      <c r="AI1787" s="119"/>
      <c r="AJ1787" s="119"/>
      <c r="AK1787" s="119"/>
      <c r="AL1787" s="119"/>
      <c r="AM1787" s="119"/>
      <c r="AN1787" s="119"/>
      <c r="AO1787" s="119"/>
      <c r="AP1787" s="119"/>
      <c r="AQ1787" s="119"/>
      <c r="AR1787" s="119"/>
      <c r="AS1787" s="119"/>
      <c r="AT1787" s="119"/>
      <c r="AU1787" s="119"/>
      <c r="AV1787" s="119"/>
      <c r="AW1787" s="119"/>
      <c r="AX1787" s="119"/>
      <c r="AY1787" s="119"/>
      <c r="AZ1787" s="119"/>
      <c r="BA1787" s="119"/>
      <c r="BB1787" s="107">
        <v>45884</v>
      </c>
    </row>
    <row r="1788" spans="1:54" s="207" customFormat="1" ht="13.95" customHeight="1" x14ac:dyDescent="0.25">
      <c r="A1788" s="208" t="s">
        <v>4299</v>
      </c>
      <c r="B1788" s="209" t="s">
        <v>20420</v>
      </c>
      <c r="C1788" s="113" t="s">
        <v>4300</v>
      </c>
      <c r="D1788" s="113" t="s">
        <v>23496</v>
      </c>
      <c r="E1788" s="210">
        <v>1987</v>
      </c>
      <c r="F1788" s="210">
        <v>2341</v>
      </c>
      <c r="G1788" s="113" t="s">
        <v>1</v>
      </c>
      <c r="H1788" s="113">
        <v>0</v>
      </c>
      <c r="I1788" s="113">
        <v>0</v>
      </c>
      <c r="J1788" s="115">
        <v>1</v>
      </c>
      <c r="K1788" s="116" t="s">
        <v>174</v>
      </c>
      <c r="L1788" s="115">
        <v>1</v>
      </c>
      <c r="M1788" s="115">
        <v>0</v>
      </c>
      <c r="N1788" s="115">
        <v>0</v>
      </c>
      <c r="O1788" s="115">
        <v>1</v>
      </c>
      <c r="P1788" s="115">
        <v>1</v>
      </c>
      <c r="Q1788" s="115" t="s">
        <v>400</v>
      </c>
      <c r="R1788" s="115">
        <v>1</v>
      </c>
      <c r="S1788" s="115">
        <v>0</v>
      </c>
      <c r="T1788" s="115">
        <v>0</v>
      </c>
      <c r="U1788" s="119"/>
      <c r="V1788" s="119"/>
      <c r="W1788" s="119"/>
      <c r="X1788" s="119"/>
      <c r="Y1788" s="119"/>
      <c r="Z1788" s="119"/>
      <c r="AA1788" s="119"/>
      <c r="AB1788" s="119"/>
      <c r="AC1788" s="119"/>
      <c r="AD1788" s="119"/>
      <c r="AE1788" s="119"/>
      <c r="AF1788" s="119"/>
      <c r="AG1788" s="119"/>
      <c r="AH1788" s="119"/>
      <c r="AI1788" s="119"/>
      <c r="AJ1788" s="119"/>
      <c r="AK1788" s="119"/>
      <c r="AL1788" s="119"/>
      <c r="AM1788" s="119"/>
      <c r="AN1788" s="119"/>
      <c r="AO1788" s="119"/>
      <c r="AP1788" s="119"/>
      <c r="AQ1788" s="119"/>
      <c r="AR1788" s="119"/>
      <c r="AS1788" s="119"/>
      <c r="AT1788" s="119"/>
      <c r="AU1788" s="119"/>
      <c r="AV1788" s="119"/>
      <c r="AW1788" s="119"/>
      <c r="AX1788" s="119"/>
      <c r="AY1788" s="119"/>
      <c r="AZ1788" s="119"/>
      <c r="BA1788" s="119"/>
      <c r="BB1788" s="107">
        <v>45884</v>
      </c>
    </row>
    <row r="1789" spans="1:54" s="207" customFormat="1" ht="13.95" customHeight="1" x14ac:dyDescent="0.25">
      <c r="A1789" s="208" t="s">
        <v>4301</v>
      </c>
      <c r="B1789" s="209" t="s">
        <v>20420</v>
      </c>
      <c r="C1789" s="113" t="s">
        <v>4302</v>
      </c>
      <c r="D1789" s="113" t="s">
        <v>23497</v>
      </c>
      <c r="E1789" s="210">
        <v>1986</v>
      </c>
      <c r="F1789" s="210">
        <v>2343</v>
      </c>
      <c r="G1789" s="113" t="s">
        <v>1</v>
      </c>
      <c r="H1789" s="113">
        <v>0</v>
      </c>
      <c r="I1789" s="113">
        <v>0</v>
      </c>
      <c r="J1789" s="115">
        <v>1</v>
      </c>
      <c r="K1789" s="116" t="s">
        <v>174</v>
      </c>
      <c r="L1789" s="115">
        <v>1</v>
      </c>
      <c r="M1789" s="115">
        <v>0</v>
      </c>
      <c r="N1789" s="115">
        <v>0</v>
      </c>
      <c r="O1789" s="115">
        <v>1</v>
      </c>
      <c r="P1789" s="115" t="s">
        <v>400</v>
      </c>
      <c r="Q1789" s="115" t="s">
        <v>400</v>
      </c>
      <c r="R1789" s="115">
        <v>1</v>
      </c>
      <c r="S1789" s="115">
        <v>0</v>
      </c>
      <c r="T1789" s="115">
        <v>0</v>
      </c>
      <c r="U1789" s="119"/>
      <c r="V1789" s="119"/>
      <c r="W1789" s="119"/>
      <c r="X1789" s="119"/>
      <c r="Y1789" s="119"/>
      <c r="Z1789" s="119"/>
      <c r="AA1789" s="119"/>
      <c r="AB1789" s="119"/>
      <c r="AC1789" s="119"/>
      <c r="AD1789" s="119"/>
      <c r="AE1789" s="119"/>
      <c r="AF1789" s="119"/>
      <c r="AG1789" s="119"/>
      <c r="AH1789" s="119"/>
      <c r="AI1789" s="119"/>
      <c r="AJ1789" s="119"/>
      <c r="AK1789" s="119"/>
      <c r="AL1789" s="119"/>
      <c r="AM1789" s="119"/>
      <c r="AN1789" s="119"/>
      <c r="AO1789" s="119"/>
      <c r="AP1789" s="119"/>
      <c r="AQ1789" s="119"/>
      <c r="AR1789" s="119"/>
      <c r="AS1789" s="119"/>
      <c r="AT1789" s="119"/>
      <c r="AU1789" s="119"/>
      <c r="AV1789" s="119"/>
      <c r="AW1789" s="119"/>
      <c r="AX1789" s="119"/>
      <c r="AY1789" s="119"/>
      <c r="AZ1789" s="119"/>
      <c r="BA1789" s="119"/>
      <c r="BB1789" s="107">
        <v>45884</v>
      </c>
    </row>
    <row r="1790" spans="1:54" s="207" customFormat="1" ht="13.95" customHeight="1" x14ac:dyDescent="0.25">
      <c r="A1790" s="208" t="s">
        <v>4303</v>
      </c>
      <c r="B1790" s="209" t="s">
        <v>20420</v>
      </c>
      <c r="C1790" s="113" t="s">
        <v>4304</v>
      </c>
      <c r="D1790" s="113" t="s">
        <v>23498</v>
      </c>
      <c r="E1790" s="210">
        <v>1987</v>
      </c>
      <c r="F1790" s="210">
        <v>2344</v>
      </c>
      <c r="G1790" s="113" t="s">
        <v>1</v>
      </c>
      <c r="H1790" s="113">
        <v>0</v>
      </c>
      <c r="I1790" s="113">
        <v>0</v>
      </c>
      <c r="J1790" s="115">
        <v>1</v>
      </c>
      <c r="K1790" s="116" t="s">
        <v>174</v>
      </c>
      <c r="L1790" s="115">
        <v>1</v>
      </c>
      <c r="M1790" s="115">
        <v>0</v>
      </c>
      <c r="N1790" s="115">
        <v>0</v>
      </c>
      <c r="O1790" s="115">
        <v>1</v>
      </c>
      <c r="P1790" s="115">
        <v>1</v>
      </c>
      <c r="Q1790" s="115" t="s">
        <v>400</v>
      </c>
      <c r="R1790" s="115">
        <v>1</v>
      </c>
      <c r="S1790" s="115">
        <v>0</v>
      </c>
      <c r="T1790" s="115">
        <v>0</v>
      </c>
      <c r="U1790" s="119"/>
      <c r="V1790" s="119"/>
      <c r="W1790" s="119"/>
      <c r="X1790" s="119"/>
      <c r="Y1790" s="119"/>
      <c r="Z1790" s="119"/>
      <c r="AA1790" s="119"/>
      <c r="AB1790" s="119"/>
      <c r="AC1790" s="119"/>
      <c r="AD1790" s="119"/>
      <c r="AE1790" s="119"/>
      <c r="AF1790" s="119"/>
      <c r="AG1790" s="119"/>
      <c r="AH1790" s="119"/>
      <c r="AI1790" s="119"/>
      <c r="AJ1790" s="119"/>
      <c r="AK1790" s="119"/>
      <c r="AL1790" s="119"/>
      <c r="AM1790" s="119"/>
      <c r="AN1790" s="119"/>
      <c r="AO1790" s="119"/>
      <c r="AP1790" s="119"/>
      <c r="AQ1790" s="119"/>
      <c r="AR1790" s="119"/>
      <c r="AS1790" s="119"/>
      <c r="AT1790" s="119"/>
      <c r="AU1790" s="119"/>
      <c r="AV1790" s="119"/>
      <c r="AW1790" s="119"/>
      <c r="AX1790" s="119"/>
      <c r="AY1790" s="119"/>
      <c r="AZ1790" s="119"/>
      <c r="BA1790" s="119"/>
      <c r="BB1790" s="107">
        <v>45884</v>
      </c>
    </row>
    <row r="1791" spans="1:54" s="207" customFormat="1" ht="13.95" customHeight="1" x14ac:dyDescent="0.25">
      <c r="A1791" s="208" t="s">
        <v>4305</v>
      </c>
      <c r="B1791" s="209" t="s">
        <v>20420</v>
      </c>
      <c r="C1791" s="113" t="s">
        <v>4306</v>
      </c>
      <c r="D1791" s="113" t="s">
        <v>23499</v>
      </c>
      <c r="E1791" s="210">
        <v>1967</v>
      </c>
      <c r="F1791" s="210">
        <v>2347</v>
      </c>
      <c r="G1791" s="113" t="s">
        <v>1</v>
      </c>
      <c r="H1791" s="113">
        <v>1</v>
      </c>
      <c r="I1791" s="113">
        <v>1</v>
      </c>
      <c r="J1791" s="115">
        <v>1</v>
      </c>
      <c r="K1791" s="116" t="s">
        <v>174</v>
      </c>
      <c r="L1791" s="115">
        <v>1</v>
      </c>
      <c r="M1791" s="115">
        <v>1</v>
      </c>
      <c r="N1791" s="115">
        <v>0</v>
      </c>
      <c r="O1791" s="115">
        <v>1</v>
      </c>
      <c r="P1791" s="115">
        <v>1</v>
      </c>
      <c r="Q1791" s="115" t="s">
        <v>400</v>
      </c>
      <c r="R1791" s="115">
        <v>1</v>
      </c>
      <c r="S1791" s="115">
        <v>0</v>
      </c>
      <c r="T1791" s="115">
        <v>0</v>
      </c>
      <c r="U1791" s="119"/>
      <c r="V1791" s="119"/>
      <c r="W1791" s="119"/>
      <c r="X1791" s="119"/>
      <c r="Y1791" s="119"/>
      <c r="Z1791" s="119"/>
      <c r="AA1791" s="119"/>
      <c r="AB1791" s="119"/>
      <c r="AC1791" s="119"/>
      <c r="AD1791" s="119"/>
      <c r="AE1791" s="119"/>
      <c r="AF1791" s="119"/>
      <c r="AG1791" s="119"/>
      <c r="AH1791" s="119"/>
      <c r="AI1791" s="119"/>
      <c r="AJ1791" s="119"/>
      <c r="AK1791" s="119"/>
      <c r="AL1791" s="119"/>
      <c r="AM1791" s="119"/>
      <c r="AN1791" s="119"/>
      <c r="AO1791" s="119"/>
      <c r="AP1791" s="119"/>
      <c r="AQ1791" s="119"/>
      <c r="AR1791" s="119"/>
      <c r="AS1791" s="119"/>
      <c r="AT1791" s="119"/>
      <c r="AU1791" s="119"/>
      <c r="AV1791" s="119"/>
      <c r="AW1791" s="119"/>
      <c r="AX1791" s="119"/>
      <c r="AY1791" s="119"/>
      <c r="AZ1791" s="119"/>
      <c r="BA1791" s="119"/>
      <c r="BB1791" s="107">
        <v>45884</v>
      </c>
    </row>
    <row r="1792" spans="1:54" s="207" customFormat="1" ht="13.95" customHeight="1" x14ac:dyDescent="0.25">
      <c r="A1792" s="208" t="s">
        <v>4307</v>
      </c>
      <c r="B1792" s="209" t="s">
        <v>20420</v>
      </c>
      <c r="C1792" s="113" t="s">
        <v>4308</v>
      </c>
      <c r="D1792" s="113" t="s">
        <v>4309</v>
      </c>
      <c r="E1792" s="210">
        <v>1998</v>
      </c>
      <c r="F1792" s="210">
        <v>2348</v>
      </c>
      <c r="G1792" s="113" t="s">
        <v>1</v>
      </c>
      <c r="H1792" s="113">
        <v>0</v>
      </c>
      <c r="I1792" s="113">
        <v>0</v>
      </c>
      <c r="J1792" s="115">
        <v>1</v>
      </c>
      <c r="K1792" s="116" t="s">
        <v>174</v>
      </c>
      <c r="L1792" s="115">
        <v>0</v>
      </c>
      <c r="M1792" s="115">
        <v>0</v>
      </c>
      <c r="N1792" s="115">
        <v>0</v>
      </c>
      <c r="O1792" s="115">
        <v>0</v>
      </c>
      <c r="P1792" s="115" t="s">
        <v>400</v>
      </c>
      <c r="Q1792" s="115" t="s">
        <v>400</v>
      </c>
      <c r="R1792" s="115">
        <v>0</v>
      </c>
      <c r="S1792" s="115">
        <v>0</v>
      </c>
      <c r="T1792" s="115">
        <v>0</v>
      </c>
      <c r="U1792" s="119"/>
      <c r="V1792" s="119"/>
      <c r="W1792" s="119"/>
      <c r="X1792" s="119"/>
      <c r="Y1792" s="119"/>
      <c r="Z1792" s="119"/>
      <c r="AA1792" s="119"/>
      <c r="AB1792" s="119"/>
      <c r="AC1792" s="119"/>
      <c r="AD1792" s="119"/>
      <c r="AE1792" s="119"/>
      <c r="AF1792" s="119"/>
      <c r="AG1792" s="119"/>
      <c r="AH1792" s="119"/>
      <c r="AI1792" s="119"/>
      <c r="AJ1792" s="119"/>
      <c r="AK1792" s="119"/>
      <c r="AL1792" s="119"/>
      <c r="AM1792" s="119"/>
      <c r="AN1792" s="119"/>
      <c r="AO1792" s="119"/>
      <c r="AP1792" s="119"/>
      <c r="AQ1792" s="119"/>
      <c r="AR1792" s="119"/>
      <c r="AS1792" s="119"/>
      <c r="AT1792" s="119"/>
      <c r="AU1792" s="119"/>
      <c r="AV1792" s="119"/>
      <c r="AW1792" s="119"/>
      <c r="AX1792" s="119"/>
      <c r="AY1792" s="119"/>
      <c r="AZ1792" s="119"/>
      <c r="BA1792" s="119"/>
      <c r="BB1792" s="107">
        <v>45884</v>
      </c>
    </row>
    <row r="1793" spans="1:54" s="207" customFormat="1" ht="13.95" customHeight="1" x14ac:dyDescent="0.25">
      <c r="A1793" s="208" t="s">
        <v>4310</v>
      </c>
      <c r="B1793" s="209" t="s">
        <v>20420</v>
      </c>
      <c r="C1793" s="113" t="s">
        <v>4311</v>
      </c>
      <c r="D1793" s="113" t="s">
        <v>4312</v>
      </c>
      <c r="E1793" s="210">
        <v>1984</v>
      </c>
      <c r="F1793" s="210">
        <v>2349</v>
      </c>
      <c r="G1793" s="113" t="s">
        <v>1</v>
      </c>
      <c r="H1793" s="113">
        <v>0</v>
      </c>
      <c r="I1793" s="113">
        <v>0</v>
      </c>
      <c r="J1793" s="115">
        <v>1</v>
      </c>
      <c r="K1793" s="211">
        <v>1</v>
      </c>
      <c r="L1793" s="115">
        <v>1</v>
      </c>
      <c r="M1793" s="115">
        <v>1</v>
      </c>
      <c r="N1793" s="115">
        <v>0</v>
      </c>
      <c r="O1793" s="115">
        <v>0</v>
      </c>
      <c r="P1793" s="115" t="s">
        <v>400</v>
      </c>
      <c r="Q1793" s="115" t="s">
        <v>400</v>
      </c>
      <c r="R1793" s="115">
        <v>1</v>
      </c>
      <c r="S1793" s="115">
        <v>0</v>
      </c>
      <c r="T1793" s="115">
        <v>0</v>
      </c>
      <c r="U1793" s="119"/>
      <c r="V1793" s="119"/>
      <c r="W1793" s="119"/>
      <c r="X1793" s="119"/>
      <c r="Y1793" s="119"/>
      <c r="Z1793" s="119"/>
      <c r="AA1793" s="119"/>
      <c r="AB1793" s="119"/>
      <c r="AC1793" s="119"/>
      <c r="AD1793" s="119"/>
      <c r="AE1793" s="119"/>
      <c r="AF1793" s="119"/>
      <c r="AG1793" s="119"/>
      <c r="AH1793" s="119"/>
      <c r="AI1793" s="119"/>
      <c r="AJ1793" s="119"/>
      <c r="AK1793" s="119"/>
      <c r="AL1793" s="119"/>
      <c r="AM1793" s="119"/>
      <c r="AN1793" s="119"/>
      <c r="AO1793" s="119"/>
      <c r="AP1793" s="119"/>
      <c r="AQ1793" s="119"/>
      <c r="AR1793" s="119"/>
      <c r="AS1793" s="119"/>
      <c r="AT1793" s="119"/>
      <c r="AU1793" s="119"/>
      <c r="AV1793" s="119"/>
      <c r="AW1793" s="119"/>
      <c r="AX1793" s="119"/>
      <c r="AY1793" s="119"/>
      <c r="AZ1793" s="119"/>
      <c r="BA1793" s="119"/>
      <c r="BB1793" s="107">
        <v>45884</v>
      </c>
    </row>
    <row r="1794" spans="1:54" s="207" customFormat="1" ht="13.95" customHeight="1" x14ac:dyDescent="0.25">
      <c r="A1794" s="208" t="s">
        <v>4313</v>
      </c>
      <c r="B1794" s="209" t="s">
        <v>20420</v>
      </c>
      <c r="C1794" s="113" t="s">
        <v>4314</v>
      </c>
      <c r="D1794" s="113" t="s">
        <v>23500</v>
      </c>
      <c r="E1794" s="210">
        <v>1973</v>
      </c>
      <c r="F1794" s="210">
        <v>2359</v>
      </c>
      <c r="G1794" s="113" t="s">
        <v>1</v>
      </c>
      <c r="H1794" s="113">
        <v>0</v>
      </c>
      <c r="I1794" s="113">
        <v>0</v>
      </c>
      <c r="J1794" s="115">
        <v>1</v>
      </c>
      <c r="K1794" s="116" t="s">
        <v>174</v>
      </c>
      <c r="L1794" s="115">
        <v>1</v>
      </c>
      <c r="M1794" s="115">
        <v>0</v>
      </c>
      <c r="N1794" s="115">
        <v>0</v>
      </c>
      <c r="O1794" s="115">
        <v>1</v>
      </c>
      <c r="P1794" s="115">
        <v>1</v>
      </c>
      <c r="Q1794" s="115" t="s">
        <v>400</v>
      </c>
      <c r="R1794" s="115">
        <v>0</v>
      </c>
      <c r="S1794" s="115">
        <v>0</v>
      </c>
      <c r="T1794" s="115">
        <v>0</v>
      </c>
      <c r="U1794" s="119"/>
      <c r="V1794" s="119"/>
      <c r="W1794" s="119"/>
      <c r="X1794" s="119"/>
      <c r="Y1794" s="119"/>
      <c r="Z1794" s="119"/>
      <c r="AA1794" s="119"/>
      <c r="AB1794" s="119"/>
      <c r="AC1794" s="119"/>
      <c r="AD1794" s="119"/>
      <c r="AE1794" s="119"/>
      <c r="AF1794" s="119"/>
      <c r="AG1794" s="119"/>
      <c r="AH1794" s="119"/>
      <c r="AI1794" s="119"/>
      <c r="AJ1794" s="119"/>
      <c r="AK1794" s="119"/>
      <c r="AL1794" s="119"/>
      <c r="AM1794" s="119"/>
      <c r="AN1794" s="119"/>
      <c r="AO1794" s="119"/>
      <c r="AP1794" s="119"/>
      <c r="AQ1794" s="119"/>
      <c r="AR1794" s="119"/>
      <c r="AS1794" s="119"/>
      <c r="AT1794" s="119"/>
      <c r="AU1794" s="119"/>
      <c r="AV1794" s="119"/>
      <c r="AW1794" s="119"/>
      <c r="AX1794" s="119"/>
      <c r="AY1794" s="119"/>
      <c r="AZ1794" s="119"/>
      <c r="BA1794" s="119"/>
      <c r="BB1794" s="107">
        <v>45884</v>
      </c>
    </row>
    <row r="1795" spans="1:54" s="207" customFormat="1" ht="13.95" customHeight="1" x14ac:dyDescent="0.25">
      <c r="A1795" s="208" t="s">
        <v>4315</v>
      </c>
      <c r="B1795" s="209" t="s">
        <v>20420</v>
      </c>
      <c r="C1795" s="113" t="s">
        <v>4316</v>
      </c>
      <c r="D1795" s="113" t="s">
        <v>4317</v>
      </c>
      <c r="E1795" s="210">
        <v>1987</v>
      </c>
      <c r="F1795" s="210">
        <v>2365</v>
      </c>
      <c r="G1795" s="113" t="s">
        <v>8</v>
      </c>
      <c r="H1795" s="113">
        <v>0</v>
      </c>
      <c r="I1795" s="113">
        <v>0</v>
      </c>
      <c r="J1795" s="115">
        <v>0</v>
      </c>
      <c r="K1795" s="116" t="s">
        <v>174</v>
      </c>
      <c r="L1795" s="115">
        <v>0</v>
      </c>
      <c r="M1795" s="115">
        <v>0</v>
      </c>
      <c r="N1795" s="115">
        <v>0</v>
      </c>
      <c r="O1795" s="115">
        <v>0</v>
      </c>
      <c r="P1795" s="115" t="s">
        <v>400</v>
      </c>
      <c r="Q1795" s="115" t="s">
        <v>400</v>
      </c>
      <c r="R1795" s="115">
        <v>0</v>
      </c>
      <c r="S1795" s="115">
        <v>0</v>
      </c>
      <c r="T1795" s="115">
        <v>0</v>
      </c>
      <c r="U1795" s="113" t="s">
        <v>174</v>
      </c>
      <c r="V1795" s="113" t="s">
        <v>174</v>
      </c>
      <c r="W1795" s="113" t="s">
        <v>174</v>
      </c>
      <c r="X1795" s="113" t="s">
        <v>174</v>
      </c>
      <c r="Y1795" s="113" t="s">
        <v>174</v>
      </c>
      <c r="Z1795" s="113" t="s">
        <v>174</v>
      </c>
      <c r="AA1795" s="113" t="s">
        <v>174</v>
      </c>
      <c r="AB1795" s="113" t="s">
        <v>174</v>
      </c>
      <c r="AC1795" s="113" t="s">
        <v>174</v>
      </c>
      <c r="AD1795" s="113" t="s">
        <v>174</v>
      </c>
      <c r="AE1795" s="113" t="s">
        <v>174</v>
      </c>
      <c r="AF1795" s="113" t="s">
        <v>174</v>
      </c>
      <c r="AG1795" s="113" t="s">
        <v>174</v>
      </c>
      <c r="AH1795" s="113" t="s">
        <v>174</v>
      </c>
      <c r="AI1795" s="113" t="s">
        <v>174</v>
      </c>
      <c r="AJ1795" s="113" t="s">
        <v>174</v>
      </c>
      <c r="AK1795" s="113" t="s">
        <v>174</v>
      </c>
      <c r="AL1795" s="113" t="s">
        <v>174</v>
      </c>
      <c r="AM1795" s="113" t="s">
        <v>174</v>
      </c>
      <c r="AN1795" s="113" t="s">
        <v>174</v>
      </c>
      <c r="AO1795" s="113" t="s">
        <v>174</v>
      </c>
      <c r="AP1795" s="113" t="s">
        <v>174</v>
      </c>
      <c r="AQ1795" s="113" t="s">
        <v>174</v>
      </c>
      <c r="AR1795" s="113" t="s">
        <v>174</v>
      </c>
      <c r="AS1795" s="113" t="s">
        <v>174</v>
      </c>
      <c r="AT1795" s="121" t="s">
        <v>174</v>
      </c>
      <c r="AU1795" s="113" t="s">
        <v>174</v>
      </c>
      <c r="AV1795" s="113" t="s">
        <v>174</v>
      </c>
      <c r="AW1795" s="113" t="s">
        <v>174</v>
      </c>
      <c r="AX1795" s="113"/>
      <c r="AY1795" s="113"/>
      <c r="AZ1795" s="113"/>
      <c r="BA1795" s="113"/>
      <c r="BB1795" s="107">
        <v>45884</v>
      </c>
    </row>
    <row r="1796" spans="1:54" s="207" customFormat="1" ht="13.95" customHeight="1" x14ac:dyDescent="0.25">
      <c r="A1796" s="208" t="s">
        <v>4318</v>
      </c>
      <c r="B1796" s="209" t="s">
        <v>20420</v>
      </c>
      <c r="C1796" s="113" t="s">
        <v>4319</v>
      </c>
      <c r="D1796" s="113" t="s">
        <v>23501</v>
      </c>
      <c r="E1796" s="210">
        <v>1999</v>
      </c>
      <c r="F1796" s="210">
        <v>2366</v>
      </c>
      <c r="G1796" s="113" t="s">
        <v>1</v>
      </c>
      <c r="H1796" s="113">
        <v>0</v>
      </c>
      <c r="I1796" s="113">
        <v>0</v>
      </c>
      <c r="J1796" s="115">
        <v>1</v>
      </c>
      <c r="K1796" s="211">
        <v>1</v>
      </c>
      <c r="L1796" s="115">
        <v>1</v>
      </c>
      <c r="M1796" s="115">
        <v>1</v>
      </c>
      <c r="N1796" s="115">
        <v>0</v>
      </c>
      <c r="O1796" s="115">
        <v>1</v>
      </c>
      <c r="P1796" s="115" t="s">
        <v>400</v>
      </c>
      <c r="Q1796" s="115" t="s">
        <v>400</v>
      </c>
      <c r="R1796" s="115">
        <v>1</v>
      </c>
      <c r="S1796" s="115">
        <v>1</v>
      </c>
      <c r="T1796" s="115">
        <v>0</v>
      </c>
      <c r="U1796" s="119"/>
      <c r="V1796" s="119"/>
      <c r="W1796" s="119"/>
      <c r="X1796" s="119"/>
      <c r="Y1796" s="119"/>
      <c r="Z1796" s="119"/>
      <c r="AA1796" s="119"/>
      <c r="AB1796" s="119"/>
      <c r="AC1796" s="119"/>
      <c r="AD1796" s="119"/>
      <c r="AE1796" s="119"/>
      <c r="AF1796" s="119"/>
      <c r="AG1796" s="119"/>
      <c r="AH1796" s="119"/>
      <c r="AI1796" s="119"/>
      <c r="AJ1796" s="119"/>
      <c r="AK1796" s="119"/>
      <c r="AL1796" s="119"/>
      <c r="AM1796" s="119"/>
      <c r="AN1796" s="119"/>
      <c r="AO1796" s="119"/>
      <c r="AP1796" s="119"/>
      <c r="AQ1796" s="119"/>
      <c r="AR1796" s="119"/>
      <c r="AS1796" s="119"/>
      <c r="AT1796" s="119"/>
      <c r="AU1796" s="119"/>
      <c r="AV1796" s="119"/>
      <c r="AW1796" s="119"/>
      <c r="AX1796" s="119"/>
      <c r="AY1796" s="119"/>
      <c r="AZ1796" s="119"/>
      <c r="BA1796" s="119"/>
      <c r="BB1796" s="107">
        <v>45884</v>
      </c>
    </row>
    <row r="1797" spans="1:54" s="207" customFormat="1" ht="13.95" customHeight="1" x14ac:dyDescent="0.25">
      <c r="A1797" s="208" t="s">
        <v>4320</v>
      </c>
      <c r="B1797" s="209" t="s">
        <v>20420</v>
      </c>
      <c r="C1797" s="113" t="s">
        <v>4321</v>
      </c>
      <c r="D1797" s="113" t="s">
        <v>23502</v>
      </c>
      <c r="E1797" s="210">
        <v>1974</v>
      </c>
      <c r="F1797" s="210">
        <v>2375</v>
      </c>
      <c r="G1797" s="113" t="s">
        <v>1</v>
      </c>
      <c r="H1797" s="113">
        <v>0</v>
      </c>
      <c r="I1797" s="113">
        <v>0</v>
      </c>
      <c r="J1797" s="115">
        <v>1</v>
      </c>
      <c r="K1797" s="116" t="s">
        <v>174</v>
      </c>
      <c r="L1797" s="115">
        <v>1</v>
      </c>
      <c r="M1797" s="115">
        <v>0</v>
      </c>
      <c r="N1797" s="115">
        <v>0</v>
      </c>
      <c r="O1797" s="115">
        <v>1</v>
      </c>
      <c r="P1797" s="115">
        <v>1</v>
      </c>
      <c r="Q1797" s="115" t="s">
        <v>400</v>
      </c>
      <c r="R1797" s="115">
        <v>1</v>
      </c>
      <c r="S1797" s="115">
        <v>0</v>
      </c>
      <c r="T1797" s="115">
        <v>0</v>
      </c>
      <c r="U1797" s="119"/>
      <c r="V1797" s="119"/>
      <c r="W1797" s="119"/>
      <c r="X1797" s="119"/>
      <c r="Y1797" s="119"/>
      <c r="Z1797" s="119"/>
      <c r="AA1797" s="119"/>
      <c r="AB1797" s="119"/>
      <c r="AC1797" s="119"/>
      <c r="AD1797" s="119"/>
      <c r="AE1797" s="119"/>
      <c r="AF1797" s="119"/>
      <c r="AG1797" s="119"/>
      <c r="AH1797" s="119"/>
      <c r="AI1797" s="119"/>
      <c r="AJ1797" s="119"/>
      <c r="AK1797" s="119"/>
      <c r="AL1797" s="119"/>
      <c r="AM1797" s="119"/>
      <c r="AN1797" s="119"/>
      <c r="AO1797" s="119"/>
      <c r="AP1797" s="119"/>
      <c r="AQ1797" s="119"/>
      <c r="AR1797" s="119"/>
      <c r="AS1797" s="119"/>
      <c r="AT1797" s="119"/>
      <c r="AU1797" s="119"/>
      <c r="AV1797" s="119"/>
      <c r="AW1797" s="119"/>
      <c r="AX1797" s="119"/>
      <c r="AY1797" s="119"/>
      <c r="AZ1797" s="119"/>
      <c r="BA1797" s="119"/>
      <c r="BB1797" s="107">
        <v>45884</v>
      </c>
    </row>
    <row r="1798" spans="1:54" s="207" customFormat="1" ht="13.95" customHeight="1" x14ac:dyDescent="0.25">
      <c r="A1798" s="208" t="s">
        <v>4322</v>
      </c>
      <c r="B1798" s="209" t="s">
        <v>20420</v>
      </c>
      <c r="C1798" s="113" t="s">
        <v>4323</v>
      </c>
      <c r="D1798" s="113" t="s">
        <v>4324</v>
      </c>
      <c r="E1798" s="210">
        <v>1975</v>
      </c>
      <c r="F1798" s="210">
        <v>2379</v>
      </c>
      <c r="G1798" s="113" t="s">
        <v>1</v>
      </c>
      <c r="H1798" s="113">
        <v>0</v>
      </c>
      <c r="I1798" s="113">
        <v>0</v>
      </c>
      <c r="J1798" s="115">
        <v>1</v>
      </c>
      <c r="K1798" s="116" t="s">
        <v>174</v>
      </c>
      <c r="L1798" s="115">
        <v>1</v>
      </c>
      <c r="M1798" s="115">
        <v>1</v>
      </c>
      <c r="N1798" s="115">
        <v>0</v>
      </c>
      <c r="O1798" s="115">
        <v>1</v>
      </c>
      <c r="P1798" s="115" t="s">
        <v>400</v>
      </c>
      <c r="Q1798" s="115" t="s">
        <v>400</v>
      </c>
      <c r="R1798" s="115">
        <v>1</v>
      </c>
      <c r="S1798" s="115">
        <v>0</v>
      </c>
      <c r="T1798" s="115">
        <v>0</v>
      </c>
      <c r="U1798" s="119"/>
      <c r="V1798" s="119"/>
      <c r="W1798" s="119"/>
      <c r="X1798" s="119"/>
      <c r="Y1798" s="119"/>
      <c r="Z1798" s="119"/>
      <c r="AA1798" s="119"/>
      <c r="AB1798" s="119"/>
      <c r="AC1798" s="119"/>
      <c r="AD1798" s="119"/>
      <c r="AE1798" s="119"/>
      <c r="AF1798" s="119"/>
      <c r="AG1798" s="119"/>
      <c r="AH1798" s="119"/>
      <c r="AI1798" s="119"/>
      <c r="AJ1798" s="119"/>
      <c r="AK1798" s="119"/>
      <c r="AL1798" s="119"/>
      <c r="AM1798" s="119"/>
      <c r="AN1798" s="119"/>
      <c r="AO1798" s="119"/>
      <c r="AP1798" s="119"/>
      <c r="AQ1798" s="119"/>
      <c r="AR1798" s="119"/>
      <c r="AS1798" s="119"/>
      <c r="AT1798" s="119"/>
      <c r="AU1798" s="119"/>
      <c r="AV1798" s="119"/>
      <c r="AW1798" s="119"/>
      <c r="AX1798" s="119"/>
      <c r="AY1798" s="119"/>
      <c r="AZ1798" s="119"/>
      <c r="BA1798" s="119"/>
      <c r="BB1798" s="107">
        <v>45884</v>
      </c>
    </row>
    <row r="1799" spans="1:54" s="207" customFormat="1" ht="13.95" customHeight="1" x14ac:dyDescent="0.25">
      <c r="A1799" s="208" t="s">
        <v>4325</v>
      </c>
      <c r="B1799" s="209" t="s">
        <v>20420</v>
      </c>
      <c r="C1799" s="113" t="s">
        <v>4326</v>
      </c>
      <c r="D1799" s="113" t="s">
        <v>23503</v>
      </c>
      <c r="E1799" s="210">
        <v>1980</v>
      </c>
      <c r="F1799" s="210">
        <v>2379</v>
      </c>
      <c r="G1799" s="113" t="s">
        <v>1</v>
      </c>
      <c r="H1799" s="113">
        <v>0</v>
      </c>
      <c r="I1799" s="113">
        <v>0</v>
      </c>
      <c r="J1799" s="115">
        <v>1</v>
      </c>
      <c r="K1799" s="116" t="s">
        <v>174</v>
      </c>
      <c r="L1799" s="115">
        <v>0</v>
      </c>
      <c r="M1799" s="115">
        <v>0</v>
      </c>
      <c r="N1799" s="115">
        <v>0</v>
      </c>
      <c r="O1799" s="115">
        <v>0</v>
      </c>
      <c r="P1799" s="115" t="s">
        <v>400</v>
      </c>
      <c r="Q1799" s="115" t="s">
        <v>400</v>
      </c>
      <c r="R1799" s="115">
        <v>0</v>
      </c>
      <c r="S1799" s="115">
        <v>0</v>
      </c>
      <c r="T1799" s="115">
        <v>0</v>
      </c>
      <c r="U1799" s="119"/>
      <c r="V1799" s="119"/>
      <c r="W1799" s="119"/>
      <c r="X1799" s="119"/>
      <c r="Y1799" s="119"/>
      <c r="Z1799" s="119"/>
      <c r="AA1799" s="119"/>
      <c r="AB1799" s="119"/>
      <c r="AC1799" s="119"/>
      <c r="AD1799" s="119"/>
      <c r="AE1799" s="119"/>
      <c r="AF1799" s="119"/>
      <c r="AG1799" s="119"/>
      <c r="AH1799" s="119"/>
      <c r="AI1799" s="119"/>
      <c r="AJ1799" s="119"/>
      <c r="AK1799" s="119"/>
      <c r="AL1799" s="119"/>
      <c r="AM1799" s="119"/>
      <c r="AN1799" s="119"/>
      <c r="AO1799" s="119"/>
      <c r="AP1799" s="119"/>
      <c r="AQ1799" s="119"/>
      <c r="AR1799" s="119"/>
      <c r="AS1799" s="119"/>
      <c r="AT1799" s="119"/>
      <c r="AU1799" s="119"/>
      <c r="AV1799" s="119"/>
      <c r="AW1799" s="119"/>
      <c r="AX1799" s="119"/>
      <c r="AY1799" s="119"/>
      <c r="AZ1799" s="119"/>
      <c r="BA1799" s="119"/>
      <c r="BB1799" s="107">
        <v>45884</v>
      </c>
    </row>
    <row r="1800" spans="1:54" s="207" customFormat="1" ht="13.95" customHeight="1" x14ac:dyDescent="0.25">
      <c r="A1800" s="208" t="s">
        <v>4327</v>
      </c>
      <c r="B1800" s="209" t="s">
        <v>20420</v>
      </c>
      <c r="C1800" s="113" t="s">
        <v>4328</v>
      </c>
      <c r="D1800" s="113" t="s">
        <v>4329</v>
      </c>
      <c r="E1800" s="210">
        <v>1985</v>
      </c>
      <c r="F1800" s="210">
        <v>2381</v>
      </c>
      <c r="G1800" s="113" t="s">
        <v>1</v>
      </c>
      <c r="H1800" s="113">
        <v>0</v>
      </c>
      <c r="I1800" s="113">
        <v>0</v>
      </c>
      <c r="J1800" s="115">
        <v>1</v>
      </c>
      <c r="K1800" s="116" t="s">
        <v>174</v>
      </c>
      <c r="L1800" s="115">
        <v>1</v>
      </c>
      <c r="M1800" s="115">
        <v>0</v>
      </c>
      <c r="N1800" s="115">
        <v>0</v>
      </c>
      <c r="O1800" s="115">
        <v>1</v>
      </c>
      <c r="P1800" s="115">
        <v>1</v>
      </c>
      <c r="Q1800" s="115" t="s">
        <v>400</v>
      </c>
      <c r="R1800" s="115">
        <v>0</v>
      </c>
      <c r="S1800" s="115">
        <v>0</v>
      </c>
      <c r="T1800" s="115">
        <v>0</v>
      </c>
      <c r="U1800" s="119"/>
      <c r="V1800" s="119"/>
      <c r="W1800" s="119"/>
      <c r="X1800" s="119"/>
      <c r="Y1800" s="119"/>
      <c r="Z1800" s="119"/>
      <c r="AA1800" s="119"/>
      <c r="AB1800" s="119"/>
      <c r="AC1800" s="119"/>
      <c r="AD1800" s="119"/>
      <c r="AE1800" s="119"/>
      <c r="AF1800" s="119"/>
      <c r="AG1800" s="119"/>
      <c r="AH1800" s="119"/>
      <c r="AI1800" s="119"/>
      <c r="AJ1800" s="119"/>
      <c r="AK1800" s="119"/>
      <c r="AL1800" s="119"/>
      <c r="AM1800" s="119"/>
      <c r="AN1800" s="119"/>
      <c r="AO1800" s="119"/>
      <c r="AP1800" s="119"/>
      <c r="AQ1800" s="119"/>
      <c r="AR1800" s="119"/>
      <c r="AS1800" s="119"/>
      <c r="AT1800" s="119"/>
      <c r="AU1800" s="119"/>
      <c r="AV1800" s="119"/>
      <c r="AW1800" s="119"/>
      <c r="AX1800" s="119"/>
      <c r="AY1800" s="119"/>
      <c r="AZ1800" s="119"/>
      <c r="BA1800" s="119"/>
      <c r="BB1800" s="107">
        <v>45884</v>
      </c>
    </row>
    <row r="1801" spans="1:54" s="207" customFormat="1" ht="13.95" customHeight="1" x14ac:dyDescent="0.25">
      <c r="A1801" s="208" t="s">
        <v>4330</v>
      </c>
      <c r="B1801" s="209" t="s">
        <v>20420</v>
      </c>
      <c r="C1801" s="113" t="s">
        <v>4331</v>
      </c>
      <c r="D1801" s="113" t="s">
        <v>23504</v>
      </c>
      <c r="E1801" s="210">
        <v>1992</v>
      </c>
      <c r="F1801" s="210">
        <v>2386</v>
      </c>
      <c r="G1801" s="113" t="s">
        <v>1</v>
      </c>
      <c r="H1801" s="113">
        <v>0</v>
      </c>
      <c r="I1801" s="113">
        <v>0</v>
      </c>
      <c r="J1801" s="115">
        <v>1</v>
      </c>
      <c r="K1801" s="116" t="s">
        <v>174</v>
      </c>
      <c r="L1801" s="115">
        <v>1</v>
      </c>
      <c r="M1801" s="115">
        <v>1</v>
      </c>
      <c r="N1801" s="115">
        <v>0</v>
      </c>
      <c r="O1801" s="115">
        <v>0</v>
      </c>
      <c r="P1801" s="115" t="s">
        <v>400</v>
      </c>
      <c r="Q1801" s="115" t="s">
        <v>400</v>
      </c>
      <c r="R1801" s="115">
        <v>0</v>
      </c>
      <c r="S1801" s="115">
        <v>0</v>
      </c>
      <c r="T1801" s="115">
        <v>0</v>
      </c>
      <c r="U1801" s="119"/>
      <c r="V1801" s="119"/>
      <c r="W1801" s="119"/>
      <c r="X1801" s="119"/>
      <c r="Y1801" s="119"/>
      <c r="Z1801" s="119"/>
      <c r="AA1801" s="119"/>
      <c r="AB1801" s="119"/>
      <c r="AC1801" s="119"/>
      <c r="AD1801" s="119"/>
      <c r="AE1801" s="119"/>
      <c r="AF1801" s="119"/>
      <c r="AG1801" s="119"/>
      <c r="AH1801" s="119"/>
      <c r="AI1801" s="119"/>
      <c r="AJ1801" s="119"/>
      <c r="AK1801" s="119"/>
      <c r="AL1801" s="119"/>
      <c r="AM1801" s="119"/>
      <c r="AN1801" s="119"/>
      <c r="AO1801" s="119"/>
      <c r="AP1801" s="119"/>
      <c r="AQ1801" s="119"/>
      <c r="AR1801" s="119"/>
      <c r="AS1801" s="119"/>
      <c r="AT1801" s="119"/>
      <c r="AU1801" s="119"/>
      <c r="AV1801" s="119"/>
      <c r="AW1801" s="119"/>
      <c r="AX1801" s="119"/>
      <c r="AY1801" s="119"/>
      <c r="AZ1801" s="119"/>
      <c r="BA1801" s="119"/>
      <c r="BB1801" s="107">
        <v>45884</v>
      </c>
    </row>
    <row r="1802" spans="1:54" s="207" customFormat="1" ht="13.95" customHeight="1" x14ac:dyDescent="0.25">
      <c r="A1802" s="208" t="s">
        <v>4332</v>
      </c>
      <c r="B1802" s="209" t="s">
        <v>20420</v>
      </c>
      <c r="C1802" s="113" t="s">
        <v>4333</v>
      </c>
      <c r="D1802" s="113" t="s">
        <v>23505</v>
      </c>
      <c r="E1802" s="210">
        <v>1978</v>
      </c>
      <c r="F1802" s="210">
        <v>2395</v>
      </c>
      <c r="G1802" s="113" t="s">
        <v>1</v>
      </c>
      <c r="H1802" s="113">
        <v>0</v>
      </c>
      <c r="I1802" s="113">
        <v>0</v>
      </c>
      <c r="J1802" s="115">
        <v>1</v>
      </c>
      <c r="K1802" s="116" t="s">
        <v>174</v>
      </c>
      <c r="L1802" s="115">
        <v>1</v>
      </c>
      <c r="M1802" s="115">
        <v>0</v>
      </c>
      <c r="N1802" s="115">
        <v>0</v>
      </c>
      <c r="O1802" s="115">
        <v>1</v>
      </c>
      <c r="P1802" s="115">
        <v>1</v>
      </c>
      <c r="Q1802" s="115" t="s">
        <v>400</v>
      </c>
      <c r="R1802" s="115">
        <v>1</v>
      </c>
      <c r="S1802" s="115">
        <v>0</v>
      </c>
      <c r="T1802" s="115">
        <v>0</v>
      </c>
      <c r="U1802" s="119"/>
      <c r="V1802" s="119"/>
      <c r="W1802" s="119"/>
      <c r="X1802" s="119"/>
      <c r="Y1802" s="119"/>
      <c r="Z1802" s="119"/>
      <c r="AA1802" s="119"/>
      <c r="AB1802" s="119"/>
      <c r="AC1802" s="119"/>
      <c r="AD1802" s="119"/>
      <c r="AE1802" s="119"/>
      <c r="AF1802" s="119"/>
      <c r="AG1802" s="119"/>
      <c r="AH1802" s="119"/>
      <c r="AI1802" s="119"/>
      <c r="AJ1802" s="119"/>
      <c r="AK1802" s="119"/>
      <c r="AL1802" s="119"/>
      <c r="AM1802" s="119"/>
      <c r="AN1802" s="119"/>
      <c r="AO1802" s="119"/>
      <c r="AP1802" s="119"/>
      <c r="AQ1802" s="119"/>
      <c r="AR1802" s="119"/>
      <c r="AS1802" s="119"/>
      <c r="AT1802" s="119"/>
      <c r="AU1802" s="119"/>
      <c r="AV1802" s="119"/>
      <c r="AW1802" s="119"/>
      <c r="AX1802" s="119"/>
      <c r="AY1802" s="119"/>
      <c r="AZ1802" s="119"/>
      <c r="BA1802" s="119"/>
      <c r="BB1802" s="107">
        <v>45884</v>
      </c>
    </row>
    <row r="1803" spans="1:54" s="207" customFormat="1" ht="13.95" customHeight="1" x14ac:dyDescent="0.25">
      <c r="A1803" s="208" t="s">
        <v>4334</v>
      </c>
      <c r="B1803" s="209" t="s">
        <v>20420</v>
      </c>
      <c r="C1803" s="113" t="s">
        <v>4335</v>
      </c>
      <c r="D1803" s="113" t="s">
        <v>4336</v>
      </c>
      <c r="E1803" s="210">
        <v>1997</v>
      </c>
      <c r="F1803" s="210">
        <v>2396</v>
      </c>
      <c r="G1803" s="113" t="s">
        <v>1</v>
      </c>
      <c r="H1803" s="113">
        <v>0</v>
      </c>
      <c r="I1803" s="113">
        <v>0</v>
      </c>
      <c r="J1803" s="115">
        <v>1</v>
      </c>
      <c r="K1803" s="116" t="s">
        <v>174</v>
      </c>
      <c r="L1803" s="115">
        <v>1</v>
      </c>
      <c r="M1803" s="115">
        <v>1</v>
      </c>
      <c r="N1803" s="115">
        <v>1</v>
      </c>
      <c r="O1803" s="115">
        <v>1</v>
      </c>
      <c r="P1803" s="115" t="s">
        <v>400</v>
      </c>
      <c r="Q1803" s="115" t="s">
        <v>400</v>
      </c>
      <c r="R1803" s="115">
        <v>1</v>
      </c>
      <c r="S1803" s="115">
        <v>0</v>
      </c>
      <c r="T1803" s="115">
        <v>0</v>
      </c>
      <c r="U1803" s="119"/>
      <c r="V1803" s="119"/>
      <c r="W1803" s="119"/>
      <c r="X1803" s="119"/>
      <c r="Y1803" s="119"/>
      <c r="Z1803" s="119"/>
      <c r="AA1803" s="119"/>
      <c r="AB1803" s="119"/>
      <c r="AC1803" s="119"/>
      <c r="AD1803" s="119"/>
      <c r="AE1803" s="119"/>
      <c r="AF1803" s="119"/>
      <c r="AG1803" s="119"/>
      <c r="AH1803" s="119"/>
      <c r="AI1803" s="119"/>
      <c r="AJ1803" s="119"/>
      <c r="AK1803" s="119"/>
      <c r="AL1803" s="119"/>
      <c r="AM1803" s="119"/>
      <c r="AN1803" s="119"/>
      <c r="AO1803" s="119"/>
      <c r="AP1803" s="119"/>
      <c r="AQ1803" s="119"/>
      <c r="AR1803" s="119"/>
      <c r="AS1803" s="119"/>
      <c r="AT1803" s="119"/>
      <c r="AU1803" s="119"/>
      <c r="AV1803" s="119"/>
      <c r="AW1803" s="119"/>
      <c r="AX1803" s="119"/>
      <c r="AY1803" s="119"/>
      <c r="AZ1803" s="119"/>
      <c r="BA1803" s="119"/>
      <c r="BB1803" s="107">
        <v>45884</v>
      </c>
    </row>
    <row r="1804" spans="1:54" s="207" customFormat="1" ht="13.95" customHeight="1" x14ac:dyDescent="0.25">
      <c r="A1804" s="208" t="s">
        <v>4337</v>
      </c>
      <c r="B1804" s="209" t="s">
        <v>20420</v>
      </c>
      <c r="C1804" s="113" t="s">
        <v>4338</v>
      </c>
      <c r="D1804" s="113" t="s">
        <v>4339</v>
      </c>
      <c r="E1804" s="210">
        <v>1992</v>
      </c>
      <c r="F1804" s="210">
        <v>2396</v>
      </c>
      <c r="G1804" s="113" t="s">
        <v>1</v>
      </c>
      <c r="H1804" s="113">
        <v>0</v>
      </c>
      <c r="I1804" s="113">
        <v>0</v>
      </c>
      <c r="J1804" s="115">
        <v>1</v>
      </c>
      <c r="K1804" s="116" t="s">
        <v>174</v>
      </c>
      <c r="L1804" s="115">
        <v>1</v>
      </c>
      <c r="M1804" s="115">
        <v>1</v>
      </c>
      <c r="N1804" s="115">
        <v>0</v>
      </c>
      <c r="O1804" s="115">
        <v>1</v>
      </c>
      <c r="P1804" s="115" t="s">
        <v>400</v>
      </c>
      <c r="Q1804" s="115" t="s">
        <v>400</v>
      </c>
      <c r="R1804" s="115">
        <v>0</v>
      </c>
      <c r="S1804" s="115">
        <v>0</v>
      </c>
      <c r="T1804" s="115">
        <v>0</v>
      </c>
      <c r="U1804" s="119"/>
      <c r="V1804" s="119"/>
      <c r="W1804" s="119"/>
      <c r="X1804" s="119"/>
      <c r="Y1804" s="119"/>
      <c r="Z1804" s="119"/>
      <c r="AA1804" s="119"/>
      <c r="AB1804" s="119"/>
      <c r="AC1804" s="119"/>
      <c r="AD1804" s="119"/>
      <c r="AE1804" s="119"/>
      <c r="AF1804" s="119"/>
      <c r="AG1804" s="119"/>
      <c r="AH1804" s="119"/>
      <c r="AI1804" s="119"/>
      <c r="AJ1804" s="119"/>
      <c r="AK1804" s="119"/>
      <c r="AL1804" s="119"/>
      <c r="AM1804" s="119"/>
      <c r="AN1804" s="119"/>
      <c r="AO1804" s="119"/>
      <c r="AP1804" s="119"/>
      <c r="AQ1804" s="119"/>
      <c r="AR1804" s="119"/>
      <c r="AS1804" s="119"/>
      <c r="AT1804" s="119"/>
      <c r="AU1804" s="119"/>
      <c r="AV1804" s="119"/>
      <c r="AW1804" s="119"/>
      <c r="AX1804" s="119"/>
      <c r="AY1804" s="119"/>
      <c r="AZ1804" s="119"/>
      <c r="BA1804" s="119"/>
      <c r="BB1804" s="107">
        <v>45884</v>
      </c>
    </row>
    <row r="1805" spans="1:54" s="207" customFormat="1" ht="13.95" customHeight="1" x14ac:dyDescent="0.25">
      <c r="A1805" s="208" t="s">
        <v>4340</v>
      </c>
      <c r="B1805" s="209" t="s">
        <v>20420</v>
      </c>
      <c r="C1805" s="113" t="s">
        <v>4341</v>
      </c>
      <c r="D1805" s="113" t="s">
        <v>23506</v>
      </c>
      <c r="E1805" s="210">
        <v>1966</v>
      </c>
      <c r="F1805" s="210">
        <v>2400</v>
      </c>
      <c r="G1805" s="113" t="s">
        <v>1</v>
      </c>
      <c r="H1805" s="113">
        <v>1</v>
      </c>
      <c r="I1805" s="113">
        <v>0</v>
      </c>
      <c r="J1805" s="115">
        <v>1</v>
      </c>
      <c r="K1805" s="116" t="s">
        <v>174</v>
      </c>
      <c r="L1805" s="115">
        <v>1</v>
      </c>
      <c r="M1805" s="115">
        <v>1</v>
      </c>
      <c r="N1805" s="115">
        <v>0</v>
      </c>
      <c r="O1805" s="115">
        <v>1</v>
      </c>
      <c r="P1805" s="115" t="s">
        <v>400</v>
      </c>
      <c r="Q1805" s="115" t="s">
        <v>400</v>
      </c>
      <c r="R1805" s="115">
        <v>1</v>
      </c>
      <c r="S1805" s="115">
        <v>0</v>
      </c>
      <c r="T1805" s="115">
        <v>0</v>
      </c>
      <c r="U1805" s="119"/>
      <c r="V1805" s="119"/>
      <c r="W1805" s="119"/>
      <c r="X1805" s="119"/>
      <c r="Y1805" s="119"/>
      <c r="Z1805" s="119"/>
      <c r="AA1805" s="119"/>
      <c r="AB1805" s="119"/>
      <c r="AC1805" s="119"/>
      <c r="AD1805" s="119"/>
      <c r="AE1805" s="119"/>
      <c r="AF1805" s="119"/>
      <c r="AG1805" s="119"/>
      <c r="AH1805" s="119"/>
      <c r="AI1805" s="119"/>
      <c r="AJ1805" s="119"/>
      <c r="AK1805" s="119"/>
      <c r="AL1805" s="119"/>
      <c r="AM1805" s="119"/>
      <c r="AN1805" s="119"/>
      <c r="AO1805" s="119"/>
      <c r="AP1805" s="119"/>
      <c r="AQ1805" s="119"/>
      <c r="AR1805" s="119"/>
      <c r="AS1805" s="119"/>
      <c r="AT1805" s="119"/>
      <c r="AU1805" s="119"/>
      <c r="AV1805" s="119"/>
      <c r="AW1805" s="119"/>
      <c r="AX1805" s="119"/>
      <c r="AY1805" s="119"/>
      <c r="AZ1805" s="119"/>
      <c r="BA1805" s="119"/>
      <c r="BB1805" s="107">
        <v>45884</v>
      </c>
    </row>
    <row r="1806" spans="1:54" s="207" customFormat="1" ht="13.95" customHeight="1" x14ac:dyDescent="0.25">
      <c r="A1806" s="208" t="s">
        <v>4342</v>
      </c>
      <c r="B1806" s="209" t="s">
        <v>20420</v>
      </c>
      <c r="C1806" s="113" t="s">
        <v>4343</v>
      </c>
      <c r="D1806" s="113" t="s">
        <v>4344</v>
      </c>
      <c r="E1806" s="210">
        <v>1975</v>
      </c>
      <c r="F1806" s="210">
        <v>2402</v>
      </c>
      <c r="G1806" s="113" t="s">
        <v>1</v>
      </c>
      <c r="H1806" s="113">
        <v>0</v>
      </c>
      <c r="I1806" s="113">
        <v>0</v>
      </c>
      <c r="J1806" s="115">
        <v>1</v>
      </c>
      <c r="K1806" s="116" t="s">
        <v>174</v>
      </c>
      <c r="L1806" s="115">
        <v>1</v>
      </c>
      <c r="M1806" s="115">
        <v>1</v>
      </c>
      <c r="N1806" s="115">
        <v>0</v>
      </c>
      <c r="O1806" s="115">
        <v>1</v>
      </c>
      <c r="P1806" s="115" t="s">
        <v>400</v>
      </c>
      <c r="Q1806" s="115" t="s">
        <v>400</v>
      </c>
      <c r="R1806" s="115">
        <v>1</v>
      </c>
      <c r="S1806" s="115">
        <v>0</v>
      </c>
      <c r="T1806" s="115">
        <v>0</v>
      </c>
      <c r="U1806" s="119"/>
      <c r="V1806" s="119"/>
      <c r="W1806" s="119"/>
      <c r="X1806" s="119"/>
      <c r="Y1806" s="119"/>
      <c r="Z1806" s="119"/>
      <c r="AA1806" s="119"/>
      <c r="AB1806" s="119"/>
      <c r="AC1806" s="119"/>
      <c r="AD1806" s="119"/>
      <c r="AE1806" s="119"/>
      <c r="AF1806" s="119"/>
      <c r="AG1806" s="119"/>
      <c r="AH1806" s="119"/>
      <c r="AI1806" s="119"/>
      <c r="AJ1806" s="119"/>
      <c r="AK1806" s="119"/>
      <c r="AL1806" s="119"/>
      <c r="AM1806" s="119"/>
      <c r="AN1806" s="119"/>
      <c r="AO1806" s="119"/>
      <c r="AP1806" s="119"/>
      <c r="AQ1806" s="119"/>
      <c r="AR1806" s="119"/>
      <c r="AS1806" s="119"/>
      <c r="AT1806" s="119"/>
      <c r="AU1806" s="119"/>
      <c r="AV1806" s="119"/>
      <c r="AW1806" s="119"/>
      <c r="AX1806" s="119"/>
      <c r="AY1806" s="119"/>
      <c r="AZ1806" s="119"/>
      <c r="BA1806" s="119"/>
      <c r="BB1806" s="107">
        <v>45884</v>
      </c>
    </row>
    <row r="1807" spans="1:54" s="207" customFormat="1" ht="13.95" customHeight="1" x14ac:dyDescent="0.25">
      <c r="A1807" s="208" t="s">
        <v>4345</v>
      </c>
      <c r="B1807" s="209" t="s">
        <v>20420</v>
      </c>
      <c r="C1807" s="113" t="s">
        <v>4346</v>
      </c>
      <c r="D1807" s="113" t="s">
        <v>23507</v>
      </c>
      <c r="E1807" s="210">
        <v>1973</v>
      </c>
      <c r="F1807" s="210">
        <v>2402</v>
      </c>
      <c r="G1807" s="113" t="s">
        <v>1</v>
      </c>
      <c r="H1807" s="113">
        <v>0</v>
      </c>
      <c r="I1807" s="113">
        <v>0</v>
      </c>
      <c r="J1807" s="115">
        <v>1</v>
      </c>
      <c r="K1807" s="116" t="s">
        <v>174</v>
      </c>
      <c r="L1807" s="115">
        <v>1</v>
      </c>
      <c r="M1807" s="115">
        <v>1</v>
      </c>
      <c r="N1807" s="115">
        <v>0</v>
      </c>
      <c r="O1807" s="115">
        <v>0</v>
      </c>
      <c r="P1807" s="115" t="s">
        <v>400</v>
      </c>
      <c r="Q1807" s="115" t="s">
        <v>400</v>
      </c>
      <c r="R1807" s="115">
        <v>0</v>
      </c>
      <c r="S1807" s="115">
        <v>0</v>
      </c>
      <c r="T1807" s="115">
        <v>0</v>
      </c>
      <c r="U1807" s="119"/>
      <c r="V1807" s="119"/>
      <c r="W1807" s="119"/>
      <c r="X1807" s="119"/>
      <c r="Y1807" s="119"/>
      <c r="Z1807" s="119"/>
      <c r="AA1807" s="119"/>
      <c r="AB1807" s="119"/>
      <c r="AC1807" s="119"/>
      <c r="AD1807" s="119"/>
      <c r="AE1807" s="119"/>
      <c r="AF1807" s="119"/>
      <c r="AG1807" s="119"/>
      <c r="AH1807" s="119"/>
      <c r="AI1807" s="119"/>
      <c r="AJ1807" s="119"/>
      <c r="AK1807" s="119"/>
      <c r="AL1807" s="119"/>
      <c r="AM1807" s="119"/>
      <c r="AN1807" s="119"/>
      <c r="AO1807" s="119"/>
      <c r="AP1807" s="119"/>
      <c r="AQ1807" s="119"/>
      <c r="AR1807" s="119"/>
      <c r="AS1807" s="119"/>
      <c r="AT1807" s="119"/>
      <c r="AU1807" s="119"/>
      <c r="AV1807" s="119"/>
      <c r="AW1807" s="119"/>
      <c r="AX1807" s="119"/>
      <c r="AY1807" s="119"/>
      <c r="AZ1807" s="119"/>
      <c r="BA1807" s="119"/>
      <c r="BB1807" s="107">
        <v>45884</v>
      </c>
    </row>
    <row r="1808" spans="1:54" s="207" customFormat="1" ht="13.95" customHeight="1" x14ac:dyDescent="0.25">
      <c r="A1808" s="208" t="s">
        <v>4347</v>
      </c>
      <c r="B1808" s="209" t="s">
        <v>20420</v>
      </c>
      <c r="C1808" s="113" t="s">
        <v>4348</v>
      </c>
      <c r="D1808" s="113" t="s">
        <v>4349</v>
      </c>
      <c r="E1808" s="210">
        <v>1976</v>
      </c>
      <c r="F1808" s="210">
        <v>2404</v>
      </c>
      <c r="G1808" s="113" t="s">
        <v>1</v>
      </c>
      <c r="H1808" s="113">
        <v>0</v>
      </c>
      <c r="I1808" s="113">
        <v>0</v>
      </c>
      <c r="J1808" s="115">
        <v>1</v>
      </c>
      <c r="K1808" s="116" t="s">
        <v>174</v>
      </c>
      <c r="L1808" s="115">
        <v>1</v>
      </c>
      <c r="M1808" s="115">
        <v>0</v>
      </c>
      <c r="N1808" s="115">
        <v>0</v>
      </c>
      <c r="O1808" s="115">
        <v>1</v>
      </c>
      <c r="P1808" s="115">
        <v>1</v>
      </c>
      <c r="Q1808" s="115" t="s">
        <v>400</v>
      </c>
      <c r="R1808" s="115">
        <v>1</v>
      </c>
      <c r="S1808" s="115">
        <v>0</v>
      </c>
      <c r="T1808" s="115">
        <v>0</v>
      </c>
      <c r="U1808" s="119"/>
      <c r="V1808" s="119"/>
      <c r="W1808" s="119"/>
      <c r="X1808" s="119"/>
      <c r="Y1808" s="119"/>
      <c r="Z1808" s="119"/>
      <c r="AA1808" s="119"/>
      <c r="AB1808" s="119"/>
      <c r="AC1808" s="119"/>
      <c r="AD1808" s="119"/>
      <c r="AE1808" s="119"/>
      <c r="AF1808" s="119"/>
      <c r="AG1808" s="119"/>
      <c r="AH1808" s="119"/>
      <c r="AI1808" s="119"/>
      <c r="AJ1808" s="119"/>
      <c r="AK1808" s="119"/>
      <c r="AL1808" s="119"/>
      <c r="AM1808" s="119"/>
      <c r="AN1808" s="119"/>
      <c r="AO1808" s="119"/>
      <c r="AP1808" s="119"/>
      <c r="AQ1808" s="119"/>
      <c r="AR1808" s="119"/>
      <c r="AS1808" s="119"/>
      <c r="AT1808" s="119"/>
      <c r="AU1808" s="119"/>
      <c r="AV1808" s="119"/>
      <c r="AW1808" s="119"/>
      <c r="AX1808" s="119"/>
      <c r="AY1808" s="119"/>
      <c r="AZ1808" s="119"/>
      <c r="BA1808" s="119"/>
      <c r="BB1808" s="107">
        <v>45884</v>
      </c>
    </row>
    <row r="1809" spans="1:54" s="207" customFormat="1" ht="13.95" customHeight="1" x14ac:dyDescent="0.25">
      <c r="A1809" s="208" t="s">
        <v>4350</v>
      </c>
      <c r="B1809" s="209" t="s">
        <v>20420</v>
      </c>
      <c r="C1809" s="113" t="s">
        <v>4351</v>
      </c>
      <c r="D1809" s="113" t="s">
        <v>23508</v>
      </c>
      <c r="E1809" s="210">
        <v>2013</v>
      </c>
      <c r="F1809" s="210">
        <v>2407</v>
      </c>
      <c r="G1809" s="113" t="s">
        <v>1</v>
      </c>
      <c r="H1809" s="113">
        <v>0</v>
      </c>
      <c r="I1809" s="113">
        <v>0</v>
      </c>
      <c r="J1809" s="115">
        <v>1</v>
      </c>
      <c r="K1809" s="116" t="s">
        <v>174</v>
      </c>
      <c r="L1809" s="115">
        <v>0</v>
      </c>
      <c r="M1809" s="115">
        <v>0</v>
      </c>
      <c r="N1809" s="115">
        <v>1</v>
      </c>
      <c r="O1809" s="115">
        <v>0</v>
      </c>
      <c r="P1809" s="115" t="s">
        <v>400</v>
      </c>
      <c r="Q1809" s="115" t="s">
        <v>400</v>
      </c>
      <c r="R1809" s="115">
        <v>0</v>
      </c>
      <c r="S1809" s="115">
        <v>0</v>
      </c>
      <c r="T1809" s="115">
        <v>0</v>
      </c>
      <c r="U1809" s="119"/>
      <c r="V1809" s="119"/>
      <c r="W1809" s="119"/>
      <c r="X1809" s="119"/>
      <c r="Y1809" s="119"/>
      <c r="Z1809" s="119"/>
      <c r="AA1809" s="119"/>
      <c r="AB1809" s="119"/>
      <c r="AC1809" s="119"/>
      <c r="AD1809" s="119"/>
      <c r="AE1809" s="119"/>
      <c r="AF1809" s="119"/>
      <c r="AG1809" s="119"/>
      <c r="AH1809" s="119"/>
      <c r="AI1809" s="119"/>
      <c r="AJ1809" s="119"/>
      <c r="AK1809" s="119"/>
      <c r="AL1809" s="119"/>
      <c r="AM1809" s="119"/>
      <c r="AN1809" s="119"/>
      <c r="AO1809" s="119"/>
      <c r="AP1809" s="119"/>
      <c r="AQ1809" s="119"/>
      <c r="AR1809" s="119"/>
      <c r="AS1809" s="119"/>
      <c r="AT1809" s="119"/>
      <c r="AU1809" s="119"/>
      <c r="AV1809" s="119"/>
      <c r="AW1809" s="119"/>
      <c r="AX1809" s="119"/>
      <c r="AY1809" s="119"/>
      <c r="AZ1809" s="119"/>
      <c r="BA1809" s="119"/>
      <c r="BB1809" s="107">
        <v>45884</v>
      </c>
    </row>
    <row r="1810" spans="1:54" s="207" customFormat="1" ht="13.95" customHeight="1" x14ac:dyDescent="0.25">
      <c r="A1810" s="208" t="s">
        <v>4352</v>
      </c>
      <c r="B1810" s="209" t="s">
        <v>20420</v>
      </c>
      <c r="C1810" s="113" t="s">
        <v>4353</v>
      </c>
      <c r="D1810" s="113" t="s">
        <v>4354</v>
      </c>
      <c r="E1810" s="210">
        <v>1973</v>
      </c>
      <c r="F1810" s="210">
        <v>2409</v>
      </c>
      <c r="G1810" s="113" t="s">
        <v>1</v>
      </c>
      <c r="H1810" s="113">
        <v>0</v>
      </c>
      <c r="I1810" s="113">
        <v>0</v>
      </c>
      <c r="J1810" s="115">
        <v>1</v>
      </c>
      <c r="K1810" s="116" t="s">
        <v>174</v>
      </c>
      <c r="L1810" s="115">
        <v>1</v>
      </c>
      <c r="M1810" s="115">
        <v>1</v>
      </c>
      <c r="N1810" s="115">
        <v>0</v>
      </c>
      <c r="O1810" s="115">
        <v>1</v>
      </c>
      <c r="P1810" s="115" t="s">
        <v>400</v>
      </c>
      <c r="Q1810" s="115" t="s">
        <v>400</v>
      </c>
      <c r="R1810" s="115">
        <v>1</v>
      </c>
      <c r="S1810" s="115">
        <v>0</v>
      </c>
      <c r="T1810" s="115">
        <v>0</v>
      </c>
      <c r="U1810" s="119"/>
      <c r="V1810" s="119"/>
      <c r="W1810" s="119"/>
      <c r="X1810" s="119"/>
      <c r="Y1810" s="119"/>
      <c r="Z1810" s="119"/>
      <c r="AA1810" s="119"/>
      <c r="AB1810" s="119"/>
      <c r="AC1810" s="119"/>
      <c r="AD1810" s="119"/>
      <c r="AE1810" s="119"/>
      <c r="AF1810" s="119"/>
      <c r="AG1810" s="119"/>
      <c r="AH1810" s="119"/>
      <c r="AI1810" s="119"/>
      <c r="AJ1810" s="119"/>
      <c r="AK1810" s="119"/>
      <c r="AL1810" s="119"/>
      <c r="AM1810" s="119"/>
      <c r="AN1810" s="119"/>
      <c r="AO1810" s="119"/>
      <c r="AP1810" s="119"/>
      <c r="AQ1810" s="119"/>
      <c r="AR1810" s="119"/>
      <c r="AS1810" s="119"/>
      <c r="AT1810" s="119"/>
      <c r="AU1810" s="119"/>
      <c r="AV1810" s="119"/>
      <c r="AW1810" s="119"/>
      <c r="AX1810" s="119"/>
      <c r="AY1810" s="119"/>
      <c r="AZ1810" s="119"/>
      <c r="BA1810" s="119"/>
      <c r="BB1810" s="107">
        <v>45884</v>
      </c>
    </row>
    <row r="1811" spans="1:54" s="207" customFormat="1" ht="13.95" customHeight="1" x14ac:dyDescent="0.25">
      <c r="A1811" s="208" t="s">
        <v>4355</v>
      </c>
      <c r="B1811" s="209" t="s">
        <v>20420</v>
      </c>
      <c r="C1811" s="113" t="s">
        <v>4356</v>
      </c>
      <c r="D1811" s="113" t="s">
        <v>4357</v>
      </c>
      <c r="E1811" s="210">
        <v>1988</v>
      </c>
      <c r="F1811" s="210">
        <v>2410</v>
      </c>
      <c r="G1811" s="113" t="s">
        <v>1</v>
      </c>
      <c r="H1811" s="113">
        <v>0</v>
      </c>
      <c r="I1811" s="113">
        <v>0</v>
      </c>
      <c r="J1811" s="115">
        <v>1</v>
      </c>
      <c r="K1811" s="116" t="s">
        <v>174</v>
      </c>
      <c r="L1811" s="115">
        <v>1</v>
      </c>
      <c r="M1811" s="115">
        <v>0</v>
      </c>
      <c r="N1811" s="115">
        <v>0</v>
      </c>
      <c r="O1811" s="115">
        <v>1</v>
      </c>
      <c r="P1811" s="115">
        <v>1</v>
      </c>
      <c r="Q1811" s="115" t="s">
        <v>400</v>
      </c>
      <c r="R1811" s="115">
        <v>1</v>
      </c>
      <c r="S1811" s="115">
        <v>0</v>
      </c>
      <c r="T1811" s="115">
        <v>0</v>
      </c>
      <c r="U1811" s="119"/>
      <c r="V1811" s="119"/>
      <c r="W1811" s="119"/>
      <c r="X1811" s="119"/>
      <c r="Y1811" s="119"/>
      <c r="Z1811" s="119"/>
      <c r="AA1811" s="119"/>
      <c r="AB1811" s="119"/>
      <c r="AC1811" s="119"/>
      <c r="AD1811" s="119"/>
      <c r="AE1811" s="119"/>
      <c r="AF1811" s="119"/>
      <c r="AG1811" s="119"/>
      <c r="AH1811" s="119"/>
      <c r="AI1811" s="119"/>
      <c r="AJ1811" s="119"/>
      <c r="AK1811" s="119"/>
      <c r="AL1811" s="119"/>
      <c r="AM1811" s="119"/>
      <c r="AN1811" s="119"/>
      <c r="AO1811" s="119"/>
      <c r="AP1811" s="119"/>
      <c r="AQ1811" s="119"/>
      <c r="AR1811" s="119"/>
      <c r="AS1811" s="119"/>
      <c r="AT1811" s="119"/>
      <c r="AU1811" s="119"/>
      <c r="AV1811" s="119"/>
      <c r="AW1811" s="119"/>
      <c r="AX1811" s="119"/>
      <c r="AY1811" s="119"/>
      <c r="AZ1811" s="119"/>
      <c r="BA1811" s="119"/>
      <c r="BB1811" s="107">
        <v>45884</v>
      </c>
    </row>
    <row r="1812" spans="1:54" s="207" customFormat="1" ht="13.95" customHeight="1" x14ac:dyDescent="0.25">
      <c r="A1812" s="208" t="s">
        <v>4358</v>
      </c>
      <c r="B1812" s="209" t="s">
        <v>20420</v>
      </c>
      <c r="C1812" s="113" t="s">
        <v>4359</v>
      </c>
      <c r="D1812" s="113" t="s">
        <v>23509</v>
      </c>
      <c r="E1812" s="210">
        <v>2002</v>
      </c>
      <c r="F1812" s="210">
        <v>2413</v>
      </c>
      <c r="G1812" s="113" t="s">
        <v>1</v>
      </c>
      <c r="H1812" s="113">
        <v>0</v>
      </c>
      <c r="I1812" s="113">
        <v>0</v>
      </c>
      <c r="J1812" s="115">
        <v>1</v>
      </c>
      <c r="K1812" s="116" t="s">
        <v>174</v>
      </c>
      <c r="L1812" s="115">
        <v>1</v>
      </c>
      <c r="M1812" s="115">
        <v>0</v>
      </c>
      <c r="N1812" s="115">
        <v>1</v>
      </c>
      <c r="O1812" s="115">
        <v>1</v>
      </c>
      <c r="P1812" s="115">
        <v>1</v>
      </c>
      <c r="Q1812" s="115" t="s">
        <v>400</v>
      </c>
      <c r="R1812" s="115">
        <v>1</v>
      </c>
      <c r="S1812" s="115">
        <v>0</v>
      </c>
      <c r="T1812" s="115">
        <v>0</v>
      </c>
      <c r="U1812" s="119"/>
      <c r="V1812" s="119"/>
      <c r="W1812" s="119"/>
      <c r="X1812" s="119"/>
      <c r="Y1812" s="119"/>
      <c r="Z1812" s="119"/>
      <c r="AA1812" s="119"/>
      <c r="AB1812" s="119"/>
      <c r="AC1812" s="119"/>
      <c r="AD1812" s="119"/>
      <c r="AE1812" s="119"/>
      <c r="AF1812" s="119"/>
      <c r="AG1812" s="119"/>
      <c r="AH1812" s="119"/>
      <c r="AI1812" s="119"/>
      <c r="AJ1812" s="119"/>
      <c r="AK1812" s="119"/>
      <c r="AL1812" s="119"/>
      <c r="AM1812" s="119"/>
      <c r="AN1812" s="119"/>
      <c r="AO1812" s="119"/>
      <c r="AP1812" s="119"/>
      <c r="AQ1812" s="119"/>
      <c r="AR1812" s="119"/>
      <c r="AS1812" s="119"/>
      <c r="AT1812" s="119"/>
      <c r="AU1812" s="119"/>
      <c r="AV1812" s="119"/>
      <c r="AW1812" s="119"/>
      <c r="AX1812" s="119"/>
      <c r="AY1812" s="119"/>
      <c r="AZ1812" s="119"/>
      <c r="BA1812" s="119"/>
      <c r="BB1812" s="107">
        <v>45884</v>
      </c>
    </row>
    <row r="1813" spans="1:54" s="207" customFormat="1" ht="13.95" customHeight="1" x14ac:dyDescent="0.25">
      <c r="A1813" s="208" t="s">
        <v>4360</v>
      </c>
      <c r="B1813" s="209" t="s">
        <v>20420</v>
      </c>
      <c r="C1813" s="113" t="s">
        <v>4361</v>
      </c>
      <c r="D1813" s="113" t="s">
        <v>4362</v>
      </c>
      <c r="E1813" s="210">
        <v>1953</v>
      </c>
      <c r="F1813" s="210">
        <v>2413</v>
      </c>
      <c r="G1813" s="113" t="s">
        <v>1</v>
      </c>
      <c r="H1813" s="113">
        <v>1</v>
      </c>
      <c r="I1813" s="113">
        <v>0</v>
      </c>
      <c r="J1813" s="115">
        <v>1</v>
      </c>
      <c r="K1813" s="116" t="s">
        <v>174</v>
      </c>
      <c r="L1813" s="115">
        <v>1</v>
      </c>
      <c r="M1813" s="115">
        <v>1</v>
      </c>
      <c r="N1813" s="115">
        <v>0</v>
      </c>
      <c r="O1813" s="115">
        <v>1</v>
      </c>
      <c r="P1813" s="115" t="s">
        <v>400</v>
      </c>
      <c r="Q1813" s="115" t="s">
        <v>400</v>
      </c>
      <c r="R1813" s="115">
        <v>1</v>
      </c>
      <c r="S1813" s="115">
        <v>0</v>
      </c>
      <c r="T1813" s="115">
        <v>0</v>
      </c>
      <c r="U1813" s="119"/>
      <c r="V1813" s="119"/>
      <c r="W1813" s="119"/>
      <c r="X1813" s="119"/>
      <c r="Y1813" s="119"/>
      <c r="Z1813" s="119"/>
      <c r="AA1813" s="119"/>
      <c r="AB1813" s="119"/>
      <c r="AC1813" s="119"/>
      <c r="AD1813" s="119"/>
      <c r="AE1813" s="119"/>
      <c r="AF1813" s="119"/>
      <c r="AG1813" s="119"/>
      <c r="AH1813" s="119"/>
      <c r="AI1813" s="119"/>
      <c r="AJ1813" s="119"/>
      <c r="AK1813" s="119"/>
      <c r="AL1813" s="119"/>
      <c r="AM1813" s="119"/>
      <c r="AN1813" s="119"/>
      <c r="AO1813" s="119"/>
      <c r="AP1813" s="119"/>
      <c r="AQ1813" s="119"/>
      <c r="AR1813" s="119"/>
      <c r="AS1813" s="119"/>
      <c r="AT1813" s="119"/>
      <c r="AU1813" s="119"/>
      <c r="AV1813" s="119"/>
      <c r="AW1813" s="119"/>
      <c r="AX1813" s="119"/>
      <c r="AY1813" s="119"/>
      <c r="AZ1813" s="119"/>
      <c r="BA1813" s="119"/>
      <c r="BB1813" s="107">
        <v>45884</v>
      </c>
    </row>
    <row r="1814" spans="1:54" s="207" customFormat="1" ht="13.95" customHeight="1" x14ac:dyDescent="0.25">
      <c r="A1814" s="208" t="s">
        <v>4363</v>
      </c>
      <c r="B1814" s="209" t="s">
        <v>20420</v>
      </c>
      <c r="C1814" s="113" t="s">
        <v>4364</v>
      </c>
      <c r="D1814" s="113" t="s">
        <v>23510</v>
      </c>
      <c r="E1814" s="210">
        <v>1999</v>
      </c>
      <c r="F1814" s="210">
        <v>2416</v>
      </c>
      <c r="G1814" s="113" t="s">
        <v>1</v>
      </c>
      <c r="H1814" s="113">
        <v>0</v>
      </c>
      <c r="I1814" s="113">
        <v>0</v>
      </c>
      <c r="J1814" s="115">
        <v>1</v>
      </c>
      <c r="K1814" s="116" t="s">
        <v>174</v>
      </c>
      <c r="L1814" s="115">
        <v>1</v>
      </c>
      <c r="M1814" s="115">
        <v>1</v>
      </c>
      <c r="N1814" s="115">
        <v>0</v>
      </c>
      <c r="O1814" s="115">
        <v>0</v>
      </c>
      <c r="P1814" s="115" t="s">
        <v>400</v>
      </c>
      <c r="Q1814" s="115" t="s">
        <v>400</v>
      </c>
      <c r="R1814" s="115">
        <v>1</v>
      </c>
      <c r="S1814" s="115">
        <v>0</v>
      </c>
      <c r="T1814" s="115">
        <v>0</v>
      </c>
      <c r="U1814" s="119"/>
      <c r="V1814" s="119"/>
      <c r="W1814" s="119"/>
      <c r="X1814" s="119"/>
      <c r="Y1814" s="119"/>
      <c r="Z1814" s="119"/>
      <c r="AA1814" s="119"/>
      <c r="AB1814" s="119"/>
      <c r="AC1814" s="119"/>
      <c r="AD1814" s="119"/>
      <c r="AE1814" s="119"/>
      <c r="AF1814" s="119"/>
      <c r="AG1814" s="119"/>
      <c r="AH1814" s="119"/>
      <c r="AI1814" s="119"/>
      <c r="AJ1814" s="119"/>
      <c r="AK1814" s="119"/>
      <c r="AL1814" s="119"/>
      <c r="AM1814" s="119"/>
      <c r="AN1814" s="119"/>
      <c r="AO1814" s="119"/>
      <c r="AP1814" s="119"/>
      <c r="AQ1814" s="119"/>
      <c r="AR1814" s="119"/>
      <c r="AS1814" s="119"/>
      <c r="AT1814" s="119"/>
      <c r="AU1814" s="119"/>
      <c r="AV1814" s="119"/>
      <c r="AW1814" s="119"/>
      <c r="AX1814" s="119"/>
      <c r="AY1814" s="119"/>
      <c r="AZ1814" s="119"/>
      <c r="BA1814" s="119"/>
      <c r="BB1814" s="107">
        <v>45884</v>
      </c>
    </row>
    <row r="1815" spans="1:54" s="207" customFormat="1" ht="13.95" customHeight="1" x14ac:dyDescent="0.25">
      <c r="A1815" s="208" t="s">
        <v>4365</v>
      </c>
      <c r="B1815" s="209" t="s">
        <v>20420</v>
      </c>
      <c r="C1815" s="113" t="s">
        <v>4366</v>
      </c>
      <c r="D1815" s="113" t="s">
        <v>23511</v>
      </c>
      <c r="E1815" s="210">
        <v>1951</v>
      </c>
      <c r="F1815" s="210">
        <v>2416</v>
      </c>
      <c r="G1815" s="113" t="s">
        <v>1</v>
      </c>
      <c r="H1815" s="113">
        <v>0</v>
      </c>
      <c r="I1815" s="113">
        <v>0</v>
      </c>
      <c r="J1815" s="115">
        <v>1</v>
      </c>
      <c r="K1815" s="211">
        <v>1</v>
      </c>
      <c r="L1815" s="115">
        <v>1</v>
      </c>
      <c r="M1815" s="115">
        <v>1</v>
      </c>
      <c r="N1815" s="115">
        <v>0</v>
      </c>
      <c r="O1815" s="115">
        <v>1</v>
      </c>
      <c r="P1815" s="115" t="s">
        <v>400</v>
      </c>
      <c r="Q1815" s="115">
        <v>1</v>
      </c>
      <c r="R1815" s="115">
        <v>1</v>
      </c>
      <c r="S1815" s="115">
        <v>0</v>
      </c>
      <c r="T1815" s="115">
        <v>0</v>
      </c>
      <c r="U1815" s="119"/>
      <c r="V1815" s="119"/>
      <c r="W1815" s="119"/>
      <c r="X1815" s="119"/>
      <c r="Y1815" s="119"/>
      <c r="Z1815" s="119"/>
      <c r="AA1815" s="119"/>
      <c r="AB1815" s="119"/>
      <c r="AC1815" s="119"/>
      <c r="AD1815" s="119"/>
      <c r="AE1815" s="119"/>
      <c r="AF1815" s="119"/>
      <c r="AG1815" s="119"/>
      <c r="AH1815" s="119"/>
      <c r="AI1815" s="119"/>
      <c r="AJ1815" s="119"/>
      <c r="AK1815" s="119"/>
      <c r="AL1815" s="119"/>
      <c r="AM1815" s="119"/>
      <c r="AN1815" s="119"/>
      <c r="AO1815" s="119"/>
      <c r="AP1815" s="119"/>
      <c r="AQ1815" s="119"/>
      <c r="AR1815" s="119"/>
      <c r="AS1815" s="119"/>
      <c r="AT1815" s="119"/>
      <c r="AU1815" s="119"/>
      <c r="AV1815" s="119"/>
      <c r="AW1815" s="119"/>
      <c r="AX1815" s="119"/>
      <c r="AY1815" s="119"/>
      <c r="AZ1815" s="119"/>
      <c r="BA1815" s="119"/>
      <c r="BB1815" s="107">
        <v>45884</v>
      </c>
    </row>
    <row r="1816" spans="1:54" s="207" customFormat="1" ht="13.95" customHeight="1" x14ac:dyDescent="0.25">
      <c r="A1816" s="208" t="s">
        <v>4367</v>
      </c>
      <c r="B1816" s="209" t="s">
        <v>20420</v>
      </c>
      <c r="C1816" s="113" t="s">
        <v>4368</v>
      </c>
      <c r="D1816" s="113" t="s">
        <v>4369</v>
      </c>
      <c r="E1816" s="210">
        <v>1988</v>
      </c>
      <c r="F1816" s="210">
        <v>2417</v>
      </c>
      <c r="G1816" s="113" t="s">
        <v>1</v>
      </c>
      <c r="H1816" s="113">
        <v>0</v>
      </c>
      <c r="I1816" s="113">
        <v>0</v>
      </c>
      <c r="J1816" s="115">
        <v>1</v>
      </c>
      <c r="K1816" s="116" t="s">
        <v>174</v>
      </c>
      <c r="L1816" s="115">
        <v>1</v>
      </c>
      <c r="M1816" s="115">
        <v>0</v>
      </c>
      <c r="N1816" s="115">
        <v>0</v>
      </c>
      <c r="O1816" s="115">
        <v>1</v>
      </c>
      <c r="P1816" s="115">
        <v>1</v>
      </c>
      <c r="Q1816" s="115" t="s">
        <v>400</v>
      </c>
      <c r="R1816" s="115">
        <v>1</v>
      </c>
      <c r="S1816" s="115">
        <v>0</v>
      </c>
      <c r="T1816" s="115">
        <v>0</v>
      </c>
      <c r="U1816" s="119"/>
      <c r="V1816" s="119"/>
      <c r="W1816" s="119"/>
      <c r="X1816" s="119"/>
      <c r="Y1816" s="119"/>
      <c r="Z1816" s="119"/>
      <c r="AA1816" s="119"/>
      <c r="AB1816" s="119"/>
      <c r="AC1816" s="119"/>
      <c r="AD1816" s="119"/>
      <c r="AE1816" s="119"/>
      <c r="AF1816" s="119"/>
      <c r="AG1816" s="119"/>
      <c r="AH1816" s="119"/>
      <c r="AI1816" s="119"/>
      <c r="AJ1816" s="119"/>
      <c r="AK1816" s="119"/>
      <c r="AL1816" s="119"/>
      <c r="AM1816" s="119"/>
      <c r="AN1816" s="119"/>
      <c r="AO1816" s="119"/>
      <c r="AP1816" s="119"/>
      <c r="AQ1816" s="119"/>
      <c r="AR1816" s="119"/>
      <c r="AS1816" s="119"/>
      <c r="AT1816" s="119"/>
      <c r="AU1816" s="119"/>
      <c r="AV1816" s="119"/>
      <c r="AW1816" s="119"/>
      <c r="AX1816" s="119"/>
      <c r="AY1816" s="119"/>
      <c r="AZ1816" s="119"/>
      <c r="BA1816" s="119"/>
      <c r="BB1816" s="107">
        <v>45884</v>
      </c>
    </row>
    <row r="1817" spans="1:54" s="207" customFormat="1" ht="13.95" customHeight="1" x14ac:dyDescent="0.25">
      <c r="A1817" s="208" t="s">
        <v>4370</v>
      </c>
      <c r="B1817" s="209" t="s">
        <v>20420</v>
      </c>
      <c r="C1817" s="113" t="s">
        <v>4371</v>
      </c>
      <c r="D1817" s="113" t="s">
        <v>23512</v>
      </c>
      <c r="E1817" s="210">
        <v>1976</v>
      </c>
      <c r="F1817" s="210">
        <v>2418</v>
      </c>
      <c r="G1817" s="113" t="s">
        <v>1</v>
      </c>
      <c r="H1817" s="113">
        <v>0</v>
      </c>
      <c r="I1817" s="113">
        <v>0</v>
      </c>
      <c r="J1817" s="115">
        <v>1</v>
      </c>
      <c r="K1817" s="211">
        <v>1</v>
      </c>
      <c r="L1817" s="115">
        <v>1</v>
      </c>
      <c r="M1817" s="115">
        <v>1</v>
      </c>
      <c r="N1817" s="115">
        <v>1</v>
      </c>
      <c r="O1817" s="115">
        <v>1</v>
      </c>
      <c r="P1817" s="115">
        <v>1</v>
      </c>
      <c r="Q1817" s="115" t="s">
        <v>400</v>
      </c>
      <c r="R1817" s="115">
        <v>1</v>
      </c>
      <c r="S1817" s="115">
        <v>0</v>
      </c>
      <c r="T1817" s="115">
        <v>0</v>
      </c>
      <c r="U1817" s="119"/>
      <c r="V1817" s="119"/>
      <c r="W1817" s="119"/>
      <c r="X1817" s="119"/>
      <c r="Y1817" s="119"/>
      <c r="Z1817" s="119"/>
      <c r="AA1817" s="119"/>
      <c r="AB1817" s="119"/>
      <c r="AC1817" s="119"/>
      <c r="AD1817" s="119"/>
      <c r="AE1817" s="119"/>
      <c r="AF1817" s="119"/>
      <c r="AG1817" s="119"/>
      <c r="AH1817" s="119"/>
      <c r="AI1817" s="119"/>
      <c r="AJ1817" s="119"/>
      <c r="AK1817" s="119"/>
      <c r="AL1817" s="119"/>
      <c r="AM1817" s="119"/>
      <c r="AN1817" s="119"/>
      <c r="AO1817" s="119"/>
      <c r="AP1817" s="119"/>
      <c r="AQ1817" s="119"/>
      <c r="AR1817" s="119"/>
      <c r="AS1817" s="119"/>
      <c r="AT1817" s="119"/>
      <c r="AU1817" s="119"/>
      <c r="AV1817" s="119"/>
      <c r="AW1817" s="119"/>
      <c r="AX1817" s="119"/>
      <c r="AY1817" s="119"/>
      <c r="AZ1817" s="119"/>
      <c r="BA1817" s="119"/>
      <c r="BB1817" s="107">
        <v>45884</v>
      </c>
    </row>
    <row r="1818" spans="1:54" s="207" customFormat="1" ht="13.95" customHeight="1" x14ac:dyDescent="0.25">
      <c r="A1818" s="208" t="s">
        <v>4372</v>
      </c>
      <c r="B1818" s="209" t="s">
        <v>20420</v>
      </c>
      <c r="C1818" s="113" t="s">
        <v>4373</v>
      </c>
      <c r="D1818" s="113" t="s">
        <v>4374</v>
      </c>
      <c r="E1818" s="210">
        <v>1951</v>
      </c>
      <c r="F1818" s="210">
        <v>2419</v>
      </c>
      <c r="G1818" s="113" t="s">
        <v>1</v>
      </c>
      <c r="H1818" s="113">
        <v>0</v>
      </c>
      <c r="I1818" s="113">
        <v>0</v>
      </c>
      <c r="J1818" s="115">
        <v>1</v>
      </c>
      <c r="K1818" s="116" t="s">
        <v>174</v>
      </c>
      <c r="L1818" s="115">
        <v>1</v>
      </c>
      <c r="M1818" s="115">
        <v>1</v>
      </c>
      <c r="N1818" s="115">
        <v>1</v>
      </c>
      <c r="O1818" s="115">
        <v>1</v>
      </c>
      <c r="P1818" s="115" t="s">
        <v>400</v>
      </c>
      <c r="Q1818" s="115" t="s">
        <v>400</v>
      </c>
      <c r="R1818" s="115">
        <v>1</v>
      </c>
      <c r="S1818" s="115">
        <v>0</v>
      </c>
      <c r="T1818" s="115">
        <v>0</v>
      </c>
      <c r="U1818" s="119"/>
      <c r="V1818" s="119"/>
      <c r="W1818" s="119"/>
      <c r="X1818" s="119"/>
      <c r="Y1818" s="119"/>
      <c r="Z1818" s="119"/>
      <c r="AA1818" s="119"/>
      <c r="AB1818" s="119"/>
      <c r="AC1818" s="119"/>
      <c r="AD1818" s="119"/>
      <c r="AE1818" s="119"/>
      <c r="AF1818" s="119"/>
      <c r="AG1818" s="119"/>
      <c r="AH1818" s="119"/>
      <c r="AI1818" s="119"/>
      <c r="AJ1818" s="119"/>
      <c r="AK1818" s="119"/>
      <c r="AL1818" s="119"/>
      <c r="AM1818" s="119"/>
      <c r="AN1818" s="119"/>
      <c r="AO1818" s="119"/>
      <c r="AP1818" s="119"/>
      <c r="AQ1818" s="119"/>
      <c r="AR1818" s="119"/>
      <c r="AS1818" s="119"/>
      <c r="AT1818" s="119"/>
      <c r="AU1818" s="119"/>
      <c r="AV1818" s="119"/>
      <c r="AW1818" s="119"/>
      <c r="AX1818" s="119"/>
      <c r="AY1818" s="119"/>
      <c r="AZ1818" s="119"/>
      <c r="BA1818" s="119"/>
      <c r="BB1818" s="107">
        <v>45884</v>
      </c>
    </row>
    <row r="1819" spans="1:54" s="207" customFormat="1" ht="13.95" customHeight="1" x14ac:dyDescent="0.25">
      <c r="A1819" s="208" t="s">
        <v>4375</v>
      </c>
      <c r="B1819" s="209" t="s">
        <v>20420</v>
      </c>
      <c r="C1819" s="113" t="s">
        <v>4376</v>
      </c>
      <c r="D1819" s="113" t="s">
        <v>4377</v>
      </c>
      <c r="E1819" s="210">
        <v>1974</v>
      </c>
      <c r="F1819" s="210">
        <v>2424</v>
      </c>
      <c r="G1819" s="113" t="s">
        <v>1</v>
      </c>
      <c r="H1819" s="113">
        <v>0</v>
      </c>
      <c r="I1819" s="113">
        <v>0</v>
      </c>
      <c r="J1819" s="115">
        <v>1</v>
      </c>
      <c r="K1819" s="116" t="s">
        <v>174</v>
      </c>
      <c r="L1819" s="115">
        <v>1</v>
      </c>
      <c r="M1819" s="115">
        <v>0</v>
      </c>
      <c r="N1819" s="115">
        <v>1</v>
      </c>
      <c r="O1819" s="115">
        <v>1</v>
      </c>
      <c r="P1819" s="115">
        <v>1</v>
      </c>
      <c r="Q1819" s="115" t="s">
        <v>400</v>
      </c>
      <c r="R1819" s="115">
        <v>1</v>
      </c>
      <c r="S1819" s="115">
        <v>0</v>
      </c>
      <c r="T1819" s="115">
        <v>0</v>
      </c>
      <c r="U1819" s="119"/>
      <c r="V1819" s="119"/>
      <c r="W1819" s="119"/>
      <c r="X1819" s="119"/>
      <c r="Y1819" s="119"/>
      <c r="Z1819" s="119"/>
      <c r="AA1819" s="119"/>
      <c r="AB1819" s="119"/>
      <c r="AC1819" s="119"/>
      <c r="AD1819" s="119"/>
      <c r="AE1819" s="119"/>
      <c r="AF1819" s="119"/>
      <c r="AG1819" s="119"/>
      <c r="AH1819" s="119"/>
      <c r="AI1819" s="119"/>
      <c r="AJ1819" s="119"/>
      <c r="AK1819" s="119"/>
      <c r="AL1819" s="119"/>
      <c r="AM1819" s="119"/>
      <c r="AN1819" s="119"/>
      <c r="AO1819" s="119"/>
      <c r="AP1819" s="119"/>
      <c r="AQ1819" s="119"/>
      <c r="AR1819" s="119"/>
      <c r="AS1819" s="119"/>
      <c r="AT1819" s="119"/>
      <c r="AU1819" s="119"/>
      <c r="AV1819" s="119"/>
      <c r="AW1819" s="119"/>
      <c r="AX1819" s="119"/>
      <c r="AY1819" s="119"/>
      <c r="AZ1819" s="119"/>
      <c r="BA1819" s="119"/>
      <c r="BB1819" s="107">
        <v>45884</v>
      </c>
    </row>
    <row r="1820" spans="1:54" s="207" customFormat="1" ht="13.95" customHeight="1" x14ac:dyDescent="0.25">
      <c r="A1820" s="208" t="s">
        <v>4378</v>
      </c>
      <c r="B1820" s="209" t="s">
        <v>20420</v>
      </c>
      <c r="C1820" s="113" t="s">
        <v>4379</v>
      </c>
      <c r="D1820" s="113" t="s">
        <v>23513</v>
      </c>
      <c r="E1820" s="210">
        <v>1978</v>
      </c>
      <c r="F1820" s="210">
        <v>2432</v>
      </c>
      <c r="G1820" s="113" t="s">
        <v>1</v>
      </c>
      <c r="H1820" s="113">
        <v>0</v>
      </c>
      <c r="I1820" s="113">
        <v>0</v>
      </c>
      <c r="J1820" s="115">
        <v>1</v>
      </c>
      <c r="K1820" s="116" t="s">
        <v>174</v>
      </c>
      <c r="L1820" s="115">
        <v>0</v>
      </c>
      <c r="M1820" s="115">
        <v>0</v>
      </c>
      <c r="N1820" s="115">
        <v>0</v>
      </c>
      <c r="O1820" s="115">
        <v>1</v>
      </c>
      <c r="P1820" s="115" t="s">
        <v>400</v>
      </c>
      <c r="Q1820" s="115" t="s">
        <v>400</v>
      </c>
      <c r="R1820" s="115">
        <v>1</v>
      </c>
      <c r="S1820" s="115">
        <v>0</v>
      </c>
      <c r="T1820" s="115">
        <v>0</v>
      </c>
      <c r="U1820" s="119"/>
      <c r="V1820" s="119"/>
      <c r="W1820" s="119"/>
      <c r="X1820" s="119"/>
      <c r="Y1820" s="119"/>
      <c r="Z1820" s="119"/>
      <c r="AA1820" s="119"/>
      <c r="AB1820" s="119"/>
      <c r="AC1820" s="119"/>
      <c r="AD1820" s="119"/>
      <c r="AE1820" s="119"/>
      <c r="AF1820" s="119"/>
      <c r="AG1820" s="119"/>
      <c r="AH1820" s="119"/>
      <c r="AI1820" s="119"/>
      <c r="AJ1820" s="119"/>
      <c r="AK1820" s="119"/>
      <c r="AL1820" s="119"/>
      <c r="AM1820" s="119"/>
      <c r="AN1820" s="119"/>
      <c r="AO1820" s="119"/>
      <c r="AP1820" s="119"/>
      <c r="AQ1820" s="119"/>
      <c r="AR1820" s="119"/>
      <c r="AS1820" s="119"/>
      <c r="AT1820" s="119"/>
      <c r="AU1820" s="119"/>
      <c r="AV1820" s="119"/>
      <c r="AW1820" s="119"/>
      <c r="AX1820" s="119"/>
      <c r="AY1820" s="119"/>
      <c r="AZ1820" s="119"/>
      <c r="BA1820" s="119"/>
      <c r="BB1820" s="107">
        <v>45884</v>
      </c>
    </row>
    <row r="1821" spans="1:54" s="207" customFormat="1" ht="13.95" customHeight="1" x14ac:dyDescent="0.25">
      <c r="A1821" s="208" t="s">
        <v>4380</v>
      </c>
      <c r="B1821" s="209" t="s">
        <v>20420</v>
      </c>
      <c r="C1821" s="113" t="s">
        <v>4381</v>
      </c>
      <c r="D1821" s="113" t="s">
        <v>4382</v>
      </c>
      <c r="E1821" s="210">
        <v>1965</v>
      </c>
      <c r="F1821" s="210">
        <v>2436</v>
      </c>
      <c r="G1821" s="113" t="s">
        <v>1</v>
      </c>
      <c r="H1821" s="113">
        <v>0</v>
      </c>
      <c r="I1821" s="113">
        <v>0</v>
      </c>
      <c r="J1821" s="115">
        <v>1</v>
      </c>
      <c r="K1821" s="116" t="s">
        <v>174</v>
      </c>
      <c r="L1821" s="115">
        <v>1</v>
      </c>
      <c r="M1821" s="115">
        <v>1</v>
      </c>
      <c r="N1821" s="115">
        <v>0</v>
      </c>
      <c r="O1821" s="115">
        <v>1</v>
      </c>
      <c r="P1821" s="115" t="s">
        <v>400</v>
      </c>
      <c r="Q1821" s="115" t="s">
        <v>400</v>
      </c>
      <c r="R1821" s="115">
        <v>1</v>
      </c>
      <c r="S1821" s="115">
        <v>0</v>
      </c>
      <c r="T1821" s="115">
        <v>0</v>
      </c>
      <c r="U1821" s="119"/>
      <c r="V1821" s="119"/>
      <c r="W1821" s="119"/>
      <c r="X1821" s="119"/>
      <c r="Y1821" s="119"/>
      <c r="Z1821" s="119"/>
      <c r="AA1821" s="119"/>
      <c r="AB1821" s="119"/>
      <c r="AC1821" s="119"/>
      <c r="AD1821" s="119"/>
      <c r="AE1821" s="119"/>
      <c r="AF1821" s="119"/>
      <c r="AG1821" s="119"/>
      <c r="AH1821" s="119"/>
      <c r="AI1821" s="119"/>
      <c r="AJ1821" s="119"/>
      <c r="AK1821" s="119"/>
      <c r="AL1821" s="119"/>
      <c r="AM1821" s="119"/>
      <c r="AN1821" s="119"/>
      <c r="AO1821" s="119"/>
      <c r="AP1821" s="119"/>
      <c r="AQ1821" s="119"/>
      <c r="AR1821" s="119"/>
      <c r="AS1821" s="119"/>
      <c r="AT1821" s="119"/>
      <c r="AU1821" s="119"/>
      <c r="AV1821" s="119"/>
      <c r="AW1821" s="119"/>
      <c r="AX1821" s="119"/>
      <c r="AY1821" s="119"/>
      <c r="AZ1821" s="119"/>
      <c r="BA1821" s="119"/>
      <c r="BB1821" s="107">
        <v>45884</v>
      </c>
    </row>
    <row r="1822" spans="1:54" s="207" customFormat="1" ht="13.95" customHeight="1" x14ac:dyDescent="0.25">
      <c r="A1822" s="208" t="s">
        <v>4383</v>
      </c>
      <c r="B1822" s="209" t="s">
        <v>20420</v>
      </c>
      <c r="C1822" s="113" t="s">
        <v>4384</v>
      </c>
      <c r="D1822" s="113" t="s">
        <v>23514</v>
      </c>
      <c r="E1822" s="210">
        <v>1997</v>
      </c>
      <c r="F1822" s="210">
        <v>2440</v>
      </c>
      <c r="G1822" s="113" t="s">
        <v>1</v>
      </c>
      <c r="H1822" s="113">
        <v>0</v>
      </c>
      <c r="I1822" s="113">
        <v>0</v>
      </c>
      <c r="J1822" s="115">
        <v>1</v>
      </c>
      <c r="K1822" s="211">
        <v>1</v>
      </c>
      <c r="L1822" s="115">
        <v>1</v>
      </c>
      <c r="M1822" s="115">
        <v>1</v>
      </c>
      <c r="N1822" s="115">
        <v>0</v>
      </c>
      <c r="O1822" s="115">
        <v>1</v>
      </c>
      <c r="P1822" s="115" t="s">
        <v>400</v>
      </c>
      <c r="Q1822" s="115" t="s">
        <v>400</v>
      </c>
      <c r="R1822" s="115">
        <v>1</v>
      </c>
      <c r="S1822" s="115">
        <v>0</v>
      </c>
      <c r="T1822" s="115">
        <v>0</v>
      </c>
      <c r="U1822" s="119"/>
      <c r="V1822" s="119"/>
      <c r="W1822" s="119"/>
      <c r="X1822" s="119"/>
      <c r="Y1822" s="119"/>
      <c r="Z1822" s="119"/>
      <c r="AA1822" s="119"/>
      <c r="AB1822" s="119"/>
      <c r="AC1822" s="119"/>
      <c r="AD1822" s="119"/>
      <c r="AE1822" s="119"/>
      <c r="AF1822" s="119"/>
      <c r="AG1822" s="119"/>
      <c r="AH1822" s="119"/>
      <c r="AI1822" s="119"/>
      <c r="AJ1822" s="119"/>
      <c r="AK1822" s="119"/>
      <c r="AL1822" s="119"/>
      <c r="AM1822" s="119"/>
      <c r="AN1822" s="119"/>
      <c r="AO1822" s="119"/>
      <c r="AP1822" s="119"/>
      <c r="AQ1822" s="119"/>
      <c r="AR1822" s="119"/>
      <c r="AS1822" s="119"/>
      <c r="AT1822" s="119"/>
      <c r="AU1822" s="119"/>
      <c r="AV1822" s="119"/>
      <c r="AW1822" s="119"/>
      <c r="AX1822" s="119"/>
      <c r="AY1822" s="119"/>
      <c r="AZ1822" s="119"/>
      <c r="BA1822" s="119"/>
      <c r="BB1822" s="107">
        <v>45884</v>
      </c>
    </row>
    <row r="1823" spans="1:54" s="207" customFormat="1" ht="13.95" customHeight="1" x14ac:dyDescent="0.25">
      <c r="A1823" s="208" t="s">
        <v>4385</v>
      </c>
      <c r="B1823" s="209" t="s">
        <v>20420</v>
      </c>
      <c r="C1823" s="113" t="s">
        <v>4386</v>
      </c>
      <c r="D1823" s="113" t="s">
        <v>23515</v>
      </c>
      <c r="E1823" s="210">
        <v>1952</v>
      </c>
      <c r="F1823" s="210">
        <v>2442</v>
      </c>
      <c r="G1823" s="113" t="s">
        <v>1</v>
      </c>
      <c r="H1823" s="113">
        <v>1</v>
      </c>
      <c r="I1823" s="113">
        <v>1</v>
      </c>
      <c r="J1823" s="115">
        <v>1</v>
      </c>
      <c r="K1823" s="116" t="s">
        <v>174</v>
      </c>
      <c r="L1823" s="115">
        <v>1</v>
      </c>
      <c r="M1823" s="115">
        <v>1</v>
      </c>
      <c r="N1823" s="115">
        <v>0</v>
      </c>
      <c r="O1823" s="115">
        <v>1</v>
      </c>
      <c r="P1823" s="115">
        <v>1</v>
      </c>
      <c r="Q1823" s="115" t="s">
        <v>400</v>
      </c>
      <c r="R1823" s="115">
        <v>1</v>
      </c>
      <c r="S1823" s="115">
        <v>0</v>
      </c>
      <c r="T1823" s="115">
        <v>0</v>
      </c>
      <c r="U1823" s="119"/>
      <c r="V1823" s="119"/>
      <c r="W1823" s="119"/>
      <c r="X1823" s="119"/>
      <c r="Y1823" s="119"/>
      <c r="Z1823" s="119"/>
      <c r="AA1823" s="119"/>
      <c r="AB1823" s="119"/>
      <c r="AC1823" s="119"/>
      <c r="AD1823" s="119"/>
      <c r="AE1823" s="119"/>
      <c r="AF1823" s="119"/>
      <c r="AG1823" s="119"/>
      <c r="AH1823" s="119"/>
      <c r="AI1823" s="119"/>
      <c r="AJ1823" s="119"/>
      <c r="AK1823" s="119"/>
      <c r="AL1823" s="119"/>
      <c r="AM1823" s="119"/>
      <c r="AN1823" s="119"/>
      <c r="AO1823" s="119"/>
      <c r="AP1823" s="119"/>
      <c r="AQ1823" s="119"/>
      <c r="AR1823" s="119"/>
      <c r="AS1823" s="119"/>
      <c r="AT1823" s="119"/>
      <c r="AU1823" s="119"/>
      <c r="AV1823" s="119"/>
      <c r="AW1823" s="119"/>
      <c r="AX1823" s="119"/>
      <c r="AY1823" s="119"/>
      <c r="AZ1823" s="119"/>
      <c r="BA1823" s="119"/>
      <c r="BB1823" s="107">
        <v>45884</v>
      </c>
    </row>
    <row r="1824" spans="1:54" s="207" customFormat="1" ht="13.95" customHeight="1" x14ac:dyDescent="0.25">
      <c r="A1824" s="208" t="s">
        <v>4387</v>
      </c>
      <c r="B1824" s="209" t="s">
        <v>20420</v>
      </c>
      <c r="C1824" s="113" t="s">
        <v>4388</v>
      </c>
      <c r="D1824" s="113" t="s">
        <v>4389</v>
      </c>
      <c r="E1824" s="210">
        <v>1974</v>
      </c>
      <c r="F1824" s="210">
        <v>2442</v>
      </c>
      <c r="G1824" s="113" t="s">
        <v>1</v>
      </c>
      <c r="H1824" s="113">
        <v>0</v>
      </c>
      <c r="I1824" s="113">
        <v>0</v>
      </c>
      <c r="J1824" s="115">
        <v>1</v>
      </c>
      <c r="K1824" s="116" t="s">
        <v>174</v>
      </c>
      <c r="L1824" s="115">
        <v>1</v>
      </c>
      <c r="M1824" s="115">
        <v>0</v>
      </c>
      <c r="N1824" s="115">
        <v>0</v>
      </c>
      <c r="O1824" s="115">
        <v>1</v>
      </c>
      <c r="P1824" s="115">
        <v>1</v>
      </c>
      <c r="Q1824" s="115" t="s">
        <v>400</v>
      </c>
      <c r="R1824" s="115">
        <v>1</v>
      </c>
      <c r="S1824" s="115">
        <v>0</v>
      </c>
      <c r="T1824" s="115">
        <v>0</v>
      </c>
      <c r="U1824" s="119"/>
      <c r="V1824" s="119"/>
      <c r="W1824" s="119"/>
      <c r="X1824" s="119"/>
      <c r="Y1824" s="119"/>
      <c r="Z1824" s="119"/>
      <c r="AA1824" s="119"/>
      <c r="AB1824" s="119"/>
      <c r="AC1824" s="119"/>
      <c r="AD1824" s="119"/>
      <c r="AE1824" s="119"/>
      <c r="AF1824" s="119"/>
      <c r="AG1824" s="119"/>
      <c r="AH1824" s="119"/>
      <c r="AI1824" s="119"/>
      <c r="AJ1824" s="119"/>
      <c r="AK1824" s="119"/>
      <c r="AL1824" s="119"/>
      <c r="AM1824" s="119"/>
      <c r="AN1824" s="119"/>
      <c r="AO1824" s="119"/>
      <c r="AP1824" s="119"/>
      <c r="AQ1824" s="119"/>
      <c r="AR1824" s="119"/>
      <c r="AS1824" s="119"/>
      <c r="AT1824" s="119"/>
      <c r="AU1824" s="119"/>
      <c r="AV1824" s="119"/>
      <c r="AW1824" s="119"/>
      <c r="AX1824" s="119"/>
      <c r="AY1824" s="119"/>
      <c r="AZ1824" s="119"/>
      <c r="BA1824" s="119"/>
      <c r="BB1824" s="107">
        <v>45884</v>
      </c>
    </row>
    <row r="1825" spans="1:54" s="207" customFormat="1" ht="13.95" customHeight="1" x14ac:dyDescent="0.25">
      <c r="A1825" s="208" t="s">
        <v>4390</v>
      </c>
      <c r="B1825" s="209" t="s">
        <v>20420</v>
      </c>
      <c r="C1825" s="113" t="s">
        <v>4391</v>
      </c>
      <c r="D1825" s="113" t="s">
        <v>23516</v>
      </c>
      <c r="E1825" s="210">
        <v>1991</v>
      </c>
      <c r="F1825" s="210">
        <v>2443</v>
      </c>
      <c r="G1825" s="113" t="s">
        <v>11</v>
      </c>
      <c r="H1825" s="113">
        <v>0</v>
      </c>
      <c r="I1825" s="113">
        <v>0</v>
      </c>
      <c r="J1825" s="115">
        <v>1</v>
      </c>
      <c r="K1825" s="116" t="s">
        <v>174</v>
      </c>
      <c r="L1825" s="115">
        <v>0</v>
      </c>
      <c r="M1825" s="115">
        <v>0</v>
      </c>
      <c r="N1825" s="115">
        <v>1</v>
      </c>
      <c r="O1825" s="115">
        <v>0</v>
      </c>
      <c r="P1825" s="115" t="s">
        <v>400</v>
      </c>
      <c r="Q1825" s="115" t="s">
        <v>400</v>
      </c>
      <c r="R1825" s="115">
        <v>0</v>
      </c>
      <c r="S1825" s="115">
        <v>0</v>
      </c>
      <c r="T1825" s="115">
        <v>0</v>
      </c>
      <c r="U1825" s="113" t="s">
        <v>174</v>
      </c>
      <c r="V1825" s="113" t="s">
        <v>174</v>
      </c>
      <c r="W1825" s="113" t="s">
        <v>174</v>
      </c>
      <c r="X1825" s="113" t="s">
        <v>174</v>
      </c>
      <c r="Y1825" s="113" t="s">
        <v>174</v>
      </c>
      <c r="Z1825" s="113" t="s">
        <v>174</v>
      </c>
      <c r="AA1825" s="113" t="s">
        <v>174</v>
      </c>
      <c r="AB1825" s="113" t="s">
        <v>174</v>
      </c>
      <c r="AC1825" s="113" t="s">
        <v>174</v>
      </c>
      <c r="AD1825" s="113" t="s">
        <v>174</v>
      </c>
      <c r="AE1825" s="113" t="s">
        <v>174</v>
      </c>
      <c r="AF1825" s="113" t="s">
        <v>174</v>
      </c>
      <c r="AG1825" s="113" t="s">
        <v>174</v>
      </c>
      <c r="AH1825" s="113" t="s">
        <v>174</v>
      </c>
      <c r="AI1825" s="113" t="s">
        <v>174</v>
      </c>
      <c r="AJ1825" s="113" t="s">
        <v>174</v>
      </c>
      <c r="AK1825" s="113" t="s">
        <v>174</v>
      </c>
      <c r="AL1825" s="113" t="s">
        <v>174</v>
      </c>
      <c r="AM1825" s="113" t="s">
        <v>174</v>
      </c>
      <c r="AN1825" s="113" t="s">
        <v>174</v>
      </c>
      <c r="AO1825" s="113" t="s">
        <v>174</v>
      </c>
      <c r="AP1825" s="113" t="s">
        <v>174</v>
      </c>
      <c r="AQ1825" s="113" t="s">
        <v>174</v>
      </c>
      <c r="AR1825" s="113" t="s">
        <v>174</v>
      </c>
      <c r="AS1825" s="113" t="s">
        <v>174</v>
      </c>
      <c r="AT1825" s="121" t="s">
        <v>174</v>
      </c>
      <c r="AU1825" s="113" t="s">
        <v>174</v>
      </c>
      <c r="AV1825" s="113" t="s">
        <v>174</v>
      </c>
      <c r="AW1825" s="113" t="s">
        <v>174</v>
      </c>
      <c r="AX1825" s="113"/>
      <c r="AY1825" s="113"/>
      <c r="AZ1825" s="113"/>
      <c r="BA1825" s="113"/>
      <c r="BB1825" s="107">
        <v>45884</v>
      </c>
    </row>
    <row r="1826" spans="1:54" s="207" customFormat="1" ht="13.95" customHeight="1" x14ac:dyDescent="0.25">
      <c r="A1826" s="208" t="s">
        <v>4392</v>
      </c>
      <c r="B1826" s="209" t="s">
        <v>20420</v>
      </c>
      <c r="C1826" s="113" t="s">
        <v>4393</v>
      </c>
      <c r="D1826" s="113" t="s">
        <v>23517</v>
      </c>
      <c r="E1826" s="210">
        <v>1987</v>
      </c>
      <c r="F1826" s="210">
        <v>2445</v>
      </c>
      <c r="G1826" s="113" t="s">
        <v>1</v>
      </c>
      <c r="H1826" s="113">
        <v>0</v>
      </c>
      <c r="I1826" s="113">
        <v>0</v>
      </c>
      <c r="J1826" s="115">
        <v>1</v>
      </c>
      <c r="K1826" s="116" t="s">
        <v>174</v>
      </c>
      <c r="L1826" s="115">
        <v>1</v>
      </c>
      <c r="M1826" s="115">
        <v>1</v>
      </c>
      <c r="N1826" s="115">
        <v>1</v>
      </c>
      <c r="O1826" s="115">
        <v>1</v>
      </c>
      <c r="P1826" s="115" t="s">
        <v>400</v>
      </c>
      <c r="Q1826" s="115" t="s">
        <v>400</v>
      </c>
      <c r="R1826" s="115">
        <v>1</v>
      </c>
      <c r="S1826" s="115">
        <v>0</v>
      </c>
      <c r="T1826" s="115">
        <v>0</v>
      </c>
      <c r="U1826" s="119"/>
      <c r="V1826" s="119"/>
      <c r="W1826" s="119"/>
      <c r="X1826" s="119"/>
      <c r="Y1826" s="119"/>
      <c r="Z1826" s="119"/>
      <c r="AA1826" s="119"/>
      <c r="AB1826" s="119"/>
      <c r="AC1826" s="119"/>
      <c r="AD1826" s="119"/>
      <c r="AE1826" s="119"/>
      <c r="AF1826" s="119"/>
      <c r="AG1826" s="119"/>
      <c r="AH1826" s="119"/>
      <c r="AI1826" s="119"/>
      <c r="AJ1826" s="119"/>
      <c r="AK1826" s="119"/>
      <c r="AL1826" s="119"/>
      <c r="AM1826" s="119"/>
      <c r="AN1826" s="119"/>
      <c r="AO1826" s="119"/>
      <c r="AP1826" s="119"/>
      <c r="AQ1826" s="119"/>
      <c r="AR1826" s="119"/>
      <c r="AS1826" s="119"/>
      <c r="AT1826" s="119"/>
      <c r="AU1826" s="119"/>
      <c r="AV1826" s="119"/>
      <c r="AW1826" s="119"/>
      <c r="AX1826" s="119"/>
      <c r="AY1826" s="119"/>
      <c r="AZ1826" s="119"/>
      <c r="BA1826" s="119"/>
      <c r="BB1826" s="107">
        <v>45884</v>
      </c>
    </row>
    <row r="1827" spans="1:54" s="207" customFormat="1" ht="13.95" customHeight="1" x14ac:dyDescent="0.25">
      <c r="A1827" s="208" t="s">
        <v>4394</v>
      </c>
      <c r="B1827" s="209" t="s">
        <v>20420</v>
      </c>
      <c r="C1827" s="113" t="s">
        <v>4395</v>
      </c>
      <c r="D1827" s="113" t="s">
        <v>4396</v>
      </c>
      <c r="E1827" s="210">
        <v>1995</v>
      </c>
      <c r="F1827" s="210">
        <v>2451</v>
      </c>
      <c r="G1827" s="113" t="s">
        <v>1</v>
      </c>
      <c r="H1827" s="113">
        <v>0</v>
      </c>
      <c r="I1827" s="113">
        <v>0</v>
      </c>
      <c r="J1827" s="115">
        <v>0</v>
      </c>
      <c r="K1827" s="116" t="s">
        <v>174</v>
      </c>
      <c r="L1827" s="115">
        <v>0</v>
      </c>
      <c r="M1827" s="115">
        <v>0</v>
      </c>
      <c r="N1827" s="115">
        <v>0</v>
      </c>
      <c r="O1827" s="115">
        <v>0</v>
      </c>
      <c r="P1827" s="115" t="s">
        <v>400</v>
      </c>
      <c r="Q1827" s="115" t="s">
        <v>400</v>
      </c>
      <c r="R1827" s="115">
        <v>0</v>
      </c>
      <c r="S1827" s="115">
        <v>0</v>
      </c>
      <c r="T1827" s="115">
        <v>0</v>
      </c>
      <c r="U1827" s="119"/>
      <c r="V1827" s="119"/>
      <c r="W1827" s="119"/>
      <c r="X1827" s="119"/>
      <c r="Y1827" s="119"/>
      <c r="Z1827" s="119"/>
      <c r="AA1827" s="119"/>
      <c r="AB1827" s="119"/>
      <c r="AC1827" s="119"/>
      <c r="AD1827" s="119"/>
      <c r="AE1827" s="119"/>
      <c r="AF1827" s="119"/>
      <c r="AG1827" s="119"/>
      <c r="AH1827" s="119"/>
      <c r="AI1827" s="119"/>
      <c r="AJ1827" s="119"/>
      <c r="AK1827" s="119"/>
      <c r="AL1827" s="119"/>
      <c r="AM1827" s="119"/>
      <c r="AN1827" s="119"/>
      <c r="AO1827" s="119"/>
      <c r="AP1827" s="119"/>
      <c r="AQ1827" s="119"/>
      <c r="AR1827" s="119"/>
      <c r="AS1827" s="119"/>
      <c r="AT1827" s="119"/>
      <c r="AU1827" s="119"/>
      <c r="AV1827" s="119"/>
      <c r="AW1827" s="119"/>
      <c r="AX1827" s="119"/>
      <c r="AY1827" s="119"/>
      <c r="AZ1827" s="119"/>
      <c r="BA1827" s="119"/>
      <c r="BB1827" s="107">
        <v>45884</v>
      </c>
    </row>
    <row r="1828" spans="1:54" s="207" customFormat="1" ht="13.95" customHeight="1" x14ac:dyDescent="0.25">
      <c r="A1828" s="208" t="s">
        <v>4397</v>
      </c>
      <c r="B1828" s="209" t="s">
        <v>20420</v>
      </c>
      <c r="C1828" s="113" t="s">
        <v>4398</v>
      </c>
      <c r="D1828" s="113" t="s">
        <v>23518</v>
      </c>
      <c r="E1828" s="210">
        <v>1986</v>
      </c>
      <c r="F1828" s="210">
        <v>2454</v>
      </c>
      <c r="G1828" s="113" t="s">
        <v>1</v>
      </c>
      <c r="H1828" s="113">
        <v>0</v>
      </c>
      <c r="I1828" s="113">
        <v>0</v>
      </c>
      <c r="J1828" s="115">
        <v>1</v>
      </c>
      <c r="K1828" s="116" t="s">
        <v>174</v>
      </c>
      <c r="L1828" s="115">
        <v>1</v>
      </c>
      <c r="M1828" s="115">
        <v>0</v>
      </c>
      <c r="N1828" s="115">
        <v>0</v>
      </c>
      <c r="O1828" s="115">
        <v>1</v>
      </c>
      <c r="P1828" s="115" t="s">
        <v>400</v>
      </c>
      <c r="Q1828" s="115" t="s">
        <v>400</v>
      </c>
      <c r="R1828" s="115">
        <v>1</v>
      </c>
      <c r="S1828" s="115">
        <v>0</v>
      </c>
      <c r="T1828" s="115">
        <v>0</v>
      </c>
      <c r="U1828" s="119"/>
      <c r="V1828" s="119"/>
      <c r="W1828" s="119"/>
      <c r="X1828" s="119"/>
      <c r="Y1828" s="119"/>
      <c r="Z1828" s="119"/>
      <c r="AA1828" s="119"/>
      <c r="AB1828" s="119"/>
      <c r="AC1828" s="119"/>
      <c r="AD1828" s="119"/>
      <c r="AE1828" s="119"/>
      <c r="AF1828" s="119"/>
      <c r="AG1828" s="119"/>
      <c r="AH1828" s="119"/>
      <c r="AI1828" s="119"/>
      <c r="AJ1828" s="119"/>
      <c r="AK1828" s="119"/>
      <c r="AL1828" s="119"/>
      <c r="AM1828" s="119"/>
      <c r="AN1828" s="119"/>
      <c r="AO1828" s="119"/>
      <c r="AP1828" s="119"/>
      <c r="AQ1828" s="119"/>
      <c r="AR1828" s="119"/>
      <c r="AS1828" s="119"/>
      <c r="AT1828" s="119"/>
      <c r="AU1828" s="119"/>
      <c r="AV1828" s="119"/>
      <c r="AW1828" s="119"/>
      <c r="AX1828" s="119"/>
      <c r="AY1828" s="119"/>
      <c r="AZ1828" s="119"/>
      <c r="BA1828" s="119"/>
      <c r="BB1828" s="107">
        <v>45884</v>
      </c>
    </row>
    <row r="1829" spans="1:54" s="207" customFormat="1" ht="13.95" customHeight="1" x14ac:dyDescent="0.25">
      <c r="A1829" s="208" t="s">
        <v>4399</v>
      </c>
      <c r="B1829" s="209" t="s">
        <v>20420</v>
      </c>
      <c r="C1829" s="113" t="s">
        <v>4400</v>
      </c>
      <c r="D1829" s="113" t="s">
        <v>23519</v>
      </c>
      <c r="E1829" s="210">
        <v>1972</v>
      </c>
      <c r="F1829" s="210">
        <v>2456</v>
      </c>
      <c r="G1829" s="113" t="s">
        <v>1</v>
      </c>
      <c r="H1829" s="113">
        <v>0</v>
      </c>
      <c r="I1829" s="113">
        <v>0</v>
      </c>
      <c r="J1829" s="115">
        <v>1</v>
      </c>
      <c r="K1829" s="116" t="s">
        <v>174</v>
      </c>
      <c r="L1829" s="115">
        <v>1</v>
      </c>
      <c r="M1829" s="115">
        <v>0</v>
      </c>
      <c r="N1829" s="115">
        <v>1</v>
      </c>
      <c r="O1829" s="115">
        <v>0</v>
      </c>
      <c r="P1829" s="115">
        <v>1</v>
      </c>
      <c r="Q1829" s="115" t="s">
        <v>400</v>
      </c>
      <c r="R1829" s="115">
        <v>1</v>
      </c>
      <c r="S1829" s="115">
        <v>0</v>
      </c>
      <c r="T1829" s="115">
        <v>0</v>
      </c>
      <c r="U1829" s="119"/>
      <c r="V1829" s="119"/>
      <c r="W1829" s="119"/>
      <c r="X1829" s="119"/>
      <c r="Y1829" s="119"/>
      <c r="Z1829" s="119"/>
      <c r="AA1829" s="119"/>
      <c r="AB1829" s="119"/>
      <c r="AC1829" s="119"/>
      <c r="AD1829" s="119"/>
      <c r="AE1829" s="119"/>
      <c r="AF1829" s="119"/>
      <c r="AG1829" s="119"/>
      <c r="AH1829" s="119"/>
      <c r="AI1829" s="119"/>
      <c r="AJ1829" s="119"/>
      <c r="AK1829" s="119"/>
      <c r="AL1829" s="119"/>
      <c r="AM1829" s="119"/>
      <c r="AN1829" s="119"/>
      <c r="AO1829" s="119"/>
      <c r="AP1829" s="119"/>
      <c r="AQ1829" s="119"/>
      <c r="AR1829" s="119"/>
      <c r="AS1829" s="119"/>
      <c r="AT1829" s="119"/>
      <c r="AU1829" s="119"/>
      <c r="AV1829" s="119"/>
      <c r="AW1829" s="119"/>
      <c r="AX1829" s="119"/>
      <c r="AY1829" s="119"/>
      <c r="AZ1829" s="119"/>
      <c r="BA1829" s="119"/>
      <c r="BB1829" s="107">
        <v>45884</v>
      </c>
    </row>
    <row r="1830" spans="1:54" s="207" customFormat="1" ht="13.95" customHeight="1" x14ac:dyDescent="0.25">
      <c r="A1830" s="208" t="s">
        <v>4401</v>
      </c>
      <c r="B1830" s="209" t="s">
        <v>20420</v>
      </c>
      <c r="C1830" s="113" t="s">
        <v>4402</v>
      </c>
      <c r="D1830" s="113" t="s">
        <v>4403</v>
      </c>
      <c r="E1830" s="210">
        <v>1984</v>
      </c>
      <c r="F1830" s="210">
        <v>2501</v>
      </c>
      <c r="G1830" s="113" t="s">
        <v>1</v>
      </c>
      <c r="H1830" s="113">
        <v>1</v>
      </c>
      <c r="I1830" s="113">
        <v>1</v>
      </c>
      <c r="J1830" s="115">
        <v>1</v>
      </c>
      <c r="K1830" s="116" t="s">
        <v>174</v>
      </c>
      <c r="L1830" s="115">
        <v>1</v>
      </c>
      <c r="M1830" s="115">
        <v>1</v>
      </c>
      <c r="N1830" s="115">
        <v>1</v>
      </c>
      <c r="O1830" s="115">
        <v>1</v>
      </c>
      <c r="P1830" s="115" t="s">
        <v>400</v>
      </c>
      <c r="Q1830" s="115" t="s">
        <v>400</v>
      </c>
      <c r="R1830" s="115">
        <v>1</v>
      </c>
      <c r="S1830" s="115">
        <v>0</v>
      </c>
      <c r="T1830" s="115">
        <v>0</v>
      </c>
      <c r="U1830" s="119"/>
      <c r="V1830" s="119"/>
      <c r="W1830" s="119"/>
      <c r="X1830" s="119"/>
      <c r="Y1830" s="119"/>
      <c r="Z1830" s="119"/>
      <c r="AA1830" s="119"/>
      <c r="AB1830" s="119"/>
      <c r="AC1830" s="119"/>
      <c r="AD1830" s="119"/>
      <c r="AE1830" s="119"/>
      <c r="AF1830" s="119"/>
      <c r="AG1830" s="119"/>
      <c r="AH1830" s="119"/>
      <c r="AI1830" s="119"/>
      <c r="AJ1830" s="119"/>
      <c r="AK1830" s="119"/>
      <c r="AL1830" s="119"/>
      <c r="AM1830" s="119"/>
      <c r="AN1830" s="119"/>
      <c r="AO1830" s="119"/>
      <c r="AP1830" s="119"/>
      <c r="AQ1830" s="119"/>
      <c r="AR1830" s="119"/>
      <c r="AS1830" s="119"/>
      <c r="AT1830" s="119"/>
      <c r="AU1830" s="119"/>
      <c r="AV1830" s="119"/>
      <c r="AW1830" s="119"/>
      <c r="AX1830" s="119"/>
      <c r="AY1830" s="119"/>
      <c r="AZ1830" s="119"/>
      <c r="BA1830" s="119"/>
      <c r="BB1830" s="107">
        <v>45884</v>
      </c>
    </row>
    <row r="1831" spans="1:54" s="207" customFormat="1" ht="13.95" customHeight="1" x14ac:dyDescent="0.25">
      <c r="A1831" s="208" t="s">
        <v>4404</v>
      </c>
      <c r="B1831" s="209" t="s">
        <v>20420</v>
      </c>
      <c r="C1831" s="113" t="s">
        <v>4405</v>
      </c>
      <c r="D1831" s="113" t="s">
        <v>23520</v>
      </c>
      <c r="E1831" s="210">
        <v>1975</v>
      </c>
      <c r="F1831" s="210">
        <v>2461</v>
      </c>
      <c r="G1831" s="113" t="s">
        <v>1</v>
      </c>
      <c r="H1831" s="113">
        <v>0</v>
      </c>
      <c r="I1831" s="113">
        <v>0</v>
      </c>
      <c r="J1831" s="115">
        <v>1</v>
      </c>
      <c r="K1831" s="116" t="s">
        <v>174</v>
      </c>
      <c r="L1831" s="115">
        <v>1</v>
      </c>
      <c r="M1831" s="115">
        <v>0</v>
      </c>
      <c r="N1831" s="115">
        <v>0</v>
      </c>
      <c r="O1831" s="115">
        <v>1</v>
      </c>
      <c r="P1831" s="115">
        <v>1</v>
      </c>
      <c r="Q1831" s="115">
        <v>1</v>
      </c>
      <c r="R1831" s="115">
        <v>0</v>
      </c>
      <c r="S1831" s="115">
        <v>0</v>
      </c>
      <c r="T1831" s="115">
        <v>0</v>
      </c>
      <c r="U1831" s="119"/>
      <c r="V1831" s="119"/>
      <c r="W1831" s="119"/>
      <c r="X1831" s="119"/>
      <c r="Y1831" s="119"/>
      <c r="Z1831" s="119"/>
      <c r="AA1831" s="119"/>
      <c r="AB1831" s="119"/>
      <c r="AC1831" s="119"/>
      <c r="AD1831" s="119"/>
      <c r="AE1831" s="119"/>
      <c r="AF1831" s="119"/>
      <c r="AG1831" s="119"/>
      <c r="AH1831" s="119"/>
      <c r="AI1831" s="119"/>
      <c r="AJ1831" s="119"/>
      <c r="AK1831" s="119"/>
      <c r="AL1831" s="119"/>
      <c r="AM1831" s="119"/>
      <c r="AN1831" s="119"/>
      <c r="AO1831" s="119"/>
      <c r="AP1831" s="119"/>
      <c r="AQ1831" s="119"/>
      <c r="AR1831" s="119"/>
      <c r="AS1831" s="119"/>
      <c r="AT1831" s="119"/>
      <c r="AU1831" s="119"/>
      <c r="AV1831" s="119"/>
      <c r="AW1831" s="119"/>
      <c r="AX1831" s="119"/>
      <c r="AY1831" s="119"/>
      <c r="AZ1831" s="119"/>
      <c r="BA1831" s="119"/>
      <c r="BB1831" s="107">
        <v>45884</v>
      </c>
    </row>
    <row r="1832" spans="1:54" s="207" customFormat="1" ht="13.95" customHeight="1" x14ac:dyDescent="0.25">
      <c r="A1832" s="208" t="s">
        <v>4406</v>
      </c>
      <c r="B1832" s="209" t="s">
        <v>20420</v>
      </c>
      <c r="C1832" s="113" t="s">
        <v>4407</v>
      </c>
      <c r="D1832" s="113" t="s">
        <v>23521</v>
      </c>
      <c r="E1832" s="210">
        <v>2010</v>
      </c>
      <c r="F1832" s="210">
        <v>2467</v>
      </c>
      <c r="G1832" s="113" t="s">
        <v>1</v>
      </c>
      <c r="H1832" s="113">
        <v>0</v>
      </c>
      <c r="I1832" s="113">
        <v>0</v>
      </c>
      <c r="J1832" s="115">
        <v>1</v>
      </c>
      <c r="K1832" s="116" t="s">
        <v>174</v>
      </c>
      <c r="L1832" s="115">
        <v>1</v>
      </c>
      <c r="M1832" s="115">
        <v>0</v>
      </c>
      <c r="N1832" s="115">
        <v>0</v>
      </c>
      <c r="O1832" s="115">
        <v>1</v>
      </c>
      <c r="P1832" s="115">
        <v>1</v>
      </c>
      <c r="Q1832" s="115" t="s">
        <v>400</v>
      </c>
      <c r="R1832" s="115">
        <v>1</v>
      </c>
      <c r="S1832" s="115">
        <v>0</v>
      </c>
      <c r="T1832" s="115">
        <v>0</v>
      </c>
      <c r="U1832" s="119"/>
      <c r="V1832" s="119"/>
      <c r="W1832" s="119"/>
      <c r="X1832" s="119"/>
      <c r="Y1832" s="119"/>
      <c r="Z1832" s="119"/>
      <c r="AA1832" s="119"/>
      <c r="AB1832" s="119"/>
      <c r="AC1832" s="119"/>
      <c r="AD1832" s="119"/>
      <c r="AE1832" s="119"/>
      <c r="AF1832" s="119"/>
      <c r="AG1832" s="119"/>
      <c r="AH1832" s="119"/>
      <c r="AI1832" s="119"/>
      <c r="AJ1832" s="119"/>
      <c r="AK1832" s="119"/>
      <c r="AL1832" s="119"/>
      <c r="AM1832" s="119"/>
      <c r="AN1832" s="119"/>
      <c r="AO1832" s="119"/>
      <c r="AP1832" s="119"/>
      <c r="AQ1832" s="119"/>
      <c r="AR1832" s="119"/>
      <c r="AS1832" s="119"/>
      <c r="AT1832" s="119"/>
      <c r="AU1832" s="119"/>
      <c r="AV1832" s="119"/>
      <c r="AW1832" s="119"/>
      <c r="AX1832" s="119"/>
      <c r="AY1832" s="119"/>
      <c r="AZ1832" s="119"/>
      <c r="BA1832" s="119"/>
      <c r="BB1832" s="107">
        <v>45884</v>
      </c>
    </row>
    <row r="1833" spans="1:54" s="207" customFormat="1" ht="13.95" customHeight="1" x14ac:dyDescent="0.25">
      <c r="A1833" s="208" t="s">
        <v>4408</v>
      </c>
      <c r="B1833" s="209" t="s">
        <v>20420</v>
      </c>
      <c r="C1833" s="113" t="s">
        <v>4409</v>
      </c>
      <c r="D1833" s="113" t="s">
        <v>23522</v>
      </c>
      <c r="E1833" s="210">
        <v>2004</v>
      </c>
      <c r="F1833" s="210">
        <v>2470</v>
      </c>
      <c r="G1833" s="113" t="s">
        <v>1</v>
      </c>
      <c r="H1833" s="113">
        <v>0</v>
      </c>
      <c r="I1833" s="113">
        <v>0</v>
      </c>
      <c r="J1833" s="115">
        <v>1</v>
      </c>
      <c r="K1833" s="116" t="s">
        <v>174</v>
      </c>
      <c r="L1833" s="115">
        <v>1</v>
      </c>
      <c r="M1833" s="115">
        <v>1</v>
      </c>
      <c r="N1833" s="115">
        <v>0</v>
      </c>
      <c r="O1833" s="115">
        <v>0</v>
      </c>
      <c r="P1833" s="115" t="s">
        <v>400</v>
      </c>
      <c r="Q1833" s="115" t="s">
        <v>400</v>
      </c>
      <c r="R1833" s="115">
        <v>0</v>
      </c>
      <c r="S1833" s="115">
        <v>0</v>
      </c>
      <c r="T1833" s="115">
        <v>0</v>
      </c>
      <c r="U1833" s="119"/>
      <c r="V1833" s="119"/>
      <c r="W1833" s="119"/>
      <c r="X1833" s="119"/>
      <c r="Y1833" s="119"/>
      <c r="Z1833" s="119"/>
      <c r="AA1833" s="119"/>
      <c r="AB1833" s="119"/>
      <c r="AC1833" s="119"/>
      <c r="AD1833" s="119"/>
      <c r="AE1833" s="119"/>
      <c r="AF1833" s="119"/>
      <c r="AG1833" s="119"/>
      <c r="AH1833" s="119"/>
      <c r="AI1833" s="119"/>
      <c r="AJ1833" s="119"/>
      <c r="AK1833" s="119"/>
      <c r="AL1833" s="119"/>
      <c r="AM1833" s="119"/>
      <c r="AN1833" s="119"/>
      <c r="AO1833" s="119"/>
      <c r="AP1833" s="119"/>
      <c r="AQ1833" s="119"/>
      <c r="AR1833" s="119"/>
      <c r="AS1833" s="119"/>
      <c r="AT1833" s="119"/>
      <c r="AU1833" s="119"/>
      <c r="AV1833" s="119"/>
      <c r="AW1833" s="119"/>
      <c r="AX1833" s="119"/>
      <c r="AY1833" s="119"/>
      <c r="AZ1833" s="119"/>
      <c r="BA1833" s="119"/>
      <c r="BB1833" s="107">
        <v>45884</v>
      </c>
    </row>
    <row r="1834" spans="1:54" s="207" customFormat="1" ht="13.95" customHeight="1" x14ac:dyDescent="0.25">
      <c r="A1834" s="208" t="s">
        <v>4410</v>
      </c>
      <c r="B1834" s="209" t="s">
        <v>20420</v>
      </c>
      <c r="C1834" s="113" t="s">
        <v>4411</v>
      </c>
      <c r="D1834" s="113" t="s">
        <v>23523</v>
      </c>
      <c r="E1834" s="210">
        <v>1977</v>
      </c>
      <c r="F1834" s="210">
        <v>2474</v>
      </c>
      <c r="G1834" s="113" t="s">
        <v>1</v>
      </c>
      <c r="H1834" s="113">
        <v>0</v>
      </c>
      <c r="I1834" s="113">
        <v>0</v>
      </c>
      <c r="J1834" s="115">
        <v>1</v>
      </c>
      <c r="K1834" s="211">
        <v>1</v>
      </c>
      <c r="L1834" s="115">
        <v>1</v>
      </c>
      <c r="M1834" s="115">
        <v>0</v>
      </c>
      <c r="N1834" s="115">
        <v>1</v>
      </c>
      <c r="O1834" s="115">
        <v>1</v>
      </c>
      <c r="P1834" s="115">
        <v>1</v>
      </c>
      <c r="Q1834" s="115">
        <v>1</v>
      </c>
      <c r="R1834" s="115">
        <v>1</v>
      </c>
      <c r="S1834" s="115">
        <v>0</v>
      </c>
      <c r="T1834" s="115">
        <v>0</v>
      </c>
      <c r="U1834" s="119"/>
      <c r="V1834" s="119"/>
      <c r="W1834" s="119"/>
      <c r="X1834" s="119"/>
      <c r="Y1834" s="119"/>
      <c r="Z1834" s="119"/>
      <c r="AA1834" s="119"/>
      <c r="AB1834" s="119"/>
      <c r="AC1834" s="119"/>
      <c r="AD1834" s="119"/>
      <c r="AE1834" s="119"/>
      <c r="AF1834" s="119"/>
      <c r="AG1834" s="119"/>
      <c r="AH1834" s="119"/>
      <c r="AI1834" s="119"/>
      <c r="AJ1834" s="119"/>
      <c r="AK1834" s="119"/>
      <c r="AL1834" s="119"/>
      <c r="AM1834" s="119"/>
      <c r="AN1834" s="119"/>
      <c r="AO1834" s="119"/>
      <c r="AP1834" s="119"/>
      <c r="AQ1834" s="119"/>
      <c r="AR1834" s="119"/>
      <c r="AS1834" s="119"/>
      <c r="AT1834" s="119"/>
      <c r="AU1834" s="119"/>
      <c r="AV1834" s="119"/>
      <c r="AW1834" s="119"/>
      <c r="AX1834" s="119"/>
      <c r="AY1834" s="119"/>
      <c r="AZ1834" s="119"/>
      <c r="BA1834" s="119"/>
      <c r="BB1834" s="107">
        <v>45884</v>
      </c>
    </row>
    <row r="1835" spans="1:54" s="207" customFormat="1" ht="13.95" customHeight="1" x14ac:dyDescent="0.25">
      <c r="A1835" s="208" t="s">
        <v>4412</v>
      </c>
      <c r="B1835" s="209" t="s">
        <v>20420</v>
      </c>
      <c r="C1835" s="113" t="s">
        <v>4413</v>
      </c>
      <c r="D1835" s="113" t="s">
        <v>4414</v>
      </c>
      <c r="E1835" s="210">
        <v>1984</v>
      </c>
      <c r="F1835" s="210">
        <v>2476</v>
      </c>
      <c r="G1835" s="113" t="s">
        <v>1</v>
      </c>
      <c r="H1835" s="113">
        <v>1</v>
      </c>
      <c r="I1835" s="113">
        <v>1</v>
      </c>
      <c r="J1835" s="115">
        <v>1</v>
      </c>
      <c r="K1835" s="116" t="s">
        <v>174</v>
      </c>
      <c r="L1835" s="115">
        <v>0</v>
      </c>
      <c r="M1835" s="115">
        <v>0</v>
      </c>
      <c r="N1835" s="115">
        <v>1</v>
      </c>
      <c r="O1835" s="115">
        <v>0</v>
      </c>
      <c r="P1835" s="115" t="s">
        <v>400</v>
      </c>
      <c r="Q1835" s="115" t="s">
        <v>400</v>
      </c>
      <c r="R1835" s="115">
        <v>0</v>
      </c>
      <c r="S1835" s="115">
        <v>0</v>
      </c>
      <c r="T1835" s="115">
        <v>0</v>
      </c>
      <c r="U1835" s="119"/>
      <c r="V1835" s="119"/>
      <c r="W1835" s="119"/>
      <c r="X1835" s="119"/>
      <c r="Y1835" s="119"/>
      <c r="Z1835" s="119"/>
      <c r="AA1835" s="119"/>
      <c r="AB1835" s="119"/>
      <c r="AC1835" s="119"/>
      <c r="AD1835" s="119"/>
      <c r="AE1835" s="119"/>
      <c r="AF1835" s="119"/>
      <c r="AG1835" s="119"/>
      <c r="AH1835" s="119"/>
      <c r="AI1835" s="119"/>
      <c r="AJ1835" s="119"/>
      <c r="AK1835" s="119"/>
      <c r="AL1835" s="119"/>
      <c r="AM1835" s="119"/>
      <c r="AN1835" s="119"/>
      <c r="AO1835" s="119"/>
      <c r="AP1835" s="119"/>
      <c r="AQ1835" s="119"/>
      <c r="AR1835" s="119"/>
      <c r="AS1835" s="119"/>
      <c r="AT1835" s="119"/>
      <c r="AU1835" s="119"/>
      <c r="AV1835" s="119"/>
      <c r="AW1835" s="119"/>
      <c r="AX1835" s="119"/>
      <c r="AY1835" s="119"/>
      <c r="AZ1835" s="119"/>
      <c r="BA1835" s="119"/>
      <c r="BB1835" s="107">
        <v>45884</v>
      </c>
    </row>
    <row r="1836" spans="1:54" s="207" customFormat="1" ht="13.95" customHeight="1" x14ac:dyDescent="0.25">
      <c r="A1836" s="208" t="s">
        <v>4415</v>
      </c>
      <c r="B1836" s="209" t="s">
        <v>20420</v>
      </c>
      <c r="C1836" s="113" t="s">
        <v>4416</v>
      </c>
      <c r="D1836" s="113" t="s">
        <v>23524</v>
      </c>
      <c r="E1836" s="210">
        <v>1975</v>
      </c>
      <c r="F1836" s="210">
        <v>2477</v>
      </c>
      <c r="G1836" s="113" t="s">
        <v>1</v>
      </c>
      <c r="H1836" s="113">
        <v>0</v>
      </c>
      <c r="I1836" s="113">
        <v>0</v>
      </c>
      <c r="J1836" s="115">
        <v>1</v>
      </c>
      <c r="K1836" s="116" t="s">
        <v>174</v>
      </c>
      <c r="L1836" s="115">
        <v>1</v>
      </c>
      <c r="M1836" s="115">
        <v>1</v>
      </c>
      <c r="N1836" s="115">
        <v>1</v>
      </c>
      <c r="O1836" s="115">
        <v>1</v>
      </c>
      <c r="P1836" s="115" t="s">
        <v>400</v>
      </c>
      <c r="Q1836" s="115" t="s">
        <v>400</v>
      </c>
      <c r="R1836" s="115">
        <v>0</v>
      </c>
      <c r="S1836" s="115">
        <v>0</v>
      </c>
      <c r="T1836" s="115">
        <v>0</v>
      </c>
      <c r="U1836" s="119"/>
      <c r="V1836" s="119"/>
      <c r="W1836" s="119"/>
      <c r="X1836" s="119"/>
      <c r="Y1836" s="119"/>
      <c r="Z1836" s="119"/>
      <c r="AA1836" s="119"/>
      <c r="AB1836" s="119"/>
      <c r="AC1836" s="119"/>
      <c r="AD1836" s="119"/>
      <c r="AE1836" s="119"/>
      <c r="AF1836" s="119"/>
      <c r="AG1836" s="119"/>
      <c r="AH1836" s="119"/>
      <c r="AI1836" s="119"/>
      <c r="AJ1836" s="119"/>
      <c r="AK1836" s="119"/>
      <c r="AL1836" s="119"/>
      <c r="AM1836" s="119"/>
      <c r="AN1836" s="119"/>
      <c r="AO1836" s="119"/>
      <c r="AP1836" s="119"/>
      <c r="AQ1836" s="119"/>
      <c r="AR1836" s="119"/>
      <c r="AS1836" s="119"/>
      <c r="AT1836" s="119"/>
      <c r="AU1836" s="119"/>
      <c r="AV1836" s="119"/>
      <c r="AW1836" s="119"/>
      <c r="AX1836" s="119"/>
      <c r="AY1836" s="119"/>
      <c r="AZ1836" s="119"/>
      <c r="BA1836" s="119"/>
      <c r="BB1836" s="107">
        <v>45884</v>
      </c>
    </row>
    <row r="1837" spans="1:54" s="207" customFormat="1" ht="13.95" customHeight="1" x14ac:dyDescent="0.25">
      <c r="A1837" s="208" t="s">
        <v>4417</v>
      </c>
      <c r="B1837" s="209" t="s">
        <v>20420</v>
      </c>
      <c r="C1837" s="113" t="s">
        <v>4418</v>
      </c>
      <c r="D1837" s="113" t="s">
        <v>4419</v>
      </c>
      <c r="E1837" s="210">
        <v>1978</v>
      </c>
      <c r="F1837" s="210">
        <v>2478</v>
      </c>
      <c r="G1837" s="113" t="s">
        <v>1</v>
      </c>
      <c r="H1837" s="113">
        <v>0</v>
      </c>
      <c r="I1837" s="113">
        <v>0</v>
      </c>
      <c r="J1837" s="115">
        <v>1</v>
      </c>
      <c r="K1837" s="116" t="s">
        <v>174</v>
      </c>
      <c r="L1837" s="115">
        <v>1</v>
      </c>
      <c r="M1837" s="115">
        <v>0</v>
      </c>
      <c r="N1837" s="115">
        <v>1</v>
      </c>
      <c r="O1837" s="115">
        <v>1</v>
      </c>
      <c r="P1837" s="115">
        <v>1</v>
      </c>
      <c r="Q1837" s="115" t="s">
        <v>400</v>
      </c>
      <c r="R1837" s="115">
        <v>1</v>
      </c>
      <c r="S1837" s="115">
        <v>0</v>
      </c>
      <c r="T1837" s="115">
        <v>0</v>
      </c>
      <c r="U1837" s="119"/>
      <c r="V1837" s="119"/>
      <c r="W1837" s="119"/>
      <c r="X1837" s="119"/>
      <c r="Y1837" s="119"/>
      <c r="Z1837" s="119"/>
      <c r="AA1837" s="119"/>
      <c r="AB1837" s="119"/>
      <c r="AC1837" s="119"/>
      <c r="AD1837" s="119"/>
      <c r="AE1837" s="119"/>
      <c r="AF1837" s="119"/>
      <c r="AG1837" s="119"/>
      <c r="AH1837" s="119"/>
      <c r="AI1837" s="119"/>
      <c r="AJ1837" s="119"/>
      <c r="AK1837" s="119"/>
      <c r="AL1837" s="119"/>
      <c r="AM1837" s="119"/>
      <c r="AN1837" s="119"/>
      <c r="AO1837" s="119"/>
      <c r="AP1837" s="119"/>
      <c r="AQ1837" s="119"/>
      <c r="AR1837" s="119"/>
      <c r="AS1837" s="119"/>
      <c r="AT1837" s="119"/>
      <c r="AU1837" s="119"/>
      <c r="AV1837" s="119"/>
      <c r="AW1837" s="119"/>
      <c r="AX1837" s="119"/>
      <c r="AY1837" s="119"/>
      <c r="AZ1837" s="119"/>
      <c r="BA1837" s="119"/>
      <c r="BB1837" s="107">
        <v>45884</v>
      </c>
    </row>
    <row r="1838" spans="1:54" s="207" customFormat="1" ht="13.95" customHeight="1" x14ac:dyDescent="0.25">
      <c r="A1838" s="208" t="s">
        <v>4420</v>
      </c>
      <c r="B1838" s="209" t="s">
        <v>20420</v>
      </c>
      <c r="C1838" s="113" t="s">
        <v>4421</v>
      </c>
      <c r="D1838" s="113" t="s">
        <v>4422</v>
      </c>
      <c r="E1838" s="210">
        <v>1982</v>
      </c>
      <c r="F1838" s="210">
        <v>2479</v>
      </c>
      <c r="G1838" s="113" t="s">
        <v>1</v>
      </c>
      <c r="H1838" s="113">
        <v>1</v>
      </c>
      <c r="I1838" s="113">
        <v>1</v>
      </c>
      <c r="J1838" s="115">
        <v>0</v>
      </c>
      <c r="K1838" s="116" t="s">
        <v>174</v>
      </c>
      <c r="L1838" s="115">
        <v>0</v>
      </c>
      <c r="M1838" s="115">
        <v>0</v>
      </c>
      <c r="N1838" s="115">
        <v>0</v>
      </c>
      <c r="O1838" s="115">
        <v>0</v>
      </c>
      <c r="P1838" s="115" t="s">
        <v>400</v>
      </c>
      <c r="Q1838" s="115" t="s">
        <v>400</v>
      </c>
      <c r="R1838" s="115">
        <v>0</v>
      </c>
      <c r="S1838" s="115">
        <v>0</v>
      </c>
      <c r="T1838" s="115">
        <v>0</v>
      </c>
      <c r="U1838" s="119"/>
      <c r="V1838" s="119"/>
      <c r="W1838" s="119"/>
      <c r="X1838" s="119"/>
      <c r="Y1838" s="119"/>
      <c r="Z1838" s="119"/>
      <c r="AA1838" s="119"/>
      <c r="AB1838" s="119"/>
      <c r="AC1838" s="119"/>
      <c r="AD1838" s="119"/>
      <c r="AE1838" s="119"/>
      <c r="AF1838" s="119"/>
      <c r="AG1838" s="119"/>
      <c r="AH1838" s="119"/>
      <c r="AI1838" s="119"/>
      <c r="AJ1838" s="119"/>
      <c r="AK1838" s="119"/>
      <c r="AL1838" s="119"/>
      <c r="AM1838" s="119"/>
      <c r="AN1838" s="119"/>
      <c r="AO1838" s="119"/>
      <c r="AP1838" s="119"/>
      <c r="AQ1838" s="119"/>
      <c r="AR1838" s="119"/>
      <c r="AS1838" s="119"/>
      <c r="AT1838" s="119"/>
      <c r="AU1838" s="119"/>
      <c r="AV1838" s="119"/>
      <c r="AW1838" s="119"/>
      <c r="AX1838" s="119"/>
      <c r="AY1838" s="119"/>
      <c r="AZ1838" s="119"/>
      <c r="BA1838" s="119"/>
      <c r="BB1838" s="107">
        <v>45884</v>
      </c>
    </row>
    <row r="1839" spans="1:54" s="207" customFormat="1" ht="13.95" customHeight="1" x14ac:dyDescent="0.25">
      <c r="A1839" s="208" t="s">
        <v>4423</v>
      </c>
      <c r="B1839" s="209" t="s">
        <v>20420</v>
      </c>
      <c r="C1839" s="113" t="s">
        <v>4424</v>
      </c>
      <c r="D1839" s="113" t="s">
        <v>23525</v>
      </c>
      <c r="E1839" s="210">
        <v>1976</v>
      </c>
      <c r="F1839" s="210">
        <v>2488</v>
      </c>
      <c r="G1839" s="113" t="s">
        <v>1</v>
      </c>
      <c r="H1839" s="113">
        <v>0</v>
      </c>
      <c r="I1839" s="113">
        <v>0</v>
      </c>
      <c r="J1839" s="115">
        <v>1</v>
      </c>
      <c r="K1839" s="116" t="s">
        <v>174</v>
      </c>
      <c r="L1839" s="115">
        <v>1</v>
      </c>
      <c r="M1839" s="115">
        <v>0</v>
      </c>
      <c r="N1839" s="115">
        <v>0</v>
      </c>
      <c r="O1839" s="115">
        <v>1</v>
      </c>
      <c r="P1839" s="115">
        <v>1</v>
      </c>
      <c r="Q1839" s="115" t="s">
        <v>400</v>
      </c>
      <c r="R1839" s="115">
        <v>1</v>
      </c>
      <c r="S1839" s="115">
        <v>0</v>
      </c>
      <c r="T1839" s="115">
        <v>0</v>
      </c>
      <c r="U1839" s="119"/>
      <c r="V1839" s="119"/>
      <c r="W1839" s="119"/>
      <c r="X1839" s="119"/>
      <c r="Y1839" s="119"/>
      <c r="Z1839" s="119"/>
      <c r="AA1839" s="119"/>
      <c r="AB1839" s="119"/>
      <c r="AC1839" s="119"/>
      <c r="AD1839" s="119"/>
      <c r="AE1839" s="119"/>
      <c r="AF1839" s="119"/>
      <c r="AG1839" s="119"/>
      <c r="AH1839" s="119"/>
      <c r="AI1839" s="119"/>
      <c r="AJ1839" s="119"/>
      <c r="AK1839" s="119"/>
      <c r="AL1839" s="119"/>
      <c r="AM1839" s="119"/>
      <c r="AN1839" s="119"/>
      <c r="AO1839" s="119"/>
      <c r="AP1839" s="119"/>
      <c r="AQ1839" s="119"/>
      <c r="AR1839" s="119"/>
      <c r="AS1839" s="119"/>
      <c r="AT1839" s="119"/>
      <c r="AU1839" s="119"/>
      <c r="AV1839" s="119"/>
      <c r="AW1839" s="119"/>
      <c r="AX1839" s="119"/>
      <c r="AY1839" s="119"/>
      <c r="AZ1839" s="119"/>
      <c r="BA1839" s="119"/>
      <c r="BB1839" s="107">
        <v>45884</v>
      </c>
    </row>
    <row r="1840" spans="1:54" s="207" customFormat="1" ht="13.95" customHeight="1" x14ac:dyDescent="0.25">
      <c r="A1840" s="208" t="s">
        <v>4425</v>
      </c>
      <c r="B1840" s="209" t="s">
        <v>20420</v>
      </c>
      <c r="C1840" s="113" t="s">
        <v>4426</v>
      </c>
      <c r="D1840" s="113" t="s">
        <v>23526</v>
      </c>
      <c r="E1840" s="210">
        <v>1973</v>
      </c>
      <c r="F1840" s="210">
        <v>2492</v>
      </c>
      <c r="G1840" s="113" t="s">
        <v>1</v>
      </c>
      <c r="H1840" s="113">
        <v>0</v>
      </c>
      <c r="I1840" s="113">
        <v>0</v>
      </c>
      <c r="J1840" s="115">
        <v>1</v>
      </c>
      <c r="K1840" s="116" t="s">
        <v>174</v>
      </c>
      <c r="L1840" s="115">
        <v>1</v>
      </c>
      <c r="M1840" s="115">
        <v>1</v>
      </c>
      <c r="N1840" s="115">
        <v>0</v>
      </c>
      <c r="O1840" s="115">
        <v>0</v>
      </c>
      <c r="P1840" s="115" t="s">
        <v>400</v>
      </c>
      <c r="Q1840" s="115" t="s">
        <v>400</v>
      </c>
      <c r="R1840" s="115">
        <v>1</v>
      </c>
      <c r="S1840" s="115">
        <v>0</v>
      </c>
      <c r="T1840" s="115">
        <v>0</v>
      </c>
      <c r="U1840" s="119"/>
      <c r="V1840" s="119"/>
      <c r="W1840" s="119"/>
      <c r="X1840" s="119"/>
      <c r="Y1840" s="119"/>
      <c r="Z1840" s="119"/>
      <c r="AA1840" s="119"/>
      <c r="AB1840" s="119"/>
      <c r="AC1840" s="119"/>
      <c r="AD1840" s="119"/>
      <c r="AE1840" s="119"/>
      <c r="AF1840" s="119"/>
      <c r="AG1840" s="119"/>
      <c r="AH1840" s="119"/>
      <c r="AI1840" s="119"/>
      <c r="AJ1840" s="119"/>
      <c r="AK1840" s="119"/>
      <c r="AL1840" s="119"/>
      <c r="AM1840" s="119"/>
      <c r="AN1840" s="119"/>
      <c r="AO1840" s="119"/>
      <c r="AP1840" s="119"/>
      <c r="AQ1840" s="119"/>
      <c r="AR1840" s="119"/>
      <c r="AS1840" s="119"/>
      <c r="AT1840" s="119"/>
      <c r="AU1840" s="119"/>
      <c r="AV1840" s="119"/>
      <c r="AW1840" s="119"/>
      <c r="AX1840" s="119"/>
      <c r="AY1840" s="119"/>
      <c r="AZ1840" s="119"/>
      <c r="BA1840" s="119"/>
      <c r="BB1840" s="107">
        <v>45884</v>
      </c>
    </row>
    <row r="1841" spans="1:54" s="207" customFormat="1" ht="13.95" customHeight="1" x14ac:dyDescent="0.25">
      <c r="A1841" s="208" t="s">
        <v>4427</v>
      </c>
      <c r="B1841" s="209" t="s">
        <v>20420</v>
      </c>
      <c r="C1841" s="113" t="s">
        <v>4428</v>
      </c>
      <c r="D1841" s="113" t="s">
        <v>4429</v>
      </c>
      <c r="E1841" s="210">
        <v>1972</v>
      </c>
      <c r="F1841" s="210">
        <v>2493</v>
      </c>
      <c r="G1841" s="113" t="s">
        <v>1</v>
      </c>
      <c r="H1841" s="113">
        <v>0</v>
      </c>
      <c r="I1841" s="113">
        <v>0</v>
      </c>
      <c r="J1841" s="115">
        <v>1</v>
      </c>
      <c r="K1841" s="211">
        <v>1</v>
      </c>
      <c r="L1841" s="115">
        <v>0</v>
      </c>
      <c r="M1841" s="115">
        <v>0</v>
      </c>
      <c r="N1841" s="115">
        <v>0</v>
      </c>
      <c r="O1841" s="115">
        <v>1</v>
      </c>
      <c r="P1841" s="115" t="s">
        <v>400</v>
      </c>
      <c r="Q1841" s="115" t="s">
        <v>400</v>
      </c>
      <c r="R1841" s="115">
        <v>0</v>
      </c>
      <c r="S1841" s="115">
        <v>0</v>
      </c>
      <c r="T1841" s="115">
        <v>0</v>
      </c>
      <c r="U1841" s="119"/>
      <c r="V1841" s="119"/>
      <c r="W1841" s="119"/>
      <c r="X1841" s="119"/>
      <c r="Y1841" s="119"/>
      <c r="Z1841" s="119"/>
      <c r="AA1841" s="119"/>
      <c r="AB1841" s="119"/>
      <c r="AC1841" s="119"/>
      <c r="AD1841" s="119"/>
      <c r="AE1841" s="119"/>
      <c r="AF1841" s="119"/>
      <c r="AG1841" s="119"/>
      <c r="AH1841" s="119"/>
      <c r="AI1841" s="119"/>
      <c r="AJ1841" s="119"/>
      <c r="AK1841" s="119"/>
      <c r="AL1841" s="119"/>
      <c r="AM1841" s="119"/>
      <c r="AN1841" s="119"/>
      <c r="AO1841" s="119"/>
      <c r="AP1841" s="119"/>
      <c r="AQ1841" s="119"/>
      <c r="AR1841" s="119"/>
      <c r="AS1841" s="119"/>
      <c r="AT1841" s="119"/>
      <c r="AU1841" s="119"/>
      <c r="AV1841" s="119"/>
      <c r="AW1841" s="119"/>
      <c r="AX1841" s="119"/>
      <c r="AY1841" s="119"/>
      <c r="AZ1841" s="119"/>
      <c r="BA1841" s="119"/>
      <c r="BB1841" s="107">
        <v>45884</v>
      </c>
    </row>
    <row r="1842" spans="1:54" s="207" customFormat="1" ht="13.95" customHeight="1" x14ac:dyDescent="0.25">
      <c r="A1842" s="208" t="s">
        <v>4430</v>
      </c>
      <c r="B1842" s="209" t="s">
        <v>20420</v>
      </c>
      <c r="C1842" s="113" t="s">
        <v>4431</v>
      </c>
      <c r="D1842" s="113" t="s">
        <v>4432</v>
      </c>
      <c r="E1842" s="210">
        <v>1990</v>
      </c>
      <c r="F1842" s="210">
        <v>2494</v>
      </c>
      <c r="G1842" s="113" t="s">
        <v>1</v>
      </c>
      <c r="H1842" s="113">
        <v>0</v>
      </c>
      <c r="I1842" s="113">
        <v>0</v>
      </c>
      <c r="J1842" s="115">
        <v>1</v>
      </c>
      <c r="K1842" s="211">
        <v>1</v>
      </c>
      <c r="L1842" s="115">
        <v>1</v>
      </c>
      <c r="M1842" s="115">
        <v>0</v>
      </c>
      <c r="N1842" s="115">
        <v>0</v>
      </c>
      <c r="O1842" s="115">
        <v>1</v>
      </c>
      <c r="P1842" s="115">
        <v>1</v>
      </c>
      <c r="Q1842" s="115">
        <v>1</v>
      </c>
      <c r="R1842" s="115">
        <v>1</v>
      </c>
      <c r="S1842" s="115">
        <v>0</v>
      </c>
      <c r="T1842" s="115">
        <v>0</v>
      </c>
      <c r="U1842" s="119"/>
      <c r="V1842" s="119"/>
      <c r="W1842" s="119"/>
      <c r="X1842" s="119"/>
      <c r="Y1842" s="119"/>
      <c r="Z1842" s="119"/>
      <c r="AA1842" s="119"/>
      <c r="AB1842" s="119"/>
      <c r="AC1842" s="119"/>
      <c r="AD1842" s="119"/>
      <c r="AE1842" s="119"/>
      <c r="AF1842" s="119"/>
      <c r="AG1842" s="119"/>
      <c r="AH1842" s="119"/>
      <c r="AI1842" s="119"/>
      <c r="AJ1842" s="119"/>
      <c r="AK1842" s="119"/>
      <c r="AL1842" s="119"/>
      <c r="AM1842" s="119"/>
      <c r="AN1842" s="119"/>
      <c r="AO1842" s="119"/>
      <c r="AP1842" s="119"/>
      <c r="AQ1842" s="119"/>
      <c r="AR1842" s="119"/>
      <c r="AS1842" s="119"/>
      <c r="AT1842" s="119"/>
      <c r="AU1842" s="119"/>
      <c r="AV1842" s="119"/>
      <c r="AW1842" s="119"/>
      <c r="AX1842" s="119"/>
      <c r="AY1842" s="119"/>
      <c r="AZ1842" s="119"/>
      <c r="BA1842" s="119"/>
      <c r="BB1842" s="107">
        <v>45884</v>
      </c>
    </row>
    <row r="1843" spans="1:54" s="207" customFormat="1" ht="13.95" customHeight="1" x14ac:dyDescent="0.25">
      <c r="A1843" s="208" t="s">
        <v>4433</v>
      </c>
      <c r="B1843" s="209" t="s">
        <v>20420</v>
      </c>
      <c r="C1843" s="113" t="s">
        <v>4434</v>
      </c>
      <c r="D1843" s="113" t="s">
        <v>4435</v>
      </c>
      <c r="E1843" s="210">
        <v>1951</v>
      </c>
      <c r="F1843" s="210">
        <v>2495</v>
      </c>
      <c r="G1843" s="113" t="s">
        <v>1</v>
      </c>
      <c r="H1843" s="113">
        <v>0</v>
      </c>
      <c r="I1843" s="113">
        <v>0</v>
      </c>
      <c r="J1843" s="115">
        <v>1</v>
      </c>
      <c r="K1843" s="116" t="s">
        <v>174</v>
      </c>
      <c r="L1843" s="115">
        <v>1</v>
      </c>
      <c r="M1843" s="115">
        <v>0</v>
      </c>
      <c r="N1843" s="115">
        <v>0</v>
      </c>
      <c r="O1843" s="115">
        <v>1</v>
      </c>
      <c r="P1843" s="115">
        <v>1</v>
      </c>
      <c r="Q1843" s="115" t="s">
        <v>400</v>
      </c>
      <c r="R1843" s="115">
        <v>1</v>
      </c>
      <c r="S1843" s="115">
        <v>0</v>
      </c>
      <c r="T1843" s="115">
        <v>0</v>
      </c>
      <c r="U1843" s="119"/>
      <c r="V1843" s="119"/>
      <c r="W1843" s="119"/>
      <c r="X1843" s="119"/>
      <c r="Y1843" s="119"/>
      <c r="Z1843" s="119"/>
      <c r="AA1843" s="119"/>
      <c r="AB1843" s="119"/>
      <c r="AC1843" s="119"/>
      <c r="AD1843" s="119"/>
      <c r="AE1843" s="119"/>
      <c r="AF1843" s="119"/>
      <c r="AG1843" s="119"/>
      <c r="AH1843" s="119"/>
      <c r="AI1843" s="119"/>
      <c r="AJ1843" s="119"/>
      <c r="AK1843" s="119"/>
      <c r="AL1843" s="119"/>
      <c r="AM1843" s="119"/>
      <c r="AN1843" s="119"/>
      <c r="AO1843" s="119"/>
      <c r="AP1843" s="119"/>
      <c r="AQ1843" s="119"/>
      <c r="AR1843" s="119"/>
      <c r="AS1843" s="119"/>
      <c r="AT1843" s="119"/>
      <c r="AU1843" s="119"/>
      <c r="AV1843" s="119"/>
      <c r="AW1843" s="119"/>
      <c r="AX1843" s="119"/>
      <c r="AY1843" s="119"/>
      <c r="AZ1843" s="119"/>
      <c r="BA1843" s="119"/>
      <c r="BB1843" s="107">
        <v>45884</v>
      </c>
    </row>
    <row r="1844" spans="1:54" s="207" customFormat="1" ht="13.95" customHeight="1" x14ac:dyDescent="0.25">
      <c r="A1844" s="208" t="s">
        <v>4436</v>
      </c>
      <c r="B1844" s="209" t="s">
        <v>20420</v>
      </c>
      <c r="C1844" s="113" t="s">
        <v>4437</v>
      </c>
      <c r="D1844" s="113" t="s">
        <v>23527</v>
      </c>
      <c r="E1844" s="210">
        <v>1993</v>
      </c>
      <c r="F1844" s="210">
        <v>5305</v>
      </c>
      <c r="G1844" s="113" t="s">
        <v>1</v>
      </c>
      <c r="H1844" s="113">
        <v>0</v>
      </c>
      <c r="I1844" s="113">
        <v>0</v>
      </c>
      <c r="J1844" s="115">
        <v>1</v>
      </c>
      <c r="K1844" s="116" t="s">
        <v>174</v>
      </c>
      <c r="L1844" s="115">
        <v>0</v>
      </c>
      <c r="M1844" s="115">
        <v>1</v>
      </c>
      <c r="N1844" s="115">
        <v>0</v>
      </c>
      <c r="O1844" s="115">
        <v>0</v>
      </c>
      <c r="P1844" s="115" t="s">
        <v>400</v>
      </c>
      <c r="Q1844" s="115" t="s">
        <v>400</v>
      </c>
      <c r="R1844" s="115">
        <v>0</v>
      </c>
      <c r="S1844" s="115">
        <v>0</v>
      </c>
      <c r="T1844" s="115">
        <v>0</v>
      </c>
      <c r="U1844" s="119"/>
      <c r="V1844" s="119"/>
      <c r="W1844" s="119"/>
      <c r="X1844" s="119"/>
      <c r="Y1844" s="119"/>
      <c r="Z1844" s="119"/>
      <c r="AA1844" s="119"/>
      <c r="AB1844" s="119"/>
      <c r="AC1844" s="119"/>
      <c r="AD1844" s="119"/>
      <c r="AE1844" s="119"/>
      <c r="AF1844" s="119"/>
      <c r="AG1844" s="119"/>
      <c r="AH1844" s="119"/>
      <c r="AI1844" s="119"/>
      <c r="AJ1844" s="119"/>
      <c r="AK1844" s="119"/>
      <c r="AL1844" s="119"/>
      <c r="AM1844" s="119"/>
      <c r="AN1844" s="119"/>
      <c r="AO1844" s="119"/>
      <c r="AP1844" s="119"/>
      <c r="AQ1844" s="119"/>
      <c r="AR1844" s="119"/>
      <c r="AS1844" s="119"/>
      <c r="AT1844" s="119"/>
      <c r="AU1844" s="119"/>
      <c r="AV1844" s="119"/>
      <c r="AW1844" s="119"/>
      <c r="AX1844" s="119"/>
      <c r="AY1844" s="119"/>
      <c r="AZ1844" s="119"/>
      <c r="BA1844" s="119"/>
      <c r="BB1844" s="107">
        <v>45884</v>
      </c>
    </row>
    <row r="1845" spans="1:54" s="207" customFormat="1" ht="13.95" customHeight="1" x14ac:dyDescent="0.25">
      <c r="A1845" s="208" t="s">
        <v>4438</v>
      </c>
      <c r="B1845" s="209" t="s">
        <v>20420</v>
      </c>
      <c r="C1845" s="113" t="s">
        <v>4439</v>
      </c>
      <c r="D1845" s="113" t="s">
        <v>23528</v>
      </c>
      <c r="E1845" s="210">
        <v>1974</v>
      </c>
      <c r="F1845" s="210">
        <v>2498</v>
      </c>
      <c r="G1845" s="113" t="s">
        <v>1</v>
      </c>
      <c r="H1845" s="113">
        <v>0</v>
      </c>
      <c r="I1845" s="113">
        <v>0</v>
      </c>
      <c r="J1845" s="115">
        <v>1</v>
      </c>
      <c r="K1845" s="116" t="s">
        <v>174</v>
      </c>
      <c r="L1845" s="115">
        <v>1</v>
      </c>
      <c r="M1845" s="115">
        <v>1</v>
      </c>
      <c r="N1845" s="115">
        <v>0</v>
      </c>
      <c r="O1845" s="115">
        <v>1</v>
      </c>
      <c r="P1845" s="115" t="s">
        <v>400</v>
      </c>
      <c r="Q1845" s="115" t="s">
        <v>400</v>
      </c>
      <c r="R1845" s="115">
        <v>1</v>
      </c>
      <c r="S1845" s="115">
        <v>0</v>
      </c>
      <c r="T1845" s="115">
        <v>0</v>
      </c>
      <c r="U1845" s="119"/>
      <c r="V1845" s="119"/>
      <c r="W1845" s="119"/>
      <c r="X1845" s="119"/>
      <c r="Y1845" s="119"/>
      <c r="Z1845" s="119"/>
      <c r="AA1845" s="119"/>
      <c r="AB1845" s="119"/>
      <c r="AC1845" s="119"/>
      <c r="AD1845" s="119"/>
      <c r="AE1845" s="119"/>
      <c r="AF1845" s="119"/>
      <c r="AG1845" s="119"/>
      <c r="AH1845" s="119"/>
      <c r="AI1845" s="119"/>
      <c r="AJ1845" s="119"/>
      <c r="AK1845" s="119"/>
      <c r="AL1845" s="119"/>
      <c r="AM1845" s="119"/>
      <c r="AN1845" s="119"/>
      <c r="AO1845" s="119"/>
      <c r="AP1845" s="119"/>
      <c r="AQ1845" s="119"/>
      <c r="AR1845" s="119"/>
      <c r="AS1845" s="119"/>
      <c r="AT1845" s="119"/>
      <c r="AU1845" s="119"/>
      <c r="AV1845" s="119"/>
      <c r="AW1845" s="119"/>
      <c r="AX1845" s="119"/>
      <c r="AY1845" s="119"/>
      <c r="AZ1845" s="119"/>
      <c r="BA1845" s="119"/>
      <c r="BB1845" s="107">
        <v>45884</v>
      </c>
    </row>
    <row r="1846" spans="1:54" s="207" customFormat="1" ht="13.95" customHeight="1" x14ac:dyDescent="0.25">
      <c r="A1846" s="208" t="s">
        <v>4440</v>
      </c>
      <c r="B1846" s="209" t="s">
        <v>20420</v>
      </c>
      <c r="C1846" s="113" t="s">
        <v>4441</v>
      </c>
      <c r="D1846" s="113" t="s">
        <v>4442</v>
      </c>
      <c r="E1846" s="210">
        <v>1978</v>
      </c>
      <c r="F1846" s="210">
        <v>2498</v>
      </c>
      <c r="G1846" s="113" t="s">
        <v>1</v>
      </c>
      <c r="H1846" s="113">
        <v>0</v>
      </c>
      <c r="I1846" s="113">
        <v>0</v>
      </c>
      <c r="J1846" s="115">
        <v>1</v>
      </c>
      <c r="K1846" s="116" t="s">
        <v>174</v>
      </c>
      <c r="L1846" s="115">
        <v>1</v>
      </c>
      <c r="M1846" s="115">
        <v>0</v>
      </c>
      <c r="N1846" s="115">
        <v>1</v>
      </c>
      <c r="O1846" s="115">
        <v>1</v>
      </c>
      <c r="P1846" s="115">
        <v>1</v>
      </c>
      <c r="Q1846" s="115" t="s">
        <v>400</v>
      </c>
      <c r="R1846" s="115">
        <v>1</v>
      </c>
      <c r="S1846" s="115">
        <v>0</v>
      </c>
      <c r="T1846" s="115">
        <v>0</v>
      </c>
      <c r="U1846" s="119"/>
      <c r="V1846" s="119"/>
      <c r="W1846" s="119"/>
      <c r="X1846" s="119"/>
      <c r="Y1846" s="119"/>
      <c r="Z1846" s="119"/>
      <c r="AA1846" s="119"/>
      <c r="AB1846" s="119"/>
      <c r="AC1846" s="119"/>
      <c r="AD1846" s="119"/>
      <c r="AE1846" s="119"/>
      <c r="AF1846" s="119"/>
      <c r="AG1846" s="119"/>
      <c r="AH1846" s="119"/>
      <c r="AI1846" s="119"/>
      <c r="AJ1846" s="119"/>
      <c r="AK1846" s="119"/>
      <c r="AL1846" s="119"/>
      <c r="AM1846" s="119"/>
      <c r="AN1846" s="119"/>
      <c r="AO1846" s="119"/>
      <c r="AP1846" s="119"/>
      <c r="AQ1846" s="119"/>
      <c r="AR1846" s="119"/>
      <c r="AS1846" s="119"/>
      <c r="AT1846" s="119"/>
      <c r="AU1846" s="119"/>
      <c r="AV1846" s="119"/>
      <c r="AW1846" s="119"/>
      <c r="AX1846" s="119"/>
      <c r="AY1846" s="119"/>
      <c r="AZ1846" s="119"/>
      <c r="BA1846" s="119"/>
      <c r="BB1846" s="107">
        <v>45884</v>
      </c>
    </row>
    <row r="1847" spans="1:54" s="207" customFormat="1" ht="13.95" customHeight="1" x14ac:dyDescent="0.25">
      <c r="A1847" s="208" t="s">
        <v>4443</v>
      </c>
      <c r="B1847" s="209" t="s">
        <v>20420</v>
      </c>
      <c r="C1847" s="113" t="s">
        <v>4444</v>
      </c>
      <c r="D1847" s="113" t="s">
        <v>23529</v>
      </c>
      <c r="E1847" s="210">
        <v>1964</v>
      </c>
      <c r="F1847" s="210">
        <v>2499</v>
      </c>
      <c r="G1847" s="113" t="s">
        <v>1</v>
      </c>
      <c r="H1847" s="113">
        <v>0</v>
      </c>
      <c r="I1847" s="113">
        <v>0</v>
      </c>
      <c r="J1847" s="115">
        <v>1</v>
      </c>
      <c r="K1847" s="116" t="s">
        <v>174</v>
      </c>
      <c r="L1847" s="115">
        <v>1</v>
      </c>
      <c r="M1847" s="115">
        <v>0</v>
      </c>
      <c r="N1847" s="115">
        <v>0</v>
      </c>
      <c r="O1847" s="115">
        <v>1</v>
      </c>
      <c r="P1847" s="115">
        <v>1</v>
      </c>
      <c r="Q1847" s="115" t="s">
        <v>400</v>
      </c>
      <c r="R1847" s="115">
        <v>1</v>
      </c>
      <c r="S1847" s="115">
        <v>0</v>
      </c>
      <c r="T1847" s="115">
        <v>0</v>
      </c>
      <c r="U1847" s="119"/>
      <c r="V1847" s="119"/>
      <c r="W1847" s="119"/>
      <c r="X1847" s="119"/>
      <c r="Y1847" s="119"/>
      <c r="Z1847" s="119"/>
      <c r="AA1847" s="119"/>
      <c r="AB1847" s="119"/>
      <c r="AC1847" s="119"/>
      <c r="AD1847" s="119"/>
      <c r="AE1847" s="119"/>
      <c r="AF1847" s="119"/>
      <c r="AG1847" s="119"/>
      <c r="AH1847" s="119"/>
      <c r="AI1847" s="119"/>
      <c r="AJ1847" s="119"/>
      <c r="AK1847" s="119"/>
      <c r="AL1847" s="119"/>
      <c r="AM1847" s="119"/>
      <c r="AN1847" s="119"/>
      <c r="AO1847" s="119"/>
      <c r="AP1847" s="119"/>
      <c r="AQ1847" s="119"/>
      <c r="AR1847" s="119"/>
      <c r="AS1847" s="119"/>
      <c r="AT1847" s="119"/>
      <c r="AU1847" s="119"/>
      <c r="AV1847" s="119"/>
      <c r="AW1847" s="119"/>
      <c r="AX1847" s="119"/>
      <c r="AY1847" s="119"/>
      <c r="AZ1847" s="119"/>
      <c r="BA1847" s="119"/>
      <c r="BB1847" s="107">
        <v>45884</v>
      </c>
    </row>
    <row r="1848" spans="1:54" s="207" customFormat="1" ht="13.95" customHeight="1" x14ac:dyDescent="0.25">
      <c r="A1848" s="208" t="s">
        <v>4445</v>
      </c>
      <c r="B1848" s="209" t="s">
        <v>20420</v>
      </c>
      <c r="C1848" s="113" t="s">
        <v>4446</v>
      </c>
      <c r="D1848" s="113" t="s">
        <v>23530</v>
      </c>
      <c r="E1848" s="210">
        <v>1998</v>
      </c>
      <c r="F1848" s="210">
        <v>2500</v>
      </c>
      <c r="G1848" s="113" t="s">
        <v>1</v>
      </c>
      <c r="H1848" s="113">
        <v>0</v>
      </c>
      <c r="I1848" s="113">
        <v>0</v>
      </c>
      <c r="J1848" s="115">
        <v>1</v>
      </c>
      <c r="K1848" s="116" t="s">
        <v>174</v>
      </c>
      <c r="L1848" s="115">
        <v>1</v>
      </c>
      <c r="M1848" s="115">
        <v>0</v>
      </c>
      <c r="N1848" s="115">
        <v>0</v>
      </c>
      <c r="O1848" s="115">
        <v>1</v>
      </c>
      <c r="P1848" s="115">
        <v>1</v>
      </c>
      <c r="Q1848" s="115" t="s">
        <v>400</v>
      </c>
      <c r="R1848" s="115">
        <v>0</v>
      </c>
      <c r="S1848" s="115">
        <v>0</v>
      </c>
      <c r="T1848" s="115">
        <v>0</v>
      </c>
      <c r="U1848" s="119"/>
      <c r="V1848" s="119"/>
      <c r="W1848" s="119"/>
      <c r="X1848" s="119"/>
      <c r="Y1848" s="119"/>
      <c r="Z1848" s="119"/>
      <c r="AA1848" s="119"/>
      <c r="AB1848" s="119"/>
      <c r="AC1848" s="119"/>
      <c r="AD1848" s="119"/>
      <c r="AE1848" s="119"/>
      <c r="AF1848" s="119"/>
      <c r="AG1848" s="119"/>
      <c r="AH1848" s="119"/>
      <c r="AI1848" s="119"/>
      <c r="AJ1848" s="119"/>
      <c r="AK1848" s="119"/>
      <c r="AL1848" s="119"/>
      <c r="AM1848" s="119"/>
      <c r="AN1848" s="119"/>
      <c r="AO1848" s="119"/>
      <c r="AP1848" s="119"/>
      <c r="AQ1848" s="119"/>
      <c r="AR1848" s="119"/>
      <c r="AS1848" s="119"/>
      <c r="AT1848" s="119"/>
      <c r="AU1848" s="119"/>
      <c r="AV1848" s="119"/>
      <c r="AW1848" s="119"/>
      <c r="AX1848" s="119"/>
      <c r="AY1848" s="119"/>
      <c r="AZ1848" s="119"/>
      <c r="BA1848" s="119"/>
      <c r="BB1848" s="107">
        <v>45884</v>
      </c>
    </row>
    <row r="1849" spans="1:54" s="207" customFormat="1" ht="13.95" customHeight="1" x14ac:dyDescent="0.25">
      <c r="A1849" s="208" t="s">
        <v>4447</v>
      </c>
      <c r="B1849" s="209" t="s">
        <v>20420</v>
      </c>
      <c r="C1849" s="113" t="s">
        <v>4448</v>
      </c>
      <c r="D1849" s="113" t="s">
        <v>23531</v>
      </c>
      <c r="E1849" s="210">
        <v>1989</v>
      </c>
      <c r="F1849" s="210">
        <v>2500</v>
      </c>
      <c r="G1849" s="113" t="s">
        <v>1</v>
      </c>
      <c r="H1849" s="113">
        <v>0</v>
      </c>
      <c r="I1849" s="113">
        <v>0</v>
      </c>
      <c r="J1849" s="115">
        <v>1</v>
      </c>
      <c r="K1849" s="116" t="s">
        <v>174</v>
      </c>
      <c r="L1849" s="115">
        <v>1</v>
      </c>
      <c r="M1849" s="115">
        <v>0</v>
      </c>
      <c r="N1849" s="115">
        <v>0</v>
      </c>
      <c r="O1849" s="115">
        <v>0</v>
      </c>
      <c r="P1849" s="115" t="s">
        <v>400</v>
      </c>
      <c r="Q1849" s="115">
        <v>1</v>
      </c>
      <c r="R1849" s="115">
        <v>0</v>
      </c>
      <c r="S1849" s="115">
        <v>0</v>
      </c>
      <c r="T1849" s="115">
        <v>0</v>
      </c>
      <c r="U1849" s="119"/>
      <c r="V1849" s="119"/>
      <c r="W1849" s="119"/>
      <c r="X1849" s="119"/>
      <c r="Y1849" s="119"/>
      <c r="Z1849" s="119"/>
      <c r="AA1849" s="119"/>
      <c r="AB1849" s="119"/>
      <c r="AC1849" s="119"/>
      <c r="AD1849" s="119"/>
      <c r="AE1849" s="119"/>
      <c r="AF1849" s="119"/>
      <c r="AG1849" s="119"/>
      <c r="AH1849" s="119"/>
      <c r="AI1849" s="119"/>
      <c r="AJ1849" s="119"/>
      <c r="AK1849" s="119"/>
      <c r="AL1849" s="119"/>
      <c r="AM1849" s="119"/>
      <c r="AN1849" s="119"/>
      <c r="AO1849" s="119"/>
      <c r="AP1849" s="119"/>
      <c r="AQ1849" s="119"/>
      <c r="AR1849" s="119"/>
      <c r="AS1849" s="119"/>
      <c r="AT1849" s="119"/>
      <c r="AU1849" s="119"/>
      <c r="AV1849" s="119"/>
      <c r="AW1849" s="119"/>
      <c r="AX1849" s="119"/>
      <c r="AY1849" s="119"/>
      <c r="AZ1849" s="119"/>
      <c r="BA1849" s="119"/>
      <c r="BB1849" s="107">
        <v>45884</v>
      </c>
    </row>
    <row r="1850" spans="1:54" s="207" customFormat="1" ht="13.95" customHeight="1" x14ac:dyDescent="0.25">
      <c r="A1850" s="208" t="s">
        <v>4449</v>
      </c>
      <c r="B1850" s="209" t="s">
        <v>20420</v>
      </c>
      <c r="C1850" s="113" t="s">
        <v>4450</v>
      </c>
      <c r="D1850" s="113" t="s">
        <v>4451</v>
      </c>
      <c r="E1850" s="210">
        <v>1986</v>
      </c>
      <c r="F1850" s="210">
        <v>2500</v>
      </c>
      <c r="G1850" s="113" t="s">
        <v>1</v>
      </c>
      <c r="H1850" s="113">
        <v>0</v>
      </c>
      <c r="I1850" s="113">
        <v>0</v>
      </c>
      <c r="J1850" s="115">
        <v>1</v>
      </c>
      <c r="K1850" s="211">
        <v>1</v>
      </c>
      <c r="L1850" s="115">
        <v>1</v>
      </c>
      <c r="M1850" s="115">
        <v>0</v>
      </c>
      <c r="N1850" s="115">
        <v>0</v>
      </c>
      <c r="O1850" s="115">
        <v>1</v>
      </c>
      <c r="P1850" s="115">
        <v>1</v>
      </c>
      <c r="Q1850" s="115" t="s">
        <v>400</v>
      </c>
      <c r="R1850" s="115">
        <v>1</v>
      </c>
      <c r="S1850" s="115">
        <v>0</v>
      </c>
      <c r="T1850" s="115">
        <v>0</v>
      </c>
      <c r="U1850" s="119"/>
      <c r="V1850" s="119"/>
      <c r="W1850" s="119"/>
      <c r="X1850" s="119"/>
      <c r="Y1850" s="119"/>
      <c r="Z1850" s="119"/>
      <c r="AA1850" s="119"/>
      <c r="AB1850" s="119"/>
      <c r="AC1850" s="119"/>
      <c r="AD1850" s="119"/>
      <c r="AE1850" s="119"/>
      <c r="AF1850" s="119"/>
      <c r="AG1850" s="119"/>
      <c r="AH1850" s="119"/>
      <c r="AI1850" s="119"/>
      <c r="AJ1850" s="119"/>
      <c r="AK1850" s="119"/>
      <c r="AL1850" s="119"/>
      <c r="AM1850" s="119"/>
      <c r="AN1850" s="119"/>
      <c r="AO1850" s="119"/>
      <c r="AP1850" s="119"/>
      <c r="AQ1850" s="119"/>
      <c r="AR1850" s="119"/>
      <c r="AS1850" s="119"/>
      <c r="AT1850" s="119"/>
      <c r="AU1850" s="119"/>
      <c r="AV1850" s="119"/>
      <c r="AW1850" s="119"/>
      <c r="AX1850" s="119"/>
      <c r="AY1850" s="119"/>
      <c r="AZ1850" s="119"/>
      <c r="BA1850" s="119"/>
      <c r="BB1850" s="107">
        <v>45884</v>
      </c>
    </row>
    <row r="1851" spans="1:54" s="207" customFormat="1" ht="13.95" customHeight="1" x14ac:dyDescent="0.25">
      <c r="A1851" s="208" t="s">
        <v>4452</v>
      </c>
      <c r="B1851" s="209" t="s">
        <v>20420</v>
      </c>
      <c r="C1851" s="113" t="s">
        <v>4453</v>
      </c>
      <c r="D1851" s="113" t="s">
        <v>23532</v>
      </c>
      <c r="E1851" s="210">
        <v>1993</v>
      </c>
      <c r="F1851" s="210">
        <v>2500</v>
      </c>
      <c r="G1851" s="113" t="s">
        <v>1</v>
      </c>
      <c r="H1851" s="113">
        <v>0</v>
      </c>
      <c r="I1851" s="113">
        <v>0</v>
      </c>
      <c r="J1851" s="115">
        <v>1</v>
      </c>
      <c r="K1851" s="116" t="s">
        <v>174</v>
      </c>
      <c r="L1851" s="115">
        <v>1</v>
      </c>
      <c r="M1851" s="115">
        <v>0</v>
      </c>
      <c r="N1851" s="115">
        <v>0</v>
      </c>
      <c r="O1851" s="115">
        <v>1</v>
      </c>
      <c r="P1851" s="115">
        <v>1</v>
      </c>
      <c r="Q1851" s="115" t="s">
        <v>400</v>
      </c>
      <c r="R1851" s="115">
        <v>0</v>
      </c>
      <c r="S1851" s="115">
        <v>0</v>
      </c>
      <c r="T1851" s="115">
        <v>0</v>
      </c>
      <c r="U1851" s="119"/>
      <c r="V1851" s="119"/>
      <c r="W1851" s="119"/>
      <c r="X1851" s="119"/>
      <c r="Y1851" s="119"/>
      <c r="Z1851" s="119"/>
      <c r="AA1851" s="119"/>
      <c r="AB1851" s="119"/>
      <c r="AC1851" s="119"/>
      <c r="AD1851" s="119"/>
      <c r="AE1851" s="119"/>
      <c r="AF1851" s="119"/>
      <c r="AG1851" s="119"/>
      <c r="AH1851" s="119"/>
      <c r="AI1851" s="119"/>
      <c r="AJ1851" s="119"/>
      <c r="AK1851" s="119"/>
      <c r="AL1851" s="119"/>
      <c r="AM1851" s="119"/>
      <c r="AN1851" s="119"/>
      <c r="AO1851" s="119"/>
      <c r="AP1851" s="119"/>
      <c r="AQ1851" s="119"/>
      <c r="AR1851" s="119"/>
      <c r="AS1851" s="119"/>
      <c r="AT1851" s="119"/>
      <c r="AU1851" s="119"/>
      <c r="AV1851" s="119"/>
      <c r="AW1851" s="119"/>
      <c r="AX1851" s="119"/>
      <c r="AY1851" s="119"/>
      <c r="AZ1851" s="119"/>
      <c r="BA1851" s="119"/>
      <c r="BB1851" s="107">
        <v>45884</v>
      </c>
    </row>
    <row r="1852" spans="1:54" s="207" customFormat="1" ht="13.95" customHeight="1" x14ac:dyDescent="0.25">
      <c r="A1852" s="208" t="s">
        <v>4454</v>
      </c>
      <c r="B1852" s="209" t="s">
        <v>20420</v>
      </c>
      <c r="C1852" s="113" t="s">
        <v>4455</v>
      </c>
      <c r="D1852" s="113" t="s">
        <v>23533</v>
      </c>
      <c r="E1852" s="210">
        <v>1992</v>
      </c>
      <c r="F1852" s="210">
        <v>2500</v>
      </c>
      <c r="G1852" s="113" t="s">
        <v>1</v>
      </c>
      <c r="H1852" s="113">
        <v>0</v>
      </c>
      <c r="I1852" s="113">
        <v>0</v>
      </c>
      <c r="J1852" s="115">
        <v>1</v>
      </c>
      <c r="K1852" s="116" t="s">
        <v>174</v>
      </c>
      <c r="L1852" s="115">
        <v>1</v>
      </c>
      <c r="M1852" s="115">
        <v>1</v>
      </c>
      <c r="N1852" s="115">
        <v>0</v>
      </c>
      <c r="O1852" s="115">
        <v>0</v>
      </c>
      <c r="P1852" s="115" t="s">
        <v>400</v>
      </c>
      <c r="Q1852" s="115" t="s">
        <v>400</v>
      </c>
      <c r="R1852" s="115">
        <v>1</v>
      </c>
      <c r="S1852" s="115">
        <v>0</v>
      </c>
      <c r="T1852" s="115">
        <v>0</v>
      </c>
      <c r="U1852" s="119"/>
      <c r="V1852" s="119"/>
      <c r="W1852" s="119"/>
      <c r="X1852" s="119"/>
      <c r="Y1852" s="119"/>
      <c r="Z1852" s="119"/>
      <c r="AA1852" s="119"/>
      <c r="AB1852" s="119"/>
      <c r="AC1852" s="119"/>
      <c r="AD1852" s="119"/>
      <c r="AE1852" s="119"/>
      <c r="AF1852" s="119"/>
      <c r="AG1852" s="119"/>
      <c r="AH1852" s="119"/>
      <c r="AI1852" s="119"/>
      <c r="AJ1852" s="119"/>
      <c r="AK1852" s="119"/>
      <c r="AL1852" s="119"/>
      <c r="AM1852" s="119"/>
      <c r="AN1852" s="119"/>
      <c r="AO1852" s="119"/>
      <c r="AP1852" s="119"/>
      <c r="AQ1852" s="119"/>
      <c r="AR1852" s="119"/>
      <c r="AS1852" s="119"/>
      <c r="AT1852" s="119"/>
      <c r="AU1852" s="119"/>
      <c r="AV1852" s="119"/>
      <c r="AW1852" s="119"/>
      <c r="AX1852" s="119"/>
      <c r="AY1852" s="119"/>
      <c r="AZ1852" s="119"/>
      <c r="BA1852" s="119"/>
      <c r="BB1852" s="107">
        <v>45884</v>
      </c>
    </row>
    <row r="1853" spans="1:54" s="207" customFormat="1" ht="13.95" customHeight="1" x14ac:dyDescent="0.25">
      <c r="A1853" s="208" t="s">
        <v>4456</v>
      </c>
      <c r="B1853" s="209" t="s">
        <v>20420</v>
      </c>
      <c r="C1853" s="113" t="s">
        <v>4457</v>
      </c>
      <c r="D1853" s="113" t="s">
        <v>4458</v>
      </c>
      <c r="E1853" s="210">
        <v>1998</v>
      </c>
      <c r="F1853" s="210">
        <v>2500</v>
      </c>
      <c r="G1853" s="113" t="s">
        <v>1</v>
      </c>
      <c r="H1853" s="113">
        <v>0</v>
      </c>
      <c r="I1853" s="113">
        <v>0</v>
      </c>
      <c r="J1853" s="115">
        <v>1</v>
      </c>
      <c r="K1853" s="116" t="s">
        <v>174</v>
      </c>
      <c r="L1853" s="115">
        <v>1</v>
      </c>
      <c r="M1853" s="115">
        <v>0</v>
      </c>
      <c r="N1853" s="115">
        <v>0</v>
      </c>
      <c r="O1853" s="115">
        <v>1</v>
      </c>
      <c r="P1853" s="115">
        <v>1</v>
      </c>
      <c r="Q1853" s="115" t="s">
        <v>400</v>
      </c>
      <c r="R1853" s="115">
        <v>1</v>
      </c>
      <c r="S1853" s="115">
        <v>0</v>
      </c>
      <c r="T1853" s="115">
        <v>0</v>
      </c>
      <c r="U1853" s="119"/>
      <c r="V1853" s="119"/>
      <c r="W1853" s="119"/>
      <c r="X1853" s="119"/>
      <c r="Y1853" s="119"/>
      <c r="Z1853" s="119"/>
      <c r="AA1853" s="119"/>
      <c r="AB1853" s="119"/>
      <c r="AC1853" s="119"/>
      <c r="AD1853" s="119"/>
      <c r="AE1853" s="119"/>
      <c r="AF1853" s="119"/>
      <c r="AG1853" s="119"/>
      <c r="AH1853" s="119"/>
      <c r="AI1853" s="119"/>
      <c r="AJ1853" s="119"/>
      <c r="AK1853" s="119"/>
      <c r="AL1853" s="119"/>
      <c r="AM1853" s="119"/>
      <c r="AN1853" s="119"/>
      <c r="AO1853" s="119"/>
      <c r="AP1853" s="119"/>
      <c r="AQ1853" s="119"/>
      <c r="AR1853" s="119"/>
      <c r="AS1853" s="119"/>
      <c r="AT1853" s="119"/>
      <c r="AU1853" s="119"/>
      <c r="AV1853" s="119"/>
      <c r="AW1853" s="119"/>
      <c r="AX1853" s="119"/>
      <c r="AY1853" s="119"/>
      <c r="AZ1853" s="119"/>
      <c r="BA1853" s="119"/>
      <c r="BB1853" s="107">
        <v>45884</v>
      </c>
    </row>
    <row r="1854" spans="1:54" s="207" customFormat="1" ht="13.95" customHeight="1" x14ac:dyDescent="0.25">
      <c r="A1854" s="208" t="s">
        <v>4459</v>
      </c>
      <c r="B1854" s="209" t="s">
        <v>20420</v>
      </c>
      <c r="C1854" s="113" t="s">
        <v>4460</v>
      </c>
      <c r="D1854" s="113" t="s">
        <v>23534</v>
      </c>
      <c r="E1854" s="210">
        <v>2003</v>
      </c>
      <c r="F1854" s="210">
        <v>2500</v>
      </c>
      <c r="G1854" s="113" t="s">
        <v>1</v>
      </c>
      <c r="H1854" s="113">
        <v>0</v>
      </c>
      <c r="I1854" s="113">
        <v>0</v>
      </c>
      <c r="J1854" s="115">
        <v>1</v>
      </c>
      <c r="K1854" s="211">
        <v>1</v>
      </c>
      <c r="L1854" s="115">
        <v>1</v>
      </c>
      <c r="M1854" s="115">
        <v>1</v>
      </c>
      <c r="N1854" s="115">
        <v>0</v>
      </c>
      <c r="O1854" s="115">
        <v>0</v>
      </c>
      <c r="P1854" s="115" t="s">
        <v>400</v>
      </c>
      <c r="Q1854" s="115" t="s">
        <v>400</v>
      </c>
      <c r="R1854" s="115">
        <v>0</v>
      </c>
      <c r="S1854" s="115">
        <v>0</v>
      </c>
      <c r="T1854" s="115">
        <v>0</v>
      </c>
      <c r="U1854" s="119"/>
      <c r="V1854" s="119"/>
      <c r="W1854" s="119"/>
      <c r="X1854" s="119"/>
      <c r="Y1854" s="119"/>
      <c r="Z1854" s="119"/>
      <c r="AA1854" s="119"/>
      <c r="AB1854" s="119"/>
      <c r="AC1854" s="119"/>
      <c r="AD1854" s="119"/>
      <c r="AE1854" s="119"/>
      <c r="AF1854" s="119"/>
      <c r="AG1854" s="119"/>
      <c r="AH1854" s="119"/>
      <c r="AI1854" s="119"/>
      <c r="AJ1854" s="119"/>
      <c r="AK1854" s="119"/>
      <c r="AL1854" s="119"/>
      <c r="AM1854" s="119"/>
      <c r="AN1854" s="119"/>
      <c r="AO1854" s="119"/>
      <c r="AP1854" s="119"/>
      <c r="AQ1854" s="119"/>
      <c r="AR1854" s="119"/>
      <c r="AS1854" s="119"/>
      <c r="AT1854" s="119"/>
      <c r="AU1854" s="119"/>
      <c r="AV1854" s="119"/>
      <c r="AW1854" s="119"/>
      <c r="AX1854" s="119"/>
      <c r="AY1854" s="119"/>
      <c r="AZ1854" s="119"/>
      <c r="BA1854" s="119"/>
      <c r="BB1854" s="107">
        <v>45884</v>
      </c>
    </row>
    <row r="1855" spans="1:54" s="207" customFormat="1" ht="13.95" customHeight="1" x14ac:dyDescent="0.25">
      <c r="A1855" s="208" t="s">
        <v>4461</v>
      </c>
      <c r="B1855" s="209" t="s">
        <v>20420</v>
      </c>
      <c r="C1855" s="113" t="s">
        <v>4462</v>
      </c>
      <c r="D1855" s="113" t="s">
        <v>23535</v>
      </c>
      <c r="E1855" s="210">
        <v>2002</v>
      </c>
      <c r="F1855" s="210">
        <v>2500</v>
      </c>
      <c r="G1855" s="113" t="s">
        <v>1</v>
      </c>
      <c r="H1855" s="113">
        <v>0</v>
      </c>
      <c r="I1855" s="113">
        <v>0</v>
      </c>
      <c r="J1855" s="115">
        <v>1</v>
      </c>
      <c r="K1855" s="116" t="s">
        <v>174</v>
      </c>
      <c r="L1855" s="115">
        <v>1</v>
      </c>
      <c r="M1855" s="115">
        <v>1</v>
      </c>
      <c r="N1855" s="115">
        <v>1</v>
      </c>
      <c r="O1855" s="115">
        <v>1</v>
      </c>
      <c r="P1855" s="115" t="s">
        <v>400</v>
      </c>
      <c r="Q1855" s="115" t="s">
        <v>400</v>
      </c>
      <c r="R1855" s="115">
        <v>1</v>
      </c>
      <c r="S1855" s="115">
        <v>0</v>
      </c>
      <c r="T1855" s="115">
        <v>0</v>
      </c>
      <c r="U1855" s="119"/>
      <c r="V1855" s="119"/>
      <c r="W1855" s="119"/>
      <c r="X1855" s="119"/>
      <c r="Y1855" s="119"/>
      <c r="Z1855" s="119"/>
      <c r="AA1855" s="119"/>
      <c r="AB1855" s="119"/>
      <c r="AC1855" s="119"/>
      <c r="AD1855" s="119"/>
      <c r="AE1855" s="119"/>
      <c r="AF1855" s="119"/>
      <c r="AG1855" s="119"/>
      <c r="AH1855" s="119"/>
      <c r="AI1855" s="119"/>
      <c r="AJ1855" s="119"/>
      <c r="AK1855" s="119"/>
      <c r="AL1855" s="119"/>
      <c r="AM1855" s="119"/>
      <c r="AN1855" s="119"/>
      <c r="AO1855" s="119"/>
      <c r="AP1855" s="119"/>
      <c r="AQ1855" s="119"/>
      <c r="AR1855" s="119"/>
      <c r="AS1855" s="119"/>
      <c r="AT1855" s="119"/>
      <c r="AU1855" s="119"/>
      <c r="AV1855" s="119"/>
      <c r="AW1855" s="119"/>
      <c r="AX1855" s="119"/>
      <c r="AY1855" s="119"/>
      <c r="AZ1855" s="119"/>
      <c r="BA1855" s="119"/>
      <c r="BB1855" s="107">
        <v>45884</v>
      </c>
    </row>
    <row r="1856" spans="1:54" s="207" customFormat="1" ht="13.95" customHeight="1" x14ac:dyDescent="0.25">
      <c r="A1856" s="208" t="s">
        <v>4463</v>
      </c>
      <c r="B1856" s="209" t="s">
        <v>20420</v>
      </c>
      <c r="C1856" s="113" t="s">
        <v>4464</v>
      </c>
      <c r="D1856" s="113" t="s">
        <v>4465</v>
      </c>
      <c r="E1856" s="210">
        <v>1989</v>
      </c>
      <c r="F1856" s="210">
        <v>2500</v>
      </c>
      <c r="G1856" s="113" t="s">
        <v>1</v>
      </c>
      <c r="H1856" s="113">
        <v>0</v>
      </c>
      <c r="I1856" s="113">
        <v>0</v>
      </c>
      <c r="J1856" s="115">
        <v>1</v>
      </c>
      <c r="K1856" s="211">
        <v>1</v>
      </c>
      <c r="L1856" s="115">
        <v>1</v>
      </c>
      <c r="M1856" s="115">
        <v>0</v>
      </c>
      <c r="N1856" s="115">
        <v>1</v>
      </c>
      <c r="O1856" s="115">
        <v>1</v>
      </c>
      <c r="P1856" s="115">
        <v>1</v>
      </c>
      <c r="Q1856" s="115" t="s">
        <v>400</v>
      </c>
      <c r="R1856" s="115">
        <v>0</v>
      </c>
      <c r="S1856" s="115">
        <v>0</v>
      </c>
      <c r="T1856" s="115">
        <v>0</v>
      </c>
      <c r="U1856" s="119"/>
      <c r="V1856" s="119"/>
      <c r="W1856" s="119"/>
      <c r="X1856" s="119"/>
      <c r="Y1856" s="119"/>
      <c r="Z1856" s="119"/>
      <c r="AA1856" s="119"/>
      <c r="AB1856" s="119"/>
      <c r="AC1856" s="119"/>
      <c r="AD1856" s="119"/>
      <c r="AE1856" s="119"/>
      <c r="AF1856" s="119"/>
      <c r="AG1856" s="119"/>
      <c r="AH1856" s="119"/>
      <c r="AI1856" s="119"/>
      <c r="AJ1856" s="119"/>
      <c r="AK1856" s="119"/>
      <c r="AL1856" s="119"/>
      <c r="AM1856" s="119"/>
      <c r="AN1856" s="119"/>
      <c r="AO1856" s="119"/>
      <c r="AP1856" s="119"/>
      <c r="AQ1856" s="119"/>
      <c r="AR1856" s="119"/>
      <c r="AS1856" s="119"/>
      <c r="AT1856" s="119"/>
      <c r="AU1856" s="119"/>
      <c r="AV1856" s="119"/>
      <c r="AW1856" s="119"/>
      <c r="AX1856" s="119"/>
      <c r="AY1856" s="119"/>
      <c r="AZ1856" s="119"/>
      <c r="BA1856" s="119"/>
      <c r="BB1856" s="107">
        <v>45884</v>
      </c>
    </row>
    <row r="1857" spans="1:54" s="207" customFormat="1" ht="13.95" customHeight="1" x14ac:dyDescent="0.25">
      <c r="A1857" s="208" t="s">
        <v>4466</v>
      </c>
      <c r="B1857" s="209" t="s">
        <v>20420</v>
      </c>
      <c r="C1857" s="113" t="s">
        <v>4467</v>
      </c>
      <c r="D1857" s="113" t="s">
        <v>23536</v>
      </c>
      <c r="E1857" s="210">
        <v>2000</v>
      </c>
      <c r="F1857" s="210">
        <v>2500</v>
      </c>
      <c r="G1857" s="113" t="s">
        <v>1</v>
      </c>
      <c r="H1857" s="113">
        <v>0</v>
      </c>
      <c r="I1857" s="113">
        <v>0</v>
      </c>
      <c r="J1857" s="115">
        <v>1</v>
      </c>
      <c r="K1857" s="116" t="s">
        <v>174</v>
      </c>
      <c r="L1857" s="115">
        <v>0</v>
      </c>
      <c r="M1857" s="115">
        <v>0</v>
      </c>
      <c r="N1857" s="115">
        <v>0</v>
      </c>
      <c r="O1857" s="115">
        <v>0</v>
      </c>
      <c r="P1857" s="115" t="s">
        <v>400</v>
      </c>
      <c r="Q1857" s="115" t="s">
        <v>400</v>
      </c>
      <c r="R1857" s="115">
        <v>0</v>
      </c>
      <c r="S1857" s="115">
        <v>0</v>
      </c>
      <c r="T1857" s="115">
        <v>0</v>
      </c>
      <c r="U1857" s="119"/>
      <c r="V1857" s="119"/>
      <c r="W1857" s="119"/>
      <c r="X1857" s="119"/>
      <c r="Y1857" s="119"/>
      <c r="Z1857" s="119"/>
      <c r="AA1857" s="119"/>
      <c r="AB1857" s="119"/>
      <c r="AC1857" s="119"/>
      <c r="AD1857" s="119"/>
      <c r="AE1857" s="119"/>
      <c r="AF1857" s="119"/>
      <c r="AG1857" s="119"/>
      <c r="AH1857" s="119"/>
      <c r="AI1857" s="119"/>
      <c r="AJ1857" s="119"/>
      <c r="AK1857" s="119"/>
      <c r="AL1857" s="119"/>
      <c r="AM1857" s="119"/>
      <c r="AN1857" s="119"/>
      <c r="AO1857" s="119"/>
      <c r="AP1857" s="119"/>
      <c r="AQ1857" s="119"/>
      <c r="AR1857" s="119"/>
      <c r="AS1857" s="119"/>
      <c r="AT1857" s="119"/>
      <c r="AU1857" s="119"/>
      <c r="AV1857" s="119"/>
      <c r="AW1857" s="119"/>
      <c r="AX1857" s="119"/>
      <c r="AY1857" s="119"/>
      <c r="AZ1857" s="119"/>
      <c r="BA1857" s="119"/>
      <c r="BB1857" s="107">
        <v>45884</v>
      </c>
    </row>
    <row r="1858" spans="1:54" s="207" customFormat="1" ht="13.95" customHeight="1" x14ac:dyDescent="0.25">
      <c r="A1858" s="208" t="s">
        <v>4468</v>
      </c>
      <c r="B1858" s="209" t="s">
        <v>20420</v>
      </c>
      <c r="C1858" s="113" t="s">
        <v>4469</v>
      </c>
      <c r="D1858" s="113" t="s">
        <v>23537</v>
      </c>
      <c r="E1858" s="210">
        <v>1972</v>
      </c>
      <c r="F1858" s="210">
        <v>2500</v>
      </c>
      <c r="G1858" s="113" t="s">
        <v>1</v>
      </c>
      <c r="H1858" s="113">
        <v>0</v>
      </c>
      <c r="I1858" s="113">
        <v>0</v>
      </c>
      <c r="J1858" s="115">
        <v>1</v>
      </c>
      <c r="K1858" s="116" t="s">
        <v>174</v>
      </c>
      <c r="L1858" s="115">
        <v>1</v>
      </c>
      <c r="M1858" s="115">
        <v>1</v>
      </c>
      <c r="N1858" s="115">
        <v>1</v>
      </c>
      <c r="O1858" s="115">
        <v>1</v>
      </c>
      <c r="P1858" s="115" t="s">
        <v>400</v>
      </c>
      <c r="Q1858" s="115" t="s">
        <v>400</v>
      </c>
      <c r="R1858" s="115">
        <v>1</v>
      </c>
      <c r="S1858" s="115">
        <v>0</v>
      </c>
      <c r="T1858" s="115">
        <v>0</v>
      </c>
      <c r="U1858" s="119"/>
      <c r="V1858" s="119"/>
      <c r="W1858" s="119"/>
      <c r="X1858" s="119"/>
      <c r="Y1858" s="119"/>
      <c r="Z1858" s="119"/>
      <c r="AA1858" s="119"/>
      <c r="AB1858" s="119"/>
      <c r="AC1858" s="119"/>
      <c r="AD1858" s="119"/>
      <c r="AE1858" s="119"/>
      <c r="AF1858" s="119"/>
      <c r="AG1858" s="119"/>
      <c r="AH1858" s="119"/>
      <c r="AI1858" s="119"/>
      <c r="AJ1858" s="119"/>
      <c r="AK1858" s="119"/>
      <c r="AL1858" s="119"/>
      <c r="AM1858" s="119"/>
      <c r="AN1858" s="119"/>
      <c r="AO1858" s="119"/>
      <c r="AP1858" s="119"/>
      <c r="AQ1858" s="119"/>
      <c r="AR1858" s="119"/>
      <c r="AS1858" s="119"/>
      <c r="AT1858" s="119"/>
      <c r="AU1858" s="119"/>
      <c r="AV1858" s="119"/>
      <c r="AW1858" s="119"/>
      <c r="AX1858" s="119"/>
      <c r="AY1858" s="119"/>
      <c r="AZ1858" s="119"/>
      <c r="BA1858" s="119"/>
      <c r="BB1858" s="107">
        <v>45884</v>
      </c>
    </row>
    <row r="1859" spans="1:54" s="207" customFormat="1" ht="13.95" customHeight="1" x14ac:dyDescent="0.25">
      <c r="A1859" s="208" t="s">
        <v>4470</v>
      </c>
      <c r="B1859" s="209" t="s">
        <v>20420</v>
      </c>
      <c r="C1859" s="113" t="s">
        <v>4471</v>
      </c>
      <c r="D1859" s="113" t="s">
        <v>23538</v>
      </c>
      <c r="E1859" s="210">
        <v>1992</v>
      </c>
      <c r="F1859" s="210">
        <v>2501</v>
      </c>
      <c r="G1859" s="113" t="s">
        <v>1</v>
      </c>
      <c r="H1859" s="113">
        <v>0</v>
      </c>
      <c r="I1859" s="113">
        <v>0</v>
      </c>
      <c r="J1859" s="115">
        <v>1</v>
      </c>
      <c r="K1859" s="116" t="s">
        <v>174</v>
      </c>
      <c r="L1859" s="115">
        <v>1</v>
      </c>
      <c r="M1859" s="115">
        <v>1</v>
      </c>
      <c r="N1859" s="115">
        <v>0</v>
      </c>
      <c r="O1859" s="115">
        <v>1</v>
      </c>
      <c r="P1859" s="115" t="s">
        <v>400</v>
      </c>
      <c r="Q1859" s="115" t="s">
        <v>400</v>
      </c>
      <c r="R1859" s="115">
        <v>0</v>
      </c>
      <c r="S1859" s="115">
        <v>0</v>
      </c>
      <c r="T1859" s="115">
        <v>0</v>
      </c>
      <c r="U1859" s="119"/>
      <c r="V1859" s="119"/>
      <c r="W1859" s="119"/>
      <c r="X1859" s="119"/>
      <c r="Y1859" s="119"/>
      <c r="Z1859" s="119"/>
      <c r="AA1859" s="119"/>
      <c r="AB1859" s="119"/>
      <c r="AC1859" s="119"/>
      <c r="AD1859" s="119"/>
      <c r="AE1859" s="119"/>
      <c r="AF1859" s="119"/>
      <c r="AG1859" s="119"/>
      <c r="AH1859" s="119"/>
      <c r="AI1859" s="119"/>
      <c r="AJ1859" s="119"/>
      <c r="AK1859" s="119"/>
      <c r="AL1859" s="119"/>
      <c r="AM1859" s="119"/>
      <c r="AN1859" s="119"/>
      <c r="AO1859" s="119"/>
      <c r="AP1859" s="119"/>
      <c r="AQ1859" s="119"/>
      <c r="AR1859" s="119"/>
      <c r="AS1859" s="119"/>
      <c r="AT1859" s="119"/>
      <c r="AU1859" s="119"/>
      <c r="AV1859" s="119"/>
      <c r="AW1859" s="119"/>
      <c r="AX1859" s="119"/>
      <c r="AY1859" s="119"/>
      <c r="AZ1859" s="119"/>
      <c r="BA1859" s="119"/>
      <c r="BB1859" s="107">
        <v>45884</v>
      </c>
    </row>
    <row r="1860" spans="1:54" s="207" customFormat="1" ht="13.95" customHeight="1" x14ac:dyDescent="0.25">
      <c r="A1860" s="208" t="s">
        <v>4472</v>
      </c>
      <c r="B1860" s="209" t="s">
        <v>20420</v>
      </c>
      <c r="C1860" s="113" t="s">
        <v>4473</v>
      </c>
      <c r="D1860" s="113" t="s">
        <v>23539</v>
      </c>
      <c r="E1860" s="210">
        <v>1992</v>
      </c>
      <c r="F1860" s="210">
        <v>2504</v>
      </c>
      <c r="G1860" s="113" t="s">
        <v>1</v>
      </c>
      <c r="H1860" s="113">
        <v>0</v>
      </c>
      <c r="I1860" s="113">
        <v>0</v>
      </c>
      <c r="J1860" s="115">
        <v>1</v>
      </c>
      <c r="K1860" s="116" t="s">
        <v>174</v>
      </c>
      <c r="L1860" s="115">
        <v>1</v>
      </c>
      <c r="M1860" s="115">
        <v>1</v>
      </c>
      <c r="N1860" s="115">
        <v>0</v>
      </c>
      <c r="O1860" s="115">
        <v>0</v>
      </c>
      <c r="P1860" s="115" t="s">
        <v>400</v>
      </c>
      <c r="Q1860" s="115" t="s">
        <v>400</v>
      </c>
      <c r="R1860" s="115">
        <v>0</v>
      </c>
      <c r="S1860" s="115">
        <v>0</v>
      </c>
      <c r="T1860" s="115">
        <v>0</v>
      </c>
      <c r="U1860" s="119"/>
      <c r="V1860" s="119"/>
      <c r="W1860" s="119"/>
      <c r="X1860" s="119"/>
      <c r="Y1860" s="119"/>
      <c r="Z1860" s="119"/>
      <c r="AA1860" s="119"/>
      <c r="AB1860" s="119"/>
      <c r="AC1860" s="119"/>
      <c r="AD1860" s="119"/>
      <c r="AE1860" s="119"/>
      <c r="AF1860" s="119"/>
      <c r="AG1860" s="119"/>
      <c r="AH1860" s="119"/>
      <c r="AI1860" s="119"/>
      <c r="AJ1860" s="119"/>
      <c r="AK1860" s="119"/>
      <c r="AL1860" s="119"/>
      <c r="AM1860" s="119"/>
      <c r="AN1860" s="119"/>
      <c r="AO1860" s="119"/>
      <c r="AP1860" s="119"/>
      <c r="AQ1860" s="119"/>
      <c r="AR1860" s="119"/>
      <c r="AS1860" s="119"/>
      <c r="AT1860" s="119"/>
      <c r="AU1860" s="119"/>
      <c r="AV1860" s="119"/>
      <c r="AW1860" s="119"/>
      <c r="AX1860" s="119"/>
      <c r="AY1860" s="119"/>
      <c r="AZ1860" s="119"/>
      <c r="BA1860" s="119"/>
      <c r="BB1860" s="107">
        <v>45884</v>
      </c>
    </row>
    <row r="1861" spans="1:54" s="207" customFormat="1" ht="13.95" customHeight="1" x14ac:dyDescent="0.25">
      <c r="A1861" s="208" t="s">
        <v>4474</v>
      </c>
      <c r="B1861" s="209" t="s">
        <v>20420</v>
      </c>
      <c r="C1861" s="113" t="s">
        <v>4475</v>
      </c>
      <c r="D1861" s="113" t="s">
        <v>23540</v>
      </c>
      <c r="E1861" s="210">
        <v>1983</v>
      </c>
      <c r="F1861" s="210">
        <v>2505</v>
      </c>
      <c r="G1861" s="113" t="s">
        <v>1</v>
      </c>
      <c r="H1861" s="113">
        <v>0</v>
      </c>
      <c r="I1861" s="113">
        <v>0</v>
      </c>
      <c r="J1861" s="115">
        <v>1</v>
      </c>
      <c r="K1861" s="116" t="s">
        <v>174</v>
      </c>
      <c r="L1861" s="115">
        <v>1</v>
      </c>
      <c r="M1861" s="115">
        <v>1</v>
      </c>
      <c r="N1861" s="115">
        <v>0</v>
      </c>
      <c r="O1861" s="115">
        <v>1</v>
      </c>
      <c r="P1861" s="115" t="s">
        <v>400</v>
      </c>
      <c r="Q1861" s="115" t="s">
        <v>400</v>
      </c>
      <c r="R1861" s="115">
        <v>1</v>
      </c>
      <c r="S1861" s="115">
        <v>0</v>
      </c>
      <c r="T1861" s="115">
        <v>0</v>
      </c>
      <c r="U1861" s="119"/>
      <c r="V1861" s="119"/>
      <c r="W1861" s="119"/>
      <c r="X1861" s="119"/>
      <c r="Y1861" s="119"/>
      <c r="Z1861" s="119"/>
      <c r="AA1861" s="119"/>
      <c r="AB1861" s="119"/>
      <c r="AC1861" s="119"/>
      <c r="AD1861" s="119"/>
      <c r="AE1861" s="119"/>
      <c r="AF1861" s="119"/>
      <c r="AG1861" s="119"/>
      <c r="AH1861" s="119"/>
      <c r="AI1861" s="119"/>
      <c r="AJ1861" s="119"/>
      <c r="AK1861" s="119"/>
      <c r="AL1861" s="119"/>
      <c r="AM1861" s="119"/>
      <c r="AN1861" s="119"/>
      <c r="AO1861" s="119"/>
      <c r="AP1861" s="119"/>
      <c r="AQ1861" s="119"/>
      <c r="AR1861" s="119"/>
      <c r="AS1861" s="119"/>
      <c r="AT1861" s="119"/>
      <c r="AU1861" s="119"/>
      <c r="AV1861" s="119"/>
      <c r="AW1861" s="119"/>
      <c r="AX1861" s="119"/>
      <c r="AY1861" s="119"/>
      <c r="AZ1861" s="119"/>
      <c r="BA1861" s="119"/>
      <c r="BB1861" s="107">
        <v>45884</v>
      </c>
    </row>
    <row r="1862" spans="1:54" s="207" customFormat="1" ht="13.95" customHeight="1" x14ac:dyDescent="0.25">
      <c r="A1862" s="208" t="s">
        <v>4476</v>
      </c>
      <c r="B1862" s="209" t="s">
        <v>20420</v>
      </c>
      <c r="C1862" s="113" t="s">
        <v>4477</v>
      </c>
      <c r="D1862" s="113" t="s">
        <v>23541</v>
      </c>
      <c r="E1862" s="210">
        <v>1993</v>
      </c>
      <c r="F1862" s="210">
        <v>2515</v>
      </c>
      <c r="G1862" s="113" t="s">
        <v>1</v>
      </c>
      <c r="H1862" s="113">
        <v>0</v>
      </c>
      <c r="I1862" s="113">
        <v>0</v>
      </c>
      <c r="J1862" s="115">
        <v>1</v>
      </c>
      <c r="K1862" s="116" t="s">
        <v>174</v>
      </c>
      <c r="L1862" s="115">
        <v>1</v>
      </c>
      <c r="M1862" s="115">
        <v>1</v>
      </c>
      <c r="N1862" s="115">
        <v>0</v>
      </c>
      <c r="O1862" s="115">
        <v>1</v>
      </c>
      <c r="P1862" s="115" t="s">
        <v>400</v>
      </c>
      <c r="Q1862" s="115" t="s">
        <v>400</v>
      </c>
      <c r="R1862" s="115">
        <v>0</v>
      </c>
      <c r="S1862" s="115">
        <v>0</v>
      </c>
      <c r="T1862" s="115">
        <v>0</v>
      </c>
      <c r="U1862" s="119"/>
      <c r="V1862" s="119"/>
      <c r="W1862" s="119"/>
      <c r="X1862" s="119"/>
      <c r="Y1862" s="119"/>
      <c r="Z1862" s="119"/>
      <c r="AA1862" s="119"/>
      <c r="AB1862" s="119"/>
      <c r="AC1862" s="119"/>
      <c r="AD1862" s="119"/>
      <c r="AE1862" s="119"/>
      <c r="AF1862" s="119"/>
      <c r="AG1862" s="119"/>
      <c r="AH1862" s="119"/>
      <c r="AI1862" s="119"/>
      <c r="AJ1862" s="119"/>
      <c r="AK1862" s="119"/>
      <c r="AL1862" s="119"/>
      <c r="AM1862" s="119"/>
      <c r="AN1862" s="119"/>
      <c r="AO1862" s="119"/>
      <c r="AP1862" s="119"/>
      <c r="AQ1862" s="119"/>
      <c r="AR1862" s="119"/>
      <c r="AS1862" s="119"/>
      <c r="AT1862" s="119"/>
      <c r="AU1862" s="119"/>
      <c r="AV1862" s="119"/>
      <c r="AW1862" s="119"/>
      <c r="AX1862" s="119"/>
      <c r="AY1862" s="119"/>
      <c r="AZ1862" s="119"/>
      <c r="BA1862" s="119"/>
      <c r="BB1862" s="107">
        <v>45884</v>
      </c>
    </row>
    <row r="1863" spans="1:54" s="207" customFormat="1" ht="13.95" customHeight="1" x14ac:dyDescent="0.25">
      <c r="A1863" s="208" t="s">
        <v>4478</v>
      </c>
      <c r="B1863" s="209" t="s">
        <v>20420</v>
      </c>
      <c r="C1863" s="113" t="s">
        <v>4479</v>
      </c>
      <c r="D1863" s="113" t="s">
        <v>23542</v>
      </c>
      <c r="E1863" s="210">
        <v>2005</v>
      </c>
      <c r="F1863" s="210">
        <v>2519</v>
      </c>
      <c r="G1863" s="113" t="s">
        <v>5</v>
      </c>
      <c r="H1863" s="113">
        <v>0</v>
      </c>
      <c r="I1863" s="113">
        <v>0</v>
      </c>
      <c r="J1863" s="115">
        <v>0</v>
      </c>
      <c r="K1863" s="116" t="s">
        <v>174</v>
      </c>
      <c r="L1863" s="115">
        <v>0</v>
      </c>
      <c r="M1863" s="115">
        <v>0</v>
      </c>
      <c r="N1863" s="115">
        <v>0</v>
      </c>
      <c r="O1863" s="115">
        <v>0</v>
      </c>
      <c r="P1863" s="115" t="s">
        <v>400</v>
      </c>
      <c r="Q1863" s="115" t="s">
        <v>400</v>
      </c>
      <c r="R1863" s="115">
        <v>0</v>
      </c>
      <c r="S1863" s="115">
        <v>0</v>
      </c>
      <c r="T1863" s="115">
        <v>0</v>
      </c>
      <c r="U1863" s="119"/>
      <c r="V1863" s="119"/>
      <c r="W1863" s="119"/>
      <c r="X1863" s="119"/>
      <c r="Y1863" s="119"/>
      <c r="Z1863" s="119"/>
      <c r="AA1863" s="119"/>
      <c r="AB1863" s="119"/>
      <c r="AC1863" s="119"/>
      <c r="AD1863" s="119"/>
      <c r="AE1863" s="119"/>
      <c r="AF1863" s="119"/>
      <c r="AG1863" s="119"/>
      <c r="AH1863" s="119"/>
      <c r="AI1863" s="119"/>
      <c r="AJ1863" s="119"/>
      <c r="AK1863" s="119"/>
      <c r="AL1863" s="119"/>
      <c r="AM1863" s="119"/>
      <c r="AN1863" s="119"/>
      <c r="AO1863" s="119"/>
      <c r="AP1863" s="119"/>
      <c r="AQ1863" s="119"/>
      <c r="AR1863" s="119"/>
      <c r="AS1863" s="119"/>
      <c r="AT1863" s="119"/>
      <c r="AU1863" s="119"/>
      <c r="AV1863" s="119"/>
      <c r="AW1863" s="119"/>
      <c r="AX1863" s="119"/>
      <c r="AY1863" s="119"/>
      <c r="AZ1863" s="119"/>
      <c r="BA1863" s="119"/>
      <c r="BB1863" s="107">
        <v>45884</v>
      </c>
    </row>
    <row r="1864" spans="1:54" s="207" customFormat="1" ht="13.95" customHeight="1" x14ac:dyDescent="0.25">
      <c r="A1864" s="208" t="s">
        <v>4480</v>
      </c>
      <c r="B1864" s="209" t="s">
        <v>20420</v>
      </c>
      <c r="C1864" s="113" t="s">
        <v>4481</v>
      </c>
      <c r="D1864" s="113" t="s">
        <v>4482</v>
      </c>
      <c r="E1864" s="210">
        <v>1986</v>
      </c>
      <c r="F1864" s="210">
        <v>2557</v>
      </c>
      <c r="G1864" s="113" t="s">
        <v>1</v>
      </c>
      <c r="H1864" s="113">
        <v>1</v>
      </c>
      <c r="I1864" s="113">
        <v>0</v>
      </c>
      <c r="J1864" s="115">
        <v>1</v>
      </c>
      <c r="K1864" s="116" t="s">
        <v>174</v>
      </c>
      <c r="L1864" s="115">
        <v>1</v>
      </c>
      <c r="M1864" s="115">
        <v>0</v>
      </c>
      <c r="N1864" s="115">
        <v>0</v>
      </c>
      <c r="O1864" s="115">
        <v>1</v>
      </c>
      <c r="P1864" s="115" t="s">
        <v>400</v>
      </c>
      <c r="Q1864" s="115" t="s">
        <v>400</v>
      </c>
      <c r="R1864" s="115">
        <v>1</v>
      </c>
      <c r="S1864" s="115">
        <v>0</v>
      </c>
      <c r="T1864" s="115">
        <v>0</v>
      </c>
      <c r="U1864" s="119"/>
      <c r="V1864" s="119"/>
      <c r="W1864" s="119"/>
      <c r="X1864" s="119"/>
      <c r="Y1864" s="119"/>
      <c r="Z1864" s="119"/>
      <c r="AA1864" s="119"/>
      <c r="AB1864" s="119"/>
      <c r="AC1864" s="119"/>
      <c r="AD1864" s="119"/>
      <c r="AE1864" s="119"/>
      <c r="AF1864" s="119"/>
      <c r="AG1864" s="119"/>
      <c r="AH1864" s="119"/>
      <c r="AI1864" s="119"/>
      <c r="AJ1864" s="119"/>
      <c r="AK1864" s="119"/>
      <c r="AL1864" s="119"/>
      <c r="AM1864" s="119"/>
      <c r="AN1864" s="119"/>
      <c r="AO1864" s="119"/>
      <c r="AP1864" s="119"/>
      <c r="AQ1864" s="119"/>
      <c r="AR1864" s="119"/>
      <c r="AS1864" s="119"/>
      <c r="AT1864" s="119"/>
      <c r="AU1864" s="119"/>
      <c r="AV1864" s="119"/>
      <c r="AW1864" s="119"/>
      <c r="AX1864" s="119"/>
      <c r="AY1864" s="119"/>
      <c r="AZ1864" s="119"/>
      <c r="BA1864" s="119"/>
      <c r="BB1864" s="107">
        <v>45884</v>
      </c>
    </row>
    <row r="1865" spans="1:54" s="207" customFormat="1" ht="13.95" customHeight="1" x14ac:dyDescent="0.25">
      <c r="A1865" s="208" t="s">
        <v>4483</v>
      </c>
      <c r="B1865" s="209" t="s">
        <v>20420</v>
      </c>
      <c r="C1865" s="113" t="s">
        <v>4484</v>
      </c>
      <c r="D1865" s="113" t="s">
        <v>23543</v>
      </c>
      <c r="E1865" s="210">
        <v>1975</v>
      </c>
      <c r="F1865" s="210">
        <v>2522</v>
      </c>
      <c r="G1865" s="113" t="s">
        <v>1</v>
      </c>
      <c r="H1865" s="113">
        <v>0</v>
      </c>
      <c r="I1865" s="113">
        <v>0</v>
      </c>
      <c r="J1865" s="115">
        <v>1</v>
      </c>
      <c r="K1865" s="116" t="s">
        <v>174</v>
      </c>
      <c r="L1865" s="115">
        <v>1</v>
      </c>
      <c r="M1865" s="115">
        <v>1</v>
      </c>
      <c r="N1865" s="115">
        <v>0</v>
      </c>
      <c r="O1865" s="115">
        <v>0</v>
      </c>
      <c r="P1865" s="115" t="s">
        <v>400</v>
      </c>
      <c r="Q1865" s="115" t="s">
        <v>400</v>
      </c>
      <c r="R1865" s="115">
        <v>1</v>
      </c>
      <c r="S1865" s="115">
        <v>0</v>
      </c>
      <c r="T1865" s="115">
        <v>0</v>
      </c>
      <c r="U1865" s="119"/>
      <c r="V1865" s="119"/>
      <c r="W1865" s="119"/>
      <c r="X1865" s="119"/>
      <c r="Y1865" s="119"/>
      <c r="Z1865" s="119"/>
      <c r="AA1865" s="119"/>
      <c r="AB1865" s="119"/>
      <c r="AC1865" s="119"/>
      <c r="AD1865" s="119"/>
      <c r="AE1865" s="119"/>
      <c r="AF1865" s="119"/>
      <c r="AG1865" s="119"/>
      <c r="AH1865" s="119"/>
      <c r="AI1865" s="119"/>
      <c r="AJ1865" s="119"/>
      <c r="AK1865" s="119"/>
      <c r="AL1865" s="119"/>
      <c r="AM1865" s="119"/>
      <c r="AN1865" s="119"/>
      <c r="AO1865" s="119"/>
      <c r="AP1865" s="119"/>
      <c r="AQ1865" s="119"/>
      <c r="AR1865" s="119"/>
      <c r="AS1865" s="119"/>
      <c r="AT1865" s="119"/>
      <c r="AU1865" s="119"/>
      <c r="AV1865" s="119"/>
      <c r="AW1865" s="119"/>
      <c r="AX1865" s="119"/>
      <c r="AY1865" s="119"/>
      <c r="AZ1865" s="119"/>
      <c r="BA1865" s="119"/>
      <c r="BB1865" s="107">
        <v>45884</v>
      </c>
    </row>
    <row r="1866" spans="1:54" s="207" customFormat="1" ht="13.95" customHeight="1" x14ac:dyDescent="0.25">
      <c r="A1866" s="208" t="s">
        <v>4485</v>
      </c>
      <c r="B1866" s="209" t="s">
        <v>20420</v>
      </c>
      <c r="C1866" s="113" t="s">
        <v>4486</v>
      </c>
      <c r="D1866" s="113" t="s">
        <v>23544</v>
      </c>
      <c r="E1866" s="210">
        <v>1986</v>
      </c>
      <c r="F1866" s="210">
        <v>2523</v>
      </c>
      <c r="G1866" s="113" t="s">
        <v>1</v>
      </c>
      <c r="H1866" s="113">
        <v>0</v>
      </c>
      <c r="I1866" s="113">
        <v>0</v>
      </c>
      <c r="J1866" s="115">
        <v>1</v>
      </c>
      <c r="K1866" s="116" t="s">
        <v>174</v>
      </c>
      <c r="L1866" s="115">
        <v>1</v>
      </c>
      <c r="M1866" s="115">
        <v>1</v>
      </c>
      <c r="N1866" s="115">
        <v>0</v>
      </c>
      <c r="O1866" s="115">
        <v>0</v>
      </c>
      <c r="P1866" s="115" t="s">
        <v>400</v>
      </c>
      <c r="Q1866" s="115" t="s">
        <v>400</v>
      </c>
      <c r="R1866" s="115">
        <v>1</v>
      </c>
      <c r="S1866" s="115">
        <v>0</v>
      </c>
      <c r="T1866" s="115">
        <v>0</v>
      </c>
      <c r="U1866" s="119"/>
      <c r="V1866" s="119"/>
      <c r="W1866" s="119"/>
      <c r="X1866" s="119"/>
      <c r="Y1866" s="119"/>
      <c r="Z1866" s="119"/>
      <c r="AA1866" s="119"/>
      <c r="AB1866" s="119"/>
      <c r="AC1866" s="119"/>
      <c r="AD1866" s="119"/>
      <c r="AE1866" s="119"/>
      <c r="AF1866" s="119"/>
      <c r="AG1866" s="119"/>
      <c r="AH1866" s="119"/>
      <c r="AI1866" s="119"/>
      <c r="AJ1866" s="119"/>
      <c r="AK1866" s="119"/>
      <c r="AL1866" s="119"/>
      <c r="AM1866" s="119"/>
      <c r="AN1866" s="119"/>
      <c r="AO1866" s="119"/>
      <c r="AP1866" s="119"/>
      <c r="AQ1866" s="119"/>
      <c r="AR1866" s="119"/>
      <c r="AS1866" s="119"/>
      <c r="AT1866" s="119"/>
      <c r="AU1866" s="119"/>
      <c r="AV1866" s="119"/>
      <c r="AW1866" s="119"/>
      <c r="AX1866" s="119"/>
      <c r="AY1866" s="119"/>
      <c r="AZ1866" s="119"/>
      <c r="BA1866" s="119"/>
      <c r="BB1866" s="107">
        <v>45884</v>
      </c>
    </row>
    <row r="1867" spans="1:54" s="207" customFormat="1" ht="13.95" customHeight="1" x14ac:dyDescent="0.25">
      <c r="A1867" s="208" t="s">
        <v>4487</v>
      </c>
      <c r="B1867" s="209" t="s">
        <v>20420</v>
      </c>
      <c r="C1867" s="113" t="s">
        <v>4488</v>
      </c>
      <c r="D1867" s="113" t="s">
        <v>4489</v>
      </c>
      <c r="E1867" s="210">
        <v>1988</v>
      </c>
      <c r="F1867" s="210">
        <v>2526</v>
      </c>
      <c r="G1867" s="113" t="s">
        <v>1</v>
      </c>
      <c r="H1867" s="113">
        <v>0</v>
      </c>
      <c r="I1867" s="113">
        <v>0</v>
      </c>
      <c r="J1867" s="115">
        <v>1</v>
      </c>
      <c r="K1867" s="116" t="s">
        <v>174</v>
      </c>
      <c r="L1867" s="115">
        <v>1</v>
      </c>
      <c r="M1867" s="115">
        <v>1</v>
      </c>
      <c r="N1867" s="115">
        <v>0</v>
      </c>
      <c r="O1867" s="115">
        <v>0</v>
      </c>
      <c r="P1867" s="115" t="s">
        <v>400</v>
      </c>
      <c r="Q1867" s="115" t="s">
        <v>400</v>
      </c>
      <c r="R1867" s="115">
        <v>0</v>
      </c>
      <c r="S1867" s="115">
        <v>0</v>
      </c>
      <c r="T1867" s="115">
        <v>0</v>
      </c>
      <c r="U1867" s="119"/>
      <c r="V1867" s="119"/>
      <c r="W1867" s="119"/>
      <c r="X1867" s="119"/>
      <c r="Y1867" s="119"/>
      <c r="Z1867" s="119"/>
      <c r="AA1867" s="119"/>
      <c r="AB1867" s="119"/>
      <c r="AC1867" s="119"/>
      <c r="AD1867" s="119"/>
      <c r="AE1867" s="119"/>
      <c r="AF1867" s="119"/>
      <c r="AG1867" s="119"/>
      <c r="AH1867" s="119"/>
      <c r="AI1867" s="119"/>
      <c r="AJ1867" s="119"/>
      <c r="AK1867" s="119"/>
      <c r="AL1867" s="119"/>
      <c r="AM1867" s="119"/>
      <c r="AN1867" s="119"/>
      <c r="AO1867" s="119"/>
      <c r="AP1867" s="119"/>
      <c r="AQ1867" s="119"/>
      <c r="AR1867" s="119"/>
      <c r="AS1867" s="119"/>
      <c r="AT1867" s="119"/>
      <c r="AU1867" s="119"/>
      <c r="AV1867" s="119"/>
      <c r="AW1867" s="119"/>
      <c r="AX1867" s="119"/>
      <c r="AY1867" s="119"/>
      <c r="AZ1867" s="119"/>
      <c r="BA1867" s="119"/>
      <c r="BB1867" s="107">
        <v>45884</v>
      </c>
    </row>
    <row r="1868" spans="1:54" s="207" customFormat="1" ht="13.95" customHeight="1" x14ac:dyDescent="0.25">
      <c r="A1868" s="208" t="s">
        <v>4490</v>
      </c>
      <c r="B1868" s="209" t="s">
        <v>20420</v>
      </c>
      <c r="C1868" s="113" t="s">
        <v>4491</v>
      </c>
      <c r="D1868" s="113" t="s">
        <v>23545</v>
      </c>
      <c r="E1868" s="210">
        <v>1974</v>
      </c>
      <c r="F1868" s="210">
        <v>2533</v>
      </c>
      <c r="G1868" s="113" t="s">
        <v>1</v>
      </c>
      <c r="H1868" s="113">
        <v>0</v>
      </c>
      <c r="I1868" s="113">
        <v>0</v>
      </c>
      <c r="J1868" s="115">
        <v>1</v>
      </c>
      <c r="K1868" s="116" t="s">
        <v>174</v>
      </c>
      <c r="L1868" s="115">
        <v>1</v>
      </c>
      <c r="M1868" s="115">
        <v>1</v>
      </c>
      <c r="N1868" s="115">
        <v>1</v>
      </c>
      <c r="O1868" s="115">
        <v>1</v>
      </c>
      <c r="P1868" s="115">
        <v>1</v>
      </c>
      <c r="Q1868" s="115" t="s">
        <v>400</v>
      </c>
      <c r="R1868" s="115">
        <v>1</v>
      </c>
      <c r="S1868" s="115">
        <v>0</v>
      </c>
      <c r="T1868" s="115">
        <v>0</v>
      </c>
      <c r="U1868" s="119"/>
      <c r="V1868" s="119"/>
      <c r="W1868" s="119"/>
      <c r="X1868" s="119"/>
      <c r="Y1868" s="119"/>
      <c r="Z1868" s="119"/>
      <c r="AA1868" s="119"/>
      <c r="AB1868" s="119"/>
      <c r="AC1868" s="119"/>
      <c r="AD1868" s="119"/>
      <c r="AE1868" s="119"/>
      <c r="AF1868" s="119"/>
      <c r="AG1868" s="119"/>
      <c r="AH1868" s="119"/>
      <c r="AI1868" s="119"/>
      <c r="AJ1868" s="119"/>
      <c r="AK1868" s="119"/>
      <c r="AL1868" s="119"/>
      <c r="AM1868" s="119"/>
      <c r="AN1868" s="119"/>
      <c r="AO1868" s="119"/>
      <c r="AP1868" s="119"/>
      <c r="AQ1868" s="119"/>
      <c r="AR1868" s="119"/>
      <c r="AS1868" s="119"/>
      <c r="AT1868" s="119"/>
      <c r="AU1868" s="119"/>
      <c r="AV1868" s="119"/>
      <c r="AW1868" s="119"/>
      <c r="AX1868" s="119"/>
      <c r="AY1868" s="119"/>
      <c r="AZ1868" s="119"/>
      <c r="BA1868" s="119"/>
      <c r="BB1868" s="107">
        <v>45884</v>
      </c>
    </row>
    <row r="1869" spans="1:54" s="207" customFormat="1" ht="13.95" customHeight="1" x14ac:dyDescent="0.25">
      <c r="A1869" s="208" t="s">
        <v>4492</v>
      </c>
      <c r="B1869" s="209" t="s">
        <v>20420</v>
      </c>
      <c r="C1869" s="113" t="s">
        <v>4493</v>
      </c>
      <c r="D1869" s="113" t="s">
        <v>23546</v>
      </c>
      <c r="E1869" s="210">
        <v>1953</v>
      </c>
      <c r="F1869" s="210">
        <v>2542</v>
      </c>
      <c r="G1869" s="113" t="s">
        <v>1</v>
      </c>
      <c r="H1869" s="113">
        <v>0</v>
      </c>
      <c r="I1869" s="113">
        <v>0</v>
      </c>
      <c r="J1869" s="115">
        <v>1</v>
      </c>
      <c r="K1869" s="211">
        <v>1</v>
      </c>
      <c r="L1869" s="115">
        <v>1</v>
      </c>
      <c r="M1869" s="115">
        <v>1</v>
      </c>
      <c r="N1869" s="115">
        <v>0</v>
      </c>
      <c r="O1869" s="115">
        <v>1</v>
      </c>
      <c r="P1869" s="115" t="s">
        <v>400</v>
      </c>
      <c r="Q1869" s="115" t="s">
        <v>400</v>
      </c>
      <c r="R1869" s="115">
        <v>1</v>
      </c>
      <c r="S1869" s="115">
        <v>0</v>
      </c>
      <c r="T1869" s="115">
        <v>0</v>
      </c>
      <c r="U1869" s="119"/>
      <c r="V1869" s="119"/>
      <c r="W1869" s="119"/>
      <c r="X1869" s="119"/>
      <c r="Y1869" s="119"/>
      <c r="Z1869" s="119"/>
      <c r="AA1869" s="119"/>
      <c r="AB1869" s="119"/>
      <c r="AC1869" s="119"/>
      <c r="AD1869" s="119"/>
      <c r="AE1869" s="119"/>
      <c r="AF1869" s="119"/>
      <c r="AG1869" s="119"/>
      <c r="AH1869" s="119"/>
      <c r="AI1869" s="119"/>
      <c r="AJ1869" s="119"/>
      <c r="AK1869" s="119"/>
      <c r="AL1869" s="119"/>
      <c r="AM1869" s="119"/>
      <c r="AN1869" s="119"/>
      <c r="AO1869" s="119"/>
      <c r="AP1869" s="119"/>
      <c r="AQ1869" s="119"/>
      <c r="AR1869" s="119"/>
      <c r="AS1869" s="119"/>
      <c r="AT1869" s="119"/>
      <c r="AU1869" s="119"/>
      <c r="AV1869" s="119"/>
      <c r="AW1869" s="119"/>
      <c r="AX1869" s="119"/>
      <c r="AY1869" s="119"/>
      <c r="AZ1869" s="119"/>
      <c r="BA1869" s="119"/>
      <c r="BB1869" s="107">
        <v>45884</v>
      </c>
    </row>
    <row r="1870" spans="1:54" s="207" customFormat="1" ht="13.95" customHeight="1" x14ac:dyDescent="0.25">
      <c r="A1870" s="208" t="s">
        <v>4494</v>
      </c>
      <c r="B1870" s="209" t="s">
        <v>20420</v>
      </c>
      <c r="C1870" s="113" t="s">
        <v>4495</v>
      </c>
      <c r="D1870" s="113" t="s">
        <v>23547</v>
      </c>
      <c r="E1870" s="210">
        <v>1938</v>
      </c>
      <c r="F1870" s="210">
        <v>2549</v>
      </c>
      <c r="G1870" s="113" t="s">
        <v>1</v>
      </c>
      <c r="H1870" s="113">
        <v>0</v>
      </c>
      <c r="I1870" s="113">
        <v>0</v>
      </c>
      <c r="J1870" s="115">
        <v>1</v>
      </c>
      <c r="K1870" s="116" t="s">
        <v>174</v>
      </c>
      <c r="L1870" s="115">
        <v>1</v>
      </c>
      <c r="M1870" s="115">
        <v>0</v>
      </c>
      <c r="N1870" s="115">
        <v>0</v>
      </c>
      <c r="O1870" s="115">
        <v>1</v>
      </c>
      <c r="P1870" s="115">
        <v>1</v>
      </c>
      <c r="Q1870" s="115" t="s">
        <v>400</v>
      </c>
      <c r="R1870" s="115">
        <v>1</v>
      </c>
      <c r="S1870" s="115">
        <v>0</v>
      </c>
      <c r="T1870" s="115">
        <v>0</v>
      </c>
      <c r="U1870" s="119"/>
      <c r="V1870" s="119"/>
      <c r="W1870" s="119"/>
      <c r="X1870" s="119"/>
      <c r="Y1870" s="119"/>
      <c r="Z1870" s="119"/>
      <c r="AA1870" s="119"/>
      <c r="AB1870" s="119"/>
      <c r="AC1870" s="119"/>
      <c r="AD1870" s="119"/>
      <c r="AE1870" s="119"/>
      <c r="AF1870" s="122">
        <v>1</v>
      </c>
      <c r="AG1870" s="119"/>
      <c r="AH1870" s="119"/>
      <c r="AI1870" s="119"/>
      <c r="AJ1870" s="119"/>
      <c r="AK1870" s="119"/>
      <c r="AL1870" s="119"/>
      <c r="AM1870" s="119"/>
      <c r="AN1870" s="119"/>
      <c r="AO1870" s="119"/>
      <c r="AP1870" s="119"/>
      <c r="AQ1870" s="119"/>
      <c r="AR1870" s="119"/>
      <c r="AS1870" s="119"/>
      <c r="AT1870" s="119"/>
      <c r="AU1870" s="119"/>
      <c r="AV1870" s="119"/>
      <c r="AW1870" s="119"/>
      <c r="AX1870" s="119"/>
      <c r="AY1870" s="119"/>
      <c r="AZ1870" s="123" t="s">
        <v>23203</v>
      </c>
      <c r="BA1870" s="122" t="s">
        <v>19478</v>
      </c>
      <c r="BB1870" s="107">
        <v>45884</v>
      </c>
    </row>
    <row r="1871" spans="1:54" s="207" customFormat="1" ht="13.95" customHeight="1" x14ac:dyDescent="0.25">
      <c r="A1871" s="208" t="s">
        <v>4496</v>
      </c>
      <c r="B1871" s="209" t="s">
        <v>20420</v>
      </c>
      <c r="C1871" s="113" t="s">
        <v>4497</v>
      </c>
      <c r="D1871" s="113" t="s">
        <v>23548</v>
      </c>
      <c r="E1871" s="210">
        <v>1985</v>
      </c>
      <c r="F1871" s="210">
        <v>2553</v>
      </c>
      <c r="G1871" s="113" t="s">
        <v>1</v>
      </c>
      <c r="H1871" s="113">
        <v>0</v>
      </c>
      <c r="I1871" s="113">
        <v>0</v>
      </c>
      <c r="J1871" s="115">
        <v>1</v>
      </c>
      <c r="K1871" s="116" t="s">
        <v>174</v>
      </c>
      <c r="L1871" s="115">
        <v>1</v>
      </c>
      <c r="M1871" s="115">
        <v>0</v>
      </c>
      <c r="N1871" s="115">
        <v>1</v>
      </c>
      <c r="O1871" s="115">
        <v>1</v>
      </c>
      <c r="P1871" s="115">
        <v>1</v>
      </c>
      <c r="Q1871" s="115" t="s">
        <v>400</v>
      </c>
      <c r="R1871" s="115">
        <v>1</v>
      </c>
      <c r="S1871" s="115">
        <v>0</v>
      </c>
      <c r="T1871" s="115">
        <v>0</v>
      </c>
      <c r="U1871" s="119"/>
      <c r="V1871" s="119"/>
      <c r="W1871" s="119"/>
      <c r="X1871" s="119"/>
      <c r="Y1871" s="119"/>
      <c r="Z1871" s="119"/>
      <c r="AA1871" s="119"/>
      <c r="AB1871" s="119"/>
      <c r="AC1871" s="119"/>
      <c r="AD1871" s="119"/>
      <c r="AE1871" s="119"/>
      <c r="AF1871" s="119"/>
      <c r="AG1871" s="119"/>
      <c r="AH1871" s="119"/>
      <c r="AI1871" s="119"/>
      <c r="AJ1871" s="119"/>
      <c r="AK1871" s="119"/>
      <c r="AL1871" s="119"/>
      <c r="AM1871" s="119"/>
      <c r="AN1871" s="119"/>
      <c r="AO1871" s="119"/>
      <c r="AP1871" s="119"/>
      <c r="AQ1871" s="119"/>
      <c r="AR1871" s="119"/>
      <c r="AS1871" s="119"/>
      <c r="AT1871" s="119"/>
      <c r="AU1871" s="119"/>
      <c r="AV1871" s="119"/>
      <c r="AW1871" s="119"/>
      <c r="AX1871" s="119"/>
      <c r="AY1871" s="119"/>
      <c r="AZ1871" s="119"/>
      <c r="BA1871" s="119"/>
      <c r="BB1871" s="107">
        <v>45884</v>
      </c>
    </row>
    <row r="1872" spans="1:54" s="207" customFormat="1" ht="13.95" customHeight="1" x14ac:dyDescent="0.25">
      <c r="A1872" s="208" t="s">
        <v>4498</v>
      </c>
      <c r="B1872" s="209" t="s">
        <v>20420</v>
      </c>
      <c r="C1872" s="113" t="s">
        <v>4499</v>
      </c>
      <c r="D1872" s="113" t="s">
        <v>23549</v>
      </c>
      <c r="E1872" s="210">
        <v>1974</v>
      </c>
      <c r="F1872" s="210">
        <v>2557</v>
      </c>
      <c r="G1872" s="113" t="s">
        <v>1</v>
      </c>
      <c r="H1872" s="113">
        <v>0</v>
      </c>
      <c r="I1872" s="113">
        <v>0</v>
      </c>
      <c r="J1872" s="115">
        <v>1</v>
      </c>
      <c r="K1872" s="116" t="s">
        <v>174</v>
      </c>
      <c r="L1872" s="115">
        <v>1</v>
      </c>
      <c r="M1872" s="115">
        <v>0</v>
      </c>
      <c r="N1872" s="115">
        <v>1</v>
      </c>
      <c r="O1872" s="115">
        <v>1</v>
      </c>
      <c r="P1872" s="115">
        <v>1</v>
      </c>
      <c r="Q1872" s="115" t="s">
        <v>400</v>
      </c>
      <c r="R1872" s="115">
        <v>1</v>
      </c>
      <c r="S1872" s="115">
        <v>0</v>
      </c>
      <c r="T1872" s="115">
        <v>0</v>
      </c>
      <c r="U1872" s="119"/>
      <c r="V1872" s="119"/>
      <c r="W1872" s="119"/>
      <c r="X1872" s="119"/>
      <c r="Y1872" s="119"/>
      <c r="Z1872" s="119"/>
      <c r="AA1872" s="119"/>
      <c r="AB1872" s="119"/>
      <c r="AC1872" s="119"/>
      <c r="AD1872" s="119"/>
      <c r="AE1872" s="119"/>
      <c r="AF1872" s="119"/>
      <c r="AG1872" s="119"/>
      <c r="AH1872" s="119"/>
      <c r="AI1872" s="119"/>
      <c r="AJ1872" s="119"/>
      <c r="AK1872" s="119"/>
      <c r="AL1872" s="119"/>
      <c r="AM1872" s="119"/>
      <c r="AN1872" s="119"/>
      <c r="AO1872" s="119"/>
      <c r="AP1872" s="119"/>
      <c r="AQ1872" s="119"/>
      <c r="AR1872" s="119"/>
      <c r="AS1872" s="119"/>
      <c r="AT1872" s="119"/>
      <c r="AU1872" s="119"/>
      <c r="AV1872" s="119"/>
      <c r="AW1872" s="119"/>
      <c r="AX1872" s="119"/>
      <c r="AY1872" s="119"/>
      <c r="AZ1872" s="119"/>
      <c r="BA1872" s="119"/>
      <c r="BB1872" s="107">
        <v>45884</v>
      </c>
    </row>
    <row r="1873" spans="1:54" s="207" customFormat="1" ht="13.95" customHeight="1" x14ac:dyDescent="0.25">
      <c r="A1873" s="208" t="s">
        <v>4500</v>
      </c>
      <c r="B1873" s="209" t="s">
        <v>20420</v>
      </c>
      <c r="C1873" s="113" t="s">
        <v>4501</v>
      </c>
      <c r="D1873" s="113" t="s">
        <v>4502</v>
      </c>
      <c r="E1873" s="210">
        <v>1977</v>
      </c>
      <c r="F1873" s="210">
        <v>2557</v>
      </c>
      <c r="G1873" s="113" t="s">
        <v>1</v>
      </c>
      <c r="H1873" s="113">
        <v>0</v>
      </c>
      <c r="I1873" s="113">
        <v>0</v>
      </c>
      <c r="J1873" s="115">
        <v>1</v>
      </c>
      <c r="K1873" s="116" t="s">
        <v>174</v>
      </c>
      <c r="L1873" s="115">
        <v>1</v>
      </c>
      <c r="M1873" s="115">
        <v>0</v>
      </c>
      <c r="N1873" s="115">
        <v>0</v>
      </c>
      <c r="O1873" s="115">
        <v>1</v>
      </c>
      <c r="P1873" s="115">
        <v>1</v>
      </c>
      <c r="Q1873" s="115">
        <v>1</v>
      </c>
      <c r="R1873" s="115">
        <v>0</v>
      </c>
      <c r="S1873" s="115">
        <v>0</v>
      </c>
      <c r="T1873" s="115">
        <v>0</v>
      </c>
      <c r="U1873" s="119"/>
      <c r="V1873" s="119"/>
      <c r="W1873" s="119"/>
      <c r="X1873" s="119"/>
      <c r="Y1873" s="119"/>
      <c r="Z1873" s="119"/>
      <c r="AA1873" s="119"/>
      <c r="AB1873" s="119"/>
      <c r="AC1873" s="119"/>
      <c r="AD1873" s="119"/>
      <c r="AE1873" s="119"/>
      <c r="AF1873" s="119"/>
      <c r="AG1873" s="119"/>
      <c r="AH1873" s="119"/>
      <c r="AI1873" s="119"/>
      <c r="AJ1873" s="119"/>
      <c r="AK1873" s="119"/>
      <c r="AL1873" s="119"/>
      <c r="AM1873" s="119"/>
      <c r="AN1873" s="119"/>
      <c r="AO1873" s="119"/>
      <c r="AP1873" s="119"/>
      <c r="AQ1873" s="119"/>
      <c r="AR1873" s="119"/>
      <c r="AS1873" s="119"/>
      <c r="AT1873" s="119"/>
      <c r="AU1873" s="119"/>
      <c r="AV1873" s="119"/>
      <c r="AW1873" s="119"/>
      <c r="AX1873" s="119"/>
      <c r="AY1873" s="119"/>
      <c r="AZ1873" s="119"/>
      <c r="BA1873" s="119"/>
      <c r="BB1873" s="107">
        <v>45884</v>
      </c>
    </row>
    <row r="1874" spans="1:54" s="207" customFormat="1" ht="13.95" customHeight="1" x14ac:dyDescent="0.25">
      <c r="A1874" s="208" t="s">
        <v>4503</v>
      </c>
      <c r="B1874" s="209" t="s">
        <v>20420</v>
      </c>
      <c r="C1874" s="113" t="s">
        <v>4504</v>
      </c>
      <c r="D1874" s="113" t="s">
        <v>23550</v>
      </c>
      <c r="E1874" s="210">
        <v>1987</v>
      </c>
      <c r="F1874" s="210">
        <v>2558</v>
      </c>
      <c r="G1874" s="113" t="s">
        <v>1</v>
      </c>
      <c r="H1874" s="113">
        <v>0</v>
      </c>
      <c r="I1874" s="113">
        <v>0</v>
      </c>
      <c r="J1874" s="115">
        <v>1</v>
      </c>
      <c r="K1874" s="116" t="s">
        <v>174</v>
      </c>
      <c r="L1874" s="115">
        <v>1</v>
      </c>
      <c r="M1874" s="115">
        <v>1</v>
      </c>
      <c r="N1874" s="115">
        <v>0</v>
      </c>
      <c r="O1874" s="115">
        <v>1</v>
      </c>
      <c r="P1874" s="115" t="s">
        <v>400</v>
      </c>
      <c r="Q1874" s="115" t="s">
        <v>400</v>
      </c>
      <c r="R1874" s="115">
        <v>1</v>
      </c>
      <c r="S1874" s="115">
        <v>0</v>
      </c>
      <c r="T1874" s="115">
        <v>0</v>
      </c>
      <c r="U1874" s="119"/>
      <c r="V1874" s="119"/>
      <c r="W1874" s="119"/>
      <c r="X1874" s="119"/>
      <c r="Y1874" s="119"/>
      <c r="Z1874" s="119"/>
      <c r="AA1874" s="119"/>
      <c r="AB1874" s="119"/>
      <c r="AC1874" s="119"/>
      <c r="AD1874" s="119"/>
      <c r="AE1874" s="119"/>
      <c r="AF1874" s="119"/>
      <c r="AG1874" s="119"/>
      <c r="AH1874" s="119"/>
      <c r="AI1874" s="119"/>
      <c r="AJ1874" s="119"/>
      <c r="AK1874" s="119"/>
      <c r="AL1874" s="119"/>
      <c r="AM1874" s="119"/>
      <c r="AN1874" s="119"/>
      <c r="AO1874" s="119"/>
      <c r="AP1874" s="119"/>
      <c r="AQ1874" s="119"/>
      <c r="AR1874" s="119"/>
      <c r="AS1874" s="119"/>
      <c r="AT1874" s="119"/>
      <c r="AU1874" s="119"/>
      <c r="AV1874" s="119"/>
      <c r="AW1874" s="119"/>
      <c r="AX1874" s="119"/>
      <c r="AY1874" s="119"/>
      <c r="AZ1874" s="119"/>
      <c r="BA1874" s="119"/>
      <c r="BB1874" s="107">
        <v>45884</v>
      </c>
    </row>
    <row r="1875" spans="1:54" s="207" customFormat="1" ht="13.95" customHeight="1" x14ac:dyDescent="0.25">
      <c r="A1875" s="208" t="s">
        <v>4505</v>
      </c>
      <c r="B1875" s="209" t="s">
        <v>20420</v>
      </c>
      <c r="C1875" s="113" t="s">
        <v>4506</v>
      </c>
      <c r="D1875" s="113" t="s">
        <v>23551</v>
      </c>
      <c r="E1875" s="210">
        <v>1972</v>
      </c>
      <c r="F1875" s="210">
        <v>2563</v>
      </c>
      <c r="G1875" s="113" t="s">
        <v>1</v>
      </c>
      <c r="H1875" s="113">
        <v>0</v>
      </c>
      <c r="I1875" s="113">
        <v>0</v>
      </c>
      <c r="J1875" s="115">
        <v>1</v>
      </c>
      <c r="K1875" s="116" t="s">
        <v>174</v>
      </c>
      <c r="L1875" s="115">
        <v>1</v>
      </c>
      <c r="M1875" s="115">
        <v>0</v>
      </c>
      <c r="N1875" s="115">
        <v>1</v>
      </c>
      <c r="O1875" s="115">
        <v>1</v>
      </c>
      <c r="P1875" s="115">
        <v>1</v>
      </c>
      <c r="Q1875" s="115" t="s">
        <v>400</v>
      </c>
      <c r="R1875" s="115">
        <v>1</v>
      </c>
      <c r="S1875" s="115">
        <v>0</v>
      </c>
      <c r="T1875" s="115">
        <v>0</v>
      </c>
      <c r="U1875" s="119"/>
      <c r="V1875" s="119"/>
      <c r="W1875" s="119"/>
      <c r="X1875" s="119"/>
      <c r="Y1875" s="119"/>
      <c r="Z1875" s="119"/>
      <c r="AA1875" s="119"/>
      <c r="AB1875" s="119"/>
      <c r="AC1875" s="119"/>
      <c r="AD1875" s="119"/>
      <c r="AE1875" s="119"/>
      <c r="AF1875" s="119"/>
      <c r="AG1875" s="119"/>
      <c r="AH1875" s="119"/>
      <c r="AI1875" s="119"/>
      <c r="AJ1875" s="119"/>
      <c r="AK1875" s="119"/>
      <c r="AL1875" s="119"/>
      <c r="AM1875" s="119"/>
      <c r="AN1875" s="119"/>
      <c r="AO1875" s="119"/>
      <c r="AP1875" s="119"/>
      <c r="AQ1875" s="119"/>
      <c r="AR1875" s="119"/>
      <c r="AS1875" s="119"/>
      <c r="AT1875" s="119"/>
      <c r="AU1875" s="119"/>
      <c r="AV1875" s="119"/>
      <c r="AW1875" s="119"/>
      <c r="AX1875" s="119"/>
      <c r="AY1875" s="119"/>
      <c r="AZ1875" s="119"/>
      <c r="BA1875" s="119"/>
      <c r="BB1875" s="107">
        <v>45884</v>
      </c>
    </row>
    <row r="1876" spans="1:54" s="207" customFormat="1" ht="13.95" customHeight="1" x14ac:dyDescent="0.25">
      <c r="A1876" s="208" t="s">
        <v>4507</v>
      </c>
      <c r="B1876" s="209" t="s">
        <v>20420</v>
      </c>
      <c r="C1876" s="113" t="s">
        <v>4508</v>
      </c>
      <c r="D1876" s="113" t="s">
        <v>23552</v>
      </c>
      <c r="E1876" s="210">
        <v>1996</v>
      </c>
      <c r="F1876" s="210">
        <v>2565</v>
      </c>
      <c r="G1876" s="113" t="s">
        <v>8</v>
      </c>
      <c r="H1876" s="113">
        <v>0</v>
      </c>
      <c r="I1876" s="113">
        <v>0</v>
      </c>
      <c r="J1876" s="115">
        <v>1</v>
      </c>
      <c r="K1876" s="116" t="s">
        <v>174</v>
      </c>
      <c r="L1876" s="115">
        <v>0</v>
      </c>
      <c r="M1876" s="115">
        <v>0</v>
      </c>
      <c r="N1876" s="115">
        <v>0</v>
      </c>
      <c r="O1876" s="115">
        <v>0</v>
      </c>
      <c r="P1876" s="115" t="s">
        <v>400</v>
      </c>
      <c r="Q1876" s="115" t="s">
        <v>400</v>
      </c>
      <c r="R1876" s="115">
        <v>0</v>
      </c>
      <c r="S1876" s="115">
        <v>0</v>
      </c>
      <c r="T1876" s="115">
        <v>0</v>
      </c>
      <c r="U1876" s="113" t="s">
        <v>174</v>
      </c>
      <c r="V1876" s="113" t="s">
        <v>174</v>
      </c>
      <c r="W1876" s="113" t="s">
        <v>174</v>
      </c>
      <c r="X1876" s="113" t="s">
        <v>174</v>
      </c>
      <c r="Y1876" s="113" t="s">
        <v>174</v>
      </c>
      <c r="Z1876" s="113" t="s">
        <v>174</v>
      </c>
      <c r="AA1876" s="113" t="s">
        <v>174</v>
      </c>
      <c r="AB1876" s="113" t="s">
        <v>174</v>
      </c>
      <c r="AC1876" s="113" t="s">
        <v>174</v>
      </c>
      <c r="AD1876" s="113" t="s">
        <v>174</v>
      </c>
      <c r="AE1876" s="113" t="s">
        <v>174</v>
      </c>
      <c r="AF1876" s="113" t="s">
        <v>174</v>
      </c>
      <c r="AG1876" s="113" t="s">
        <v>174</v>
      </c>
      <c r="AH1876" s="113" t="s">
        <v>174</v>
      </c>
      <c r="AI1876" s="113" t="s">
        <v>174</v>
      </c>
      <c r="AJ1876" s="113" t="s">
        <v>174</v>
      </c>
      <c r="AK1876" s="113" t="s">
        <v>174</v>
      </c>
      <c r="AL1876" s="113" t="s">
        <v>174</v>
      </c>
      <c r="AM1876" s="113" t="s">
        <v>174</v>
      </c>
      <c r="AN1876" s="113" t="s">
        <v>174</v>
      </c>
      <c r="AO1876" s="113" t="s">
        <v>174</v>
      </c>
      <c r="AP1876" s="113" t="s">
        <v>174</v>
      </c>
      <c r="AQ1876" s="113" t="s">
        <v>174</v>
      </c>
      <c r="AR1876" s="113" t="s">
        <v>174</v>
      </c>
      <c r="AS1876" s="113" t="s">
        <v>174</v>
      </c>
      <c r="AT1876" s="121" t="s">
        <v>174</v>
      </c>
      <c r="AU1876" s="113" t="s">
        <v>174</v>
      </c>
      <c r="AV1876" s="113" t="s">
        <v>174</v>
      </c>
      <c r="AW1876" s="113" t="s">
        <v>174</v>
      </c>
      <c r="AX1876" s="113"/>
      <c r="AY1876" s="113"/>
      <c r="AZ1876" s="113"/>
      <c r="BA1876" s="113"/>
      <c r="BB1876" s="107">
        <v>45884</v>
      </c>
    </row>
    <row r="1877" spans="1:54" s="207" customFormat="1" ht="13.95" customHeight="1" x14ac:dyDescent="0.25">
      <c r="A1877" s="208" t="s">
        <v>4509</v>
      </c>
      <c r="B1877" s="209" t="s">
        <v>20420</v>
      </c>
      <c r="C1877" s="113" t="s">
        <v>4510</v>
      </c>
      <c r="D1877" s="113" t="s">
        <v>4511</v>
      </c>
      <c r="E1877" s="210">
        <v>1973</v>
      </c>
      <c r="F1877" s="210">
        <v>2566</v>
      </c>
      <c r="G1877" s="113" t="s">
        <v>1</v>
      </c>
      <c r="H1877" s="113">
        <v>0</v>
      </c>
      <c r="I1877" s="113">
        <v>0</v>
      </c>
      <c r="J1877" s="115">
        <v>1</v>
      </c>
      <c r="K1877" s="211">
        <v>1</v>
      </c>
      <c r="L1877" s="115">
        <v>1</v>
      </c>
      <c r="M1877" s="115">
        <v>1</v>
      </c>
      <c r="N1877" s="115">
        <v>1</v>
      </c>
      <c r="O1877" s="115">
        <v>1</v>
      </c>
      <c r="P1877" s="115">
        <v>1</v>
      </c>
      <c r="Q1877" s="115" t="s">
        <v>400</v>
      </c>
      <c r="R1877" s="115">
        <v>1</v>
      </c>
      <c r="S1877" s="115">
        <v>0</v>
      </c>
      <c r="T1877" s="115">
        <v>0</v>
      </c>
      <c r="U1877" s="119"/>
      <c r="V1877" s="119"/>
      <c r="W1877" s="119"/>
      <c r="X1877" s="119"/>
      <c r="Y1877" s="119"/>
      <c r="Z1877" s="119"/>
      <c r="AA1877" s="119"/>
      <c r="AB1877" s="119"/>
      <c r="AC1877" s="119"/>
      <c r="AD1877" s="119"/>
      <c r="AE1877" s="119"/>
      <c r="AF1877" s="119"/>
      <c r="AG1877" s="119"/>
      <c r="AH1877" s="119"/>
      <c r="AI1877" s="119"/>
      <c r="AJ1877" s="119"/>
      <c r="AK1877" s="119"/>
      <c r="AL1877" s="119"/>
      <c r="AM1877" s="119"/>
      <c r="AN1877" s="119"/>
      <c r="AO1877" s="119"/>
      <c r="AP1877" s="119"/>
      <c r="AQ1877" s="119"/>
      <c r="AR1877" s="119"/>
      <c r="AS1877" s="119"/>
      <c r="AT1877" s="119"/>
      <c r="AU1877" s="119"/>
      <c r="AV1877" s="119"/>
      <c r="AW1877" s="119"/>
      <c r="AX1877" s="119"/>
      <c r="AY1877" s="119"/>
      <c r="AZ1877" s="119"/>
      <c r="BA1877" s="119"/>
      <c r="BB1877" s="107">
        <v>45884</v>
      </c>
    </row>
    <row r="1878" spans="1:54" s="207" customFormat="1" ht="13.95" customHeight="1" x14ac:dyDescent="0.25">
      <c r="A1878" s="208" t="s">
        <v>4512</v>
      </c>
      <c r="B1878" s="209" t="s">
        <v>20420</v>
      </c>
      <c r="C1878" s="113" t="s">
        <v>4513</v>
      </c>
      <c r="D1878" s="113" t="s">
        <v>23553</v>
      </c>
      <c r="E1878" s="210">
        <v>1974</v>
      </c>
      <c r="F1878" s="210">
        <v>2571</v>
      </c>
      <c r="G1878" s="113" t="s">
        <v>1</v>
      </c>
      <c r="H1878" s="113">
        <v>0</v>
      </c>
      <c r="I1878" s="113">
        <v>0</v>
      </c>
      <c r="J1878" s="115">
        <v>1</v>
      </c>
      <c r="K1878" s="211">
        <v>1</v>
      </c>
      <c r="L1878" s="115">
        <v>1</v>
      </c>
      <c r="M1878" s="115">
        <v>1</v>
      </c>
      <c r="N1878" s="115">
        <v>0</v>
      </c>
      <c r="O1878" s="115">
        <v>1</v>
      </c>
      <c r="P1878" s="115" t="s">
        <v>400</v>
      </c>
      <c r="Q1878" s="115" t="s">
        <v>400</v>
      </c>
      <c r="R1878" s="115">
        <v>1</v>
      </c>
      <c r="S1878" s="115">
        <v>0</v>
      </c>
      <c r="T1878" s="115">
        <v>0</v>
      </c>
      <c r="U1878" s="119"/>
      <c r="V1878" s="119"/>
      <c r="W1878" s="119"/>
      <c r="X1878" s="119"/>
      <c r="Y1878" s="119"/>
      <c r="Z1878" s="119"/>
      <c r="AA1878" s="119"/>
      <c r="AB1878" s="119"/>
      <c r="AC1878" s="119"/>
      <c r="AD1878" s="119"/>
      <c r="AE1878" s="119"/>
      <c r="AF1878" s="119"/>
      <c r="AG1878" s="119"/>
      <c r="AH1878" s="119"/>
      <c r="AI1878" s="119"/>
      <c r="AJ1878" s="119"/>
      <c r="AK1878" s="119"/>
      <c r="AL1878" s="119"/>
      <c r="AM1878" s="119"/>
      <c r="AN1878" s="119"/>
      <c r="AO1878" s="119"/>
      <c r="AP1878" s="119"/>
      <c r="AQ1878" s="119"/>
      <c r="AR1878" s="119"/>
      <c r="AS1878" s="119"/>
      <c r="AT1878" s="119"/>
      <c r="AU1878" s="119"/>
      <c r="AV1878" s="119"/>
      <c r="AW1878" s="119"/>
      <c r="AX1878" s="119"/>
      <c r="AY1878" s="119"/>
      <c r="AZ1878" s="119"/>
      <c r="BA1878" s="119"/>
      <c r="BB1878" s="107">
        <v>45884</v>
      </c>
    </row>
    <row r="1879" spans="1:54" s="207" customFormat="1" ht="13.95" customHeight="1" x14ac:dyDescent="0.25">
      <c r="A1879" s="208" t="s">
        <v>4514</v>
      </c>
      <c r="B1879" s="209" t="s">
        <v>20420</v>
      </c>
      <c r="C1879" s="113" t="s">
        <v>4515</v>
      </c>
      <c r="D1879" s="113" t="s">
        <v>4516</v>
      </c>
      <c r="E1879" s="210">
        <v>1976</v>
      </c>
      <c r="F1879" s="210">
        <v>2572</v>
      </c>
      <c r="G1879" s="113" t="s">
        <v>1</v>
      </c>
      <c r="H1879" s="113">
        <v>0</v>
      </c>
      <c r="I1879" s="113">
        <v>0</v>
      </c>
      <c r="J1879" s="115">
        <v>1</v>
      </c>
      <c r="K1879" s="116" t="s">
        <v>174</v>
      </c>
      <c r="L1879" s="115">
        <v>1</v>
      </c>
      <c r="M1879" s="115">
        <v>1</v>
      </c>
      <c r="N1879" s="115">
        <v>1</v>
      </c>
      <c r="O1879" s="115">
        <v>1</v>
      </c>
      <c r="P1879" s="115" t="s">
        <v>400</v>
      </c>
      <c r="Q1879" s="115" t="s">
        <v>400</v>
      </c>
      <c r="R1879" s="115">
        <v>1</v>
      </c>
      <c r="S1879" s="115">
        <v>0</v>
      </c>
      <c r="T1879" s="115">
        <v>0</v>
      </c>
      <c r="U1879" s="119"/>
      <c r="V1879" s="119"/>
      <c r="W1879" s="119"/>
      <c r="X1879" s="119"/>
      <c r="Y1879" s="119"/>
      <c r="Z1879" s="119"/>
      <c r="AA1879" s="119"/>
      <c r="AB1879" s="119"/>
      <c r="AC1879" s="119"/>
      <c r="AD1879" s="119"/>
      <c r="AE1879" s="119"/>
      <c r="AF1879" s="119"/>
      <c r="AG1879" s="119"/>
      <c r="AH1879" s="119"/>
      <c r="AI1879" s="119"/>
      <c r="AJ1879" s="119"/>
      <c r="AK1879" s="119"/>
      <c r="AL1879" s="119"/>
      <c r="AM1879" s="119"/>
      <c r="AN1879" s="119"/>
      <c r="AO1879" s="119"/>
      <c r="AP1879" s="119"/>
      <c r="AQ1879" s="119"/>
      <c r="AR1879" s="119"/>
      <c r="AS1879" s="119"/>
      <c r="AT1879" s="119"/>
      <c r="AU1879" s="119"/>
      <c r="AV1879" s="119"/>
      <c r="AW1879" s="119"/>
      <c r="AX1879" s="119"/>
      <c r="AY1879" s="119"/>
      <c r="AZ1879" s="119"/>
      <c r="BA1879" s="119"/>
      <c r="BB1879" s="107">
        <v>45884</v>
      </c>
    </row>
    <row r="1880" spans="1:54" s="207" customFormat="1" ht="13.95" customHeight="1" x14ac:dyDescent="0.25">
      <c r="A1880" s="208" t="s">
        <v>4517</v>
      </c>
      <c r="B1880" s="209" t="s">
        <v>20420</v>
      </c>
      <c r="C1880" s="113" t="s">
        <v>4518</v>
      </c>
      <c r="D1880" s="113" t="s">
        <v>23554</v>
      </c>
      <c r="E1880" s="210">
        <v>1986</v>
      </c>
      <c r="F1880" s="210">
        <v>2574</v>
      </c>
      <c r="G1880" s="113" t="s">
        <v>1</v>
      </c>
      <c r="H1880" s="113">
        <v>0</v>
      </c>
      <c r="I1880" s="113">
        <v>0</v>
      </c>
      <c r="J1880" s="115">
        <v>1</v>
      </c>
      <c r="K1880" s="211">
        <v>1</v>
      </c>
      <c r="L1880" s="115">
        <v>1</v>
      </c>
      <c r="M1880" s="115">
        <v>0</v>
      </c>
      <c r="N1880" s="115">
        <v>1</v>
      </c>
      <c r="O1880" s="115">
        <v>1</v>
      </c>
      <c r="P1880" s="115">
        <v>1</v>
      </c>
      <c r="Q1880" s="115" t="s">
        <v>400</v>
      </c>
      <c r="R1880" s="115">
        <v>0</v>
      </c>
      <c r="S1880" s="115">
        <v>0</v>
      </c>
      <c r="T1880" s="115">
        <v>0</v>
      </c>
      <c r="U1880" s="119"/>
      <c r="V1880" s="119"/>
      <c r="W1880" s="119"/>
      <c r="X1880" s="119"/>
      <c r="Y1880" s="119"/>
      <c r="Z1880" s="119"/>
      <c r="AA1880" s="119"/>
      <c r="AB1880" s="119"/>
      <c r="AC1880" s="119"/>
      <c r="AD1880" s="119"/>
      <c r="AE1880" s="119"/>
      <c r="AF1880" s="119"/>
      <c r="AG1880" s="119"/>
      <c r="AH1880" s="119"/>
      <c r="AI1880" s="119"/>
      <c r="AJ1880" s="119"/>
      <c r="AK1880" s="119"/>
      <c r="AL1880" s="119"/>
      <c r="AM1880" s="119"/>
      <c r="AN1880" s="119"/>
      <c r="AO1880" s="119"/>
      <c r="AP1880" s="119"/>
      <c r="AQ1880" s="119"/>
      <c r="AR1880" s="119"/>
      <c r="AS1880" s="119"/>
      <c r="AT1880" s="119"/>
      <c r="AU1880" s="119"/>
      <c r="AV1880" s="119"/>
      <c r="AW1880" s="119"/>
      <c r="AX1880" s="119"/>
      <c r="AY1880" s="119"/>
      <c r="AZ1880" s="119"/>
      <c r="BA1880" s="119"/>
      <c r="BB1880" s="107">
        <v>45884</v>
      </c>
    </row>
    <row r="1881" spans="1:54" s="207" customFormat="1" ht="13.95" customHeight="1" x14ac:dyDescent="0.25">
      <c r="A1881" s="208" t="s">
        <v>4519</v>
      </c>
      <c r="B1881" s="209" t="s">
        <v>20420</v>
      </c>
      <c r="C1881" s="113" t="s">
        <v>4520</v>
      </c>
      <c r="D1881" s="113" t="s">
        <v>23555</v>
      </c>
      <c r="E1881" s="210">
        <v>1991</v>
      </c>
      <c r="F1881" s="210">
        <v>2576</v>
      </c>
      <c r="G1881" s="113" t="s">
        <v>1</v>
      </c>
      <c r="H1881" s="113">
        <v>0</v>
      </c>
      <c r="I1881" s="113">
        <v>0</v>
      </c>
      <c r="J1881" s="115">
        <v>1</v>
      </c>
      <c r="K1881" s="116" t="s">
        <v>174</v>
      </c>
      <c r="L1881" s="115">
        <v>1</v>
      </c>
      <c r="M1881" s="115">
        <v>1</v>
      </c>
      <c r="N1881" s="115">
        <v>0</v>
      </c>
      <c r="O1881" s="115">
        <v>1</v>
      </c>
      <c r="P1881" s="115">
        <v>1</v>
      </c>
      <c r="Q1881" s="115" t="s">
        <v>400</v>
      </c>
      <c r="R1881" s="115">
        <v>1</v>
      </c>
      <c r="S1881" s="115">
        <v>0</v>
      </c>
      <c r="T1881" s="115">
        <v>0</v>
      </c>
      <c r="U1881" s="119"/>
      <c r="V1881" s="119"/>
      <c r="W1881" s="119"/>
      <c r="X1881" s="119"/>
      <c r="Y1881" s="119"/>
      <c r="Z1881" s="119"/>
      <c r="AA1881" s="119"/>
      <c r="AB1881" s="119"/>
      <c r="AC1881" s="119"/>
      <c r="AD1881" s="119"/>
      <c r="AE1881" s="119"/>
      <c r="AF1881" s="119"/>
      <c r="AG1881" s="119"/>
      <c r="AH1881" s="119"/>
      <c r="AI1881" s="119"/>
      <c r="AJ1881" s="119"/>
      <c r="AK1881" s="119"/>
      <c r="AL1881" s="119"/>
      <c r="AM1881" s="119"/>
      <c r="AN1881" s="119"/>
      <c r="AO1881" s="119"/>
      <c r="AP1881" s="119"/>
      <c r="AQ1881" s="119"/>
      <c r="AR1881" s="119"/>
      <c r="AS1881" s="119"/>
      <c r="AT1881" s="119"/>
      <c r="AU1881" s="119"/>
      <c r="AV1881" s="119"/>
      <c r="AW1881" s="119"/>
      <c r="AX1881" s="119"/>
      <c r="AY1881" s="119"/>
      <c r="AZ1881" s="119"/>
      <c r="BA1881" s="119"/>
      <c r="BB1881" s="107">
        <v>45884</v>
      </c>
    </row>
    <row r="1882" spans="1:54" s="207" customFormat="1" ht="13.95" customHeight="1" x14ac:dyDescent="0.25">
      <c r="A1882" s="208" t="s">
        <v>4521</v>
      </c>
      <c r="B1882" s="209" t="s">
        <v>20420</v>
      </c>
      <c r="C1882" s="113" t="s">
        <v>4522</v>
      </c>
      <c r="D1882" s="113" t="s">
        <v>23556</v>
      </c>
      <c r="E1882" s="210">
        <v>1978</v>
      </c>
      <c r="F1882" s="210">
        <v>2577</v>
      </c>
      <c r="G1882" s="113" t="s">
        <v>1</v>
      </c>
      <c r="H1882" s="113">
        <v>0</v>
      </c>
      <c r="I1882" s="113">
        <v>0</v>
      </c>
      <c r="J1882" s="115">
        <v>1</v>
      </c>
      <c r="K1882" s="116" t="s">
        <v>174</v>
      </c>
      <c r="L1882" s="115">
        <v>1</v>
      </c>
      <c r="M1882" s="115">
        <v>0</v>
      </c>
      <c r="N1882" s="115">
        <v>0</v>
      </c>
      <c r="O1882" s="115">
        <v>1</v>
      </c>
      <c r="P1882" s="115" t="s">
        <v>400</v>
      </c>
      <c r="Q1882" s="115" t="s">
        <v>400</v>
      </c>
      <c r="R1882" s="115">
        <v>0</v>
      </c>
      <c r="S1882" s="115">
        <v>0</v>
      </c>
      <c r="T1882" s="115">
        <v>0</v>
      </c>
      <c r="U1882" s="119"/>
      <c r="V1882" s="119"/>
      <c r="W1882" s="119"/>
      <c r="X1882" s="119"/>
      <c r="Y1882" s="119"/>
      <c r="Z1882" s="119"/>
      <c r="AA1882" s="119"/>
      <c r="AB1882" s="119"/>
      <c r="AC1882" s="119"/>
      <c r="AD1882" s="119"/>
      <c r="AE1882" s="119"/>
      <c r="AF1882" s="119"/>
      <c r="AG1882" s="119"/>
      <c r="AH1882" s="119"/>
      <c r="AI1882" s="119"/>
      <c r="AJ1882" s="119"/>
      <c r="AK1882" s="119"/>
      <c r="AL1882" s="119"/>
      <c r="AM1882" s="119"/>
      <c r="AN1882" s="119"/>
      <c r="AO1882" s="119"/>
      <c r="AP1882" s="119"/>
      <c r="AQ1882" s="119"/>
      <c r="AR1882" s="119"/>
      <c r="AS1882" s="119"/>
      <c r="AT1882" s="119"/>
      <c r="AU1882" s="119"/>
      <c r="AV1882" s="119"/>
      <c r="AW1882" s="119"/>
      <c r="AX1882" s="119"/>
      <c r="AY1882" s="119"/>
      <c r="AZ1882" s="119"/>
      <c r="BA1882" s="119"/>
      <c r="BB1882" s="107">
        <v>45884</v>
      </c>
    </row>
    <row r="1883" spans="1:54" s="207" customFormat="1" ht="13.95" customHeight="1" x14ac:dyDescent="0.25">
      <c r="A1883" s="208" t="s">
        <v>4523</v>
      </c>
      <c r="B1883" s="209" t="s">
        <v>20420</v>
      </c>
      <c r="C1883" s="113" t="s">
        <v>4524</v>
      </c>
      <c r="D1883" s="113" t="s">
        <v>4525</v>
      </c>
      <c r="E1883" s="210">
        <v>1952</v>
      </c>
      <c r="F1883" s="210">
        <v>2580</v>
      </c>
      <c r="G1883" s="113" t="s">
        <v>1</v>
      </c>
      <c r="H1883" s="113">
        <v>0</v>
      </c>
      <c r="I1883" s="113">
        <v>0</v>
      </c>
      <c r="J1883" s="115">
        <v>1</v>
      </c>
      <c r="K1883" s="211">
        <v>1</v>
      </c>
      <c r="L1883" s="115">
        <v>1</v>
      </c>
      <c r="M1883" s="115">
        <v>1</v>
      </c>
      <c r="N1883" s="115">
        <v>0</v>
      </c>
      <c r="O1883" s="115">
        <v>1</v>
      </c>
      <c r="P1883" s="115">
        <v>1</v>
      </c>
      <c r="Q1883" s="115" t="s">
        <v>400</v>
      </c>
      <c r="R1883" s="115">
        <v>1</v>
      </c>
      <c r="S1883" s="115">
        <v>0</v>
      </c>
      <c r="T1883" s="115">
        <v>0</v>
      </c>
      <c r="U1883" s="119"/>
      <c r="V1883" s="119"/>
      <c r="W1883" s="119"/>
      <c r="X1883" s="119"/>
      <c r="Y1883" s="119"/>
      <c r="Z1883" s="119"/>
      <c r="AA1883" s="119"/>
      <c r="AB1883" s="119"/>
      <c r="AC1883" s="119"/>
      <c r="AD1883" s="119"/>
      <c r="AE1883" s="119"/>
      <c r="AF1883" s="119"/>
      <c r="AG1883" s="119"/>
      <c r="AH1883" s="119"/>
      <c r="AI1883" s="119"/>
      <c r="AJ1883" s="119"/>
      <c r="AK1883" s="119"/>
      <c r="AL1883" s="119"/>
      <c r="AM1883" s="119"/>
      <c r="AN1883" s="119"/>
      <c r="AO1883" s="119"/>
      <c r="AP1883" s="119"/>
      <c r="AQ1883" s="119"/>
      <c r="AR1883" s="119"/>
      <c r="AS1883" s="119"/>
      <c r="AT1883" s="119"/>
      <c r="AU1883" s="119"/>
      <c r="AV1883" s="119"/>
      <c r="AW1883" s="119"/>
      <c r="AX1883" s="119"/>
      <c r="AY1883" s="119"/>
      <c r="AZ1883" s="119"/>
      <c r="BA1883" s="119"/>
      <c r="BB1883" s="107">
        <v>45884</v>
      </c>
    </row>
    <row r="1884" spans="1:54" s="207" customFormat="1" ht="13.95" customHeight="1" x14ac:dyDescent="0.25">
      <c r="A1884" s="208" t="s">
        <v>4526</v>
      </c>
      <c r="B1884" s="209" t="s">
        <v>20420</v>
      </c>
      <c r="C1884" s="113" t="s">
        <v>4527</v>
      </c>
      <c r="D1884" s="113" t="s">
        <v>23557</v>
      </c>
      <c r="E1884" s="210">
        <v>1985</v>
      </c>
      <c r="F1884" s="210">
        <v>2581</v>
      </c>
      <c r="G1884" s="113" t="s">
        <v>1</v>
      </c>
      <c r="H1884" s="113">
        <v>0</v>
      </c>
      <c r="I1884" s="113">
        <v>0</v>
      </c>
      <c r="J1884" s="115">
        <v>1</v>
      </c>
      <c r="K1884" s="116" t="s">
        <v>174</v>
      </c>
      <c r="L1884" s="115">
        <v>1</v>
      </c>
      <c r="M1884" s="115">
        <v>0</v>
      </c>
      <c r="N1884" s="115">
        <v>0</v>
      </c>
      <c r="O1884" s="115">
        <v>1</v>
      </c>
      <c r="P1884" s="115">
        <v>1</v>
      </c>
      <c r="Q1884" s="115" t="s">
        <v>400</v>
      </c>
      <c r="R1884" s="115">
        <v>1</v>
      </c>
      <c r="S1884" s="115">
        <v>0</v>
      </c>
      <c r="T1884" s="115">
        <v>0</v>
      </c>
      <c r="U1884" s="119"/>
      <c r="V1884" s="119"/>
      <c r="W1884" s="119"/>
      <c r="X1884" s="119"/>
      <c r="Y1884" s="119"/>
      <c r="Z1884" s="119"/>
      <c r="AA1884" s="119"/>
      <c r="AB1884" s="119"/>
      <c r="AC1884" s="119"/>
      <c r="AD1884" s="119"/>
      <c r="AE1884" s="119"/>
      <c r="AF1884" s="119"/>
      <c r="AG1884" s="119"/>
      <c r="AH1884" s="119"/>
      <c r="AI1884" s="119"/>
      <c r="AJ1884" s="119"/>
      <c r="AK1884" s="119"/>
      <c r="AL1884" s="119"/>
      <c r="AM1884" s="119"/>
      <c r="AN1884" s="119"/>
      <c r="AO1884" s="119"/>
      <c r="AP1884" s="119"/>
      <c r="AQ1884" s="119"/>
      <c r="AR1884" s="119"/>
      <c r="AS1884" s="119"/>
      <c r="AT1884" s="119"/>
      <c r="AU1884" s="119"/>
      <c r="AV1884" s="119"/>
      <c r="AW1884" s="119"/>
      <c r="AX1884" s="119"/>
      <c r="AY1884" s="119"/>
      <c r="AZ1884" s="119"/>
      <c r="BA1884" s="119"/>
      <c r="BB1884" s="107">
        <v>45884</v>
      </c>
    </row>
    <row r="1885" spans="1:54" s="207" customFormat="1" ht="13.95" customHeight="1" x14ac:dyDescent="0.25">
      <c r="A1885" s="208" t="s">
        <v>4528</v>
      </c>
      <c r="B1885" s="209" t="s">
        <v>20420</v>
      </c>
      <c r="C1885" s="113" t="s">
        <v>4529</v>
      </c>
      <c r="D1885" s="113" t="s">
        <v>23558</v>
      </c>
      <c r="E1885" s="210">
        <v>1996</v>
      </c>
      <c r="F1885" s="210">
        <v>2583</v>
      </c>
      <c r="G1885" s="113" t="s">
        <v>1</v>
      </c>
      <c r="H1885" s="113">
        <v>0</v>
      </c>
      <c r="I1885" s="113">
        <v>0</v>
      </c>
      <c r="J1885" s="115">
        <v>1</v>
      </c>
      <c r="K1885" s="116" t="s">
        <v>174</v>
      </c>
      <c r="L1885" s="115">
        <v>1</v>
      </c>
      <c r="M1885" s="115">
        <v>0</v>
      </c>
      <c r="N1885" s="115">
        <v>0</v>
      </c>
      <c r="O1885" s="115">
        <v>1</v>
      </c>
      <c r="P1885" s="115">
        <v>1</v>
      </c>
      <c r="Q1885" s="115" t="s">
        <v>400</v>
      </c>
      <c r="R1885" s="115">
        <v>0</v>
      </c>
      <c r="S1885" s="115">
        <v>0</v>
      </c>
      <c r="T1885" s="115">
        <v>0</v>
      </c>
      <c r="U1885" s="119"/>
      <c r="V1885" s="119"/>
      <c r="W1885" s="119"/>
      <c r="X1885" s="119"/>
      <c r="Y1885" s="119"/>
      <c r="Z1885" s="119"/>
      <c r="AA1885" s="119"/>
      <c r="AB1885" s="119"/>
      <c r="AC1885" s="119"/>
      <c r="AD1885" s="119"/>
      <c r="AE1885" s="119"/>
      <c r="AF1885" s="119"/>
      <c r="AG1885" s="119"/>
      <c r="AH1885" s="119"/>
      <c r="AI1885" s="119"/>
      <c r="AJ1885" s="119"/>
      <c r="AK1885" s="119"/>
      <c r="AL1885" s="119"/>
      <c r="AM1885" s="119"/>
      <c r="AN1885" s="119"/>
      <c r="AO1885" s="119"/>
      <c r="AP1885" s="119"/>
      <c r="AQ1885" s="119"/>
      <c r="AR1885" s="119"/>
      <c r="AS1885" s="119"/>
      <c r="AT1885" s="119"/>
      <c r="AU1885" s="119"/>
      <c r="AV1885" s="119"/>
      <c r="AW1885" s="119"/>
      <c r="AX1885" s="119"/>
      <c r="AY1885" s="119"/>
      <c r="AZ1885" s="119"/>
      <c r="BA1885" s="119"/>
      <c r="BB1885" s="107">
        <v>45884</v>
      </c>
    </row>
    <row r="1886" spans="1:54" s="207" customFormat="1" ht="13.95" customHeight="1" x14ac:dyDescent="0.25">
      <c r="A1886" s="208" t="s">
        <v>4530</v>
      </c>
      <c r="B1886" s="209" t="s">
        <v>20420</v>
      </c>
      <c r="C1886" s="113" t="s">
        <v>4531</v>
      </c>
      <c r="D1886" s="113" t="s">
        <v>23559</v>
      </c>
      <c r="E1886" s="210">
        <v>1977</v>
      </c>
      <c r="F1886" s="210">
        <v>2613</v>
      </c>
      <c r="G1886" s="113" t="s">
        <v>1</v>
      </c>
      <c r="H1886" s="113">
        <v>0</v>
      </c>
      <c r="I1886" s="113">
        <v>0</v>
      </c>
      <c r="J1886" s="115">
        <v>1</v>
      </c>
      <c r="K1886" s="211">
        <v>1</v>
      </c>
      <c r="L1886" s="115">
        <v>1</v>
      </c>
      <c r="M1886" s="115">
        <v>0</v>
      </c>
      <c r="N1886" s="115">
        <v>0</v>
      </c>
      <c r="O1886" s="115">
        <v>1</v>
      </c>
      <c r="P1886" s="115">
        <v>1</v>
      </c>
      <c r="Q1886" s="115" t="s">
        <v>400</v>
      </c>
      <c r="R1886" s="115">
        <v>1</v>
      </c>
      <c r="S1886" s="115">
        <v>0</v>
      </c>
      <c r="T1886" s="115">
        <v>0</v>
      </c>
      <c r="U1886" s="119"/>
      <c r="V1886" s="119"/>
      <c r="W1886" s="119"/>
      <c r="X1886" s="119"/>
      <c r="Y1886" s="119"/>
      <c r="Z1886" s="119"/>
      <c r="AA1886" s="119"/>
      <c r="AB1886" s="119"/>
      <c r="AC1886" s="119"/>
      <c r="AD1886" s="119"/>
      <c r="AE1886" s="119"/>
      <c r="AF1886" s="119"/>
      <c r="AG1886" s="119"/>
      <c r="AH1886" s="119"/>
      <c r="AI1886" s="119"/>
      <c r="AJ1886" s="119"/>
      <c r="AK1886" s="119"/>
      <c r="AL1886" s="119"/>
      <c r="AM1886" s="119"/>
      <c r="AN1886" s="119"/>
      <c r="AO1886" s="119"/>
      <c r="AP1886" s="119"/>
      <c r="AQ1886" s="119"/>
      <c r="AR1886" s="119"/>
      <c r="AS1886" s="119"/>
      <c r="AT1886" s="119"/>
      <c r="AU1886" s="119"/>
      <c r="AV1886" s="119"/>
      <c r="AW1886" s="119"/>
      <c r="AX1886" s="119"/>
      <c r="AY1886" s="119"/>
      <c r="AZ1886" s="119"/>
      <c r="BA1886" s="119"/>
      <c r="BB1886" s="107">
        <v>45884</v>
      </c>
    </row>
    <row r="1887" spans="1:54" s="207" customFormat="1" ht="13.95" customHeight="1" x14ac:dyDescent="0.25">
      <c r="A1887" s="208" t="s">
        <v>4532</v>
      </c>
      <c r="B1887" s="209" t="s">
        <v>20420</v>
      </c>
      <c r="C1887" s="113" t="s">
        <v>4533</v>
      </c>
      <c r="D1887" s="113" t="s">
        <v>23560</v>
      </c>
      <c r="E1887" s="210">
        <v>1973</v>
      </c>
      <c r="F1887" s="210">
        <v>2587</v>
      </c>
      <c r="G1887" s="113" t="s">
        <v>1</v>
      </c>
      <c r="H1887" s="113">
        <v>0</v>
      </c>
      <c r="I1887" s="113">
        <v>0</v>
      </c>
      <c r="J1887" s="115">
        <v>1</v>
      </c>
      <c r="K1887" s="116" t="s">
        <v>174</v>
      </c>
      <c r="L1887" s="115">
        <v>1</v>
      </c>
      <c r="M1887" s="115">
        <v>1</v>
      </c>
      <c r="N1887" s="115">
        <v>1</v>
      </c>
      <c r="O1887" s="115">
        <v>1</v>
      </c>
      <c r="P1887" s="115" t="s">
        <v>400</v>
      </c>
      <c r="Q1887" s="115" t="s">
        <v>400</v>
      </c>
      <c r="R1887" s="115">
        <v>0</v>
      </c>
      <c r="S1887" s="115">
        <v>0</v>
      </c>
      <c r="T1887" s="115">
        <v>0</v>
      </c>
      <c r="U1887" s="119"/>
      <c r="V1887" s="119"/>
      <c r="W1887" s="119"/>
      <c r="X1887" s="119"/>
      <c r="Y1887" s="119"/>
      <c r="Z1887" s="119"/>
      <c r="AA1887" s="119"/>
      <c r="AB1887" s="119"/>
      <c r="AC1887" s="119"/>
      <c r="AD1887" s="119"/>
      <c r="AE1887" s="119"/>
      <c r="AF1887" s="119"/>
      <c r="AG1887" s="119"/>
      <c r="AH1887" s="119"/>
      <c r="AI1887" s="119"/>
      <c r="AJ1887" s="119"/>
      <c r="AK1887" s="119"/>
      <c r="AL1887" s="119"/>
      <c r="AM1887" s="119"/>
      <c r="AN1887" s="119"/>
      <c r="AO1887" s="119"/>
      <c r="AP1887" s="119"/>
      <c r="AQ1887" s="119"/>
      <c r="AR1887" s="119"/>
      <c r="AS1887" s="119"/>
      <c r="AT1887" s="119"/>
      <c r="AU1887" s="119"/>
      <c r="AV1887" s="119"/>
      <c r="AW1887" s="119"/>
      <c r="AX1887" s="119"/>
      <c r="AY1887" s="119"/>
      <c r="AZ1887" s="119"/>
      <c r="BA1887" s="119"/>
      <c r="BB1887" s="107">
        <v>45884</v>
      </c>
    </row>
    <row r="1888" spans="1:54" s="207" customFormat="1" ht="13.95" customHeight="1" x14ac:dyDescent="0.25">
      <c r="A1888" s="208" t="s">
        <v>4534</v>
      </c>
      <c r="B1888" s="209" t="s">
        <v>20420</v>
      </c>
      <c r="C1888" s="113" t="s">
        <v>4535</v>
      </c>
      <c r="D1888" s="113" t="s">
        <v>23561</v>
      </c>
      <c r="E1888" s="210">
        <v>2015</v>
      </c>
      <c r="F1888" s="210">
        <v>2979</v>
      </c>
      <c r="G1888" s="113" t="s">
        <v>1</v>
      </c>
      <c r="H1888" s="113">
        <v>1</v>
      </c>
      <c r="I1888" s="113">
        <v>1</v>
      </c>
      <c r="J1888" s="115">
        <v>1</v>
      </c>
      <c r="K1888" s="116" t="s">
        <v>174</v>
      </c>
      <c r="L1888" s="115">
        <v>0</v>
      </c>
      <c r="M1888" s="115">
        <v>0</v>
      </c>
      <c r="N1888" s="115">
        <v>0</v>
      </c>
      <c r="O1888" s="115">
        <v>0</v>
      </c>
      <c r="P1888" s="115" t="s">
        <v>400</v>
      </c>
      <c r="Q1888" s="115" t="s">
        <v>400</v>
      </c>
      <c r="R1888" s="115">
        <v>0</v>
      </c>
      <c r="S1888" s="115">
        <v>0</v>
      </c>
      <c r="T1888" s="115">
        <v>0</v>
      </c>
      <c r="U1888" s="119"/>
      <c r="V1888" s="119"/>
      <c r="W1888" s="119"/>
      <c r="X1888" s="119"/>
      <c r="Y1888" s="119"/>
      <c r="Z1888" s="119"/>
      <c r="AA1888" s="119"/>
      <c r="AB1888" s="119"/>
      <c r="AC1888" s="119"/>
      <c r="AD1888" s="119"/>
      <c r="AE1888" s="119"/>
      <c r="AF1888" s="119"/>
      <c r="AG1888" s="119"/>
      <c r="AH1888" s="119"/>
      <c r="AI1888" s="119"/>
      <c r="AJ1888" s="119"/>
      <c r="AK1888" s="119"/>
      <c r="AL1888" s="119"/>
      <c r="AM1888" s="119"/>
      <c r="AN1888" s="119"/>
      <c r="AO1888" s="119"/>
      <c r="AP1888" s="119"/>
      <c r="AQ1888" s="119"/>
      <c r="AR1888" s="119"/>
      <c r="AS1888" s="119"/>
      <c r="AT1888" s="119"/>
      <c r="AU1888" s="119"/>
      <c r="AV1888" s="119"/>
      <c r="AW1888" s="119"/>
      <c r="AX1888" s="119"/>
      <c r="AY1888" s="119"/>
      <c r="AZ1888" s="119"/>
      <c r="BA1888" s="119"/>
      <c r="BB1888" s="107">
        <v>45884</v>
      </c>
    </row>
    <row r="1889" spans="1:54" s="207" customFormat="1" ht="13.95" customHeight="1" x14ac:dyDescent="0.25">
      <c r="A1889" s="208" t="s">
        <v>4536</v>
      </c>
      <c r="B1889" s="209" t="s">
        <v>20420</v>
      </c>
      <c r="C1889" s="113" t="s">
        <v>4537</v>
      </c>
      <c r="D1889" s="113" t="s">
        <v>23562</v>
      </c>
      <c r="E1889" s="210">
        <v>1983</v>
      </c>
      <c r="F1889" s="210">
        <v>2597</v>
      </c>
      <c r="G1889" s="113" t="s">
        <v>1</v>
      </c>
      <c r="H1889" s="113">
        <v>0</v>
      </c>
      <c r="I1889" s="113">
        <v>0</v>
      </c>
      <c r="J1889" s="115">
        <v>1</v>
      </c>
      <c r="K1889" s="211">
        <v>1</v>
      </c>
      <c r="L1889" s="115">
        <v>0</v>
      </c>
      <c r="M1889" s="115">
        <v>1</v>
      </c>
      <c r="N1889" s="115">
        <v>1</v>
      </c>
      <c r="O1889" s="115">
        <v>0</v>
      </c>
      <c r="P1889" s="115" t="s">
        <v>400</v>
      </c>
      <c r="Q1889" s="115" t="s">
        <v>400</v>
      </c>
      <c r="R1889" s="115">
        <v>0</v>
      </c>
      <c r="S1889" s="115">
        <v>0</v>
      </c>
      <c r="T1889" s="115">
        <v>0</v>
      </c>
      <c r="U1889" s="119"/>
      <c r="V1889" s="119"/>
      <c r="W1889" s="119"/>
      <c r="X1889" s="119"/>
      <c r="Y1889" s="119"/>
      <c r="Z1889" s="119"/>
      <c r="AA1889" s="119"/>
      <c r="AB1889" s="119"/>
      <c r="AC1889" s="119"/>
      <c r="AD1889" s="119"/>
      <c r="AE1889" s="119"/>
      <c r="AF1889" s="119"/>
      <c r="AG1889" s="119"/>
      <c r="AH1889" s="119"/>
      <c r="AI1889" s="119"/>
      <c r="AJ1889" s="119"/>
      <c r="AK1889" s="119"/>
      <c r="AL1889" s="119"/>
      <c r="AM1889" s="119"/>
      <c r="AN1889" s="119"/>
      <c r="AO1889" s="119"/>
      <c r="AP1889" s="119"/>
      <c r="AQ1889" s="119"/>
      <c r="AR1889" s="119"/>
      <c r="AS1889" s="119"/>
      <c r="AT1889" s="119"/>
      <c r="AU1889" s="119"/>
      <c r="AV1889" s="119"/>
      <c r="AW1889" s="119"/>
      <c r="AX1889" s="119"/>
      <c r="AY1889" s="119"/>
      <c r="AZ1889" s="119"/>
      <c r="BA1889" s="119"/>
      <c r="BB1889" s="107">
        <v>45884</v>
      </c>
    </row>
    <row r="1890" spans="1:54" s="207" customFormat="1" ht="13.95" customHeight="1" x14ac:dyDescent="0.25">
      <c r="A1890" s="208" t="s">
        <v>4538</v>
      </c>
      <c r="B1890" s="209" t="s">
        <v>20420</v>
      </c>
      <c r="C1890" s="113" t="s">
        <v>4539</v>
      </c>
      <c r="D1890" s="113" t="s">
        <v>4540</v>
      </c>
      <c r="E1890" s="210">
        <v>1994</v>
      </c>
      <c r="F1890" s="210">
        <v>2599</v>
      </c>
      <c r="G1890" s="113" t="s">
        <v>1</v>
      </c>
      <c r="H1890" s="113">
        <v>0</v>
      </c>
      <c r="I1890" s="113">
        <v>0</v>
      </c>
      <c r="J1890" s="115">
        <v>1</v>
      </c>
      <c r="K1890" s="116" t="s">
        <v>174</v>
      </c>
      <c r="L1890" s="115">
        <v>0</v>
      </c>
      <c r="M1890" s="115">
        <v>1</v>
      </c>
      <c r="N1890" s="115">
        <v>0</v>
      </c>
      <c r="O1890" s="115">
        <v>0</v>
      </c>
      <c r="P1890" s="115" t="s">
        <v>400</v>
      </c>
      <c r="Q1890" s="115" t="s">
        <v>400</v>
      </c>
      <c r="R1890" s="115">
        <v>1</v>
      </c>
      <c r="S1890" s="115">
        <v>0</v>
      </c>
      <c r="T1890" s="115">
        <v>0</v>
      </c>
      <c r="U1890" s="119"/>
      <c r="V1890" s="119"/>
      <c r="W1890" s="119"/>
      <c r="X1890" s="119"/>
      <c r="Y1890" s="119"/>
      <c r="Z1890" s="119"/>
      <c r="AA1890" s="119"/>
      <c r="AB1890" s="119"/>
      <c r="AC1890" s="119"/>
      <c r="AD1890" s="119"/>
      <c r="AE1890" s="119"/>
      <c r="AF1890" s="119"/>
      <c r="AG1890" s="119"/>
      <c r="AH1890" s="119"/>
      <c r="AI1890" s="119"/>
      <c r="AJ1890" s="119"/>
      <c r="AK1890" s="119"/>
      <c r="AL1890" s="119"/>
      <c r="AM1890" s="119"/>
      <c r="AN1890" s="119"/>
      <c r="AO1890" s="119"/>
      <c r="AP1890" s="119"/>
      <c r="AQ1890" s="119"/>
      <c r="AR1890" s="119"/>
      <c r="AS1890" s="119"/>
      <c r="AT1890" s="119"/>
      <c r="AU1890" s="119"/>
      <c r="AV1890" s="119"/>
      <c r="AW1890" s="119"/>
      <c r="AX1890" s="119"/>
      <c r="AY1890" s="119"/>
      <c r="AZ1890" s="119"/>
      <c r="BA1890" s="119"/>
      <c r="BB1890" s="107">
        <v>45884</v>
      </c>
    </row>
    <row r="1891" spans="1:54" s="207" customFormat="1" ht="13.95" customHeight="1" x14ac:dyDescent="0.25">
      <c r="A1891" s="208" t="s">
        <v>4541</v>
      </c>
      <c r="B1891" s="209" t="s">
        <v>20420</v>
      </c>
      <c r="C1891" s="113" t="s">
        <v>4542</v>
      </c>
      <c r="D1891" s="113" t="s">
        <v>23563</v>
      </c>
      <c r="E1891" s="210">
        <v>1993</v>
      </c>
      <c r="F1891" s="210">
        <v>2600</v>
      </c>
      <c r="G1891" s="113" t="s">
        <v>1</v>
      </c>
      <c r="H1891" s="113">
        <v>0</v>
      </c>
      <c r="I1891" s="113">
        <v>0</v>
      </c>
      <c r="J1891" s="115">
        <v>1</v>
      </c>
      <c r="K1891" s="211">
        <v>1</v>
      </c>
      <c r="L1891" s="115">
        <v>1</v>
      </c>
      <c r="M1891" s="115">
        <v>0</v>
      </c>
      <c r="N1891" s="115">
        <v>0</v>
      </c>
      <c r="O1891" s="115">
        <v>0</v>
      </c>
      <c r="P1891" s="115">
        <v>1</v>
      </c>
      <c r="Q1891" s="115" t="s">
        <v>400</v>
      </c>
      <c r="R1891" s="115">
        <v>0</v>
      </c>
      <c r="S1891" s="115">
        <v>0</v>
      </c>
      <c r="T1891" s="115">
        <v>0</v>
      </c>
      <c r="U1891" s="119"/>
      <c r="V1891" s="119"/>
      <c r="W1891" s="119"/>
      <c r="X1891" s="119"/>
      <c r="Y1891" s="119"/>
      <c r="Z1891" s="119"/>
      <c r="AA1891" s="119"/>
      <c r="AB1891" s="119"/>
      <c r="AC1891" s="119"/>
      <c r="AD1891" s="119"/>
      <c r="AE1891" s="119"/>
      <c r="AF1891" s="119"/>
      <c r="AG1891" s="119"/>
      <c r="AH1891" s="119"/>
      <c r="AI1891" s="119"/>
      <c r="AJ1891" s="119"/>
      <c r="AK1891" s="119"/>
      <c r="AL1891" s="119"/>
      <c r="AM1891" s="119"/>
      <c r="AN1891" s="119"/>
      <c r="AO1891" s="119"/>
      <c r="AP1891" s="119"/>
      <c r="AQ1891" s="119"/>
      <c r="AR1891" s="119"/>
      <c r="AS1891" s="119"/>
      <c r="AT1891" s="119"/>
      <c r="AU1891" s="119"/>
      <c r="AV1891" s="119"/>
      <c r="AW1891" s="119"/>
      <c r="AX1891" s="119"/>
      <c r="AY1891" s="119"/>
      <c r="AZ1891" s="119"/>
      <c r="BA1891" s="119"/>
      <c r="BB1891" s="107">
        <v>45884</v>
      </c>
    </row>
    <row r="1892" spans="1:54" s="207" customFormat="1" ht="13.95" customHeight="1" x14ac:dyDescent="0.25">
      <c r="A1892" s="208" t="s">
        <v>4543</v>
      </c>
      <c r="B1892" s="209" t="s">
        <v>20420</v>
      </c>
      <c r="C1892" s="113" t="s">
        <v>4544</v>
      </c>
      <c r="D1892" s="113" t="s">
        <v>4545</v>
      </c>
      <c r="E1892" s="210">
        <v>1977</v>
      </c>
      <c r="F1892" s="210">
        <v>2600</v>
      </c>
      <c r="G1892" s="113" t="s">
        <v>1</v>
      </c>
      <c r="H1892" s="113">
        <v>0</v>
      </c>
      <c r="I1892" s="113">
        <v>0</v>
      </c>
      <c r="J1892" s="115">
        <v>1</v>
      </c>
      <c r="K1892" s="116" t="s">
        <v>174</v>
      </c>
      <c r="L1892" s="115">
        <v>1</v>
      </c>
      <c r="M1892" s="115">
        <v>1</v>
      </c>
      <c r="N1892" s="115">
        <v>0</v>
      </c>
      <c r="O1892" s="115">
        <v>1</v>
      </c>
      <c r="P1892" s="115" t="s">
        <v>400</v>
      </c>
      <c r="Q1892" s="115" t="s">
        <v>400</v>
      </c>
      <c r="R1892" s="115">
        <v>1</v>
      </c>
      <c r="S1892" s="115">
        <v>0</v>
      </c>
      <c r="T1892" s="115">
        <v>0</v>
      </c>
      <c r="U1892" s="119"/>
      <c r="V1892" s="119"/>
      <c r="W1892" s="119"/>
      <c r="X1892" s="119"/>
      <c r="Y1892" s="119"/>
      <c r="Z1892" s="119"/>
      <c r="AA1892" s="119"/>
      <c r="AB1892" s="119"/>
      <c r="AC1892" s="119"/>
      <c r="AD1892" s="119"/>
      <c r="AE1892" s="119"/>
      <c r="AF1892" s="119"/>
      <c r="AG1892" s="119"/>
      <c r="AH1892" s="119"/>
      <c r="AI1892" s="119"/>
      <c r="AJ1892" s="119"/>
      <c r="AK1892" s="119"/>
      <c r="AL1892" s="119"/>
      <c r="AM1892" s="119"/>
      <c r="AN1892" s="119"/>
      <c r="AO1892" s="119"/>
      <c r="AP1892" s="119"/>
      <c r="AQ1892" s="119"/>
      <c r="AR1892" s="119"/>
      <c r="AS1892" s="119"/>
      <c r="AT1892" s="119"/>
      <c r="AU1892" s="119"/>
      <c r="AV1892" s="119"/>
      <c r="AW1892" s="119"/>
      <c r="AX1892" s="119"/>
      <c r="AY1892" s="119"/>
      <c r="AZ1892" s="119"/>
      <c r="BA1892" s="119"/>
      <c r="BB1892" s="107">
        <v>45884</v>
      </c>
    </row>
    <row r="1893" spans="1:54" s="207" customFormat="1" ht="13.95" customHeight="1" x14ac:dyDescent="0.25">
      <c r="A1893" s="208" t="s">
        <v>4546</v>
      </c>
      <c r="B1893" s="209" t="s">
        <v>20420</v>
      </c>
      <c r="C1893" s="113" t="s">
        <v>4547</v>
      </c>
      <c r="D1893" s="113" t="s">
        <v>23564</v>
      </c>
      <c r="E1893" s="210">
        <v>1990</v>
      </c>
      <c r="F1893" s="210">
        <v>2600</v>
      </c>
      <c r="G1893" s="113" t="s">
        <v>1</v>
      </c>
      <c r="H1893" s="113">
        <v>0</v>
      </c>
      <c r="I1893" s="113">
        <v>0</v>
      </c>
      <c r="J1893" s="115">
        <v>1</v>
      </c>
      <c r="K1893" s="116" t="s">
        <v>174</v>
      </c>
      <c r="L1893" s="115">
        <v>1</v>
      </c>
      <c r="M1893" s="115">
        <v>1</v>
      </c>
      <c r="N1893" s="115">
        <v>1</v>
      </c>
      <c r="O1893" s="115">
        <v>0</v>
      </c>
      <c r="P1893" s="115" t="s">
        <v>400</v>
      </c>
      <c r="Q1893" s="115" t="s">
        <v>400</v>
      </c>
      <c r="R1893" s="115">
        <v>1</v>
      </c>
      <c r="S1893" s="115">
        <v>0</v>
      </c>
      <c r="T1893" s="115">
        <v>0</v>
      </c>
      <c r="U1893" s="119"/>
      <c r="V1893" s="119"/>
      <c r="W1893" s="119"/>
      <c r="X1893" s="119"/>
      <c r="Y1893" s="119"/>
      <c r="Z1893" s="119"/>
      <c r="AA1893" s="119"/>
      <c r="AB1893" s="119"/>
      <c r="AC1893" s="119"/>
      <c r="AD1893" s="119"/>
      <c r="AE1893" s="119"/>
      <c r="AF1893" s="119"/>
      <c r="AG1893" s="119"/>
      <c r="AH1893" s="119"/>
      <c r="AI1893" s="119"/>
      <c r="AJ1893" s="119"/>
      <c r="AK1893" s="119"/>
      <c r="AL1893" s="119"/>
      <c r="AM1893" s="119"/>
      <c r="AN1893" s="119"/>
      <c r="AO1893" s="119"/>
      <c r="AP1893" s="119"/>
      <c r="AQ1893" s="119"/>
      <c r="AR1893" s="119"/>
      <c r="AS1893" s="119"/>
      <c r="AT1893" s="119"/>
      <c r="AU1893" s="119"/>
      <c r="AV1893" s="119"/>
      <c r="AW1893" s="119"/>
      <c r="AX1893" s="119"/>
      <c r="AY1893" s="119"/>
      <c r="AZ1893" s="119"/>
      <c r="BA1893" s="119"/>
      <c r="BB1893" s="107">
        <v>45884</v>
      </c>
    </row>
    <row r="1894" spans="1:54" s="207" customFormat="1" ht="13.95" customHeight="1" x14ac:dyDescent="0.25">
      <c r="A1894" s="208" t="s">
        <v>4548</v>
      </c>
      <c r="B1894" s="209" t="s">
        <v>20420</v>
      </c>
      <c r="C1894" s="113" t="s">
        <v>4549</v>
      </c>
      <c r="D1894" s="113" t="s">
        <v>23565</v>
      </c>
      <c r="E1894" s="210">
        <v>1995</v>
      </c>
      <c r="F1894" s="210">
        <v>2600</v>
      </c>
      <c r="G1894" s="113" t="s">
        <v>1</v>
      </c>
      <c r="H1894" s="113">
        <v>0</v>
      </c>
      <c r="I1894" s="113">
        <v>0</v>
      </c>
      <c r="J1894" s="115">
        <v>1</v>
      </c>
      <c r="K1894" s="116" t="s">
        <v>174</v>
      </c>
      <c r="L1894" s="115">
        <v>1</v>
      </c>
      <c r="M1894" s="115">
        <v>1</v>
      </c>
      <c r="N1894" s="115">
        <v>0</v>
      </c>
      <c r="O1894" s="115">
        <v>1</v>
      </c>
      <c r="P1894" s="115" t="s">
        <v>400</v>
      </c>
      <c r="Q1894" s="115" t="s">
        <v>400</v>
      </c>
      <c r="R1894" s="115">
        <v>0</v>
      </c>
      <c r="S1894" s="115">
        <v>0</v>
      </c>
      <c r="T1894" s="115">
        <v>0</v>
      </c>
      <c r="U1894" s="119"/>
      <c r="V1894" s="119"/>
      <c r="W1894" s="119"/>
      <c r="X1894" s="119"/>
      <c r="Y1894" s="119"/>
      <c r="Z1894" s="119"/>
      <c r="AA1894" s="119"/>
      <c r="AB1894" s="119"/>
      <c r="AC1894" s="119"/>
      <c r="AD1894" s="119"/>
      <c r="AE1894" s="119"/>
      <c r="AF1894" s="119"/>
      <c r="AG1894" s="119"/>
      <c r="AH1894" s="119"/>
      <c r="AI1894" s="119"/>
      <c r="AJ1894" s="119"/>
      <c r="AK1894" s="119"/>
      <c r="AL1894" s="119"/>
      <c r="AM1894" s="119"/>
      <c r="AN1894" s="119"/>
      <c r="AO1894" s="119"/>
      <c r="AP1894" s="119"/>
      <c r="AQ1894" s="119"/>
      <c r="AR1894" s="119"/>
      <c r="AS1894" s="119"/>
      <c r="AT1894" s="119"/>
      <c r="AU1894" s="119"/>
      <c r="AV1894" s="119"/>
      <c r="AW1894" s="119"/>
      <c r="AX1894" s="119"/>
      <c r="AY1894" s="119"/>
      <c r="AZ1894" s="119"/>
      <c r="BA1894" s="119"/>
      <c r="BB1894" s="107">
        <v>45884</v>
      </c>
    </row>
    <row r="1895" spans="1:54" s="207" customFormat="1" ht="13.95" customHeight="1" x14ac:dyDescent="0.25">
      <c r="A1895" s="208" t="s">
        <v>4550</v>
      </c>
      <c r="B1895" s="209" t="s">
        <v>20420</v>
      </c>
      <c r="C1895" s="113" t="s">
        <v>4551</v>
      </c>
      <c r="D1895" s="113" t="s">
        <v>23566</v>
      </c>
      <c r="E1895" s="210">
        <v>1985</v>
      </c>
      <c r="F1895" s="210">
        <v>2601</v>
      </c>
      <c r="G1895" s="113" t="s">
        <v>1</v>
      </c>
      <c r="H1895" s="113">
        <v>0</v>
      </c>
      <c r="I1895" s="113">
        <v>0</v>
      </c>
      <c r="J1895" s="115">
        <v>1</v>
      </c>
      <c r="K1895" s="116" t="s">
        <v>174</v>
      </c>
      <c r="L1895" s="115">
        <v>1</v>
      </c>
      <c r="M1895" s="115">
        <v>0</v>
      </c>
      <c r="N1895" s="115">
        <v>0</v>
      </c>
      <c r="O1895" s="115">
        <v>1</v>
      </c>
      <c r="P1895" s="115">
        <v>1</v>
      </c>
      <c r="Q1895" s="115" t="s">
        <v>400</v>
      </c>
      <c r="R1895" s="115">
        <v>1</v>
      </c>
      <c r="S1895" s="115">
        <v>0</v>
      </c>
      <c r="T1895" s="115">
        <v>0</v>
      </c>
      <c r="U1895" s="119"/>
      <c r="V1895" s="119"/>
      <c r="W1895" s="119"/>
      <c r="X1895" s="119"/>
      <c r="Y1895" s="119"/>
      <c r="Z1895" s="119"/>
      <c r="AA1895" s="119"/>
      <c r="AB1895" s="119"/>
      <c r="AC1895" s="119"/>
      <c r="AD1895" s="119"/>
      <c r="AE1895" s="119"/>
      <c r="AF1895" s="119"/>
      <c r="AG1895" s="119"/>
      <c r="AH1895" s="119"/>
      <c r="AI1895" s="119"/>
      <c r="AJ1895" s="119"/>
      <c r="AK1895" s="119"/>
      <c r="AL1895" s="119"/>
      <c r="AM1895" s="119"/>
      <c r="AN1895" s="119"/>
      <c r="AO1895" s="119"/>
      <c r="AP1895" s="119"/>
      <c r="AQ1895" s="119"/>
      <c r="AR1895" s="119"/>
      <c r="AS1895" s="119"/>
      <c r="AT1895" s="119"/>
      <c r="AU1895" s="119"/>
      <c r="AV1895" s="119"/>
      <c r="AW1895" s="119"/>
      <c r="AX1895" s="119"/>
      <c r="AY1895" s="119"/>
      <c r="AZ1895" s="119"/>
      <c r="BA1895" s="119"/>
      <c r="BB1895" s="107">
        <v>45884</v>
      </c>
    </row>
    <row r="1896" spans="1:54" s="207" customFormat="1" ht="13.95" customHeight="1" x14ac:dyDescent="0.25">
      <c r="A1896" s="208" t="s">
        <v>4552</v>
      </c>
      <c r="B1896" s="209" t="s">
        <v>20420</v>
      </c>
      <c r="C1896" s="113" t="s">
        <v>4553</v>
      </c>
      <c r="D1896" s="113" t="s">
        <v>23567</v>
      </c>
      <c r="E1896" s="210">
        <v>1988</v>
      </c>
      <c r="F1896" s="210">
        <v>2601</v>
      </c>
      <c r="G1896" s="113" t="s">
        <v>1</v>
      </c>
      <c r="H1896" s="113">
        <v>0</v>
      </c>
      <c r="I1896" s="113">
        <v>0</v>
      </c>
      <c r="J1896" s="115">
        <v>1</v>
      </c>
      <c r="K1896" s="116" t="s">
        <v>174</v>
      </c>
      <c r="L1896" s="115">
        <v>1</v>
      </c>
      <c r="M1896" s="115">
        <v>0</v>
      </c>
      <c r="N1896" s="115">
        <v>0</v>
      </c>
      <c r="O1896" s="115">
        <v>1</v>
      </c>
      <c r="P1896" s="115" t="s">
        <v>400</v>
      </c>
      <c r="Q1896" s="115" t="s">
        <v>400</v>
      </c>
      <c r="R1896" s="115">
        <v>1</v>
      </c>
      <c r="S1896" s="115">
        <v>0</v>
      </c>
      <c r="T1896" s="115">
        <v>0</v>
      </c>
      <c r="U1896" s="119"/>
      <c r="V1896" s="119"/>
      <c r="W1896" s="119"/>
      <c r="X1896" s="119"/>
      <c r="Y1896" s="119"/>
      <c r="Z1896" s="119"/>
      <c r="AA1896" s="119"/>
      <c r="AB1896" s="119"/>
      <c r="AC1896" s="119"/>
      <c r="AD1896" s="119"/>
      <c r="AE1896" s="119"/>
      <c r="AF1896" s="119"/>
      <c r="AG1896" s="119"/>
      <c r="AH1896" s="119"/>
      <c r="AI1896" s="119"/>
      <c r="AJ1896" s="119"/>
      <c r="AK1896" s="119"/>
      <c r="AL1896" s="119"/>
      <c r="AM1896" s="119"/>
      <c r="AN1896" s="119"/>
      <c r="AO1896" s="119"/>
      <c r="AP1896" s="119"/>
      <c r="AQ1896" s="119"/>
      <c r="AR1896" s="119"/>
      <c r="AS1896" s="119"/>
      <c r="AT1896" s="119"/>
      <c r="AU1896" s="119"/>
      <c r="AV1896" s="119"/>
      <c r="AW1896" s="119"/>
      <c r="AX1896" s="119"/>
      <c r="AY1896" s="119"/>
      <c r="AZ1896" s="119"/>
      <c r="BA1896" s="119"/>
      <c r="BB1896" s="107">
        <v>45884</v>
      </c>
    </row>
    <row r="1897" spans="1:54" s="207" customFormat="1" ht="13.95" customHeight="1" x14ac:dyDescent="0.25">
      <c r="A1897" s="208" t="s">
        <v>4554</v>
      </c>
      <c r="B1897" s="209" t="s">
        <v>20420</v>
      </c>
      <c r="C1897" s="113" t="s">
        <v>4555</v>
      </c>
      <c r="D1897" s="113" t="s">
        <v>4556</v>
      </c>
      <c r="E1897" s="210">
        <v>1989</v>
      </c>
      <c r="F1897" s="210">
        <v>2605</v>
      </c>
      <c r="G1897" s="113" t="s">
        <v>1</v>
      </c>
      <c r="H1897" s="113">
        <v>0</v>
      </c>
      <c r="I1897" s="113">
        <v>0</v>
      </c>
      <c r="J1897" s="115">
        <v>1</v>
      </c>
      <c r="K1897" s="116" t="s">
        <v>174</v>
      </c>
      <c r="L1897" s="115">
        <v>1</v>
      </c>
      <c r="M1897" s="115">
        <v>1</v>
      </c>
      <c r="N1897" s="115">
        <v>1</v>
      </c>
      <c r="O1897" s="115">
        <v>0</v>
      </c>
      <c r="P1897" s="115" t="s">
        <v>400</v>
      </c>
      <c r="Q1897" s="115" t="s">
        <v>400</v>
      </c>
      <c r="R1897" s="115">
        <v>0</v>
      </c>
      <c r="S1897" s="115">
        <v>0</v>
      </c>
      <c r="T1897" s="115">
        <v>0</v>
      </c>
      <c r="U1897" s="119"/>
      <c r="V1897" s="119"/>
      <c r="W1897" s="119"/>
      <c r="X1897" s="119"/>
      <c r="Y1897" s="119"/>
      <c r="Z1897" s="119"/>
      <c r="AA1897" s="119"/>
      <c r="AB1897" s="119"/>
      <c r="AC1897" s="119"/>
      <c r="AD1897" s="119"/>
      <c r="AE1897" s="119"/>
      <c r="AF1897" s="119"/>
      <c r="AG1897" s="119"/>
      <c r="AH1897" s="119"/>
      <c r="AI1897" s="119"/>
      <c r="AJ1897" s="119"/>
      <c r="AK1897" s="119"/>
      <c r="AL1897" s="119"/>
      <c r="AM1897" s="119"/>
      <c r="AN1897" s="119"/>
      <c r="AO1897" s="119"/>
      <c r="AP1897" s="119"/>
      <c r="AQ1897" s="119"/>
      <c r="AR1897" s="119"/>
      <c r="AS1897" s="119"/>
      <c r="AT1897" s="119"/>
      <c r="AU1897" s="119"/>
      <c r="AV1897" s="119"/>
      <c r="AW1897" s="119"/>
      <c r="AX1897" s="119"/>
      <c r="AY1897" s="119"/>
      <c r="AZ1897" s="119"/>
      <c r="BA1897" s="119"/>
      <c r="BB1897" s="107">
        <v>45884</v>
      </c>
    </row>
    <row r="1898" spans="1:54" s="207" customFormat="1" ht="13.95" customHeight="1" x14ac:dyDescent="0.25">
      <c r="A1898" s="208" t="s">
        <v>4557</v>
      </c>
      <c r="B1898" s="209" t="s">
        <v>20420</v>
      </c>
      <c r="C1898" s="113" t="s">
        <v>4558</v>
      </c>
      <c r="D1898" s="113" t="s">
        <v>23568</v>
      </c>
      <c r="E1898" s="210">
        <v>1971</v>
      </c>
      <c r="F1898" s="210">
        <v>2613</v>
      </c>
      <c r="G1898" s="113" t="s">
        <v>1</v>
      </c>
      <c r="H1898" s="113">
        <v>0</v>
      </c>
      <c r="I1898" s="113">
        <v>0</v>
      </c>
      <c r="J1898" s="115">
        <v>1</v>
      </c>
      <c r="K1898" s="116" t="s">
        <v>174</v>
      </c>
      <c r="L1898" s="115">
        <v>1</v>
      </c>
      <c r="M1898" s="115">
        <v>1</v>
      </c>
      <c r="N1898" s="115">
        <v>0</v>
      </c>
      <c r="O1898" s="115">
        <v>1</v>
      </c>
      <c r="P1898" s="115" t="s">
        <v>400</v>
      </c>
      <c r="Q1898" s="115" t="s">
        <v>400</v>
      </c>
      <c r="R1898" s="115">
        <v>1</v>
      </c>
      <c r="S1898" s="115">
        <v>0</v>
      </c>
      <c r="T1898" s="115">
        <v>0</v>
      </c>
      <c r="U1898" s="119"/>
      <c r="V1898" s="119"/>
      <c r="W1898" s="119"/>
      <c r="X1898" s="119"/>
      <c r="Y1898" s="119"/>
      <c r="Z1898" s="119"/>
      <c r="AA1898" s="119"/>
      <c r="AB1898" s="119"/>
      <c r="AC1898" s="119"/>
      <c r="AD1898" s="119"/>
      <c r="AE1898" s="119"/>
      <c r="AF1898" s="119"/>
      <c r="AG1898" s="119"/>
      <c r="AH1898" s="119"/>
      <c r="AI1898" s="119"/>
      <c r="AJ1898" s="119"/>
      <c r="AK1898" s="119"/>
      <c r="AL1898" s="119"/>
      <c r="AM1898" s="119"/>
      <c r="AN1898" s="119"/>
      <c r="AO1898" s="119"/>
      <c r="AP1898" s="119"/>
      <c r="AQ1898" s="119"/>
      <c r="AR1898" s="119"/>
      <c r="AS1898" s="119"/>
      <c r="AT1898" s="119"/>
      <c r="AU1898" s="119"/>
      <c r="AV1898" s="119"/>
      <c r="AW1898" s="119"/>
      <c r="AX1898" s="119"/>
      <c r="AY1898" s="119"/>
      <c r="AZ1898" s="119"/>
      <c r="BA1898" s="119"/>
      <c r="BB1898" s="107">
        <v>45884</v>
      </c>
    </row>
    <row r="1899" spans="1:54" s="207" customFormat="1" ht="13.95" customHeight="1" x14ac:dyDescent="0.25">
      <c r="A1899" s="208" t="s">
        <v>4559</v>
      </c>
      <c r="B1899" s="209" t="s">
        <v>20420</v>
      </c>
      <c r="C1899" s="113" t="s">
        <v>4560</v>
      </c>
      <c r="D1899" s="113" t="s">
        <v>23569</v>
      </c>
      <c r="E1899" s="210">
        <v>1973</v>
      </c>
      <c r="F1899" s="210">
        <v>2616</v>
      </c>
      <c r="G1899" s="113" t="s">
        <v>1</v>
      </c>
      <c r="H1899" s="113">
        <v>0</v>
      </c>
      <c r="I1899" s="113">
        <v>0</v>
      </c>
      <c r="J1899" s="115">
        <v>1</v>
      </c>
      <c r="K1899" s="116" t="s">
        <v>174</v>
      </c>
      <c r="L1899" s="115">
        <v>1</v>
      </c>
      <c r="M1899" s="115">
        <v>0</v>
      </c>
      <c r="N1899" s="115">
        <v>0</v>
      </c>
      <c r="O1899" s="115">
        <v>1</v>
      </c>
      <c r="P1899" s="115">
        <v>1</v>
      </c>
      <c r="Q1899" s="115" t="s">
        <v>400</v>
      </c>
      <c r="R1899" s="115">
        <v>1</v>
      </c>
      <c r="S1899" s="115">
        <v>0</v>
      </c>
      <c r="T1899" s="115">
        <v>0</v>
      </c>
      <c r="U1899" s="119"/>
      <c r="V1899" s="119"/>
      <c r="W1899" s="119"/>
      <c r="X1899" s="119"/>
      <c r="Y1899" s="119"/>
      <c r="Z1899" s="119"/>
      <c r="AA1899" s="119"/>
      <c r="AB1899" s="119"/>
      <c r="AC1899" s="119"/>
      <c r="AD1899" s="119"/>
      <c r="AE1899" s="119"/>
      <c r="AF1899" s="119"/>
      <c r="AG1899" s="119"/>
      <c r="AH1899" s="119"/>
      <c r="AI1899" s="119"/>
      <c r="AJ1899" s="119"/>
      <c r="AK1899" s="119"/>
      <c r="AL1899" s="119"/>
      <c r="AM1899" s="119"/>
      <c r="AN1899" s="119"/>
      <c r="AO1899" s="119"/>
      <c r="AP1899" s="119"/>
      <c r="AQ1899" s="119"/>
      <c r="AR1899" s="119"/>
      <c r="AS1899" s="119"/>
      <c r="AT1899" s="119"/>
      <c r="AU1899" s="119"/>
      <c r="AV1899" s="119"/>
      <c r="AW1899" s="119"/>
      <c r="AX1899" s="119"/>
      <c r="AY1899" s="119"/>
      <c r="AZ1899" s="119"/>
      <c r="BA1899" s="119"/>
      <c r="BB1899" s="107">
        <v>45884</v>
      </c>
    </row>
    <row r="1900" spans="1:54" s="207" customFormat="1" ht="13.95" customHeight="1" x14ac:dyDescent="0.25">
      <c r="A1900" s="208" t="s">
        <v>4561</v>
      </c>
      <c r="B1900" s="209" t="s">
        <v>20420</v>
      </c>
      <c r="C1900" s="113" t="s">
        <v>4562</v>
      </c>
      <c r="D1900" s="113" t="s">
        <v>23570</v>
      </c>
      <c r="E1900" s="210">
        <v>1988</v>
      </c>
      <c r="F1900" s="210">
        <v>2616</v>
      </c>
      <c r="G1900" s="113" t="s">
        <v>1</v>
      </c>
      <c r="H1900" s="113">
        <v>1</v>
      </c>
      <c r="I1900" s="113">
        <v>1</v>
      </c>
      <c r="J1900" s="115">
        <v>1</v>
      </c>
      <c r="K1900" s="116" t="s">
        <v>174</v>
      </c>
      <c r="L1900" s="115">
        <v>1</v>
      </c>
      <c r="M1900" s="115">
        <v>0</v>
      </c>
      <c r="N1900" s="115">
        <v>0</v>
      </c>
      <c r="O1900" s="115">
        <v>1</v>
      </c>
      <c r="P1900" s="115">
        <v>1</v>
      </c>
      <c r="Q1900" s="115" t="s">
        <v>400</v>
      </c>
      <c r="R1900" s="115">
        <v>0</v>
      </c>
      <c r="S1900" s="115">
        <v>0</v>
      </c>
      <c r="T1900" s="115">
        <v>0</v>
      </c>
      <c r="U1900" s="119"/>
      <c r="V1900" s="119"/>
      <c r="W1900" s="119"/>
      <c r="X1900" s="119"/>
      <c r="Y1900" s="119"/>
      <c r="Z1900" s="119"/>
      <c r="AA1900" s="119"/>
      <c r="AB1900" s="119"/>
      <c r="AC1900" s="119"/>
      <c r="AD1900" s="119"/>
      <c r="AE1900" s="119"/>
      <c r="AF1900" s="119"/>
      <c r="AG1900" s="119"/>
      <c r="AH1900" s="119"/>
      <c r="AI1900" s="119"/>
      <c r="AJ1900" s="119"/>
      <c r="AK1900" s="119"/>
      <c r="AL1900" s="119"/>
      <c r="AM1900" s="119"/>
      <c r="AN1900" s="119"/>
      <c r="AO1900" s="119"/>
      <c r="AP1900" s="119"/>
      <c r="AQ1900" s="119"/>
      <c r="AR1900" s="119"/>
      <c r="AS1900" s="119"/>
      <c r="AT1900" s="119"/>
      <c r="AU1900" s="119"/>
      <c r="AV1900" s="119"/>
      <c r="AW1900" s="119"/>
      <c r="AX1900" s="119"/>
      <c r="AY1900" s="119"/>
      <c r="AZ1900" s="119"/>
      <c r="BA1900" s="119"/>
      <c r="BB1900" s="107">
        <v>45884</v>
      </c>
    </row>
    <row r="1901" spans="1:54" s="207" customFormat="1" ht="13.95" customHeight="1" x14ac:dyDescent="0.25">
      <c r="A1901" s="208" t="s">
        <v>4563</v>
      </c>
      <c r="B1901" s="209" t="s">
        <v>20420</v>
      </c>
      <c r="C1901" s="113" t="s">
        <v>4564</v>
      </c>
      <c r="D1901" s="113" t="s">
        <v>23571</v>
      </c>
      <c r="E1901" s="210">
        <v>1986</v>
      </c>
      <c r="F1901" s="210">
        <v>2617</v>
      </c>
      <c r="G1901" s="113" t="s">
        <v>1</v>
      </c>
      <c r="H1901" s="113">
        <v>0</v>
      </c>
      <c r="I1901" s="113">
        <v>0</v>
      </c>
      <c r="J1901" s="115">
        <v>1</v>
      </c>
      <c r="K1901" s="116" t="s">
        <v>174</v>
      </c>
      <c r="L1901" s="115">
        <v>1</v>
      </c>
      <c r="M1901" s="115">
        <v>0</v>
      </c>
      <c r="N1901" s="115">
        <v>0</v>
      </c>
      <c r="O1901" s="115">
        <v>1</v>
      </c>
      <c r="P1901" s="115">
        <v>1</v>
      </c>
      <c r="Q1901" s="115" t="s">
        <v>400</v>
      </c>
      <c r="R1901" s="115">
        <v>0</v>
      </c>
      <c r="S1901" s="115">
        <v>0</v>
      </c>
      <c r="T1901" s="115">
        <v>0</v>
      </c>
      <c r="U1901" s="119"/>
      <c r="V1901" s="119"/>
      <c r="W1901" s="119"/>
      <c r="X1901" s="119"/>
      <c r="Y1901" s="119"/>
      <c r="Z1901" s="119"/>
      <c r="AA1901" s="119"/>
      <c r="AB1901" s="119"/>
      <c r="AC1901" s="119"/>
      <c r="AD1901" s="119"/>
      <c r="AE1901" s="119"/>
      <c r="AF1901" s="119"/>
      <c r="AG1901" s="119"/>
      <c r="AH1901" s="119"/>
      <c r="AI1901" s="119"/>
      <c r="AJ1901" s="119"/>
      <c r="AK1901" s="119"/>
      <c r="AL1901" s="119"/>
      <c r="AM1901" s="119"/>
      <c r="AN1901" s="119"/>
      <c r="AO1901" s="119"/>
      <c r="AP1901" s="119"/>
      <c r="AQ1901" s="119"/>
      <c r="AR1901" s="119"/>
      <c r="AS1901" s="119"/>
      <c r="AT1901" s="119"/>
      <c r="AU1901" s="119"/>
      <c r="AV1901" s="119"/>
      <c r="AW1901" s="119"/>
      <c r="AX1901" s="119"/>
      <c r="AY1901" s="119"/>
      <c r="AZ1901" s="119"/>
      <c r="BA1901" s="119"/>
      <c r="BB1901" s="107">
        <v>45884</v>
      </c>
    </row>
    <row r="1902" spans="1:54" s="207" customFormat="1" ht="13.95" customHeight="1" x14ac:dyDescent="0.25">
      <c r="A1902" s="208" t="s">
        <v>4565</v>
      </c>
      <c r="B1902" s="209" t="s">
        <v>20420</v>
      </c>
      <c r="C1902" s="113" t="s">
        <v>4566</v>
      </c>
      <c r="D1902" s="113" t="s">
        <v>23572</v>
      </c>
      <c r="E1902" s="210">
        <v>1997</v>
      </c>
      <c r="F1902" s="210">
        <v>2628</v>
      </c>
      <c r="G1902" s="113" t="s">
        <v>1</v>
      </c>
      <c r="H1902" s="113">
        <v>0</v>
      </c>
      <c r="I1902" s="113">
        <v>0</v>
      </c>
      <c r="J1902" s="115">
        <v>1</v>
      </c>
      <c r="K1902" s="116" t="s">
        <v>174</v>
      </c>
      <c r="L1902" s="115">
        <v>1</v>
      </c>
      <c r="M1902" s="115">
        <v>1</v>
      </c>
      <c r="N1902" s="115">
        <v>0</v>
      </c>
      <c r="O1902" s="115">
        <v>0</v>
      </c>
      <c r="P1902" s="115" t="s">
        <v>400</v>
      </c>
      <c r="Q1902" s="115" t="s">
        <v>400</v>
      </c>
      <c r="R1902" s="115">
        <v>0</v>
      </c>
      <c r="S1902" s="115">
        <v>0</v>
      </c>
      <c r="T1902" s="115">
        <v>0</v>
      </c>
      <c r="U1902" s="119"/>
      <c r="V1902" s="119"/>
      <c r="W1902" s="119"/>
      <c r="X1902" s="119"/>
      <c r="Y1902" s="119"/>
      <c r="Z1902" s="119"/>
      <c r="AA1902" s="119"/>
      <c r="AB1902" s="119"/>
      <c r="AC1902" s="119"/>
      <c r="AD1902" s="119"/>
      <c r="AE1902" s="119"/>
      <c r="AF1902" s="119"/>
      <c r="AG1902" s="119"/>
      <c r="AH1902" s="119"/>
      <c r="AI1902" s="119"/>
      <c r="AJ1902" s="119"/>
      <c r="AK1902" s="119"/>
      <c r="AL1902" s="119"/>
      <c r="AM1902" s="119"/>
      <c r="AN1902" s="119"/>
      <c r="AO1902" s="119"/>
      <c r="AP1902" s="119"/>
      <c r="AQ1902" s="119"/>
      <c r="AR1902" s="119"/>
      <c r="AS1902" s="119"/>
      <c r="AT1902" s="119"/>
      <c r="AU1902" s="119"/>
      <c r="AV1902" s="119"/>
      <c r="AW1902" s="119"/>
      <c r="AX1902" s="119"/>
      <c r="AY1902" s="119"/>
      <c r="AZ1902" s="119"/>
      <c r="BA1902" s="119"/>
      <c r="BB1902" s="107">
        <v>45884</v>
      </c>
    </row>
    <row r="1903" spans="1:54" s="207" customFormat="1" ht="13.95" customHeight="1" x14ac:dyDescent="0.25">
      <c r="A1903" s="208" t="s">
        <v>4567</v>
      </c>
      <c r="B1903" s="209" t="s">
        <v>20420</v>
      </c>
      <c r="C1903" s="113" t="s">
        <v>4568</v>
      </c>
      <c r="D1903" s="113" t="s">
        <v>23573</v>
      </c>
      <c r="E1903" s="210">
        <v>1977</v>
      </c>
      <c r="F1903" s="210">
        <v>2629</v>
      </c>
      <c r="G1903" s="113" t="s">
        <v>1</v>
      </c>
      <c r="H1903" s="113">
        <v>0</v>
      </c>
      <c r="I1903" s="113">
        <v>0</v>
      </c>
      <c r="J1903" s="115">
        <v>1</v>
      </c>
      <c r="K1903" s="116" t="s">
        <v>174</v>
      </c>
      <c r="L1903" s="115">
        <v>1</v>
      </c>
      <c r="M1903" s="115">
        <v>1</v>
      </c>
      <c r="N1903" s="115">
        <v>1</v>
      </c>
      <c r="O1903" s="115">
        <v>1</v>
      </c>
      <c r="P1903" s="115" t="s">
        <v>400</v>
      </c>
      <c r="Q1903" s="115">
        <v>1</v>
      </c>
      <c r="R1903" s="115">
        <v>1</v>
      </c>
      <c r="S1903" s="115">
        <v>1</v>
      </c>
      <c r="T1903" s="115">
        <v>0</v>
      </c>
      <c r="U1903" s="119"/>
      <c r="V1903" s="119"/>
      <c r="W1903" s="119"/>
      <c r="X1903" s="119"/>
      <c r="Y1903" s="119"/>
      <c r="Z1903" s="119"/>
      <c r="AA1903" s="119"/>
      <c r="AB1903" s="119"/>
      <c r="AC1903" s="119"/>
      <c r="AD1903" s="119"/>
      <c r="AE1903" s="119"/>
      <c r="AF1903" s="119"/>
      <c r="AG1903" s="119"/>
      <c r="AH1903" s="119"/>
      <c r="AI1903" s="119"/>
      <c r="AJ1903" s="119"/>
      <c r="AK1903" s="119"/>
      <c r="AL1903" s="119"/>
      <c r="AM1903" s="119"/>
      <c r="AN1903" s="119"/>
      <c r="AO1903" s="119"/>
      <c r="AP1903" s="119"/>
      <c r="AQ1903" s="119"/>
      <c r="AR1903" s="119"/>
      <c r="AS1903" s="119"/>
      <c r="AT1903" s="119"/>
      <c r="AU1903" s="119"/>
      <c r="AV1903" s="119"/>
      <c r="AW1903" s="119"/>
      <c r="AX1903" s="119"/>
      <c r="AY1903" s="119"/>
      <c r="AZ1903" s="119"/>
      <c r="BA1903" s="119"/>
      <c r="BB1903" s="107">
        <v>45884</v>
      </c>
    </row>
    <row r="1904" spans="1:54" s="207" customFormat="1" ht="13.95" customHeight="1" x14ac:dyDescent="0.25">
      <c r="A1904" s="208" t="s">
        <v>4569</v>
      </c>
      <c r="B1904" s="209" t="s">
        <v>20420</v>
      </c>
      <c r="C1904" s="113" t="s">
        <v>4570</v>
      </c>
      <c r="D1904" s="113" t="s">
        <v>23574</v>
      </c>
      <c r="E1904" s="210">
        <v>1989</v>
      </c>
      <c r="F1904" s="210">
        <v>2630</v>
      </c>
      <c r="G1904" s="113" t="s">
        <v>1</v>
      </c>
      <c r="H1904" s="113">
        <v>0</v>
      </c>
      <c r="I1904" s="113">
        <v>0</v>
      </c>
      <c r="J1904" s="115">
        <v>1</v>
      </c>
      <c r="K1904" s="211">
        <v>1</v>
      </c>
      <c r="L1904" s="115">
        <v>1</v>
      </c>
      <c r="M1904" s="115">
        <v>1</v>
      </c>
      <c r="N1904" s="115">
        <v>0</v>
      </c>
      <c r="O1904" s="115">
        <v>1</v>
      </c>
      <c r="P1904" s="115">
        <v>1</v>
      </c>
      <c r="Q1904" s="115" t="s">
        <v>400</v>
      </c>
      <c r="R1904" s="115">
        <v>0</v>
      </c>
      <c r="S1904" s="115">
        <v>0</v>
      </c>
      <c r="T1904" s="115">
        <v>0</v>
      </c>
      <c r="U1904" s="119"/>
      <c r="V1904" s="119"/>
      <c r="W1904" s="119"/>
      <c r="X1904" s="119"/>
      <c r="Y1904" s="119"/>
      <c r="Z1904" s="119"/>
      <c r="AA1904" s="119"/>
      <c r="AB1904" s="119"/>
      <c r="AC1904" s="119"/>
      <c r="AD1904" s="119"/>
      <c r="AE1904" s="119"/>
      <c r="AF1904" s="119"/>
      <c r="AG1904" s="119"/>
      <c r="AH1904" s="119"/>
      <c r="AI1904" s="119"/>
      <c r="AJ1904" s="119"/>
      <c r="AK1904" s="119"/>
      <c r="AL1904" s="119"/>
      <c r="AM1904" s="119"/>
      <c r="AN1904" s="119"/>
      <c r="AO1904" s="119"/>
      <c r="AP1904" s="119"/>
      <c r="AQ1904" s="119"/>
      <c r="AR1904" s="119"/>
      <c r="AS1904" s="119"/>
      <c r="AT1904" s="119"/>
      <c r="AU1904" s="119"/>
      <c r="AV1904" s="119"/>
      <c r="AW1904" s="119"/>
      <c r="AX1904" s="119"/>
      <c r="AY1904" s="119"/>
      <c r="AZ1904" s="119"/>
      <c r="BA1904" s="119"/>
      <c r="BB1904" s="107">
        <v>45884</v>
      </c>
    </row>
    <row r="1905" spans="1:54" s="207" customFormat="1" ht="13.95" customHeight="1" x14ac:dyDescent="0.25">
      <c r="A1905" s="208" t="s">
        <v>4571</v>
      </c>
      <c r="B1905" s="209" t="s">
        <v>20420</v>
      </c>
      <c r="C1905" s="113" t="s">
        <v>4572</v>
      </c>
      <c r="D1905" s="113" t="s">
        <v>4573</v>
      </c>
      <c r="E1905" s="210">
        <v>1970</v>
      </c>
      <c r="F1905" s="210">
        <v>2632</v>
      </c>
      <c r="G1905" s="113" t="s">
        <v>1</v>
      </c>
      <c r="H1905" s="113">
        <v>1</v>
      </c>
      <c r="I1905" s="113">
        <v>1</v>
      </c>
      <c r="J1905" s="115">
        <v>1</v>
      </c>
      <c r="K1905" s="116" t="s">
        <v>174</v>
      </c>
      <c r="L1905" s="115">
        <v>1</v>
      </c>
      <c r="M1905" s="115">
        <v>0</v>
      </c>
      <c r="N1905" s="115">
        <v>0</v>
      </c>
      <c r="O1905" s="115">
        <v>1</v>
      </c>
      <c r="P1905" s="115">
        <v>1</v>
      </c>
      <c r="Q1905" s="115">
        <v>1</v>
      </c>
      <c r="R1905" s="115">
        <v>1</v>
      </c>
      <c r="S1905" s="115">
        <v>0</v>
      </c>
      <c r="T1905" s="115">
        <v>0</v>
      </c>
      <c r="U1905" s="119"/>
      <c r="V1905" s="119"/>
      <c r="W1905" s="119"/>
      <c r="X1905" s="119"/>
      <c r="Y1905" s="119"/>
      <c r="Z1905" s="119"/>
      <c r="AA1905" s="119"/>
      <c r="AB1905" s="119"/>
      <c r="AC1905" s="119"/>
      <c r="AD1905" s="119"/>
      <c r="AE1905" s="119"/>
      <c r="AF1905" s="119"/>
      <c r="AG1905" s="119"/>
      <c r="AH1905" s="119"/>
      <c r="AI1905" s="119"/>
      <c r="AJ1905" s="119"/>
      <c r="AK1905" s="119"/>
      <c r="AL1905" s="119"/>
      <c r="AM1905" s="119"/>
      <c r="AN1905" s="119"/>
      <c r="AO1905" s="119"/>
      <c r="AP1905" s="119"/>
      <c r="AQ1905" s="119"/>
      <c r="AR1905" s="119"/>
      <c r="AS1905" s="119"/>
      <c r="AT1905" s="119"/>
      <c r="AU1905" s="119"/>
      <c r="AV1905" s="119"/>
      <c r="AW1905" s="119"/>
      <c r="AX1905" s="119"/>
      <c r="AY1905" s="119"/>
      <c r="AZ1905" s="119"/>
      <c r="BA1905" s="119"/>
      <c r="BB1905" s="107">
        <v>45884</v>
      </c>
    </row>
    <row r="1906" spans="1:54" s="207" customFormat="1" ht="13.95" customHeight="1" x14ac:dyDescent="0.25">
      <c r="A1906" s="208" t="s">
        <v>4574</v>
      </c>
      <c r="B1906" s="209" t="s">
        <v>20420</v>
      </c>
      <c r="C1906" s="113" t="s">
        <v>4575</v>
      </c>
      <c r="D1906" s="113" t="s">
        <v>4576</v>
      </c>
      <c r="E1906" s="210">
        <v>1958</v>
      </c>
      <c r="F1906" s="210">
        <v>2634</v>
      </c>
      <c r="G1906" s="113" t="s">
        <v>1</v>
      </c>
      <c r="H1906" s="113">
        <v>0</v>
      </c>
      <c r="I1906" s="113">
        <v>0</v>
      </c>
      <c r="J1906" s="115">
        <v>0</v>
      </c>
      <c r="K1906" s="116" t="s">
        <v>174</v>
      </c>
      <c r="L1906" s="115">
        <v>0</v>
      </c>
      <c r="M1906" s="115">
        <v>1</v>
      </c>
      <c r="N1906" s="115">
        <v>0</v>
      </c>
      <c r="O1906" s="115">
        <v>0</v>
      </c>
      <c r="P1906" s="115" t="s">
        <v>400</v>
      </c>
      <c r="Q1906" s="115" t="s">
        <v>400</v>
      </c>
      <c r="R1906" s="115">
        <v>0</v>
      </c>
      <c r="S1906" s="115">
        <v>0</v>
      </c>
      <c r="T1906" s="115">
        <v>0</v>
      </c>
      <c r="U1906" s="119"/>
      <c r="V1906" s="119"/>
      <c r="W1906" s="119"/>
      <c r="X1906" s="119"/>
      <c r="Y1906" s="119"/>
      <c r="Z1906" s="119"/>
      <c r="AA1906" s="119"/>
      <c r="AB1906" s="119"/>
      <c r="AC1906" s="119"/>
      <c r="AD1906" s="119"/>
      <c r="AE1906" s="119"/>
      <c r="AF1906" s="119"/>
      <c r="AG1906" s="119"/>
      <c r="AH1906" s="119"/>
      <c r="AI1906" s="119"/>
      <c r="AJ1906" s="119"/>
      <c r="AK1906" s="119"/>
      <c r="AL1906" s="119"/>
      <c r="AM1906" s="119"/>
      <c r="AN1906" s="119"/>
      <c r="AO1906" s="119"/>
      <c r="AP1906" s="119"/>
      <c r="AQ1906" s="119"/>
      <c r="AR1906" s="119"/>
      <c r="AS1906" s="119"/>
      <c r="AT1906" s="119"/>
      <c r="AU1906" s="119"/>
      <c r="AV1906" s="119"/>
      <c r="AW1906" s="119"/>
      <c r="AX1906" s="119"/>
      <c r="AY1906" s="119"/>
      <c r="AZ1906" s="119"/>
      <c r="BA1906" s="119"/>
      <c r="BB1906" s="107">
        <v>45884</v>
      </c>
    </row>
    <row r="1907" spans="1:54" s="207" customFormat="1" ht="13.95" customHeight="1" x14ac:dyDescent="0.25">
      <c r="A1907" s="208" t="s">
        <v>4577</v>
      </c>
      <c r="B1907" s="209" t="s">
        <v>20420</v>
      </c>
      <c r="C1907" s="113" t="s">
        <v>4578</v>
      </c>
      <c r="D1907" s="113" t="s">
        <v>4579</v>
      </c>
      <c r="E1907" s="210">
        <v>1990</v>
      </c>
      <c r="F1907" s="210">
        <v>2643</v>
      </c>
      <c r="G1907" s="113" t="s">
        <v>1</v>
      </c>
      <c r="H1907" s="113">
        <v>0</v>
      </c>
      <c r="I1907" s="113">
        <v>0</v>
      </c>
      <c r="J1907" s="115">
        <v>1</v>
      </c>
      <c r="K1907" s="211">
        <v>1</v>
      </c>
      <c r="L1907" s="115">
        <v>1</v>
      </c>
      <c r="M1907" s="115">
        <v>1</v>
      </c>
      <c r="N1907" s="115">
        <v>0</v>
      </c>
      <c r="O1907" s="115">
        <v>1</v>
      </c>
      <c r="P1907" s="115" t="s">
        <v>400</v>
      </c>
      <c r="Q1907" s="115" t="s">
        <v>400</v>
      </c>
      <c r="R1907" s="115">
        <v>1</v>
      </c>
      <c r="S1907" s="115">
        <v>0</v>
      </c>
      <c r="T1907" s="115">
        <v>0</v>
      </c>
      <c r="U1907" s="119"/>
      <c r="V1907" s="119"/>
      <c r="W1907" s="119"/>
      <c r="X1907" s="119"/>
      <c r="Y1907" s="119"/>
      <c r="Z1907" s="119"/>
      <c r="AA1907" s="119"/>
      <c r="AB1907" s="119"/>
      <c r="AC1907" s="119"/>
      <c r="AD1907" s="119"/>
      <c r="AE1907" s="119"/>
      <c r="AF1907" s="119"/>
      <c r="AG1907" s="119"/>
      <c r="AH1907" s="119"/>
      <c r="AI1907" s="119"/>
      <c r="AJ1907" s="119"/>
      <c r="AK1907" s="119"/>
      <c r="AL1907" s="119"/>
      <c r="AM1907" s="119"/>
      <c r="AN1907" s="119"/>
      <c r="AO1907" s="119"/>
      <c r="AP1907" s="119"/>
      <c r="AQ1907" s="119"/>
      <c r="AR1907" s="119"/>
      <c r="AS1907" s="119"/>
      <c r="AT1907" s="119"/>
      <c r="AU1907" s="119"/>
      <c r="AV1907" s="119"/>
      <c r="AW1907" s="119"/>
      <c r="AX1907" s="119"/>
      <c r="AY1907" s="119"/>
      <c r="AZ1907" s="119"/>
      <c r="BA1907" s="119"/>
      <c r="BB1907" s="107">
        <v>45884</v>
      </c>
    </row>
    <row r="1908" spans="1:54" s="207" customFormat="1" ht="13.95" customHeight="1" x14ac:dyDescent="0.25">
      <c r="A1908" s="208" t="s">
        <v>4580</v>
      </c>
      <c r="B1908" s="209" t="s">
        <v>20420</v>
      </c>
      <c r="C1908" s="113" t="s">
        <v>4581</v>
      </c>
      <c r="D1908" s="113" t="s">
        <v>23575</v>
      </c>
      <c r="E1908" s="210">
        <v>1999</v>
      </c>
      <c r="F1908" s="210">
        <v>2644</v>
      </c>
      <c r="G1908" s="113" t="s">
        <v>1</v>
      </c>
      <c r="H1908" s="113">
        <v>1</v>
      </c>
      <c r="I1908" s="113">
        <v>1</v>
      </c>
      <c r="J1908" s="115">
        <v>1</v>
      </c>
      <c r="K1908" s="116" t="s">
        <v>174</v>
      </c>
      <c r="L1908" s="115">
        <v>1</v>
      </c>
      <c r="M1908" s="115">
        <v>0</v>
      </c>
      <c r="N1908" s="115">
        <v>0</v>
      </c>
      <c r="O1908" s="115">
        <v>1</v>
      </c>
      <c r="P1908" s="115">
        <v>1</v>
      </c>
      <c r="Q1908" s="115" t="s">
        <v>400</v>
      </c>
      <c r="R1908" s="115">
        <v>0</v>
      </c>
      <c r="S1908" s="115">
        <v>0</v>
      </c>
      <c r="T1908" s="115">
        <v>0</v>
      </c>
      <c r="U1908" s="119"/>
      <c r="V1908" s="119"/>
      <c r="W1908" s="119"/>
      <c r="X1908" s="119"/>
      <c r="Y1908" s="119"/>
      <c r="Z1908" s="119"/>
      <c r="AA1908" s="119"/>
      <c r="AB1908" s="119"/>
      <c r="AC1908" s="119"/>
      <c r="AD1908" s="119"/>
      <c r="AE1908" s="119"/>
      <c r="AF1908" s="119"/>
      <c r="AG1908" s="119"/>
      <c r="AH1908" s="119"/>
      <c r="AI1908" s="119"/>
      <c r="AJ1908" s="119"/>
      <c r="AK1908" s="119"/>
      <c r="AL1908" s="119"/>
      <c r="AM1908" s="119"/>
      <c r="AN1908" s="119"/>
      <c r="AO1908" s="119"/>
      <c r="AP1908" s="119"/>
      <c r="AQ1908" s="119"/>
      <c r="AR1908" s="119"/>
      <c r="AS1908" s="119"/>
      <c r="AT1908" s="119"/>
      <c r="AU1908" s="119"/>
      <c r="AV1908" s="119"/>
      <c r="AW1908" s="119"/>
      <c r="AX1908" s="119"/>
      <c r="AY1908" s="119"/>
      <c r="AZ1908" s="119"/>
      <c r="BA1908" s="119"/>
      <c r="BB1908" s="107">
        <v>45884</v>
      </c>
    </row>
    <row r="1909" spans="1:54" s="207" customFormat="1" ht="13.95" customHeight="1" x14ac:dyDescent="0.25">
      <c r="A1909" s="208" t="s">
        <v>4582</v>
      </c>
      <c r="B1909" s="209" t="s">
        <v>20420</v>
      </c>
      <c r="C1909" s="113" t="s">
        <v>4583</v>
      </c>
      <c r="D1909" s="113" t="s">
        <v>23576</v>
      </c>
      <c r="E1909" s="210">
        <v>1988</v>
      </c>
      <c r="F1909" s="210">
        <v>2645</v>
      </c>
      <c r="G1909" s="113" t="s">
        <v>1</v>
      </c>
      <c r="H1909" s="113">
        <v>0</v>
      </c>
      <c r="I1909" s="113">
        <v>0</v>
      </c>
      <c r="J1909" s="115">
        <v>1</v>
      </c>
      <c r="K1909" s="116" t="s">
        <v>174</v>
      </c>
      <c r="L1909" s="115">
        <v>1</v>
      </c>
      <c r="M1909" s="115">
        <v>1</v>
      </c>
      <c r="N1909" s="115">
        <v>1</v>
      </c>
      <c r="O1909" s="115">
        <v>1</v>
      </c>
      <c r="P1909" s="212">
        <v>0</v>
      </c>
      <c r="Q1909" s="115" t="s">
        <v>400</v>
      </c>
      <c r="R1909" s="115">
        <v>1</v>
      </c>
      <c r="S1909" s="115">
        <v>0</v>
      </c>
      <c r="T1909" s="115">
        <v>0</v>
      </c>
      <c r="U1909" s="119"/>
      <c r="V1909" s="119"/>
      <c r="W1909" s="119"/>
      <c r="X1909" s="119"/>
      <c r="Y1909" s="119"/>
      <c r="Z1909" s="119"/>
      <c r="AA1909" s="119"/>
      <c r="AB1909" s="119"/>
      <c r="AC1909" s="119"/>
      <c r="AD1909" s="119"/>
      <c r="AE1909" s="119"/>
      <c r="AF1909" s="119"/>
      <c r="AG1909" s="119"/>
      <c r="AH1909" s="119"/>
      <c r="AI1909" s="119"/>
      <c r="AJ1909" s="119"/>
      <c r="AK1909" s="119"/>
      <c r="AL1909" s="119"/>
      <c r="AM1909" s="119"/>
      <c r="AN1909" s="119"/>
      <c r="AO1909" s="119"/>
      <c r="AP1909" s="119"/>
      <c r="AQ1909" s="119"/>
      <c r="AR1909" s="119"/>
      <c r="AS1909" s="119"/>
      <c r="AT1909" s="119"/>
      <c r="AU1909" s="119"/>
      <c r="AV1909" s="119"/>
      <c r="AW1909" s="119"/>
      <c r="AX1909" s="119"/>
      <c r="AY1909" s="119"/>
      <c r="AZ1909" s="119"/>
      <c r="BA1909" s="119"/>
      <c r="BB1909" s="107">
        <v>45884</v>
      </c>
    </row>
    <row r="1910" spans="1:54" s="207" customFormat="1" ht="13.95" customHeight="1" x14ac:dyDescent="0.25">
      <c r="A1910" s="208" t="s">
        <v>4584</v>
      </c>
      <c r="B1910" s="209" t="s">
        <v>20420</v>
      </c>
      <c r="C1910" s="113" t="s">
        <v>4585</v>
      </c>
      <c r="D1910" s="113" t="s">
        <v>23577</v>
      </c>
      <c r="E1910" s="210">
        <v>1962</v>
      </c>
      <c r="F1910" s="210">
        <v>2651</v>
      </c>
      <c r="G1910" s="113" t="s">
        <v>1</v>
      </c>
      <c r="H1910" s="113">
        <v>1</v>
      </c>
      <c r="I1910" s="113">
        <v>1</v>
      </c>
      <c r="J1910" s="115">
        <v>1</v>
      </c>
      <c r="K1910" s="116" t="s">
        <v>174</v>
      </c>
      <c r="L1910" s="115">
        <v>1</v>
      </c>
      <c r="M1910" s="115">
        <v>1</v>
      </c>
      <c r="N1910" s="115">
        <v>0</v>
      </c>
      <c r="O1910" s="115">
        <v>1</v>
      </c>
      <c r="P1910" s="115" t="s">
        <v>400</v>
      </c>
      <c r="Q1910" s="115" t="s">
        <v>400</v>
      </c>
      <c r="R1910" s="115">
        <v>1</v>
      </c>
      <c r="S1910" s="115">
        <v>0</v>
      </c>
      <c r="T1910" s="115">
        <v>0</v>
      </c>
      <c r="U1910" s="119"/>
      <c r="V1910" s="119"/>
      <c r="W1910" s="119"/>
      <c r="X1910" s="119"/>
      <c r="Y1910" s="119"/>
      <c r="Z1910" s="119"/>
      <c r="AA1910" s="119"/>
      <c r="AB1910" s="119"/>
      <c r="AC1910" s="119"/>
      <c r="AD1910" s="119"/>
      <c r="AE1910" s="119"/>
      <c r="AF1910" s="119"/>
      <c r="AG1910" s="119"/>
      <c r="AH1910" s="119"/>
      <c r="AI1910" s="119"/>
      <c r="AJ1910" s="119"/>
      <c r="AK1910" s="119"/>
      <c r="AL1910" s="119"/>
      <c r="AM1910" s="119"/>
      <c r="AN1910" s="119"/>
      <c r="AO1910" s="119"/>
      <c r="AP1910" s="119"/>
      <c r="AQ1910" s="119"/>
      <c r="AR1910" s="119"/>
      <c r="AS1910" s="119"/>
      <c r="AT1910" s="119"/>
      <c r="AU1910" s="119"/>
      <c r="AV1910" s="119"/>
      <c r="AW1910" s="119"/>
      <c r="AX1910" s="119"/>
      <c r="AY1910" s="119"/>
      <c r="AZ1910" s="119"/>
      <c r="BA1910" s="119"/>
      <c r="BB1910" s="107">
        <v>45884</v>
      </c>
    </row>
    <row r="1911" spans="1:54" s="207" customFormat="1" ht="13.95" customHeight="1" x14ac:dyDescent="0.25">
      <c r="A1911" s="208" t="s">
        <v>4586</v>
      </c>
      <c r="B1911" s="209" t="s">
        <v>20420</v>
      </c>
      <c r="C1911" s="113" t="s">
        <v>4587</v>
      </c>
      <c r="D1911" s="113" t="s">
        <v>23578</v>
      </c>
      <c r="E1911" s="210">
        <v>1989</v>
      </c>
      <c r="F1911" s="210">
        <v>2651</v>
      </c>
      <c r="G1911" s="113" t="s">
        <v>1</v>
      </c>
      <c r="H1911" s="113">
        <v>0</v>
      </c>
      <c r="I1911" s="113">
        <v>0</v>
      </c>
      <c r="J1911" s="115">
        <v>1</v>
      </c>
      <c r="K1911" s="116" t="s">
        <v>174</v>
      </c>
      <c r="L1911" s="115">
        <v>1</v>
      </c>
      <c r="M1911" s="115">
        <v>1</v>
      </c>
      <c r="N1911" s="115">
        <v>0</v>
      </c>
      <c r="O1911" s="115">
        <v>1</v>
      </c>
      <c r="P1911" s="115" t="s">
        <v>400</v>
      </c>
      <c r="Q1911" s="115" t="s">
        <v>400</v>
      </c>
      <c r="R1911" s="115">
        <v>1</v>
      </c>
      <c r="S1911" s="115">
        <v>0</v>
      </c>
      <c r="T1911" s="115">
        <v>0</v>
      </c>
      <c r="U1911" s="119"/>
      <c r="V1911" s="119"/>
      <c r="W1911" s="119"/>
      <c r="X1911" s="119"/>
      <c r="Y1911" s="119"/>
      <c r="Z1911" s="119"/>
      <c r="AA1911" s="119"/>
      <c r="AB1911" s="119"/>
      <c r="AC1911" s="119"/>
      <c r="AD1911" s="119"/>
      <c r="AE1911" s="119"/>
      <c r="AF1911" s="119"/>
      <c r="AG1911" s="119"/>
      <c r="AH1911" s="119"/>
      <c r="AI1911" s="119"/>
      <c r="AJ1911" s="119"/>
      <c r="AK1911" s="119"/>
      <c r="AL1911" s="119"/>
      <c r="AM1911" s="119"/>
      <c r="AN1911" s="119"/>
      <c r="AO1911" s="119"/>
      <c r="AP1911" s="119"/>
      <c r="AQ1911" s="119"/>
      <c r="AR1911" s="119"/>
      <c r="AS1911" s="119"/>
      <c r="AT1911" s="119"/>
      <c r="AU1911" s="119"/>
      <c r="AV1911" s="119"/>
      <c r="AW1911" s="119"/>
      <c r="AX1911" s="119"/>
      <c r="AY1911" s="119"/>
      <c r="AZ1911" s="119"/>
      <c r="BA1911" s="119"/>
      <c r="BB1911" s="107">
        <v>45884</v>
      </c>
    </row>
    <row r="1912" spans="1:54" s="207" customFormat="1" ht="13.95" customHeight="1" x14ac:dyDescent="0.25">
      <c r="A1912" s="208" t="s">
        <v>4588</v>
      </c>
      <c r="B1912" s="209" t="s">
        <v>20420</v>
      </c>
      <c r="C1912" s="113" t="s">
        <v>4589</v>
      </c>
      <c r="D1912" s="113" t="s">
        <v>23579</v>
      </c>
      <c r="E1912" s="210">
        <v>1997</v>
      </c>
      <c r="F1912" s="210">
        <v>2653</v>
      </c>
      <c r="G1912" s="113" t="s">
        <v>11</v>
      </c>
      <c r="H1912" s="113">
        <v>0</v>
      </c>
      <c r="I1912" s="113">
        <v>0</v>
      </c>
      <c r="J1912" s="115">
        <v>1</v>
      </c>
      <c r="K1912" s="116" t="s">
        <v>174</v>
      </c>
      <c r="L1912" s="115">
        <v>0</v>
      </c>
      <c r="M1912" s="115">
        <v>0</v>
      </c>
      <c r="N1912" s="115">
        <v>0</v>
      </c>
      <c r="O1912" s="115">
        <v>0</v>
      </c>
      <c r="P1912" s="115" t="s">
        <v>400</v>
      </c>
      <c r="Q1912" s="115" t="s">
        <v>400</v>
      </c>
      <c r="R1912" s="115">
        <v>0</v>
      </c>
      <c r="S1912" s="115">
        <v>0</v>
      </c>
      <c r="T1912" s="115">
        <v>0</v>
      </c>
      <c r="U1912" s="113" t="s">
        <v>174</v>
      </c>
      <c r="V1912" s="113" t="s">
        <v>174</v>
      </c>
      <c r="W1912" s="113" t="s">
        <v>174</v>
      </c>
      <c r="X1912" s="113" t="s">
        <v>174</v>
      </c>
      <c r="Y1912" s="113" t="s">
        <v>174</v>
      </c>
      <c r="Z1912" s="113" t="s">
        <v>174</v>
      </c>
      <c r="AA1912" s="113" t="s">
        <v>174</v>
      </c>
      <c r="AB1912" s="113" t="s">
        <v>174</v>
      </c>
      <c r="AC1912" s="113" t="s">
        <v>174</v>
      </c>
      <c r="AD1912" s="113" t="s">
        <v>174</v>
      </c>
      <c r="AE1912" s="113" t="s">
        <v>174</v>
      </c>
      <c r="AF1912" s="113" t="s">
        <v>174</v>
      </c>
      <c r="AG1912" s="113" t="s">
        <v>174</v>
      </c>
      <c r="AH1912" s="113" t="s">
        <v>174</v>
      </c>
      <c r="AI1912" s="113" t="s">
        <v>174</v>
      </c>
      <c r="AJ1912" s="113" t="s">
        <v>174</v>
      </c>
      <c r="AK1912" s="113" t="s">
        <v>174</v>
      </c>
      <c r="AL1912" s="113" t="s">
        <v>174</v>
      </c>
      <c r="AM1912" s="113" t="s">
        <v>174</v>
      </c>
      <c r="AN1912" s="113" t="s">
        <v>174</v>
      </c>
      <c r="AO1912" s="113" t="s">
        <v>174</v>
      </c>
      <c r="AP1912" s="113" t="s">
        <v>174</v>
      </c>
      <c r="AQ1912" s="113" t="s">
        <v>174</v>
      </c>
      <c r="AR1912" s="113" t="s">
        <v>174</v>
      </c>
      <c r="AS1912" s="113" t="s">
        <v>174</v>
      </c>
      <c r="AT1912" s="121" t="s">
        <v>174</v>
      </c>
      <c r="AU1912" s="113" t="s">
        <v>174</v>
      </c>
      <c r="AV1912" s="113" t="s">
        <v>174</v>
      </c>
      <c r="AW1912" s="113" t="s">
        <v>174</v>
      </c>
      <c r="AX1912" s="113"/>
      <c r="AY1912" s="113"/>
      <c r="AZ1912" s="113"/>
      <c r="BA1912" s="113"/>
      <c r="BB1912" s="107">
        <v>45884</v>
      </c>
    </row>
    <row r="1913" spans="1:54" s="207" customFormat="1" ht="13.95" customHeight="1" x14ac:dyDescent="0.25">
      <c r="A1913" s="208" t="s">
        <v>4590</v>
      </c>
      <c r="B1913" s="209" t="s">
        <v>20420</v>
      </c>
      <c r="C1913" s="113" t="s">
        <v>4591</v>
      </c>
      <c r="D1913" s="113" t="s">
        <v>4592</v>
      </c>
      <c r="E1913" s="210">
        <v>1977</v>
      </c>
      <c r="F1913" s="210">
        <v>2655</v>
      </c>
      <c r="G1913" s="113" t="s">
        <v>1</v>
      </c>
      <c r="H1913" s="113">
        <v>0</v>
      </c>
      <c r="I1913" s="113">
        <v>0</v>
      </c>
      <c r="J1913" s="115">
        <v>1</v>
      </c>
      <c r="K1913" s="116" t="s">
        <v>174</v>
      </c>
      <c r="L1913" s="115">
        <v>1</v>
      </c>
      <c r="M1913" s="115">
        <v>1</v>
      </c>
      <c r="N1913" s="115">
        <v>0</v>
      </c>
      <c r="O1913" s="115">
        <v>1</v>
      </c>
      <c r="P1913" s="115" t="s">
        <v>400</v>
      </c>
      <c r="Q1913" s="115" t="s">
        <v>400</v>
      </c>
      <c r="R1913" s="115">
        <v>0</v>
      </c>
      <c r="S1913" s="115">
        <v>0</v>
      </c>
      <c r="T1913" s="115">
        <v>0</v>
      </c>
      <c r="U1913" s="119"/>
      <c r="V1913" s="119"/>
      <c r="W1913" s="119"/>
      <c r="X1913" s="119"/>
      <c r="Y1913" s="119"/>
      <c r="Z1913" s="119"/>
      <c r="AA1913" s="119"/>
      <c r="AB1913" s="119"/>
      <c r="AC1913" s="119"/>
      <c r="AD1913" s="119"/>
      <c r="AE1913" s="119"/>
      <c r="AF1913" s="119"/>
      <c r="AG1913" s="119"/>
      <c r="AH1913" s="119"/>
      <c r="AI1913" s="119"/>
      <c r="AJ1913" s="119"/>
      <c r="AK1913" s="119"/>
      <c r="AL1913" s="119"/>
      <c r="AM1913" s="119"/>
      <c r="AN1913" s="119"/>
      <c r="AO1913" s="119"/>
      <c r="AP1913" s="119"/>
      <c r="AQ1913" s="119"/>
      <c r="AR1913" s="119"/>
      <c r="AS1913" s="119"/>
      <c r="AT1913" s="119"/>
      <c r="AU1913" s="119"/>
      <c r="AV1913" s="119"/>
      <c r="AW1913" s="119"/>
      <c r="AX1913" s="119"/>
      <c r="AY1913" s="119"/>
      <c r="AZ1913" s="119"/>
      <c r="BA1913" s="119"/>
      <c r="BB1913" s="107">
        <v>45884</v>
      </c>
    </row>
    <row r="1914" spans="1:54" s="207" customFormat="1" ht="13.95" customHeight="1" x14ac:dyDescent="0.25">
      <c r="A1914" s="208" t="s">
        <v>4593</v>
      </c>
      <c r="B1914" s="209" t="s">
        <v>20420</v>
      </c>
      <c r="C1914" s="113" t="s">
        <v>4594</v>
      </c>
      <c r="D1914" s="113" t="s">
        <v>23580</v>
      </c>
      <c r="E1914" s="210">
        <v>1979</v>
      </c>
      <c r="F1914" s="210">
        <v>2657</v>
      </c>
      <c r="G1914" s="113" t="s">
        <v>1</v>
      </c>
      <c r="H1914" s="113">
        <v>0</v>
      </c>
      <c r="I1914" s="113">
        <v>0</v>
      </c>
      <c r="J1914" s="115">
        <v>1</v>
      </c>
      <c r="K1914" s="116" t="s">
        <v>174</v>
      </c>
      <c r="L1914" s="115">
        <v>1</v>
      </c>
      <c r="M1914" s="115">
        <v>0</v>
      </c>
      <c r="N1914" s="115">
        <v>0</v>
      </c>
      <c r="O1914" s="115">
        <v>1</v>
      </c>
      <c r="P1914" s="115">
        <v>1</v>
      </c>
      <c r="Q1914" s="115" t="s">
        <v>400</v>
      </c>
      <c r="R1914" s="115">
        <v>1</v>
      </c>
      <c r="S1914" s="115">
        <v>0</v>
      </c>
      <c r="T1914" s="115">
        <v>0</v>
      </c>
      <c r="U1914" s="119"/>
      <c r="V1914" s="119"/>
      <c r="W1914" s="119"/>
      <c r="X1914" s="119"/>
      <c r="Y1914" s="119"/>
      <c r="Z1914" s="119"/>
      <c r="AA1914" s="119"/>
      <c r="AB1914" s="119"/>
      <c r="AC1914" s="119"/>
      <c r="AD1914" s="119"/>
      <c r="AE1914" s="119"/>
      <c r="AF1914" s="119"/>
      <c r="AG1914" s="119"/>
      <c r="AH1914" s="119"/>
      <c r="AI1914" s="119"/>
      <c r="AJ1914" s="119"/>
      <c r="AK1914" s="119"/>
      <c r="AL1914" s="119"/>
      <c r="AM1914" s="119"/>
      <c r="AN1914" s="119"/>
      <c r="AO1914" s="119"/>
      <c r="AP1914" s="119"/>
      <c r="AQ1914" s="119"/>
      <c r="AR1914" s="119"/>
      <c r="AS1914" s="119"/>
      <c r="AT1914" s="119"/>
      <c r="AU1914" s="119"/>
      <c r="AV1914" s="119"/>
      <c r="AW1914" s="119"/>
      <c r="AX1914" s="119"/>
      <c r="AY1914" s="119"/>
      <c r="AZ1914" s="119"/>
      <c r="BA1914" s="119"/>
      <c r="BB1914" s="107">
        <v>45884</v>
      </c>
    </row>
    <row r="1915" spans="1:54" s="207" customFormat="1" ht="13.95" customHeight="1" x14ac:dyDescent="0.25">
      <c r="A1915" s="208" t="s">
        <v>4595</v>
      </c>
      <c r="B1915" s="209" t="s">
        <v>20420</v>
      </c>
      <c r="C1915" s="113" t="s">
        <v>4596</v>
      </c>
      <c r="D1915" s="113" t="s">
        <v>4597</v>
      </c>
      <c r="E1915" s="210">
        <v>1987</v>
      </c>
      <c r="F1915" s="210">
        <v>2657</v>
      </c>
      <c r="G1915" s="113" t="s">
        <v>1</v>
      </c>
      <c r="H1915" s="113">
        <v>0</v>
      </c>
      <c r="I1915" s="113">
        <v>0</v>
      </c>
      <c r="J1915" s="115">
        <v>1</v>
      </c>
      <c r="K1915" s="116" t="s">
        <v>174</v>
      </c>
      <c r="L1915" s="115">
        <v>1</v>
      </c>
      <c r="M1915" s="115">
        <v>1</v>
      </c>
      <c r="N1915" s="115">
        <v>0</v>
      </c>
      <c r="O1915" s="115">
        <v>1</v>
      </c>
      <c r="P1915" s="115" t="s">
        <v>400</v>
      </c>
      <c r="Q1915" s="115" t="s">
        <v>400</v>
      </c>
      <c r="R1915" s="115">
        <v>1</v>
      </c>
      <c r="S1915" s="115">
        <v>0</v>
      </c>
      <c r="T1915" s="115">
        <v>0</v>
      </c>
      <c r="U1915" s="119"/>
      <c r="V1915" s="119"/>
      <c r="W1915" s="119"/>
      <c r="X1915" s="119"/>
      <c r="Y1915" s="119"/>
      <c r="Z1915" s="119"/>
      <c r="AA1915" s="119"/>
      <c r="AB1915" s="119"/>
      <c r="AC1915" s="119"/>
      <c r="AD1915" s="119"/>
      <c r="AE1915" s="119"/>
      <c r="AF1915" s="119"/>
      <c r="AG1915" s="119"/>
      <c r="AH1915" s="119"/>
      <c r="AI1915" s="119"/>
      <c r="AJ1915" s="119"/>
      <c r="AK1915" s="119"/>
      <c r="AL1915" s="119"/>
      <c r="AM1915" s="119"/>
      <c r="AN1915" s="119"/>
      <c r="AO1915" s="119"/>
      <c r="AP1915" s="119"/>
      <c r="AQ1915" s="119"/>
      <c r="AR1915" s="119"/>
      <c r="AS1915" s="119"/>
      <c r="AT1915" s="119"/>
      <c r="AU1915" s="119"/>
      <c r="AV1915" s="119"/>
      <c r="AW1915" s="119"/>
      <c r="AX1915" s="119"/>
      <c r="AY1915" s="119"/>
      <c r="AZ1915" s="119"/>
      <c r="BA1915" s="119"/>
      <c r="BB1915" s="107">
        <v>45884</v>
      </c>
    </row>
    <row r="1916" spans="1:54" s="207" customFormat="1" ht="13.95" customHeight="1" x14ac:dyDescent="0.25">
      <c r="A1916" s="208" t="s">
        <v>4598</v>
      </c>
      <c r="B1916" s="209" t="s">
        <v>20420</v>
      </c>
      <c r="C1916" s="113" t="s">
        <v>4599</v>
      </c>
      <c r="D1916" s="113" t="s">
        <v>23581</v>
      </c>
      <c r="E1916" s="210">
        <v>1976</v>
      </c>
      <c r="F1916" s="210">
        <v>2662</v>
      </c>
      <c r="G1916" s="113" t="s">
        <v>1</v>
      </c>
      <c r="H1916" s="113">
        <v>0</v>
      </c>
      <c r="I1916" s="113">
        <v>0</v>
      </c>
      <c r="J1916" s="115">
        <v>1</v>
      </c>
      <c r="K1916" s="211">
        <v>1</v>
      </c>
      <c r="L1916" s="115">
        <v>1</v>
      </c>
      <c r="M1916" s="115">
        <v>1</v>
      </c>
      <c r="N1916" s="115">
        <v>1</v>
      </c>
      <c r="O1916" s="115">
        <v>1</v>
      </c>
      <c r="P1916" s="115" t="s">
        <v>400</v>
      </c>
      <c r="Q1916" s="115" t="s">
        <v>400</v>
      </c>
      <c r="R1916" s="115">
        <v>1</v>
      </c>
      <c r="S1916" s="115">
        <v>0</v>
      </c>
      <c r="T1916" s="115">
        <v>0</v>
      </c>
      <c r="U1916" s="119"/>
      <c r="V1916" s="119"/>
      <c r="W1916" s="119"/>
      <c r="X1916" s="119"/>
      <c r="Y1916" s="119"/>
      <c r="Z1916" s="119"/>
      <c r="AA1916" s="119"/>
      <c r="AB1916" s="119"/>
      <c r="AC1916" s="119"/>
      <c r="AD1916" s="119"/>
      <c r="AE1916" s="119"/>
      <c r="AF1916" s="119"/>
      <c r="AG1916" s="119"/>
      <c r="AH1916" s="119"/>
      <c r="AI1916" s="119"/>
      <c r="AJ1916" s="119"/>
      <c r="AK1916" s="119"/>
      <c r="AL1916" s="119"/>
      <c r="AM1916" s="119"/>
      <c r="AN1916" s="119"/>
      <c r="AO1916" s="119"/>
      <c r="AP1916" s="119"/>
      <c r="AQ1916" s="119"/>
      <c r="AR1916" s="119"/>
      <c r="AS1916" s="119"/>
      <c r="AT1916" s="119"/>
      <c r="AU1916" s="119"/>
      <c r="AV1916" s="119"/>
      <c r="AW1916" s="119"/>
      <c r="AX1916" s="119"/>
      <c r="AY1916" s="119"/>
      <c r="AZ1916" s="119"/>
      <c r="BA1916" s="119"/>
      <c r="BB1916" s="107">
        <v>45884</v>
      </c>
    </row>
    <row r="1917" spans="1:54" s="207" customFormat="1" ht="13.95" customHeight="1" x14ac:dyDescent="0.25">
      <c r="A1917" s="208" t="s">
        <v>4600</v>
      </c>
      <c r="B1917" s="209" t="s">
        <v>20420</v>
      </c>
      <c r="C1917" s="113" t="s">
        <v>4601</v>
      </c>
      <c r="D1917" s="113" t="s">
        <v>23582</v>
      </c>
      <c r="E1917" s="210">
        <v>1990</v>
      </c>
      <c r="F1917" s="210">
        <v>2663</v>
      </c>
      <c r="G1917" s="113" t="s">
        <v>1</v>
      </c>
      <c r="H1917" s="113">
        <v>0</v>
      </c>
      <c r="I1917" s="113">
        <v>0</v>
      </c>
      <c r="J1917" s="115">
        <v>1</v>
      </c>
      <c r="K1917" s="116" t="s">
        <v>174</v>
      </c>
      <c r="L1917" s="115">
        <v>1</v>
      </c>
      <c r="M1917" s="115">
        <v>1</v>
      </c>
      <c r="N1917" s="115">
        <v>1</v>
      </c>
      <c r="O1917" s="115">
        <v>1</v>
      </c>
      <c r="P1917" s="115" t="s">
        <v>400</v>
      </c>
      <c r="Q1917" s="115" t="s">
        <v>400</v>
      </c>
      <c r="R1917" s="115">
        <v>0</v>
      </c>
      <c r="S1917" s="115">
        <v>0</v>
      </c>
      <c r="T1917" s="115">
        <v>0</v>
      </c>
      <c r="U1917" s="119"/>
      <c r="V1917" s="119"/>
      <c r="W1917" s="119"/>
      <c r="X1917" s="119"/>
      <c r="Y1917" s="119"/>
      <c r="Z1917" s="119"/>
      <c r="AA1917" s="119"/>
      <c r="AB1917" s="119"/>
      <c r="AC1917" s="119"/>
      <c r="AD1917" s="119"/>
      <c r="AE1917" s="119"/>
      <c r="AF1917" s="119"/>
      <c r="AG1917" s="119"/>
      <c r="AH1917" s="119"/>
      <c r="AI1917" s="119"/>
      <c r="AJ1917" s="119"/>
      <c r="AK1917" s="119"/>
      <c r="AL1917" s="119"/>
      <c r="AM1917" s="119"/>
      <c r="AN1917" s="119"/>
      <c r="AO1917" s="119"/>
      <c r="AP1917" s="119"/>
      <c r="AQ1917" s="119"/>
      <c r="AR1917" s="119"/>
      <c r="AS1917" s="119"/>
      <c r="AT1917" s="119"/>
      <c r="AU1917" s="119"/>
      <c r="AV1917" s="119"/>
      <c r="AW1917" s="119"/>
      <c r="AX1917" s="119"/>
      <c r="AY1917" s="119"/>
      <c r="AZ1917" s="119"/>
      <c r="BA1917" s="119"/>
      <c r="BB1917" s="107">
        <v>45884</v>
      </c>
    </row>
    <row r="1918" spans="1:54" s="207" customFormat="1" ht="13.95" customHeight="1" x14ac:dyDescent="0.25">
      <c r="A1918" s="208" t="s">
        <v>4602</v>
      </c>
      <c r="B1918" s="209" t="s">
        <v>20420</v>
      </c>
      <c r="C1918" s="113" t="s">
        <v>4603</v>
      </c>
      <c r="D1918" s="113" t="s">
        <v>23583</v>
      </c>
      <c r="E1918" s="210">
        <v>1991</v>
      </c>
      <c r="F1918" s="210">
        <v>2664</v>
      </c>
      <c r="G1918" s="113" t="s">
        <v>8</v>
      </c>
      <c r="H1918" s="113">
        <v>0</v>
      </c>
      <c r="I1918" s="113">
        <v>0</v>
      </c>
      <c r="J1918" s="115">
        <v>0</v>
      </c>
      <c r="K1918" s="116" t="s">
        <v>174</v>
      </c>
      <c r="L1918" s="115">
        <v>0</v>
      </c>
      <c r="M1918" s="115">
        <v>0</v>
      </c>
      <c r="N1918" s="115">
        <v>0</v>
      </c>
      <c r="O1918" s="115">
        <v>0</v>
      </c>
      <c r="P1918" s="115" t="s">
        <v>400</v>
      </c>
      <c r="Q1918" s="115" t="s">
        <v>400</v>
      </c>
      <c r="R1918" s="115">
        <v>0</v>
      </c>
      <c r="S1918" s="115">
        <v>0</v>
      </c>
      <c r="T1918" s="115">
        <v>0</v>
      </c>
      <c r="U1918" s="113" t="s">
        <v>174</v>
      </c>
      <c r="V1918" s="113" t="s">
        <v>174</v>
      </c>
      <c r="W1918" s="113" t="s">
        <v>174</v>
      </c>
      <c r="X1918" s="113" t="s">
        <v>174</v>
      </c>
      <c r="Y1918" s="113" t="s">
        <v>174</v>
      </c>
      <c r="Z1918" s="113" t="s">
        <v>174</v>
      </c>
      <c r="AA1918" s="113" t="s">
        <v>174</v>
      </c>
      <c r="AB1918" s="113" t="s">
        <v>174</v>
      </c>
      <c r="AC1918" s="113" t="s">
        <v>174</v>
      </c>
      <c r="AD1918" s="113" t="s">
        <v>174</v>
      </c>
      <c r="AE1918" s="113" t="s">
        <v>174</v>
      </c>
      <c r="AF1918" s="113" t="s">
        <v>174</v>
      </c>
      <c r="AG1918" s="113" t="s">
        <v>174</v>
      </c>
      <c r="AH1918" s="113" t="s">
        <v>174</v>
      </c>
      <c r="AI1918" s="113" t="s">
        <v>174</v>
      </c>
      <c r="AJ1918" s="113" t="s">
        <v>174</v>
      </c>
      <c r="AK1918" s="113" t="s">
        <v>174</v>
      </c>
      <c r="AL1918" s="113" t="s">
        <v>174</v>
      </c>
      <c r="AM1918" s="113" t="s">
        <v>174</v>
      </c>
      <c r="AN1918" s="113" t="s">
        <v>174</v>
      </c>
      <c r="AO1918" s="113" t="s">
        <v>174</v>
      </c>
      <c r="AP1918" s="113" t="s">
        <v>174</v>
      </c>
      <c r="AQ1918" s="113" t="s">
        <v>174</v>
      </c>
      <c r="AR1918" s="113" t="s">
        <v>174</v>
      </c>
      <c r="AS1918" s="113" t="s">
        <v>174</v>
      </c>
      <c r="AT1918" s="121" t="s">
        <v>174</v>
      </c>
      <c r="AU1918" s="113" t="s">
        <v>174</v>
      </c>
      <c r="AV1918" s="113" t="s">
        <v>174</v>
      </c>
      <c r="AW1918" s="113" t="s">
        <v>174</v>
      </c>
      <c r="AX1918" s="113"/>
      <c r="AY1918" s="113"/>
      <c r="AZ1918" s="113"/>
      <c r="BA1918" s="113"/>
      <c r="BB1918" s="107">
        <v>45884</v>
      </c>
    </row>
    <row r="1919" spans="1:54" s="207" customFormat="1" ht="13.95" customHeight="1" x14ac:dyDescent="0.25">
      <c r="A1919" s="208" t="s">
        <v>4604</v>
      </c>
      <c r="B1919" s="209" t="s">
        <v>20420</v>
      </c>
      <c r="C1919" s="113" t="s">
        <v>4605</v>
      </c>
      <c r="D1919" s="113" t="s">
        <v>23584</v>
      </c>
      <c r="E1919" s="210">
        <v>1973</v>
      </c>
      <c r="F1919" s="210">
        <v>2670</v>
      </c>
      <c r="G1919" s="113" t="s">
        <v>1</v>
      </c>
      <c r="H1919" s="113">
        <v>0</v>
      </c>
      <c r="I1919" s="113">
        <v>0</v>
      </c>
      <c r="J1919" s="115">
        <v>1</v>
      </c>
      <c r="K1919" s="116" t="s">
        <v>174</v>
      </c>
      <c r="L1919" s="115">
        <v>1</v>
      </c>
      <c r="M1919" s="115">
        <v>0</v>
      </c>
      <c r="N1919" s="115">
        <v>1</v>
      </c>
      <c r="O1919" s="115">
        <v>1</v>
      </c>
      <c r="P1919" s="115">
        <v>1</v>
      </c>
      <c r="Q1919" s="115">
        <v>1</v>
      </c>
      <c r="R1919" s="115">
        <v>1</v>
      </c>
      <c r="S1919" s="115">
        <v>0</v>
      </c>
      <c r="T1919" s="115">
        <v>0</v>
      </c>
      <c r="U1919" s="119"/>
      <c r="V1919" s="119"/>
      <c r="W1919" s="119"/>
      <c r="X1919" s="119"/>
      <c r="Y1919" s="119"/>
      <c r="Z1919" s="119"/>
      <c r="AA1919" s="119"/>
      <c r="AB1919" s="119"/>
      <c r="AC1919" s="119"/>
      <c r="AD1919" s="119"/>
      <c r="AE1919" s="119"/>
      <c r="AF1919" s="119"/>
      <c r="AG1919" s="119"/>
      <c r="AH1919" s="119"/>
      <c r="AI1919" s="119"/>
      <c r="AJ1919" s="119"/>
      <c r="AK1919" s="119"/>
      <c r="AL1919" s="119"/>
      <c r="AM1919" s="119"/>
      <c r="AN1919" s="119"/>
      <c r="AO1919" s="119"/>
      <c r="AP1919" s="119"/>
      <c r="AQ1919" s="119"/>
      <c r="AR1919" s="119"/>
      <c r="AS1919" s="119"/>
      <c r="AT1919" s="119"/>
      <c r="AU1919" s="119"/>
      <c r="AV1919" s="119"/>
      <c r="AW1919" s="119"/>
      <c r="AX1919" s="119"/>
      <c r="AY1919" s="119"/>
      <c r="AZ1919" s="119"/>
      <c r="BA1919" s="119"/>
      <c r="BB1919" s="107">
        <v>45884</v>
      </c>
    </row>
    <row r="1920" spans="1:54" s="207" customFormat="1" ht="13.95" customHeight="1" x14ac:dyDescent="0.25">
      <c r="A1920" s="208" t="s">
        <v>4606</v>
      </c>
      <c r="B1920" s="209" t="s">
        <v>20420</v>
      </c>
      <c r="C1920" s="113" t="s">
        <v>4607</v>
      </c>
      <c r="D1920" s="113" t="s">
        <v>23585</v>
      </c>
      <c r="E1920" s="210">
        <v>1984</v>
      </c>
      <c r="F1920" s="210">
        <v>2670</v>
      </c>
      <c r="G1920" s="113" t="s">
        <v>1</v>
      </c>
      <c r="H1920" s="113">
        <v>0</v>
      </c>
      <c r="I1920" s="113">
        <v>0</v>
      </c>
      <c r="J1920" s="115">
        <v>1</v>
      </c>
      <c r="K1920" s="116" t="s">
        <v>174</v>
      </c>
      <c r="L1920" s="115">
        <v>1</v>
      </c>
      <c r="M1920" s="115">
        <v>1</v>
      </c>
      <c r="N1920" s="115">
        <v>1</v>
      </c>
      <c r="O1920" s="115">
        <v>1</v>
      </c>
      <c r="P1920" s="115" t="s">
        <v>400</v>
      </c>
      <c r="Q1920" s="115" t="s">
        <v>400</v>
      </c>
      <c r="R1920" s="115">
        <v>1</v>
      </c>
      <c r="S1920" s="115">
        <v>0</v>
      </c>
      <c r="T1920" s="115">
        <v>0</v>
      </c>
      <c r="U1920" s="119"/>
      <c r="V1920" s="119"/>
      <c r="W1920" s="119"/>
      <c r="X1920" s="119"/>
      <c r="Y1920" s="119"/>
      <c r="Z1920" s="119"/>
      <c r="AA1920" s="119"/>
      <c r="AB1920" s="119"/>
      <c r="AC1920" s="119"/>
      <c r="AD1920" s="119"/>
      <c r="AE1920" s="119"/>
      <c r="AF1920" s="119"/>
      <c r="AG1920" s="119"/>
      <c r="AH1920" s="119"/>
      <c r="AI1920" s="119"/>
      <c r="AJ1920" s="119"/>
      <c r="AK1920" s="119"/>
      <c r="AL1920" s="119"/>
      <c r="AM1920" s="119"/>
      <c r="AN1920" s="119"/>
      <c r="AO1920" s="119"/>
      <c r="AP1920" s="119"/>
      <c r="AQ1920" s="119"/>
      <c r="AR1920" s="119"/>
      <c r="AS1920" s="119"/>
      <c r="AT1920" s="119"/>
      <c r="AU1920" s="119"/>
      <c r="AV1920" s="119"/>
      <c r="AW1920" s="119"/>
      <c r="AX1920" s="119"/>
      <c r="AY1920" s="119"/>
      <c r="AZ1920" s="119"/>
      <c r="BA1920" s="119"/>
      <c r="BB1920" s="107">
        <v>45884</v>
      </c>
    </row>
    <row r="1921" spans="1:54" s="207" customFormat="1" ht="13.95" customHeight="1" x14ac:dyDescent="0.25">
      <c r="A1921" s="208" t="s">
        <v>4608</v>
      </c>
      <c r="B1921" s="209" t="s">
        <v>20420</v>
      </c>
      <c r="C1921" s="113" t="s">
        <v>4609</v>
      </c>
      <c r="D1921" s="113" t="s">
        <v>23586</v>
      </c>
      <c r="E1921" s="210">
        <v>1969</v>
      </c>
      <c r="F1921" s="210">
        <v>2670</v>
      </c>
      <c r="G1921" s="113" t="s">
        <v>1</v>
      </c>
      <c r="H1921" s="113">
        <v>0</v>
      </c>
      <c r="I1921" s="113">
        <v>0</v>
      </c>
      <c r="J1921" s="115">
        <v>1</v>
      </c>
      <c r="K1921" s="211">
        <v>1</v>
      </c>
      <c r="L1921" s="115">
        <v>1</v>
      </c>
      <c r="M1921" s="115">
        <v>1</v>
      </c>
      <c r="N1921" s="115">
        <v>0</v>
      </c>
      <c r="O1921" s="115">
        <v>0</v>
      </c>
      <c r="P1921" s="115" t="s">
        <v>400</v>
      </c>
      <c r="Q1921" s="115" t="s">
        <v>400</v>
      </c>
      <c r="R1921" s="115">
        <v>1</v>
      </c>
      <c r="S1921" s="115">
        <v>0</v>
      </c>
      <c r="T1921" s="115">
        <v>0</v>
      </c>
      <c r="U1921" s="119"/>
      <c r="V1921" s="119"/>
      <c r="W1921" s="119"/>
      <c r="X1921" s="119"/>
      <c r="Y1921" s="119"/>
      <c r="Z1921" s="119"/>
      <c r="AA1921" s="119"/>
      <c r="AB1921" s="119"/>
      <c r="AC1921" s="119"/>
      <c r="AD1921" s="119"/>
      <c r="AE1921" s="119"/>
      <c r="AF1921" s="119"/>
      <c r="AG1921" s="119"/>
      <c r="AH1921" s="119"/>
      <c r="AI1921" s="119"/>
      <c r="AJ1921" s="119"/>
      <c r="AK1921" s="119"/>
      <c r="AL1921" s="119"/>
      <c r="AM1921" s="119"/>
      <c r="AN1921" s="119"/>
      <c r="AO1921" s="119"/>
      <c r="AP1921" s="119"/>
      <c r="AQ1921" s="119"/>
      <c r="AR1921" s="119"/>
      <c r="AS1921" s="119"/>
      <c r="AT1921" s="119"/>
      <c r="AU1921" s="119"/>
      <c r="AV1921" s="119"/>
      <c r="AW1921" s="119"/>
      <c r="AX1921" s="119"/>
      <c r="AY1921" s="119"/>
      <c r="AZ1921" s="119"/>
      <c r="BA1921" s="119"/>
      <c r="BB1921" s="107">
        <v>45884</v>
      </c>
    </row>
    <row r="1922" spans="1:54" s="207" customFormat="1" ht="13.95" customHeight="1" x14ac:dyDescent="0.25">
      <c r="A1922" s="208" t="s">
        <v>4610</v>
      </c>
      <c r="B1922" s="209" t="s">
        <v>20420</v>
      </c>
      <c r="C1922" s="113" t="s">
        <v>4611</v>
      </c>
      <c r="D1922" s="113" t="s">
        <v>23587</v>
      </c>
      <c r="E1922" s="210">
        <v>1978</v>
      </c>
      <c r="F1922" s="210">
        <v>2679</v>
      </c>
      <c r="G1922" s="113" t="s">
        <v>1</v>
      </c>
      <c r="H1922" s="113">
        <v>0</v>
      </c>
      <c r="I1922" s="113">
        <v>0</v>
      </c>
      <c r="J1922" s="115">
        <v>1</v>
      </c>
      <c r="K1922" s="116" t="s">
        <v>174</v>
      </c>
      <c r="L1922" s="115">
        <v>1</v>
      </c>
      <c r="M1922" s="115">
        <v>1</v>
      </c>
      <c r="N1922" s="115">
        <v>1</v>
      </c>
      <c r="O1922" s="115">
        <v>0</v>
      </c>
      <c r="P1922" s="115" t="s">
        <v>400</v>
      </c>
      <c r="Q1922" s="115" t="s">
        <v>400</v>
      </c>
      <c r="R1922" s="115">
        <v>0</v>
      </c>
      <c r="S1922" s="115">
        <v>0</v>
      </c>
      <c r="T1922" s="115">
        <v>0</v>
      </c>
      <c r="U1922" s="119"/>
      <c r="V1922" s="119"/>
      <c r="W1922" s="119"/>
      <c r="X1922" s="119"/>
      <c r="Y1922" s="119"/>
      <c r="Z1922" s="119"/>
      <c r="AA1922" s="119"/>
      <c r="AB1922" s="119"/>
      <c r="AC1922" s="119"/>
      <c r="AD1922" s="119"/>
      <c r="AE1922" s="119"/>
      <c r="AF1922" s="119"/>
      <c r="AG1922" s="119"/>
      <c r="AH1922" s="119"/>
      <c r="AI1922" s="119"/>
      <c r="AJ1922" s="119"/>
      <c r="AK1922" s="119"/>
      <c r="AL1922" s="119"/>
      <c r="AM1922" s="119"/>
      <c r="AN1922" s="119"/>
      <c r="AO1922" s="119"/>
      <c r="AP1922" s="119"/>
      <c r="AQ1922" s="119"/>
      <c r="AR1922" s="119"/>
      <c r="AS1922" s="119"/>
      <c r="AT1922" s="119"/>
      <c r="AU1922" s="119"/>
      <c r="AV1922" s="119"/>
      <c r="AW1922" s="119"/>
      <c r="AX1922" s="119"/>
      <c r="AY1922" s="119"/>
      <c r="AZ1922" s="119"/>
      <c r="BA1922" s="119"/>
      <c r="BB1922" s="107">
        <v>45884</v>
      </c>
    </row>
    <row r="1923" spans="1:54" s="207" customFormat="1" ht="13.95" customHeight="1" x14ac:dyDescent="0.25">
      <c r="A1923" s="208" t="s">
        <v>4612</v>
      </c>
      <c r="B1923" s="209" t="s">
        <v>20420</v>
      </c>
      <c r="C1923" s="113" t="s">
        <v>4613</v>
      </c>
      <c r="D1923" s="113" t="s">
        <v>23588</v>
      </c>
      <c r="E1923" s="210">
        <v>1984</v>
      </c>
      <c r="F1923" s="210">
        <v>2685</v>
      </c>
      <c r="G1923" s="113" t="s">
        <v>1</v>
      </c>
      <c r="H1923" s="113">
        <v>1</v>
      </c>
      <c r="I1923" s="113">
        <v>0</v>
      </c>
      <c r="J1923" s="115">
        <v>1</v>
      </c>
      <c r="K1923" s="116" t="s">
        <v>174</v>
      </c>
      <c r="L1923" s="115">
        <v>0</v>
      </c>
      <c r="M1923" s="115">
        <v>1</v>
      </c>
      <c r="N1923" s="115">
        <v>1</v>
      </c>
      <c r="O1923" s="115">
        <v>1</v>
      </c>
      <c r="P1923" s="115" t="s">
        <v>400</v>
      </c>
      <c r="Q1923" s="115" t="s">
        <v>400</v>
      </c>
      <c r="R1923" s="115">
        <v>1</v>
      </c>
      <c r="S1923" s="115">
        <v>0</v>
      </c>
      <c r="T1923" s="115">
        <v>0</v>
      </c>
      <c r="U1923" s="119"/>
      <c r="V1923" s="119"/>
      <c r="W1923" s="119"/>
      <c r="X1923" s="119"/>
      <c r="Y1923" s="119"/>
      <c r="Z1923" s="119"/>
      <c r="AA1923" s="119"/>
      <c r="AB1923" s="119"/>
      <c r="AC1923" s="119"/>
      <c r="AD1923" s="119"/>
      <c r="AE1923" s="119"/>
      <c r="AF1923" s="119"/>
      <c r="AG1923" s="119"/>
      <c r="AH1923" s="119"/>
      <c r="AI1923" s="119"/>
      <c r="AJ1923" s="119"/>
      <c r="AK1923" s="119"/>
      <c r="AL1923" s="119"/>
      <c r="AM1923" s="119"/>
      <c r="AN1923" s="119"/>
      <c r="AO1923" s="119"/>
      <c r="AP1923" s="119"/>
      <c r="AQ1923" s="119"/>
      <c r="AR1923" s="119"/>
      <c r="AS1923" s="119"/>
      <c r="AT1923" s="119"/>
      <c r="AU1923" s="119"/>
      <c r="AV1923" s="119"/>
      <c r="AW1923" s="119"/>
      <c r="AX1923" s="119"/>
      <c r="AY1923" s="119"/>
      <c r="AZ1923" s="119"/>
      <c r="BA1923" s="119"/>
      <c r="BB1923" s="107">
        <v>45884</v>
      </c>
    </row>
    <row r="1924" spans="1:54" s="207" customFormat="1" ht="13.95" customHeight="1" x14ac:dyDescent="0.25">
      <c r="A1924" s="208" t="s">
        <v>4614</v>
      </c>
      <c r="B1924" s="209" t="s">
        <v>20420</v>
      </c>
      <c r="C1924" s="113" t="s">
        <v>4615</v>
      </c>
      <c r="D1924" s="113" t="s">
        <v>4616</v>
      </c>
      <c r="E1924" s="210">
        <v>1977</v>
      </c>
      <c r="F1924" s="210">
        <v>2690</v>
      </c>
      <c r="G1924" s="113" t="s">
        <v>1</v>
      </c>
      <c r="H1924" s="113">
        <v>0</v>
      </c>
      <c r="I1924" s="113">
        <v>0</v>
      </c>
      <c r="J1924" s="115">
        <v>1</v>
      </c>
      <c r="K1924" s="116" t="s">
        <v>174</v>
      </c>
      <c r="L1924" s="115">
        <v>1</v>
      </c>
      <c r="M1924" s="115">
        <v>0</v>
      </c>
      <c r="N1924" s="115">
        <v>1</v>
      </c>
      <c r="O1924" s="115">
        <v>1</v>
      </c>
      <c r="P1924" s="115">
        <v>1</v>
      </c>
      <c r="Q1924" s="115" t="s">
        <v>400</v>
      </c>
      <c r="R1924" s="115">
        <v>1</v>
      </c>
      <c r="S1924" s="115">
        <v>0</v>
      </c>
      <c r="T1924" s="115">
        <v>0</v>
      </c>
      <c r="U1924" s="119"/>
      <c r="V1924" s="119"/>
      <c r="W1924" s="119"/>
      <c r="X1924" s="119"/>
      <c r="Y1924" s="119"/>
      <c r="Z1924" s="119"/>
      <c r="AA1924" s="119"/>
      <c r="AB1924" s="119"/>
      <c r="AC1924" s="119"/>
      <c r="AD1924" s="119"/>
      <c r="AE1924" s="119"/>
      <c r="AF1924" s="119"/>
      <c r="AG1924" s="119"/>
      <c r="AH1924" s="119"/>
      <c r="AI1924" s="119"/>
      <c r="AJ1924" s="119"/>
      <c r="AK1924" s="119"/>
      <c r="AL1924" s="119"/>
      <c r="AM1924" s="119"/>
      <c r="AN1924" s="119"/>
      <c r="AO1924" s="119"/>
      <c r="AP1924" s="119"/>
      <c r="AQ1924" s="119"/>
      <c r="AR1924" s="119"/>
      <c r="AS1924" s="119"/>
      <c r="AT1924" s="119"/>
      <c r="AU1924" s="119"/>
      <c r="AV1924" s="119"/>
      <c r="AW1924" s="119"/>
      <c r="AX1924" s="119"/>
      <c r="AY1924" s="119"/>
      <c r="AZ1924" s="119"/>
      <c r="BA1924" s="119"/>
      <c r="BB1924" s="107">
        <v>45884</v>
      </c>
    </row>
    <row r="1925" spans="1:54" s="207" customFormat="1" ht="13.95" customHeight="1" x14ac:dyDescent="0.25">
      <c r="A1925" s="208" t="s">
        <v>4617</v>
      </c>
      <c r="B1925" s="209" t="s">
        <v>20420</v>
      </c>
      <c r="C1925" s="113" t="s">
        <v>4618</v>
      </c>
      <c r="D1925" s="113" t="s">
        <v>23589</v>
      </c>
      <c r="E1925" s="210">
        <v>1973</v>
      </c>
      <c r="F1925" s="210">
        <v>2694</v>
      </c>
      <c r="G1925" s="113" t="s">
        <v>1</v>
      </c>
      <c r="H1925" s="113">
        <v>0</v>
      </c>
      <c r="I1925" s="113">
        <v>0</v>
      </c>
      <c r="J1925" s="115">
        <v>1</v>
      </c>
      <c r="K1925" s="116" t="s">
        <v>174</v>
      </c>
      <c r="L1925" s="115">
        <v>1</v>
      </c>
      <c r="M1925" s="115">
        <v>0</v>
      </c>
      <c r="N1925" s="115">
        <v>1</v>
      </c>
      <c r="O1925" s="115">
        <v>1</v>
      </c>
      <c r="P1925" s="115">
        <v>1</v>
      </c>
      <c r="Q1925" s="115" t="s">
        <v>400</v>
      </c>
      <c r="R1925" s="115">
        <v>0</v>
      </c>
      <c r="S1925" s="115">
        <v>0</v>
      </c>
      <c r="T1925" s="115">
        <v>0</v>
      </c>
      <c r="U1925" s="119"/>
      <c r="V1925" s="119"/>
      <c r="W1925" s="119"/>
      <c r="X1925" s="119"/>
      <c r="Y1925" s="119"/>
      <c r="Z1925" s="119"/>
      <c r="AA1925" s="119"/>
      <c r="AB1925" s="119"/>
      <c r="AC1925" s="119"/>
      <c r="AD1925" s="119"/>
      <c r="AE1925" s="119"/>
      <c r="AF1925" s="119"/>
      <c r="AG1925" s="119"/>
      <c r="AH1925" s="119"/>
      <c r="AI1925" s="119"/>
      <c r="AJ1925" s="119"/>
      <c r="AK1925" s="119"/>
      <c r="AL1925" s="119"/>
      <c r="AM1925" s="119"/>
      <c r="AN1925" s="119"/>
      <c r="AO1925" s="119"/>
      <c r="AP1925" s="119"/>
      <c r="AQ1925" s="119"/>
      <c r="AR1925" s="119"/>
      <c r="AS1925" s="119"/>
      <c r="AT1925" s="119"/>
      <c r="AU1925" s="119"/>
      <c r="AV1925" s="119"/>
      <c r="AW1925" s="119"/>
      <c r="AX1925" s="119"/>
      <c r="AY1925" s="119"/>
      <c r="AZ1925" s="119"/>
      <c r="BA1925" s="119"/>
      <c r="BB1925" s="107">
        <v>45884</v>
      </c>
    </row>
    <row r="1926" spans="1:54" s="207" customFormat="1" ht="13.95" customHeight="1" x14ac:dyDescent="0.25">
      <c r="A1926" s="208" t="s">
        <v>4619</v>
      </c>
      <c r="B1926" s="209" t="s">
        <v>20420</v>
      </c>
      <c r="C1926" s="113" t="s">
        <v>4620</v>
      </c>
      <c r="D1926" s="113" t="s">
        <v>4621</v>
      </c>
      <c r="E1926" s="210">
        <v>1993</v>
      </c>
      <c r="F1926" s="210">
        <v>2694</v>
      </c>
      <c r="G1926" s="113" t="s">
        <v>1</v>
      </c>
      <c r="H1926" s="113">
        <v>0</v>
      </c>
      <c r="I1926" s="113">
        <v>0</v>
      </c>
      <c r="J1926" s="115">
        <v>1</v>
      </c>
      <c r="K1926" s="116" t="s">
        <v>174</v>
      </c>
      <c r="L1926" s="115">
        <v>1</v>
      </c>
      <c r="M1926" s="115">
        <v>0</v>
      </c>
      <c r="N1926" s="115">
        <v>0</v>
      </c>
      <c r="O1926" s="115">
        <v>1</v>
      </c>
      <c r="P1926" s="115">
        <v>1</v>
      </c>
      <c r="Q1926" s="115">
        <v>1</v>
      </c>
      <c r="R1926" s="115">
        <v>1</v>
      </c>
      <c r="S1926" s="115">
        <v>0</v>
      </c>
      <c r="T1926" s="115">
        <v>0</v>
      </c>
      <c r="U1926" s="119"/>
      <c r="V1926" s="119"/>
      <c r="W1926" s="119"/>
      <c r="X1926" s="119"/>
      <c r="Y1926" s="119"/>
      <c r="Z1926" s="119"/>
      <c r="AA1926" s="119"/>
      <c r="AB1926" s="119"/>
      <c r="AC1926" s="119"/>
      <c r="AD1926" s="119"/>
      <c r="AE1926" s="119"/>
      <c r="AF1926" s="119"/>
      <c r="AG1926" s="119"/>
      <c r="AH1926" s="119"/>
      <c r="AI1926" s="119"/>
      <c r="AJ1926" s="119"/>
      <c r="AK1926" s="119"/>
      <c r="AL1926" s="119"/>
      <c r="AM1926" s="119"/>
      <c r="AN1926" s="119"/>
      <c r="AO1926" s="119"/>
      <c r="AP1926" s="119"/>
      <c r="AQ1926" s="119"/>
      <c r="AR1926" s="119"/>
      <c r="AS1926" s="119"/>
      <c r="AT1926" s="119"/>
      <c r="AU1926" s="119"/>
      <c r="AV1926" s="119"/>
      <c r="AW1926" s="119"/>
      <c r="AX1926" s="119"/>
      <c r="AY1926" s="119"/>
      <c r="AZ1926" s="119"/>
      <c r="BA1926" s="119"/>
      <c r="BB1926" s="107">
        <v>45884</v>
      </c>
    </row>
    <row r="1927" spans="1:54" s="207" customFormat="1" ht="13.95" customHeight="1" x14ac:dyDescent="0.25">
      <c r="A1927" s="208" t="s">
        <v>4622</v>
      </c>
      <c r="B1927" s="209" t="s">
        <v>20420</v>
      </c>
      <c r="C1927" s="113" t="s">
        <v>4623</v>
      </c>
      <c r="D1927" s="113" t="s">
        <v>4624</v>
      </c>
      <c r="E1927" s="210">
        <v>1988</v>
      </c>
      <c r="F1927" s="210">
        <v>2699</v>
      </c>
      <c r="G1927" s="113" t="s">
        <v>1</v>
      </c>
      <c r="H1927" s="113">
        <v>0</v>
      </c>
      <c r="I1927" s="113">
        <v>0</v>
      </c>
      <c r="J1927" s="115">
        <v>1</v>
      </c>
      <c r="K1927" s="116" t="s">
        <v>174</v>
      </c>
      <c r="L1927" s="115">
        <v>1</v>
      </c>
      <c r="M1927" s="115">
        <v>0</v>
      </c>
      <c r="N1927" s="115">
        <v>0</v>
      </c>
      <c r="O1927" s="115">
        <v>1</v>
      </c>
      <c r="P1927" s="115">
        <v>1</v>
      </c>
      <c r="Q1927" s="115" t="s">
        <v>400</v>
      </c>
      <c r="R1927" s="115">
        <v>1</v>
      </c>
      <c r="S1927" s="115">
        <v>0</v>
      </c>
      <c r="T1927" s="115">
        <v>0</v>
      </c>
      <c r="U1927" s="119"/>
      <c r="V1927" s="119"/>
      <c r="W1927" s="119"/>
      <c r="X1927" s="119"/>
      <c r="Y1927" s="119"/>
      <c r="Z1927" s="119"/>
      <c r="AA1927" s="119"/>
      <c r="AB1927" s="119"/>
      <c r="AC1927" s="119"/>
      <c r="AD1927" s="119"/>
      <c r="AE1927" s="119"/>
      <c r="AF1927" s="119"/>
      <c r="AG1927" s="119"/>
      <c r="AH1927" s="119"/>
      <c r="AI1927" s="119"/>
      <c r="AJ1927" s="119"/>
      <c r="AK1927" s="119"/>
      <c r="AL1927" s="119"/>
      <c r="AM1927" s="119"/>
      <c r="AN1927" s="119"/>
      <c r="AO1927" s="119"/>
      <c r="AP1927" s="119"/>
      <c r="AQ1927" s="119"/>
      <c r="AR1927" s="119"/>
      <c r="AS1927" s="119"/>
      <c r="AT1927" s="119"/>
      <c r="AU1927" s="119"/>
      <c r="AV1927" s="119"/>
      <c r="AW1927" s="119"/>
      <c r="AX1927" s="119"/>
      <c r="AY1927" s="119"/>
      <c r="AZ1927" s="119"/>
      <c r="BA1927" s="119"/>
      <c r="BB1927" s="107">
        <v>45884</v>
      </c>
    </row>
    <row r="1928" spans="1:54" s="207" customFormat="1" ht="13.95" customHeight="1" x14ac:dyDescent="0.25">
      <c r="A1928" s="208" t="s">
        <v>4625</v>
      </c>
      <c r="B1928" s="209" t="s">
        <v>20420</v>
      </c>
      <c r="C1928" s="113" t="s">
        <v>4626</v>
      </c>
      <c r="D1928" s="113" t="s">
        <v>23590</v>
      </c>
      <c r="E1928" s="210">
        <v>1978</v>
      </c>
      <c r="F1928" s="210">
        <v>2700</v>
      </c>
      <c r="G1928" s="113" t="s">
        <v>1</v>
      </c>
      <c r="H1928" s="113">
        <v>0</v>
      </c>
      <c r="I1928" s="113">
        <v>0</v>
      </c>
      <c r="J1928" s="115">
        <v>1</v>
      </c>
      <c r="K1928" s="116" t="s">
        <v>174</v>
      </c>
      <c r="L1928" s="115">
        <v>1</v>
      </c>
      <c r="M1928" s="115">
        <v>0</v>
      </c>
      <c r="N1928" s="115">
        <v>0</v>
      </c>
      <c r="O1928" s="115">
        <v>1</v>
      </c>
      <c r="P1928" s="115">
        <v>1</v>
      </c>
      <c r="Q1928" s="115" t="s">
        <v>400</v>
      </c>
      <c r="R1928" s="115">
        <v>1</v>
      </c>
      <c r="S1928" s="115">
        <v>0</v>
      </c>
      <c r="T1928" s="115">
        <v>0</v>
      </c>
      <c r="U1928" s="119"/>
      <c r="V1928" s="119"/>
      <c r="W1928" s="119"/>
      <c r="X1928" s="119"/>
      <c r="Y1928" s="119"/>
      <c r="Z1928" s="119"/>
      <c r="AA1928" s="119"/>
      <c r="AB1928" s="119"/>
      <c r="AC1928" s="119"/>
      <c r="AD1928" s="119"/>
      <c r="AE1928" s="119"/>
      <c r="AF1928" s="119"/>
      <c r="AG1928" s="119"/>
      <c r="AH1928" s="119"/>
      <c r="AI1928" s="119"/>
      <c r="AJ1928" s="119"/>
      <c r="AK1928" s="119"/>
      <c r="AL1928" s="119"/>
      <c r="AM1928" s="119"/>
      <c r="AN1928" s="119"/>
      <c r="AO1928" s="119"/>
      <c r="AP1928" s="119"/>
      <c r="AQ1928" s="119"/>
      <c r="AR1928" s="119"/>
      <c r="AS1928" s="119"/>
      <c r="AT1928" s="119"/>
      <c r="AU1928" s="119"/>
      <c r="AV1928" s="119"/>
      <c r="AW1928" s="119"/>
      <c r="AX1928" s="119"/>
      <c r="AY1928" s="119"/>
      <c r="AZ1928" s="119"/>
      <c r="BA1928" s="119"/>
      <c r="BB1928" s="107">
        <v>45884</v>
      </c>
    </row>
    <row r="1929" spans="1:54" s="207" customFormat="1" ht="13.95" customHeight="1" x14ac:dyDescent="0.25">
      <c r="A1929" s="208" t="s">
        <v>4627</v>
      </c>
      <c r="B1929" s="209" t="s">
        <v>20420</v>
      </c>
      <c r="C1929" s="113" t="s">
        <v>4628</v>
      </c>
      <c r="D1929" s="113" t="s">
        <v>23591</v>
      </c>
      <c r="E1929" s="210">
        <v>1978</v>
      </c>
      <c r="F1929" s="210">
        <v>2700</v>
      </c>
      <c r="G1929" s="113" t="s">
        <v>1</v>
      </c>
      <c r="H1929" s="113">
        <v>0</v>
      </c>
      <c r="I1929" s="113">
        <v>0</v>
      </c>
      <c r="J1929" s="115">
        <v>1</v>
      </c>
      <c r="K1929" s="116" t="s">
        <v>174</v>
      </c>
      <c r="L1929" s="115">
        <v>1</v>
      </c>
      <c r="M1929" s="115">
        <v>1</v>
      </c>
      <c r="N1929" s="115">
        <v>1</v>
      </c>
      <c r="O1929" s="115">
        <v>1</v>
      </c>
      <c r="P1929" s="115" t="s">
        <v>400</v>
      </c>
      <c r="Q1929" s="115" t="s">
        <v>400</v>
      </c>
      <c r="R1929" s="115">
        <v>1</v>
      </c>
      <c r="S1929" s="115">
        <v>0</v>
      </c>
      <c r="T1929" s="115">
        <v>0</v>
      </c>
      <c r="U1929" s="119"/>
      <c r="V1929" s="119"/>
      <c r="W1929" s="119"/>
      <c r="X1929" s="119"/>
      <c r="Y1929" s="119"/>
      <c r="Z1929" s="119"/>
      <c r="AA1929" s="119"/>
      <c r="AB1929" s="119"/>
      <c r="AC1929" s="119"/>
      <c r="AD1929" s="119"/>
      <c r="AE1929" s="119"/>
      <c r="AF1929" s="119"/>
      <c r="AG1929" s="119"/>
      <c r="AH1929" s="119"/>
      <c r="AI1929" s="119"/>
      <c r="AJ1929" s="119"/>
      <c r="AK1929" s="119"/>
      <c r="AL1929" s="119"/>
      <c r="AM1929" s="119"/>
      <c r="AN1929" s="119"/>
      <c r="AO1929" s="119"/>
      <c r="AP1929" s="119"/>
      <c r="AQ1929" s="119"/>
      <c r="AR1929" s="119"/>
      <c r="AS1929" s="119"/>
      <c r="AT1929" s="119"/>
      <c r="AU1929" s="119"/>
      <c r="AV1929" s="119"/>
      <c r="AW1929" s="119"/>
      <c r="AX1929" s="119"/>
      <c r="AY1929" s="119"/>
      <c r="AZ1929" s="119"/>
      <c r="BA1929" s="119"/>
      <c r="BB1929" s="107">
        <v>45884</v>
      </c>
    </row>
    <row r="1930" spans="1:54" s="207" customFormat="1" ht="13.95" customHeight="1" x14ac:dyDescent="0.25">
      <c r="A1930" s="208" t="s">
        <v>4629</v>
      </c>
      <c r="B1930" s="209" t="s">
        <v>20420</v>
      </c>
      <c r="C1930" s="113" t="s">
        <v>4630</v>
      </c>
      <c r="D1930" s="113" t="s">
        <v>23592</v>
      </c>
      <c r="E1930" s="210">
        <v>1998</v>
      </c>
      <c r="F1930" s="210">
        <v>2704</v>
      </c>
      <c r="G1930" s="113" t="s">
        <v>1</v>
      </c>
      <c r="H1930" s="113">
        <v>0</v>
      </c>
      <c r="I1930" s="113">
        <v>0</v>
      </c>
      <c r="J1930" s="115">
        <v>1</v>
      </c>
      <c r="K1930" s="116" t="s">
        <v>174</v>
      </c>
      <c r="L1930" s="115">
        <v>0</v>
      </c>
      <c r="M1930" s="115">
        <v>0</v>
      </c>
      <c r="N1930" s="115">
        <v>0</v>
      </c>
      <c r="O1930" s="115">
        <v>1</v>
      </c>
      <c r="P1930" s="115">
        <v>1</v>
      </c>
      <c r="Q1930" s="115" t="s">
        <v>400</v>
      </c>
      <c r="R1930" s="115">
        <v>0</v>
      </c>
      <c r="S1930" s="115">
        <v>0</v>
      </c>
      <c r="T1930" s="115">
        <v>0</v>
      </c>
      <c r="U1930" s="119"/>
      <c r="V1930" s="119"/>
      <c r="W1930" s="119"/>
      <c r="X1930" s="119"/>
      <c r="Y1930" s="119"/>
      <c r="Z1930" s="119"/>
      <c r="AA1930" s="119"/>
      <c r="AB1930" s="119"/>
      <c r="AC1930" s="119"/>
      <c r="AD1930" s="119"/>
      <c r="AE1930" s="119"/>
      <c r="AF1930" s="119"/>
      <c r="AG1930" s="119"/>
      <c r="AH1930" s="119"/>
      <c r="AI1930" s="119"/>
      <c r="AJ1930" s="119"/>
      <c r="AK1930" s="119"/>
      <c r="AL1930" s="119"/>
      <c r="AM1930" s="119"/>
      <c r="AN1930" s="119"/>
      <c r="AO1930" s="119"/>
      <c r="AP1930" s="119"/>
      <c r="AQ1930" s="119"/>
      <c r="AR1930" s="119"/>
      <c r="AS1930" s="119"/>
      <c r="AT1930" s="119"/>
      <c r="AU1930" s="119"/>
      <c r="AV1930" s="119"/>
      <c r="AW1930" s="119"/>
      <c r="AX1930" s="119"/>
      <c r="AY1930" s="119"/>
      <c r="AZ1930" s="119"/>
      <c r="BA1930" s="119"/>
      <c r="BB1930" s="107">
        <v>45884</v>
      </c>
    </row>
    <row r="1931" spans="1:54" s="207" customFormat="1" ht="13.95" customHeight="1" x14ac:dyDescent="0.25">
      <c r="A1931" s="208" t="s">
        <v>4631</v>
      </c>
      <c r="B1931" s="209" t="s">
        <v>20420</v>
      </c>
      <c r="C1931" s="113" t="s">
        <v>4632</v>
      </c>
      <c r="D1931" s="113" t="s">
        <v>23593</v>
      </c>
      <c r="E1931" s="210">
        <v>2005</v>
      </c>
      <c r="F1931" s="210">
        <v>2705</v>
      </c>
      <c r="G1931" s="113" t="s">
        <v>1</v>
      </c>
      <c r="H1931" s="113">
        <v>0</v>
      </c>
      <c r="I1931" s="113">
        <v>0</v>
      </c>
      <c r="J1931" s="115">
        <v>1</v>
      </c>
      <c r="K1931" s="211">
        <v>1</v>
      </c>
      <c r="L1931" s="115">
        <v>1</v>
      </c>
      <c r="M1931" s="115">
        <v>1</v>
      </c>
      <c r="N1931" s="115">
        <v>0</v>
      </c>
      <c r="O1931" s="115">
        <v>1</v>
      </c>
      <c r="P1931" s="115" t="s">
        <v>400</v>
      </c>
      <c r="Q1931" s="115" t="s">
        <v>400</v>
      </c>
      <c r="R1931" s="115">
        <v>0</v>
      </c>
      <c r="S1931" s="115">
        <v>0</v>
      </c>
      <c r="T1931" s="115">
        <v>0</v>
      </c>
      <c r="U1931" s="119"/>
      <c r="V1931" s="119"/>
      <c r="W1931" s="119"/>
      <c r="X1931" s="119"/>
      <c r="Y1931" s="119"/>
      <c r="Z1931" s="119"/>
      <c r="AA1931" s="119"/>
      <c r="AB1931" s="119"/>
      <c r="AC1931" s="119"/>
      <c r="AD1931" s="119"/>
      <c r="AE1931" s="119"/>
      <c r="AF1931" s="119"/>
      <c r="AG1931" s="119"/>
      <c r="AH1931" s="119"/>
      <c r="AI1931" s="119"/>
      <c r="AJ1931" s="119"/>
      <c r="AK1931" s="119"/>
      <c r="AL1931" s="119"/>
      <c r="AM1931" s="119"/>
      <c r="AN1931" s="119"/>
      <c r="AO1931" s="119"/>
      <c r="AP1931" s="119"/>
      <c r="AQ1931" s="119"/>
      <c r="AR1931" s="119"/>
      <c r="AS1931" s="119"/>
      <c r="AT1931" s="119"/>
      <c r="AU1931" s="119"/>
      <c r="AV1931" s="119"/>
      <c r="AW1931" s="119"/>
      <c r="AX1931" s="119"/>
      <c r="AY1931" s="119"/>
      <c r="AZ1931" s="119"/>
      <c r="BA1931" s="119"/>
      <c r="BB1931" s="107">
        <v>45884</v>
      </c>
    </row>
    <row r="1932" spans="1:54" s="207" customFormat="1" ht="13.95" customHeight="1" x14ac:dyDescent="0.25">
      <c r="A1932" s="208" t="s">
        <v>4633</v>
      </c>
      <c r="B1932" s="209" t="s">
        <v>20420</v>
      </c>
      <c r="C1932" s="113" t="s">
        <v>4634</v>
      </c>
      <c r="D1932" s="113" t="s">
        <v>23594</v>
      </c>
      <c r="E1932" s="210">
        <v>1992</v>
      </c>
      <c r="F1932" s="210">
        <v>2705</v>
      </c>
      <c r="G1932" s="113" t="s">
        <v>1</v>
      </c>
      <c r="H1932" s="113">
        <v>0</v>
      </c>
      <c r="I1932" s="113">
        <v>0</v>
      </c>
      <c r="J1932" s="115">
        <v>1</v>
      </c>
      <c r="K1932" s="116" t="s">
        <v>174</v>
      </c>
      <c r="L1932" s="115">
        <v>1</v>
      </c>
      <c r="M1932" s="115">
        <v>1</v>
      </c>
      <c r="N1932" s="115">
        <v>0</v>
      </c>
      <c r="O1932" s="115">
        <v>0</v>
      </c>
      <c r="P1932" s="115" t="s">
        <v>400</v>
      </c>
      <c r="Q1932" s="115" t="s">
        <v>400</v>
      </c>
      <c r="R1932" s="115">
        <v>0</v>
      </c>
      <c r="S1932" s="115">
        <v>0</v>
      </c>
      <c r="T1932" s="115">
        <v>0</v>
      </c>
      <c r="U1932" s="119"/>
      <c r="V1932" s="119"/>
      <c r="W1932" s="119"/>
      <c r="X1932" s="119"/>
      <c r="Y1932" s="119"/>
      <c r="Z1932" s="119"/>
      <c r="AA1932" s="119"/>
      <c r="AB1932" s="119"/>
      <c r="AC1932" s="119"/>
      <c r="AD1932" s="119"/>
      <c r="AE1932" s="119"/>
      <c r="AF1932" s="119"/>
      <c r="AG1932" s="119"/>
      <c r="AH1932" s="119"/>
      <c r="AI1932" s="119"/>
      <c r="AJ1932" s="119"/>
      <c r="AK1932" s="119"/>
      <c r="AL1932" s="119"/>
      <c r="AM1932" s="119"/>
      <c r="AN1932" s="119"/>
      <c r="AO1932" s="119"/>
      <c r="AP1932" s="119"/>
      <c r="AQ1932" s="119"/>
      <c r="AR1932" s="119"/>
      <c r="AS1932" s="119"/>
      <c r="AT1932" s="119"/>
      <c r="AU1932" s="119"/>
      <c r="AV1932" s="119"/>
      <c r="AW1932" s="119"/>
      <c r="AX1932" s="119"/>
      <c r="AY1932" s="119"/>
      <c r="AZ1932" s="119"/>
      <c r="BA1932" s="119"/>
      <c r="BB1932" s="107">
        <v>45884</v>
      </c>
    </row>
    <row r="1933" spans="1:54" s="207" customFormat="1" ht="13.95" customHeight="1" x14ac:dyDescent="0.25">
      <c r="A1933" s="208" t="s">
        <v>4635</v>
      </c>
      <c r="B1933" s="209" t="s">
        <v>20420</v>
      </c>
      <c r="C1933" s="113" t="s">
        <v>4636</v>
      </c>
      <c r="D1933" s="113" t="s">
        <v>23595</v>
      </c>
      <c r="E1933" s="210">
        <v>1975</v>
      </c>
      <c r="F1933" s="210">
        <v>2705</v>
      </c>
      <c r="G1933" s="113" t="s">
        <v>1</v>
      </c>
      <c r="H1933" s="113">
        <v>0</v>
      </c>
      <c r="I1933" s="113">
        <v>0</v>
      </c>
      <c r="J1933" s="115">
        <v>1</v>
      </c>
      <c r="K1933" s="116" t="s">
        <v>174</v>
      </c>
      <c r="L1933" s="115">
        <v>1</v>
      </c>
      <c r="M1933" s="115">
        <v>1</v>
      </c>
      <c r="N1933" s="115">
        <v>0</v>
      </c>
      <c r="O1933" s="115">
        <v>1</v>
      </c>
      <c r="P1933" s="115" t="s">
        <v>400</v>
      </c>
      <c r="Q1933" s="115" t="s">
        <v>400</v>
      </c>
      <c r="R1933" s="115">
        <v>1</v>
      </c>
      <c r="S1933" s="115">
        <v>0</v>
      </c>
      <c r="T1933" s="115">
        <v>0</v>
      </c>
      <c r="U1933" s="119"/>
      <c r="V1933" s="119"/>
      <c r="W1933" s="119"/>
      <c r="X1933" s="119"/>
      <c r="Y1933" s="119"/>
      <c r="Z1933" s="119"/>
      <c r="AA1933" s="119"/>
      <c r="AB1933" s="119"/>
      <c r="AC1933" s="119"/>
      <c r="AD1933" s="119"/>
      <c r="AE1933" s="119"/>
      <c r="AF1933" s="119"/>
      <c r="AG1933" s="119"/>
      <c r="AH1933" s="119"/>
      <c r="AI1933" s="119"/>
      <c r="AJ1933" s="119"/>
      <c r="AK1933" s="119"/>
      <c r="AL1933" s="119"/>
      <c r="AM1933" s="119"/>
      <c r="AN1933" s="119"/>
      <c r="AO1933" s="119"/>
      <c r="AP1933" s="119"/>
      <c r="AQ1933" s="119"/>
      <c r="AR1933" s="119"/>
      <c r="AS1933" s="119"/>
      <c r="AT1933" s="119"/>
      <c r="AU1933" s="119"/>
      <c r="AV1933" s="119"/>
      <c r="AW1933" s="119"/>
      <c r="AX1933" s="119"/>
      <c r="AY1933" s="119"/>
      <c r="AZ1933" s="119"/>
      <c r="BA1933" s="119"/>
      <c r="BB1933" s="107">
        <v>45884</v>
      </c>
    </row>
    <row r="1934" spans="1:54" s="207" customFormat="1" ht="13.95" customHeight="1" x14ac:dyDescent="0.25">
      <c r="A1934" s="208" t="s">
        <v>4637</v>
      </c>
      <c r="B1934" s="209" t="s">
        <v>20420</v>
      </c>
      <c r="C1934" s="113" t="s">
        <v>4638</v>
      </c>
      <c r="D1934" s="113" t="s">
        <v>23596</v>
      </c>
      <c r="E1934" s="210">
        <v>1981</v>
      </c>
      <c r="F1934" s="210">
        <v>2709</v>
      </c>
      <c r="G1934" s="113" t="s">
        <v>1</v>
      </c>
      <c r="H1934" s="113">
        <v>0</v>
      </c>
      <c r="I1934" s="113">
        <v>0</v>
      </c>
      <c r="J1934" s="115">
        <v>1</v>
      </c>
      <c r="K1934" s="116" t="s">
        <v>174</v>
      </c>
      <c r="L1934" s="115">
        <v>1</v>
      </c>
      <c r="M1934" s="115">
        <v>0</v>
      </c>
      <c r="N1934" s="115">
        <v>0</v>
      </c>
      <c r="O1934" s="115">
        <v>1</v>
      </c>
      <c r="P1934" s="115">
        <v>1</v>
      </c>
      <c r="Q1934" s="115" t="s">
        <v>400</v>
      </c>
      <c r="R1934" s="115">
        <v>1</v>
      </c>
      <c r="S1934" s="115">
        <v>0</v>
      </c>
      <c r="T1934" s="115">
        <v>0</v>
      </c>
      <c r="U1934" s="119"/>
      <c r="V1934" s="119"/>
      <c r="W1934" s="119"/>
      <c r="X1934" s="119"/>
      <c r="Y1934" s="119"/>
      <c r="Z1934" s="119"/>
      <c r="AA1934" s="119"/>
      <c r="AB1934" s="119"/>
      <c r="AC1934" s="119"/>
      <c r="AD1934" s="119"/>
      <c r="AE1934" s="119"/>
      <c r="AF1934" s="119"/>
      <c r="AG1934" s="119"/>
      <c r="AH1934" s="119"/>
      <c r="AI1934" s="119"/>
      <c r="AJ1934" s="119"/>
      <c r="AK1934" s="119"/>
      <c r="AL1934" s="119"/>
      <c r="AM1934" s="119"/>
      <c r="AN1934" s="119"/>
      <c r="AO1934" s="119"/>
      <c r="AP1934" s="119"/>
      <c r="AQ1934" s="119"/>
      <c r="AR1934" s="119"/>
      <c r="AS1934" s="119"/>
      <c r="AT1934" s="119"/>
      <c r="AU1934" s="119"/>
      <c r="AV1934" s="119"/>
      <c r="AW1934" s="119"/>
      <c r="AX1934" s="119"/>
      <c r="AY1934" s="119"/>
      <c r="AZ1934" s="119"/>
      <c r="BA1934" s="119"/>
      <c r="BB1934" s="107">
        <v>45884</v>
      </c>
    </row>
    <row r="1935" spans="1:54" s="207" customFormat="1" ht="13.95" customHeight="1" x14ac:dyDescent="0.25">
      <c r="A1935" s="208" t="s">
        <v>4639</v>
      </c>
      <c r="B1935" s="209" t="s">
        <v>20420</v>
      </c>
      <c r="C1935" s="113" t="s">
        <v>4640</v>
      </c>
      <c r="D1935" s="113" t="s">
        <v>4641</v>
      </c>
      <c r="E1935" s="210">
        <v>1957</v>
      </c>
      <c r="F1935" s="210">
        <v>2713</v>
      </c>
      <c r="G1935" s="113" t="s">
        <v>1</v>
      </c>
      <c r="H1935" s="113">
        <v>0</v>
      </c>
      <c r="I1935" s="113">
        <v>0</v>
      </c>
      <c r="J1935" s="115">
        <v>1</v>
      </c>
      <c r="K1935" s="116" t="s">
        <v>174</v>
      </c>
      <c r="L1935" s="115">
        <v>1</v>
      </c>
      <c r="M1935" s="115">
        <v>1</v>
      </c>
      <c r="N1935" s="115">
        <v>0</v>
      </c>
      <c r="O1935" s="115">
        <v>1</v>
      </c>
      <c r="P1935" s="115" t="s">
        <v>400</v>
      </c>
      <c r="Q1935" s="115">
        <v>1</v>
      </c>
      <c r="R1935" s="115">
        <v>1</v>
      </c>
      <c r="S1935" s="115">
        <v>0</v>
      </c>
      <c r="T1935" s="115">
        <v>0</v>
      </c>
      <c r="U1935" s="119"/>
      <c r="V1935" s="119"/>
      <c r="W1935" s="119"/>
      <c r="X1935" s="119"/>
      <c r="Y1935" s="119"/>
      <c r="Z1935" s="119"/>
      <c r="AA1935" s="119"/>
      <c r="AB1935" s="119"/>
      <c r="AC1935" s="119"/>
      <c r="AD1935" s="119"/>
      <c r="AE1935" s="119"/>
      <c r="AF1935" s="119"/>
      <c r="AG1935" s="119"/>
      <c r="AH1935" s="119"/>
      <c r="AI1935" s="119"/>
      <c r="AJ1935" s="119"/>
      <c r="AK1935" s="119"/>
      <c r="AL1935" s="119"/>
      <c r="AM1935" s="119"/>
      <c r="AN1935" s="119"/>
      <c r="AO1935" s="119"/>
      <c r="AP1935" s="119"/>
      <c r="AQ1935" s="119"/>
      <c r="AR1935" s="119"/>
      <c r="AS1935" s="119"/>
      <c r="AT1935" s="119"/>
      <c r="AU1935" s="119"/>
      <c r="AV1935" s="119"/>
      <c r="AW1935" s="119"/>
      <c r="AX1935" s="119"/>
      <c r="AY1935" s="119"/>
      <c r="AZ1935" s="119"/>
      <c r="BA1935" s="119"/>
      <c r="BB1935" s="107">
        <v>45884</v>
      </c>
    </row>
    <row r="1936" spans="1:54" s="207" customFormat="1" ht="13.95" customHeight="1" x14ac:dyDescent="0.25">
      <c r="A1936" s="208" t="s">
        <v>4642</v>
      </c>
      <c r="B1936" s="209" t="s">
        <v>20420</v>
      </c>
      <c r="C1936" s="113" t="s">
        <v>4643</v>
      </c>
      <c r="D1936" s="113" t="s">
        <v>23597</v>
      </c>
      <c r="E1936" s="210">
        <v>1967</v>
      </c>
      <c r="F1936" s="210">
        <v>2479</v>
      </c>
      <c r="G1936" s="113" t="s">
        <v>1</v>
      </c>
      <c r="H1936" s="113">
        <v>0</v>
      </c>
      <c r="I1936" s="113">
        <v>0</v>
      </c>
      <c r="J1936" s="115">
        <v>1</v>
      </c>
      <c r="K1936" s="116" t="s">
        <v>174</v>
      </c>
      <c r="L1936" s="115">
        <v>1</v>
      </c>
      <c r="M1936" s="115">
        <v>0</v>
      </c>
      <c r="N1936" s="115">
        <v>0</v>
      </c>
      <c r="O1936" s="115">
        <v>1</v>
      </c>
      <c r="P1936" s="115">
        <v>1</v>
      </c>
      <c r="Q1936" s="115" t="s">
        <v>400</v>
      </c>
      <c r="R1936" s="115">
        <v>1</v>
      </c>
      <c r="S1936" s="115">
        <v>0</v>
      </c>
      <c r="T1936" s="115">
        <v>0</v>
      </c>
      <c r="U1936" s="119"/>
      <c r="V1936" s="119"/>
      <c r="W1936" s="119"/>
      <c r="X1936" s="119"/>
      <c r="Y1936" s="119"/>
      <c r="Z1936" s="119"/>
      <c r="AA1936" s="119"/>
      <c r="AB1936" s="119"/>
      <c r="AC1936" s="119"/>
      <c r="AD1936" s="119"/>
      <c r="AE1936" s="119"/>
      <c r="AF1936" s="119"/>
      <c r="AG1936" s="119"/>
      <c r="AH1936" s="119"/>
      <c r="AI1936" s="119"/>
      <c r="AJ1936" s="119"/>
      <c r="AK1936" s="119"/>
      <c r="AL1936" s="119"/>
      <c r="AM1936" s="119"/>
      <c r="AN1936" s="119"/>
      <c r="AO1936" s="119"/>
      <c r="AP1936" s="119"/>
      <c r="AQ1936" s="119"/>
      <c r="AR1936" s="119"/>
      <c r="AS1936" s="119"/>
      <c r="AT1936" s="119"/>
      <c r="AU1936" s="119"/>
      <c r="AV1936" s="119"/>
      <c r="AW1936" s="119"/>
      <c r="AX1936" s="119"/>
      <c r="AY1936" s="119"/>
      <c r="AZ1936" s="119"/>
      <c r="BA1936" s="119"/>
      <c r="BB1936" s="107">
        <v>45884</v>
      </c>
    </row>
    <row r="1937" spans="1:54" s="207" customFormat="1" ht="13.95" customHeight="1" x14ac:dyDescent="0.25">
      <c r="A1937" s="208" t="s">
        <v>4644</v>
      </c>
      <c r="B1937" s="209" t="s">
        <v>20420</v>
      </c>
      <c r="C1937" s="113" t="s">
        <v>4645</v>
      </c>
      <c r="D1937" s="113" t="s">
        <v>23598</v>
      </c>
      <c r="E1937" s="210">
        <v>1988</v>
      </c>
      <c r="F1937" s="210">
        <v>2720</v>
      </c>
      <c r="G1937" s="113" t="s">
        <v>1</v>
      </c>
      <c r="H1937" s="113">
        <v>0</v>
      </c>
      <c r="I1937" s="113">
        <v>0</v>
      </c>
      <c r="J1937" s="115">
        <v>1</v>
      </c>
      <c r="K1937" s="116" t="s">
        <v>174</v>
      </c>
      <c r="L1937" s="115">
        <v>1</v>
      </c>
      <c r="M1937" s="115">
        <v>0</v>
      </c>
      <c r="N1937" s="115">
        <v>0</v>
      </c>
      <c r="O1937" s="115">
        <v>1</v>
      </c>
      <c r="P1937" s="115">
        <v>1</v>
      </c>
      <c r="Q1937" s="115" t="s">
        <v>400</v>
      </c>
      <c r="R1937" s="115">
        <v>0</v>
      </c>
      <c r="S1937" s="115">
        <v>0</v>
      </c>
      <c r="T1937" s="115">
        <v>0</v>
      </c>
      <c r="U1937" s="119"/>
      <c r="V1937" s="119"/>
      <c r="W1937" s="119"/>
      <c r="X1937" s="119"/>
      <c r="Y1937" s="119"/>
      <c r="Z1937" s="119"/>
      <c r="AA1937" s="119"/>
      <c r="AB1937" s="119"/>
      <c r="AC1937" s="119"/>
      <c r="AD1937" s="119"/>
      <c r="AE1937" s="119"/>
      <c r="AF1937" s="119"/>
      <c r="AG1937" s="119"/>
      <c r="AH1937" s="119"/>
      <c r="AI1937" s="119"/>
      <c r="AJ1937" s="119"/>
      <c r="AK1937" s="119"/>
      <c r="AL1937" s="119"/>
      <c r="AM1937" s="119"/>
      <c r="AN1937" s="119"/>
      <c r="AO1937" s="119"/>
      <c r="AP1937" s="119"/>
      <c r="AQ1937" s="119"/>
      <c r="AR1937" s="119"/>
      <c r="AS1937" s="119"/>
      <c r="AT1937" s="119"/>
      <c r="AU1937" s="119"/>
      <c r="AV1937" s="119"/>
      <c r="AW1937" s="119"/>
      <c r="AX1937" s="119"/>
      <c r="AY1937" s="119"/>
      <c r="AZ1937" s="119"/>
      <c r="BA1937" s="119"/>
      <c r="BB1937" s="107">
        <v>45884</v>
      </c>
    </row>
    <row r="1938" spans="1:54" s="207" customFormat="1" ht="13.95" customHeight="1" x14ac:dyDescent="0.25">
      <c r="A1938" s="208" t="s">
        <v>4646</v>
      </c>
      <c r="B1938" s="209" t="s">
        <v>20420</v>
      </c>
      <c r="C1938" s="113" t="s">
        <v>4647</v>
      </c>
      <c r="D1938" s="113" t="s">
        <v>23599</v>
      </c>
      <c r="E1938" s="210">
        <v>1975</v>
      </c>
      <c r="F1938" s="210">
        <v>2721</v>
      </c>
      <c r="G1938" s="113" t="s">
        <v>1</v>
      </c>
      <c r="H1938" s="113">
        <v>0</v>
      </c>
      <c r="I1938" s="113">
        <v>0</v>
      </c>
      <c r="J1938" s="115">
        <v>1</v>
      </c>
      <c r="K1938" s="116" t="s">
        <v>174</v>
      </c>
      <c r="L1938" s="115">
        <v>1</v>
      </c>
      <c r="M1938" s="115">
        <v>0</v>
      </c>
      <c r="N1938" s="115">
        <v>0</v>
      </c>
      <c r="O1938" s="115">
        <v>1</v>
      </c>
      <c r="P1938" s="115">
        <v>1</v>
      </c>
      <c r="Q1938" s="115" t="s">
        <v>400</v>
      </c>
      <c r="R1938" s="115">
        <v>1</v>
      </c>
      <c r="S1938" s="115">
        <v>0</v>
      </c>
      <c r="T1938" s="115">
        <v>0</v>
      </c>
      <c r="U1938" s="119"/>
      <c r="V1938" s="119"/>
      <c r="W1938" s="119"/>
      <c r="X1938" s="119"/>
      <c r="Y1938" s="119"/>
      <c r="Z1938" s="119"/>
      <c r="AA1938" s="119"/>
      <c r="AB1938" s="119"/>
      <c r="AC1938" s="119"/>
      <c r="AD1938" s="119"/>
      <c r="AE1938" s="119"/>
      <c r="AF1938" s="119"/>
      <c r="AG1938" s="119"/>
      <c r="AH1938" s="119"/>
      <c r="AI1938" s="119"/>
      <c r="AJ1938" s="119"/>
      <c r="AK1938" s="119"/>
      <c r="AL1938" s="119"/>
      <c r="AM1938" s="119"/>
      <c r="AN1938" s="119"/>
      <c r="AO1938" s="119"/>
      <c r="AP1938" s="119"/>
      <c r="AQ1938" s="119"/>
      <c r="AR1938" s="119"/>
      <c r="AS1938" s="119"/>
      <c r="AT1938" s="119"/>
      <c r="AU1938" s="119"/>
      <c r="AV1938" s="119"/>
      <c r="AW1938" s="119"/>
      <c r="AX1938" s="119"/>
      <c r="AY1938" s="119"/>
      <c r="AZ1938" s="119"/>
      <c r="BA1938" s="119"/>
      <c r="BB1938" s="107">
        <v>45884</v>
      </c>
    </row>
    <row r="1939" spans="1:54" s="207" customFormat="1" ht="13.95" customHeight="1" x14ac:dyDescent="0.25">
      <c r="A1939" s="208" t="s">
        <v>4648</v>
      </c>
      <c r="B1939" s="209" t="s">
        <v>20420</v>
      </c>
      <c r="C1939" s="113" t="s">
        <v>4649</v>
      </c>
      <c r="D1939" s="113" t="s">
        <v>23600</v>
      </c>
      <c r="E1939" s="210">
        <v>1975</v>
      </c>
      <c r="F1939" s="210">
        <v>2724</v>
      </c>
      <c r="G1939" s="113" t="s">
        <v>1</v>
      </c>
      <c r="H1939" s="113">
        <v>0</v>
      </c>
      <c r="I1939" s="113">
        <v>0</v>
      </c>
      <c r="J1939" s="115">
        <v>1</v>
      </c>
      <c r="K1939" s="211">
        <v>1</v>
      </c>
      <c r="L1939" s="115">
        <v>1</v>
      </c>
      <c r="M1939" s="115">
        <v>1</v>
      </c>
      <c r="N1939" s="115">
        <v>1</v>
      </c>
      <c r="O1939" s="115">
        <v>1</v>
      </c>
      <c r="P1939" s="115" t="s">
        <v>400</v>
      </c>
      <c r="Q1939" s="115" t="s">
        <v>400</v>
      </c>
      <c r="R1939" s="115">
        <v>0</v>
      </c>
      <c r="S1939" s="115">
        <v>0</v>
      </c>
      <c r="T1939" s="115">
        <v>0</v>
      </c>
      <c r="U1939" s="119"/>
      <c r="V1939" s="119"/>
      <c r="W1939" s="119"/>
      <c r="X1939" s="119"/>
      <c r="Y1939" s="119"/>
      <c r="Z1939" s="119"/>
      <c r="AA1939" s="119"/>
      <c r="AB1939" s="119"/>
      <c r="AC1939" s="119"/>
      <c r="AD1939" s="119"/>
      <c r="AE1939" s="119"/>
      <c r="AF1939" s="119"/>
      <c r="AG1939" s="119"/>
      <c r="AH1939" s="119"/>
      <c r="AI1939" s="119"/>
      <c r="AJ1939" s="119"/>
      <c r="AK1939" s="119"/>
      <c r="AL1939" s="119"/>
      <c r="AM1939" s="119"/>
      <c r="AN1939" s="119"/>
      <c r="AO1939" s="119"/>
      <c r="AP1939" s="119"/>
      <c r="AQ1939" s="119"/>
      <c r="AR1939" s="119"/>
      <c r="AS1939" s="119"/>
      <c r="AT1939" s="119"/>
      <c r="AU1939" s="119"/>
      <c r="AV1939" s="119"/>
      <c r="AW1939" s="119"/>
      <c r="AX1939" s="119"/>
      <c r="AY1939" s="119"/>
      <c r="AZ1939" s="119"/>
      <c r="BA1939" s="119"/>
      <c r="BB1939" s="107">
        <v>45884</v>
      </c>
    </row>
    <row r="1940" spans="1:54" s="207" customFormat="1" ht="13.95" customHeight="1" x14ac:dyDescent="0.25">
      <c r="A1940" s="208" t="s">
        <v>4650</v>
      </c>
      <c r="B1940" s="209" t="s">
        <v>20420</v>
      </c>
      <c r="C1940" s="113" t="s">
        <v>4651</v>
      </c>
      <c r="D1940" s="113" t="s">
        <v>4652</v>
      </c>
      <c r="E1940" s="210">
        <v>1969</v>
      </c>
      <c r="F1940" s="210">
        <v>2727</v>
      </c>
      <c r="G1940" s="113" t="s">
        <v>1</v>
      </c>
      <c r="H1940" s="113">
        <v>0</v>
      </c>
      <c r="I1940" s="113">
        <v>0</v>
      </c>
      <c r="J1940" s="115">
        <v>1</v>
      </c>
      <c r="K1940" s="116" t="s">
        <v>174</v>
      </c>
      <c r="L1940" s="115">
        <v>1</v>
      </c>
      <c r="M1940" s="115">
        <v>1</v>
      </c>
      <c r="N1940" s="115">
        <v>1</v>
      </c>
      <c r="O1940" s="115">
        <v>1</v>
      </c>
      <c r="P1940" s="115" t="s">
        <v>400</v>
      </c>
      <c r="Q1940" s="115" t="s">
        <v>400</v>
      </c>
      <c r="R1940" s="115">
        <v>1</v>
      </c>
      <c r="S1940" s="115">
        <v>0</v>
      </c>
      <c r="T1940" s="115">
        <v>0</v>
      </c>
      <c r="U1940" s="119"/>
      <c r="V1940" s="119"/>
      <c r="W1940" s="119"/>
      <c r="X1940" s="119"/>
      <c r="Y1940" s="119"/>
      <c r="Z1940" s="119"/>
      <c r="AA1940" s="119"/>
      <c r="AB1940" s="119"/>
      <c r="AC1940" s="119"/>
      <c r="AD1940" s="119"/>
      <c r="AE1940" s="119"/>
      <c r="AF1940" s="119"/>
      <c r="AG1940" s="119"/>
      <c r="AH1940" s="119"/>
      <c r="AI1940" s="119"/>
      <c r="AJ1940" s="119"/>
      <c r="AK1940" s="119"/>
      <c r="AL1940" s="119"/>
      <c r="AM1940" s="119"/>
      <c r="AN1940" s="119"/>
      <c r="AO1940" s="119"/>
      <c r="AP1940" s="119"/>
      <c r="AQ1940" s="119"/>
      <c r="AR1940" s="119"/>
      <c r="AS1940" s="119"/>
      <c r="AT1940" s="119"/>
      <c r="AU1940" s="119"/>
      <c r="AV1940" s="119"/>
      <c r="AW1940" s="119"/>
      <c r="AX1940" s="119"/>
      <c r="AY1940" s="119"/>
      <c r="AZ1940" s="119"/>
      <c r="BA1940" s="119"/>
      <c r="BB1940" s="107">
        <v>45884</v>
      </c>
    </row>
    <row r="1941" spans="1:54" s="207" customFormat="1" ht="13.95" customHeight="1" x14ac:dyDescent="0.25">
      <c r="A1941" s="208" t="s">
        <v>4653</v>
      </c>
      <c r="B1941" s="209" t="s">
        <v>20420</v>
      </c>
      <c r="C1941" s="113" t="s">
        <v>4654</v>
      </c>
      <c r="D1941" s="113" t="s">
        <v>23601</v>
      </c>
      <c r="E1941" s="210">
        <v>1976</v>
      </c>
      <c r="F1941" s="210">
        <v>2731</v>
      </c>
      <c r="G1941" s="113" t="s">
        <v>1</v>
      </c>
      <c r="H1941" s="113">
        <v>0</v>
      </c>
      <c r="I1941" s="113">
        <v>0</v>
      </c>
      <c r="J1941" s="115">
        <v>1</v>
      </c>
      <c r="K1941" s="116" t="s">
        <v>174</v>
      </c>
      <c r="L1941" s="115">
        <v>1</v>
      </c>
      <c r="M1941" s="115">
        <v>1</v>
      </c>
      <c r="N1941" s="115">
        <v>0</v>
      </c>
      <c r="O1941" s="115">
        <v>1</v>
      </c>
      <c r="P1941" s="115" t="s">
        <v>400</v>
      </c>
      <c r="Q1941" s="115" t="s">
        <v>400</v>
      </c>
      <c r="R1941" s="115">
        <v>1</v>
      </c>
      <c r="S1941" s="115">
        <v>0</v>
      </c>
      <c r="T1941" s="115">
        <v>0</v>
      </c>
      <c r="U1941" s="119"/>
      <c r="V1941" s="119"/>
      <c r="W1941" s="119"/>
      <c r="X1941" s="119"/>
      <c r="Y1941" s="119"/>
      <c r="Z1941" s="119"/>
      <c r="AA1941" s="119"/>
      <c r="AB1941" s="119"/>
      <c r="AC1941" s="119"/>
      <c r="AD1941" s="119"/>
      <c r="AE1941" s="119"/>
      <c r="AF1941" s="119"/>
      <c r="AG1941" s="119"/>
      <c r="AH1941" s="119"/>
      <c r="AI1941" s="119"/>
      <c r="AJ1941" s="119"/>
      <c r="AK1941" s="119"/>
      <c r="AL1941" s="119"/>
      <c r="AM1941" s="119"/>
      <c r="AN1941" s="119"/>
      <c r="AO1941" s="119"/>
      <c r="AP1941" s="119"/>
      <c r="AQ1941" s="119"/>
      <c r="AR1941" s="119"/>
      <c r="AS1941" s="119"/>
      <c r="AT1941" s="119"/>
      <c r="AU1941" s="119"/>
      <c r="AV1941" s="119"/>
      <c r="AW1941" s="119"/>
      <c r="AX1941" s="119"/>
      <c r="AY1941" s="119"/>
      <c r="AZ1941" s="119"/>
      <c r="BA1941" s="119"/>
      <c r="BB1941" s="107">
        <v>45884</v>
      </c>
    </row>
    <row r="1942" spans="1:54" s="207" customFormat="1" ht="13.95" customHeight="1" x14ac:dyDescent="0.25">
      <c r="A1942" s="208" t="s">
        <v>4655</v>
      </c>
      <c r="B1942" s="209" t="s">
        <v>20420</v>
      </c>
      <c r="C1942" s="113" t="s">
        <v>4656</v>
      </c>
      <c r="D1942" s="113" t="s">
        <v>23602</v>
      </c>
      <c r="E1942" s="210">
        <v>1981</v>
      </c>
      <c r="F1942" s="210">
        <v>2738</v>
      </c>
      <c r="G1942" s="113" t="s">
        <v>1</v>
      </c>
      <c r="H1942" s="113">
        <v>0</v>
      </c>
      <c r="I1942" s="113">
        <v>0</v>
      </c>
      <c r="J1942" s="115">
        <v>1</v>
      </c>
      <c r="K1942" s="116" t="s">
        <v>174</v>
      </c>
      <c r="L1942" s="115">
        <v>1</v>
      </c>
      <c r="M1942" s="115">
        <v>0</v>
      </c>
      <c r="N1942" s="115">
        <v>0</v>
      </c>
      <c r="O1942" s="115">
        <v>1</v>
      </c>
      <c r="P1942" s="115">
        <v>1</v>
      </c>
      <c r="Q1942" s="115" t="s">
        <v>400</v>
      </c>
      <c r="R1942" s="115">
        <v>1</v>
      </c>
      <c r="S1942" s="115">
        <v>0</v>
      </c>
      <c r="T1942" s="115">
        <v>0</v>
      </c>
      <c r="U1942" s="119"/>
      <c r="V1942" s="119"/>
      <c r="W1942" s="119"/>
      <c r="X1942" s="119"/>
      <c r="Y1942" s="119"/>
      <c r="Z1942" s="119"/>
      <c r="AA1942" s="119"/>
      <c r="AB1942" s="119"/>
      <c r="AC1942" s="119"/>
      <c r="AD1942" s="119"/>
      <c r="AE1942" s="119"/>
      <c r="AF1942" s="119"/>
      <c r="AG1942" s="119"/>
      <c r="AH1942" s="119"/>
      <c r="AI1942" s="119"/>
      <c r="AJ1942" s="119"/>
      <c r="AK1942" s="119"/>
      <c r="AL1942" s="119"/>
      <c r="AM1942" s="119"/>
      <c r="AN1942" s="119"/>
      <c r="AO1942" s="119"/>
      <c r="AP1942" s="119"/>
      <c r="AQ1942" s="119"/>
      <c r="AR1942" s="119"/>
      <c r="AS1942" s="119"/>
      <c r="AT1942" s="119"/>
      <c r="AU1942" s="119"/>
      <c r="AV1942" s="119"/>
      <c r="AW1942" s="119"/>
      <c r="AX1942" s="119"/>
      <c r="AY1942" s="119"/>
      <c r="AZ1942" s="119"/>
      <c r="BA1942" s="119"/>
      <c r="BB1942" s="107">
        <v>45884</v>
      </c>
    </row>
    <row r="1943" spans="1:54" s="207" customFormat="1" ht="13.95" customHeight="1" x14ac:dyDescent="0.25">
      <c r="A1943" s="208" t="s">
        <v>4657</v>
      </c>
      <c r="B1943" s="209" t="s">
        <v>20420</v>
      </c>
      <c r="C1943" s="113" t="s">
        <v>4658</v>
      </c>
      <c r="D1943" s="113" t="s">
        <v>23603</v>
      </c>
      <c r="E1943" s="210">
        <v>1996</v>
      </c>
      <c r="F1943" s="210">
        <v>2739</v>
      </c>
      <c r="G1943" s="113" t="s">
        <v>1</v>
      </c>
      <c r="H1943" s="113">
        <v>0</v>
      </c>
      <c r="I1943" s="113">
        <v>0</v>
      </c>
      <c r="J1943" s="115">
        <v>1</v>
      </c>
      <c r="K1943" s="211">
        <v>1</v>
      </c>
      <c r="L1943" s="115">
        <v>1</v>
      </c>
      <c r="M1943" s="115">
        <v>1</v>
      </c>
      <c r="N1943" s="115">
        <v>0</v>
      </c>
      <c r="O1943" s="115">
        <v>0</v>
      </c>
      <c r="P1943" s="115" t="s">
        <v>400</v>
      </c>
      <c r="Q1943" s="115" t="s">
        <v>400</v>
      </c>
      <c r="R1943" s="115">
        <v>1</v>
      </c>
      <c r="S1943" s="115">
        <v>0</v>
      </c>
      <c r="T1943" s="115">
        <v>0</v>
      </c>
      <c r="U1943" s="119"/>
      <c r="V1943" s="119"/>
      <c r="W1943" s="119"/>
      <c r="X1943" s="119"/>
      <c r="Y1943" s="119"/>
      <c r="Z1943" s="119"/>
      <c r="AA1943" s="119"/>
      <c r="AB1943" s="119"/>
      <c r="AC1943" s="119"/>
      <c r="AD1943" s="119"/>
      <c r="AE1943" s="119"/>
      <c r="AF1943" s="119"/>
      <c r="AG1943" s="119"/>
      <c r="AH1943" s="119"/>
      <c r="AI1943" s="119"/>
      <c r="AJ1943" s="119"/>
      <c r="AK1943" s="119"/>
      <c r="AL1943" s="119"/>
      <c r="AM1943" s="119"/>
      <c r="AN1943" s="119"/>
      <c r="AO1943" s="119"/>
      <c r="AP1943" s="119"/>
      <c r="AQ1943" s="119"/>
      <c r="AR1943" s="119"/>
      <c r="AS1943" s="119"/>
      <c r="AT1943" s="119"/>
      <c r="AU1943" s="119"/>
      <c r="AV1943" s="119"/>
      <c r="AW1943" s="119"/>
      <c r="AX1943" s="119"/>
      <c r="AY1943" s="119"/>
      <c r="AZ1943" s="119"/>
      <c r="BA1943" s="119"/>
      <c r="BB1943" s="107">
        <v>45884</v>
      </c>
    </row>
    <row r="1944" spans="1:54" s="207" customFormat="1" ht="13.95" customHeight="1" x14ac:dyDescent="0.25">
      <c r="A1944" s="208" t="s">
        <v>4659</v>
      </c>
      <c r="B1944" s="209" t="s">
        <v>20420</v>
      </c>
      <c r="C1944" s="113" t="s">
        <v>4660</v>
      </c>
      <c r="D1944" s="113" t="s">
        <v>23604</v>
      </c>
      <c r="E1944" s="210">
        <v>1997</v>
      </c>
      <c r="F1944" s="210">
        <v>2739</v>
      </c>
      <c r="G1944" s="113" t="s">
        <v>1</v>
      </c>
      <c r="H1944" s="113">
        <v>1</v>
      </c>
      <c r="I1944" s="113">
        <v>0</v>
      </c>
      <c r="J1944" s="115">
        <v>1</v>
      </c>
      <c r="K1944" s="211">
        <v>1</v>
      </c>
      <c r="L1944" s="115">
        <v>1</v>
      </c>
      <c r="M1944" s="115">
        <v>1</v>
      </c>
      <c r="N1944" s="115">
        <v>0</v>
      </c>
      <c r="O1944" s="115">
        <v>1</v>
      </c>
      <c r="P1944" s="115" t="s">
        <v>400</v>
      </c>
      <c r="Q1944" s="115" t="s">
        <v>400</v>
      </c>
      <c r="R1944" s="115">
        <v>1</v>
      </c>
      <c r="S1944" s="115">
        <v>0</v>
      </c>
      <c r="T1944" s="115">
        <v>0</v>
      </c>
      <c r="U1944" s="119"/>
      <c r="V1944" s="119"/>
      <c r="W1944" s="119"/>
      <c r="X1944" s="119"/>
      <c r="Y1944" s="119"/>
      <c r="Z1944" s="119"/>
      <c r="AA1944" s="119"/>
      <c r="AB1944" s="119"/>
      <c r="AC1944" s="119"/>
      <c r="AD1944" s="119"/>
      <c r="AE1944" s="119"/>
      <c r="AF1944" s="119"/>
      <c r="AG1944" s="119"/>
      <c r="AH1944" s="119"/>
      <c r="AI1944" s="119"/>
      <c r="AJ1944" s="119"/>
      <c r="AK1944" s="119"/>
      <c r="AL1944" s="119"/>
      <c r="AM1944" s="119"/>
      <c r="AN1944" s="119"/>
      <c r="AO1944" s="119"/>
      <c r="AP1944" s="119"/>
      <c r="AQ1944" s="119"/>
      <c r="AR1944" s="119"/>
      <c r="AS1944" s="119"/>
      <c r="AT1944" s="119"/>
      <c r="AU1944" s="119"/>
      <c r="AV1944" s="119"/>
      <c r="AW1944" s="119"/>
      <c r="AX1944" s="119"/>
      <c r="AY1944" s="119"/>
      <c r="AZ1944" s="119"/>
      <c r="BA1944" s="119"/>
      <c r="BB1944" s="107">
        <v>45884</v>
      </c>
    </row>
    <row r="1945" spans="1:54" s="207" customFormat="1" ht="13.95" customHeight="1" x14ac:dyDescent="0.25">
      <c r="A1945" s="208" t="s">
        <v>4661</v>
      </c>
      <c r="B1945" s="209" t="s">
        <v>20420</v>
      </c>
      <c r="C1945" s="113" t="s">
        <v>4662</v>
      </c>
      <c r="D1945" s="113" t="s">
        <v>23605</v>
      </c>
      <c r="E1945" s="210">
        <v>1988</v>
      </c>
      <c r="F1945" s="210">
        <v>2743</v>
      </c>
      <c r="G1945" s="113" t="s">
        <v>1</v>
      </c>
      <c r="H1945" s="113">
        <v>0</v>
      </c>
      <c r="I1945" s="113">
        <v>0</v>
      </c>
      <c r="J1945" s="115">
        <v>1</v>
      </c>
      <c r="K1945" s="116" t="s">
        <v>174</v>
      </c>
      <c r="L1945" s="115">
        <v>0</v>
      </c>
      <c r="M1945" s="115">
        <v>0</v>
      </c>
      <c r="N1945" s="115">
        <v>0</v>
      </c>
      <c r="O1945" s="115">
        <v>1</v>
      </c>
      <c r="P1945" s="115">
        <v>1</v>
      </c>
      <c r="Q1945" s="115" t="s">
        <v>400</v>
      </c>
      <c r="R1945" s="115">
        <v>1</v>
      </c>
      <c r="S1945" s="115">
        <v>0</v>
      </c>
      <c r="T1945" s="115">
        <v>0</v>
      </c>
      <c r="U1945" s="119"/>
      <c r="V1945" s="119"/>
      <c r="W1945" s="119"/>
      <c r="X1945" s="119"/>
      <c r="Y1945" s="119"/>
      <c r="Z1945" s="119"/>
      <c r="AA1945" s="119"/>
      <c r="AB1945" s="119"/>
      <c r="AC1945" s="119"/>
      <c r="AD1945" s="119"/>
      <c r="AE1945" s="119"/>
      <c r="AF1945" s="119"/>
      <c r="AG1945" s="119"/>
      <c r="AH1945" s="119"/>
      <c r="AI1945" s="119"/>
      <c r="AJ1945" s="119"/>
      <c r="AK1945" s="119"/>
      <c r="AL1945" s="119"/>
      <c r="AM1945" s="119"/>
      <c r="AN1945" s="119"/>
      <c r="AO1945" s="119"/>
      <c r="AP1945" s="119"/>
      <c r="AQ1945" s="119"/>
      <c r="AR1945" s="119"/>
      <c r="AS1945" s="119"/>
      <c r="AT1945" s="119"/>
      <c r="AU1945" s="119"/>
      <c r="AV1945" s="119"/>
      <c r="AW1945" s="119"/>
      <c r="AX1945" s="119"/>
      <c r="AY1945" s="119"/>
      <c r="AZ1945" s="119"/>
      <c r="BA1945" s="119"/>
      <c r="BB1945" s="107">
        <v>45884</v>
      </c>
    </row>
    <row r="1946" spans="1:54" s="207" customFormat="1" ht="13.95" customHeight="1" x14ac:dyDescent="0.25">
      <c r="A1946" s="208" t="s">
        <v>4663</v>
      </c>
      <c r="B1946" s="209" t="s">
        <v>20420</v>
      </c>
      <c r="C1946" s="113" t="s">
        <v>4664</v>
      </c>
      <c r="D1946" s="113" t="s">
        <v>23606</v>
      </c>
      <c r="E1946" s="210">
        <v>1996</v>
      </c>
      <c r="F1946" s="210">
        <v>2750</v>
      </c>
      <c r="G1946" s="113" t="s">
        <v>1</v>
      </c>
      <c r="H1946" s="113">
        <v>0</v>
      </c>
      <c r="I1946" s="113">
        <v>0</v>
      </c>
      <c r="J1946" s="115">
        <v>1</v>
      </c>
      <c r="K1946" s="116" t="s">
        <v>174</v>
      </c>
      <c r="L1946" s="115">
        <v>1</v>
      </c>
      <c r="M1946" s="115">
        <v>0</v>
      </c>
      <c r="N1946" s="115">
        <v>0</v>
      </c>
      <c r="O1946" s="115">
        <v>1</v>
      </c>
      <c r="P1946" s="115">
        <v>1</v>
      </c>
      <c r="Q1946" s="115" t="s">
        <v>400</v>
      </c>
      <c r="R1946" s="115">
        <v>0</v>
      </c>
      <c r="S1946" s="115">
        <v>0</v>
      </c>
      <c r="T1946" s="115">
        <v>0</v>
      </c>
      <c r="U1946" s="119"/>
      <c r="V1946" s="119"/>
      <c r="W1946" s="119"/>
      <c r="X1946" s="119"/>
      <c r="Y1946" s="119"/>
      <c r="Z1946" s="119"/>
      <c r="AA1946" s="119"/>
      <c r="AB1946" s="119"/>
      <c r="AC1946" s="119"/>
      <c r="AD1946" s="119"/>
      <c r="AE1946" s="119"/>
      <c r="AF1946" s="119"/>
      <c r="AG1946" s="119"/>
      <c r="AH1946" s="119"/>
      <c r="AI1946" s="119"/>
      <c r="AJ1946" s="119"/>
      <c r="AK1946" s="119"/>
      <c r="AL1946" s="119"/>
      <c r="AM1946" s="119"/>
      <c r="AN1946" s="119"/>
      <c r="AO1946" s="119"/>
      <c r="AP1946" s="119"/>
      <c r="AQ1946" s="119"/>
      <c r="AR1946" s="119"/>
      <c r="AS1946" s="119"/>
      <c r="AT1946" s="119"/>
      <c r="AU1946" s="119"/>
      <c r="AV1946" s="119"/>
      <c r="AW1946" s="119"/>
      <c r="AX1946" s="119"/>
      <c r="AY1946" s="119"/>
      <c r="AZ1946" s="119"/>
      <c r="BA1946" s="119"/>
      <c r="BB1946" s="107">
        <v>45884</v>
      </c>
    </row>
    <row r="1947" spans="1:54" s="207" customFormat="1" ht="13.95" customHeight="1" x14ac:dyDescent="0.25">
      <c r="A1947" s="208" t="s">
        <v>4665</v>
      </c>
      <c r="B1947" s="209" t="s">
        <v>20420</v>
      </c>
      <c r="C1947" s="113" t="s">
        <v>4666</v>
      </c>
      <c r="D1947" s="113" t="s">
        <v>23607</v>
      </c>
      <c r="E1947" s="210">
        <v>1996</v>
      </c>
      <c r="F1947" s="210">
        <v>2750</v>
      </c>
      <c r="G1947" s="113" t="s">
        <v>1</v>
      </c>
      <c r="H1947" s="113">
        <v>0</v>
      </c>
      <c r="I1947" s="113">
        <v>0</v>
      </c>
      <c r="J1947" s="115">
        <v>1</v>
      </c>
      <c r="K1947" s="116" t="s">
        <v>174</v>
      </c>
      <c r="L1947" s="115">
        <v>1</v>
      </c>
      <c r="M1947" s="115">
        <v>1</v>
      </c>
      <c r="N1947" s="115">
        <v>0</v>
      </c>
      <c r="O1947" s="115">
        <v>1</v>
      </c>
      <c r="P1947" s="115" t="s">
        <v>400</v>
      </c>
      <c r="Q1947" s="115" t="s">
        <v>400</v>
      </c>
      <c r="R1947" s="115">
        <v>1</v>
      </c>
      <c r="S1947" s="115">
        <v>0</v>
      </c>
      <c r="T1947" s="115">
        <v>0</v>
      </c>
      <c r="U1947" s="119"/>
      <c r="V1947" s="119"/>
      <c r="W1947" s="119"/>
      <c r="X1947" s="119"/>
      <c r="Y1947" s="119"/>
      <c r="Z1947" s="119"/>
      <c r="AA1947" s="119"/>
      <c r="AB1947" s="119"/>
      <c r="AC1947" s="119"/>
      <c r="AD1947" s="119"/>
      <c r="AE1947" s="119"/>
      <c r="AF1947" s="119"/>
      <c r="AG1947" s="119"/>
      <c r="AH1947" s="119"/>
      <c r="AI1947" s="119"/>
      <c r="AJ1947" s="119"/>
      <c r="AK1947" s="119"/>
      <c r="AL1947" s="119"/>
      <c r="AM1947" s="119"/>
      <c r="AN1947" s="119"/>
      <c r="AO1947" s="119"/>
      <c r="AP1947" s="119"/>
      <c r="AQ1947" s="119"/>
      <c r="AR1947" s="119"/>
      <c r="AS1947" s="119"/>
      <c r="AT1947" s="119"/>
      <c r="AU1947" s="119"/>
      <c r="AV1947" s="119"/>
      <c r="AW1947" s="119"/>
      <c r="AX1947" s="119"/>
      <c r="AY1947" s="119"/>
      <c r="AZ1947" s="119"/>
      <c r="BA1947" s="119"/>
      <c r="BB1947" s="107">
        <v>45884</v>
      </c>
    </row>
    <row r="1948" spans="1:54" s="207" customFormat="1" ht="13.95" customHeight="1" x14ac:dyDescent="0.25">
      <c r="A1948" s="208" t="s">
        <v>4667</v>
      </c>
      <c r="B1948" s="209" t="s">
        <v>20420</v>
      </c>
      <c r="C1948" s="113" t="s">
        <v>4668</v>
      </c>
      <c r="D1948" s="113" t="s">
        <v>4669</v>
      </c>
      <c r="E1948" s="210">
        <v>1977</v>
      </c>
      <c r="F1948" s="210">
        <v>2750</v>
      </c>
      <c r="G1948" s="113" t="s">
        <v>1</v>
      </c>
      <c r="H1948" s="113">
        <v>0</v>
      </c>
      <c r="I1948" s="113">
        <v>0</v>
      </c>
      <c r="J1948" s="115">
        <v>1</v>
      </c>
      <c r="K1948" s="116" t="s">
        <v>174</v>
      </c>
      <c r="L1948" s="115">
        <v>1</v>
      </c>
      <c r="M1948" s="115">
        <v>1</v>
      </c>
      <c r="N1948" s="115">
        <v>1</v>
      </c>
      <c r="O1948" s="115">
        <v>1</v>
      </c>
      <c r="P1948" s="115" t="s">
        <v>400</v>
      </c>
      <c r="Q1948" s="115" t="s">
        <v>400</v>
      </c>
      <c r="R1948" s="115">
        <v>1</v>
      </c>
      <c r="S1948" s="115">
        <v>0</v>
      </c>
      <c r="T1948" s="115">
        <v>0</v>
      </c>
      <c r="U1948" s="119"/>
      <c r="V1948" s="119"/>
      <c r="W1948" s="119"/>
      <c r="X1948" s="119"/>
      <c r="Y1948" s="119"/>
      <c r="Z1948" s="119"/>
      <c r="AA1948" s="119"/>
      <c r="AB1948" s="119"/>
      <c r="AC1948" s="119"/>
      <c r="AD1948" s="119"/>
      <c r="AE1948" s="119"/>
      <c r="AF1948" s="119"/>
      <c r="AG1948" s="119"/>
      <c r="AH1948" s="119"/>
      <c r="AI1948" s="119"/>
      <c r="AJ1948" s="119"/>
      <c r="AK1948" s="119"/>
      <c r="AL1948" s="119"/>
      <c r="AM1948" s="119"/>
      <c r="AN1948" s="119"/>
      <c r="AO1948" s="119"/>
      <c r="AP1948" s="119"/>
      <c r="AQ1948" s="119"/>
      <c r="AR1948" s="119"/>
      <c r="AS1948" s="119"/>
      <c r="AT1948" s="119"/>
      <c r="AU1948" s="119"/>
      <c r="AV1948" s="119"/>
      <c r="AW1948" s="119"/>
      <c r="AX1948" s="119"/>
      <c r="AY1948" s="119"/>
      <c r="AZ1948" s="119"/>
      <c r="BA1948" s="119"/>
      <c r="BB1948" s="107">
        <v>45884</v>
      </c>
    </row>
    <row r="1949" spans="1:54" s="207" customFormat="1" ht="13.95" customHeight="1" x14ac:dyDescent="0.25">
      <c r="A1949" s="208" t="s">
        <v>4670</v>
      </c>
      <c r="B1949" s="209" t="s">
        <v>20420</v>
      </c>
      <c r="C1949" s="113" t="s">
        <v>4671</v>
      </c>
      <c r="D1949" s="113" t="s">
        <v>23608</v>
      </c>
      <c r="E1949" s="210">
        <v>2002</v>
      </c>
      <c r="F1949" s="210">
        <v>2758</v>
      </c>
      <c r="G1949" s="113" t="s">
        <v>1</v>
      </c>
      <c r="H1949" s="113">
        <v>0</v>
      </c>
      <c r="I1949" s="113">
        <v>0</v>
      </c>
      <c r="J1949" s="115">
        <v>1</v>
      </c>
      <c r="K1949" s="116" t="s">
        <v>174</v>
      </c>
      <c r="L1949" s="115">
        <v>1</v>
      </c>
      <c r="M1949" s="115">
        <v>1</v>
      </c>
      <c r="N1949" s="115">
        <v>1</v>
      </c>
      <c r="O1949" s="115">
        <v>1</v>
      </c>
      <c r="P1949" s="115" t="s">
        <v>400</v>
      </c>
      <c r="Q1949" s="115" t="s">
        <v>400</v>
      </c>
      <c r="R1949" s="115">
        <v>1</v>
      </c>
      <c r="S1949" s="115">
        <v>0</v>
      </c>
      <c r="T1949" s="115">
        <v>0</v>
      </c>
      <c r="U1949" s="119"/>
      <c r="V1949" s="119"/>
      <c r="W1949" s="119"/>
      <c r="X1949" s="119"/>
      <c r="Y1949" s="119"/>
      <c r="Z1949" s="119"/>
      <c r="AA1949" s="119"/>
      <c r="AB1949" s="119"/>
      <c r="AC1949" s="119"/>
      <c r="AD1949" s="119"/>
      <c r="AE1949" s="119"/>
      <c r="AF1949" s="119"/>
      <c r="AG1949" s="119"/>
      <c r="AH1949" s="119"/>
      <c r="AI1949" s="119"/>
      <c r="AJ1949" s="119"/>
      <c r="AK1949" s="119"/>
      <c r="AL1949" s="119"/>
      <c r="AM1949" s="119"/>
      <c r="AN1949" s="119"/>
      <c r="AO1949" s="119"/>
      <c r="AP1949" s="119"/>
      <c r="AQ1949" s="119"/>
      <c r="AR1949" s="119"/>
      <c r="AS1949" s="119"/>
      <c r="AT1949" s="119"/>
      <c r="AU1949" s="119"/>
      <c r="AV1949" s="119"/>
      <c r="AW1949" s="119"/>
      <c r="AX1949" s="119"/>
      <c r="AY1949" s="119"/>
      <c r="AZ1949" s="119"/>
      <c r="BA1949" s="119"/>
      <c r="BB1949" s="107">
        <v>45884</v>
      </c>
    </row>
    <row r="1950" spans="1:54" s="207" customFormat="1" ht="13.95" customHeight="1" x14ac:dyDescent="0.25">
      <c r="A1950" s="208" t="s">
        <v>4672</v>
      </c>
      <c r="B1950" s="209" t="s">
        <v>20420</v>
      </c>
      <c r="C1950" s="113" t="s">
        <v>4673</v>
      </c>
      <c r="D1950" s="113" t="s">
        <v>23609</v>
      </c>
      <c r="E1950" s="210">
        <v>1976</v>
      </c>
      <c r="F1950" s="210">
        <v>2760</v>
      </c>
      <c r="G1950" s="113" t="s">
        <v>1</v>
      </c>
      <c r="H1950" s="113">
        <v>0</v>
      </c>
      <c r="I1950" s="113">
        <v>0</v>
      </c>
      <c r="J1950" s="115">
        <v>1</v>
      </c>
      <c r="K1950" s="211">
        <v>1</v>
      </c>
      <c r="L1950" s="115">
        <v>1</v>
      </c>
      <c r="M1950" s="115">
        <v>1</v>
      </c>
      <c r="N1950" s="115">
        <v>1</v>
      </c>
      <c r="O1950" s="115">
        <v>1</v>
      </c>
      <c r="P1950" s="115" t="s">
        <v>400</v>
      </c>
      <c r="Q1950" s="115" t="s">
        <v>400</v>
      </c>
      <c r="R1950" s="115">
        <v>1</v>
      </c>
      <c r="S1950" s="115">
        <v>0</v>
      </c>
      <c r="T1950" s="115">
        <v>0</v>
      </c>
      <c r="U1950" s="119"/>
      <c r="V1950" s="119"/>
      <c r="W1950" s="119"/>
      <c r="X1950" s="119"/>
      <c r="Y1950" s="119"/>
      <c r="Z1950" s="119"/>
      <c r="AA1950" s="119"/>
      <c r="AB1950" s="119"/>
      <c r="AC1950" s="119"/>
      <c r="AD1950" s="119"/>
      <c r="AE1950" s="119"/>
      <c r="AF1950" s="119"/>
      <c r="AG1950" s="119"/>
      <c r="AH1950" s="119"/>
      <c r="AI1950" s="119"/>
      <c r="AJ1950" s="119"/>
      <c r="AK1950" s="119"/>
      <c r="AL1950" s="119"/>
      <c r="AM1950" s="119"/>
      <c r="AN1950" s="119"/>
      <c r="AO1950" s="119"/>
      <c r="AP1950" s="119"/>
      <c r="AQ1950" s="119"/>
      <c r="AR1950" s="119"/>
      <c r="AS1950" s="119"/>
      <c r="AT1950" s="119"/>
      <c r="AU1950" s="119"/>
      <c r="AV1950" s="119"/>
      <c r="AW1950" s="119"/>
      <c r="AX1950" s="119"/>
      <c r="AY1950" s="119"/>
      <c r="AZ1950" s="119"/>
      <c r="BA1950" s="119"/>
      <c r="BB1950" s="107">
        <v>45884</v>
      </c>
    </row>
    <row r="1951" spans="1:54" s="207" customFormat="1" ht="13.95" customHeight="1" x14ac:dyDescent="0.25">
      <c r="A1951" s="208" t="s">
        <v>4674</v>
      </c>
      <c r="B1951" s="209" t="s">
        <v>20420</v>
      </c>
      <c r="C1951" s="113" t="s">
        <v>4675</v>
      </c>
      <c r="D1951" s="113" t="s">
        <v>23610</v>
      </c>
      <c r="E1951" s="210">
        <v>1987</v>
      </c>
      <c r="F1951" s="210">
        <v>2761</v>
      </c>
      <c r="G1951" s="113" t="s">
        <v>8</v>
      </c>
      <c r="H1951" s="113">
        <v>0</v>
      </c>
      <c r="I1951" s="113">
        <v>0</v>
      </c>
      <c r="J1951" s="115">
        <v>0</v>
      </c>
      <c r="K1951" s="116" t="s">
        <v>174</v>
      </c>
      <c r="L1951" s="115">
        <v>0</v>
      </c>
      <c r="M1951" s="115">
        <v>0</v>
      </c>
      <c r="N1951" s="115">
        <v>0</v>
      </c>
      <c r="O1951" s="115">
        <v>0</v>
      </c>
      <c r="P1951" s="115" t="s">
        <v>400</v>
      </c>
      <c r="Q1951" s="115" t="s">
        <v>400</v>
      </c>
      <c r="R1951" s="115">
        <v>0</v>
      </c>
      <c r="S1951" s="115">
        <v>0</v>
      </c>
      <c r="T1951" s="115">
        <v>0</v>
      </c>
      <c r="U1951" s="113" t="s">
        <v>174</v>
      </c>
      <c r="V1951" s="113" t="s">
        <v>174</v>
      </c>
      <c r="W1951" s="113" t="s">
        <v>174</v>
      </c>
      <c r="X1951" s="113" t="s">
        <v>174</v>
      </c>
      <c r="Y1951" s="113" t="s">
        <v>174</v>
      </c>
      <c r="Z1951" s="113" t="s">
        <v>174</v>
      </c>
      <c r="AA1951" s="113" t="s">
        <v>174</v>
      </c>
      <c r="AB1951" s="113" t="s">
        <v>174</v>
      </c>
      <c r="AC1951" s="113" t="s">
        <v>174</v>
      </c>
      <c r="AD1951" s="113" t="s">
        <v>174</v>
      </c>
      <c r="AE1951" s="113" t="s">
        <v>174</v>
      </c>
      <c r="AF1951" s="113" t="s">
        <v>174</v>
      </c>
      <c r="AG1951" s="113" t="s">
        <v>174</v>
      </c>
      <c r="AH1951" s="113" t="s">
        <v>174</v>
      </c>
      <c r="AI1951" s="113" t="s">
        <v>174</v>
      </c>
      <c r="AJ1951" s="113" t="s">
        <v>174</v>
      </c>
      <c r="AK1951" s="113" t="s">
        <v>174</v>
      </c>
      <c r="AL1951" s="113" t="s">
        <v>174</v>
      </c>
      <c r="AM1951" s="113" t="s">
        <v>174</v>
      </c>
      <c r="AN1951" s="113" t="s">
        <v>174</v>
      </c>
      <c r="AO1951" s="113" t="s">
        <v>174</v>
      </c>
      <c r="AP1951" s="113" t="s">
        <v>174</v>
      </c>
      <c r="AQ1951" s="113" t="s">
        <v>174</v>
      </c>
      <c r="AR1951" s="113" t="s">
        <v>174</v>
      </c>
      <c r="AS1951" s="113" t="s">
        <v>174</v>
      </c>
      <c r="AT1951" s="121" t="s">
        <v>174</v>
      </c>
      <c r="AU1951" s="113" t="s">
        <v>174</v>
      </c>
      <c r="AV1951" s="113" t="s">
        <v>174</v>
      </c>
      <c r="AW1951" s="113" t="s">
        <v>174</v>
      </c>
      <c r="AX1951" s="113"/>
      <c r="AY1951" s="113"/>
      <c r="AZ1951" s="113"/>
      <c r="BA1951" s="113"/>
      <c r="BB1951" s="107">
        <v>45884</v>
      </c>
    </row>
    <row r="1952" spans="1:54" s="207" customFormat="1" ht="13.95" customHeight="1" x14ac:dyDescent="0.25">
      <c r="A1952" s="208" t="s">
        <v>4676</v>
      </c>
      <c r="B1952" s="209" t="s">
        <v>20420</v>
      </c>
      <c r="C1952" s="113" t="s">
        <v>4677</v>
      </c>
      <c r="D1952" s="113" t="s">
        <v>23611</v>
      </c>
      <c r="E1952" s="210">
        <v>1988</v>
      </c>
      <c r="F1952" s="210">
        <v>2765</v>
      </c>
      <c r="G1952" s="113" t="s">
        <v>1</v>
      </c>
      <c r="H1952" s="113">
        <v>0</v>
      </c>
      <c r="I1952" s="113">
        <v>0</v>
      </c>
      <c r="J1952" s="115">
        <v>1</v>
      </c>
      <c r="K1952" s="116" t="s">
        <v>174</v>
      </c>
      <c r="L1952" s="115">
        <v>1</v>
      </c>
      <c r="M1952" s="115">
        <v>0</v>
      </c>
      <c r="N1952" s="115">
        <v>0</v>
      </c>
      <c r="O1952" s="115">
        <v>1</v>
      </c>
      <c r="P1952" s="115">
        <v>1</v>
      </c>
      <c r="Q1952" s="115" t="s">
        <v>400</v>
      </c>
      <c r="R1952" s="115">
        <v>0</v>
      </c>
      <c r="S1952" s="115">
        <v>0</v>
      </c>
      <c r="T1952" s="115">
        <v>0</v>
      </c>
      <c r="U1952" s="119"/>
      <c r="V1952" s="119"/>
      <c r="W1952" s="119"/>
      <c r="X1952" s="119"/>
      <c r="Y1952" s="119"/>
      <c r="Z1952" s="119"/>
      <c r="AA1952" s="119"/>
      <c r="AB1952" s="119"/>
      <c r="AC1952" s="119"/>
      <c r="AD1952" s="119"/>
      <c r="AE1952" s="119"/>
      <c r="AF1952" s="119"/>
      <c r="AG1952" s="119"/>
      <c r="AH1952" s="119"/>
      <c r="AI1952" s="119"/>
      <c r="AJ1952" s="119"/>
      <c r="AK1952" s="119"/>
      <c r="AL1952" s="119"/>
      <c r="AM1952" s="119"/>
      <c r="AN1952" s="119"/>
      <c r="AO1952" s="119"/>
      <c r="AP1952" s="119"/>
      <c r="AQ1952" s="119"/>
      <c r="AR1952" s="119"/>
      <c r="AS1952" s="119"/>
      <c r="AT1952" s="119"/>
      <c r="AU1952" s="119"/>
      <c r="AV1952" s="119"/>
      <c r="AW1952" s="119"/>
      <c r="AX1952" s="119"/>
      <c r="AY1952" s="119"/>
      <c r="AZ1952" s="119"/>
      <c r="BA1952" s="119"/>
      <c r="BB1952" s="107">
        <v>45884</v>
      </c>
    </row>
    <row r="1953" spans="1:54" s="207" customFormat="1" ht="13.95" customHeight="1" x14ac:dyDescent="0.25">
      <c r="A1953" s="208" t="s">
        <v>4678</v>
      </c>
      <c r="B1953" s="209" t="s">
        <v>20420</v>
      </c>
      <c r="C1953" s="113" t="s">
        <v>4679</v>
      </c>
      <c r="D1953" s="113" t="s">
        <v>23612</v>
      </c>
      <c r="E1953" s="210">
        <v>1971</v>
      </c>
      <c r="F1953" s="210">
        <v>2767</v>
      </c>
      <c r="G1953" s="113" t="s">
        <v>1</v>
      </c>
      <c r="H1953" s="113">
        <v>0</v>
      </c>
      <c r="I1953" s="113">
        <v>0</v>
      </c>
      <c r="J1953" s="115">
        <v>1</v>
      </c>
      <c r="K1953" s="116" t="s">
        <v>174</v>
      </c>
      <c r="L1953" s="115">
        <v>0</v>
      </c>
      <c r="M1953" s="115">
        <v>0</v>
      </c>
      <c r="N1953" s="115">
        <v>0</v>
      </c>
      <c r="O1953" s="115">
        <v>0</v>
      </c>
      <c r="P1953" s="115">
        <v>1</v>
      </c>
      <c r="Q1953" s="115" t="s">
        <v>400</v>
      </c>
      <c r="R1953" s="115">
        <v>0</v>
      </c>
      <c r="S1953" s="115">
        <v>0</v>
      </c>
      <c r="T1953" s="115">
        <v>0</v>
      </c>
      <c r="U1953" s="119"/>
      <c r="V1953" s="119"/>
      <c r="W1953" s="119"/>
      <c r="X1953" s="119"/>
      <c r="Y1953" s="119"/>
      <c r="Z1953" s="119"/>
      <c r="AA1953" s="119"/>
      <c r="AB1953" s="119"/>
      <c r="AC1953" s="119"/>
      <c r="AD1953" s="119"/>
      <c r="AE1953" s="119"/>
      <c r="AF1953" s="119"/>
      <c r="AG1953" s="119"/>
      <c r="AH1953" s="119"/>
      <c r="AI1953" s="119"/>
      <c r="AJ1953" s="119"/>
      <c r="AK1953" s="119"/>
      <c r="AL1953" s="119"/>
      <c r="AM1953" s="119"/>
      <c r="AN1953" s="119"/>
      <c r="AO1953" s="119"/>
      <c r="AP1953" s="119"/>
      <c r="AQ1953" s="119"/>
      <c r="AR1953" s="119"/>
      <c r="AS1953" s="119"/>
      <c r="AT1953" s="119"/>
      <c r="AU1953" s="119"/>
      <c r="AV1953" s="119"/>
      <c r="AW1953" s="119"/>
      <c r="AX1953" s="119"/>
      <c r="AY1953" s="119"/>
      <c r="AZ1953" s="119"/>
      <c r="BA1953" s="119"/>
      <c r="BB1953" s="107">
        <v>45884</v>
      </c>
    </row>
    <row r="1954" spans="1:54" s="207" customFormat="1" ht="13.95" customHeight="1" x14ac:dyDescent="0.25">
      <c r="A1954" s="208" t="s">
        <v>4680</v>
      </c>
      <c r="B1954" s="209" t="s">
        <v>20420</v>
      </c>
      <c r="C1954" s="113" t="s">
        <v>4681</v>
      </c>
      <c r="D1954" s="113" t="s">
        <v>4682</v>
      </c>
      <c r="E1954" s="210">
        <v>1985</v>
      </c>
      <c r="F1954" s="210">
        <v>2771</v>
      </c>
      <c r="G1954" s="113" t="s">
        <v>1</v>
      </c>
      <c r="H1954" s="113">
        <v>0</v>
      </c>
      <c r="I1954" s="113">
        <v>0</v>
      </c>
      <c r="J1954" s="115">
        <v>1</v>
      </c>
      <c r="K1954" s="116" t="s">
        <v>174</v>
      </c>
      <c r="L1954" s="115">
        <v>1</v>
      </c>
      <c r="M1954" s="115">
        <v>0</v>
      </c>
      <c r="N1954" s="115">
        <v>0</v>
      </c>
      <c r="O1954" s="115">
        <v>1</v>
      </c>
      <c r="P1954" s="115">
        <v>1</v>
      </c>
      <c r="Q1954" s="115">
        <v>1</v>
      </c>
      <c r="R1954" s="115">
        <v>1</v>
      </c>
      <c r="S1954" s="115">
        <v>0</v>
      </c>
      <c r="T1954" s="115">
        <v>0</v>
      </c>
      <c r="U1954" s="119"/>
      <c r="V1954" s="119"/>
      <c r="W1954" s="119"/>
      <c r="X1954" s="119"/>
      <c r="Y1954" s="119"/>
      <c r="Z1954" s="119"/>
      <c r="AA1954" s="119"/>
      <c r="AB1954" s="119"/>
      <c r="AC1954" s="119"/>
      <c r="AD1954" s="119"/>
      <c r="AE1954" s="119"/>
      <c r="AF1954" s="119"/>
      <c r="AG1954" s="119"/>
      <c r="AH1954" s="119"/>
      <c r="AI1954" s="119"/>
      <c r="AJ1954" s="119"/>
      <c r="AK1954" s="119"/>
      <c r="AL1954" s="119"/>
      <c r="AM1954" s="119"/>
      <c r="AN1954" s="119"/>
      <c r="AO1954" s="119"/>
      <c r="AP1954" s="119"/>
      <c r="AQ1954" s="119"/>
      <c r="AR1954" s="119"/>
      <c r="AS1954" s="119"/>
      <c r="AT1954" s="119"/>
      <c r="AU1954" s="119"/>
      <c r="AV1954" s="119"/>
      <c r="AW1954" s="119"/>
      <c r="AX1954" s="119"/>
      <c r="AY1954" s="119"/>
      <c r="AZ1954" s="119"/>
      <c r="BA1954" s="119"/>
      <c r="BB1954" s="107">
        <v>45884</v>
      </c>
    </row>
    <row r="1955" spans="1:54" s="207" customFormat="1" ht="13.95" customHeight="1" x14ac:dyDescent="0.25">
      <c r="A1955" s="208" t="s">
        <v>4683</v>
      </c>
      <c r="B1955" s="209" t="s">
        <v>20420</v>
      </c>
      <c r="C1955" s="113" t="s">
        <v>4684</v>
      </c>
      <c r="D1955" s="113" t="s">
        <v>4685</v>
      </c>
      <c r="E1955" s="210">
        <v>1994</v>
      </c>
      <c r="F1955" s="210">
        <v>2772</v>
      </c>
      <c r="G1955" s="113" t="s">
        <v>1</v>
      </c>
      <c r="H1955" s="113">
        <v>1</v>
      </c>
      <c r="I1955" s="113">
        <v>0</v>
      </c>
      <c r="J1955" s="115">
        <v>1</v>
      </c>
      <c r="K1955" s="116" t="s">
        <v>174</v>
      </c>
      <c r="L1955" s="115">
        <v>0</v>
      </c>
      <c r="M1955" s="115">
        <v>1</v>
      </c>
      <c r="N1955" s="115">
        <v>0</v>
      </c>
      <c r="O1955" s="115">
        <v>1</v>
      </c>
      <c r="P1955" s="115" t="s">
        <v>400</v>
      </c>
      <c r="Q1955" s="115" t="s">
        <v>400</v>
      </c>
      <c r="R1955" s="115">
        <v>0</v>
      </c>
      <c r="S1955" s="115">
        <v>0</v>
      </c>
      <c r="T1955" s="115">
        <v>0</v>
      </c>
      <c r="U1955" s="119"/>
      <c r="V1955" s="119"/>
      <c r="W1955" s="119"/>
      <c r="X1955" s="119"/>
      <c r="Y1955" s="119"/>
      <c r="Z1955" s="119"/>
      <c r="AA1955" s="119"/>
      <c r="AB1955" s="119"/>
      <c r="AC1955" s="119"/>
      <c r="AD1955" s="119"/>
      <c r="AE1955" s="119"/>
      <c r="AF1955" s="119"/>
      <c r="AG1955" s="119"/>
      <c r="AH1955" s="119"/>
      <c r="AI1955" s="119"/>
      <c r="AJ1955" s="119"/>
      <c r="AK1955" s="119"/>
      <c r="AL1955" s="119"/>
      <c r="AM1955" s="119"/>
      <c r="AN1955" s="119"/>
      <c r="AO1955" s="119"/>
      <c r="AP1955" s="119"/>
      <c r="AQ1955" s="119"/>
      <c r="AR1955" s="119"/>
      <c r="AS1955" s="119"/>
      <c r="AT1955" s="119"/>
      <c r="AU1955" s="119"/>
      <c r="AV1955" s="119"/>
      <c r="AW1955" s="119"/>
      <c r="AX1955" s="119"/>
      <c r="AY1955" s="119"/>
      <c r="AZ1955" s="119"/>
      <c r="BA1955" s="119"/>
      <c r="BB1955" s="107">
        <v>45884</v>
      </c>
    </row>
    <row r="1956" spans="1:54" s="207" customFormat="1" ht="13.95" customHeight="1" x14ac:dyDescent="0.25">
      <c r="A1956" s="208" t="s">
        <v>4686</v>
      </c>
      <c r="B1956" s="209" t="s">
        <v>20420</v>
      </c>
      <c r="C1956" s="113" t="s">
        <v>4687</v>
      </c>
      <c r="D1956" s="113" t="s">
        <v>4688</v>
      </c>
      <c r="E1956" s="210">
        <v>1959</v>
      </c>
      <c r="F1956" s="210">
        <v>2784</v>
      </c>
      <c r="G1956" s="113" t="s">
        <v>1</v>
      </c>
      <c r="H1956" s="113">
        <v>0</v>
      </c>
      <c r="I1956" s="113">
        <v>0</v>
      </c>
      <c r="J1956" s="115">
        <v>1</v>
      </c>
      <c r="K1956" s="116" t="s">
        <v>174</v>
      </c>
      <c r="L1956" s="115">
        <v>0</v>
      </c>
      <c r="M1956" s="115">
        <v>0</v>
      </c>
      <c r="N1956" s="115">
        <v>0</v>
      </c>
      <c r="O1956" s="115">
        <v>1</v>
      </c>
      <c r="P1956" s="115">
        <v>1</v>
      </c>
      <c r="Q1956" s="115" t="s">
        <v>400</v>
      </c>
      <c r="R1956" s="115">
        <v>0</v>
      </c>
      <c r="S1956" s="115">
        <v>0</v>
      </c>
      <c r="T1956" s="115">
        <v>0</v>
      </c>
      <c r="U1956" s="119"/>
      <c r="V1956" s="119"/>
      <c r="W1956" s="119"/>
      <c r="X1956" s="119"/>
      <c r="Y1956" s="119"/>
      <c r="Z1956" s="119"/>
      <c r="AA1956" s="119"/>
      <c r="AB1956" s="119"/>
      <c r="AC1956" s="119"/>
      <c r="AD1956" s="119"/>
      <c r="AE1956" s="119"/>
      <c r="AF1956" s="119"/>
      <c r="AG1956" s="119"/>
      <c r="AH1956" s="119"/>
      <c r="AI1956" s="119"/>
      <c r="AJ1956" s="119"/>
      <c r="AK1956" s="119"/>
      <c r="AL1956" s="119"/>
      <c r="AM1956" s="119"/>
      <c r="AN1956" s="119"/>
      <c r="AO1956" s="119"/>
      <c r="AP1956" s="119"/>
      <c r="AQ1956" s="119"/>
      <c r="AR1956" s="119"/>
      <c r="AS1956" s="119"/>
      <c r="AT1956" s="119"/>
      <c r="AU1956" s="119"/>
      <c r="AV1956" s="119"/>
      <c r="AW1956" s="119"/>
      <c r="AX1956" s="119"/>
      <c r="AY1956" s="119"/>
      <c r="AZ1956" s="119"/>
      <c r="BA1956" s="119"/>
      <c r="BB1956" s="107">
        <v>45884</v>
      </c>
    </row>
    <row r="1957" spans="1:54" s="207" customFormat="1" ht="13.95" customHeight="1" x14ac:dyDescent="0.25">
      <c r="A1957" s="208" t="s">
        <v>4689</v>
      </c>
      <c r="B1957" s="209" t="s">
        <v>20420</v>
      </c>
      <c r="C1957" s="113" t="s">
        <v>4690</v>
      </c>
      <c r="D1957" s="113" t="s">
        <v>23613</v>
      </c>
      <c r="E1957" s="210">
        <v>1985</v>
      </c>
      <c r="F1957" s="210">
        <v>2794</v>
      </c>
      <c r="G1957" s="113" t="s">
        <v>1</v>
      </c>
      <c r="H1957" s="113">
        <v>0</v>
      </c>
      <c r="I1957" s="113">
        <v>0</v>
      </c>
      <c r="J1957" s="115">
        <v>1</v>
      </c>
      <c r="K1957" s="211">
        <v>1</v>
      </c>
      <c r="L1957" s="115">
        <v>1</v>
      </c>
      <c r="M1957" s="115">
        <v>0</v>
      </c>
      <c r="N1957" s="115">
        <v>1</v>
      </c>
      <c r="O1957" s="115">
        <v>1</v>
      </c>
      <c r="P1957" s="115">
        <v>1</v>
      </c>
      <c r="Q1957" s="115" t="s">
        <v>400</v>
      </c>
      <c r="R1957" s="115">
        <v>1</v>
      </c>
      <c r="S1957" s="115">
        <v>0</v>
      </c>
      <c r="T1957" s="115">
        <v>0</v>
      </c>
      <c r="U1957" s="119"/>
      <c r="V1957" s="119"/>
      <c r="W1957" s="119"/>
      <c r="X1957" s="119"/>
      <c r="Y1957" s="119"/>
      <c r="Z1957" s="119"/>
      <c r="AA1957" s="119"/>
      <c r="AB1957" s="119"/>
      <c r="AC1957" s="119"/>
      <c r="AD1957" s="119"/>
      <c r="AE1957" s="119"/>
      <c r="AF1957" s="119"/>
      <c r="AG1957" s="119"/>
      <c r="AH1957" s="119"/>
      <c r="AI1957" s="119"/>
      <c r="AJ1957" s="119"/>
      <c r="AK1957" s="119"/>
      <c r="AL1957" s="119"/>
      <c r="AM1957" s="119"/>
      <c r="AN1957" s="119"/>
      <c r="AO1957" s="119"/>
      <c r="AP1957" s="119"/>
      <c r="AQ1957" s="119"/>
      <c r="AR1957" s="119"/>
      <c r="AS1957" s="119"/>
      <c r="AT1957" s="119"/>
      <c r="AU1957" s="119"/>
      <c r="AV1957" s="119"/>
      <c r="AW1957" s="119"/>
      <c r="AX1957" s="119"/>
      <c r="AY1957" s="119"/>
      <c r="AZ1957" s="119"/>
      <c r="BA1957" s="119"/>
      <c r="BB1957" s="107">
        <v>45884</v>
      </c>
    </row>
    <row r="1958" spans="1:54" s="207" customFormat="1" ht="13.95" customHeight="1" x14ac:dyDescent="0.25">
      <c r="A1958" s="208" t="s">
        <v>4691</v>
      </c>
      <c r="B1958" s="209" t="s">
        <v>20420</v>
      </c>
      <c r="C1958" s="113" t="s">
        <v>4692</v>
      </c>
      <c r="D1958" s="113" t="s">
        <v>23614</v>
      </c>
      <c r="E1958" s="210">
        <v>1985</v>
      </c>
      <c r="F1958" s="210">
        <v>2797</v>
      </c>
      <c r="G1958" s="113" t="s">
        <v>1</v>
      </c>
      <c r="H1958" s="113">
        <v>0</v>
      </c>
      <c r="I1958" s="113">
        <v>0</v>
      </c>
      <c r="J1958" s="115">
        <v>1</v>
      </c>
      <c r="K1958" s="116" t="s">
        <v>174</v>
      </c>
      <c r="L1958" s="115">
        <v>0</v>
      </c>
      <c r="M1958" s="115">
        <v>1</v>
      </c>
      <c r="N1958" s="115">
        <v>0</v>
      </c>
      <c r="O1958" s="115">
        <v>0</v>
      </c>
      <c r="P1958" s="115" t="s">
        <v>400</v>
      </c>
      <c r="Q1958" s="115" t="s">
        <v>400</v>
      </c>
      <c r="R1958" s="115">
        <v>1</v>
      </c>
      <c r="S1958" s="115">
        <v>0</v>
      </c>
      <c r="T1958" s="115">
        <v>0</v>
      </c>
      <c r="U1958" s="119"/>
      <c r="V1958" s="119"/>
      <c r="W1958" s="119"/>
      <c r="X1958" s="119"/>
      <c r="Y1958" s="119"/>
      <c r="Z1958" s="119"/>
      <c r="AA1958" s="119"/>
      <c r="AB1958" s="119"/>
      <c r="AC1958" s="119"/>
      <c r="AD1958" s="119"/>
      <c r="AE1958" s="119"/>
      <c r="AF1958" s="119"/>
      <c r="AG1958" s="119"/>
      <c r="AH1958" s="119"/>
      <c r="AI1958" s="119"/>
      <c r="AJ1958" s="119"/>
      <c r="AK1958" s="119"/>
      <c r="AL1958" s="119"/>
      <c r="AM1958" s="119"/>
      <c r="AN1958" s="119"/>
      <c r="AO1958" s="119"/>
      <c r="AP1958" s="119"/>
      <c r="AQ1958" s="119"/>
      <c r="AR1958" s="119"/>
      <c r="AS1958" s="119"/>
      <c r="AT1958" s="119"/>
      <c r="AU1958" s="119"/>
      <c r="AV1958" s="119"/>
      <c r="AW1958" s="119"/>
      <c r="AX1958" s="119"/>
      <c r="AY1958" s="119"/>
      <c r="AZ1958" s="119"/>
      <c r="BA1958" s="119"/>
      <c r="BB1958" s="107">
        <v>45884</v>
      </c>
    </row>
    <row r="1959" spans="1:54" s="207" customFormat="1" ht="13.95" customHeight="1" x14ac:dyDescent="0.25">
      <c r="A1959" s="208" t="s">
        <v>4693</v>
      </c>
      <c r="B1959" s="209" t="s">
        <v>20420</v>
      </c>
      <c r="C1959" s="113" t="s">
        <v>4694</v>
      </c>
      <c r="D1959" s="113" t="s">
        <v>23615</v>
      </c>
      <c r="E1959" s="210">
        <v>1986</v>
      </c>
      <c r="F1959" s="210">
        <v>2797</v>
      </c>
      <c r="G1959" s="113" t="s">
        <v>1</v>
      </c>
      <c r="H1959" s="113">
        <v>0</v>
      </c>
      <c r="I1959" s="113">
        <v>0</v>
      </c>
      <c r="J1959" s="115">
        <v>1</v>
      </c>
      <c r="K1959" s="116" t="s">
        <v>174</v>
      </c>
      <c r="L1959" s="115">
        <v>1</v>
      </c>
      <c r="M1959" s="115">
        <v>1</v>
      </c>
      <c r="N1959" s="115">
        <v>0</v>
      </c>
      <c r="O1959" s="115">
        <v>0</v>
      </c>
      <c r="P1959" s="115" t="s">
        <v>400</v>
      </c>
      <c r="Q1959" s="115" t="s">
        <v>400</v>
      </c>
      <c r="R1959" s="115">
        <v>0</v>
      </c>
      <c r="S1959" s="115">
        <v>0</v>
      </c>
      <c r="T1959" s="115">
        <v>0</v>
      </c>
      <c r="U1959" s="119"/>
      <c r="V1959" s="119"/>
      <c r="W1959" s="119"/>
      <c r="X1959" s="119"/>
      <c r="Y1959" s="119"/>
      <c r="Z1959" s="119"/>
      <c r="AA1959" s="119"/>
      <c r="AB1959" s="119"/>
      <c r="AC1959" s="119"/>
      <c r="AD1959" s="119"/>
      <c r="AE1959" s="119"/>
      <c r="AF1959" s="119"/>
      <c r="AG1959" s="119"/>
      <c r="AH1959" s="119"/>
      <c r="AI1959" s="119"/>
      <c r="AJ1959" s="119"/>
      <c r="AK1959" s="119"/>
      <c r="AL1959" s="119"/>
      <c r="AM1959" s="119"/>
      <c r="AN1959" s="119"/>
      <c r="AO1959" s="119"/>
      <c r="AP1959" s="119"/>
      <c r="AQ1959" s="119"/>
      <c r="AR1959" s="119"/>
      <c r="AS1959" s="119"/>
      <c r="AT1959" s="119"/>
      <c r="AU1959" s="119"/>
      <c r="AV1959" s="119"/>
      <c r="AW1959" s="119"/>
      <c r="AX1959" s="119"/>
      <c r="AY1959" s="119"/>
      <c r="AZ1959" s="119"/>
      <c r="BA1959" s="119"/>
      <c r="BB1959" s="107">
        <v>45884</v>
      </c>
    </row>
    <row r="1960" spans="1:54" s="207" customFormat="1" ht="13.95" customHeight="1" x14ac:dyDescent="0.25">
      <c r="A1960" s="208" t="s">
        <v>4695</v>
      </c>
      <c r="B1960" s="209" t="s">
        <v>20420</v>
      </c>
      <c r="C1960" s="113" t="s">
        <v>4696</v>
      </c>
      <c r="D1960" s="113" t="s">
        <v>4697</v>
      </c>
      <c r="E1960" s="210">
        <v>1981</v>
      </c>
      <c r="F1960" s="210">
        <v>2797</v>
      </c>
      <c r="G1960" s="113" t="s">
        <v>1</v>
      </c>
      <c r="H1960" s="113">
        <v>0</v>
      </c>
      <c r="I1960" s="113">
        <v>0</v>
      </c>
      <c r="J1960" s="115">
        <v>1</v>
      </c>
      <c r="K1960" s="116" t="s">
        <v>174</v>
      </c>
      <c r="L1960" s="115">
        <v>1</v>
      </c>
      <c r="M1960" s="115">
        <v>0</v>
      </c>
      <c r="N1960" s="115">
        <v>0</v>
      </c>
      <c r="O1960" s="115">
        <v>1</v>
      </c>
      <c r="P1960" s="115">
        <v>1</v>
      </c>
      <c r="Q1960" s="115" t="s">
        <v>400</v>
      </c>
      <c r="R1960" s="115">
        <v>0</v>
      </c>
      <c r="S1960" s="115">
        <v>0</v>
      </c>
      <c r="T1960" s="115">
        <v>0</v>
      </c>
      <c r="U1960" s="119"/>
      <c r="V1960" s="119"/>
      <c r="W1960" s="119"/>
      <c r="X1960" s="119"/>
      <c r="Y1960" s="119"/>
      <c r="Z1960" s="119"/>
      <c r="AA1960" s="119"/>
      <c r="AB1960" s="119"/>
      <c r="AC1960" s="119"/>
      <c r="AD1960" s="119"/>
      <c r="AE1960" s="119"/>
      <c r="AF1960" s="119"/>
      <c r="AG1960" s="119"/>
      <c r="AH1960" s="119"/>
      <c r="AI1960" s="119"/>
      <c r="AJ1960" s="119"/>
      <c r="AK1960" s="119"/>
      <c r="AL1960" s="119"/>
      <c r="AM1960" s="119"/>
      <c r="AN1960" s="119"/>
      <c r="AO1960" s="119"/>
      <c r="AP1960" s="119"/>
      <c r="AQ1960" s="119"/>
      <c r="AR1960" s="119"/>
      <c r="AS1960" s="119"/>
      <c r="AT1960" s="119"/>
      <c r="AU1960" s="119"/>
      <c r="AV1960" s="119"/>
      <c r="AW1960" s="119"/>
      <c r="AX1960" s="119"/>
      <c r="AY1960" s="119"/>
      <c r="AZ1960" s="119"/>
      <c r="BA1960" s="119"/>
      <c r="BB1960" s="107">
        <v>45884</v>
      </c>
    </row>
    <row r="1961" spans="1:54" s="207" customFormat="1" ht="13.95" customHeight="1" x14ac:dyDescent="0.25">
      <c r="A1961" s="208" t="s">
        <v>4698</v>
      </c>
      <c r="B1961" s="209" t="s">
        <v>20420</v>
      </c>
      <c r="C1961" s="113" t="s">
        <v>4699</v>
      </c>
      <c r="D1961" s="113" t="s">
        <v>23616</v>
      </c>
      <c r="E1961" s="210">
        <v>1991</v>
      </c>
      <c r="F1961" s="210">
        <v>2798</v>
      </c>
      <c r="G1961" s="113" t="s">
        <v>1</v>
      </c>
      <c r="H1961" s="113">
        <v>0</v>
      </c>
      <c r="I1961" s="113">
        <v>0</v>
      </c>
      <c r="J1961" s="115">
        <v>1</v>
      </c>
      <c r="K1961" s="116" t="s">
        <v>174</v>
      </c>
      <c r="L1961" s="115">
        <v>1</v>
      </c>
      <c r="M1961" s="115">
        <v>0</v>
      </c>
      <c r="N1961" s="115">
        <v>1</v>
      </c>
      <c r="O1961" s="115">
        <v>0</v>
      </c>
      <c r="P1961" s="115" t="s">
        <v>400</v>
      </c>
      <c r="Q1961" s="115" t="s">
        <v>400</v>
      </c>
      <c r="R1961" s="115">
        <v>0</v>
      </c>
      <c r="S1961" s="115">
        <v>0</v>
      </c>
      <c r="T1961" s="115">
        <v>0</v>
      </c>
      <c r="U1961" s="119"/>
      <c r="V1961" s="119"/>
      <c r="W1961" s="119"/>
      <c r="X1961" s="119"/>
      <c r="Y1961" s="119"/>
      <c r="Z1961" s="119"/>
      <c r="AA1961" s="119"/>
      <c r="AB1961" s="119"/>
      <c r="AC1961" s="119"/>
      <c r="AD1961" s="119"/>
      <c r="AE1961" s="119"/>
      <c r="AF1961" s="119"/>
      <c r="AG1961" s="119"/>
      <c r="AH1961" s="119"/>
      <c r="AI1961" s="119"/>
      <c r="AJ1961" s="119"/>
      <c r="AK1961" s="119"/>
      <c r="AL1961" s="119"/>
      <c r="AM1961" s="119"/>
      <c r="AN1961" s="119"/>
      <c r="AO1961" s="119"/>
      <c r="AP1961" s="119"/>
      <c r="AQ1961" s="119"/>
      <c r="AR1961" s="119"/>
      <c r="AS1961" s="119"/>
      <c r="AT1961" s="119"/>
      <c r="AU1961" s="119"/>
      <c r="AV1961" s="119"/>
      <c r="AW1961" s="119"/>
      <c r="AX1961" s="119"/>
      <c r="AY1961" s="119"/>
      <c r="AZ1961" s="119"/>
      <c r="BA1961" s="119"/>
      <c r="BB1961" s="107">
        <v>45884</v>
      </c>
    </row>
    <row r="1962" spans="1:54" s="207" customFormat="1" ht="13.95" customHeight="1" x14ac:dyDescent="0.25">
      <c r="A1962" s="208" t="s">
        <v>4700</v>
      </c>
      <c r="B1962" s="209" t="s">
        <v>20420</v>
      </c>
      <c r="C1962" s="113" t="s">
        <v>4701</v>
      </c>
      <c r="D1962" s="113" t="s">
        <v>23617</v>
      </c>
      <c r="E1962" s="210">
        <v>1998</v>
      </c>
      <c r="F1962" s="210">
        <v>2800</v>
      </c>
      <c r="G1962" s="113" t="s">
        <v>1</v>
      </c>
      <c r="H1962" s="113">
        <v>0</v>
      </c>
      <c r="I1962" s="113">
        <v>0</v>
      </c>
      <c r="J1962" s="115">
        <v>1</v>
      </c>
      <c r="K1962" s="211">
        <v>1</v>
      </c>
      <c r="L1962" s="115">
        <v>1</v>
      </c>
      <c r="M1962" s="115">
        <v>1</v>
      </c>
      <c r="N1962" s="115">
        <v>1</v>
      </c>
      <c r="O1962" s="115">
        <v>1</v>
      </c>
      <c r="P1962" s="115" t="s">
        <v>400</v>
      </c>
      <c r="Q1962" s="115" t="s">
        <v>400</v>
      </c>
      <c r="R1962" s="115">
        <v>1</v>
      </c>
      <c r="S1962" s="115">
        <v>0</v>
      </c>
      <c r="T1962" s="115">
        <v>0</v>
      </c>
      <c r="U1962" s="119"/>
      <c r="V1962" s="119"/>
      <c r="W1962" s="119"/>
      <c r="X1962" s="119"/>
      <c r="Y1962" s="119"/>
      <c r="Z1962" s="119"/>
      <c r="AA1962" s="119"/>
      <c r="AB1962" s="119"/>
      <c r="AC1962" s="119"/>
      <c r="AD1962" s="119"/>
      <c r="AE1962" s="119"/>
      <c r="AF1962" s="119"/>
      <c r="AG1962" s="119"/>
      <c r="AH1962" s="119"/>
      <c r="AI1962" s="119"/>
      <c r="AJ1962" s="119"/>
      <c r="AK1962" s="119"/>
      <c r="AL1962" s="119"/>
      <c r="AM1962" s="119"/>
      <c r="AN1962" s="119"/>
      <c r="AO1962" s="119"/>
      <c r="AP1962" s="119"/>
      <c r="AQ1962" s="119"/>
      <c r="AR1962" s="119"/>
      <c r="AS1962" s="119"/>
      <c r="AT1962" s="119"/>
      <c r="AU1962" s="119"/>
      <c r="AV1962" s="119"/>
      <c r="AW1962" s="119"/>
      <c r="AX1962" s="119"/>
      <c r="AY1962" s="119"/>
      <c r="AZ1962" s="119"/>
      <c r="BA1962" s="119"/>
      <c r="BB1962" s="107">
        <v>45884</v>
      </c>
    </row>
    <row r="1963" spans="1:54" s="207" customFormat="1" ht="13.95" customHeight="1" x14ac:dyDescent="0.25">
      <c r="A1963" s="208" t="s">
        <v>4702</v>
      </c>
      <c r="B1963" s="209" t="s">
        <v>20420</v>
      </c>
      <c r="C1963" s="113" t="s">
        <v>4703</v>
      </c>
      <c r="D1963" s="113" t="s">
        <v>4704</v>
      </c>
      <c r="E1963" s="210">
        <v>1972</v>
      </c>
      <c r="F1963" s="210">
        <v>2803</v>
      </c>
      <c r="G1963" s="113" t="s">
        <v>1</v>
      </c>
      <c r="H1963" s="113">
        <v>0</v>
      </c>
      <c r="I1963" s="113">
        <v>0</v>
      </c>
      <c r="J1963" s="115">
        <v>1</v>
      </c>
      <c r="K1963" s="211">
        <v>1</v>
      </c>
      <c r="L1963" s="115">
        <v>1</v>
      </c>
      <c r="M1963" s="115">
        <v>0</v>
      </c>
      <c r="N1963" s="115">
        <v>1</v>
      </c>
      <c r="O1963" s="115">
        <v>1</v>
      </c>
      <c r="P1963" s="115">
        <v>1</v>
      </c>
      <c r="Q1963" s="115" t="s">
        <v>400</v>
      </c>
      <c r="R1963" s="115">
        <v>1</v>
      </c>
      <c r="S1963" s="115">
        <v>0</v>
      </c>
      <c r="T1963" s="115">
        <v>0</v>
      </c>
      <c r="U1963" s="119"/>
      <c r="V1963" s="119"/>
      <c r="W1963" s="119"/>
      <c r="X1963" s="119"/>
      <c r="Y1963" s="119"/>
      <c r="Z1963" s="119"/>
      <c r="AA1963" s="119"/>
      <c r="AB1963" s="119"/>
      <c r="AC1963" s="119"/>
      <c r="AD1963" s="119"/>
      <c r="AE1963" s="119"/>
      <c r="AF1963" s="119"/>
      <c r="AG1963" s="119"/>
      <c r="AH1963" s="119"/>
      <c r="AI1963" s="119"/>
      <c r="AJ1963" s="119"/>
      <c r="AK1963" s="119"/>
      <c r="AL1963" s="119"/>
      <c r="AM1963" s="119"/>
      <c r="AN1963" s="119"/>
      <c r="AO1963" s="119"/>
      <c r="AP1963" s="119"/>
      <c r="AQ1963" s="119"/>
      <c r="AR1963" s="119"/>
      <c r="AS1963" s="119"/>
      <c r="AT1963" s="119"/>
      <c r="AU1963" s="119"/>
      <c r="AV1963" s="119"/>
      <c r="AW1963" s="119"/>
      <c r="AX1963" s="119"/>
      <c r="AY1963" s="119"/>
      <c r="AZ1963" s="119"/>
      <c r="BA1963" s="119"/>
      <c r="BB1963" s="107">
        <v>45884</v>
      </c>
    </row>
    <row r="1964" spans="1:54" s="207" customFormat="1" ht="13.95" customHeight="1" x14ac:dyDescent="0.25">
      <c r="A1964" s="208" t="s">
        <v>4705</v>
      </c>
      <c r="B1964" s="209" t="s">
        <v>20420</v>
      </c>
      <c r="C1964" s="113" t="s">
        <v>4706</v>
      </c>
      <c r="D1964" s="113" t="s">
        <v>23618</v>
      </c>
      <c r="E1964" s="210">
        <v>1978</v>
      </c>
      <c r="F1964" s="210">
        <v>2807</v>
      </c>
      <c r="G1964" s="113" t="s">
        <v>1</v>
      </c>
      <c r="H1964" s="113">
        <v>0</v>
      </c>
      <c r="I1964" s="113">
        <v>0</v>
      </c>
      <c r="J1964" s="115">
        <v>1</v>
      </c>
      <c r="K1964" s="116" t="s">
        <v>174</v>
      </c>
      <c r="L1964" s="115">
        <v>1</v>
      </c>
      <c r="M1964" s="115">
        <v>0</v>
      </c>
      <c r="N1964" s="115">
        <v>0</v>
      </c>
      <c r="O1964" s="115">
        <v>1</v>
      </c>
      <c r="P1964" s="115">
        <v>1</v>
      </c>
      <c r="Q1964" s="115" t="s">
        <v>400</v>
      </c>
      <c r="R1964" s="115">
        <v>1</v>
      </c>
      <c r="S1964" s="115">
        <v>0</v>
      </c>
      <c r="T1964" s="115">
        <v>0</v>
      </c>
      <c r="U1964" s="119"/>
      <c r="V1964" s="119"/>
      <c r="W1964" s="119"/>
      <c r="X1964" s="119"/>
      <c r="Y1964" s="119"/>
      <c r="Z1964" s="119"/>
      <c r="AA1964" s="119"/>
      <c r="AB1964" s="119"/>
      <c r="AC1964" s="119"/>
      <c r="AD1964" s="119"/>
      <c r="AE1964" s="119"/>
      <c r="AF1964" s="119"/>
      <c r="AG1964" s="119"/>
      <c r="AH1964" s="119"/>
      <c r="AI1964" s="119"/>
      <c r="AJ1964" s="119"/>
      <c r="AK1964" s="119"/>
      <c r="AL1964" s="119"/>
      <c r="AM1964" s="119"/>
      <c r="AN1964" s="119"/>
      <c r="AO1964" s="119"/>
      <c r="AP1964" s="119"/>
      <c r="AQ1964" s="119"/>
      <c r="AR1964" s="119"/>
      <c r="AS1964" s="119"/>
      <c r="AT1964" s="119"/>
      <c r="AU1964" s="119"/>
      <c r="AV1964" s="119"/>
      <c r="AW1964" s="119"/>
      <c r="AX1964" s="119"/>
      <c r="AY1964" s="119"/>
      <c r="AZ1964" s="119"/>
      <c r="BA1964" s="119"/>
      <c r="BB1964" s="107">
        <v>45884</v>
      </c>
    </row>
    <row r="1965" spans="1:54" s="207" customFormat="1" ht="13.95" customHeight="1" x14ac:dyDescent="0.25">
      <c r="A1965" s="208" t="s">
        <v>4707</v>
      </c>
      <c r="B1965" s="209" t="s">
        <v>20420</v>
      </c>
      <c r="C1965" s="113" t="s">
        <v>4708</v>
      </c>
      <c r="D1965" s="113" t="s">
        <v>23619</v>
      </c>
      <c r="E1965" s="210">
        <v>1983</v>
      </c>
      <c r="F1965" s="210">
        <v>2817</v>
      </c>
      <c r="G1965" s="113" t="s">
        <v>1</v>
      </c>
      <c r="H1965" s="113">
        <v>0</v>
      </c>
      <c r="I1965" s="113">
        <v>0</v>
      </c>
      <c r="J1965" s="115">
        <v>1</v>
      </c>
      <c r="K1965" s="116" t="s">
        <v>174</v>
      </c>
      <c r="L1965" s="115">
        <v>1</v>
      </c>
      <c r="M1965" s="115">
        <v>0</v>
      </c>
      <c r="N1965" s="115">
        <v>0</v>
      </c>
      <c r="O1965" s="115">
        <v>1</v>
      </c>
      <c r="P1965" s="115" t="s">
        <v>400</v>
      </c>
      <c r="Q1965" s="115" t="s">
        <v>400</v>
      </c>
      <c r="R1965" s="115">
        <v>0</v>
      </c>
      <c r="S1965" s="115">
        <v>0</v>
      </c>
      <c r="T1965" s="115">
        <v>0</v>
      </c>
      <c r="U1965" s="119"/>
      <c r="V1965" s="119"/>
      <c r="W1965" s="119"/>
      <c r="X1965" s="119"/>
      <c r="Y1965" s="119"/>
      <c r="Z1965" s="119"/>
      <c r="AA1965" s="119"/>
      <c r="AB1965" s="119"/>
      <c r="AC1965" s="119"/>
      <c r="AD1965" s="119"/>
      <c r="AE1965" s="119"/>
      <c r="AF1965" s="119"/>
      <c r="AG1965" s="119"/>
      <c r="AH1965" s="119"/>
      <c r="AI1965" s="119"/>
      <c r="AJ1965" s="119"/>
      <c r="AK1965" s="119"/>
      <c r="AL1965" s="119"/>
      <c r="AM1965" s="119"/>
      <c r="AN1965" s="119"/>
      <c r="AO1965" s="119"/>
      <c r="AP1965" s="119"/>
      <c r="AQ1965" s="119"/>
      <c r="AR1965" s="119"/>
      <c r="AS1965" s="119"/>
      <c r="AT1965" s="119"/>
      <c r="AU1965" s="119"/>
      <c r="AV1965" s="119"/>
      <c r="AW1965" s="119"/>
      <c r="AX1965" s="119"/>
      <c r="AY1965" s="119"/>
      <c r="AZ1965" s="119"/>
      <c r="BA1965" s="119"/>
      <c r="BB1965" s="107">
        <v>45884</v>
      </c>
    </row>
    <row r="1966" spans="1:54" s="207" customFormat="1" ht="13.95" customHeight="1" x14ac:dyDescent="0.25">
      <c r="A1966" s="208" t="s">
        <v>4709</v>
      </c>
      <c r="B1966" s="209" t="s">
        <v>20420</v>
      </c>
      <c r="C1966" s="113" t="s">
        <v>4710</v>
      </c>
      <c r="D1966" s="113" t="s">
        <v>23620</v>
      </c>
      <c r="E1966" s="210">
        <v>1973</v>
      </c>
      <c r="F1966" s="210">
        <v>2818</v>
      </c>
      <c r="G1966" s="113" t="s">
        <v>1</v>
      </c>
      <c r="H1966" s="113">
        <v>0</v>
      </c>
      <c r="I1966" s="113">
        <v>0</v>
      </c>
      <c r="J1966" s="115">
        <v>1</v>
      </c>
      <c r="K1966" s="116" t="s">
        <v>174</v>
      </c>
      <c r="L1966" s="115">
        <v>1</v>
      </c>
      <c r="M1966" s="115">
        <v>1</v>
      </c>
      <c r="N1966" s="115">
        <v>0</v>
      </c>
      <c r="O1966" s="115">
        <v>1</v>
      </c>
      <c r="P1966" s="115" t="s">
        <v>400</v>
      </c>
      <c r="Q1966" s="115" t="s">
        <v>400</v>
      </c>
      <c r="R1966" s="115">
        <v>1</v>
      </c>
      <c r="S1966" s="115">
        <v>0</v>
      </c>
      <c r="T1966" s="115">
        <v>0</v>
      </c>
      <c r="U1966" s="119"/>
      <c r="V1966" s="119"/>
      <c r="W1966" s="119"/>
      <c r="X1966" s="119"/>
      <c r="Y1966" s="119"/>
      <c r="Z1966" s="119"/>
      <c r="AA1966" s="119"/>
      <c r="AB1966" s="119"/>
      <c r="AC1966" s="119"/>
      <c r="AD1966" s="119"/>
      <c r="AE1966" s="119"/>
      <c r="AF1966" s="119"/>
      <c r="AG1966" s="119"/>
      <c r="AH1966" s="119"/>
      <c r="AI1966" s="119"/>
      <c r="AJ1966" s="119"/>
      <c r="AK1966" s="119"/>
      <c r="AL1966" s="119"/>
      <c r="AM1966" s="119"/>
      <c r="AN1966" s="119"/>
      <c r="AO1966" s="119"/>
      <c r="AP1966" s="119"/>
      <c r="AQ1966" s="119"/>
      <c r="AR1966" s="119"/>
      <c r="AS1966" s="119"/>
      <c r="AT1966" s="119"/>
      <c r="AU1966" s="119"/>
      <c r="AV1966" s="119"/>
      <c r="AW1966" s="119"/>
      <c r="AX1966" s="119"/>
      <c r="AY1966" s="119"/>
      <c r="AZ1966" s="119"/>
      <c r="BA1966" s="119"/>
      <c r="BB1966" s="107">
        <v>45884</v>
      </c>
    </row>
    <row r="1967" spans="1:54" s="207" customFormat="1" ht="13.95" customHeight="1" x14ac:dyDescent="0.25">
      <c r="A1967" s="208" t="s">
        <v>4711</v>
      </c>
      <c r="B1967" s="209" t="s">
        <v>20420</v>
      </c>
      <c r="C1967" s="113" t="s">
        <v>4712</v>
      </c>
      <c r="D1967" s="113" t="s">
        <v>4713</v>
      </c>
      <c r="E1967" s="210">
        <v>1975</v>
      </c>
      <c r="F1967" s="210">
        <v>2820</v>
      </c>
      <c r="G1967" s="113" t="s">
        <v>1</v>
      </c>
      <c r="H1967" s="113">
        <v>0</v>
      </c>
      <c r="I1967" s="113">
        <v>0</v>
      </c>
      <c r="J1967" s="115">
        <v>1</v>
      </c>
      <c r="K1967" s="116" t="s">
        <v>174</v>
      </c>
      <c r="L1967" s="115">
        <v>0</v>
      </c>
      <c r="M1967" s="115">
        <v>0</v>
      </c>
      <c r="N1967" s="115">
        <v>1</v>
      </c>
      <c r="O1967" s="115">
        <v>0</v>
      </c>
      <c r="P1967" s="115">
        <v>1</v>
      </c>
      <c r="Q1967" s="115" t="s">
        <v>400</v>
      </c>
      <c r="R1967" s="115">
        <v>0</v>
      </c>
      <c r="S1967" s="115">
        <v>1</v>
      </c>
      <c r="T1967" s="115">
        <v>0</v>
      </c>
      <c r="U1967" s="119"/>
      <c r="V1967" s="119"/>
      <c r="W1967" s="119"/>
      <c r="X1967" s="119"/>
      <c r="Y1967" s="119"/>
      <c r="Z1967" s="119"/>
      <c r="AA1967" s="119"/>
      <c r="AB1967" s="119"/>
      <c r="AC1967" s="119"/>
      <c r="AD1967" s="119"/>
      <c r="AE1967" s="119"/>
      <c r="AF1967" s="119"/>
      <c r="AG1967" s="119"/>
      <c r="AH1967" s="119"/>
      <c r="AI1967" s="119"/>
      <c r="AJ1967" s="119"/>
      <c r="AK1967" s="119"/>
      <c r="AL1967" s="119"/>
      <c r="AM1967" s="119"/>
      <c r="AN1967" s="119"/>
      <c r="AO1967" s="119"/>
      <c r="AP1967" s="119"/>
      <c r="AQ1967" s="119"/>
      <c r="AR1967" s="119"/>
      <c r="AS1967" s="119"/>
      <c r="AT1967" s="119"/>
      <c r="AU1967" s="119"/>
      <c r="AV1967" s="119"/>
      <c r="AW1967" s="119"/>
      <c r="AX1967" s="119"/>
      <c r="AY1967" s="119"/>
      <c r="AZ1967" s="119"/>
      <c r="BA1967" s="119"/>
      <c r="BB1967" s="107">
        <v>45884</v>
      </c>
    </row>
    <row r="1968" spans="1:54" s="207" customFormat="1" ht="13.95" customHeight="1" x14ac:dyDescent="0.25">
      <c r="A1968" s="208" t="s">
        <v>4714</v>
      </c>
      <c r="B1968" s="209" t="s">
        <v>20420</v>
      </c>
      <c r="C1968" s="113" t="s">
        <v>4715</v>
      </c>
      <c r="D1968" s="113" t="s">
        <v>23621</v>
      </c>
      <c r="E1968" s="210">
        <v>2007</v>
      </c>
      <c r="F1968" s="210">
        <v>3886</v>
      </c>
      <c r="G1968" s="113" t="s">
        <v>1</v>
      </c>
      <c r="H1968" s="113">
        <v>1</v>
      </c>
      <c r="I1968" s="113">
        <v>1</v>
      </c>
      <c r="J1968" s="115">
        <v>1</v>
      </c>
      <c r="K1968" s="211">
        <v>1</v>
      </c>
      <c r="L1968" s="115">
        <v>0</v>
      </c>
      <c r="M1968" s="115">
        <v>1</v>
      </c>
      <c r="N1968" s="115">
        <v>1</v>
      </c>
      <c r="O1968" s="115">
        <v>1</v>
      </c>
      <c r="P1968" s="115">
        <v>1</v>
      </c>
      <c r="Q1968" s="115" t="s">
        <v>400</v>
      </c>
      <c r="R1968" s="115">
        <v>0</v>
      </c>
      <c r="S1968" s="115">
        <v>0</v>
      </c>
      <c r="T1968" s="115">
        <v>0</v>
      </c>
      <c r="U1968" s="119"/>
      <c r="V1968" s="119"/>
      <c r="W1968" s="119"/>
      <c r="X1968" s="119"/>
      <c r="Y1968" s="119"/>
      <c r="Z1968" s="119"/>
      <c r="AA1968" s="119"/>
      <c r="AB1968" s="119"/>
      <c r="AC1968" s="119"/>
      <c r="AD1968" s="119"/>
      <c r="AE1968" s="119"/>
      <c r="AF1968" s="119"/>
      <c r="AG1968" s="119"/>
      <c r="AH1968" s="119"/>
      <c r="AI1968" s="119"/>
      <c r="AJ1968" s="119"/>
      <c r="AK1968" s="119"/>
      <c r="AL1968" s="119"/>
      <c r="AM1968" s="119"/>
      <c r="AN1968" s="119"/>
      <c r="AO1968" s="119"/>
      <c r="AP1968" s="119"/>
      <c r="AQ1968" s="119"/>
      <c r="AR1968" s="119"/>
      <c r="AS1968" s="119"/>
      <c r="AT1968" s="119"/>
      <c r="AU1968" s="119"/>
      <c r="AV1968" s="119"/>
      <c r="AW1968" s="119"/>
      <c r="AX1968" s="119"/>
      <c r="AY1968" s="119"/>
      <c r="AZ1968" s="119"/>
      <c r="BA1968" s="119"/>
      <c r="BB1968" s="107">
        <v>45884</v>
      </c>
    </row>
    <row r="1969" spans="1:54" s="207" customFormat="1" ht="13.95" customHeight="1" x14ac:dyDescent="0.25">
      <c r="A1969" s="208" t="s">
        <v>4716</v>
      </c>
      <c r="B1969" s="209" t="s">
        <v>20420</v>
      </c>
      <c r="C1969" s="113" t="s">
        <v>4717</v>
      </c>
      <c r="D1969" s="113" t="s">
        <v>4718</v>
      </c>
      <c r="E1969" s="210">
        <v>1996</v>
      </c>
      <c r="F1969" s="210">
        <v>2826</v>
      </c>
      <c r="G1969" s="113" t="s">
        <v>1</v>
      </c>
      <c r="H1969" s="113">
        <v>0</v>
      </c>
      <c r="I1969" s="113">
        <v>0</v>
      </c>
      <c r="J1969" s="115">
        <v>1</v>
      </c>
      <c r="K1969" s="116" t="s">
        <v>174</v>
      </c>
      <c r="L1969" s="115">
        <v>1</v>
      </c>
      <c r="M1969" s="115">
        <v>0</v>
      </c>
      <c r="N1969" s="115">
        <v>1</v>
      </c>
      <c r="O1969" s="115">
        <v>0</v>
      </c>
      <c r="P1969" s="115">
        <v>1</v>
      </c>
      <c r="Q1969" s="115" t="s">
        <v>400</v>
      </c>
      <c r="R1969" s="115">
        <v>0</v>
      </c>
      <c r="S1969" s="115">
        <v>0</v>
      </c>
      <c r="T1969" s="115">
        <v>1</v>
      </c>
      <c r="U1969" s="119"/>
      <c r="V1969" s="119"/>
      <c r="W1969" s="119"/>
      <c r="X1969" s="119"/>
      <c r="Y1969" s="119"/>
      <c r="Z1969" s="119"/>
      <c r="AA1969" s="119"/>
      <c r="AB1969" s="119"/>
      <c r="AC1969" s="119"/>
      <c r="AD1969" s="119"/>
      <c r="AE1969" s="119"/>
      <c r="AF1969" s="119"/>
      <c r="AG1969" s="119"/>
      <c r="AH1969" s="119"/>
      <c r="AI1969" s="119"/>
      <c r="AJ1969" s="119"/>
      <c r="AK1969" s="119"/>
      <c r="AL1969" s="119"/>
      <c r="AM1969" s="119"/>
      <c r="AN1969" s="119"/>
      <c r="AO1969" s="119"/>
      <c r="AP1969" s="119"/>
      <c r="AQ1969" s="119"/>
      <c r="AR1969" s="119"/>
      <c r="AS1969" s="119"/>
      <c r="AT1969" s="119"/>
      <c r="AU1969" s="119"/>
      <c r="AV1969" s="119"/>
      <c r="AW1969" s="119"/>
      <c r="AX1969" s="119"/>
      <c r="AY1969" s="119"/>
      <c r="AZ1969" s="119"/>
      <c r="BA1969" s="119"/>
      <c r="BB1969" s="107">
        <v>45884</v>
      </c>
    </row>
    <row r="1970" spans="1:54" s="207" customFormat="1" ht="13.95" customHeight="1" x14ac:dyDescent="0.25">
      <c r="A1970" s="208" t="s">
        <v>4719</v>
      </c>
      <c r="B1970" s="209" t="s">
        <v>20420</v>
      </c>
      <c r="C1970" s="113" t="s">
        <v>4720</v>
      </c>
      <c r="D1970" s="113" t="s">
        <v>4721</v>
      </c>
      <c r="E1970" s="210">
        <v>1952</v>
      </c>
      <c r="F1970" s="210">
        <v>2826</v>
      </c>
      <c r="G1970" s="113" t="s">
        <v>1</v>
      </c>
      <c r="H1970" s="113">
        <v>0</v>
      </c>
      <c r="I1970" s="113">
        <v>0</v>
      </c>
      <c r="J1970" s="115">
        <v>1</v>
      </c>
      <c r="K1970" s="116" t="s">
        <v>174</v>
      </c>
      <c r="L1970" s="115">
        <v>1</v>
      </c>
      <c r="M1970" s="115">
        <v>1</v>
      </c>
      <c r="N1970" s="115">
        <v>1</v>
      </c>
      <c r="O1970" s="115">
        <v>1</v>
      </c>
      <c r="P1970" s="115" t="s">
        <v>400</v>
      </c>
      <c r="Q1970" s="115">
        <v>1</v>
      </c>
      <c r="R1970" s="115">
        <v>1</v>
      </c>
      <c r="S1970" s="115">
        <v>0</v>
      </c>
      <c r="T1970" s="115">
        <v>0</v>
      </c>
      <c r="U1970" s="119"/>
      <c r="V1970" s="119"/>
      <c r="W1970" s="119"/>
      <c r="X1970" s="119"/>
      <c r="Y1970" s="119"/>
      <c r="Z1970" s="119"/>
      <c r="AA1970" s="119"/>
      <c r="AB1970" s="119"/>
      <c r="AC1970" s="119"/>
      <c r="AD1970" s="119"/>
      <c r="AE1970" s="119"/>
      <c r="AF1970" s="119"/>
      <c r="AG1970" s="119"/>
      <c r="AH1970" s="119"/>
      <c r="AI1970" s="119"/>
      <c r="AJ1970" s="119"/>
      <c r="AK1970" s="119"/>
      <c r="AL1970" s="119"/>
      <c r="AM1970" s="119"/>
      <c r="AN1970" s="119"/>
      <c r="AO1970" s="119"/>
      <c r="AP1970" s="119"/>
      <c r="AQ1970" s="119"/>
      <c r="AR1970" s="119"/>
      <c r="AS1970" s="119"/>
      <c r="AT1970" s="119"/>
      <c r="AU1970" s="119"/>
      <c r="AV1970" s="119"/>
      <c r="AW1970" s="119"/>
      <c r="AX1970" s="119"/>
      <c r="AY1970" s="119"/>
      <c r="AZ1970" s="119"/>
      <c r="BA1970" s="119"/>
      <c r="BB1970" s="107">
        <v>45884</v>
      </c>
    </row>
    <row r="1971" spans="1:54" s="207" customFormat="1" ht="13.95" customHeight="1" x14ac:dyDescent="0.25">
      <c r="A1971" s="208" t="s">
        <v>4722</v>
      </c>
      <c r="B1971" s="209" t="s">
        <v>20420</v>
      </c>
      <c r="C1971" s="113" t="s">
        <v>4723</v>
      </c>
      <c r="D1971" s="113" t="s">
        <v>23622</v>
      </c>
      <c r="E1971" s="210">
        <v>1979</v>
      </c>
      <c r="F1971" s="210">
        <v>2831</v>
      </c>
      <c r="G1971" s="113" t="s">
        <v>1</v>
      </c>
      <c r="H1971" s="113">
        <v>0</v>
      </c>
      <c r="I1971" s="113">
        <v>0</v>
      </c>
      <c r="J1971" s="115">
        <v>1</v>
      </c>
      <c r="K1971" s="211">
        <v>1</v>
      </c>
      <c r="L1971" s="115">
        <v>1</v>
      </c>
      <c r="M1971" s="115">
        <v>1</v>
      </c>
      <c r="N1971" s="115">
        <v>1</v>
      </c>
      <c r="O1971" s="115">
        <v>1</v>
      </c>
      <c r="P1971" s="115" t="s">
        <v>400</v>
      </c>
      <c r="Q1971" s="115" t="s">
        <v>400</v>
      </c>
      <c r="R1971" s="115">
        <v>1</v>
      </c>
      <c r="S1971" s="115">
        <v>0</v>
      </c>
      <c r="T1971" s="115">
        <v>0</v>
      </c>
      <c r="U1971" s="119"/>
      <c r="V1971" s="119"/>
      <c r="W1971" s="119"/>
      <c r="X1971" s="119"/>
      <c r="Y1971" s="119"/>
      <c r="Z1971" s="119"/>
      <c r="AA1971" s="119"/>
      <c r="AB1971" s="119"/>
      <c r="AC1971" s="119"/>
      <c r="AD1971" s="119"/>
      <c r="AE1971" s="119"/>
      <c r="AF1971" s="119"/>
      <c r="AG1971" s="119"/>
      <c r="AH1971" s="119"/>
      <c r="AI1971" s="119"/>
      <c r="AJ1971" s="119"/>
      <c r="AK1971" s="119"/>
      <c r="AL1971" s="119"/>
      <c r="AM1971" s="119"/>
      <c r="AN1971" s="119"/>
      <c r="AO1971" s="119"/>
      <c r="AP1971" s="119"/>
      <c r="AQ1971" s="119"/>
      <c r="AR1971" s="119"/>
      <c r="AS1971" s="119"/>
      <c r="AT1971" s="119"/>
      <c r="AU1971" s="119"/>
      <c r="AV1971" s="119"/>
      <c r="AW1971" s="119"/>
      <c r="AX1971" s="119"/>
      <c r="AY1971" s="119"/>
      <c r="AZ1971" s="119"/>
      <c r="BA1971" s="119"/>
      <c r="BB1971" s="107">
        <v>45884</v>
      </c>
    </row>
    <row r="1972" spans="1:54" s="207" customFormat="1" ht="13.95" customHeight="1" x14ac:dyDescent="0.25">
      <c r="A1972" s="208" t="s">
        <v>4724</v>
      </c>
      <c r="B1972" s="209" t="s">
        <v>20420</v>
      </c>
      <c r="C1972" s="113" t="s">
        <v>4725</v>
      </c>
      <c r="D1972" s="113" t="s">
        <v>23623</v>
      </c>
      <c r="E1972" s="210">
        <v>1992</v>
      </c>
      <c r="F1972" s="210">
        <v>2835</v>
      </c>
      <c r="G1972" s="113" t="s">
        <v>1</v>
      </c>
      <c r="H1972" s="113">
        <v>0</v>
      </c>
      <c r="I1972" s="113">
        <v>0</v>
      </c>
      <c r="J1972" s="115">
        <v>1</v>
      </c>
      <c r="K1972" s="116" t="s">
        <v>174</v>
      </c>
      <c r="L1972" s="115">
        <v>0</v>
      </c>
      <c r="M1972" s="115">
        <v>0</v>
      </c>
      <c r="N1972" s="115">
        <v>0</v>
      </c>
      <c r="O1972" s="115">
        <v>0</v>
      </c>
      <c r="P1972" s="115" t="s">
        <v>400</v>
      </c>
      <c r="Q1972" s="115" t="s">
        <v>400</v>
      </c>
      <c r="R1972" s="115">
        <v>0</v>
      </c>
      <c r="S1972" s="115">
        <v>0</v>
      </c>
      <c r="T1972" s="115">
        <v>0</v>
      </c>
      <c r="U1972" s="119"/>
      <c r="V1972" s="119"/>
      <c r="W1972" s="119"/>
      <c r="X1972" s="119"/>
      <c r="Y1972" s="119"/>
      <c r="Z1972" s="119"/>
      <c r="AA1972" s="119"/>
      <c r="AB1972" s="119"/>
      <c r="AC1972" s="119"/>
      <c r="AD1972" s="119"/>
      <c r="AE1972" s="119"/>
      <c r="AF1972" s="119"/>
      <c r="AG1972" s="119"/>
      <c r="AH1972" s="119"/>
      <c r="AI1972" s="119"/>
      <c r="AJ1972" s="119"/>
      <c r="AK1972" s="119"/>
      <c r="AL1972" s="119"/>
      <c r="AM1972" s="119"/>
      <c r="AN1972" s="119"/>
      <c r="AO1972" s="119"/>
      <c r="AP1972" s="119"/>
      <c r="AQ1972" s="119"/>
      <c r="AR1972" s="119"/>
      <c r="AS1972" s="119"/>
      <c r="AT1972" s="119"/>
      <c r="AU1972" s="119"/>
      <c r="AV1972" s="119"/>
      <c r="AW1972" s="119"/>
      <c r="AX1972" s="119"/>
      <c r="AY1972" s="119"/>
      <c r="AZ1972" s="119"/>
      <c r="BA1972" s="119"/>
      <c r="BB1972" s="107">
        <v>45884</v>
      </c>
    </row>
    <row r="1973" spans="1:54" s="207" customFormat="1" ht="13.95" customHeight="1" x14ac:dyDescent="0.25">
      <c r="A1973" s="208" t="s">
        <v>4726</v>
      </c>
      <c r="B1973" s="209" t="s">
        <v>20420</v>
      </c>
      <c r="C1973" s="113" t="s">
        <v>4727</v>
      </c>
      <c r="D1973" s="113" t="s">
        <v>4728</v>
      </c>
      <c r="E1973" s="210">
        <v>1986</v>
      </c>
      <c r="F1973" s="210">
        <v>2840</v>
      </c>
      <c r="G1973" s="113" t="s">
        <v>1</v>
      </c>
      <c r="H1973" s="113">
        <v>0</v>
      </c>
      <c r="I1973" s="113">
        <v>0</v>
      </c>
      <c r="J1973" s="115">
        <v>1</v>
      </c>
      <c r="K1973" s="116" t="s">
        <v>174</v>
      </c>
      <c r="L1973" s="115">
        <v>1</v>
      </c>
      <c r="M1973" s="115">
        <v>0</v>
      </c>
      <c r="N1973" s="115">
        <v>0</v>
      </c>
      <c r="O1973" s="115">
        <v>1</v>
      </c>
      <c r="P1973" s="115">
        <v>1</v>
      </c>
      <c r="Q1973" s="115" t="s">
        <v>400</v>
      </c>
      <c r="R1973" s="115">
        <v>1</v>
      </c>
      <c r="S1973" s="115">
        <v>0</v>
      </c>
      <c r="T1973" s="115">
        <v>0</v>
      </c>
      <c r="U1973" s="119"/>
      <c r="V1973" s="119"/>
      <c r="W1973" s="119"/>
      <c r="X1973" s="119"/>
      <c r="Y1973" s="119"/>
      <c r="Z1973" s="119"/>
      <c r="AA1973" s="119"/>
      <c r="AB1973" s="119"/>
      <c r="AC1973" s="119"/>
      <c r="AD1973" s="119"/>
      <c r="AE1973" s="119"/>
      <c r="AF1973" s="119"/>
      <c r="AG1973" s="119"/>
      <c r="AH1973" s="119"/>
      <c r="AI1973" s="119"/>
      <c r="AJ1973" s="119"/>
      <c r="AK1973" s="119"/>
      <c r="AL1973" s="119"/>
      <c r="AM1973" s="119"/>
      <c r="AN1973" s="119"/>
      <c r="AO1973" s="119"/>
      <c r="AP1973" s="119"/>
      <c r="AQ1973" s="119"/>
      <c r="AR1973" s="119"/>
      <c r="AS1973" s="119"/>
      <c r="AT1973" s="119"/>
      <c r="AU1973" s="119"/>
      <c r="AV1973" s="119"/>
      <c r="AW1973" s="119"/>
      <c r="AX1973" s="119"/>
      <c r="AY1973" s="119"/>
      <c r="AZ1973" s="119"/>
      <c r="BA1973" s="119"/>
      <c r="BB1973" s="107">
        <v>45884</v>
      </c>
    </row>
    <row r="1974" spans="1:54" s="207" customFormat="1" ht="13.95" customHeight="1" x14ac:dyDescent="0.25">
      <c r="A1974" s="208" t="s">
        <v>4729</v>
      </c>
      <c r="B1974" s="209" t="s">
        <v>20420</v>
      </c>
      <c r="C1974" s="113" t="s">
        <v>4730</v>
      </c>
      <c r="D1974" s="113" t="s">
        <v>23624</v>
      </c>
      <c r="E1974" s="210">
        <v>1996</v>
      </c>
      <c r="F1974" s="210">
        <v>2843</v>
      </c>
      <c r="G1974" s="113" t="s">
        <v>1</v>
      </c>
      <c r="H1974" s="113">
        <v>0</v>
      </c>
      <c r="I1974" s="113">
        <v>0</v>
      </c>
      <c r="J1974" s="115">
        <v>1</v>
      </c>
      <c r="K1974" s="116" t="s">
        <v>174</v>
      </c>
      <c r="L1974" s="115">
        <v>1</v>
      </c>
      <c r="M1974" s="115">
        <v>0</v>
      </c>
      <c r="N1974" s="115">
        <v>0</v>
      </c>
      <c r="O1974" s="115">
        <v>0</v>
      </c>
      <c r="P1974" s="115" t="s">
        <v>400</v>
      </c>
      <c r="Q1974" s="115" t="s">
        <v>400</v>
      </c>
      <c r="R1974" s="115">
        <v>0</v>
      </c>
      <c r="S1974" s="115">
        <v>0</v>
      </c>
      <c r="T1974" s="115">
        <v>0</v>
      </c>
      <c r="U1974" s="119"/>
      <c r="V1974" s="119"/>
      <c r="W1974" s="119"/>
      <c r="X1974" s="119"/>
      <c r="Y1974" s="119"/>
      <c r="Z1974" s="119"/>
      <c r="AA1974" s="119"/>
      <c r="AB1974" s="119"/>
      <c r="AC1974" s="119"/>
      <c r="AD1974" s="119"/>
      <c r="AE1974" s="119"/>
      <c r="AF1974" s="119"/>
      <c r="AG1974" s="119"/>
      <c r="AH1974" s="119"/>
      <c r="AI1974" s="119"/>
      <c r="AJ1974" s="119"/>
      <c r="AK1974" s="119"/>
      <c r="AL1974" s="119"/>
      <c r="AM1974" s="119"/>
      <c r="AN1974" s="119"/>
      <c r="AO1974" s="119"/>
      <c r="AP1974" s="119"/>
      <c r="AQ1974" s="119"/>
      <c r="AR1974" s="119"/>
      <c r="AS1974" s="119"/>
      <c r="AT1974" s="119"/>
      <c r="AU1974" s="119"/>
      <c r="AV1974" s="119"/>
      <c r="AW1974" s="119"/>
      <c r="AX1974" s="119"/>
      <c r="AY1974" s="119"/>
      <c r="AZ1974" s="119"/>
      <c r="BA1974" s="119"/>
      <c r="BB1974" s="107">
        <v>45884</v>
      </c>
    </row>
    <row r="1975" spans="1:54" s="207" customFormat="1" ht="13.95" customHeight="1" x14ac:dyDescent="0.25">
      <c r="A1975" s="208" t="s">
        <v>4731</v>
      </c>
      <c r="B1975" s="209" t="s">
        <v>20420</v>
      </c>
      <c r="C1975" s="113" t="s">
        <v>4732</v>
      </c>
      <c r="D1975" s="113" t="s">
        <v>23625</v>
      </c>
      <c r="E1975" s="210">
        <v>1977</v>
      </c>
      <c r="F1975" s="210">
        <v>2857</v>
      </c>
      <c r="G1975" s="113" t="s">
        <v>1</v>
      </c>
      <c r="H1975" s="113">
        <v>0</v>
      </c>
      <c r="I1975" s="113">
        <v>0</v>
      </c>
      <c r="J1975" s="115">
        <v>1</v>
      </c>
      <c r="K1975" s="116" t="s">
        <v>174</v>
      </c>
      <c r="L1975" s="115">
        <v>1</v>
      </c>
      <c r="M1975" s="115">
        <v>0</v>
      </c>
      <c r="N1975" s="115">
        <v>0</v>
      </c>
      <c r="O1975" s="115">
        <v>1</v>
      </c>
      <c r="P1975" s="115">
        <v>1</v>
      </c>
      <c r="Q1975" s="115" t="s">
        <v>400</v>
      </c>
      <c r="R1975" s="115">
        <v>1</v>
      </c>
      <c r="S1975" s="115">
        <v>0</v>
      </c>
      <c r="T1975" s="115">
        <v>0</v>
      </c>
      <c r="U1975" s="119"/>
      <c r="V1975" s="119"/>
      <c r="W1975" s="119"/>
      <c r="X1975" s="119"/>
      <c r="Y1975" s="119"/>
      <c r="Z1975" s="119"/>
      <c r="AA1975" s="119"/>
      <c r="AB1975" s="119"/>
      <c r="AC1975" s="119"/>
      <c r="AD1975" s="119"/>
      <c r="AE1975" s="119"/>
      <c r="AF1975" s="119"/>
      <c r="AG1975" s="119"/>
      <c r="AH1975" s="119"/>
      <c r="AI1975" s="119"/>
      <c r="AJ1975" s="119"/>
      <c r="AK1975" s="119"/>
      <c r="AL1975" s="119"/>
      <c r="AM1975" s="119"/>
      <c r="AN1975" s="119"/>
      <c r="AO1975" s="119"/>
      <c r="AP1975" s="119"/>
      <c r="AQ1975" s="119"/>
      <c r="AR1975" s="119"/>
      <c r="AS1975" s="119"/>
      <c r="AT1975" s="119"/>
      <c r="AU1975" s="119"/>
      <c r="AV1975" s="119"/>
      <c r="AW1975" s="119"/>
      <c r="AX1975" s="119"/>
      <c r="AY1975" s="119"/>
      <c r="AZ1975" s="119"/>
      <c r="BA1975" s="119"/>
      <c r="BB1975" s="107">
        <v>45884</v>
      </c>
    </row>
    <row r="1976" spans="1:54" s="207" customFormat="1" ht="13.95" customHeight="1" x14ac:dyDescent="0.25">
      <c r="A1976" s="208" t="s">
        <v>4733</v>
      </c>
      <c r="B1976" s="209" t="s">
        <v>20420</v>
      </c>
      <c r="C1976" s="113" t="s">
        <v>4734</v>
      </c>
      <c r="D1976" s="113" t="s">
        <v>23626</v>
      </c>
      <c r="E1976" s="210">
        <v>2000</v>
      </c>
      <c r="F1976" s="210">
        <v>2860</v>
      </c>
      <c r="G1976" s="113" t="s">
        <v>1</v>
      </c>
      <c r="H1976" s="113">
        <v>0</v>
      </c>
      <c r="I1976" s="113">
        <v>0</v>
      </c>
      <c r="J1976" s="115">
        <v>1</v>
      </c>
      <c r="K1976" s="116" t="s">
        <v>174</v>
      </c>
      <c r="L1976" s="115">
        <v>0</v>
      </c>
      <c r="M1976" s="115">
        <v>1</v>
      </c>
      <c r="N1976" s="115">
        <v>0</v>
      </c>
      <c r="O1976" s="115">
        <v>1</v>
      </c>
      <c r="P1976" s="115" t="s">
        <v>400</v>
      </c>
      <c r="Q1976" s="115" t="s">
        <v>400</v>
      </c>
      <c r="R1976" s="115">
        <v>1</v>
      </c>
      <c r="S1976" s="115">
        <v>0</v>
      </c>
      <c r="T1976" s="115">
        <v>0</v>
      </c>
      <c r="U1976" s="119"/>
      <c r="V1976" s="119"/>
      <c r="W1976" s="119"/>
      <c r="X1976" s="119"/>
      <c r="Y1976" s="119"/>
      <c r="Z1976" s="119"/>
      <c r="AA1976" s="119"/>
      <c r="AB1976" s="119"/>
      <c r="AC1976" s="119"/>
      <c r="AD1976" s="119"/>
      <c r="AE1976" s="119"/>
      <c r="AF1976" s="119"/>
      <c r="AG1976" s="119"/>
      <c r="AH1976" s="119"/>
      <c r="AI1976" s="119"/>
      <c r="AJ1976" s="119"/>
      <c r="AK1976" s="119"/>
      <c r="AL1976" s="119"/>
      <c r="AM1976" s="119"/>
      <c r="AN1976" s="119"/>
      <c r="AO1976" s="119"/>
      <c r="AP1976" s="119"/>
      <c r="AQ1976" s="119"/>
      <c r="AR1976" s="119"/>
      <c r="AS1976" s="119"/>
      <c r="AT1976" s="119"/>
      <c r="AU1976" s="119"/>
      <c r="AV1976" s="119"/>
      <c r="AW1976" s="119"/>
      <c r="AX1976" s="119"/>
      <c r="AY1976" s="119"/>
      <c r="AZ1976" s="119"/>
      <c r="BA1976" s="119"/>
      <c r="BB1976" s="107">
        <v>45884</v>
      </c>
    </row>
    <row r="1977" spans="1:54" s="207" customFormat="1" ht="13.95" customHeight="1" x14ac:dyDescent="0.25">
      <c r="A1977" s="208" t="s">
        <v>4735</v>
      </c>
      <c r="B1977" s="209" t="s">
        <v>20420</v>
      </c>
      <c r="C1977" s="113" t="s">
        <v>4736</v>
      </c>
      <c r="D1977" s="113" t="s">
        <v>23627</v>
      </c>
      <c r="E1977" s="210">
        <v>1995</v>
      </c>
      <c r="F1977" s="210">
        <v>2866</v>
      </c>
      <c r="G1977" s="113" t="s">
        <v>1</v>
      </c>
      <c r="H1977" s="113">
        <v>0</v>
      </c>
      <c r="I1977" s="113">
        <v>0</v>
      </c>
      <c r="J1977" s="115">
        <v>1</v>
      </c>
      <c r="K1977" s="116" t="s">
        <v>174</v>
      </c>
      <c r="L1977" s="115">
        <v>1</v>
      </c>
      <c r="M1977" s="115">
        <v>0</v>
      </c>
      <c r="N1977" s="115">
        <v>0</v>
      </c>
      <c r="O1977" s="115">
        <v>1</v>
      </c>
      <c r="P1977" s="115">
        <v>1</v>
      </c>
      <c r="Q1977" s="115" t="s">
        <v>400</v>
      </c>
      <c r="R1977" s="115">
        <v>1</v>
      </c>
      <c r="S1977" s="115">
        <v>0</v>
      </c>
      <c r="T1977" s="115">
        <v>0</v>
      </c>
      <c r="U1977" s="119"/>
      <c r="V1977" s="119"/>
      <c r="W1977" s="119"/>
      <c r="X1977" s="119"/>
      <c r="Y1977" s="119"/>
      <c r="Z1977" s="119"/>
      <c r="AA1977" s="119"/>
      <c r="AB1977" s="119"/>
      <c r="AC1977" s="119"/>
      <c r="AD1977" s="119"/>
      <c r="AE1977" s="119"/>
      <c r="AF1977" s="119"/>
      <c r="AG1977" s="119"/>
      <c r="AH1977" s="119"/>
      <c r="AI1977" s="119"/>
      <c r="AJ1977" s="119"/>
      <c r="AK1977" s="119"/>
      <c r="AL1977" s="119"/>
      <c r="AM1977" s="119"/>
      <c r="AN1977" s="119"/>
      <c r="AO1977" s="119"/>
      <c r="AP1977" s="119"/>
      <c r="AQ1977" s="119"/>
      <c r="AR1977" s="119"/>
      <c r="AS1977" s="119"/>
      <c r="AT1977" s="119"/>
      <c r="AU1977" s="119"/>
      <c r="AV1977" s="119"/>
      <c r="AW1977" s="119"/>
      <c r="AX1977" s="119"/>
      <c r="AY1977" s="119"/>
      <c r="AZ1977" s="119"/>
      <c r="BA1977" s="119"/>
      <c r="BB1977" s="107">
        <v>45884</v>
      </c>
    </row>
    <row r="1978" spans="1:54" s="207" customFormat="1" ht="13.95" customHeight="1" x14ac:dyDescent="0.25">
      <c r="A1978" s="208" t="s">
        <v>4737</v>
      </c>
      <c r="B1978" s="209" t="s">
        <v>20420</v>
      </c>
      <c r="C1978" s="113" t="s">
        <v>4738</v>
      </c>
      <c r="D1978" s="113" t="s">
        <v>23628</v>
      </c>
      <c r="E1978" s="210">
        <v>1988</v>
      </c>
      <c r="F1978" s="210">
        <v>2869</v>
      </c>
      <c r="G1978" s="113" t="s">
        <v>1</v>
      </c>
      <c r="H1978" s="113">
        <v>0</v>
      </c>
      <c r="I1978" s="113">
        <v>0</v>
      </c>
      <c r="J1978" s="115">
        <v>1</v>
      </c>
      <c r="K1978" s="116" t="s">
        <v>174</v>
      </c>
      <c r="L1978" s="115">
        <v>1</v>
      </c>
      <c r="M1978" s="115">
        <v>0</v>
      </c>
      <c r="N1978" s="115">
        <v>0</v>
      </c>
      <c r="O1978" s="115">
        <v>1</v>
      </c>
      <c r="P1978" s="115">
        <v>1</v>
      </c>
      <c r="Q1978" s="115" t="s">
        <v>400</v>
      </c>
      <c r="R1978" s="115">
        <v>0</v>
      </c>
      <c r="S1978" s="115">
        <v>0</v>
      </c>
      <c r="T1978" s="115">
        <v>0</v>
      </c>
      <c r="U1978" s="119"/>
      <c r="V1978" s="119"/>
      <c r="W1978" s="119"/>
      <c r="X1978" s="119"/>
      <c r="Y1978" s="119"/>
      <c r="Z1978" s="119"/>
      <c r="AA1978" s="119"/>
      <c r="AB1978" s="119"/>
      <c r="AC1978" s="119"/>
      <c r="AD1978" s="119"/>
      <c r="AE1978" s="119"/>
      <c r="AF1978" s="119"/>
      <c r="AG1978" s="119"/>
      <c r="AH1978" s="119"/>
      <c r="AI1978" s="119"/>
      <c r="AJ1978" s="119"/>
      <c r="AK1978" s="119"/>
      <c r="AL1978" s="119"/>
      <c r="AM1978" s="119"/>
      <c r="AN1978" s="119"/>
      <c r="AO1978" s="119"/>
      <c r="AP1978" s="119"/>
      <c r="AQ1978" s="119"/>
      <c r="AR1978" s="119"/>
      <c r="AS1978" s="119"/>
      <c r="AT1978" s="119"/>
      <c r="AU1978" s="119"/>
      <c r="AV1978" s="119"/>
      <c r="AW1978" s="119"/>
      <c r="AX1978" s="119"/>
      <c r="AY1978" s="119"/>
      <c r="AZ1978" s="119"/>
      <c r="BA1978" s="119"/>
      <c r="BB1978" s="107">
        <v>45884</v>
      </c>
    </row>
    <row r="1979" spans="1:54" s="207" customFormat="1" ht="13.95" customHeight="1" x14ac:dyDescent="0.25">
      <c r="A1979" s="208" t="s">
        <v>4739</v>
      </c>
      <c r="B1979" s="209" t="s">
        <v>20420</v>
      </c>
      <c r="C1979" s="113" t="s">
        <v>4740</v>
      </c>
      <c r="D1979" s="113" t="s">
        <v>4741</v>
      </c>
      <c r="E1979" s="210">
        <v>1989</v>
      </c>
      <c r="F1979" s="210">
        <v>2876</v>
      </c>
      <c r="G1979" s="113" t="s">
        <v>1</v>
      </c>
      <c r="H1979" s="113">
        <v>0</v>
      </c>
      <c r="I1979" s="113">
        <v>0</v>
      </c>
      <c r="J1979" s="115">
        <v>1</v>
      </c>
      <c r="K1979" s="116" t="s">
        <v>174</v>
      </c>
      <c r="L1979" s="115">
        <v>0</v>
      </c>
      <c r="M1979" s="115">
        <v>0</v>
      </c>
      <c r="N1979" s="115">
        <v>1</v>
      </c>
      <c r="O1979" s="115">
        <v>0</v>
      </c>
      <c r="P1979" s="115" t="s">
        <v>400</v>
      </c>
      <c r="Q1979" s="115" t="s">
        <v>400</v>
      </c>
      <c r="R1979" s="115">
        <v>0</v>
      </c>
      <c r="S1979" s="115">
        <v>0</v>
      </c>
      <c r="T1979" s="115">
        <v>0</v>
      </c>
      <c r="U1979" s="119"/>
      <c r="V1979" s="119"/>
      <c r="W1979" s="119"/>
      <c r="X1979" s="119"/>
      <c r="Y1979" s="119"/>
      <c r="Z1979" s="119"/>
      <c r="AA1979" s="119"/>
      <c r="AB1979" s="119"/>
      <c r="AC1979" s="119"/>
      <c r="AD1979" s="119"/>
      <c r="AE1979" s="119"/>
      <c r="AF1979" s="119"/>
      <c r="AG1979" s="119"/>
      <c r="AH1979" s="119"/>
      <c r="AI1979" s="119"/>
      <c r="AJ1979" s="119"/>
      <c r="AK1979" s="119"/>
      <c r="AL1979" s="119"/>
      <c r="AM1979" s="119"/>
      <c r="AN1979" s="119"/>
      <c r="AO1979" s="119"/>
      <c r="AP1979" s="119"/>
      <c r="AQ1979" s="119"/>
      <c r="AR1979" s="119"/>
      <c r="AS1979" s="119"/>
      <c r="AT1979" s="119"/>
      <c r="AU1979" s="119"/>
      <c r="AV1979" s="119"/>
      <c r="AW1979" s="119"/>
      <c r="AX1979" s="119"/>
      <c r="AY1979" s="119"/>
      <c r="AZ1979" s="119"/>
      <c r="BA1979" s="119"/>
      <c r="BB1979" s="107">
        <v>45884</v>
      </c>
    </row>
    <row r="1980" spans="1:54" s="207" customFormat="1" ht="13.95" customHeight="1" x14ac:dyDescent="0.25">
      <c r="A1980" s="208" t="s">
        <v>4742</v>
      </c>
      <c r="B1980" s="209" t="s">
        <v>20420</v>
      </c>
      <c r="C1980" s="113" t="s">
        <v>4743</v>
      </c>
      <c r="D1980" s="113" t="s">
        <v>23629</v>
      </c>
      <c r="E1980" s="210">
        <v>1965</v>
      </c>
      <c r="F1980" s="210">
        <v>2879</v>
      </c>
      <c r="G1980" s="113" t="s">
        <v>1</v>
      </c>
      <c r="H1980" s="113">
        <v>1</v>
      </c>
      <c r="I1980" s="113">
        <v>1</v>
      </c>
      <c r="J1980" s="115">
        <v>1</v>
      </c>
      <c r="K1980" s="116" t="s">
        <v>174</v>
      </c>
      <c r="L1980" s="115">
        <v>1</v>
      </c>
      <c r="M1980" s="115">
        <v>1</v>
      </c>
      <c r="N1980" s="115">
        <v>1</v>
      </c>
      <c r="O1980" s="115">
        <v>1</v>
      </c>
      <c r="P1980" s="115" t="s">
        <v>400</v>
      </c>
      <c r="Q1980" s="115" t="s">
        <v>400</v>
      </c>
      <c r="R1980" s="115">
        <v>1</v>
      </c>
      <c r="S1980" s="115">
        <v>0</v>
      </c>
      <c r="T1980" s="115">
        <v>0</v>
      </c>
      <c r="U1980" s="119"/>
      <c r="V1980" s="119"/>
      <c r="W1980" s="119"/>
      <c r="X1980" s="119"/>
      <c r="Y1980" s="119"/>
      <c r="Z1980" s="119"/>
      <c r="AA1980" s="119"/>
      <c r="AB1980" s="119"/>
      <c r="AC1980" s="119"/>
      <c r="AD1980" s="119"/>
      <c r="AE1980" s="119"/>
      <c r="AF1980" s="119"/>
      <c r="AG1980" s="119"/>
      <c r="AH1980" s="119"/>
      <c r="AI1980" s="119"/>
      <c r="AJ1980" s="119"/>
      <c r="AK1980" s="119"/>
      <c r="AL1980" s="119"/>
      <c r="AM1980" s="119"/>
      <c r="AN1980" s="119"/>
      <c r="AO1980" s="119"/>
      <c r="AP1980" s="119"/>
      <c r="AQ1980" s="119"/>
      <c r="AR1980" s="119"/>
      <c r="AS1980" s="119"/>
      <c r="AT1980" s="119"/>
      <c r="AU1980" s="119"/>
      <c r="AV1980" s="119"/>
      <c r="AW1980" s="119"/>
      <c r="AX1980" s="119"/>
      <c r="AY1980" s="119"/>
      <c r="AZ1980" s="119"/>
      <c r="BA1980" s="119"/>
      <c r="BB1980" s="107">
        <v>45884</v>
      </c>
    </row>
    <row r="1981" spans="1:54" s="207" customFormat="1" ht="13.95" customHeight="1" x14ac:dyDescent="0.25">
      <c r="A1981" s="208" t="s">
        <v>4744</v>
      </c>
      <c r="B1981" s="209" t="s">
        <v>20420</v>
      </c>
      <c r="C1981" s="113" t="s">
        <v>4745</v>
      </c>
      <c r="D1981" s="113" t="s">
        <v>4746</v>
      </c>
      <c r="E1981" s="210">
        <v>1969</v>
      </c>
      <c r="F1981" s="210">
        <v>2884</v>
      </c>
      <c r="G1981" s="113" t="s">
        <v>1</v>
      </c>
      <c r="H1981" s="113">
        <v>0</v>
      </c>
      <c r="I1981" s="113">
        <v>0</v>
      </c>
      <c r="J1981" s="115">
        <v>1</v>
      </c>
      <c r="K1981" s="211">
        <v>1</v>
      </c>
      <c r="L1981" s="115">
        <v>1</v>
      </c>
      <c r="M1981" s="115">
        <v>1</v>
      </c>
      <c r="N1981" s="115">
        <v>1</v>
      </c>
      <c r="O1981" s="115">
        <v>1</v>
      </c>
      <c r="P1981" s="115" t="s">
        <v>400</v>
      </c>
      <c r="Q1981" s="115" t="s">
        <v>400</v>
      </c>
      <c r="R1981" s="115">
        <v>1</v>
      </c>
      <c r="S1981" s="115">
        <v>0</v>
      </c>
      <c r="T1981" s="115">
        <v>0</v>
      </c>
      <c r="U1981" s="119"/>
      <c r="V1981" s="119"/>
      <c r="W1981" s="119"/>
      <c r="X1981" s="119"/>
      <c r="Y1981" s="119"/>
      <c r="Z1981" s="119"/>
      <c r="AA1981" s="119"/>
      <c r="AB1981" s="119"/>
      <c r="AC1981" s="119"/>
      <c r="AD1981" s="119"/>
      <c r="AE1981" s="119"/>
      <c r="AF1981" s="119"/>
      <c r="AG1981" s="119"/>
      <c r="AH1981" s="119"/>
      <c r="AI1981" s="119"/>
      <c r="AJ1981" s="119"/>
      <c r="AK1981" s="119"/>
      <c r="AL1981" s="119"/>
      <c r="AM1981" s="119"/>
      <c r="AN1981" s="119"/>
      <c r="AO1981" s="119"/>
      <c r="AP1981" s="119"/>
      <c r="AQ1981" s="119"/>
      <c r="AR1981" s="119"/>
      <c r="AS1981" s="119"/>
      <c r="AT1981" s="119"/>
      <c r="AU1981" s="119"/>
      <c r="AV1981" s="119"/>
      <c r="AW1981" s="119"/>
      <c r="AX1981" s="119"/>
      <c r="AY1981" s="119"/>
      <c r="AZ1981" s="119"/>
      <c r="BA1981" s="119"/>
      <c r="BB1981" s="107">
        <v>45884</v>
      </c>
    </row>
    <row r="1982" spans="1:54" s="207" customFormat="1" ht="13.95" customHeight="1" x14ac:dyDescent="0.25">
      <c r="A1982" s="208" t="s">
        <v>4747</v>
      </c>
      <c r="B1982" s="209" t="s">
        <v>20420</v>
      </c>
      <c r="C1982" s="113" t="s">
        <v>4748</v>
      </c>
      <c r="D1982" s="113" t="s">
        <v>23630</v>
      </c>
      <c r="E1982" s="210">
        <v>1990</v>
      </c>
      <c r="F1982" s="210">
        <v>2888</v>
      </c>
      <c r="G1982" s="113" t="s">
        <v>1</v>
      </c>
      <c r="H1982" s="113">
        <v>0</v>
      </c>
      <c r="I1982" s="113">
        <v>0</v>
      </c>
      <c r="J1982" s="115">
        <v>1</v>
      </c>
      <c r="K1982" s="211">
        <v>1</v>
      </c>
      <c r="L1982" s="115">
        <v>1</v>
      </c>
      <c r="M1982" s="115">
        <v>0</v>
      </c>
      <c r="N1982" s="115">
        <v>1</v>
      </c>
      <c r="O1982" s="115">
        <v>1</v>
      </c>
      <c r="P1982" s="115">
        <v>1</v>
      </c>
      <c r="Q1982" s="115" t="s">
        <v>400</v>
      </c>
      <c r="R1982" s="115">
        <v>1</v>
      </c>
      <c r="S1982" s="115">
        <v>0</v>
      </c>
      <c r="T1982" s="115">
        <v>0</v>
      </c>
      <c r="U1982" s="119"/>
      <c r="V1982" s="119"/>
      <c r="W1982" s="119"/>
      <c r="X1982" s="119"/>
      <c r="Y1982" s="119"/>
      <c r="Z1982" s="119"/>
      <c r="AA1982" s="119"/>
      <c r="AB1982" s="119"/>
      <c r="AC1982" s="119"/>
      <c r="AD1982" s="119"/>
      <c r="AE1982" s="119"/>
      <c r="AF1982" s="119"/>
      <c r="AG1982" s="119"/>
      <c r="AH1982" s="119"/>
      <c r="AI1982" s="119"/>
      <c r="AJ1982" s="119"/>
      <c r="AK1982" s="119"/>
      <c r="AL1982" s="119"/>
      <c r="AM1982" s="119"/>
      <c r="AN1982" s="119"/>
      <c r="AO1982" s="119"/>
      <c r="AP1982" s="119"/>
      <c r="AQ1982" s="119"/>
      <c r="AR1982" s="119"/>
      <c r="AS1982" s="119"/>
      <c r="AT1982" s="119"/>
      <c r="AU1982" s="119"/>
      <c r="AV1982" s="119"/>
      <c r="AW1982" s="119"/>
      <c r="AX1982" s="119"/>
      <c r="AY1982" s="119"/>
      <c r="AZ1982" s="119"/>
      <c r="BA1982" s="119"/>
      <c r="BB1982" s="107">
        <v>45884</v>
      </c>
    </row>
    <row r="1983" spans="1:54" s="207" customFormat="1" ht="13.95" customHeight="1" x14ac:dyDescent="0.25">
      <c r="A1983" s="208" t="s">
        <v>4749</v>
      </c>
      <c r="B1983" s="209" t="s">
        <v>20420</v>
      </c>
      <c r="C1983" s="113" t="s">
        <v>4750</v>
      </c>
      <c r="D1983" s="113" t="s">
        <v>23631</v>
      </c>
      <c r="E1983" s="210">
        <v>1973</v>
      </c>
      <c r="F1983" s="210">
        <v>2889</v>
      </c>
      <c r="G1983" s="113" t="s">
        <v>1</v>
      </c>
      <c r="H1983" s="113">
        <v>0</v>
      </c>
      <c r="I1983" s="113">
        <v>0</v>
      </c>
      <c r="J1983" s="115">
        <v>1</v>
      </c>
      <c r="K1983" s="211">
        <v>1</v>
      </c>
      <c r="L1983" s="115">
        <v>1</v>
      </c>
      <c r="M1983" s="115">
        <v>0</v>
      </c>
      <c r="N1983" s="115">
        <v>0</v>
      </c>
      <c r="O1983" s="115">
        <v>1</v>
      </c>
      <c r="P1983" s="115" t="s">
        <v>400</v>
      </c>
      <c r="Q1983" s="115" t="s">
        <v>400</v>
      </c>
      <c r="R1983" s="115">
        <v>1</v>
      </c>
      <c r="S1983" s="115">
        <v>0</v>
      </c>
      <c r="T1983" s="115">
        <v>0</v>
      </c>
      <c r="U1983" s="119"/>
      <c r="V1983" s="119"/>
      <c r="W1983" s="119"/>
      <c r="X1983" s="119"/>
      <c r="Y1983" s="119"/>
      <c r="Z1983" s="119"/>
      <c r="AA1983" s="119"/>
      <c r="AB1983" s="119"/>
      <c r="AC1983" s="119"/>
      <c r="AD1983" s="119"/>
      <c r="AE1983" s="119"/>
      <c r="AF1983" s="119"/>
      <c r="AG1983" s="119"/>
      <c r="AH1983" s="119"/>
      <c r="AI1983" s="119"/>
      <c r="AJ1983" s="119"/>
      <c r="AK1983" s="119"/>
      <c r="AL1983" s="119"/>
      <c r="AM1983" s="119"/>
      <c r="AN1983" s="119"/>
      <c r="AO1983" s="119"/>
      <c r="AP1983" s="119"/>
      <c r="AQ1983" s="119"/>
      <c r="AR1983" s="119"/>
      <c r="AS1983" s="119"/>
      <c r="AT1983" s="119"/>
      <c r="AU1983" s="119"/>
      <c r="AV1983" s="119"/>
      <c r="AW1983" s="119"/>
      <c r="AX1983" s="119"/>
      <c r="AY1983" s="119"/>
      <c r="AZ1983" s="119"/>
      <c r="BA1983" s="119"/>
      <c r="BB1983" s="107">
        <v>45884</v>
      </c>
    </row>
    <row r="1984" spans="1:54" s="207" customFormat="1" ht="13.95" customHeight="1" x14ac:dyDescent="0.25">
      <c r="A1984" s="208" t="s">
        <v>4751</v>
      </c>
      <c r="B1984" s="209" t="s">
        <v>20420</v>
      </c>
      <c r="C1984" s="113" t="s">
        <v>4752</v>
      </c>
      <c r="D1984" s="113" t="s">
        <v>4753</v>
      </c>
      <c r="E1984" s="210">
        <v>2003</v>
      </c>
      <c r="F1984" s="210">
        <v>2891</v>
      </c>
      <c r="G1984" s="113" t="s">
        <v>1</v>
      </c>
      <c r="H1984" s="113">
        <v>0</v>
      </c>
      <c r="I1984" s="113">
        <v>0</v>
      </c>
      <c r="J1984" s="115">
        <v>1</v>
      </c>
      <c r="K1984" s="116" t="s">
        <v>174</v>
      </c>
      <c r="L1984" s="115">
        <v>1</v>
      </c>
      <c r="M1984" s="115">
        <v>0</v>
      </c>
      <c r="N1984" s="115">
        <v>0</v>
      </c>
      <c r="O1984" s="115">
        <v>1</v>
      </c>
      <c r="P1984" s="115">
        <v>1</v>
      </c>
      <c r="Q1984" s="115" t="s">
        <v>400</v>
      </c>
      <c r="R1984" s="115">
        <v>1</v>
      </c>
      <c r="S1984" s="115">
        <v>0</v>
      </c>
      <c r="T1984" s="115">
        <v>0</v>
      </c>
      <c r="U1984" s="119"/>
      <c r="V1984" s="119"/>
      <c r="W1984" s="119"/>
      <c r="X1984" s="119"/>
      <c r="Y1984" s="119"/>
      <c r="Z1984" s="119"/>
      <c r="AA1984" s="119"/>
      <c r="AB1984" s="119"/>
      <c r="AC1984" s="119"/>
      <c r="AD1984" s="119"/>
      <c r="AE1984" s="119"/>
      <c r="AF1984" s="119"/>
      <c r="AG1984" s="119"/>
      <c r="AH1984" s="119"/>
      <c r="AI1984" s="119"/>
      <c r="AJ1984" s="119"/>
      <c r="AK1984" s="119"/>
      <c r="AL1984" s="119"/>
      <c r="AM1984" s="119"/>
      <c r="AN1984" s="119"/>
      <c r="AO1984" s="119"/>
      <c r="AP1984" s="119"/>
      <c r="AQ1984" s="119"/>
      <c r="AR1984" s="119"/>
      <c r="AS1984" s="119"/>
      <c r="AT1984" s="119"/>
      <c r="AU1984" s="119"/>
      <c r="AV1984" s="119"/>
      <c r="AW1984" s="119"/>
      <c r="AX1984" s="119"/>
      <c r="AY1984" s="119"/>
      <c r="AZ1984" s="119"/>
      <c r="BA1984" s="119"/>
      <c r="BB1984" s="107">
        <v>45884</v>
      </c>
    </row>
    <row r="1985" spans="1:54" s="207" customFormat="1" ht="13.95" customHeight="1" x14ac:dyDescent="0.25">
      <c r="A1985" s="208" t="s">
        <v>4754</v>
      </c>
      <c r="B1985" s="209" t="s">
        <v>20420</v>
      </c>
      <c r="C1985" s="113" t="s">
        <v>4755</v>
      </c>
      <c r="D1985" s="113" t="s">
        <v>23632</v>
      </c>
      <c r="E1985" s="210">
        <v>1994</v>
      </c>
      <c r="F1985" s="210">
        <v>2893</v>
      </c>
      <c r="G1985" s="113" t="s">
        <v>1</v>
      </c>
      <c r="H1985" s="113">
        <v>1</v>
      </c>
      <c r="I1985" s="113">
        <v>0</v>
      </c>
      <c r="J1985" s="115">
        <v>1</v>
      </c>
      <c r="K1985" s="116" t="s">
        <v>174</v>
      </c>
      <c r="L1985" s="115">
        <v>1</v>
      </c>
      <c r="M1985" s="115">
        <v>1</v>
      </c>
      <c r="N1985" s="115">
        <v>0</v>
      </c>
      <c r="O1985" s="115">
        <v>0</v>
      </c>
      <c r="P1985" s="115" t="s">
        <v>400</v>
      </c>
      <c r="Q1985" s="115" t="s">
        <v>400</v>
      </c>
      <c r="R1985" s="115">
        <v>0</v>
      </c>
      <c r="S1985" s="115">
        <v>0</v>
      </c>
      <c r="T1985" s="115">
        <v>0</v>
      </c>
      <c r="U1985" s="119"/>
      <c r="V1985" s="119"/>
      <c r="W1985" s="119"/>
      <c r="X1985" s="119"/>
      <c r="Y1985" s="119"/>
      <c r="Z1985" s="119"/>
      <c r="AA1985" s="119"/>
      <c r="AB1985" s="119"/>
      <c r="AC1985" s="119"/>
      <c r="AD1985" s="119"/>
      <c r="AE1985" s="119"/>
      <c r="AF1985" s="119"/>
      <c r="AG1985" s="119"/>
      <c r="AH1985" s="119"/>
      <c r="AI1985" s="119"/>
      <c r="AJ1985" s="119"/>
      <c r="AK1985" s="119"/>
      <c r="AL1985" s="119"/>
      <c r="AM1985" s="119"/>
      <c r="AN1985" s="119"/>
      <c r="AO1985" s="119"/>
      <c r="AP1985" s="119"/>
      <c r="AQ1985" s="119"/>
      <c r="AR1985" s="119"/>
      <c r="AS1985" s="119"/>
      <c r="AT1985" s="119"/>
      <c r="AU1985" s="119"/>
      <c r="AV1985" s="119"/>
      <c r="AW1985" s="119"/>
      <c r="AX1985" s="119"/>
      <c r="AY1985" s="119"/>
      <c r="AZ1985" s="119"/>
      <c r="BA1985" s="119"/>
      <c r="BB1985" s="107">
        <v>45884</v>
      </c>
    </row>
    <row r="1986" spans="1:54" s="207" customFormat="1" ht="13.95" customHeight="1" x14ac:dyDescent="0.25">
      <c r="A1986" s="208" t="s">
        <v>4756</v>
      </c>
      <c r="B1986" s="209" t="s">
        <v>20420</v>
      </c>
      <c r="C1986" s="113" t="s">
        <v>4757</v>
      </c>
      <c r="D1986" s="113" t="s">
        <v>4758</v>
      </c>
      <c r="E1986" s="210">
        <v>1987</v>
      </c>
      <c r="F1986" s="210">
        <v>2896</v>
      </c>
      <c r="G1986" s="113" t="s">
        <v>1</v>
      </c>
      <c r="H1986" s="113">
        <v>0</v>
      </c>
      <c r="I1986" s="113">
        <v>0</v>
      </c>
      <c r="J1986" s="115">
        <v>1</v>
      </c>
      <c r="K1986" s="116" t="s">
        <v>174</v>
      </c>
      <c r="L1986" s="115">
        <v>0</v>
      </c>
      <c r="M1986" s="115">
        <v>0</v>
      </c>
      <c r="N1986" s="115">
        <v>0</v>
      </c>
      <c r="O1986" s="115">
        <v>1</v>
      </c>
      <c r="P1986" s="115">
        <v>1</v>
      </c>
      <c r="Q1986" s="115" t="s">
        <v>400</v>
      </c>
      <c r="R1986" s="115">
        <v>0</v>
      </c>
      <c r="S1986" s="115">
        <v>0</v>
      </c>
      <c r="T1986" s="115">
        <v>0</v>
      </c>
      <c r="U1986" s="119"/>
      <c r="V1986" s="119"/>
      <c r="W1986" s="119"/>
      <c r="X1986" s="119"/>
      <c r="Y1986" s="119"/>
      <c r="Z1986" s="119"/>
      <c r="AA1986" s="119"/>
      <c r="AB1986" s="119"/>
      <c r="AC1986" s="119"/>
      <c r="AD1986" s="119"/>
      <c r="AE1986" s="119"/>
      <c r="AF1986" s="119"/>
      <c r="AG1986" s="119"/>
      <c r="AH1986" s="119"/>
      <c r="AI1986" s="119"/>
      <c r="AJ1986" s="119"/>
      <c r="AK1986" s="119"/>
      <c r="AL1986" s="119"/>
      <c r="AM1986" s="119"/>
      <c r="AN1986" s="119"/>
      <c r="AO1986" s="119"/>
      <c r="AP1986" s="119"/>
      <c r="AQ1986" s="119"/>
      <c r="AR1986" s="119"/>
      <c r="AS1986" s="119"/>
      <c r="AT1986" s="119"/>
      <c r="AU1986" s="119"/>
      <c r="AV1986" s="119"/>
      <c r="AW1986" s="119"/>
      <c r="AX1986" s="119"/>
      <c r="AY1986" s="119"/>
      <c r="AZ1986" s="119"/>
      <c r="BA1986" s="119"/>
      <c r="BB1986" s="107">
        <v>45884</v>
      </c>
    </row>
    <row r="1987" spans="1:54" s="207" customFormat="1" ht="13.95" customHeight="1" x14ac:dyDescent="0.25">
      <c r="A1987" s="208" t="s">
        <v>4759</v>
      </c>
      <c r="B1987" s="209" t="s">
        <v>20420</v>
      </c>
      <c r="C1987" s="113" t="s">
        <v>4760</v>
      </c>
      <c r="D1987" s="113" t="s">
        <v>23633</v>
      </c>
      <c r="E1987" s="210">
        <v>1978</v>
      </c>
      <c r="F1987" s="210">
        <v>2900</v>
      </c>
      <c r="G1987" s="113" t="s">
        <v>1</v>
      </c>
      <c r="H1987" s="113">
        <v>0</v>
      </c>
      <c r="I1987" s="113">
        <v>0</v>
      </c>
      <c r="J1987" s="115">
        <v>1</v>
      </c>
      <c r="K1987" s="116" t="s">
        <v>174</v>
      </c>
      <c r="L1987" s="115">
        <v>1</v>
      </c>
      <c r="M1987" s="115">
        <v>0</v>
      </c>
      <c r="N1987" s="115">
        <v>1</v>
      </c>
      <c r="O1987" s="115">
        <v>1</v>
      </c>
      <c r="P1987" s="115">
        <v>1</v>
      </c>
      <c r="Q1987" s="115" t="s">
        <v>400</v>
      </c>
      <c r="R1987" s="115">
        <v>1</v>
      </c>
      <c r="S1987" s="115">
        <v>0</v>
      </c>
      <c r="T1987" s="115">
        <v>0</v>
      </c>
      <c r="U1987" s="119"/>
      <c r="V1987" s="119"/>
      <c r="W1987" s="119"/>
      <c r="X1987" s="119"/>
      <c r="Y1987" s="119"/>
      <c r="Z1987" s="119"/>
      <c r="AA1987" s="119"/>
      <c r="AB1987" s="119"/>
      <c r="AC1987" s="119"/>
      <c r="AD1987" s="119"/>
      <c r="AE1987" s="119"/>
      <c r="AF1987" s="119"/>
      <c r="AG1987" s="119"/>
      <c r="AH1987" s="119"/>
      <c r="AI1987" s="119"/>
      <c r="AJ1987" s="119"/>
      <c r="AK1987" s="119"/>
      <c r="AL1987" s="119"/>
      <c r="AM1987" s="119"/>
      <c r="AN1987" s="119"/>
      <c r="AO1987" s="119"/>
      <c r="AP1987" s="119"/>
      <c r="AQ1987" s="119"/>
      <c r="AR1987" s="119"/>
      <c r="AS1987" s="119"/>
      <c r="AT1987" s="119"/>
      <c r="AU1987" s="119"/>
      <c r="AV1987" s="119"/>
      <c r="AW1987" s="119"/>
      <c r="AX1987" s="119"/>
      <c r="AY1987" s="119"/>
      <c r="AZ1987" s="119"/>
      <c r="BA1987" s="119"/>
      <c r="BB1987" s="107">
        <v>45884</v>
      </c>
    </row>
    <row r="1988" spans="1:54" s="207" customFormat="1" ht="13.95" customHeight="1" x14ac:dyDescent="0.25">
      <c r="A1988" s="208" t="s">
        <v>4761</v>
      </c>
      <c r="B1988" s="209" t="s">
        <v>20420</v>
      </c>
      <c r="C1988" s="113" t="s">
        <v>4762</v>
      </c>
      <c r="D1988" s="113" t="s">
        <v>23634</v>
      </c>
      <c r="E1988" s="210">
        <v>1978</v>
      </c>
      <c r="F1988" s="210">
        <v>2994</v>
      </c>
      <c r="G1988" s="113" t="s">
        <v>1</v>
      </c>
      <c r="H1988" s="113">
        <v>0</v>
      </c>
      <c r="I1988" s="113">
        <v>0</v>
      </c>
      <c r="J1988" s="115">
        <v>1</v>
      </c>
      <c r="K1988" s="211">
        <v>1</v>
      </c>
      <c r="L1988" s="115">
        <v>1</v>
      </c>
      <c r="M1988" s="115">
        <v>1</v>
      </c>
      <c r="N1988" s="115">
        <v>1</v>
      </c>
      <c r="O1988" s="115">
        <v>1</v>
      </c>
      <c r="P1988" s="115" t="s">
        <v>400</v>
      </c>
      <c r="Q1988" s="115">
        <v>1</v>
      </c>
      <c r="R1988" s="115">
        <v>1</v>
      </c>
      <c r="S1988" s="115">
        <v>0</v>
      </c>
      <c r="T1988" s="115">
        <v>0</v>
      </c>
      <c r="U1988" s="119"/>
      <c r="V1988" s="119"/>
      <c r="W1988" s="119"/>
      <c r="X1988" s="119"/>
      <c r="Y1988" s="119"/>
      <c r="Z1988" s="119"/>
      <c r="AA1988" s="119"/>
      <c r="AB1988" s="119"/>
      <c r="AC1988" s="119"/>
      <c r="AD1988" s="119"/>
      <c r="AE1988" s="119"/>
      <c r="AF1988" s="119"/>
      <c r="AG1988" s="119"/>
      <c r="AH1988" s="119"/>
      <c r="AI1988" s="119"/>
      <c r="AJ1988" s="119"/>
      <c r="AK1988" s="119"/>
      <c r="AL1988" s="119"/>
      <c r="AM1988" s="119"/>
      <c r="AN1988" s="119"/>
      <c r="AO1988" s="119"/>
      <c r="AP1988" s="119"/>
      <c r="AQ1988" s="119"/>
      <c r="AR1988" s="119"/>
      <c r="AS1988" s="119"/>
      <c r="AT1988" s="119"/>
      <c r="AU1988" s="119"/>
      <c r="AV1988" s="119"/>
      <c r="AW1988" s="119"/>
      <c r="AX1988" s="119"/>
      <c r="AY1988" s="119"/>
      <c r="AZ1988" s="119"/>
      <c r="BA1988" s="119"/>
      <c r="BB1988" s="107">
        <v>45884</v>
      </c>
    </row>
    <row r="1989" spans="1:54" s="207" customFormat="1" ht="13.95" customHeight="1" x14ac:dyDescent="0.25">
      <c r="A1989" s="208" t="s">
        <v>4763</v>
      </c>
      <c r="B1989" s="209" t="s">
        <v>20420</v>
      </c>
      <c r="C1989" s="113" t="s">
        <v>4764</v>
      </c>
      <c r="D1989" s="113" t="s">
        <v>23635</v>
      </c>
      <c r="E1989" s="210">
        <v>1994</v>
      </c>
      <c r="F1989" s="210">
        <v>2908</v>
      </c>
      <c r="G1989" s="113" t="s">
        <v>1</v>
      </c>
      <c r="H1989" s="113">
        <v>0</v>
      </c>
      <c r="I1989" s="113">
        <v>0</v>
      </c>
      <c r="J1989" s="115">
        <v>1</v>
      </c>
      <c r="K1989" s="116" t="s">
        <v>174</v>
      </c>
      <c r="L1989" s="115">
        <v>1</v>
      </c>
      <c r="M1989" s="115">
        <v>1</v>
      </c>
      <c r="N1989" s="115">
        <v>1</v>
      </c>
      <c r="O1989" s="115">
        <v>1</v>
      </c>
      <c r="P1989" s="115" t="s">
        <v>400</v>
      </c>
      <c r="Q1989" s="115" t="s">
        <v>400</v>
      </c>
      <c r="R1989" s="115">
        <v>1</v>
      </c>
      <c r="S1989" s="115">
        <v>1</v>
      </c>
      <c r="T1989" s="115">
        <v>0</v>
      </c>
      <c r="U1989" s="119"/>
      <c r="V1989" s="119"/>
      <c r="W1989" s="119"/>
      <c r="X1989" s="119"/>
      <c r="Y1989" s="119"/>
      <c r="Z1989" s="119"/>
      <c r="AA1989" s="119"/>
      <c r="AB1989" s="119"/>
      <c r="AC1989" s="119"/>
      <c r="AD1989" s="119"/>
      <c r="AE1989" s="119"/>
      <c r="AF1989" s="119"/>
      <c r="AG1989" s="119"/>
      <c r="AH1989" s="119"/>
      <c r="AI1989" s="119"/>
      <c r="AJ1989" s="119"/>
      <c r="AK1989" s="119"/>
      <c r="AL1989" s="119"/>
      <c r="AM1989" s="119"/>
      <c r="AN1989" s="119"/>
      <c r="AO1989" s="119"/>
      <c r="AP1989" s="119"/>
      <c r="AQ1989" s="119"/>
      <c r="AR1989" s="119"/>
      <c r="AS1989" s="119"/>
      <c r="AT1989" s="119"/>
      <c r="AU1989" s="119"/>
      <c r="AV1989" s="119"/>
      <c r="AW1989" s="119"/>
      <c r="AX1989" s="119"/>
      <c r="AY1989" s="119"/>
      <c r="AZ1989" s="119"/>
      <c r="BA1989" s="119"/>
      <c r="BB1989" s="107">
        <v>45884</v>
      </c>
    </row>
    <row r="1990" spans="1:54" s="207" customFormat="1" ht="13.95" customHeight="1" x14ac:dyDescent="0.25">
      <c r="A1990" s="208" t="s">
        <v>4765</v>
      </c>
      <c r="B1990" s="209" t="s">
        <v>20420</v>
      </c>
      <c r="C1990" s="113" t="s">
        <v>4766</v>
      </c>
      <c r="D1990" s="113" t="s">
        <v>4767</v>
      </c>
      <c r="E1990" s="210">
        <v>1977</v>
      </c>
      <c r="F1990" s="210">
        <v>2911</v>
      </c>
      <c r="G1990" s="113" t="s">
        <v>1</v>
      </c>
      <c r="H1990" s="113">
        <v>0</v>
      </c>
      <c r="I1990" s="113">
        <v>0</v>
      </c>
      <c r="J1990" s="115">
        <v>1</v>
      </c>
      <c r="K1990" s="211">
        <v>1</v>
      </c>
      <c r="L1990" s="115">
        <v>0</v>
      </c>
      <c r="M1990" s="115">
        <v>1</v>
      </c>
      <c r="N1990" s="115">
        <v>0</v>
      </c>
      <c r="O1990" s="115">
        <v>1</v>
      </c>
      <c r="P1990" s="115" t="s">
        <v>400</v>
      </c>
      <c r="Q1990" s="115" t="s">
        <v>400</v>
      </c>
      <c r="R1990" s="115">
        <v>1</v>
      </c>
      <c r="S1990" s="115">
        <v>0</v>
      </c>
      <c r="T1990" s="115">
        <v>0</v>
      </c>
      <c r="U1990" s="119"/>
      <c r="V1990" s="119"/>
      <c r="W1990" s="119"/>
      <c r="X1990" s="119"/>
      <c r="Y1990" s="119"/>
      <c r="Z1990" s="119"/>
      <c r="AA1990" s="119"/>
      <c r="AB1990" s="119"/>
      <c r="AC1990" s="119"/>
      <c r="AD1990" s="119"/>
      <c r="AE1990" s="119"/>
      <c r="AF1990" s="119"/>
      <c r="AG1990" s="119"/>
      <c r="AH1990" s="119"/>
      <c r="AI1990" s="119"/>
      <c r="AJ1990" s="119"/>
      <c r="AK1990" s="119"/>
      <c r="AL1990" s="119"/>
      <c r="AM1990" s="119"/>
      <c r="AN1990" s="119"/>
      <c r="AO1990" s="119"/>
      <c r="AP1990" s="119"/>
      <c r="AQ1990" s="119"/>
      <c r="AR1990" s="119"/>
      <c r="AS1990" s="119"/>
      <c r="AT1990" s="119"/>
      <c r="AU1990" s="119"/>
      <c r="AV1990" s="119"/>
      <c r="AW1990" s="119"/>
      <c r="AX1990" s="119"/>
      <c r="AY1990" s="119"/>
      <c r="AZ1990" s="119"/>
      <c r="BA1990" s="119"/>
      <c r="BB1990" s="107">
        <v>45884</v>
      </c>
    </row>
    <row r="1991" spans="1:54" s="207" customFormat="1" ht="13.95" customHeight="1" x14ac:dyDescent="0.25">
      <c r="A1991" s="208" t="s">
        <v>4768</v>
      </c>
      <c r="B1991" s="209" t="s">
        <v>20420</v>
      </c>
      <c r="C1991" s="113" t="s">
        <v>4769</v>
      </c>
      <c r="D1991" s="113" t="s">
        <v>23636</v>
      </c>
      <c r="E1991" s="210">
        <v>1978</v>
      </c>
      <c r="F1991" s="210">
        <v>2917</v>
      </c>
      <c r="G1991" s="113" t="s">
        <v>1</v>
      </c>
      <c r="H1991" s="113">
        <v>0</v>
      </c>
      <c r="I1991" s="113">
        <v>0</v>
      </c>
      <c r="J1991" s="115">
        <v>1</v>
      </c>
      <c r="K1991" s="211">
        <v>1</v>
      </c>
      <c r="L1991" s="115">
        <v>1</v>
      </c>
      <c r="M1991" s="115">
        <v>0</v>
      </c>
      <c r="N1991" s="115">
        <v>1</v>
      </c>
      <c r="O1991" s="115">
        <v>1</v>
      </c>
      <c r="P1991" s="115">
        <v>1</v>
      </c>
      <c r="Q1991" s="115" t="s">
        <v>400</v>
      </c>
      <c r="R1991" s="115">
        <v>1</v>
      </c>
      <c r="S1991" s="115">
        <v>0</v>
      </c>
      <c r="T1991" s="115">
        <v>0</v>
      </c>
      <c r="U1991" s="119"/>
      <c r="V1991" s="119"/>
      <c r="W1991" s="119"/>
      <c r="X1991" s="119"/>
      <c r="Y1991" s="119"/>
      <c r="Z1991" s="119"/>
      <c r="AA1991" s="119"/>
      <c r="AB1991" s="119"/>
      <c r="AC1991" s="119"/>
      <c r="AD1991" s="119"/>
      <c r="AE1991" s="119"/>
      <c r="AF1991" s="119"/>
      <c r="AG1991" s="119"/>
      <c r="AH1991" s="119"/>
      <c r="AI1991" s="119"/>
      <c r="AJ1991" s="119"/>
      <c r="AK1991" s="119"/>
      <c r="AL1991" s="119"/>
      <c r="AM1991" s="119"/>
      <c r="AN1991" s="119"/>
      <c r="AO1991" s="119"/>
      <c r="AP1991" s="119"/>
      <c r="AQ1991" s="119"/>
      <c r="AR1991" s="119"/>
      <c r="AS1991" s="119"/>
      <c r="AT1991" s="119"/>
      <c r="AU1991" s="119"/>
      <c r="AV1991" s="119"/>
      <c r="AW1991" s="119"/>
      <c r="AX1991" s="119"/>
      <c r="AY1991" s="119"/>
      <c r="AZ1991" s="119"/>
      <c r="BA1991" s="119"/>
      <c r="BB1991" s="107">
        <v>45884</v>
      </c>
    </row>
    <row r="1992" spans="1:54" s="207" customFormat="1" ht="13.95" customHeight="1" x14ac:dyDescent="0.25">
      <c r="A1992" s="208" t="s">
        <v>4770</v>
      </c>
      <c r="B1992" s="209" t="s">
        <v>20420</v>
      </c>
      <c r="C1992" s="113" t="s">
        <v>4771</v>
      </c>
      <c r="D1992" s="113" t="s">
        <v>4772</v>
      </c>
      <c r="E1992" s="210">
        <v>1981</v>
      </c>
      <c r="F1992" s="210">
        <v>2920</v>
      </c>
      <c r="G1992" s="113" t="s">
        <v>1</v>
      </c>
      <c r="H1992" s="113">
        <v>0</v>
      </c>
      <c r="I1992" s="113">
        <v>0</v>
      </c>
      <c r="J1992" s="115">
        <v>1</v>
      </c>
      <c r="K1992" s="116" t="s">
        <v>174</v>
      </c>
      <c r="L1992" s="115">
        <v>1</v>
      </c>
      <c r="M1992" s="115">
        <v>0</v>
      </c>
      <c r="N1992" s="115">
        <v>1</v>
      </c>
      <c r="O1992" s="115">
        <v>1</v>
      </c>
      <c r="P1992" s="115">
        <v>1</v>
      </c>
      <c r="Q1992" s="115" t="s">
        <v>400</v>
      </c>
      <c r="R1992" s="115">
        <v>0</v>
      </c>
      <c r="S1992" s="115">
        <v>0</v>
      </c>
      <c r="T1992" s="115">
        <v>0</v>
      </c>
      <c r="U1992" s="119"/>
      <c r="V1992" s="119"/>
      <c r="W1992" s="119"/>
      <c r="X1992" s="119"/>
      <c r="Y1992" s="119"/>
      <c r="Z1992" s="119"/>
      <c r="AA1992" s="119"/>
      <c r="AB1992" s="119"/>
      <c r="AC1992" s="119"/>
      <c r="AD1992" s="119"/>
      <c r="AE1992" s="119"/>
      <c r="AF1992" s="119"/>
      <c r="AG1992" s="119"/>
      <c r="AH1992" s="119"/>
      <c r="AI1992" s="119"/>
      <c r="AJ1992" s="119"/>
      <c r="AK1992" s="119"/>
      <c r="AL1992" s="119"/>
      <c r="AM1992" s="119"/>
      <c r="AN1992" s="119"/>
      <c r="AO1992" s="119"/>
      <c r="AP1992" s="119"/>
      <c r="AQ1992" s="119"/>
      <c r="AR1992" s="119"/>
      <c r="AS1992" s="119"/>
      <c r="AT1992" s="119"/>
      <c r="AU1992" s="119"/>
      <c r="AV1992" s="119"/>
      <c r="AW1992" s="119"/>
      <c r="AX1992" s="119"/>
      <c r="AY1992" s="119"/>
      <c r="AZ1992" s="119"/>
      <c r="BA1992" s="119"/>
      <c r="BB1992" s="107">
        <v>45884</v>
      </c>
    </row>
    <row r="1993" spans="1:54" s="207" customFormat="1" ht="13.95" customHeight="1" x14ac:dyDescent="0.25">
      <c r="A1993" s="208" t="s">
        <v>4773</v>
      </c>
      <c r="B1993" s="209" t="s">
        <v>20420</v>
      </c>
      <c r="C1993" s="113" t="s">
        <v>4774</v>
      </c>
      <c r="D1993" s="113" t="s">
        <v>23637</v>
      </c>
      <c r="E1993" s="210">
        <v>1970</v>
      </c>
      <c r="F1993" s="210">
        <v>2947</v>
      </c>
      <c r="G1993" s="113" t="s">
        <v>1</v>
      </c>
      <c r="H1993" s="113">
        <v>0</v>
      </c>
      <c r="I1993" s="113">
        <v>0</v>
      </c>
      <c r="J1993" s="115">
        <v>1</v>
      </c>
      <c r="K1993" s="116" t="s">
        <v>174</v>
      </c>
      <c r="L1993" s="115">
        <v>1</v>
      </c>
      <c r="M1993" s="115">
        <v>0</v>
      </c>
      <c r="N1993" s="115">
        <v>0</v>
      </c>
      <c r="O1993" s="115">
        <v>1</v>
      </c>
      <c r="P1993" s="115">
        <v>1</v>
      </c>
      <c r="Q1993" s="115">
        <v>1</v>
      </c>
      <c r="R1993" s="115">
        <v>1</v>
      </c>
      <c r="S1993" s="115">
        <v>0</v>
      </c>
      <c r="T1993" s="115">
        <v>0</v>
      </c>
      <c r="U1993" s="119"/>
      <c r="V1993" s="119"/>
      <c r="W1993" s="119"/>
      <c r="X1993" s="119"/>
      <c r="Y1993" s="119"/>
      <c r="Z1993" s="119"/>
      <c r="AA1993" s="119"/>
      <c r="AB1993" s="119"/>
      <c r="AC1993" s="119"/>
      <c r="AD1993" s="119"/>
      <c r="AE1993" s="119"/>
      <c r="AF1993" s="119"/>
      <c r="AG1993" s="119"/>
      <c r="AH1993" s="119"/>
      <c r="AI1993" s="119"/>
      <c r="AJ1993" s="119"/>
      <c r="AK1993" s="119"/>
      <c r="AL1993" s="119"/>
      <c r="AM1993" s="119"/>
      <c r="AN1993" s="119"/>
      <c r="AO1993" s="119"/>
      <c r="AP1993" s="119"/>
      <c r="AQ1993" s="119"/>
      <c r="AR1993" s="119"/>
      <c r="AS1993" s="119"/>
      <c r="AT1993" s="119"/>
      <c r="AU1993" s="119"/>
      <c r="AV1993" s="119"/>
      <c r="AW1993" s="119"/>
      <c r="AX1993" s="119"/>
      <c r="AY1993" s="119"/>
      <c r="AZ1993" s="119"/>
      <c r="BA1993" s="119"/>
      <c r="BB1993" s="107">
        <v>45884</v>
      </c>
    </row>
    <row r="1994" spans="1:54" s="207" customFormat="1" ht="13.95" customHeight="1" x14ac:dyDescent="0.25">
      <c r="A1994" s="208" t="s">
        <v>4775</v>
      </c>
      <c r="B1994" s="209" t="s">
        <v>20420</v>
      </c>
      <c r="C1994" s="113" t="s">
        <v>4776</v>
      </c>
      <c r="D1994" s="113" t="s">
        <v>23638</v>
      </c>
      <c r="E1994" s="210">
        <v>1973</v>
      </c>
      <c r="F1994" s="210">
        <v>2951</v>
      </c>
      <c r="G1994" s="113" t="s">
        <v>1</v>
      </c>
      <c r="H1994" s="113">
        <v>0</v>
      </c>
      <c r="I1994" s="113">
        <v>0</v>
      </c>
      <c r="J1994" s="115">
        <v>1</v>
      </c>
      <c r="K1994" s="116" t="s">
        <v>174</v>
      </c>
      <c r="L1994" s="115">
        <v>1</v>
      </c>
      <c r="M1994" s="115">
        <v>1</v>
      </c>
      <c r="N1994" s="115">
        <v>1</v>
      </c>
      <c r="O1994" s="115">
        <v>1</v>
      </c>
      <c r="P1994" s="115" t="s">
        <v>400</v>
      </c>
      <c r="Q1994" s="115" t="s">
        <v>400</v>
      </c>
      <c r="R1994" s="115">
        <v>1</v>
      </c>
      <c r="S1994" s="115">
        <v>0</v>
      </c>
      <c r="T1994" s="115">
        <v>0</v>
      </c>
      <c r="U1994" s="119"/>
      <c r="V1994" s="119"/>
      <c r="W1994" s="119"/>
      <c r="X1994" s="119"/>
      <c r="Y1994" s="119"/>
      <c r="Z1994" s="119"/>
      <c r="AA1994" s="119"/>
      <c r="AB1994" s="119"/>
      <c r="AC1994" s="119"/>
      <c r="AD1994" s="119"/>
      <c r="AE1994" s="119"/>
      <c r="AF1994" s="119"/>
      <c r="AG1994" s="119"/>
      <c r="AH1994" s="119"/>
      <c r="AI1994" s="119"/>
      <c r="AJ1994" s="119"/>
      <c r="AK1994" s="119"/>
      <c r="AL1994" s="119"/>
      <c r="AM1994" s="119"/>
      <c r="AN1994" s="119"/>
      <c r="AO1994" s="119"/>
      <c r="AP1994" s="119"/>
      <c r="AQ1994" s="119"/>
      <c r="AR1994" s="119"/>
      <c r="AS1994" s="119"/>
      <c r="AT1994" s="119"/>
      <c r="AU1994" s="119"/>
      <c r="AV1994" s="119"/>
      <c r="AW1994" s="119"/>
      <c r="AX1994" s="119"/>
      <c r="AY1994" s="119"/>
      <c r="AZ1994" s="119"/>
      <c r="BA1994" s="119"/>
      <c r="BB1994" s="107">
        <v>45884</v>
      </c>
    </row>
    <row r="1995" spans="1:54" s="207" customFormat="1" ht="13.95" customHeight="1" x14ac:dyDescent="0.25">
      <c r="A1995" s="208" t="s">
        <v>4777</v>
      </c>
      <c r="B1995" s="209" t="s">
        <v>20420</v>
      </c>
      <c r="C1995" s="113" t="s">
        <v>4778</v>
      </c>
      <c r="D1995" s="113" t="s">
        <v>4779</v>
      </c>
      <c r="E1995" s="210">
        <v>2011</v>
      </c>
      <c r="F1995" s="210">
        <v>2960</v>
      </c>
      <c r="G1995" s="113" t="s">
        <v>8</v>
      </c>
      <c r="H1995" s="113">
        <v>0</v>
      </c>
      <c r="I1995" s="113">
        <v>0</v>
      </c>
      <c r="J1995" s="115">
        <v>1</v>
      </c>
      <c r="K1995" s="116" t="s">
        <v>174</v>
      </c>
      <c r="L1995" s="115">
        <v>0</v>
      </c>
      <c r="M1995" s="115">
        <v>0</v>
      </c>
      <c r="N1995" s="115">
        <v>0</v>
      </c>
      <c r="O1995" s="115">
        <v>0</v>
      </c>
      <c r="P1995" s="115" t="s">
        <v>400</v>
      </c>
      <c r="Q1995" s="115" t="s">
        <v>400</v>
      </c>
      <c r="R1995" s="115">
        <v>0</v>
      </c>
      <c r="S1995" s="115">
        <v>0</v>
      </c>
      <c r="T1995" s="115">
        <v>0</v>
      </c>
      <c r="U1995" s="113" t="s">
        <v>174</v>
      </c>
      <c r="V1995" s="113" t="s">
        <v>174</v>
      </c>
      <c r="W1995" s="113" t="s">
        <v>174</v>
      </c>
      <c r="X1995" s="113" t="s">
        <v>174</v>
      </c>
      <c r="Y1995" s="113" t="s">
        <v>174</v>
      </c>
      <c r="Z1995" s="113" t="s">
        <v>174</v>
      </c>
      <c r="AA1995" s="113" t="s">
        <v>174</v>
      </c>
      <c r="AB1995" s="113" t="s">
        <v>174</v>
      </c>
      <c r="AC1995" s="113" t="s">
        <v>174</v>
      </c>
      <c r="AD1995" s="113" t="s">
        <v>174</v>
      </c>
      <c r="AE1995" s="113" t="s">
        <v>174</v>
      </c>
      <c r="AF1995" s="113" t="s">
        <v>174</v>
      </c>
      <c r="AG1995" s="113" t="s">
        <v>174</v>
      </c>
      <c r="AH1995" s="113" t="s">
        <v>174</v>
      </c>
      <c r="AI1995" s="113" t="s">
        <v>174</v>
      </c>
      <c r="AJ1995" s="113" t="s">
        <v>174</v>
      </c>
      <c r="AK1995" s="113" t="s">
        <v>174</v>
      </c>
      <c r="AL1995" s="113" t="s">
        <v>174</v>
      </c>
      <c r="AM1995" s="113" t="s">
        <v>174</v>
      </c>
      <c r="AN1995" s="113" t="s">
        <v>174</v>
      </c>
      <c r="AO1995" s="113" t="s">
        <v>174</v>
      </c>
      <c r="AP1995" s="113" t="s">
        <v>174</v>
      </c>
      <c r="AQ1995" s="113" t="s">
        <v>174</v>
      </c>
      <c r="AR1995" s="113" t="s">
        <v>174</v>
      </c>
      <c r="AS1995" s="113" t="s">
        <v>174</v>
      </c>
      <c r="AT1995" s="121" t="s">
        <v>174</v>
      </c>
      <c r="AU1995" s="113" t="s">
        <v>174</v>
      </c>
      <c r="AV1995" s="113" t="s">
        <v>174</v>
      </c>
      <c r="AW1995" s="113" t="s">
        <v>174</v>
      </c>
      <c r="AX1995" s="113"/>
      <c r="AY1995" s="113"/>
      <c r="AZ1995" s="113"/>
      <c r="BA1995" s="113"/>
      <c r="BB1995" s="107">
        <v>45884</v>
      </c>
    </row>
    <row r="1996" spans="1:54" s="207" customFormat="1" ht="13.95" customHeight="1" x14ac:dyDescent="0.25">
      <c r="A1996" s="208" t="s">
        <v>4780</v>
      </c>
      <c r="B1996" s="209" t="s">
        <v>20420</v>
      </c>
      <c r="C1996" s="113" t="s">
        <v>4781</v>
      </c>
      <c r="D1996" s="113" t="s">
        <v>23639</v>
      </c>
      <c r="E1996" s="210">
        <v>1961</v>
      </c>
      <c r="F1996" s="210">
        <v>2963</v>
      </c>
      <c r="G1996" s="113" t="s">
        <v>1</v>
      </c>
      <c r="H1996" s="113">
        <v>0</v>
      </c>
      <c r="I1996" s="113">
        <v>0</v>
      </c>
      <c r="J1996" s="115">
        <v>1</v>
      </c>
      <c r="K1996" s="116" t="s">
        <v>174</v>
      </c>
      <c r="L1996" s="115">
        <v>0</v>
      </c>
      <c r="M1996" s="115">
        <v>1</v>
      </c>
      <c r="N1996" s="115">
        <v>0</v>
      </c>
      <c r="O1996" s="115">
        <v>0</v>
      </c>
      <c r="P1996" s="115" t="s">
        <v>400</v>
      </c>
      <c r="Q1996" s="115" t="s">
        <v>400</v>
      </c>
      <c r="R1996" s="115">
        <v>0</v>
      </c>
      <c r="S1996" s="115">
        <v>0</v>
      </c>
      <c r="T1996" s="115">
        <v>0</v>
      </c>
      <c r="U1996" s="119"/>
      <c r="V1996" s="119"/>
      <c r="W1996" s="119"/>
      <c r="X1996" s="119"/>
      <c r="Y1996" s="119"/>
      <c r="Z1996" s="119"/>
      <c r="AA1996" s="119"/>
      <c r="AB1996" s="119"/>
      <c r="AC1996" s="119"/>
      <c r="AD1996" s="119"/>
      <c r="AE1996" s="119"/>
      <c r="AF1996" s="119"/>
      <c r="AG1996" s="119"/>
      <c r="AH1996" s="119"/>
      <c r="AI1996" s="119"/>
      <c r="AJ1996" s="119"/>
      <c r="AK1996" s="119"/>
      <c r="AL1996" s="119"/>
      <c r="AM1996" s="119"/>
      <c r="AN1996" s="119"/>
      <c r="AO1996" s="119"/>
      <c r="AP1996" s="119"/>
      <c r="AQ1996" s="119"/>
      <c r="AR1996" s="119"/>
      <c r="AS1996" s="119"/>
      <c r="AT1996" s="119"/>
      <c r="AU1996" s="119"/>
      <c r="AV1996" s="119"/>
      <c r="AW1996" s="119"/>
      <c r="AX1996" s="119"/>
      <c r="AY1996" s="119"/>
      <c r="AZ1996" s="119"/>
      <c r="BA1996" s="119"/>
      <c r="BB1996" s="107">
        <v>45884</v>
      </c>
    </row>
    <row r="1997" spans="1:54" s="207" customFormat="1" ht="13.95" customHeight="1" x14ac:dyDescent="0.25">
      <c r="A1997" s="208" t="s">
        <v>4782</v>
      </c>
      <c r="B1997" s="209" t="s">
        <v>20420</v>
      </c>
      <c r="C1997" s="113" t="s">
        <v>4783</v>
      </c>
      <c r="D1997" s="113" t="s">
        <v>4784</v>
      </c>
      <c r="E1997" s="210">
        <v>1978</v>
      </c>
      <c r="F1997" s="210">
        <v>2970</v>
      </c>
      <c r="G1997" s="113" t="s">
        <v>1</v>
      </c>
      <c r="H1997" s="113">
        <v>0</v>
      </c>
      <c r="I1997" s="113">
        <v>0</v>
      </c>
      <c r="J1997" s="115">
        <v>1</v>
      </c>
      <c r="K1997" s="116" t="s">
        <v>174</v>
      </c>
      <c r="L1997" s="115">
        <v>1</v>
      </c>
      <c r="M1997" s="115">
        <v>0</v>
      </c>
      <c r="N1997" s="115">
        <v>1</v>
      </c>
      <c r="O1997" s="115">
        <v>1</v>
      </c>
      <c r="P1997" s="115">
        <v>1</v>
      </c>
      <c r="Q1997" s="115" t="s">
        <v>400</v>
      </c>
      <c r="R1997" s="115">
        <v>1</v>
      </c>
      <c r="S1997" s="115">
        <v>0</v>
      </c>
      <c r="T1997" s="115">
        <v>0</v>
      </c>
      <c r="U1997" s="119"/>
      <c r="V1997" s="119"/>
      <c r="W1997" s="119"/>
      <c r="X1997" s="119"/>
      <c r="Y1997" s="119"/>
      <c r="Z1997" s="119"/>
      <c r="AA1997" s="119"/>
      <c r="AB1997" s="119"/>
      <c r="AC1997" s="119"/>
      <c r="AD1997" s="119"/>
      <c r="AE1997" s="119"/>
      <c r="AF1997" s="119"/>
      <c r="AG1997" s="119"/>
      <c r="AH1997" s="119"/>
      <c r="AI1997" s="119"/>
      <c r="AJ1997" s="119"/>
      <c r="AK1997" s="119"/>
      <c r="AL1997" s="119"/>
      <c r="AM1997" s="119"/>
      <c r="AN1997" s="119"/>
      <c r="AO1997" s="119"/>
      <c r="AP1997" s="119"/>
      <c r="AQ1997" s="119"/>
      <c r="AR1997" s="119"/>
      <c r="AS1997" s="119"/>
      <c r="AT1997" s="119"/>
      <c r="AU1997" s="119"/>
      <c r="AV1997" s="119"/>
      <c r="AW1997" s="119"/>
      <c r="AX1997" s="119"/>
      <c r="AY1997" s="119"/>
      <c r="AZ1997" s="119"/>
      <c r="BA1997" s="119"/>
      <c r="BB1997" s="107">
        <v>45884</v>
      </c>
    </row>
    <row r="1998" spans="1:54" s="207" customFormat="1" ht="13.95" customHeight="1" x14ac:dyDescent="0.25">
      <c r="A1998" s="208" t="s">
        <v>4785</v>
      </c>
      <c r="B1998" s="209" t="s">
        <v>20420</v>
      </c>
      <c r="C1998" s="113" t="s">
        <v>4786</v>
      </c>
      <c r="D1998" s="113" t="s">
        <v>23640</v>
      </c>
      <c r="E1998" s="210">
        <v>1988</v>
      </c>
      <c r="F1998" s="210">
        <v>2973</v>
      </c>
      <c r="G1998" s="113" t="s">
        <v>1</v>
      </c>
      <c r="H1998" s="113">
        <v>0</v>
      </c>
      <c r="I1998" s="113">
        <v>0</v>
      </c>
      <c r="J1998" s="115">
        <v>1</v>
      </c>
      <c r="K1998" s="116" t="s">
        <v>174</v>
      </c>
      <c r="L1998" s="115">
        <v>1</v>
      </c>
      <c r="M1998" s="115">
        <v>0</v>
      </c>
      <c r="N1998" s="115">
        <v>1</v>
      </c>
      <c r="O1998" s="115">
        <v>1</v>
      </c>
      <c r="P1998" s="115">
        <v>1</v>
      </c>
      <c r="Q1998" s="115" t="s">
        <v>400</v>
      </c>
      <c r="R1998" s="115">
        <v>1</v>
      </c>
      <c r="S1998" s="115">
        <v>0</v>
      </c>
      <c r="T1998" s="115">
        <v>0</v>
      </c>
      <c r="U1998" s="119"/>
      <c r="V1998" s="119"/>
      <c r="W1998" s="119"/>
      <c r="X1998" s="119"/>
      <c r="Y1998" s="119"/>
      <c r="Z1998" s="119"/>
      <c r="AA1998" s="119"/>
      <c r="AB1998" s="119"/>
      <c r="AC1998" s="119"/>
      <c r="AD1998" s="119"/>
      <c r="AE1998" s="119"/>
      <c r="AF1998" s="119"/>
      <c r="AG1998" s="119"/>
      <c r="AH1998" s="119"/>
      <c r="AI1998" s="119"/>
      <c r="AJ1998" s="119"/>
      <c r="AK1998" s="119"/>
      <c r="AL1998" s="119"/>
      <c r="AM1998" s="119"/>
      <c r="AN1998" s="119"/>
      <c r="AO1998" s="119"/>
      <c r="AP1998" s="119"/>
      <c r="AQ1998" s="119"/>
      <c r="AR1998" s="119"/>
      <c r="AS1998" s="119"/>
      <c r="AT1998" s="119"/>
      <c r="AU1998" s="119"/>
      <c r="AV1998" s="119"/>
      <c r="AW1998" s="119"/>
      <c r="AX1998" s="119"/>
      <c r="AY1998" s="119"/>
      <c r="AZ1998" s="119"/>
      <c r="BA1998" s="119"/>
      <c r="BB1998" s="107">
        <v>45884</v>
      </c>
    </row>
    <row r="1999" spans="1:54" s="207" customFormat="1" ht="13.95" customHeight="1" x14ac:dyDescent="0.25">
      <c r="A1999" s="208" t="s">
        <v>4787</v>
      </c>
      <c r="B1999" s="209" t="s">
        <v>20420</v>
      </c>
      <c r="C1999" s="113" t="s">
        <v>4788</v>
      </c>
      <c r="D1999" s="113" t="s">
        <v>4789</v>
      </c>
      <c r="E1999" s="210">
        <v>1974</v>
      </c>
      <c r="F1999" s="210">
        <v>2998</v>
      </c>
      <c r="G1999" s="113" t="s">
        <v>1</v>
      </c>
      <c r="H1999" s="113">
        <v>0</v>
      </c>
      <c r="I1999" s="113">
        <v>0</v>
      </c>
      <c r="J1999" s="115">
        <v>1</v>
      </c>
      <c r="K1999" s="116" t="s">
        <v>174</v>
      </c>
      <c r="L1999" s="115">
        <v>1</v>
      </c>
      <c r="M1999" s="115">
        <v>0</v>
      </c>
      <c r="N1999" s="115">
        <v>0</v>
      </c>
      <c r="O1999" s="115">
        <v>1</v>
      </c>
      <c r="P1999" s="115">
        <v>1</v>
      </c>
      <c r="Q1999" s="115">
        <v>1</v>
      </c>
      <c r="R1999" s="115">
        <v>1</v>
      </c>
      <c r="S1999" s="115">
        <v>0</v>
      </c>
      <c r="T1999" s="115">
        <v>0</v>
      </c>
      <c r="U1999" s="119"/>
      <c r="V1999" s="119"/>
      <c r="W1999" s="119"/>
      <c r="X1999" s="119"/>
      <c r="Y1999" s="119"/>
      <c r="Z1999" s="119"/>
      <c r="AA1999" s="119"/>
      <c r="AB1999" s="119"/>
      <c r="AC1999" s="119"/>
      <c r="AD1999" s="119"/>
      <c r="AE1999" s="119"/>
      <c r="AF1999" s="119"/>
      <c r="AG1999" s="119"/>
      <c r="AH1999" s="119"/>
      <c r="AI1999" s="119"/>
      <c r="AJ1999" s="119"/>
      <c r="AK1999" s="119"/>
      <c r="AL1999" s="119"/>
      <c r="AM1999" s="119"/>
      <c r="AN1999" s="119"/>
      <c r="AO1999" s="119"/>
      <c r="AP1999" s="119"/>
      <c r="AQ1999" s="119"/>
      <c r="AR1999" s="119"/>
      <c r="AS1999" s="119"/>
      <c r="AT1999" s="119"/>
      <c r="AU1999" s="119"/>
      <c r="AV1999" s="119"/>
      <c r="AW1999" s="119"/>
      <c r="AX1999" s="119"/>
      <c r="AY1999" s="119"/>
      <c r="AZ1999" s="119"/>
      <c r="BA1999" s="119"/>
      <c r="BB1999" s="107">
        <v>45884</v>
      </c>
    </row>
    <row r="2000" spans="1:54" s="207" customFormat="1" ht="13.95" customHeight="1" x14ac:dyDescent="0.25">
      <c r="A2000" s="208" t="s">
        <v>4790</v>
      </c>
      <c r="B2000" s="209" t="s">
        <v>20420</v>
      </c>
      <c r="C2000" s="113" t="s">
        <v>4791</v>
      </c>
      <c r="D2000" s="113" t="s">
        <v>4792</v>
      </c>
      <c r="E2000" s="210">
        <v>2004</v>
      </c>
      <c r="F2000" s="210">
        <v>3000</v>
      </c>
      <c r="G2000" s="113" t="s">
        <v>1</v>
      </c>
      <c r="H2000" s="113">
        <v>0</v>
      </c>
      <c r="I2000" s="113">
        <v>0</v>
      </c>
      <c r="J2000" s="115">
        <v>1</v>
      </c>
      <c r="K2000" s="211">
        <v>1</v>
      </c>
      <c r="L2000" s="115">
        <v>1</v>
      </c>
      <c r="M2000" s="115">
        <v>1</v>
      </c>
      <c r="N2000" s="115">
        <v>0</v>
      </c>
      <c r="O2000" s="115">
        <v>1</v>
      </c>
      <c r="P2000" s="115" t="s">
        <v>400</v>
      </c>
      <c r="Q2000" s="115" t="s">
        <v>400</v>
      </c>
      <c r="R2000" s="115">
        <v>0</v>
      </c>
      <c r="S2000" s="115">
        <v>0</v>
      </c>
      <c r="T2000" s="115">
        <v>0</v>
      </c>
      <c r="U2000" s="119"/>
      <c r="V2000" s="119"/>
      <c r="W2000" s="119"/>
      <c r="X2000" s="119"/>
      <c r="Y2000" s="119"/>
      <c r="Z2000" s="119"/>
      <c r="AA2000" s="119"/>
      <c r="AB2000" s="119"/>
      <c r="AC2000" s="119"/>
      <c r="AD2000" s="119"/>
      <c r="AE2000" s="119"/>
      <c r="AF2000" s="119"/>
      <c r="AG2000" s="119"/>
      <c r="AH2000" s="119"/>
      <c r="AI2000" s="119"/>
      <c r="AJ2000" s="119"/>
      <c r="AK2000" s="119"/>
      <c r="AL2000" s="119"/>
      <c r="AM2000" s="119"/>
      <c r="AN2000" s="119"/>
      <c r="AO2000" s="119"/>
      <c r="AP2000" s="119"/>
      <c r="AQ2000" s="119"/>
      <c r="AR2000" s="119"/>
      <c r="AS2000" s="119"/>
      <c r="AT2000" s="119"/>
      <c r="AU2000" s="119"/>
      <c r="AV2000" s="119"/>
      <c r="AW2000" s="119"/>
      <c r="AX2000" s="119"/>
      <c r="AY2000" s="119"/>
      <c r="AZ2000" s="119"/>
      <c r="BA2000" s="119"/>
      <c r="BB2000" s="107">
        <v>45884</v>
      </c>
    </row>
    <row r="2001" spans="1:54" s="207" customFormat="1" ht="13.95" customHeight="1" x14ac:dyDescent="0.25">
      <c r="A2001" s="208" t="s">
        <v>4793</v>
      </c>
      <c r="B2001" s="209" t="s">
        <v>20420</v>
      </c>
      <c r="C2001" s="113" t="s">
        <v>21979</v>
      </c>
      <c r="D2001" s="113" t="s">
        <v>23641</v>
      </c>
      <c r="E2001" s="210">
        <v>1993</v>
      </c>
      <c r="F2001" s="210">
        <v>3000</v>
      </c>
      <c r="G2001" s="113" t="s">
        <v>1</v>
      </c>
      <c r="H2001" s="113">
        <v>0</v>
      </c>
      <c r="I2001" s="113">
        <v>0</v>
      </c>
      <c r="J2001" s="115">
        <v>1</v>
      </c>
      <c r="K2001" s="116" t="s">
        <v>174</v>
      </c>
      <c r="L2001" s="115">
        <v>1</v>
      </c>
      <c r="M2001" s="115">
        <v>1</v>
      </c>
      <c r="N2001" s="115">
        <v>1</v>
      </c>
      <c r="O2001" s="115">
        <v>1</v>
      </c>
      <c r="P2001" s="115" t="s">
        <v>400</v>
      </c>
      <c r="Q2001" s="115" t="s">
        <v>400</v>
      </c>
      <c r="R2001" s="115">
        <v>1</v>
      </c>
      <c r="S2001" s="115">
        <v>0</v>
      </c>
      <c r="T2001" s="115">
        <v>0</v>
      </c>
      <c r="U2001" s="119"/>
      <c r="V2001" s="119"/>
      <c r="W2001" s="119"/>
      <c r="X2001" s="119"/>
      <c r="Y2001" s="119"/>
      <c r="Z2001" s="119"/>
      <c r="AA2001" s="119"/>
      <c r="AB2001" s="119"/>
      <c r="AC2001" s="119"/>
      <c r="AD2001" s="119"/>
      <c r="AE2001" s="119"/>
      <c r="AF2001" s="119"/>
      <c r="AG2001" s="119"/>
      <c r="AH2001" s="119"/>
      <c r="AI2001" s="119"/>
      <c r="AJ2001" s="119"/>
      <c r="AK2001" s="119"/>
      <c r="AL2001" s="119"/>
      <c r="AM2001" s="119"/>
      <c r="AN2001" s="119"/>
      <c r="AO2001" s="119"/>
      <c r="AP2001" s="119"/>
      <c r="AQ2001" s="119"/>
      <c r="AR2001" s="119"/>
      <c r="AS2001" s="119"/>
      <c r="AT2001" s="119"/>
      <c r="AU2001" s="119"/>
      <c r="AV2001" s="119"/>
      <c r="AW2001" s="119"/>
      <c r="AX2001" s="119"/>
      <c r="AY2001" s="119"/>
      <c r="AZ2001" s="119"/>
      <c r="BA2001" s="119"/>
      <c r="BB2001" s="107">
        <v>45884</v>
      </c>
    </row>
    <row r="2002" spans="1:54" s="207" customFormat="1" ht="13.95" customHeight="1" x14ac:dyDescent="0.25">
      <c r="A2002" s="208" t="s">
        <v>4794</v>
      </c>
      <c r="B2002" s="209" t="s">
        <v>20420</v>
      </c>
      <c r="C2002" s="113" t="s">
        <v>4795</v>
      </c>
      <c r="D2002" s="113" t="s">
        <v>23642</v>
      </c>
      <c r="E2002" s="210">
        <v>1989</v>
      </c>
      <c r="F2002" s="210">
        <v>3000</v>
      </c>
      <c r="G2002" s="113" t="s">
        <v>1</v>
      </c>
      <c r="H2002" s="113">
        <v>0</v>
      </c>
      <c r="I2002" s="113">
        <v>0</v>
      </c>
      <c r="J2002" s="115">
        <v>1</v>
      </c>
      <c r="K2002" s="116" t="s">
        <v>174</v>
      </c>
      <c r="L2002" s="115">
        <v>1</v>
      </c>
      <c r="M2002" s="115">
        <v>0</v>
      </c>
      <c r="N2002" s="115">
        <v>0</v>
      </c>
      <c r="O2002" s="115">
        <v>1</v>
      </c>
      <c r="P2002" s="115">
        <v>1</v>
      </c>
      <c r="Q2002" s="115" t="s">
        <v>400</v>
      </c>
      <c r="R2002" s="115">
        <v>0</v>
      </c>
      <c r="S2002" s="115">
        <v>0</v>
      </c>
      <c r="T2002" s="115">
        <v>0</v>
      </c>
      <c r="U2002" s="119"/>
      <c r="V2002" s="119"/>
      <c r="W2002" s="119"/>
      <c r="X2002" s="119"/>
      <c r="Y2002" s="119"/>
      <c r="Z2002" s="119"/>
      <c r="AA2002" s="119"/>
      <c r="AB2002" s="119"/>
      <c r="AC2002" s="119"/>
      <c r="AD2002" s="119"/>
      <c r="AE2002" s="119"/>
      <c r="AF2002" s="119"/>
      <c r="AG2002" s="119"/>
      <c r="AH2002" s="119"/>
      <c r="AI2002" s="119"/>
      <c r="AJ2002" s="119"/>
      <c r="AK2002" s="119"/>
      <c r="AL2002" s="119"/>
      <c r="AM2002" s="119"/>
      <c r="AN2002" s="119"/>
      <c r="AO2002" s="119"/>
      <c r="AP2002" s="119"/>
      <c r="AQ2002" s="119"/>
      <c r="AR2002" s="119"/>
      <c r="AS2002" s="119"/>
      <c r="AT2002" s="119"/>
      <c r="AU2002" s="119"/>
      <c r="AV2002" s="119"/>
      <c r="AW2002" s="119"/>
      <c r="AX2002" s="119"/>
      <c r="AY2002" s="119"/>
      <c r="AZ2002" s="119"/>
      <c r="BA2002" s="119"/>
      <c r="BB2002" s="107">
        <v>45884</v>
      </c>
    </row>
    <row r="2003" spans="1:54" s="207" customFormat="1" ht="13.95" customHeight="1" x14ac:dyDescent="0.25">
      <c r="A2003" s="208" t="s">
        <v>4796</v>
      </c>
      <c r="B2003" s="209" t="s">
        <v>20420</v>
      </c>
      <c r="C2003" s="113" t="s">
        <v>4797</v>
      </c>
      <c r="D2003" s="113" t="s">
        <v>23643</v>
      </c>
      <c r="E2003" s="210">
        <v>1973</v>
      </c>
      <c r="F2003" s="210">
        <v>3000</v>
      </c>
      <c r="G2003" s="113" t="s">
        <v>1</v>
      </c>
      <c r="H2003" s="95">
        <v>0</v>
      </c>
      <c r="I2003" s="95">
        <v>0</v>
      </c>
      <c r="J2003" s="115">
        <v>1</v>
      </c>
      <c r="K2003" s="116" t="s">
        <v>174</v>
      </c>
      <c r="L2003" s="120">
        <v>0</v>
      </c>
      <c r="M2003" s="120">
        <v>0</v>
      </c>
      <c r="N2003" s="115">
        <v>0</v>
      </c>
      <c r="O2003" s="120">
        <v>0</v>
      </c>
      <c r="P2003" s="115" t="s">
        <v>400</v>
      </c>
      <c r="Q2003" s="115" t="s">
        <v>400</v>
      </c>
      <c r="R2003" s="120">
        <v>0</v>
      </c>
      <c r="S2003" s="115">
        <v>0</v>
      </c>
      <c r="T2003" s="115">
        <v>0</v>
      </c>
      <c r="U2003" s="119"/>
      <c r="V2003" s="119"/>
      <c r="W2003" s="119"/>
      <c r="X2003" s="119"/>
      <c r="Y2003" s="119"/>
      <c r="Z2003" s="119"/>
      <c r="AA2003" s="119"/>
      <c r="AB2003" s="119"/>
      <c r="AC2003" s="119"/>
      <c r="AD2003" s="119"/>
      <c r="AE2003" s="119"/>
      <c r="AF2003" s="119"/>
      <c r="AG2003" s="119"/>
      <c r="AH2003" s="119"/>
      <c r="AI2003" s="119"/>
      <c r="AJ2003" s="119"/>
      <c r="AK2003" s="119"/>
      <c r="AL2003" s="119"/>
      <c r="AM2003" s="119"/>
      <c r="AN2003" s="119"/>
      <c r="AO2003" s="119"/>
      <c r="AP2003" s="119"/>
      <c r="AQ2003" s="119"/>
      <c r="AR2003" s="119"/>
      <c r="AS2003" s="119"/>
      <c r="AT2003" s="119"/>
      <c r="AU2003" s="119"/>
      <c r="AV2003" s="119"/>
      <c r="AW2003" s="119"/>
      <c r="AX2003" s="119"/>
      <c r="AY2003" s="119"/>
      <c r="AZ2003" s="119"/>
      <c r="BA2003" s="119"/>
      <c r="BB2003" s="107">
        <v>45884</v>
      </c>
    </row>
    <row r="2004" spans="1:54" s="207" customFormat="1" ht="13.95" customHeight="1" x14ac:dyDescent="0.25">
      <c r="A2004" s="208" t="s">
        <v>4798</v>
      </c>
      <c r="B2004" s="209" t="s">
        <v>20420</v>
      </c>
      <c r="C2004" s="113" t="s">
        <v>4799</v>
      </c>
      <c r="D2004" s="113" t="s">
        <v>23644</v>
      </c>
      <c r="E2004" s="210">
        <v>1977</v>
      </c>
      <c r="F2004" s="210">
        <v>3000</v>
      </c>
      <c r="G2004" s="113" t="s">
        <v>1</v>
      </c>
      <c r="H2004" s="113">
        <v>0</v>
      </c>
      <c r="I2004" s="113">
        <v>0</v>
      </c>
      <c r="J2004" s="115">
        <v>1</v>
      </c>
      <c r="K2004" s="116" t="s">
        <v>174</v>
      </c>
      <c r="L2004" s="115">
        <v>1</v>
      </c>
      <c r="M2004" s="115">
        <v>0</v>
      </c>
      <c r="N2004" s="115">
        <v>0</v>
      </c>
      <c r="O2004" s="115">
        <v>1</v>
      </c>
      <c r="P2004" s="115">
        <v>1</v>
      </c>
      <c r="Q2004" s="115" t="s">
        <v>400</v>
      </c>
      <c r="R2004" s="115">
        <v>1</v>
      </c>
      <c r="S2004" s="115">
        <v>0</v>
      </c>
      <c r="T2004" s="115">
        <v>0</v>
      </c>
      <c r="U2004" s="119"/>
      <c r="V2004" s="119"/>
      <c r="W2004" s="119"/>
      <c r="X2004" s="119"/>
      <c r="Y2004" s="119"/>
      <c r="Z2004" s="119"/>
      <c r="AA2004" s="119"/>
      <c r="AB2004" s="119"/>
      <c r="AC2004" s="119"/>
      <c r="AD2004" s="119"/>
      <c r="AE2004" s="119"/>
      <c r="AF2004" s="119"/>
      <c r="AG2004" s="119"/>
      <c r="AH2004" s="119"/>
      <c r="AI2004" s="119"/>
      <c r="AJ2004" s="119"/>
      <c r="AK2004" s="119"/>
      <c r="AL2004" s="119"/>
      <c r="AM2004" s="119"/>
      <c r="AN2004" s="119"/>
      <c r="AO2004" s="119"/>
      <c r="AP2004" s="119"/>
      <c r="AQ2004" s="119"/>
      <c r="AR2004" s="119"/>
      <c r="AS2004" s="119"/>
      <c r="AT2004" s="119"/>
      <c r="AU2004" s="119"/>
      <c r="AV2004" s="119"/>
      <c r="AW2004" s="119"/>
      <c r="AX2004" s="119"/>
      <c r="AY2004" s="119"/>
      <c r="AZ2004" s="119"/>
      <c r="BA2004" s="119"/>
      <c r="BB2004" s="107">
        <v>45884</v>
      </c>
    </row>
    <row r="2005" spans="1:54" s="207" customFormat="1" ht="13.95" customHeight="1" x14ac:dyDescent="0.25">
      <c r="A2005" s="208" t="s">
        <v>4800</v>
      </c>
      <c r="B2005" s="209" t="s">
        <v>20420</v>
      </c>
      <c r="C2005" s="113" t="s">
        <v>4801</v>
      </c>
      <c r="D2005" s="113" t="s">
        <v>23645</v>
      </c>
      <c r="E2005" s="210">
        <v>1993</v>
      </c>
      <c r="F2005" s="210">
        <v>3000</v>
      </c>
      <c r="G2005" s="113" t="s">
        <v>1</v>
      </c>
      <c r="H2005" s="113">
        <v>0</v>
      </c>
      <c r="I2005" s="113">
        <v>0</v>
      </c>
      <c r="J2005" s="115">
        <v>1</v>
      </c>
      <c r="K2005" s="116" t="s">
        <v>174</v>
      </c>
      <c r="L2005" s="115">
        <v>1</v>
      </c>
      <c r="M2005" s="115">
        <v>0</v>
      </c>
      <c r="N2005" s="115">
        <v>0</v>
      </c>
      <c r="O2005" s="115">
        <v>1</v>
      </c>
      <c r="P2005" s="115">
        <v>1</v>
      </c>
      <c r="Q2005" s="115" t="s">
        <v>400</v>
      </c>
      <c r="R2005" s="115">
        <v>1</v>
      </c>
      <c r="S2005" s="115">
        <v>0</v>
      </c>
      <c r="T2005" s="115">
        <v>0</v>
      </c>
      <c r="U2005" s="119"/>
      <c r="V2005" s="119"/>
      <c r="W2005" s="119"/>
      <c r="X2005" s="119"/>
      <c r="Y2005" s="119"/>
      <c r="Z2005" s="119"/>
      <c r="AA2005" s="119"/>
      <c r="AB2005" s="119"/>
      <c r="AC2005" s="119"/>
      <c r="AD2005" s="119"/>
      <c r="AE2005" s="119"/>
      <c r="AF2005" s="119"/>
      <c r="AG2005" s="119"/>
      <c r="AH2005" s="119"/>
      <c r="AI2005" s="119"/>
      <c r="AJ2005" s="119"/>
      <c r="AK2005" s="119"/>
      <c r="AL2005" s="119"/>
      <c r="AM2005" s="119"/>
      <c r="AN2005" s="119"/>
      <c r="AO2005" s="119"/>
      <c r="AP2005" s="119"/>
      <c r="AQ2005" s="119"/>
      <c r="AR2005" s="119"/>
      <c r="AS2005" s="119"/>
      <c r="AT2005" s="119"/>
      <c r="AU2005" s="119"/>
      <c r="AV2005" s="119"/>
      <c r="AW2005" s="119"/>
      <c r="AX2005" s="119"/>
      <c r="AY2005" s="119"/>
      <c r="AZ2005" s="119"/>
      <c r="BA2005" s="119"/>
      <c r="BB2005" s="107">
        <v>45884</v>
      </c>
    </row>
    <row r="2006" spans="1:54" s="207" customFormat="1" ht="13.95" customHeight="1" x14ac:dyDescent="0.25">
      <c r="A2006" s="208" t="s">
        <v>4802</v>
      </c>
      <c r="B2006" s="209" t="s">
        <v>20420</v>
      </c>
      <c r="C2006" s="113" t="s">
        <v>4803</v>
      </c>
      <c r="D2006" s="113" t="s">
        <v>23646</v>
      </c>
      <c r="E2006" s="210">
        <v>1994</v>
      </c>
      <c r="F2006" s="210">
        <v>3000</v>
      </c>
      <c r="G2006" s="113" t="s">
        <v>1</v>
      </c>
      <c r="H2006" s="113">
        <v>0</v>
      </c>
      <c r="I2006" s="113">
        <v>0</v>
      </c>
      <c r="J2006" s="115">
        <v>1</v>
      </c>
      <c r="K2006" s="116" t="s">
        <v>174</v>
      </c>
      <c r="L2006" s="115">
        <v>1</v>
      </c>
      <c r="M2006" s="115">
        <v>0</v>
      </c>
      <c r="N2006" s="115">
        <v>0</v>
      </c>
      <c r="O2006" s="115">
        <v>1</v>
      </c>
      <c r="P2006" s="115" t="s">
        <v>400</v>
      </c>
      <c r="Q2006" s="115" t="s">
        <v>400</v>
      </c>
      <c r="R2006" s="115">
        <v>0</v>
      </c>
      <c r="S2006" s="115">
        <v>0</v>
      </c>
      <c r="T2006" s="115">
        <v>0</v>
      </c>
      <c r="U2006" s="119"/>
      <c r="V2006" s="119"/>
      <c r="W2006" s="119"/>
      <c r="X2006" s="119"/>
      <c r="Y2006" s="119"/>
      <c r="Z2006" s="119"/>
      <c r="AA2006" s="119"/>
      <c r="AB2006" s="119"/>
      <c r="AC2006" s="119"/>
      <c r="AD2006" s="119"/>
      <c r="AE2006" s="119"/>
      <c r="AF2006" s="119"/>
      <c r="AG2006" s="119"/>
      <c r="AH2006" s="119"/>
      <c r="AI2006" s="119"/>
      <c r="AJ2006" s="119"/>
      <c r="AK2006" s="119"/>
      <c r="AL2006" s="119"/>
      <c r="AM2006" s="119"/>
      <c r="AN2006" s="119"/>
      <c r="AO2006" s="119"/>
      <c r="AP2006" s="119"/>
      <c r="AQ2006" s="119"/>
      <c r="AR2006" s="119"/>
      <c r="AS2006" s="119"/>
      <c r="AT2006" s="119"/>
      <c r="AU2006" s="119"/>
      <c r="AV2006" s="119"/>
      <c r="AW2006" s="119"/>
      <c r="AX2006" s="119"/>
      <c r="AY2006" s="119"/>
      <c r="AZ2006" s="119"/>
      <c r="BA2006" s="119"/>
      <c r="BB2006" s="107">
        <v>45884</v>
      </c>
    </row>
    <row r="2007" spans="1:54" s="207" customFormat="1" ht="13.95" customHeight="1" x14ac:dyDescent="0.25">
      <c r="A2007" s="208" t="s">
        <v>4804</v>
      </c>
      <c r="B2007" s="209" t="s">
        <v>20420</v>
      </c>
      <c r="C2007" s="113" t="s">
        <v>4805</v>
      </c>
      <c r="D2007" s="113" t="s">
        <v>23647</v>
      </c>
      <c r="E2007" s="210">
        <v>1984</v>
      </c>
      <c r="F2007" s="210">
        <v>3000</v>
      </c>
      <c r="G2007" s="113" t="s">
        <v>1</v>
      </c>
      <c r="H2007" s="113">
        <v>0</v>
      </c>
      <c r="I2007" s="113">
        <v>0</v>
      </c>
      <c r="J2007" s="115">
        <v>1</v>
      </c>
      <c r="K2007" s="116" t="s">
        <v>174</v>
      </c>
      <c r="L2007" s="115">
        <v>1</v>
      </c>
      <c r="M2007" s="115">
        <v>0</v>
      </c>
      <c r="N2007" s="115">
        <v>0</v>
      </c>
      <c r="O2007" s="115">
        <v>1</v>
      </c>
      <c r="P2007" s="115">
        <v>1</v>
      </c>
      <c r="Q2007" s="115" t="s">
        <v>400</v>
      </c>
      <c r="R2007" s="115">
        <v>1</v>
      </c>
      <c r="S2007" s="115">
        <v>0</v>
      </c>
      <c r="T2007" s="115">
        <v>0</v>
      </c>
      <c r="U2007" s="119"/>
      <c r="V2007" s="119"/>
      <c r="W2007" s="119"/>
      <c r="X2007" s="119"/>
      <c r="Y2007" s="119"/>
      <c r="Z2007" s="119"/>
      <c r="AA2007" s="119"/>
      <c r="AB2007" s="119"/>
      <c r="AC2007" s="119"/>
      <c r="AD2007" s="119"/>
      <c r="AE2007" s="119"/>
      <c r="AF2007" s="119"/>
      <c r="AG2007" s="119"/>
      <c r="AH2007" s="119"/>
      <c r="AI2007" s="119"/>
      <c r="AJ2007" s="119"/>
      <c r="AK2007" s="119"/>
      <c r="AL2007" s="119"/>
      <c r="AM2007" s="119"/>
      <c r="AN2007" s="119"/>
      <c r="AO2007" s="119"/>
      <c r="AP2007" s="119"/>
      <c r="AQ2007" s="119"/>
      <c r="AR2007" s="119"/>
      <c r="AS2007" s="119"/>
      <c r="AT2007" s="119"/>
      <c r="AU2007" s="119"/>
      <c r="AV2007" s="119"/>
      <c r="AW2007" s="119"/>
      <c r="AX2007" s="119"/>
      <c r="AY2007" s="119"/>
      <c r="AZ2007" s="119"/>
      <c r="BA2007" s="119"/>
      <c r="BB2007" s="107">
        <v>45884</v>
      </c>
    </row>
    <row r="2008" spans="1:54" s="207" customFormat="1" ht="13.95" customHeight="1" x14ac:dyDescent="0.25">
      <c r="A2008" s="208" t="s">
        <v>4806</v>
      </c>
      <c r="B2008" s="209" t="s">
        <v>20420</v>
      </c>
      <c r="C2008" s="113" t="s">
        <v>4807</v>
      </c>
      <c r="D2008" s="113" t="s">
        <v>4808</v>
      </c>
      <c r="E2008" s="210">
        <v>1989</v>
      </c>
      <c r="F2008" s="210">
        <v>3000</v>
      </c>
      <c r="G2008" s="113" t="s">
        <v>1</v>
      </c>
      <c r="H2008" s="113">
        <v>0</v>
      </c>
      <c r="I2008" s="113">
        <v>0</v>
      </c>
      <c r="J2008" s="115">
        <v>1</v>
      </c>
      <c r="K2008" s="211">
        <v>1</v>
      </c>
      <c r="L2008" s="115">
        <v>1</v>
      </c>
      <c r="M2008" s="115">
        <v>1</v>
      </c>
      <c r="N2008" s="212">
        <v>1</v>
      </c>
      <c r="O2008" s="115">
        <v>0</v>
      </c>
      <c r="P2008" s="115">
        <v>1</v>
      </c>
      <c r="Q2008" s="115" t="s">
        <v>400</v>
      </c>
      <c r="R2008" s="115">
        <v>0</v>
      </c>
      <c r="S2008" s="115">
        <v>0</v>
      </c>
      <c r="T2008" s="115">
        <v>0</v>
      </c>
      <c r="U2008" s="119"/>
      <c r="V2008" s="119"/>
      <c r="W2008" s="119"/>
      <c r="X2008" s="119"/>
      <c r="Y2008" s="119"/>
      <c r="Z2008" s="119"/>
      <c r="AA2008" s="119"/>
      <c r="AB2008" s="119"/>
      <c r="AC2008" s="119"/>
      <c r="AD2008" s="119"/>
      <c r="AE2008" s="119"/>
      <c r="AF2008" s="119"/>
      <c r="AG2008" s="119"/>
      <c r="AH2008" s="119"/>
      <c r="AI2008" s="119"/>
      <c r="AJ2008" s="119"/>
      <c r="AK2008" s="119"/>
      <c r="AL2008" s="119"/>
      <c r="AM2008" s="119"/>
      <c r="AN2008" s="119"/>
      <c r="AO2008" s="119"/>
      <c r="AP2008" s="119"/>
      <c r="AQ2008" s="119"/>
      <c r="AR2008" s="119"/>
      <c r="AS2008" s="119"/>
      <c r="AT2008" s="119"/>
      <c r="AU2008" s="119"/>
      <c r="AV2008" s="119"/>
      <c r="AW2008" s="119"/>
      <c r="AX2008" s="119"/>
      <c r="AY2008" s="119"/>
      <c r="AZ2008" s="119"/>
      <c r="BA2008" s="119"/>
      <c r="BB2008" s="107">
        <v>45884</v>
      </c>
    </row>
    <row r="2009" spans="1:54" s="207" customFormat="1" ht="13.95" customHeight="1" x14ac:dyDescent="0.25">
      <c r="A2009" s="208" t="s">
        <v>4809</v>
      </c>
      <c r="B2009" s="209" t="s">
        <v>20420</v>
      </c>
      <c r="C2009" s="113" t="s">
        <v>4810</v>
      </c>
      <c r="D2009" s="113" t="s">
        <v>23648</v>
      </c>
      <c r="E2009" s="210">
        <v>1956</v>
      </c>
      <c r="F2009" s="210">
        <v>3003</v>
      </c>
      <c r="G2009" s="113" t="s">
        <v>1</v>
      </c>
      <c r="H2009" s="113">
        <v>0</v>
      </c>
      <c r="I2009" s="113">
        <v>0</v>
      </c>
      <c r="J2009" s="115">
        <v>1</v>
      </c>
      <c r="K2009" s="116" t="s">
        <v>174</v>
      </c>
      <c r="L2009" s="115">
        <v>1</v>
      </c>
      <c r="M2009" s="115">
        <v>1</v>
      </c>
      <c r="N2009" s="115">
        <v>1</v>
      </c>
      <c r="O2009" s="115">
        <v>1</v>
      </c>
      <c r="P2009" s="115" t="s">
        <v>400</v>
      </c>
      <c r="Q2009" s="115" t="s">
        <v>400</v>
      </c>
      <c r="R2009" s="115">
        <v>1</v>
      </c>
      <c r="S2009" s="115">
        <v>0</v>
      </c>
      <c r="T2009" s="115">
        <v>0</v>
      </c>
      <c r="U2009" s="119"/>
      <c r="V2009" s="119"/>
      <c r="W2009" s="119"/>
      <c r="X2009" s="119"/>
      <c r="Y2009" s="119"/>
      <c r="Z2009" s="119"/>
      <c r="AA2009" s="119"/>
      <c r="AB2009" s="119"/>
      <c r="AC2009" s="119"/>
      <c r="AD2009" s="119"/>
      <c r="AE2009" s="119"/>
      <c r="AF2009" s="119"/>
      <c r="AG2009" s="119"/>
      <c r="AH2009" s="119"/>
      <c r="AI2009" s="119"/>
      <c r="AJ2009" s="119"/>
      <c r="AK2009" s="119"/>
      <c r="AL2009" s="119"/>
      <c r="AM2009" s="119"/>
      <c r="AN2009" s="119"/>
      <c r="AO2009" s="119"/>
      <c r="AP2009" s="119"/>
      <c r="AQ2009" s="119"/>
      <c r="AR2009" s="119"/>
      <c r="AS2009" s="119"/>
      <c r="AT2009" s="119"/>
      <c r="AU2009" s="119"/>
      <c r="AV2009" s="119"/>
      <c r="AW2009" s="119"/>
      <c r="AX2009" s="119"/>
      <c r="AY2009" s="119"/>
      <c r="AZ2009" s="119"/>
      <c r="BA2009" s="119"/>
      <c r="BB2009" s="107">
        <v>45884</v>
      </c>
    </row>
    <row r="2010" spans="1:54" s="207" customFormat="1" ht="13.95" customHeight="1" x14ac:dyDescent="0.25">
      <c r="A2010" s="208" t="s">
        <v>4811</v>
      </c>
      <c r="B2010" s="209" t="s">
        <v>20420</v>
      </c>
      <c r="C2010" s="113" t="s">
        <v>4812</v>
      </c>
      <c r="D2010" s="113" t="s">
        <v>4813</v>
      </c>
      <c r="E2010" s="210">
        <v>1984</v>
      </c>
      <c r="F2010" s="210">
        <v>3003</v>
      </c>
      <c r="G2010" s="113" t="s">
        <v>1</v>
      </c>
      <c r="H2010" s="113">
        <v>0</v>
      </c>
      <c r="I2010" s="113">
        <v>0</v>
      </c>
      <c r="J2010" s="115">
        <v>1</v>
      </c>
      <c r="K2010" s="116" t="s">
        <v>174</v>
      </c>
      <c r="L2010" s="115">
        <v>1</v>
      </c>
      <c r="M2010" s="115">
        <v>0</v>
      </c>
      <c r="N2010" s="115">
        <v>0</v>
      </c>
      <c r="O2010" s="115">
        <v>1</v>
      </c>
      <c r="P2010" s="115">
        <v>1</v>
      </c>
      <c r="Q2010" s="115" t="s">
        <v>400</v>
      </c>
      <c r="R2010" s="115">
        <v>0</v>
      </c>
      <c r="S2010" s="115">
        <v>0</v>
      </c>
      <c r="T2010" s="115">
        <v>0</v>
      </c>
      <c r="U2010" s="119"/>
      <c r="V2010" s="119"/>
      <c r="W2010" s="119"/>
      <c r="X2010" s="119"/>
      <c r="Y2010" s="119"/>
      <c r="Z2010" s="119"/>
      <c r="AA2010" s="119"/>
      <c r="AB2010" s="119"/>
      <c r="AC2010" s="119"/>
      <c r="AD2010" s="119"/>
      <c r="AE2010" s="119"/>
      <c r="AF2010" s="119"/>
      <c r="AG2010" s="119"/>
      <c r="AH2010" s="119"/>
      <c r="AI2010" s="119"/>
      <c r="AJ2010" s="119"/>
      <c r="AK2010" s="119"/>
      <c r="AL2010" s="119"/>
      <c r="AM2010" s="119"/>
      <c r="AN2010" s="119"/>
      <c r="AO2010" s="119"/>
      <c r="AP2010" s="119"/>
      <c r="AQ2010" s="119"/>
      <c r="AR2010" s="119"/>
      <c r="AS2010" s="119"/>
      <c r="AT2010" s="119"/>
      <c r="AU2010" s="119"/>
      <c r="AV2010" s="119"/>
      <c r="AW2010" s="119"/>
      <c r="AX2010" s="119"/>
      <c r="AY2010" s="119"/>
      <c r="AZ2010" s="119"/>
      <c r="BA2010" s="119"/>
      <c r="BB2010" s="107">
        <v>45884</v>
      </c>
    </row>
    <row r="2011" spans="1:54" s="207" customFormat="1" ht="13.95" customHeight="1" x14ac:dyDescent="0.25">
      <c r="A2011" s="208" t="s">
        <v>4814</v>
      </c>
      <c r="B2011" s="209" t="s">
        <v>20420</v>
      </c>
      <c r="C2011" s="113" t="s">
        <v>4815</v>
      </c>
      <c r="D2011" s="113" t="s">
        <v>23649</v>
      </c>
      <c r="E2011" s="210">
        <v>1976</v>
      </c>
      <c r="F2011" s="210">
        <v>3005</v>
      </c>
      <c r="G2011" s="113" t="s">
        <v>1</v>
      </c>
      <c r="H2011" s="113">
        <v>0</v>
      </c>
      <c r="I2011" s="113">
        <v>0</v>
      </c>
      <c r="J2011" s="115">
        <v>1</v>
      </c>
      <c r="K2011" s="116" t="s">
        <v>174</v>
      </c>
      <c r="L2011" s="115">
        <v>1</v>
      </c>
      <c r="M2011" s="115">
        <v>0</v>
      </c>
      <c r="N2011" s="115">
        <v>0</v>
      </c>
      <c r="O2011" s="115">
        <v>1</v>
      </c>
      <c r="P2011" s="115">
        <v>1</v>
      </c>
      <c r="Q2011" s="115" t="s">
        <v>400</v>
      </c>
      <c r="R2011" s="115">
        <v>1</v>
      </c>
      <c r="S2011" s="115">
        <v>0</v>
      </c>
      <c r="T2011" s="115">
        <v>0</v>
      </c>
      <c r="U2011" s="119"/>
      <c r="V2011" s="119"/>
      <c r="W2011" s="119"/>
      <c r="X2011" s="119"/>
      <c r="Y2011" s="119"/>
      <c r="Z2011" s="119"/>
      <c r="AA2011" s="119"/>
      <c r="AB2011" s="119"/>
      <c r="AC2011" s="119"/>
      <c r="AD2011" s="119"/>
      <c r="AE2011" s="119"/>
      <c r="AF2011" s="119"/>
      <c r="AG2011" s="119"/>
      <c r="AH2011" s="119"/>
      <c r="AI2011" s="119"/>
      <c r="AJ2011" s="119"/>
      <c r="AK2011" s="119"/>
      <c r="AL2011" s="119"/>
      <c r="AM2011" s="119"/>
      <c r="AN2011" s="119"/>
      <c r="AO2011" s="119"/>
      <c r="AP2011" s="119"/>
      <c r="AQ2011" s="119"/>
      <c r="AR2011" s="119"/>
      <c r="AS2011" s="119"/>
      <c r="AT2011" s="119"/>
      <c r="AU2011" s="119"/>
      <c r="AV2011" s="119"/>
      <c r="AW2011" s="119"/>
      <c r="AX2011" s="119"/>
      <c r="AY2011" s="119"/>
      <c r="AZ2011" s="119"/>
      <c r="BA2011" s="119"/>
      <c r="BB2011" s="107">
        <v>45884</v>
      </c>
    </row>
    <row r="2012" spans="1:54" s="207" customFormat="1" ht="13.95" customHeight="1" x14ac:dyDescent="0.25">
      <c r="A2012" s="208" t="s">
        <v>4816</v>
      </c>
      <c r="B2012" s="209" t="s">
        <v>20420</v>
      </c>
      <c r="C2012" s="113" t="s">
        <v>4817</v>
      </c>
      <c r="D2012" s="113" t="s">
        <v>4818</v>
      </c>
      <c r="E2012" s="210">
        <v>1971</v>
      </c>
      <c r="F2012" s="210">
        <v>3012</v>
      </c>
      <c r="G2012" s="113" t="s">
        <v>1</v>
      </c>
      <c r="H2012" s="113">
        <v>0</v>
      </c>
      <c r="I2012" s="113">
        <v>0</v>
      </c>
      <c r="J2012" s="115">
        <v>1</v>
      </c>
      <c r="K2012" s="211">
        <v>1</v>
      </c>
      <c r="L2012" s="115">
        <v>1</v>
      </c>
      <c r="M2012" s="115">
        <v>0</v>
      </c>
      <c r="N2012" s="115">
        <v>0</v>
      </c>
      <c r="O2012" s="115">
        <v>1</v>
      </c>
      <c r="P2012" s="115">
        <v>1</v>
      </c>
      <c r="Q2012" s="115" t="s">
        <v>400</v>
      </c>
      <c r="R2012" s="115">
        <v>1</v>
      </c>
      <c r="S2012" s="115">
        <v>0</v>
      </c>
      <c r="T2012" s="115">
        <v>0</v>
      </c>
      <c r="U2012" s="119"/>
      <c r="V2012" s="119"/>
      <c r="W2012" s="119"/>
      <c r="X2012" s="119"/>
      <c r="Y2012" s="119"/>
      <c r="Z2012" s="119"/>
      <c r="AA2012" s="119"/>
      <c r="AB2012" s="119"/>
      <c r="AC2012" s="119"/>
      <c r="AD2012" s="119"/>
      <c r="AE2012" s="119"/>
      <c r="AF2012" s="119"/>
      <c r="AG2012" s="119"/>
      <c r="AH2012" s="119"/>
      <c r="AI2012" s="119"/>
      <c r="AJ2012" s="119"/>
      <c r="AK2012" s="119"/>
      <c r="AL2012" s="119"/>
      <c r="AM2012" s="119"/>
      <c r="AN2012" s="119"/>
      <c r="AO2012" s="119"/>
      <c r="AP2012" s="119"/>
      <c r="AQ2012" s="119"/>
      <c r="AR2012" s="119"/>
      <c r="AS2012" s="119"/>
      <c r="AT2012" s="119"/>
      <c r="AU2012" s="119"/>
      <c r="AV2012" s="119"/>
      <c r="AW2012" s="119"/>
      <c r="AX2012" s="119"/>
      <c r="AY2012" s="119"/>
      <c r="AZ2012" s="119"/>
      <c r="BA2012" s="119"/>
      <c r="BB2012" s="107">
        <v>45884</v>
      </c>
    </row>
    <row r="2013" spans="1:54" s="207" customFormat="1" ht="13.95" customHeight="1" x14ac:dyDescent="0.25">
      <c r="A2013" s="208" t="s">
        <v>4819</v>
      </c>
      <c r="B2013" s="209" t="s">
        <v>20420</v>
      </c>
      <c r="C2013" s="113" t="s">
        <v>4820</v>
      </c>
      <c r="D2013" s="113" t="s">
        <v>4821</v>
      </c>
      <c r="E2013" s="210">
        <v>1990</v>
      </c>
      <c r="F2013" s="210">
        <v>3016</v>
      </c>
      <c r="G2013" s="113" t="s">
        <v>1</v>
      </c>
      <c r="H2013" s="113">
        <v>0</v>
      </c>
      <c r="I2013" s="113">
        <v>0</v>
      </c>
      <c r="J2013" s="115">
        <v>1</v>
      </c>
      <c r="K2013" s="116" t="s">
        <v>174</v>
      </c>
      <c r="L2013" s="115">
        <v>1</v>
      </c>
      <c r="M2013" s="115">
        <v>0</v>
      </c>
      <c r="N2013" s="115">
        <v>0</v>
      </c>
      <c r="O2013" s="115">
        <v>1</v>
      </c>
      <c r="P2013" s="115">
        <v>1</v>
      </c>
      <c r="Q2013" s="115" t="s">
        <v>400</v>
      </c>
      <c r="R2013" s="115">
        <v>1</v>
      </c>
      <c r="S2013" s="115">
        <v>0</v>
      </c>
      <c r="T2013" s="115">
        <v>0</v>
      </c>
      <c r="U2013" s="119"/>
      <c r="V2013" s="119"/>
      <c r="W2013" s="119"/>
      <c r="X2013" s="119"/>
      <c r="Y2013" s="119"/>
      <c r="Z2013" s="119"/>
      <c r="AA2013" s="119"/>
      <c r="AB2013" s="119"/>
      <c r="AC2013" s="119"/>
      <c r="AD2013" s="119"/>
      <c r="AE2013" s="119"/>
      <c r="AF2013" s="119"/>
      <c r="AG2013" s="119"/>
      <c r="AH2013" s="119"/>
      <c r="AI2013" s="119"/>
      <c r="AJ2013" s="119"/>
      <c r="AK2013" s="119"/>
      <c r="AL2013" s="119"/>
      <c r="AM2013" s="119"/>
      <c r="AN2013" s="119"/>
      <c r="AO2013" s="119"/>
      <c r="AP2013" s="119"/>
      <c r="AQ2013" s="119"/>
      <c r="AR2013" s="119"/>
      <c r="AS2013" s="119"/>
      <c r="AT2013" s="119"/>
      <c r="AU2013" s="119"/>
      <c r="AV2013" s="119"/>
      <c r="AW2013" s="119"/>
      <c r="AX2013" s="119"/>
      <c r="AY2013" s="119"/>
      <c r="AZ2013" s="119"/>
      <c r="BA2013" s="119"/>
      <c r="BB2013" s="107">
        <v>45884</v>
      </c>
    </row>
    <row r="2014" spans="1:54" s="207" customFormat="1" ht="13.95" customHeight="1" x14ac:dyDescent="0.25">
      <c r="A2014" s="208" t="s">
        <v>4822</v>
      </c>
      <c r="B2014" s="209" t="s">
        <v>20420</v>
      </c>
      <c r="C2014" s="113" t="s">
        <v>4823</v>
      </c>
      <c r="D2014" s="113" t="s">
        <v>4824</v>
      </c>
      <c r="E2014" s="210">
        <v>1998</v>
      </c>
      <c r="F2014" s="210">
        <v>3019</v>
      </c>
      <c r="G2014" s="113" t="s">
        <v>1</v>
      </c>
      <c r="H2014" s="113">
        <v>0</v>
      </c>
      <c r="I2014" s="113">
        <v>0</v>
      </c>
      <c r="J2014" s="115">
        <v>1</v>
      </c>
      <c r="K2014" s="211">
        <v>1</v>
      </c>
      <c r="L2014" s="115">
        <v>1</v>
      </c>
      <c r="M2014" s="115">
        <v>0</v>
      </c>
      <c r="N2014" s="115">
        <v>0</v>
      </c>
      <c r="O2014" s="115">
        <v>1</v>
      </c>
      <c r="P2014" s="115">
        <v>1</v>
      </c>
      <c r="Q2014" s="115">
        <v>1</v>
      </c>
      <c r="R2014" s="115">
        <v>1</v>
      </c>
      <c r="S2014" s="115">
        <v>0</v>
      </c>
      <c r="T2014" s="115">
        <v>0</v>
      </c>
      <c r="U2014" s="119"/>
      <c r="V2014" s="119"/>
      <c r="W2014" s="119"/>
      <c r="X2014" s="119"/>
      <c r="Y2014" s="119"/>
      <c r="Z2014" s="119"/>
      <c r="AA2014" s="119"/>
      <c r="AB2014" s="119"/>
      <c r="AC2014" s="119"/>
      <c r="AD2014" s="119"/>
      <c r="AE2014" s="119"/>
      <c r="AF2014" s="119"/>
      <c r="AG2014" s="119"/>
      <c r="AH2014" s="119"/>
      <c r="AI2014" s="119"/>
      <c r="AJ2014" s="119"/>
      <c r="AK2014" s="119"/>
      <c r="AL2014" s="119"/>
      <c r="AM2014" s="119"/>
      <c r="AN2014" s="119"/>
      <c r="AO2014" s="119"/>
      <c r="AP2014" s="119"/>
      <c r="AQ2014" s="119"/>
      <c r="AR2014" s="119"/>
      <c r="AS2014" s="119"/>
      <c r="AT2014" s="119"/>
      <c r="AU2014" s="119"/>
      <c r="AV2014" s="119"/>
      <c r="AW2014" s="119"/>
      <c r="AX2014" s="119"/>
      <c r="AY2014" s="119"/>
      <c r="AZ2014" s="119"/>
      <c r="BA2014" s="119"/>
      <c r="BB2014" s="107">
        <v>45884</v>
      </c>
    </row>
    <row r="2015" spans="1:54" s="207" customFormat="1" ht="13.95" customHeight="1" x14ac:dyDescent="0.25">
      <c r="A2015" s="208" t="s">
        <v>4825</v>
      </c>
      <c r="B2015" s="209" t="s">
        <v>20420</v>
      </c>
      <c r="C2015" s="113" t="s">
        <v>4826</v>
      </c>
      <c r="D2015" s="113" t="s">
        <v>4827</v>
      </c>
      <c r="E2015" s="210">
        <v>1998</v>
      </c>
      <c r="F2015" s="210">
        <v>3021</v>
      </c>
      <c r="G2015" s="113" t="s">
        <v>1</v>
      </c>
      <c r="H2015" s="113">
        <v>1</v>
      </c>
      <c r="I2015" s="113">
        <v>1</v>
      </c>
      <c r="J2015" s="115">
        <v>1</v>
      </c>
      <c r="K2015" s="116" t="s">
        <v>174</v>
      </c>
      <c r="L2015" s="115">
        <v>1</v>
      </c>
      <c r="M2015" s="115">
        <v>0</v>
      </c>
      <c r="N2015" s="115">
        <v>0</v>
      </c>
      <c r="O2015" s="115">
        <v>1</v>
      </c>
      <c r="P2015" s="115">
        <v>1</v>
      </c>
      <c r="Q2015" s="115" t="s">
        <v>400</v>
      </c>
      <c r="R2015" s="115">
        <v>1</v>
      </c>
      <c r="S2015" s="115">
        <v>0</v>
      </c>
      <c r="T2015" s="115">
        <v>0</v>
      </c>
      <c r="U2015" s="119"/>
      <c r="V2015" s="119"/>
      <c r="W2015" s="119"/>
      <c r="X2015" s="119"/>
      <c r="Y2015" s="119"/>
      <c r="Z2015" s="119"/>
      <c r="AA2015" s="119"/>
      <c r="AB2015" s="119"/>
      <c r="AC2015" s="119"/>
      <c r="AD2015" s="119"/>
      <c r="AE2015" s="119"/>
      <c r="AF2015" s="119"/>
      <c r="AG2015" s="119"/>
      <c r="AH2015" s="119"/>
      <c r="AI2015" s="119"/>
      <c r="AJ2015" s="119"/>
      <c r="AK2015" s="119"/>
      <c r="AL2015" s="119"/>
      <c r="AM2015" s="119"/>
      <c r="AN2015" s="119"/>
      <c r="AO2015" s="119"/>
      <c r="AP2015" s="119"/>
      <c r="AQ2015" s="119"/>
      <c r="AR2015" s="119"/>
      <c r="AS2015" s="119"/>
      <c r="AT2015" s="119"/>
      <c r="AU2015" s="119"/>
      <c r="AV2015" s="119"/>
      <c r="AW2015" s="119"/>
      <c r="AX2015" s="119"/>
      <c r="AY2015" s="119"/>
      <c r="AZ2015" s="119"/>
      <c r="BA2015" s="119"/>
      <c r="BB2015" s="107">
        <v>45884</v>
      </c>
    </row>
    <row r="2016" spans="1:54" s="207" customFormat="1" ht="13.95" customHeight="1" x14ac:dyDescent="0.25">
      <c r="A2016" s="208" t="s">
        <v>4828</v>
      </c>
      <c r="B2016" s="209" t="s">
        <v>20420</v>
      </c>
      <c r="C2016" s="113" t="s">
        <v>4829</v>
      </c>
      <c r="D2016" s="113" t="s">
        <v>4830</v>
      </c>
      <c r="E2016" s="210">
        <v>1969</v>
      </c>
      <c r="F2016" s="210">
        <v>3026</v>
      </c>
      <c r="G2016" s="113" t="s">
        <v>1</v>
      </c>
      <c r="H2016" s="113">
        <v>0</v>
      </c>
      <c r="I2016" s="113">
        <v>0</v>
      </c>
      <c r="J2016" s="115">
        <v>1</v>
      </c>
      <c r="K2016" s="116" t="s">
        <v>174</v>
      </c>
      <c r="L2016" s="115">
        <v>1</v>
      </c>
      <c r="M2016" s="115">
        <v>1</v>
      </c>
      <c r="N2016" s="115">
        <v>1</v>
      </c>
      <c r="O2016" s="115">
        <v>1</v>
      </c>
      <c r="P2016" s="115" t="s">
        <v>400</v>
      </c>
      <c r="Q2016" s="115" t="s">
        <v>400</v>
      </c>
      <c r="R2016" s="115">
        <v>1</v>
      </c>
      <c r="S2016" s="115">
        <v>0</v>
      </c>
      <c r="T2016" s="115">
        <v>0</v>
      </c>
      <c r="U2016" s="119"/>
      <c r="V2016" s="119"/>
      <c r="W2016" s="119"/>
      <c r="X2016" s="119"/>
      <c r="Y2016" s="119"/>
      <c r="Z2016" s="119"/>
      <c r="AA2016" s="119"/>
      <c r="AB2016" s="119"/>
      <c r="AC2016" s="119"/>
      <c r="AD2016" s="119"/>
      <c r="AE2016" s="119"/>
      <c r="AF2016" s="119"/>
      <c r="AG2016" s="119"/>
      <c r="AH2016" s="119"/>
      <c r="AI2016" s="119"/>
      <c r="AJ2016" s="119"/>
      <c r="AK2016" s="119"/>
      <c r="AL2016" s="119"/>
      <c r="AM2016" s="119"/>
      <c r="AN2016" s="119"/>
      <c r="AO2016" s="119"/>
      <c r="AP2016" s="119"/>
      <c r="AQ2016" s="119"/>
      <c r="AR2016" s="119"/>
      <c r="AS2016" s="119"/>
      <c r="AT2016" s="119"/>
      <c r="AU2016" s="119"/>
      <c r="AV2016" s="119"/>
      <c r="AW2016" s="119"/>
      <c r="AX2016" s="119"/>
      <c r="AY2016" s="119"/>
      <c r="AZ2016" s="119"/>
      <c r="BA2016" s="119"/>
      <c r="BB2016" s="107">
        <v>45884</v>
      </c>
    </row>
    <row r="2017" spans="1:54" s="207" customFormat="1" ht="13.95" customHeight="1" x14ac:dyDescent="0.25">
      <c r="A2017" s="208" t="s">
        <v>4831</v>
      </c>
      <c r="B2017" s="209" t="s">
        <v>20420</v>
      </c>
      <c r="C2017" s="113" t="s">
        <v>4832</v>
      </c>
      <c r="D2017" s="113" t="s">
        <v>23650</v>
      </c>
      <c r="E2017" s="210">
        <v>1976</v>
      </c>
      <c r="F2017" s="210">
        <v>3028</v>
      </c>
      <c r="G2017" s="113" t="s">
        <v>1</v>
      </c>
      <c r="H2017" s="113">
        <v>0</v>
      </c>
      <c r="I2017" s="113">
        <v>0</v>
      </c>
      <c r="J2017" s="115">
        <v>1</v>
      </c>
      <c r="K2017" s="211">
        <v>1</v>
      </c>
      <c r="L2017" s="115">
        <v>1</v>
      </c>
      <c r="M2017" s="115">
        <v>1</v>
      </c>
      <c r="N2017" s="115">
        <v>1</v>
      </c>
      <c r="O2017" s="115">
        <v>1</v>
      </c>
      <c r="P2017" s="115" t="s">
        <v>400</v>
      </c>
      <c r="Q2017" s="115" t="s">
        <v>400</v>
      </c>
      <c r="R2017" s="115">
        <v>1</v>
      </c>
      <c r="S2017" s="115">
        <v>0</v>
      </c>
      <c r="T2017" s="115">
        <v>0</v>
      </c>
      <c r="U2017" s="119"/>
      <c r="V2017" s="119"/>
      <c r="W2017" s="119"/>
      <c r="X2017" s="119"/>
      <c r="Y2017" s="119"/>
      <c r="Z2017" s="119"/>
      <c r="AA2017" s="119"/>
      <c r="AB2017" s="119"/>
      <c r="AC2017" s="119"/>
      <c r="AD2017" s="119"/>
      <c r="AE2017" s="119"/>
      <c r="AF2017" s="119"/>
      <c r="AG2017" s="119"/>
      <c r="AH2017" s="119"/>
      <c r="AI2017" s="119"/>
      <c r="AJ2017" s="119"/>
      <c r="AK2017" s="119"/>
      <c r="AL2017" s="119"/>
      <c r="AM2017" s="119"/>
      <c r="AN2017" s="119"/>
      <c r="AO2017" s="119"/>
      <c r="AP2017" s="119"/>
      <c r="AQ2017" s="119"/>
      <c r="AR2017" s="119"/>
      <c r="AS2017" s="119"/>
      <c r="AT2017" s="119"/>
      <c r="AU2017" s="119"/>
      <c r="AV2017" s="119"/>
      <c r="AW2017" s="119"/>
      <c r="AX2017" s="119"/>
      <c r="AY2017" s="119"/>
      <c r="AZ2017" s="119"/>
      <c r="BA2017" s="119"/>
      <c r="BB2017" s="107">
        <v>45884</v>
      </c>
    </row>
    <row r="2018" spans="1:54" s="207" customFormat="1" ht="13.95" customHeight="1" x14ac:dyDescent="0.25">
      <c r="A2018" s="208" t="s">
        <v>4833</v>
      </c>
      <c r="B2018" s="209" t="s">
        <v>20420</v>
      </c>
      <c r="C2018" s="113" t="s">
        <v>4834</v>
      </c>
      <c r="D2018" s="113" t="s">
        <v>23651</v>
      </c>
      <c r="E2018" s="210">
        <v>1982</v>
      </c>
      <c r="F2018" s="210">
        <v>3030</v>
      </c>
      <c r="G2018" s="113" t="s">
        <v>1</v>
      </c>
      <c r="H2018" s="113">
        <v>0</v>
      </c>
      <c r="I2018" s="113">
        <v>0</v>
      </c>
      <c r="J2018" s="115">
        <v>1</v>
      </c>
      <c r="K2018" s="211">
        <v>1</v>
      </c>
      <c r="L2018" s="115">
        <v>1</v>
      </c>
      <c r="M2018" s="115">
        <v>1</v>
      </c>
      <c r="N2018" s="115">
        <v>0</v>
      </c>
      <c r="O2018" s="115">
        <v>0</v>
      </c>
      <c r="P2018" s="115" t="s">
        <v>400</v>
      </c>
      <c r="Q2018" s="115" t="s">
        <v>400</v>
      </c>
      <c r="R2018" s="115">
        <v>1</v>
      </c>
      <c r="S2018" s="115">
        <v>0</v>
      </c>
      <c r="T2018" s="115">
        <v>0</v>
      </c>
      <c r="U2018" s="119"/>
      <c r="V2018" s="119"/>
      <c r="W2018" s="119"/>
      <c r="X2018" s="119"/>
      <c r="Y2018" s="119"/>
      <c r="Z2018" s="119"/>
      <c r="AA2018" s="119"/>
      <c r="AB2018" s="119"/>
      <c r="AC2018" s="119"/>
      <c r="AD2018" s="119"/>
      <c r="AE2018" s="119"/>
      <c r="AF2018" s="119"/>
      <c r="AG2018" s="119"/>
      <c r="AH2018" s="119"/>
      <c r="AI2018" s="119"/>
      <c r="AJ2018" s="119"/>
      <c r="AK2018" s="119"/>
      <c r="AL2018" s="119"/>
      <c r="AM2018" s="119"/>
      <c r="AN2018" s="119"/>
      <c r="AO2018" s="119"/>
      <c r="AP2018" s="119"/>
      <c r="AQ2018" s="119"/>
      <c r="AR2018" s="119"/>
      <c r="AS2018" s="119"/>
      <c r="AT2018" s="119"/>
      <c r="AU2018" s="119"/>
      <c r="AV2018" s="119"/>
      <c r="AW2018" s="119"/>
      <c r="AX2018" s="119"/>
      <c r="AY2018" s="119"/>
      <c r="AZ2018" s="119"/>
      <c r="BA2018" s="119"/>
      <c r="BB2018" s="107">
        <v>45884</v>
      </c>
    </row>
    <row r="2019" spans="1:54" s="207" customFormat="1" ht="13.95" customHeight="1" x14ac:dyDescent="0.25">
      <c r="A2019" s="208" t="s">
        <v>4835</v>
      </c>
      <c r="B2019" s="209" t="s">
        <v>20420</v>
      </c>
      <c r="C2019" s="113" t="s">
        <v>4836</v>
      </c>
      <c r="D2019" s="113" t="s">
        <v>4837</v>
      </c>
      <c r="E2019" s="210">
        <v>1977</v>
      </c>
      <c r="F2019" s="210">
        <v>3030</v>
      </c>
      <c r="G2019" s="113" t="s">
        <v>1</v>
      </c>
      <c r="H2019" s="113">
        <v>1</v>
      </c>
      <c r="I2019" s="113">
        <v>1</v>
      </c>
      <c r="J2019" s="115">
        <v>1</v>
      </c>
      <c r="K2019" s="116" t="s">
        <v>174</v>
      </c>
      <c r="L2019" s="115">
        <v>1</v>
      </c>
      <c r="M2019" s="115">
        <v>0</v>
      </c>
      <c r="N2019" s="115">
        <v>0</v>
      </c>
      <c r="O2019" s="115">
        <v>1</v>
      </c>
      <c r="P2019" s="115">
        <v>1</v>
      </c>
      <c r="Q2019" s="115" t="s">
        <v>400</v>
      </c>
      <c r="R2019" s="115">
        <v>1</v>
      </c>
      <c r="S2019" s="115">
        <v>0</v>
      </c>
      <c r="T2019" s="115">
        <v>0</v>
      </c>
      <c r="U2019" s="119"/>
      <c r="V2019" s="119"/>
      <c r="W2019" s="119"/>
      <c r="X2019" s="119"/>
      <c r="Y2019" s="119"/>
      <c r="Z2019" s="119"/>
      <c r="AA2019" s="119"/>
      <c r="AB2019" s="119"/>
      <c r="AC2019" s="119"/>
      <c r="AD2019" s="119"/>
      <c r="AE2019" s="119"/>
      <c r="AF2019" s="119"/>
      <c r="AG2019" s="119"/>
      <c r="AH2019" s="119"/>
      <c r="AI2019" s="119"/>
      <c r="AJ2019" s="119"/>
      <c r="AK2019" s="119"/>
      <c r="AL2019" s="119"/>
      <c r="AM2019" s="119"/>
      <c r="AN2019" s="119"/>
      <c r="AO2019" s="119"/>
      <c r="AP2019" s="119"/>
      <c r="AQ2019" s="119"/>
      <c r="AR2019" s="119"/>
      <c r="AS2019" s="119"/>
      <c r="AT2019" s="119"/>
      <c r="AU2019" s="119"/>
      <c r="AV2019" s="119"/>
      <c r="AW2019" s="119"/>
      <c r="AX2019" s="119"/>
      <c r="AY2019" s="119"/>
      <c r="AZ2019" s="119"/>
      <c r="BA2019" s="119"/>
      <c r="BB2019" s="107">
        <v>45884</v>
      </c>
    </row>
    <row r="2020" spans="1:54" s="207" customFormat="1" ht="13.95" customHeight="1" x14ac:dyDescent="0.25">
      <c r="A2020" s="208" t="s">
        <v>4838</v>
      </c>
      <c r="B2020" s="209" t="s">
        <v>20420</v>
      </c>
      <c r="C2020" s="113" t="s">
        <v>4839</v>
      </c>
      <c r="D2020" s="113" t="s">
        <v>23652</v>
      </c>
      <c r="E2020" s="210">
        <v>2004</v>
      </c>
      <c r="F2020" s="210">
        <v>3033</v>
      </c>
      <c r="G2020" s="113" t="s">
        <v>1</v>
      </c>
      <c r="H2020" s="113">
        <v>0</v>
      </c>
      <c r="I2020" s="113">
        <v>0</v>
      </c>
      <c r="J2020" s="115">
        <v>1</v>
      </c>
      <c r="K2020" s="211">
        <v>1</v>
      </c>
      <c r="L2020" s="115">
        <v>0</v>
      </c>
      <c r="M2020" s="115">
        <v>0</v>
      </c>
      <c r="N2020" s="115">
        <v>0</v>
      </c>
      <c r="O2020" s="115">
        <v>1</v>
      </c>
      <c r="P2020" s="115">
        <v>1</v>
      </c>
      <c r="Q2020" s="115" t="s">
        <v>400</v>
      </c>
      <c r="R2020" s="115">
        <v>1</v>
      </c>
      <c r="S2020" s="115">
        <v>0</v>
      </c>
      <c r="T2020" s="115">
        <v>0</v>
      </c>
      <c r="U2020" s="119"/>
      <c r="V2020" s="119"/>
      <c r="W2020" s="119"/>
      <c r="X2020" s="119"/>
      <c r="Y2020" s="119"/>
      <c r="Z2020" s="119"/>
      <c r="AA2020" s="119"/>
      <c r="AB2020" s="119"/>
      <c r="AC2020" s="119"/>
      <c r="AD2020" s="119"/>
      <c r="AE2020" s="119"/>
      <c r="AF2020" s="119"/>
      <c r="AG2020" s="119"/>
      <c r="AH2020" s="119"/>
      <c r="AI2020" s="119"/>
      <c r="AJ2020" s="119"/>
      <c r="AK2020" s="119"/>
      <c r="AL2020" s="119"/>
      <c r="AM2020" s="119"/>
      <c r="AN2020" s="119"/>
      <c r="AO2020" s="119"/>
      <c r="AP2020" s="119"/>
      <c r="AQ2020" s="119"/>
      <c r="AR2020" s="119"/>
      <c r="AS2020" s="119"/>
      <c r="AT2020" s="119"/>
      <c r="AU2020" s="119"/>
      <c r="AV2020" s="119"/>
      <c r="AW2020" s="119"/>
      <c r="AX2020" s="119"/>
      <c r="AY2020" s="119"/>
      <c r="AZ2020" s="119"/>
      <c r="BA2020" s="119"/>
      <c r="BB2020" s="107">
        <v>45884</v>
      </c>
    </row>
    <row r="2021" spans="1:54" s="207" customFormat="1" ht="13.95" customHeight="1" x14ac:dyDescent="0.25">
      <c r="A2021" s="208" t="s">
        <v>4840</v>
      </c>
      <c r="B2021" s="209" t="s">
        <v>20420</v>
      </c>
      <c r="C2021" s="113" t="s">
        <v>4841</v>
      </c>
      <c r="D2021" s="113" t="s">
        <v>23653</v>
      </c>
      <c r="E2021" s="210">
        <v>1991</v>
      </c>
      <c r="F2021" s="210">
        <v>3043</v>
      </c>
      <c r="G2021" s="113" t="s">
        <v>1</v>
      </c>
      <c r="H2021" s="113">
        <v>0</v>
      </c>
      <c r="I2021" s="113">
        <v>0</v>
      </c>
      <c r="J2021" s="115">
        <v>1</v>
      </c>
      <c r="K2021" s="211">
        <v>1</v>
      </c>
      <c r="L2021" s="115">
        <v>1</v>
      </c>
      <c r="M2021" s="115">
        <v>0</v>
      </c>
      <c r="N2021" s="115">
        <v>0</v>
      </c>
      <c r="O2021" s="115">
        <v>1</v>
      </c>
      <c r="P2021" s="115">
        <v>1</v>
      </c>
      <c r="Q2021" s="115" t="s">
        <v>400</v>
      </c>
      <c r="R2021" s="115">
        <v>1</v>
      </c>
      <c r="S2021" s="115">
        <v>0</v>
      </c>
      <c r="T2021" s="115">
        <v>0</v>
      </c>
      <c r="U2021" s="119"/>
      <c r="V2021" s="119"/>
      <c r="W2021" s="119"/>
      <c r="X2021" s="119"/>
      <c r="Y2021" s="119"/>
      <c r="Z2021" s="119"/>
      <c r="AA2021" s="119"/>
      <c r="AB2021" s="119"/>
      <c r="AC2021" s="119"/>
      <c r="AD2021" s="119"/>
      <c r="AE2021" s="119"/>
      <c r="AF2021" s="119"/>
      <c r="AG2021" s="119"/>
      <c r="AH2021" s="119"/>
      <c r="AI2021" s="119"/>
      <c r="AJ2021" s="119"/>
      <c r="AK2021" s="119"/>
      <c r="AL2021" s="119"/>
      <c r="AM2021" s="119"/>
      <c r="AN2021" s="119"/>
      <c r="AO2021" s="119"/>
      <c r="AP2021" s="119"/>
      <c r="AQ2021" s="119"/>
      <c r="AR2021" s="119"/>
      <c r="AS2021" s="119"/>
      <c r="AT2021" s="119"/>
      <c r="AU2021" s="119"/>
      <c r="AV2021" s="119"/>
      <c r="AW2021" s="119"/>
      <c r="AX2021" s="119"/>
      <c r="AY2021" s="119"/>
      <c r="AZ2021" s="119"/>
      <c r="BA2021" s="119"/>
      <c r="BB2021" s="107">
        <v>45884</v>
      </c>
    </row>
    <row r="2022" spans="1:54" s="207" customFormat="1" ht="13.95" customHeight="1" x14ac:dyDescent="0.25">
      <c r="A2022" s="208" t="s">
        <v>4842</v>
      </c>
      <c r="B2022" s="209" t="s">
        <v>20420</v>
      </c>
      <c r="C2022" s="113" t="s">
        <v>4843</v>
      </c>
      <c r="D2022" s="113" t="s">
        <v>23654</v>
      </c>
      <c r="E2022" s="210">
        <v>1973</v>
      </c>
      <c r="F2022" s="210">
        <v>3046</v>
      </c>
      <c r="G2022" s="113" t="s">
        <v>1</v>
      </c>
      <c r="H2022" s="113">
        <v>1</v>
      </c>
      <c r="I2022" s="113">
        <v>0</v>
      </c>
      <c r="J2022" s="115">
        <v>1</v>
      </c>
      <c r="K2022" s="211">
        <v>1</v>
      </c>
      <c r="L2022" s="115">
        <v>1</v>
      </c>
      <c r="M2022" s="115">
        <v>0</v>
      </c>
      <c r="N2022" s="115">
        <v>0</v>
      </c>
      <c r="O2022" s="115">
        <v>1</v>
      </c>
      <c r="P2022" s="115">
        <v>1</v>
      </c>
      <c r="Q2022" s="115" t="s">
        <v>400</v>
      </c>
      <c r="R2022" s="115">
        <v>0</v>
      </c>
      <c r="S2022" s="115">
        <v>0</v>
      </c>
      <c r="T2022" s="115">
        <v>0</v>
      </c>
      <c r="U2022" s="119"/>
      <c r="V2022" s="119"/>
      <c r="W2022" s="119"/>
      <c r="X2022" s="119"/>
      <c r="Y2022" s="119"/>
      <c r="Z2022" s="119"/>
      <c r="AA2022" s="119"/>
      <c r="AB2022" s="119"/>
      <c r="AC2022" s="119"/>
      <c r="AD2022" s="119"/>
      <c r="AE2022" s="119"/>
      <c r="AF2022" s="119"/>
      <c r="AG2022" s="119"/>
      <c r="AH2022" s="119"/>
      <c r="AI2022" s="119"/>
      <c r="AJ2022" s="119"/>
      <c r="AK2022" s="119"/>
      <c r="AL2022" s="119"/>
      <c r="AM2022" s="119"/>
      <c r="AN2022" s="119"/>
      <c r="AO2022" s="119"/>
      <c r="AP2022" s="119"/>
      <c r="AQ2022" s="119"/>
      <c r="AR2022" s="119"/>
      <c r="AS2022" s="119"/>
      <c r="AT2022" s="119"/>
      <c r="AU2022" s="119"/>
      <c r="AV2022" s="119"/>
      <c r="AW2022" s="119"/>
      <c r="AX2022" s="119"/>
      <c r="AY2022" s="119"/>
      <c r="AZ2022" s="119"/>
      <c r="BA2022" s="119"/>
      <c r="BB2022" s="107">
        <v>45884</v>
      </c>
    </row>
    <row r="2023" spans="1:54" s="207" customFormat="1" ht="13.95" customHeight="1" x14ac:dyDescent="0.25">
      <c r="A2023" s="208" t="s">
        <v>4844</v>
      </c>
      <c r="B2023" s="209" t="s">
        <v>20420</v>
      </c>
      <c r="C2023" s="113" t="s">
        <v>4845</v>
      </c>
      <c r="D2023" s="113" t="s">
        <v>4846</v>
      </c>
      <c r="E2023" s="210">
        <v>1987</v>
      </c>
      <c r="F2023" s="210">
        <v>3046</v>
      </c>
      <c r="G2023" s="113" t="s">
        <v>1</v>
      </c>
      <c r="H2023" s="113">
        <v>0</v>
      </c>
      <c r="I2023" s="113">
        <v>0</v>
      </c>
      <c r="J2023" s="115">
        <v>1</v>
      </c>
      <c r="K2023" s="116" t="s">
        <v>174</v>
      </c>
      <c r="L2023" s="115">
        <v>1</v>
      </c>
      <c r="M2023" s="115">
        <v>1</v>
      </c>
      <c r="N2023" s="115">
        <v>0</v>
      </c>
      <c r="O2023" s="115">
        <v>1</v>
      </c>
      <c r="P2023" s="115" t="s">
        <v>400</v>
      </c>
      <c r="Q2023" s="115" t="s">
        <v>400</v>
      </c>
      <c r="R2023" s="115">
        <v>0</v>
      </c>
      <c r="S2023" s="115">
        <v>0</v>
      </c>
      <c r="T2023" s="115">
        <v>0</v>
      </c>
      <c r="U2023" s="119"/>
      <c r="V2023" s="119"/>
      <c r="W2023" s="119"/>
      <c r="X2023" s="119"/>
      <c r="Y2023" s="119"/>
      <c r="Z2023" s="119"/>
      <c r="AA2023" s="119"/>
      <c r="AB2023" s="119"/>
      <c r="AC2023" s="119"/>
      <c r="AD2023" s="119"/>
      <c r="AE2023" s="119"/>
      <c r="AF2023" s="119"/>
      <c r="AG2023" s="119"/>
      <c r="AH2023" s="119"/>
      <c r="AI2023" s="119"/>
      <c r="AJ2023" s="119"/>
      <c r="AK2023" s="119"/>
      <c r="AL2023" s="119"/>
      <c r="AM2023" s="119"/>
      <c r="AN2023" s="119"/>
      <c r="AO2023" s="119"/>
      <c r="AP2023" s="119"/>
      <c r="AQ2023" s="119"/>
      <c r="AR2023" s="119"/>
      <c r="AS2023" s="119"/>
      <c r="AT2023" s="119"/>
      <c r="AU2023" s="119"/>
      <c r="AV2023" s="119"/>
      <c r="AW2023" s="119"/>
      <c r="AX2023" s="119"/>
      <c r="AY2023" s="119"/>
      <c r="AZ2023" s="119"/>
      <c r="BA2023" s="119"/>
      <c r="BB2023" s="107">
        <v>45884</v>
      </c>
    </row>
    <row r="2024" spans="1:54" s="207" customFormat="1" ht="13.95" customHeight="1" x14ac:dyDescent="0.25">
      <c r="A2024" s="208" t="s">
        <v>4847</v>
      </c>
      <c r="B2024" s="209" t="s">
        <v>20420</v>
      </c>
      <c r="C2024" s="113" t="s">
        <v>4848</v>
      </c>
      <c r="D2024" s="113" t="s">
        <v>23655</v>
      </c>
      <c r="E2024" s="210">
        <v>1987</v>
      </c>
      <c r="F2024" s="210">
        <v>3049</v>
      </c>
      <c r="G2024" s="113" t="s">
        <v>1</v>
      </c>
      <c r="H2024" s="113">
        <v>0</v>
      </c>
      <c r="I2024" s="113">
        <v>0</v>
      </c>
      <c r="J2024" s="115">
        <v>1</v>
      </c>
      <c r="K2024" s="116" t="s">
        <v>174</v>
      </c>
      <c r="L2024" s="115">
        <v>1</v>
      </c>
      <c r="M2024" s="115">
        <v>1</v>
      </c>
      <c r="N2024" s="115">
        <v>0</v>
      </c>
      <c r="O2024" s="115">
        <v>0</v>
      </c>
      <c r="P2024" s="115" t="s">
        <v>400</v>
      </c>
      <c r="Q2024" s="115" t="s">
        <v>400</v>
      </c>
      <c r="R2024" s="115">
        <v>0</v>
      </c>
      <c r="S2024" s="115">
        <v>0</v>
      </c>
      <c r="T2024" s="115">
        <v>0</v>
      </c>
      <c r="U2024" s="119"/>
      <c r="V2024" s="119"/>
      <c r="W2024" s="119"/>
      <c r="X2024" s="119"/>
      <c r="Y2024" s="119"/>
      <c r="Z2024" s="119"/>
      <c r="AA2024" s="119"/>
      <c r="AB2024" s="119"/>
      <c r="AC2024" s="119"/>
      <c r="AD2024" s="119"/>
      <c r="AE2024" s="119"/>
      <c r="AF2024" s="119"/>
      <c r="AG2024" s="119"/>
      <c r="AH2024" s="119"/>
      <c r="AI2024" s="119"/>
      <c r="AJ2024" s="119"/>
      <c r="AK2024" s="119"/>
      <c r="AL2024" s="119"/>
      <c r="AM2024" s="119"/>
      <c r="AN2024" s="119"/>
      <c r="AO2024" s="119"/>
      <c r="AP2024" s="119"/>
      <c r="AQ2024" s="119"/>
      <c r="AR2024" s="119"/>
      <c r="AS2024" s="119"/>
      <c r="AT2024" s="119"/>
      <c r="AU2024" s="119"/>
      <c r="AV2024" s="119"/>
      <c r="AW2024" s="119"/>
      <c r="AX2024" s="119"/>
      <c r="AY2024" s="119"/>
      <c r="AZ2024" s="119"/>
      <c r="BA2024" s="119"/>
      <c r="BB2024" s="107">
        <v>45884</v>
      </c>
    </row>
    <row r="2025" spans="1:54" s="207" customFormat="1" ht="13.95" customHeight="1" x14ac:dyDescent="0.25">
      <c r="A2025" s="208" t="s">
        <v>4849</v>
      </c>
      <c r="B2025" s="209" t="s">
        <v>20420</v>
      </c>
      <c r="C2025" s="113" t="s">
        <v>4850</v>
      </c>
      <c r="D2025" s="113" t="s">
        <v>23656</v>
      </c>
      <c r="E2025" s="210">
        <v>2013</v>
      </c>
      <c r="F2025" s="210">
        <v>3049</v>
      </c>
      <c r="G2025" s="113" t="s">
        <v>1</v>
      </c>
      <c r="H2025" s="113">
        <v>0</v>
      </c>
      <c r="I2025" s="113">
        <v>0</v>
      </c>
      <c r="J2025" s="115">
        <v>1</v>
      </c>
      <c r="K2025" s="211">
        <v>1</v>
      </c>
      <c r="L2025" s="115">
        <v>1</v>
      </c>
      <c r="M2025" s="115">
        <v>1</v>
      </c>
      <c r="N2025" s="115">
        <v>1</v>
      </c>
      <c r="O2025" s="115">
        <v>1</v>
      </c>
      <c r="P2025" s="115" t="s">
        <v>400</v>
      </c>
      <c r="Q2025" s="115" t="s">
        <v>400</v>
      </c>
      <c r="R2025" s="115">
        <v>1</v>
      </c>
      <c r="S2025" s="115">
        <v>0</v>
      </c>
      <c r="T2025" s="115">
        <v>0</v>
      </c>
      <c r="U2025" s="119"/>
      <c r="V2025" s="119"/>
      <c r="W2025" s="119"/>
      <c r="X2025" s="119"/>
      <c r="Y2025" s="119"/>
      <c r="Z2025" s="119"/>
      <c r="AA2025" s="119"/>
      <c r="AB2025" s="119"/>
      <c r="AC2025" s="119"/>
      <c r="AD2025" s="119"/>
      <c r="AE2025" s="119"/>
      <c r="AF2025" s="119"/>
      <c r="AG2025" s="119"/>
      <c r="AH2025" s="119"/>
      <c r="AI2025" s="119"/>
      <c r="AJ2025" s="119"/>
      <c r="AK2025" s="119"/>
      <c r="AL2025" s="119"/>
      <c r="AM2025" s="119"/>
      <c r="AN2025" s="119"/>
      <c r="AO2025" s="119"/>
      <c r="AP2025" s="119"/>
      <c r="AQ2025" s="119"/>
      <c r="AR2025" s="119"/>
      <c r="AS2025" s="119"/>
      <c r="AT2025" s="119"/>
      <c r="AU2025" s="119"/>
      <c r="AV2025" s="119"/>
      <c r="AW2025" s="119"/>
      <c r="AX2025" s="119"/>
      <c r="AY2025" s="119"/>
      <c r="AZ2025" s="119"/>
      <c r="BA2025" s="119"/>
      <c r="BB2025" s="107">
        <v>45884</v>
      </c>
    </row>
    <row r="2026" spans="1:54" s="207" customFormat="1" ht="13.95" customHeight="1" x14ac:dyDescent="0.25">
      <c r="A2026" s="208" t="s">
        <v>4851</v>
      </c>
      <c r="B2026" s="209" t="s">
        <v>20420</v>
      </c>
      <c r="C2026" s="113" t="s">
        <v>4852</v>
      </c>
      <c r="D2026" s="113" t="s">
        <v>23657</v>
      </c>
      <c r="E2026" s="210">
        <v>1987</v>
      </c>
      <c r="F2026" s="210">
        <v>3058</v>
      </c>
      <c r="G2026" s="113" t="s">
        <v>1</v>
      </c>
      <c r="H2026" s="113">
        <v>0</v>
      </c>
      <c r="I2026" s="113">
        <v>0</v>
      </c>
      <c r="J2026" s="115">
        <v>1</v>
      </c>
      <c r="K2026" s="116" t="s">
        <v>174</v>
      </c>
      <c r="L2026" s="115">
        <v>1</v>
      </c>
      <c r="M2026" s="115">
        <v>0</v>
      </c>
      <c r="N2026" s="115">
        <v>0</v>
      </c>
      <c r="O2026" s="115">
        <v>1</v>
      </c>
      <c r="P2026" s="115">
        <v>1</v>
      </c>
      <c r="Q2026" s="115" t="s">
        <v>400</v>
      </c>
      <c r="R2026" s="115">
        <v>1</v>
      </c>
      <c r="S2026" s="115">
        <v>0</v>
      </c>
      <c r="T2026" s="115">
        <v>0</v>
      </c>
      <c r="U2026" s="119"/>
      <c r="V2026" s="119"/>
      <c r="W2026" s="119"/>
      <c r="X2026" s="119"/>
      <c r="Y2026" s="119"/>
      <c r="Z2026" s="119"/>
      <c r="AA2026" s="119"/>
      <c r="AB2026" s="119"/>
      <c r="AC2026" s="119"/>
      <c r="AD2026" s="119"/>
      <c r="AE2026" s="119"/>
      <c r="AF2026" s="119"/>
      <c r="AG2026" s="119"/>
      <c r="AH2026" s="119"/>
      <c r="AI2026" s="119"/>
      <c r="AJ2026" s="119"/>
      <c r="AK2026" s="119"/>
      <c r="AL2026" s="119"/>
      <c r="AM2026" s="119"/>
      <c r="AN2026" s="119"/>
      <c r="AO2026" s="119"/>
      <c r="AP2026" s="119"/>
      <c r="AQ2026" s="119"/>
      <c r="AR2026" s="119"/>
      <c r="AS2026" s="119"/>
      <c r="AT2026" s="119"/>
      <c r="AU2026" s="119"/>
      <c r="AV2026" s="119"/>
      <c r="AW2026" s="119"/>
      <c r="AX2026" s="119"/>
      <c r="AY2026" s="119"/>
      <c r="AZ2026" s="119"/>
      <c r="BA2026" s="119"/>
      <c r="BB2026" s="107">
        <v>45884</v>
      </c>
    </row>
    <row r="2027" spans="1:54" s="207" customFormat="1" ht="13.95" customHeight="1" x14ac:dyDescent="0.25">
      <c r="A2027" s="208" t="s">
        <v>4853</v>
      </c>
      <c r="B2027" s="209" t="s">
        <v>20420</v>
      </c>
      <c r="C2027" s="113" t="s">
        <v>4854</v>
      </c>
      <c r="D2027" s="113" t="s">
        <v>23658</v>
      </c>
      <c r="E2027" s="210">
        <v>1983</v>
      </c>
      <c r="F2027" s="210">
        <v>3061</v>
      </c>
      <c r="G2027" s="113" t="s">
        <v>1</v>
      </c>
      <c r="H2027" s="113">
        <v>0</v>
      </c>
      <c r="I2027" s="113">
        <v>0</v>
      </c>
      <c r="J2027" s="115">
        <v>1</v>
      </c>
      <c r="K2027" s="116" t="s">
        <v>174</v>
      </c>
      <c r="L2027" s="115">
        <v>1</v>
      </c>
      <c r="M2027" s="115">
        <v>0</v>
      </c>
      <c r="N2027" s="115">
        <v>1</v>
      </c>
      <c r="O2027" s="115">
        <v>1</v>
      </c>
      <c r="P2027" s="115">
        <v>1</v>
      </c>
      <c r="Q2027" s="115">
        <v>1</v>
      </c>
      <c r="R2027" s="115">
        <v>1</v>
      </c>
      <c r="S2027" s="115">
        <v>0</v>
      </c>
      <c r="T2027" s="115">
        <v>0</v>
      </c>
      <c r="U2027" s="119"/>
      <c r="V2027" s="119"/>
      <c r="W2027" s="119"/>
      <c r="X2027" s="119"/>
      <c r="Y2027" s="119"/>
      <c r="Z2027" s="119"/>
      <c r="AA2027" s="119"/>
      <c r="AB2027" s="119"/>
      <c r="AC2027" s="119"/>
      <c r="AD2027" s="119"/>
      <c r="AE2027" s="119"/>
      <c r="AF2027" s="119"/>
      <c r="AG2027" s="119"/>
      <c r="AH2027" s="119"/>
      <c r="AI2027" s="119"/>
      <c r="AJ2027" s="119"/>
      <c r="AK2027" s="119"/>
      <c r="AL2027" s="119"/>
      <c r="AM2027" s="119"/>
      <c r="AN2027" s="119"/>
      <c r="AO2027" s="119"/>
      <c r="AP2027" s="119"/>
      <c r="AQ2027" s="119"/>
      <c r="AR2027" s="119"/>
      <c r="AS2027" s="119"/>
      <c r="AT2027" s="119"/>
      <c r="AU2027" s="119"/>
      <c r="AV2027" s="119"/>
      <c r="AW2027" s="119"/>
      <c r="AX2027" s="119"/>
      <c r="AY2027" s="119"/>
      <c r="AZ2027" s="119"/>
      <c r="BA2027" s="119"/>
      <c r="BB2027" s="107">
        <v>45884</v>
      </c>
    </row>
    <row r="2028" spans="1:54" s="207" customFormat="1" ht="13.95" customHeight="1" x14ac:dyDescent="0.25">
      <c r="A2028" s="208" t="s">
        <v>4855</v>
      </c>
      <c r="B2028" s="209" t="s">
        <v>20420</v>
      </c>
      <c r="C2028" s="113" t="s">
        <v>4856</v>
      </c>
      <c r="D2028" s="113" t="s">
        <v>23659</v>
      </c>
      <c r="E2028" s="210">
        <v>1969</v>
      </c>
      <c r="F2028" s="210">
        <v>3063</v>
      </c>
      <c r="G2028" s="113" t="s">
        <v>1</v>
      </c>
      <c r="H2028" s="113">
        <v>0</v>
      </c>
      <c r="I2028" s="113">
        <v>0</v>
      </c>
      <c r="J2028" s="115">
        <v>1</v>
      </c>
      <c r="K2028" s="116" t="s">
        <v>174</v>
      </c>
      <c r="L2028" s="115">
        <v>1</v>
      </c>
      <c r="M2028" s="115">
        <v>0</v>
      </c>
      <c r="N2028" s="115">
        <v>1</v>
      </c>
      <c r="O2028" s="115">
        <v>1</v>
      </c>
      <c r="P2028" s="115">
        <v>1</v>
      </c>
      <c r="Q2028" s="115" t="s">
        <v>400</v>
      </c>
      <c r="R2028" s="115">
        <v>1</v>
      </c>
      <c r="S2028" s="115">
        <v>0</v>
      </c>
      <c r="T2028" s="115">
        <v>0</v>
      </c>
      <c r="U2028" s="119"/>
      <c r="V2028" s="119"/>
      <c r="W2028" s="119"/>
      <c r="X2028" s="119"/>
      <c r="Y2028" s="119"/>
      <c r="Z2028" s="119"/>
      <c r="AA2028" s="119"/>
      <c r="AB2028" s="119"/>
      <c r="AC2028" s="119"/>
      <c r="AD2028" s="119"/>
      <c r="AE2028" s="119"/>
      <c r="AF2028" s="119"/>
      <c r="AG2028" s="119"/>
      <c r="AH2028" s="119"/>
      <c r="AI2028" s="119"/>
      <c r="AJ2028" s="119"/>
      <c r="AK2028" s="119"/>
      <c r="AL2028" s="119"/>
      <c r="AM2028" s="119"/>
      <c r="AN2028" s="119"/>
      <c r="AO2028" s="119"/>
      <c r="AP2028" s="119"/>
      <c r="AQ2028" s="119"/>
      <c r="AR2028" s="119"/>
      <c r="AS2028" s="119"/>
      <c r="AT2028" s="119"/>
      <c r="AU2028" s="119"/>
      <c r="AV2028" s="119"/>
      <c r="AW2028" s="119"/>
      <c r="AX2028" s="119"/>
      <c r="AY2028" s="119"/>
      <c r="AZ2028" s="119"/>
      <c r="BA2028" s="119"/>
      <c r="BB2028" s="107">
        <v>45884</v>
      </c>
    </row>
    <row r="2029" spans="1:54" s="207" customFormat="1" ht="13.95" customHeight="1" x14ac:dyDescent="0.25">
      <c r="A2029" s="208" t="s">
        <v>4857</v>
      </c>
      <c r="B2029" s="209" t="s">
        <v>20420</v>
      </c>
      <c r="C2029" s="113" t="s">
        <v>4858</v>
      </c>
      <c r="D2029" s="113" t="s">
        <v>23660</v>
      </c>
      <c r="E2029" s="210">
        <v>1978</v>
      </c>
      <c r="F2029" s="210">
        <v>3065</v>
      </c>
      <c r="G2029" s="113" t="s">
        <v>1</v>
      </c>
      <c r="H2029" s="113">
        <v>0</v>
      </c>
      <c r="I2029" s="113">
        <v>0</v>
      </c>
      <c r="J2029" s="115">
        <v>1</v>
      </c>
      <c r="K2029" s="211">
        <v>1</v>
      </c>
      <c r="L2029" s="115">
        <v>1</v>
      </c>
      <c r="M2029" s="212">
        <v>0</v>
      </c>
      <c r="N2029" s="115">
        <v>0</v>
      </c>
      <c r="O2029" s="115">
        <v>1</v>
      </c>
      <c r="P2029" s="115">
        <v>1</v>
      </c>
      <c r="Q2029" s="115" t="s">
        <v>400</v>
      </c>
      <c r="R2029" s="115">
        <v>1</v>
      </c>
      <c r="S2029" s="115">
        <v>0</v>
      </c>
      <c r="T2029" s="115">
        <v>0</v>
      </c>
      <c r="U2029" s="119"/>
      <c r="V2029" s="119"/>
      <c r="W2029" s="119"/>
      <c r="X2029" s="119"/>
      <c r="Y2029" s="119"/>
      <c r="Z2029" s="119"/>
      <c r="AA2029" s="119"/>
      <c r="AB2029" s="119"/>
      <c r="AC2029" s="119"/>
      <c r="AD2029" s="119"/>
      <c r="AE2029" s="119"/>
      <c r="AF2029" s="119"/>
      <c r="AG2029" s="119"/>
      <c r="AH2029" s="119"/>
      <c r="AI2029" s="119"/>
      <c r="AJ2029" s="119"/>
      <c r="AK2029" s="119"/>
      <c r="AL2029" s="119"/>
      <c r="AM2029" s="119"/>
      <c r="AN2029" s="119"/>
      <c r="AO2029" s="119"/>
      <c r="AP2029" s="119"/>
      <c r="AQ2029" s="119"/>
      <c r="AR2029" s="119"/>
      <c r="AS2029" s="119"/>
      <c r="AT2029" s="119"/>
      <c r="AU2029" s="119"/>
      <c r="AV2029" s="119"/>
      <c r="AW2029" s="119"/>
      <c r="AX2029" s="119"/>
      <c r="AY2029" s="119"/>
      <c r="AZ2029" s="119"/>
      <c r="BA2029" s="119"/>
      <c r="BB2029" s="107">
        <v>45884</v>
      </c>
    </row>
    <row r="2030" spans="1:54" s="207" customFormat="1" ht="13.95" customHeight="1" x14ac:dyDescent="0.25">
      <c r="A2030" s="208" t="s">
        <v>4859</v>
      </c>
      <c r="B2030" s="209" t="s">
        <v>20420</v>
      </c>
      <c r="C2030" s="113" t="s">
        <v>4860</v>
      </c>
      <c r="D2030" s="113" t="s">
        <v>4861</v>
      </c>
      <c r="E2030" s="210">
        <v>1986</v>
      </c>
      <c r="F2030" s="210">
        <v>3066</v>
      </c>
      <c r="G2030" s="113" t="s">
        <v>1</v>
      </c>
      <c r="H2030" s="113">
        <v>0</v>
      </c>
      <c r="I2030" s="113">
        <v>0</v>
      </c>
      <c r="J2030" s="115">
        <v>1</v>
      </c>
      <c r="K2030" s="116" t="s">
        <v>174</v>
      </c>
      <c r="L2030" s="115">
        <v>0</v>
      </c>
      <c r="M2030" s="115">
        <v>1</v>
      </c>
      <c r="N2030" s="115">
        <v>1</v>
      </c>
      <c r="O2030" s="115">
        <v>0</v>
      </c>
      <c r="P2030" s="115" t="s">
        <v>400</v>
      </c>
      <c r="Q2030" s="115" t="s">
        <v>400</v>
      </c>
      <c r="R2030" s="115">
        <v>0</v>
      </c>
      <c r="S2030" s="115">
        <v>0</v>
      </c>
      <c r="T2030" s="115">
        <v>0</v>
      </c>
      <c r="U2030" s="119"/>
      <c r="V2030" s="119"/>
      <c r="W2030" s="119"/>
      <c r="X2030" s="119"/>
      <c r="Y2030" s="119"/>
      <c r="Z2030" s="119"/>
      <c r="AA2030" s="119"/>
      <c r="AB2030" s="119"/>
      <c r="AC2030" s="119"/>
      <c r="AD2030" s="119"/>
      <c r="AE2030" s="119"/>
      <c r="AF2030" s="119"/>
      <c r="AG2030" s="119"/>
      <c r="AH2030" s="119"/>
      <c r="AI2030" s="119"/>
      <c r="AJ2030" s="119"/>
      <c r="AK2030" s="119"/>
      <c r="AL2030" s="119"/>
      <c r="AM2030" s="119"/>
      <c r="AN2030" s="119"/>
      <c r="AO2030" s="119"/>
      <c r="AP2030" s="119"/>
      <c r="AQ2030" s="119"/>
      <c r="AR2030" s="119"/>
      <c r="AS2030" s="119"/>
      <c r="AT2030" s="119"/>
      <c r="AU2030" s="119"/>
      <c r="AV2030" s="119"/>
      <c r="AW2030" s="119"/>
      <c r="AX2030" s="119"/>
      <c r="AY2030" s="119"/>
      <c r="AZ2030" s="119"/>
      <c r="BA2030" s="119"/>
      <c r="BB2030" s="107">
        <v>45884</v>
      </c>
    </row>
    <row r="2031" spans="1:54" s="207" customFormat="1" ht="13.95" customHeight="1" x14ac:dyDescent="0.25">
      <c r="A2031" s="208" t="s">
        <v>4862</v>
      </c>
      <c r="B2031" s="209" t="s">
        <v>20420</v>
      </c>
      <c r="C2031" s="113" t="s">
        <v>4863</v>
      </c>
      <c r="D2031" s="113" t="s">
        <v>23661</v>
      </c>
      <c r="E2031" s="210">
        <v>1989</v>
      </c>
      <c r="F2031" s="210">
        <v>3070</v>
      </c>
      <c r="G2031" s="113" t="s">
        <v>1</v>
      </c>
      <c r="H2031" s="113">
        <v>0</v>
      </c>
      <c r="I2031" s="113">
        <v>0</v>
      </c>
      <c r="J2031" s="115">
        <v>1</v>
      </c>
      <c r="K2031" s="211">
        <v>1</v>
      </c>
      <c r="L2031" s="115">
        <v>1</v>
      </c>
      <c r="M2031" s="115">
        <v>0</v>
      </c>
      <c r="N2031" s="115">
        <v>0</v>
      </c>
      <c r="O2031" s="115">
        <v>1</v>
      </c>
      <c r="P2031" s="115">
        <v>1</v>
      </c>
      <c r="Q2031" s="115" t="s">
        <v>400</v>
      </c>
      <c r="R2031" s="115">
        <v>0</v>
      </c>
      <c r="S2031" s="115">
        <v>0</v>
      </c>
      <c r="T2031" s="115">
        <v>0</v>
      </c>
      <c r="U2031" s="119"/>
      <c r="V2031" s="119"/>
      <c r="W2031" s="119"/>
      <c r="X2031" s="119"/>
      <c r="Y2031" s="119"/>
      <c r="Z2031" s="119"/>
      <c r="AA2031" s="119"/>
      <c r="AB2031" s="119"/>
      <c r="AC2031" s="119"/>
      <c r="AD2031" s="119"/>
      <c r="AE2031" s="119"/>
      <c r="AF2031" s="119"/>
      <c r="AG2031" s="119"/>
      <c r="AH2031" s="119"/>
      <c r="AI2031" s="119"/>
      <c r="AJ2031" s="119"/>
      <c r="AK2031" s="119"/>
      <c r="AL2031" s="119"/>
      <c r="AM2031" s="119"/>
      <c r="AN2031" s="119"/>
      <c r="AO2031" s="119"/>
      <c r="AP2031" s="119"/>
      <c r="AQ2031" s="119"/>
      <c r="AR2031" s="119"/>
      <c r="AS2031" s="119"/>
      <c r="AT2031" s="119"/>
      <c r="AU2031" s="119"/>
      <c r="AV2031" s="119"/>
      <c r="AW2031" s="119"/>
      <c r="AX2031" s="119"/>
      <c r="AY2031" s="119"/>
      <c r="AZ2031" s="119"/>
      <c r="BA2031" s="119"/>
      <c r="BB2031" s="107">
        <v>45884</v>
      </c>
    </row>
    <row r="2032" spans="1:54" s="207" customFormat="1" ht="13.95" customHeight="1" x14ac:dyDescent="0.25">
      <c r="A2032" s="208" t="s">
        <v>4864</v>
      </c>
      <c r="B2032" s="209" t="s">
        <v>20420</v>
      </c>
      <c r="C2032" s="113" t="s">
        <v>4865</v>
      </c>
      <c r="D2032" s="113" t="s">
        <v>23662</v>
      </c>
      <c r="E2032" s="210">
        <v>1985</v>
      </c>
      <c r="F2032" s="210">
        <v>3077</v>
      </c>
      <c r="G2032" s="113" t="s">
        <v>1</v>
      </c>
      <c r="H2032" s="113">
        <v>0</v>
      </c>
      <c r="I2032" s="113">
        <v>0</v>
      </c>
      <c r="J2032" s="115">
        <v>1</v>
      </c>
      <c r="K2032" s="211">
        <v>1</v>
      </c>
      <c r="L2032" s="115">
        <v>1</v>
      </c>
      <c r="M2032" s="115">
        <v>1</v>
      </c>
      <c r="N2032" s="115">
        <v>0</v>
      </c>
      <c r="O2032" s="115">
        <v>1</v>
      </c>
      <c r="P2032" s="115">
        <v>1</v>
      </c>
      <c r="Q2032" s="115" t="s">
        <v>400</v>
      </c>
      <c r="R2032" s="115">
        <v>1</v>
      </c>
      <c r="S2032" s="115">
        <v>0</v>
      </c>
      <c r="T2032" s="115">
        <v>0</v>
      </c>
      <c r="U2032" s="119"/>
      <c r="V2032" s="119"/>
      <c r="W2032" s="119"/>
      <c r="X2032" s="119"/>
      <c r="Y2032" s="119"/>
      <c r="Z2032" s="119"/>
      <c r="AA2032" s="119"/>
      <c r="AB2032" s="119"/>
      <c r="AC2032" s="119"/>
      <c r="AD2032" s="119"/>
      <c r="AE2032" s="119"/>
      <c r="AF2032" s="119"/>
      <c r="AG2032" s="119"/>
      <c r="AH2032" s="119"/>
      <c r="AI2032" s="119"/>
      <c r="AJ2032" s="119"/>
      <c r="AK2032" s="119"/>
      <c r="AL2032" s="119"/>
      <c r="AM2032" s="119"/>
      <c r="AN2032" s="119"/>
      <c r="AO2032" s="119"/>
      <c r="AP2032" s="119"/>
      <c r="AQ2032" s="119"/>
      <c r="AR2032" s="119"/>
      <c r="AS2032" s="119"/>
      <c r="AT2032" s="119"/>
      <c r="AU2032" s="119"/>
      <c r="AV2032" s="119"/>
      <c r="AW2032" s="119"/>
      <c r="AX2032" s="119"/>
      <c r="AY2032" s="119"/>
      <c r="AZ2032" s="119"/>
      <c r="BA2032" s="119"/>
      <c r="BB2032" s="107">
        <v>45884</v>
      </c>
    </row>
    <row r="2033" spans="1:54" s="207" customFormat="1" ht="13.95" customHeight="1" x14ac:dyDescent="0.25">
      <c r="A2033" s="208" t="s">
        <v>4866</v>
      </c>
      <c r="B2033" s="209" t="s">
        <v>20420</v>
      </c>
      <c r="C2033" s="113" t="s">
        <v>4867</v>
      </c>
      <c r="D2033" s="113" t="s">
        <v>4868</v>
      </c>
      <c r="E2033" s="210">
        <v>1987</v>
      </c>
      <c r="F2033" s="210">
        <v>3091</v>
      </c>
      <c r="G2033" s="113" t="s">
        <v>1</v>
      </c>
      <c r="H2033" s="113">
        <v>0</v>
      </c>
      <c r="I2033" s="113">
        <v>0</v>
      </c>
      <c r="J2033" s="115">
        <v>1</v>
      </c>
      <c r="K2033" s="116" t="s">
        <v>174</v>
      </c>
      <c r="L2033" s="115">
        <v>1</v>
      </c>
      <c r="M2033" s="115">
        <v>0</v>
      </c>
      <c r="N2033" s="115">
        <v>0</v>
      </c>
      <c r="O2033" s="115">
        <v>1</v>
      </c>
      <c r="P2033" s="115">
        <v>1</v>
      </c>
      <c r="Q2033" s="115" t="s">
        <v>400</v>
      </c>
      <c r="R2033" s="115">
        <v>1</v>
      </c>
      <c r="S2033" s="115">
        <v>0</v>
      </c>
      <c r="T2033" s="115">
        <v>0</v>
      </c>
      <c r="U2033" s="119"/>
      <c r="V2033" s="119"/>
      <c r="W2033" s="119"/>
      <c r="X2033" s="119"/>
      <c r="Y2033" s="119"/>
      <c r="Z2033" s="119"/>
      <c r="AA2033" s="119"/>
      <c r="AB2033" s="119"/>
      <c r="AC2033" s="119"/>
      <c r="AD2033" s="119"/>
      <c r="AE2033" s="119"/>
      <c r="AF2033" s="119"/>
      <c r="AG2033" s="119"/>
      <c r="AH2033" s="119"/>
      <c r="AI2033" s="119"/>
      <c r="AJ2033" s="119"/>
      <c r="AK2033" s="119"/>
      <c r="AL2033" s="119"/>
      <c r="AM2033" s="119"/>
      <c r="AN2033" s="119"/>
      <c r="AO2033" s="119"/>
      <c r="AP2033" s="119"/>
      <c r="AQ2033" s="119"/>
      <c r="AR2033" s="119"/>
      <c r="AS2033" s="119"/>
      <c r="AT2033" s="119"/>
      <c r="AU2033" s="119"/>
      <c r="AV2033" s="119"/>
      <c r="AW2033" s="119"/>
      <c r="AX2033" s="119"/>
      <c r="AY2033" s="119"/>
      <c r="AZ2033" s="119"/>
      <c r="BA2033" s="119"/>
      <c r="BB2033" s="107">
        <v>45884</v>
      </c>
    </row>
    <row r="2034" spans="1:54" s="207" customFormat="1" ht="13.95" customHeight="1" x14ac:dyDescent="0.25">
      <c r="A2034" s="208" t="s">
        <v>4869</v>
      </c>
      <c r="B2034" s="209" t="s">
        <v>20420</v>
      </c>
      <c r="C2034" s="113" t="s">
        <v>4870</v>
      </c>
      <c r="D2034" s="113" t="s">
        <v>23663</v>
      </c>
      <c r="E2034" s="210">
        <v>1988</v>
      </c>
      <c r="F2034" s="210">
        <v>3094</v>
      </c>
      <c r="G2034" s="113" t="s">
        <v>1</v>
      </c>
      <c r="H2034" s="113">
        <v>0</v>
      </c>
      <c r="I2034" s="113">
        <v>0</v>
      </c>
      <c r="J2034" s="115">
        <v>1</v>
      </c>
      <c r="K2034" s="211">
        <v>1</v>
      </c>
      <c r="L2034" s="115">
        <v>1</v>
      </c>
      <c r="M2034" s="115">
        <v>1</v>
      </c>
      <c r="N2034" s="115">
        <v>1</v>
      </c>
      <c r="O2034" s="115">
        <v>1</v>
      </c>
      <c r="P2034" s="115">
        <v>1</v>
      </c>
      <c r="Q2034" s="115" t="s">
        <v>400</v>
      </c>
      <c r="R2034" s="115">
        <v>1</v>
      </c>
      <c r="S2034" s="115">
        <v>0</v>
      </c>
      <c r="T2034" s="115">
        <v>0</v>
      </c>
      <c r="U2034" s="119"/>
      <c r="V2034" s="119"/>
      <c r="W2034" s="119"/>
      <c r="X2034" s="119"/>
      <c r="Y2034" s="119"/>
      <c r="Z2034" s="119"/>
      <c r="AA2034" s="119"/>
      <c r="AB2034" s="119"/>
      <c r="AC2034" s="119"/>
      <c r="AD2034" s="119"/>
      <c r="AE2034" s="119"/>
      <c r="AF2034" s="119"/>
      <c r="AG2034" s="119"/>
      <c r="AH2034" s="119"/>
      <c r="AI2034" s="119"/>
      <c r="AJ2034" s="119"/>
      <c r="AK2034" s="119"/>
      <c r="AL2034" s="119"/>
      <c r="AM2034" s="119"/>
      <c r="AN2034" s="119"/>
      <c r="AO2034" s="119"/>
      <c r="AP2034" s="119"/>
      <c r="AQ2034" s="119"/>
      <c r="AR2034" s="119"/>
      <c r="AS2034" s="119"/>
      <c r="AT2034" s="119"/>
      <c r="AU2034" s="119"/>
      <c r="AV2034" s="119"/>
      <c r="AW2034" s="119"/>
      <c r="AX2034" s="119"/>
      <c r="AY2034" s="119"/>
      <c r="AZ2034" s="119"/>
      <c r="BA2034" s="119"/>
      <c r="BB2034" s="107">
        <v>45884</v>
      </c>
    </row>
    <row r="2035" spans="1:54" s="207" customFormat="1" ht="13.95" customHeight="1" x14ac:dyDescent="0.25">
      <c r="A2035" s="208" t="s">
        <v>4871</v>
      </c>
      <c r="B2035" s="209" t="s">
        <v>20420</v>
      </c>
      <c r="C2035" s="113" t="s">
        <v>4872</v>
      </c>
      <c r="D2035" s="113" t="s">
        <v>23664</v>
      </c>
      <c r="E2035" s="210">
        <v>1978</v>
      </c>
      <c r="F2035" s="210">
        <v>3100</v>
      </c>
      <c r="G2035" s="113" t="s">
        <v>1</v>
      </c>
      <c r="H2035" s="113">
        <v>0</v>
      </c>
      <c r="I2035" s="113">
        <v>0</v>
      </c>
      <c r="J2035" s="115">
        <v>1</v>
      </c>
      <c r="K2035" s="116" t="s">
        <v>174</v>
      </c>
      <c r="L2035" s="115">
        <v>1</v>
      </c>
      <c r="M2035" s="115">
        <v>1</v>
      </c>
      <c r="N2035" s="115">
        <v>0</v>
      </c>
      <c r="O2035" s="115">
        <v>1</v>
      </c>
      <c r="P2035" s="115" t="s">
        <v>400</v>
      </c>
      <c r="Q2035" s="115" t="s">
        <v>400</v>
      </c>
      <c r="R2035" s="115">
        <v>1</v>
      </c>
      <c r="S2035" s="115">
        <v>0</v>
      </c>
      <c r="T2035" s="115">
        <v>0</v>
      </c>
      <c r="U2035" s="119"/>
      <c r="V2035" s="119"/>
      <c r="W2035" s="119"/>
      <c r="X2035" s="119"/>
      <c r="Y2035" s="119"/>
      <c r="Z2035" s="119"/>
      <c r="AA2035" s="119"/>
      <c r="AB2035" s="119"/>
      <c r="AC2035" s="119"/>
      <c r="AD2035" s="119"/>
      <c r="AE2035" s="119"/>
      <c r="AF2035" s="119"/>
      <c r="AG2035" s="119"/>
      <c r="AH2035" s="119"/>
      <c r="AI2035" s="119"/>
      <c r="AJ2035" s="119"/>
      <c r="AK2035" s="119"/>
      <c r="AL2035" s="119"/>
      <c r="AM2035" s="119"/>
      <c r="AN2035" s="119"/>
      <c r="AO2035" s="119"/>
      <c r="AP2035" s="119"/>
      <c r="AQ2035" s="119"/>
      <c r="AR2035" s="119"/>
      <c r="AS2035" s="119"/>
      <c r="AT2035" s="119"/>
      <c r="AU2035" s="119"/>
      <c r="AV2035" s="119"/>
      <c r="AW2035" s="119"/>
      <c r="AX2035" s="119"/>
      <c r="AY2035" s="119"/>
      <c r="AZ2035" s="119"/>
      <c r="BA2035" s="119"/>
      <c r="BB2035" s="107">
        <v>45884</v>
      </c>
    </row>
    <row r="2036" spans="1:54" s="207" customFormat="1" ht="13.95" customHeight="1" x14ac:dyDescent="0.25">
      <c r="A2036" s="208" t="s">
        <v>4873</v>
      </c>
      <c r="B2036" s="209" t="s">
        <v>20420</v>
      </c>
      <c r="C2036" s="113" t="s">
        <v>4874</v>
      </c>
      <c r="D2036" s="113" t="s">
        <v>23665</v>
      </c>
      <c r="E2036" s="210">
        <v>1986</v>
      </c>
      <c r="F2036" s="210">
        <v>3101</v>
      </c>
      <c r="G2036" s="113" t="s">
        <v>1</v>
      </c>
      <c r="H2036" s="113">
        <v>0</v>
      </c>
      <c r="I2036" s="113">
        <v>0</v>
      </c>
      <c r="J2036" s="115">
        <v>1</v>
      </c>
      <c r="K2036" s="116" t="s">
        <v>174</v>
      </c>
      <c r="L2036" s="115">
        <v>1</v>
      </c>
      <c r="M2036" s="115">
        <v>1</v>
      </c>
      <c r="N2036" s="212">
        <v>0</v>
      </c>
      <c r="O2036" s="115">
        <v>1</v>
      </c>
      <c r="P2036" s="115" t="s">
        <v>400</v>
      </c>
      <c r="Q2036" s="115" t="s">
        <v>400</v>
      </c>
      <c r="R2036" s="115">
        <v>1</v>
      </c>
      <c r="S2036" s="115">
        <v>0</v>
      </c>
      <c r="T2036" s="115">
        <v>0</v>
      </c>
      <c r="U2036" s="119"/>
      <c r="V2036" s="119"/>
      <c r="W2036" s="119"/>
      <c r="X2036" s="119"/>
      <c r="Y2036" s="119"/>
      <c r="Z2036" s="119"/>
      <c r="AA2036" s="119"/>
      <c r="AB2036" s="119"/>
      <c r="AC2036" s="119"/>
      <c r="AD2036" s="119"/>
      <c r="AE2036" s="119"/>
      <c r="AF2036" s="119"/>
      <c r="AG2036" s="119"/>
      <c r="AH2036" s="119"/>
      <c r="AI2036" s="119"/>
      <c r="AJ2036" s="119"/>
      <c r="AK2036" s="119"/>
      <c r="AL2036" s="119"/>
      <c r="AM2036" s="119"/>
      <c r="AN2036" s="119"/>
      <c r="AO2036" s="119"/>
      <c r="AP2036" s="119"/>
      <c r="AQ2036" s="119"/>
      <c r="AR2036" s="119"/>
      <c r="AS2036" s="119"/>
      <c r="AT2036" s="119"/>
      <c r="AU2036" s="119"/>
      <c r="AV2036" s="119"/>
      <c r="AW2036" s="119"/>
      <c r="AX2036" s="119"/>
      <c r="AY2036" s="119"/>
      <c r="AZ2036" s="119"/>
      <c r="BA2036" s="119"/>
      <c r="BB2036" s="107">
        <v>45884</v>
      </c>
    </row>
    <row r="2037" spans="1:54" s="207" customFormat="1" ht="13.95" customHeight="1" x14ac:dyDescent="0.25">
      <c r="A2037" s="208" t="s">
        <v>4875</v>
      </c>
      <c r="B2037" s="209" t="s">
        <v>20420</v>
      </c>
      <c r="C2037" s="113" t="s">
        <v>4876</v>
      </c>
      <c r="D2037" s="113" t="s">
        <v>23666</v>
      </c>
      <c r="E2037" s="210">
        <v>1984</v>
      </c>
      <c r="F2037" s="210">
        <v>3122</v>
      </c>
      <c r="G2037" s="113" t="s">
        <v>1</v>
      </c>
      <c r="H2037" s="113">
        <v>0</v>
      </c>
      <c r="I2037" s="113">
        <v>0</v>
      </c>
      <c r="J2037" s="115">
        <v>1</v>
      </c>
      <c r="K2037" s="116" t="s">
        <v>174</v>
      </c>
      <c r="L2037" s="115">
        <v>0</v>
      </c>
      <c r="M2037" s="115">
        <v>0</v>
      </c>
      <c r="N2037" s="115">
        <v>0</v>
      </c>
      <c r="O2037" s="115">
        <v>1</v>
      </c>
      <c r="P2037" s="115">
        <v>1</v>
      </c>
      <c r="Q2037" s="115" t="s">
        <v>400</v>
      </c>
      <c r="R2037" s="115">
        <v>1</v>
      </c>
      <c r="S2037" s="115">
        <v>0</v>
      </c>
      <c r="T2037" s="115">
        <v>0</v>
      </c>
      <c r="U2037" s="119"/>
      <c r="V2037" s="119"/>
      <c r="W2037" s="119"/>
      <c r="X2037" s="119"/>
      <c r="Y2037" s="119"/>
      <c r="Z2037" s="119"/>
      <c r="AA2037" s="119"/>
      <c r="AB2037" s="119"/>
      <c r="AC2037" s="119"/>
      <c r="AD2037" s="119"/>
      <c r="AE2037" s="119"/>
      <c r="AF2037" s="119"/>
      <c r="AG2037" s="119"/>
      <c r="AH2037" s="119"/>
      <c r="AI2037" s="119"/>
      <c r="AJ2037" s="119"/>
      <c r="AK2037" s="119"/>
      <c r="AL2037" s="119"/>
      <c r="AM2037" s="119"/>
      <c r="AN2037" s="119"/>
      <c r="AO2037" s="119"/>
      <c r="AP2037" s="119"/>
      <c r="AQ2037" s="119"/>
      <c r="AR2037" s="119"/>
      <c r="AS2037" s="119"/>
      <c r="AT2037" s="119"/>
      <c r="AU2037" s="119"/>
      <c r="AV2037" s="119"/>
      <c r="AW2037" s="119"/>
      <c r="AX2037" s="119"/>
      <c r="AY2037" s="119"/>
      <c r="AZ2037" s="119"/>
      <c r="BA2037" s="119"/>
      <c r="BB2037" s="107">
        <v>45884</v>
      </c>
    </row>
    <row r="2038" spans="1:54" s="207" customFormat="1" ht="13.95" customHeight="1" x14ac:dyDescent="0.25">
      <c r="A2038" s="208" t="s">
        <v>4877</v>
      </c>
      <c r="B2038" s="209" t="s">
        <v>20420</v>
      </c>
      <c r="C2038" s="113" t="s">
        <v>4878</v>
      </c>
      <c r="D2038" s="113" t="s">
        <v>23667</v>
      </c>
      <c r="E2038" s="210">
        <v>1991</v>
      </c>
      <c r="F2038" s="210">
        <v>3130</v>
      </c>
      <c r="G2038" s="113" t="s">
        <v>1</v>
      </c>
      <c r="H2038" s="113">
        <v>0</v>
      </c>
      <c r="I2038" s="113">
        <v>0</v>
      </c>
      <c r="J2038" s="115">
        <v>1</v>
      </c>
      <c r="K2038" s="211">
        <v>1</v>
      </c>
      <c r="L2038" s="115">
        <v>1</v>
      </c>
      <c r="M2038" s="115">
        <v>1</v>
      </c>
      <c r="N2038" s="115">
        <v>1</v>
      </c>
      <c r="O2038" s="115">
        <v>1</v>
      </c>
      <c r="P2038" s="115" t="s">
        <v>400</v>
      </c>
      <c r="Q2038" s="115" t="s">
        <v>400</v>
      </c>
      <c r="R2038" s="115">
        <v>0</v>
      </c>
      <c r="S2038" s="115">
        <v>0</v>
      </c>
      <c r="T2038" s="115">
        <v>0</v>
      </c>
      <c r="U2038" s="119"/>
      <c r="V2038" s="119"/>
      <c r="W2038" s="119"/>
      <c r="X2038" s="119"/>
      <c r="Y2038" s="119"/>
      <c r="Z2038" s="119"/>
      <c r="AA2038" s="119"/>
      <c r="AB2038" s="119"/>
      <c r="AC2038" s="119"/>
      <c r="AD2038" s="119"/>
      <c r="AE2038" s="119"/>
      <c r="AF2038" s="119"/>
      <c r="AG2038" s="119"/>
      <c r="AH2038" s="119"/>
      <c r="AI2038" s="119"/>
      <c r="AJ2038" s="119"/>
      <c r="AK2038" s="119"/>
      <c r="AL2038" s="119"/>
      <c r="AM2038" s="119"/>
      <c r="AN2038" s="119"/>
      <c r="AO2038" s="119"/>
      <c r="AP2038" s="119"/>
      <c r="AQ2038" s="119"/>
      <c r="AR2038" s="119"/>
      <c r="AS2038" s="119"/>
      <c r="AT2038" s="119"/>
      <c r="AU2038" s="119"/>
      <c r="AV2038" s="119"/>
      <c r="AW2038" s="119"/>
      <c r="AX2038" s="119"/>
      <c r="AY2038" s="119"/>
      <c r="AZ2038" s="119"/>
      <c r="BA2038" s="119"/>
      <c r="BB2038" s="107">
        <v>45884</v>
      </c>
    </row>
    <row r="2039" spans="1:54" s="207" customFormat="1" ht="13.95" customHeight="1" x14ac:dyDescent="0.25">
      <c r="A2039" s="208" t="s">
        <v>4879</v>
      </c>
      <c r="B2039" s="209" t="s">
        <v>20420</v>
      </c>
      <c r="C2039" s="113" t="s">
        <v>4880</v>
      </c>
      <c r="D2039" s="113" t="s">
        <v>23668</v>
      </c>
      <c r="E2039" s="210">
        <v>2000</v>
      </c>
      <c r="F2039" s="210">
        <v>3131</v>
      </c>
      <c r="G2039" s="113" t="s">
        <v>1</v>
      </c>
      <c r="H2039" s="113">
        <v>0</v>
      </c>
      <c r="I2039" s="113">
        <v>0</v>
      </c>
      <c r="J2039" s="115">
        <v>1</v>
      </c>
      <c r="K2039" s="211">
        <v>1</v>
      </c>
      <c r="L2039" s="115">
        <v>0</v>
      </c>
      <c r="M2039" s="115">
        <v>1</v>
      </c>
      <c r="N2039" s="115">
        <v>0</v>
      </c>
      <c r="O2039" s="115">
        <v>0</v>
      </c>
      <c r="P2039" s="115" t="s">
        <v>400</v>
      </c>
      <c r="Q2039" s="115" t="s">
        <v>400</v>
      </c>
      <c r="R2039" s="115">
        <v>1</v>
      </c>
      <c r="S2039" s="115">
        <v>0</v>
      </c>
      <c r="T2039" s="115">
        <v>0</v>
      </c>
      <c r="U2039" s="119"/>
      <c r="V2039" s="119"/>
      <c r="W2039" s="119"/>
      <c r="X2039" s="119"/>
      <c r="Y2039" s="119"/>
      <c r="Z2039" s="119"/>
      <c r="AA2039" s="119"/>
      <c r="AB2039" s="119"/>
      <c r="AC2039" s="119"/>
      <c r="AD2039" s="119"/>
      <c r="AE2039" s="119"/>
      <c r="AF2039" s="119"/>
      <c r="AG2039" s="119"/>
      <c r="AH2039" s="119"/>
      <c r="AI2039" s="119"/>
      <c r="AJ2039" s="119"/>
      <c r="AK2039" s="119"/>
      <c r="AL2039" s="119"/>
      <c r="AM2039" s="119"/>
      <c r="AN2039" s="119"/>
      <c r="AO2039" s="119"/>
      <c r="AP2039" s="119"/>
      <c r="AQ2039" s="119"/>
      <c r="AR2039" s="119"/>
      <c r="AS2039" s="119"/>
      <c r="AT2039" s="119"/>
      <c r="AU2039" s="119"/>
      <c r="AV2039" s="119"/>
      <c r="AW2039" s="119"/>
      <c r="AX2039" s="119"/>
      <c r="AY2039" s="119"/>
      <c r="AZ2039" s="119"/>
      <c r="BA2039" s="119"/>
      <c r="BB2039" s="107">
        <v>45884</v>
      </c>
    </row>
    <row r="2040" spans="1:54" s="207" customFormat="1" ht="13.95" customHeight="1" x14ac:dyDescent="0.25">
      <c r="A2040" s="208" t="s">
        <v>4881</v>
      </c>
      <c r="B2040" s="209" t="s">
        <v>20420</v>
      </c>
      <c r="C2040" s="113" t="s">
        <v>4882</v>
      </c>
      <c r="D2040" s="113" t="s">
        <v>23669</v>
      </c>
      <c r="E2040" s="210">
        <v>1956</v>
      </c>
      <c r="F2040" s="210">
        <v>3140</v>
      </c>
      <c r="G2040" s="113" t="s">
        <v>1</v>
      </c>
      <c r="H2040" s="113">
        <v>0</v>
      </c>
      <c r="I2040" s="113">
        <v>0</v>
      </c>
      <c r="J2040" s="115">
        <v>0</v>
      </c>
      <c r="K2040" s="116" t="s">
        <v>174</v>
      </c>
      <c r="L2040" s="115">
        <v>0</v>
      </c>
      <c r="M2040" s="115">
        <v>1</v>
      </c>
      <c r="N2040" s="115">
        <v>1</v>
      </c>
      <c r="O2040" s="115">
        <v>0</v>
      </c>
      <c r="P2040" s="115">
        <v>1</v>
      </c>
      <c r="Q2040" s="115" t="s">
        <v>400</v>
      </c>
      <c r="R2040" s="115">
        <v>1</v>
      </c>
      <c r="S2040" s="115">
        <v>0</v>
      </c>
      <c r="T2040" s="115">
        <v>0</v>
      </c>
      <c r="U2040" s="119"/>
      <c r="V2040" s="119"/>
      <c r="W2040" s="119"/>
      <c r="X2040" s="119"/>
      <c r="Y2040" s="119"/>
      <c r="Z2040" s="119"/>
      <c r="AA2040" s="119"/>
      <c r="AB2040" s="119"/>
      <c r="AC2040" s="119"/>
      <c r="AD2040" s="119"/>
      <c r="AE2040" s="119"/>
      <c r="AF2040" s="119"/>
      <c r="AG2040" s="119"/>
      <c r="AH2040" s="119"/>
      <c r="AI2040" s="119"/>
      <c r="AJ2040" s="119"/>
      <c r="AK2040" s="119"/>
      <c r="AL2040" s="119"/>
      <c r="AM2040" s="119"/>
      <c r="AN2040" s="119"/>
      <c r="AO2040" s="119"/>
      <c r="AP2040" s="119"/>
      <c r="AQ2040" s="119"/>
      <c r="AR2040" s="119"/>
      <c r="AS2040" s="119"/>
      <c r="AT2040" s="119"/>
      <c r="AU2040" s="119"/>
      <c r="AV2040" s="119"/>
      <c r="AW2040" s="119"/>
      <c r="AX2040" s="119"/>
      <c r="AY2040" s="119"/>
      <c r="AZ2040" s="119"/>
      <c r="BA2040" s="119"/>
      <c r="BB2040" s="107">
        <v>45884</v>
      </c>
    </row>
    <row r="2041" spans="1:54" s="207" customFormat="1" ht="13.95" customHeight="1" x14ac:dyDescent="0.25">
      <c r="A2041" s="208" t="s">
        <v>4883</v>
      </c>
      <c r="B2041" s="209" t="s">
        <v>20420</v>
      </c>
      <c r="C2041" s="113" t="s">
        <v>4884</v>
      </c>
      <c r="D2041" s="113" t="s">
        <v>23670</v>
      </c>
      <c r="E2041" s="210">
        <v>1977</v>
      </c>
      <c r="F2041" s="210">
        <v>3160</v>
      </c>
      <c r="G2041" s="113" t="s">
        <v>1</v>
      </c>
      <c r="H2041" s="113">
        <v>0</v>
      </c>
      <c r="I2041" s="113">
        <v>0</v>
      </c>
      <c r="J2041" s="115">
        <v>1</v>
      </c>
      <c r="K2041" s="116" t="s">
        <v>174</v>
      </c>
      <c r="L2041" s="115">
        <v>1</v>
      </c>
      <c r="M2041" s="115">
        <v>0</v>
      </c>
      <c r="N2041" s="115">
        <v>0</v>
      </c>
      <c r="O2041" s="115">
        <v>1</v>
      </c>
      <c r="P2041" s="115" t="s">
        <v>400</v>
      </c>
      <c r="Q2041" s="115" t="s">
        <v>400</v>
      </c>
      <c r="R2041" s="115">
        <v>1</v>
      </c>
      <c r="S2041" s="115">
        <v>0</v>
      </c>
      <c r="T2041" s="115">
        <v>0</v>
      </c>
      <c r="U2041" s="119"/>
      <c r="V2041" s="119"/>
      <c r="W2041" s="119"/>
      <c r="X2041" s="119"/>
      <c r="Y2041" s="119"/>
      <c r="Z2041" s="119"/>
      <c r="AA2041" s="119"/>
      <c r="AB2041" s="119"/>
      <c r="AC2041" s="119"/>
      <c r="AD2041" s="119"/>
      <c r="AE2041" s="119"/>
      <c r="AF2041" s="119"/>
      <c r="AG2041" s="119"/>
      <c r="AH2041" s="119"/>
      <c r="AI2041" s="119"/>
      <c r="AJ2041" s="119"/>
      <c r="AK2041" s="119"/>
      <c r="AL2041" s="119"/>
      <c r="AM2041" s="119"/>
      <c r="AN2041" s="119"/>
      <c r="AO2041" s="119"/>
      <c r="AP2041" s="119"/>
      <c r="AQ2041" s="119"/>
      <c r="AR2041" s="119"/>
      <c r="AS2041" s="119"/>
      <c r="AT2041" s="119"/>
      <c r="AU2041" s="119"/>
      <c r="AV2041" s="119"/>
      <c r="AW2041" s="119"/>
      <c r="AX2041" s="119"/>
      <c r="AY2041" s="119"/>
      <c r="AZ2041" s="119"/>
      <c r="BA2041" s="119"/>
      <c r="BB2041" s="107">
        <v>45884</v>
      </c>
    </row>
    <row r="2042" spans="1:54" s="207" customFormat="1" ht="13.95" customHeight="1" x14ac:dyDescent="0.25">
      <c r="A2042" s="208" t="s">
        <v>4885</v>
      </c>
      <c r="B2042" s="209" t="s">
        <v>20420</v>
      </c>
      <c r="C2042" s="113" t="s">
        <v>4886</v>
      </c>
      <c r="D2042" s="113" t="s">
        <v>23671</v>
      </c>
      <c r="E2042" s="210">
        <v>1998</v>
      </c>
      <c r="F2042" s="210">
        <v>3169</v>
      </c>
      <c r="G2042" s="113" t="s">
        <v>1</v>
      </c>
      <c r="H2042" s="113">
        <v>0</v>
      </c>
      <c r="I2042" s="113">
        <v>0</v>
      </c>
      <c r="J2042" s="115">
        <v>1</v>
      </c>
      <c r="K2042" s="116" t="s">
        <v>174</v>
      </c>
      <c r="L2042" s="115">
        <v>1</v>
      </c>
      <c r="M2042" s="115">
        <v>1</v>
      </c>
      <c r="N2042" s="115">
        <v>1</v>
      </c>
      <c r="O2042" s="115">
        <v>0</v>
      </c>
      <c r="P2042" s="115" t="s">
        <v>400</v>
      </c>
      <c r="Q2042" s="115" t="s">
        <v>400</v>
      </c>
      <c r="R2042" s="115">
        <v>0</v>
      </c>
      <c r="S2042" s="115">
        <v>0</v>
      </c>
      <c r="T2042" s="115">
        <v>0</v>
      </c>
      <c r="U2042" s="119"/>
      <c r="V2042" s="119"/>
      <c r="W2042" s="119"/>
      <c r="X2042" s="119"/>
      <c r="Y2042" s="119"/>
      <c r="Z2042" s="119"/>
      <c r="AA2042" s="119"/>
      <c r="AB2042" s="119"/>
      <c r="AC2042" s="119"/>
      <c r="AD2042" s="119"/>
      <c r="AE2042" s="119"/>
      <c r="AF2042" s="119"/>
      <c r="AG2042" s="119"/>
      <c r="AH2042" s="119"/>
      <c r="AI2042" s="119"/>
      <c r="AJ2042" s="119"/>
      <c r="AK2042" s="119"/>
      <c r="AL2042" s="119"/>
      <c r="AM2042" s="119"/>
      <c r="AN2042" s="119"/>
      <c r="AO2042" s="119"/>
      <c r="AP2042" s="119"/>
      <c r="AQ2042" s="119"/>
      <c r="AR2042" s="119"/>
      <c r="AS2042" s="119"/>
      <c r="AT2042" s="119"/>
      <c r="AU2042" s="119"/>
      <c r="AV2042" s="119"/>
      <c r="AW2042" s="119"/>
      <c r="AX2042" s="119"/>
      <c r="AY2042" s="119"/>
      <c r="AZ2042" s="119"/>
      <c r="BA2042" s="119"/>
      <c r="BB2042" s="107">
        <v>45884</v>
      </c>
    </row>
    <row r="2043" spans="1:54" s="207" customFormat="1" ht="13.95" customHeight="1" x14ac:dyDescent="0.25">
      <c r="A2043" s="208" t="s">
        <v>4887</v>
      </c>
      <c r="B2043" s="209" t="s">
        <v>20420</v>
      </c>
      <c r="C2043" s="113" t="s">
        <v>4888</v>
      </c>
      <c r="D2043" s="113" t="s">
        <v>4889</v>
      </c>
      <c r="E2043" s="210">
        <v>1987</v>
      </c>
      <c r="F2043" s="210">
        <v>3172</v>
      </c>
      <c r="G2043" s="113" t="s">
        <v>1</v>
      </c>
      <c r="H2043" s="113">
        <v>0</v>
      </c>
      <c r="I2043" s="113">
        <v>0</v>
      </c>
      <c r="J2043" s="115">
        <v>1</v>
      </c>
      <c r="K2043" s="116" t="s">
        <v>174</v>
      </c>
      <c r="L2043" s="115">
        <v>1</v>
      </c>
      <c r="M2043" s="115">
        <v>1</v>
      </c>
      <c r="N2043" s="115">
        <v>0</v>
      </c>
      <c r="O2043" s="115">
        <v>1</v>
      </c>
      <c r="P2043" s="115">
        <v>1</v>
      </c>
      <c r="Q2043" s="115" t="s">
        <v>400</v>
      </c>
      <c r="R2043" s="115">
        <v>1</v>
      </c>
      <c r="S2043" s="115">
        <v>0</v>
      </c>
      <c r="T2043" s="115">
        <v>0</v>
      </c>
      <c r="U2043" s="119"/>
      <c r="V2043" s="119"/>
      <c r="W2043" s="119"/>
      <c r="X2043" s="119"/>
      <c r="Y2043" s="119"/>
      <c r="Z2043" s="119"/>
      <c r="AA2043" s="119"/>
      <c r="AB2043" s="119"/>
      <c r="AC2043" s="119"/>
      <c r="AD2043" s="119"/>
      <c r="AE2043" s="119"/>
      <c r="AF2043" s="119"/>
      <c r="AG2043" s="119"/>
      <c r="AH2043" s="119"/>
      <c r="AI2043" s="119"/>
      <c r="AJ2043" s="119"/>
      <c r="AK2043" s="119"/>
      <c r="AL2043" s="119"/>
      <c r="AM2043" s="119"/>
      <c r="AN2043" s="119"/>
      <c r="AO2043" s="119"/>
      <c r="AP2043" s="119"/>
      <c r="AQ2043" s="119"/>
      <c r="AR2043" s="119"/>
      <c r="AS2043" s="119"/>
      <c r="AT2043" s="119"/>
      <c r="AU2043" s="119"/>
      <c r="AV2043" s="119"/>
      <c r="AW2043" s="119"/>
      <c r="AX2043" s="119"/>
      <c r="AY2043" s="119"/>
      <c r="AZ2043" s="119"/>
      <c r="BA2043" s="119"/>
      <c r="BB2043" s="107">
        <v>45884</v>
      </c>
    </row>
    <row r="2044" spans="1:54" s="207" customFormat="1" ht="13.95" customHeight="1" x14ac:dyDescent="0.25">
      <c r="A2044" s="208" t="s">
        <v>4890</v>
      </c>
      <c r="B2044" s="209" t="s">
        <v>20420</v>
      </c>
      <c r="C2044" s="113" t="s">
        <v>4891</v>
      </c>
      <c r="D2044" s="113" t="s">
        <v>4892</v>
      </c>
      <c r="E2044" s="210">
        <v>1986</v>
      </c>
      <c r="F2044" s="210">
        <v>3177</v>
      </c>
      <c r="G2044" s="113" t="s">
        <v>1</v>
      </c>
      <c r="H2044" s="113">
        <v>1</v>
      </c>
      <c r="I2044" s="113">
        <v>1</v>
      </c>
      <c r="J2044" s="115">
        <v>1</v>
      </c>
      <c r="K2044" s="116" t="s">
        <v>174</v>
      </c>
      <c r="L2044" s="115">
        <v>1</v>
      </c>
      <c r="M2044" s="115">
        <v>1</v>
      </c>
      <c r="N2044" s="115">
        <v>1</v>
      </c>
      <c r="O2044" s="115">
        <v>1</v>
      </c>
      <c r="P2044" s="115" t="s">
        <v>400</v>
      </c>
      <c r="Q2044" s="115" t="s">
        <v>400</v>
      </c>
      <c r="R2044" s="115">
        <v>1</v>
      </c>
      <c r="S2044" s="115">
        <v>0</v>
      </c>
      <c r="T2044" s="115">
        <v>0</v>
      </c>
      <c r="U2044" s="119"/>
      <c r="V2044" s="119"/>
      <c r="W2044" s="119"/>
      <c r="X2044" s="119"/>
      <c r="Y2044" s="119"/>
      <c r="Z2044" s="119"/>
      <c r="AA2044" s="119"/>
      <c r="AB2044" s="119"/>
      <c r="AC2044" s="119"/>
      <c r="AD2044" s="119"/>
      <c r="AE2044" s="119"/>
      <c r="AF2044" s="119"/>
      <c r="AG2044" s="119"/>
      <c r="AH2044" s="119"/>
      <c r="AI2044" s="119"/>
      <c r="AJ2044" s="119"/>
      <c r="AK2044" s="119"/>
      <c r="AL2044" s="119"/>
      <c r="AM2044" s="119"/>
      <c r="AN2044" s="119"/>
      <c r="AO2044" s="119"/>
      <c r="AP2044" s="119"/>
      <c r="AQ2044" s="119"/>
      <c r="AR2044" s="119"/>
      <c r="AS2044" s="119"/>
      <c r="AT2044" s="119"/>
      <c r="AU2044" s="119"/>
      <c r="AV2044" s="119"/>
      <c r="AW2044" s="119"/>
      <c r="AX2044" s="119"/>
      <c r="AY2044" s="119"/>
      <c r="AZ2044" s="119"/>
      <c r="BA2044" s="119"/>
      <c r="BB2044" s="107">
        <v>45884</v>
      </c>
    </row>
    <row r="2045" spans="1:54" s="207" customFormat="1" ht="13.95" customHeight="1" x14ac:dyDescent="0.25">
      <c r="A2045" s="208" t="s">
        <v>4893</v>
      </c>
      <c r="B2045" s="209" t="s">
        <v>20420</v>
      </c>
      <c r="C2045" s="113" t="s">
        <v>4894</v>
      </c>
      <c r="D2045" s="113" t="s">
        <v>23672</v>
      </c>
      <c r="E2045" s="210">
        <v>2000</v>
      </c>
      <c r="F2045" s="210">
        <v>3188</v>
      </c>
      <c r="G2045" s="113" t="s">
        <v>1</v>
      </c>
      <c r="H2045" s="113">
        <v>0</v>
      </c>
      <c r="I2045" s="113">
        <v>0</v>
      </c>
      <c r="J2045" s="115">
        <v>1</v>
      </c>
      <c r="K2045" s="116" t="s">
        <v>174</v>
      </c>
      <c r="L2045" s="115">
        <v>0</v>
      </c>
      <c r="M2045" s="115">
        <v>0</v>
      </c>
      <c r="N2045" s="115">
        <v>0</v>
      </c>
      <c r="O2045" s="115">
        <v>0</v>
      </c>
      <c r="P2045" s="115" t="s">
        <v>400</v>
      </c>
      <c r="Q2045" s="115" t="s">
        <v>400</v>
      </c>
      <c r="R2045" s="115">
        <v>0</v>
      </c>
      <c r="S2045" s="115">
        <v>0</v>
      </c>
      <c r="T2045" s="115">
        <v>0</v>
      </c>
      <c r="U2045" s="119"/>
      <c r="V2045" s="119"/>
      <c r="W2045" s="119"/>
      <c r="X2045" s="119"/>
      <c r="Y2045" s="119"/>
      <c r="Z2045" s="119"/>
      <c r="AA2045" s="119"/>
      <c r="AB2045" s="119"/>
      <c r="AC2045" s="119"/>
      <c r="AD2045" s="119"/>
      <c r="AE2045" s="119"/>
      <c r="AF2045" s="119"/>
      <c r="AG2045" s="119"/>
      <c r="AH2045" s="119"/>
      <c r="AI2045" s="119"/>
      <c r="AJ2045" s="119"/>
      <c r="AK2045" s="119"/>
      <c r="AL2045" s="119"/>
      <c r="AM2045" s="119"/>
      <c r="AN2045" s="119"/>
      <c r="AO2045" s="119"/>
      <c r="AP2045" s="119"/>
      <c r="AQ2045" s="119"/>
      <c r="AR2045" s="119"/>
      <c r="AS2045" s="119"/>
      <c r="AT2045" s="119"/>
      <c r="AU2045" s="119"/>
      <c r="AV2045" s="119"/>
      <c r="AW2045" s="119"/>
      <c r="AX2045" s="119"/>
      <c r="AY2045" s="119"/>
      <c r="AZ2045" s="119"/>
      <c r="BA2045" s="119"/>
      <c r="BB2045" s="107">
        <v>45884</v>
      </c>
    </row>
    <row r="2046" spans="1:54" s="207" customFormat="1" ht="13.95" customHeight="1" x14ac:dyDescent="0.25">
      <c r="A2046" s="208" t="s">
        <v>4895</v>
      </c>
      <c r="B2046" s="209" t="s">
        <v>20420</v>
      </c>
      <c r="C2046" s="113" t="s">
        <v>4896</v>
      </c>
      <c r="D2046" s="113" t="s">
        <v>4897</v>
      </c>
      <c r="E2046" s="210">
        <v>1987</v>
      </c>
      <c r="F2046" s="210">
        <v>3190</v>
      </c>
      <c r="G2046" s="113" t="s">
        <v>1</v>
      </c>
      <c r="H2046" s="113">
        <v>0</v>
      </c>
      <c r="I2046" s="113">
        <v>0</v>
      </c>
      <c r="J2046" s="115">
        <v>1</v>
      </c>
      <c r="K2046" s="116" t="s">
        <v>174</v>
      </c>
      <c r="L2046" s="115">
        <v>1</v>
      </c>
      <c r="M2046" s="115">
        <v>0</v>
      </c>
      <c r="N2046" s="115">
        <v>1</v>
      </c>
      <c r="O2046" s="115">
        <v>1</v>
      </c>
      <c r="P2046" s="115">
        <v>1</v>
      </c>
      <c r="Q2046" s="115" t="s">
        <v>400</v>
      </c>
      <c r="R2046" s="115">
        <v>1</v>
      </c>
      <c r="S2046" s="115">
        <v>0</v>
      </c>
      <c r="T2046" s="115">
        <v>0</v>
      </c>
      <c r="U2046" s="119"/>
      <c r="V2046" s="119"/>
      <c r="W2046" s="119"/>
      <c r="X2046" s="119"/>
      <c r="Y2046" s="119"/>
      <c r="Z2046" s="119"/>
      <c r="AA2046" s="119"/>
      <c r="AB2046" s="119"/>
      <c r="AC2046" s="119"/>
      <c r="AD2046" s="119"/>
      <c r="AE2046" s="119"/>
      <c r="AF2046" s="119"/>
      <c r="AG2046" s="119"/>
      <c r="AH2046" s="119"/>
      <c r="AI2046" s="119"/>
      <c r="AJ2046" s="119"/>
      <c r="AK2046" s="119"/>
      <c r="AL2046" s="119"/>
      <c r="AM2046" s="119"/>
      <c r="AN2046" s="119"/>
      <c r="AO2046" s="119"/>
      <c r="AP2046" s="119"/>
      <c r="AQ2046" s="119"/>
      <c r="AR2046" s="119"/>
      <c r="AS2046" s="119"/>
      <c r="AT2046" s="119"/>
      <c r="AU2046" s="119"/>
      <c r="AV2046" s="119"/>
      <c r="AW2046" s="119"/>
      <c r="AX2046" s="119"/>
      <c r="AY2046" s="119"/>
      <c r="AZ2046" s="119"/>
      <c r="BA2046" s="119"/>
      <c r="BB2046" s="107">
        <v>45884</v>
      </c>
    </row>
    <row r="2047" spans="1:54" s="207" customFormat="1" ht="13.95" customHeight="1" x14ac:dyDescent="0.25">
      <c r="A2047" s="208" t="s">
        <v>4898</v>
      </c>
      <c r="B2047" s="209" t="s">
        <v>20420</v>
      </c>
      <c r="C2047" s="113" t="s">
        <v>4899</v>
      </c>
      <c r="D2047" s="113" t="s">
        <v>4900</v>
      </c>
      <c r="E2047" s="210">
        <v>1989</v>
      </c>
      <c r="F2047" s="210">
        <v>3197</v>
      </c>
      <c r="G2047" s="113" t="s">
        <v>1</v>
      </c>
      <c r="H2047" s="113">
        <v>0</v>
      </c>
      <c r="I2047" s="113">
        <v>0</v>
      </c>
      <c r="J2047" s="115">
        <v>1</v>
      </c>
      <c r="K2047" s="116" t="s">
        <v>174</v>
      </c>
      <c r="L2047" s="115">
        <v>0</v>
      </c>
      <c r="M2047" s="115">
        <v>1</v>
      </c>
      <c r="N2047" s="115">
        <v>1</v>
      </c>
      <c r="O2047" s="115">
        <v>1</v>
      </c>
      <c r="P2047" s="115" t="s">
        <v>400</v>
      </c>
      <c r="Q2047" s="115" t="s">
        <v>400</v>
      </c>
      <c r="R2047" s="115">
        <v>0</v>
      </c>
      <c r="S2047" s="115">
        <v>0</v>
      </c>
      <c r="T2047" s="212">
        <v>0</v>
      </c>
      <c r="U2047" s="119"/>
      <c r="V2047" s="119"/>
      <c r="W2047" s="119"/>
      <c r="X2047" s="119"/>
      <c r="Y2047" s="119"/>
      <c r="Z2047" s="119"/>
      <c r="AA2047" s="119"/>
      <c r="AB2047" s="119"/>
      <c r="AC2047" s="119"/>
      <c r="AD2047" s="119"/>
      <c r="AE2047" s="119"/>
      <c r="AF2047" s="119"/>
      <c r="AG2047" s="119"/>
      <c r="AH2047" s="119"/>
      <c r="AI2047" s="119"/>
      <c r="AJ2047" s="119"/>
      <c r="AK2047" s="119"/>
      <c r="AL2047" s="119"/>
      <c r="AM2047" s="119"/>
      <c r="AN2047" s="119"/>
      <c r="AO2047" s="119"/>
      <c r="AP2047" s="119"/>
      <c r="AQ2047" s="119"/>
      <c r="AR2047" s="119"/>
      <c r="AS2047" s="119"/>
      <c r="AT2047" s="119"/>
      <c r="AU2047" s="119"/>
      <c r="AV2047" s="119"/>
      <c r="AW2047" s="119"/>
      <c r="AX2047" s="119"/>
      <c r="AY2047" s="119"/>
      <c r="AZ2047" s="119"/>
      <c r="BA2047" s="119"/>
      <c r="BB2047" s="107">
        <v>45884</v>
      </c>
    </row>
    <row r="2048" spans="1:54" s="207" customFormat="1" ht="13.95" customHeight="1" x14ac:dyDescent="0.25">
      <c r="A2048" s="208" t="s">
        <v>4901</v>
      </c>
      <c r="B2048" s="209" t="s">
        <v>20420</v>
      </c>
      <c r="C2048" s="113" t="s">
        <v>4902</v>
      </c>
      <c r="D2048" s="113" t="s">
        <v>23673</v>
      </c>
      <c r="E2048" s="210">
        <v>1984</v>
      </c>
      <c r="F2048" s="210">
        <v>3198</v>
      </c>
      <c r="G2048" s="113" t="s">
        <v>1</v>
      </c>
      <c r="H2048" s="113">
        <v>0</v>
      </c>
      <c r="I2048" s="113">
        <v>0</v>
      </c>
      <c r="J2048" s="115">
        <v>1</v>
      </c>
      <c r="K2048" s="116" t="s">
        <v>174</v>
      </c>
      <c r="L2048" s="115">
        <v>0</v>
      </c>
      <c r="M2048" s="115">
        <v>0</v>
      </c>
      <c r="N2048" s="115">
        <v>1</v>
      </c>
      <c r="O2048" s="115">
        <v>0</v>
      </c>
      <c r="P2048" s="115" t="s">
        <v>400</v>
      </c>
      <c r="Q2048" s="115" t="s">
        <v>400</v>
      </c>
      <c r="R2048" s="115">
        <v>1</v>
      </c>
      <c r="S2048" s="115">
        <v>0</v>
      </c>
      <c r="T2048" s="115">
        <v>0</v>
      </c>
      <c r="U2048" s="119"/>
      <c r="V2048" s="119"/>
      <c r="W2048" s="119"/>
      <c r="X2048" s="119"/>
      <c r="Y2048" s="119"/>
      <c r="Z2048" s="119"/>
      <c r="AA2048" s="119"/>
      <c r="AB2048" s="119"/>
      <c r="AC2048" s="119"/>
      <c r="AD2048" s="119"/>
      <c r="AE2048" s="119"/>
      <c r="AF2048" s="119"/>
      <c r="AG2048" s="119"/>
      <c r="AH2048" s="119"/>
      <c r="AI2048" s="119"/>
      <c r="AJ2048" s="119"/>
      <c r="AK2048" s="119"/>
      <c r="AL2048" s="119"/>
      <c r="AM2048" s="119"/>
      <c r="AN2048" s="119"/>
      <c r="AO2048" s="119"/>
      <c r="AP2048" s="119"/>
      <c r="AQ2048" s="119"/>
      <c r="AR2048" s="119"/>
      <c r="AS2048" s="119"/>
      <c r="AT2048" s="119"/>
      <c r="AU2048" s="119"/>
      <c r="AV2048" s="119"/>
      <c r="AW2048" s="119"/>
      <c r="AX2048" s="119"/>
      <c r="AY2048" s="119"/>
      <c r="AZ2048" s="119"/>
      <c r="BA2048" s="119"/>
      <c r="BB2048" s="107">
        <v>45884</v>
      </c>
    </row>
    <row r="2049" spans="1:54" s="207" customFormat="1" ht="13.95" customHeight="1" x14ac:dyDescent="0.25">
      <c r="A2049" s="208" t="s">
        <v>4903</v>
      </c>
      <c r="B2049" s="209" t="s">
        <v>20420</v>
      </c>
      <c r="C2049" s="113" t="s">
        <v>4904</v>
      </c>
      <c r="D2049" s="113" t="s">
        <v>23674</v>
      </c>
      <c r="E2049" s="210">
        <v>2004</v>
      </c>
      <c r="F2049" s="210">
        <v>3200</v>
      </c>
      <c r="G2049" s="113" t="s">
        <v>1</v>
      </c>
      <c r="H2049" s="113">
        <v>0</v>
      </c>
      <c r="I2049" s="113">
        <v>0</v>
      </c>
      <c r="J2049" s="115">
        <v>1</v>
      </c>
      <c r="K2049" s="211">
        <v>1</v>
      </c>
      <c r="L2049" s="115">
        <v>1</v>
      </c>
      <c r="M2049" s="115">
        <v>1</v>
      </c>
      <c r="N2049" s="115">
        <v>0</v>
      </c>
      <c r="O2049" s="115">
        <v>0</v>
      </c>
      <c r="P2049" s="115" t="s">
        <v>400</v>
      </c>
      <c r="Q2049" s="115" t="s">
        <v>400</v>
      </c>
      <c r="R2049" s="115">
        <v>1</v>
      </c>
      <c r="S2049" s="115">
        <v>0</v>
      </c>
      <c r="T2049" s="115">
        <v>0</v>
      </c>
      <c r="U2049" s="119"/>
      <c r="V2049" s="119"/>
      <c r="W2049" s="119"/>
      <c r="X2049" s="119"/>
      <c r="Y2049" s="119"/>
      <c r="Z2049" s="119"/>
      <c r="AA2049" s="119"/>
      <c r="AB2049" s="119"/>
      <c r="AC2049" s="119"/>
      <c r="AD2049" s="119"/>
      <c r="AE2049" s="119"/>
      <c r="AF2049" s="119"/>
      <c r="AG2049" s="119"/>
      <c r="AH2049" s="119"/>
      <c r="AI2049" s="119"/>
      <c r="AJ2049" s="119"/>
      <c r="AK2049" s="119"/>
      <c r="AL2049" s="119"/>
      <c r="AM2049" s="119"/>
      <c r="AN2049" s="119"/>
      <c r="AO2049" s="119"/>
      <c r="AP2049" s="119"/>
      <c r="AQ2049" s="119"/>
      <c r="AR2049" s="119"/>
      <c r="AS2049" s="119"/>
      <c r="AT2049" s="119"/>
      <c r="AU2049" s="119"/>
      <c r="AV2049" s="119"/>
      <c r="AW2049" s="119"/>
      <c r="AX2049" s="119"/>
      <c r="AY2049" s="119"/>
      <c r="AZ2049" s="119"/>
      <c r="BA2049" s="119"/>
      <c r="BB2049" s="107">
        <v>45884</v>
      </c>
    </row>
    <row r="2050" spans="1:54" s="207" customFormat="1" ht="13.95" customHeight="1" x14ac:dyDescent="0.25">
      <c r="A2050" s="208" t="s">
        <v>4905</v>
      </c>
      <c r="B2050" s="209" t="s">
        <v>20420</v>
      </c>
      <c r="C2050" s="113" t="s">
        <v>4906</v>
      </c>
      <c r="D2050" s="113" t="s">
        <v>23675</v>
      </c>
      <c r="E2050" s="210">
        <v>1979</v>
      </c>
      <c r="F2050" s="210">
        <v>3200</v>
      </c>
      <c r="G2050" s="113" t="s">
        <v>1</v>
      </c>
      <c r="H2050" s="113">
        <v>0</v>
      </c>
      <c r="I2050" s="113">
        <v>0</v>
      </c>
      <c r="J2050" s="115">
        <v>1</v>
      </c>
      <c r="K2050" s="116" t="s">
        <v>174</v>
      </c>
      <c r="L2050" s="115">
        <v>1</v>
      </c>
      <c r="M2050" s="115">
        <v>0</v>
      </c>
      <c r="N2050" s="115">
        <v>0</v>
      </c>
      <c r="O2050" s="115">
        <v>1</v>
      </c>
      <c r="P2050" s="115">
        <v>1</v>
      </c>
      <c r="Q2050" s="115" t="s">
        <v>400</v>
      </c>
      <c r="R2050" s="115">
        <v>1</v>
      </c>
      <c r="S2050" s="115">
        <v>0</v>
      </c>
      <c r="T2050" s="115">
        <v>0</v>
      </c>
      <c r="U2050" s="119"/>
      <c r="V2050" s="119"/>
      <c r="W2050" s="119"/>
      <c r="X2050" s="119"/>
      <c r="Y2050" s="119"/>
      <c r="Z2050" s="119"/>
      <c r="AA2050" s="119"/>
      <c r="AB2050" s="119"/>
      <c r="AC2050" s="119"/>
      <c r="AD2050" s="119"/>
      <c r="AE2050" s="119"/>
      <c r="AF2050" s="119"/>
      <c r="AG2050" s="119"/>
      <c r="AH2050" s="119"/>
      <c r="AI2050" s="119"/>
      <c r="AJ2050" s="119"/>
      <c r="AK2050" s="119"/>
      <c r="AL2050" s="119"/>
      <c r="AM2050" s="119"/>
      <c r="AN2050" s="119"/>
      <c r="AO2050" s="119"/>
      <c r="AP2050" s="119"/>
      <c r="AQ2050" s="119"/>
      <c r="AR2050" s="119"/>
      <c r="AS2050" s="119"/>
      <c r="AT2050" s="119"/>
      <c r="AU2050" s="119"/>
      <c r="AV2050" s="119"/>
      <c r="AW2050" s="119"/>
      <c r="AX2050" s="119"/>
      <c r="AY2050" s="119"/>
      <c r="AZ2050" s="119"/>
      <c r="BA2050" s="119"/>
      <c r="BB2050" s="107">
        <v>45884</v>
      </c>
    </row>
    <row r="2051" spans="1:54" s="207" customFormat="1" ht="13.95" customHeight="1" x14ac:dyDescent="0.25">
      <c r="A2051" s="208" t="s">
        <v>4907</v>
      </c>
      <c r="B2051" s="209" t="s">
        <v>20420</v>
      </c>
      <c r="C2051" s="113" t="s">
        <v>4908</v>
      </c>
      <c r="D2051" s="113" t="s">
        <v>4909</v>
      </c>
      <c r="E2051" s="210">
        <v>1980</v>
      </c>
      <c r="F2051" s="210">
        <v>3206</v>
      </c>
      <c r="G2051" s="113" t="s">
        <v>1</v>
      </c>
      <c r="H2051" s="113">
        <v>0</v>
      </c>
      <c r="I2051" s="113">
        <v>0</v>
      </c>
      <c r="J2051" s="115">
        <v>1</v>
      </c>
      <c r="K2051" s="116" t="s">
        <v>174</v>
      </c>
      <c r="L2051" s="115">
        <v>1</v>
      </c>
      <c r="M2051" s="115">
        <v>1</v>
      </c>
      <c r="N2051" s="115">
        <v>1</v>
      </c>
      <c r="O2051" s="115">
        <v>0</v>
      </c>
      <c r="P2051" s="115">
        <v>1</v>
      </c>
      <c r="Q2051" s="115" t="s">
        <v>400</v>
      </c>
      <c r="R2051" s="115">
        <v>0</v>
      </c>
      <c r="S2051" s="115">
        <v>0</v>
      </c>
      <c r="T2051" s="115">
        <v>0</v>
      </c>
      <c r="U2051" s="119"/>
      <c r="V2051" s="119"/>
      <c r="W2051" s="119"/>
      <c r="X2051" s="119"/>
      <c r="Y2051" s="119"/>
      <c r="Z2051" s="119"/>
      <c r="AA2051" s="119"/>
      <c r="AB2051" s="119"/>
      <c r="AC2051" s="119"/>
      <c r="AD2051" s="119"/>
      <c r="AE2051" s="119"/>
      <c r="AF2051" s="119"/>
      <c r="AG2051" s="119"/>
      <c r="AH2051" s="119"/>
      <c r="AI2051" s="119"/>
      <c r="AJ2051" s="119"/>
      <c r="AK2051" s="119"/>
      <c r="AL2051" s="119"/>
      <c r="AM2051" s="119"/>
      <c r="AN2051" s="119"/>
      <c r="AO2051" s="119"/>
      <c r="AP2051" s="119"/>
      <c r="AQ2051" s="119"/>
      <c r="AR2051" s="119"/>
      <c r="AS2051" s="119"/>
      <c r="AT2051" s="119"/>
      <c r="AU2051" s="119"/>
      <c r="AV2051" s="119"/>
      <c r="AW2051" s="119"/>
      <c r="AX2051" s="119"/>
      <c r="AY2051" s="119"/>
      <c r="AZ2051" s="119"/>
      <c r="BA2051" s="119"/>
      <c r="BB2051" s="107">
        <v>45884</v>
      </c>
    </row>
    <row r="2052" spans="1:54" s="207" customFormat="1" ht="13.95" customHeight="1" x14ac:dyDescent="0.25">
      <c r="A2052" s="208" t="s">
        <v>4910</v>
      </c>
      <c r="B2052" s="209" t="s">
        <v>20420</v>
      </c>
      <c r="C2052" s="113" t="s">
        <v>4911</v>
      </c>
      <c r="D2052" s="113" t="s">
        <v>23676</v>
      </c>
      <c r="E2052" s="210">
        <v>1990</v>
      </c>
      <c r="F2052" s="210">
        <v>3213</v>
      </c>
      <c r="G2052" s="113" t="s">
        <v>1</v>
      </c>
      <c r="H2052" s="113">
        <v>1</v>
      </c>
      <c r="I2052" s="113">
        <v>0</v>
      </c>
      <c r="J2052" s="115">
        <v>1</v>
      </c>
      <c r="K2052" s="116" t="s">
        <v>174</v>
      </c>
      <c r="L2052" s="115">
        <v>1</v>
      </c>
      <c r="M2052" s="115">
        <v>1</v>
      </c>
      <c r="N2052" s="115">
        <v>0</v>
      </c>
      <c r="O2052" s="115">
        <v>0</v>
      </c>
      <c r="P2052" s="115" t="s">
        <v>400</v>
      </c>
      <c r="Q2052" s="115" t="s">
        <v>400</v>
      </c>
      <c r="R2052" s="115">
        <v>0</v>
      </c>
      <c r="S2052" s="115">
        <v>0</v>
      </c>
      <c r="T2052" s="115">
        <v>0</v>
      </c>
      <c r="U2052" s="119"/>
      <c r="V2052" s="119"/>
      <c r="W2052" s="119"/>
      <c r="X2052" s="119"/>
      <c r="Y2052" s="119"/>
      <c r="Z2052" s="119"/>
      <c r="AA2052" s="119"/>
      <c r="AB2052" s="119"/>
      <c r="AC2052" s="119"/>
      <c r="AD2052" s="119"/>
      <c r="AE2052" s="119"/>
      <c r="AF2052" s="119"/>
      <c r="AG2052" s="119"/>
      <c r="AH2052" s="119"/>
      <c r="AI2052" s="119"/>
      <c r="AJ2052" s="119"/>
      <c r="AK2052" s="119"/>
      <c r="AL2052" s="119"/>
      <c r="AM2052" s="119"/>
      <c r="AN2052" s="119"/>
      <c r="AO2052" s="119"/>
      <c r="AP2052" s="119"/>
      <c r="AQ2052" s="119"/>
      <c r="AR2052" s="119"/>
      <c r="AS2052" s="119"/>
      <c r="AT2052" s="119"/>
      <c r="AU2052" s="119"/>
      <c r="AV2052" s="119"/>
      <c r="AW2052" s="119"/>
      <c r="AX2052" s="119"/>
      <c r="AY2052" s="119"/>
      <c r="AZ2052" s="119"/>
      <c r="BA2052" s="119"/>
      <c r="BB2052" s="107">
        <v>45884</v>
      </c>
    </row>
    <row r="2053" spans="1:54" s="207" customFormat="1" ht="13.95" customHeight="1" x14ac:dyDescent="0.25">
      <c r="A2053" s="208" t="s">
        <v>4912</v>
      </c>
      <c r="B2053" s="209" t="s">
        <v>20420</v>
      </c>
      <c r="C2053" s="113" t="s">
        <v>4913</v>
      </c>
      <c r="D2053" s="113" t="s">
        <v>4914</v>
      </c>
      <c r="E2053" s="210">
        <v>1979</v>
      </c>
      <c r="F2053" s="210">
        <v>3223</v>
      </c>
      <c r="G2053" s="113" t="s">
        <v>1</v>
      </c>
      <c r="H2053" s="113">
        <v>0</v>
      </c>
      <c r="I2053" s="113">
        <v>0</v>
      </c>
      <c r="J2053" s="115">
        <v>1</v>
      </c>
      <c r="K2053" s="116" t="s">
        <v>174</v>
      </c>
      <c r="L2053" s="115">
        <v>1</v>
      </c>
      <c r="M2053" s="115">
        <v>1</v>
      </c>
      <c r="N2053" s="115">
        <v>1</v>
      </c>
      <c r="O2053" s="115">
        <v>1</v>
      </c>
      <c r="P2053" s="115" t="s">
        <v>400</v>
      </c>
      <c r="Q2053" s="115" t="s">
        <v>400</v>
      </c>
      <c r="R2053" s="115">
        <v>1</v>
      </c>
      <c r="S2053" s="115">
        <v>0</v>
      </c>
      <c r="T2053" s="115">
        <v>0</v>
      </c>
      <c r="U2053" s="119"/>
      <c r="V2053" s="119"/>
      <c r="W2053" s="119"/>
      <c r="X2053" s="119"/>
      <c r="Y2053" s="119"/>
      <c r="Z2053" s="119"/>
      <c r="AA2053" s="119"/>
      <c r="AB2053" s="119"/>
      <c r="AC2053" s="119"/>
      <c r="AD2053" s="119"/>
      <c r="AE2053" s="119"/>
      <c r="AF2053" s="119"/>
      <c r="AG2053" s="119"/>
      <c r="AH2053" s="119"/>
      <c r="AI2053" s="119"/>
      <c r="AJ2053" s="119"/>
      <c r="AK2053" s="119"/>
      <c r="AL2053" s="119"/>
      <c r="AM2053" s="119"/>
      <c r="AN2053" s="119"/>
      <c r="AO2053" s="119"/>
      <c r="AP2053" s="119"/>
      <c r="AQ2053" s="119"/>
      <c r="AR2053" s="119"/>
      <c r="AS2053" s="119"/>
      <c r="AT2053" s="119"/>
      <c r="AU2053" s="119"/>
      <c r="AV2053" s="119"/>
      <c r="AW2053" s="119"/>
      <c r="AX2053" s="119"/>
      <c r="AY2053" s="119"/>
      <c r="AZ2053" s="119"/>
      <c r="BA2053" s="119"/>
      <c r="BB2053" s="107">
        <v>45884</v>
      </c>
    </row>
    <row r="2054" spans="1:54" s="207" customFormat="1" ht="13.95" customHeight="1" x14ac:dyDescent="0.25">
      <c r="A2054" s="208" t="s">
        <v>4915</v>
      </c>
      <c r="B2054" s="209" t="s">
        <v>20420</v>
      </c>
      <c r="C2054" s="113" t="s">
        <v>4916</v>
      </c>
      <c r="D2054" s="113" t="s">
        <v>23677</v>
      </c>
      <c r="E2054" s="210">
        <v>1980</v>
      </c>
      <c r="F2054" s="210">
        <v>3236</v>
      </c>
      <c r="G2054" s="113" t="s">
        <v>1</v>
      </c>
      <c r="H2054" s="113">
        <v>0</v>
      </c>
      <c r="I2054" s="113">
        <v>0</v>
      </c>
      <c r="J2054" s="115">
        <v>1</v>
      </c>
      <c r="K2054" s="116" t="s">
        <v>174</v>
      </c>
      <c r="L2054" s="115">
        <v>1</v>
      </c>
      <c r="M2054" s="115">
        <v>0</v>
      </c>
      <c r="N2054" s="115">
        <v>0</v>
      </c>
      <c r="O2054" s="115">
        <v>1</v>
      </c>
      <c r="P2054" s="115" t="s">
        <v>400</v>
      </c>
      <c r="Q2054" s="115" t="s">
        <v>400</v>
      </c>
      <c r="R2054" s="115">
        <v>1</v>
      </c>
      <c r="S2054" s="115">
        <v>0</v>
      </c>
      <c r="T2054" s="115">
        <v>0</v>
      </c>
      <c r="U2054" s="119"/>
      <c r="V2054" s="119"/>
      <c r="W2054" s="119"/>
      <c r="X2054" s="119"/>
      <c r="Y2054" s="119"/>
      <c r="Z2054" s="119"/>
      <c r="AA2054" s="119"/>
      <c r="AB2054" s="119"/>
      <c r="AC2054" s="119"/>
      <c r="AD2054" s="119"/>
      <c r="AE2054" s="119"/>
      <c r="AF2054" s="119"/>
      <c r="AG2054" s="119"/>
      <c r="AH2054" s="119"/>
      <c r="AI2054" s="119"/>
      <c r="AJ2054" s="119"/>
      <c r="AK2054" s="119"/>
      <c r="AL2054" s="119"/>
      <c r="AM2054" s="119"/>
      <c r="AN2054" s="119"/>
      <c r="AO2054" s="119"/>
      <c r="AP2054" s="119"/>
      <c r="AQ2054" s="119"/>
      <c r="AR2054" s="119"/>
      <c r="AS2054" s="119"/>
      <c r="AT2054" s="119"/>
      <c r="AU2054" s="119"/>
      <c r="AV2054" s="119"/>
      <c r="AW2054" s="119"/>
      <c r="AX2054" s="119"/>
      <c r="AY2054" s="119"/>
      <c r="AZ2054" s="119"/>
      <c r="BA2054" s="119"/>
      <c r="BB2054" s="107">
        <v>45884</v>
      </c>
    </row>
    <row r="2055" spans="1:54" s="207" customFormat="1" ht="13.95" customHeight="1" x14ac:dyDescent="0.25">
      <c r="A2055" s="208" t="s">
        <v>4917</v>
      </c>
      <c r="B2055" s="209" t="s">
        <v>20420</v>
      </c>
      <c r="C2055" s="113" t="s">
        <v>4918</v>
      </c>
      <c r="D2055" s="113" t="s">
        <v>4919</v>
      </c>
      <c r="E2055" s="210">
        <v>1954</v>
      </c>
      <c r="F2055" s="210">
        <v>3236</v>
      </c>
      <c r="G2055" s="113" t="s">
        <v>1</v>
      </c>
      <c r="H2055" s="113">
        <v>0</v>
      </c>
      <c r="I2055" s="113">
        <v>0</v>
      </c>
      <c r="J2055" s="115">
        <v>1</v>
      </c>
      <c r="K2055" s="116" t="s">
        <v>174</v>
      </c>
      <c r="L2055" s="115">
        <v>1</v>
      </c>
      <c r="M2055" s="115">
        <v>0</v>
      </c>
      <c r="N2055" s="115">
        <v>0</v>
      </c>
      <c r="O2055" s="115">
        <v>1</v>
      </c>
      <c r="P2055" s="115">
        <v>1</v>
      </c>
      <c r="Q2055" s="115" t="s">
        <v>400</v>
      </c>
      <c r="R2055" s="115">
        <v>0</v>
      </c>
      <c r="S2055" s="115">
        <v>0</v>
      </c>
      <c r="T2055" s="115">
        <v>0</v>
      </c>
      <c r="U2055" s="119"/>
      <c r="V2055" s="119"/>
      <c r="W2055" s="119"/>
      <c r="X2055" s="119"/>
      <c r="Y2055" s="119"/>
      <c r="Z2055" s="119"/>
      <c r="AA2055" s="119"/>
      <c r="AB2055" s="119"/>
      <c r="AC2055" s="119"/>
      <c r="AD2055" s="119"/>
      <c r="AE2055" s="119"/>
      <c r="AF2055" s="119"/>
      <c r="AG2055" s="119"/>
      <c r="AH2055" s="119"/>
      <c r="AI2055" s="119"/>
      <c r="AJ2055" s="119"/>
      <c r="AK2055" s="119"/>
      <c r="AL2055" s="119"/>
      <c r="AM2055" s="119"/>
      <c r="AN2055" s="119"/>
      <c r="AO2055" s="119"/>
      <c r="AP2055" s="119"/>
      <c r="AQ2055" s="119"/>
      <c r="AR2055" s="119"/>
      <c r="AS2055" s="119"/>
      <c r="AT2055" s="119"/>
      <c r="AU2055" s="119"/>
      <c r="AV2055" s="119"/>
      <c r="AW2055" s="119"/>
      <c r="AX2055" s="119"/>
      <c r="AY2055" s="119"/>
      <c r="AZ2055" s="119"/>
      <c r="BA2055" s="119"/>
      <c r="BB2055" s="107">
        <v>45884</v>
      </c>
    </row>
    <row r="2056" spans="1:54" s="207" customFormat="1" ht="13.95" customHeight="1" x14ac:dyDescent="0.25">
      <c r="A2056" s="208" t="s">
        <v>4920</v>
      </c>
      <c r="B2056" s="209" t="s">
        <v>20420</v>
      </c>
      <c r="C2056" s="113" t="s">
        <v>4921</v>
      </c>
      <c r="D2056" s="113" t="s">
        <v>23678</v>
      </c>
      <c r="E2056" s="210">
        <v>1978</v>
      </c>
      <c r="F2056" s="210">
        <v>3239</v>
      </c>
      <c r="G2056" s="113" t="s">
        <v>1</v>
      </c>
      <c r="H2056" s="113">
        <v>0</v>
      </c>
      <c r="I2056" s="113">
        <v>0</v>
      </c>
      <c r="J2056" s="115">
        <v>1</v>
      </c>
      <c r="K2056" s="116" t="s">
        <v>174</v>
      </c>
      <c r="L2056" s="115">
        <v>1</v>
      </c>
      <c r="M2056" s="115">
        <v>0</v>
      </c>
      <c r="N2056" s="115">
        <v>1</v>
      </c>
      <c r="O2056" s="115">
        <v>1</v>
      </c>
      <c r="P2056" s="115">
        <v>1</v>
      </c>
      <c r="Q2056" s="115" t="s">
        <v>400</v>
      </c>
      <c r="R2056" s="115">
        <v>1</v>
      </c>
      <c r="S2056" s="115">
        <v>0</v>
      </c>
      <c r="T2056" s="115">
        <v>0</v>
      </c>
      <c r="U2056" s="119"/>
      <c r="V2056" s="119"/>
      <c r="W2056" s="119"/>
      <c r="X2056" s="119"/>
      <c r="Y2056" s="119"/>
      <c r="Z2056" s="119"/>
      <c r="AA2056" s="119"/>
      <c r="AB2056" s="119"/>
      <c r="AC2056" s="119"/>
      <c r="AD2056" s="119"/>
      <c r="AE2056" s="119"/>
      <c r="AF2056" s="119"/>
      <c r="AG2056" s="119"/>
      <c r="AH2056" s="119"/>
      <c r="AI2056" s="119"/>
      <c r="AJ2056" s="119"/>
      <c r="AK2056" s="119"/>
      <c r="AL2056" s="119"/>
      <c r="AM2056" s="119"/>
      <c r="AN2056" s="119"/>
      <c r="AO2056" s="119"/>
      <c r="AP2056" s="119"/>
      <c r="AQ2056" s="119"/>
      <c r="AR2056" s="119"/>
      <c r="AS2056" s="119"/>
      <c r="AT2056" s="119"/>
      <c r="AU2056" s="119"/>
      <c r="AV2056" s="119"/>
      <c r="AW2056" s="119"/>
      <c r="AX2056" s="119"/>
      <c r="AY2056" s="119"/>
      <c r="AZ2056" s="119"/>
      <c r="BA2056" s="119"/>
      <c r="BB2056" s="107">
        <v>45884</v>
      </c>
    </row>
    <row r="2057" spans="1:54" s="207" customFormat="1" ht="13.95" customHeight="1" x14ac:dyDescent="0.25">
      <c r="A2057" s="208" t="s">
        <v>4922</v>
      </c>
      <c r="B2057" s="209" t="s">
        <v>20420</v>
      </c>
      <c r="C2057" s="113" t="s">
        <v>4923</v>
      </c>
      <c r="D2057" s="113" t="s">
        <v>23679</v>
      </c>
      <c r="E2057" s="210">
        <v>1997</v>
      </c>
      <c r="F2057" s="210">
        <v>3254</v>
      </c>
      <c r="G2057" s="113" t="s">
        <v>1</v>
      </c>
      <c r="H2057" s="113">
        <v>0</v>
      </c>
      <c r="I2057" s="113">
        <v>0</v>
      </c>
      <c r="J2057" s="115">
        <v>1</v>
      </c>
      <c r="K2057" s="116" t="s">
        <v>174</v>
      </c>
      <c r="L2057" s="115">
        <v>1</v>
      </c>
      <c r="M2057" s="115">
        <v>0</v>
      </c>
      <c r="N2057" s="115">
        <v>0</v>
      </c>
      <c r="O2057" s="115">
        <v>1</v>
      </c>
      <c r="P2057" s="115">
        <v>1</v>
      </c>
      <c r="Q2057" s="115" t="s">
        <v>400</v>
      </c>
      <c r="R2057" s="115">
        <v>1</v>
      </c>
      <c r="S2057" s="115">
        <v>0</v>
      </c>
      <c r="T2057" s="115">
        <v>0</v>
      </c>
      <c r="U2057" s="119"/>
      <c r="V2057" s="119"/>
      <c r="W2057" s="119"/>
      <c r="X2057" s="119"/>
      <c r="Y2057" s="119"/>
      <c r="Z2057" s="119"/>
      <c r="AA2057" s="119"/>
      <c r="AB2057" s="119"/>
      <c r="AC2057" s="119"/>
      <c r="AD2057" s="119"/>
      <c r="AE2057" s="119"/>
      <c r="AF2057" s="119"/>
      <c r="AG2057" s="119"/>
      <c r="AH2057" s="119"/>
      <c r="AI2057" s="119"/>
      <c r="AJ2057" s="119"/>
      <c r="AK2057" s="119"/>
      <c r="AL2057" s="119"/>
      <c r="AM2057" s="119"/>
      <c r="AN2057" s="119"/>
      <c r="AO2057" s="119"/>
      <c r="AP2057" s="119"/>
      <c r="AQ2057" s="119"/>
      <c r="AR2057" s="119"/>
      <c r="AS2057" s="119"/>
      <c r="AT2057" s="119"/>
      <c r="AU2057" s="119"/>
      <c r="AV2057" s="119"/>
      <c r="AW2057" s="119"/>
      <c r="AX2057" s="119"/>
      <c r="AY2057" s="119"/>
      <c r="AZ2057" s="119"/>
      <c r="BA2057" s="119"/>
      <c r="BB2057" s="107">
        <v>45884</v>
      </c>
    </row>
    <row r="2058" spans="1:54" s="207" customFormat="1" ht="13.95" customHeight="1" x14ac:dyDescent="0.25">
      <c r="A2058" s="208" t="s">
        <v>4924</v>
      </c>
      <c r="B2058" s="209" t="s">
        <v>20420</v>
      </c>
      <c r="C2058" s="113" t="s">
        <v>4925</v>
      </c>
      <c r="D2058" s="113" t="s">
        <v>4926</v>
      </c>
      <c r="E2058" s="210">
        <v>1974</v>
      </c>
      <c r="F2058" s="210">
        <v>3262</v>
      </c>
      <c r="G2058" s="113" t="s">
        <v>1</v>
      </c>
      <c r="H2058" s="113">
        <v>1</v>
      </c>
      <c r="I2058" s="113">
        <v>0</v>
      </c>
      <c r="J2058" s="115">
        <v>1</v>
      </c>
      <c r="K2058" s="116" t="s">
        <v>174</v>
      </c>
      <c r="L2058" s="115">
        <v>0</v>
      </c>
      <c r="M2058" s="115">
        <v>0</v>
      </c>
      <c r="N2058" s="115">
        <v>0</v>
      </c>
      <c r="O2058" s="115">
        <v>0</v>
      </c>
      <c r="P2058" s="115">
        <v>1</v>
      </c>
      <c r="Q2058" s="115" t="s">
        <v>400</v>
      </c>
      <c r="R2058" s="115">
        <v>1</v>
      </c>
      <c r="S2058" s="115">
        <v>0</v>
      </c>
      <c r="T2058" s="115">
        <v>0</v>
      </c>
      <c r="U2058" s="119"/>
      <c r="V2058" s="119"/>
      <c r="W2058" s="119"/>
      <c r="X2058" s="119"/>
      <c r="Y2058" s="119"/>
      <c r="Z2058" s="119"/>
      <c r="AA2058" s="119"/>
      <c r="AB2058" s="119"/>
      <c r="AC2058" s="119"/>
      <c r="AD2058" s="119"/>
      <c r="AE2058" s="119"/>
      <c r="AF2058" s="119"/>
      <c r="AG2058" s="119"/>
      <c r="AH2058" s="119"/>
      <c r="AI2058" s="119"/>
      <c r="AJ2058" s="119"/>
      <c r="AK2058" s="119"/>
      <c r="AL2058" s="119"/>
      <c r="AM2058" s="119"/>
      <c r="AN2058" s="119"/>
      <c r="AO2058" s="119"/>
      <c r="AP2058" s="119"/>
      <c r="AQ2058" s="119"/>
      <c r="AR2058" s="119"/>
      <c r="AS2058" s="119"/>
      <c r="AT2058" s="119"/>
      <c r="AU2058" s="119"/>
      <c r="AV2058" s="119"/>
      <c r="AW2058" s="119"/>
      <c r="AX2058" s="119"/>
      <c r="AY2058" s="119"/>
      <c r="AZ2058" s="119"/>
      <c r="BA2058" s="119"/>
      <c r="BB2058" s="107">
        <v>45884</v>
      </c>
    </row>
    <row r="2059" spans="1:54" s="207" customFormat="1" ht="13.95" customHeight="1" x14ac:dyDescent="0.25">
      <c r="A2059" s="208" t="s">
        <v>4927</v>
      </c>
      <c r="B2059" s="209" t="s">
        <v>20420</v>
      </c>
      <c r="C2059" s="113" t="s">
        <v>4928</v>
      </c>
      <c r="D2059" s="113" t="s">
        <v>4929</v>
      </c>
      <c r="E2059" s="210">
        <v>1979</v>
      </c>
      <c r="F2059" s="210">
        <v>3263</v>
      </c>
      <c r="G2059" s="113" t="s">
        <v>1</v>
      </c>
      <c r="H2059" s="113">
        <v>1</v>
      </c>
      <c r="I2059" s="113">
        <v>1</v>
      </c>
      <c r="J2059" s="115">
        <v>1</v>
      </c>
      <c r="K2059" s="116" t="s">
        <v>174</v>
      </c>
      <c r="L2059" s="115">
        <v>1</v>
      </c>
      <c r="M2059" s="115">
        <v>1</v>
      </c>
      <c r="N2059" s="115">
        <v>0</v>
      </c>
      <c r="O2059" s="115">
        <v>1</v>
      </c>
      <c r="P2059" s="115" t="s">
        <v>400</v>
      </c>
      <c r="Q2059" s="115" t="s">
        <v>400</v>
      </c>
      <c r="R2059" s="115">
        <v>1</v>
      </c>
      <c r="S2059" s="115">
        <v>0</v>
      </c>
      <c r="T2059" s="115">
        <v>0</v>
      </c>
      <c r="U2059" s="119"/>
      <c r="V2059" s="119"/>
      <c r="W2059" s="119"/>
      <c r="X2059" s="119"/>
      <c r="Y2059" s="119"/>
      <c r="Z2059" s="119"/>
      <c r="AA2059" s="119"/>
      <c r="AB2059" s="119"/>
      <c r="AC2059" s="119"/>
      <c r="AD2059" s="119"/>
      <c r="AE2059" s="119"/>
      <c r="AF2059" s="119"/>
      <c r="AG2059" s="119"/>
      <c r="AH2059" s="119"/>
      <c r="AI2059" s="119"/>
      <c r="AJ2059" s="119"/>
      <c r="AK2059" s="119"/>
      <c r="AL2059" s="119"/>
      <c r="AM2059" s="119"/>
      <c r="AN2059" s="119"/>
      <c r="AO2059" s="119"/>
      <c r="AP2059" s="119"/>
      <c r="AQ2059" s="119"/>
      <c r="AR2059" s="119"/>
      <c r="AS2059" s="119"/>
      <c r="AT2059" s="119"/>
      <c r="AU2059" s="119"/>
      <c r="AV2059" s="119"/>
      <c r="AW2059" s="119"/>
      <c r="AX2059" s="119"/>
      <c r="AY2059" s="119"/>
      <c r="AZ2059" s="119"/>
      <c r="BA2059" s="119"/>
      <c r="BB2059" s="107">
        <v>45884</v>
      </c>
    </row>
    <row r="2060" spans="1:54" s="207" customFormat="1" ht="13.95" customHeight="1" x14ac:dyDescent="0.25">
      <c r="A2060" s="208" t="s">
        <v>4930</v>
      </c>
      <c r="B2060" s="209" t="s">
        <v>20420</v>
      </c>
      <c r="C2060" s="113" t="s">
        <v>4931</v>
      </c>
      <c r="D2060" s="113" t="s">
        <v>23680</v>
      </c>
      <c r="E2060" s="210">
        <v>1952</v>
      </c>
      <c r="F2060" s="210">
        <v>3279</v>
      </c>
      <c r="G2060" s="113" t="s">
        <v>1</v>
      </c>
      <c r="H2060" s="113">
        <v>0</v>
      </c>
      <c r="I2060" s="113">
        <v>0</v>
      </c>
      <c r="J2060" s="115">
        <v>1</v>
      </c>
      <c r="K2060" s="116" t="s">
        <v>174</v>
      </c>
      <c r="L2060" s="115">
        <v>1</v>
      </c>
      <c r="M2060" s="115">
        <v>0</v>
      </c>
      <c r="N2060" s="115">
        <v>0</v>
      </c>
      <c r="O2060" s="115">
        <v>1</v>
      </c>
      <c r="P2060" s="115">
        <v>1</v>
      </c>
      <c r="Q2060" s="115" t="s">
        <v>400</v>
      </c>
      <c r="R2060" s="115">
        <v>1</v>
      </c>
      <c r="S2060" s="115">
        <v>0</v>
      </c>
      <c r="T2060" s="115">
        <v>0</v>
      </c>
      <c r="U2060" s="119"/>
      <c r="V2060" s="119"/>
      <c r="W2060" s="119"/>
      <c r="X2060" s="119"/>
      <c r="Y2060" s="119"/>
      <c r="Z2060" s="119"/>
      <c r="AA2060" s="119"/>
      <c r="AB2060" s="119"/>
      <c r="AC2060" s="119"/>
      <c r="AD2060" s="119"/>
      <c r="AE2060" s="119"/>
      <c r="AF2060" s="119"/>
      <c r="AG2060" s="119"/>
      <c r="AH2060" s="119"/>
      <c r="AI2060" s="119"/>
      <c r="AJ2060" s="119"/>
      <c r="AK2060" s="119"/>
      <c r="AL2060" s="119"/>
      <c r="AM2060" s="119"/>
      <c r="AN2060" s="119"/>
      <c r="AO2060" s="119"/>
      <c r="AP2060" s="119"/>
      <c r="AQ2060" s="119"/>
      <c r="AR2060" s="119"/>
      <c r="AS2060" s="119"/>
      <c r="AT2060" s="119"/>
      <c r="AU2060" s="119"/>
      <c r="AV2060" s="119"/>
      <c r="AW2060" s="119"/>
      <c r="AX2060" s="119"/>
      <c r="AY2060" s="119"/>
      <c r="AZ2060" s="119"/>
      <c r="BA2060" s="119"/>
      <c r="BB2060" s="107">
        <v>45884</v>
      </c>
    </row>
    <row r="2061" spans="1:54" s="207" customFormat="1" ht="13.95" customHeight="1" x14ac:dyDescent="0.25">
      <c r="A2061" s="208" t="s">
        <v>4932</v>
      </c>
      <c r="B2061" s="209" t="s">
        <v>20420</v>
      </c>
      <c r="C2061" s="113" t="s">
        <v>4933</v>
      </c>
      <c r="D2061" s="113" t="s">
        <v>23681</v>
      </c>
      <c r="E2061" s="210">
        <v>1969</v>
      </c>
      <c r="F2061" s="210">
        <v>3281</v>
      </c>
      <c r="G2061" s="113" t="s">
        <v>1</v>
      </c>
      <c r="H2061" s="113">
        <v>0</v>
      </c>
      <c r="I2061" s="113">
        <v>0</v>
      </c>
      <c r="J2061" s="115">
        <v>1</v>
      </c>
      <c r="K2061" s="116" t="s">
        <v>174</v>
      </c>
      <c r="L2061" s="115">
        <v>1</v>
      </c>
      <c r="M2061" s="115">
        <v>1</v>
      </c>
      <c r="N2061" s="115">
        <v>1</v>
      </c>
      <c r="O2061" s="115">
        <v>1</v>
      </c>
      <c r="P2061" s="115" t="s">
        <v>400</v>
      </c>
      <c r="Q2061" s="115" t="s">
        <v>400</v>
      </c>
      <c r="R2061" s="115">
        <v>1</v>
      </c>
      <c r="S2061" s="115">
        <v>0</v>
      </c>
      <c r="T2061" s="115">
        <v>0</v>
      </c>
      <c r="U2061" s="119"/>
      <c r="V2061" s="119"/>
      <c r="W2061" s="119"/>
      <c r="X2061" s="119"/>
      <c r="Y2061" s="119"/>
      <c r="Z2061" s="119"/>
      <c r="AA2061" s="119"/>
      <c r="AB2061" s="119"/>
      <c r="AC2061" s="119"/>
      <c r="AD2061" s="119"/>
      <c r="AE2061" s="119"/>
      <c r="AF2061" s="119"/>
      <c r="AG2061" s="119"/>
      <c r="AH2061" s="119"/>
      <c r="AI2061" s="119"/>
      <c r="AJ2061" s="119"/>
      <c r="AK2061" s="119"/>
      <c r="AL2061" s="119"/>
      <c r="AM2061" s="119"/>
      <c r="AN2061" s="119"/>
      <c r="AO2061" s="119"/>
      <c r="AP2061" s="119"/>
      <c r="AQ2061" s="119"/>
      <c r="AR2061" s="119"/>
      <c r="AS2061" s="119"/>
      <c r="AT2061" s="119"/>
      <c r="AU2061" s="119"/>
      <c r="AV2061" s="119"/>
      <c r="AW2061" s="119"/>
      <c r="AX2061" s="119"/>
      <c r="AY2061" s="119"/>
      <c r="AZ2061" s="119"/>
      <c r="BA2061" s="119"/>
      <c r="BB2061" s="107">
        <v>45884</v>
      </c>
    </row>
    <row r="2062" spans="1:54" s="207" customFormat="1" ht="13.95" customHeight="1" x14ac:dyDescent="0.25">
      <c r="A2062" s="208" t="s">
        <v>4934</v>
      </c>
      <c r="B2062" s="209" t="s">
        <v>20420</v>
      </c>
      <c r="C2062" s="113" t="s">
        <v>4935</v>
      </c>
      <c r="D2062" s="113" t="s">
        <v>23682</v>
      </c>
      <c r="E2062" s="210">
        <v>2000</v>
      </c>
      <c r="F2062" s="210">
        <v>3283</v>
      </c>
      <c r="G2062" s="113" t="s">
        <v>1</v>
      </c>
      <c r="H2062" s="113">
        <v>0</v>
      </c>
      <c r="I2062" s="113">
        <v>0</v>
      </c>
      <c r="J2062" s="115">
        <v>1</v>
      </c>
      <c r="K2062" s="116" t="s">
        <v>174</v>
      </c>
      <c r="L2062" s="115">
        <v>1</v>
      </c>
      <c r="M2062" s="115">
        <v>0</v>
      </c>
      <c r="N2062" s="115">
        <v>1</v>
      </c>
      <c r="O2062" s="115">
        <v>0</v>
      </c>
      <c r="P2062" s="115">
        <v>1</v>
      </c>
      <c r="Q2062" s="115" t="s">
        <v>400</v>
      </c>
      <c r="R2062" s="115">
        <v>0</v>
      </c>
      <c r="S2062" s="115">
        <v>0</v>
      </c>
      <c r="T2062" s="115">
        <v>0</v>
      </c>
      <c r="U2062" s="119"/>
      <c r="V2062" s="119"/>
      <c r="W2062" s="119"/>
      <c r="X2062" s="119"/>
      <c r="Y2062" s="119"/>
      <c r="Z2062" s="119"/>
      <c r="AA2062" s="119"/>
      <c r="AB2062" s="119"/>
      <c r="AC2062" s="119"/>
      <c r="AD2062" s="119"/>
      <c r="AE2062" s="119"/>
      <c r="AF2062" s="119"/>
      <c r="AG2062" s="119"/>
      <c r="AH2062" s="119"/>
      <c r="AI2062" s="119"/>
      <c r="AJ2062" s="119"/>
      <c r="AK2062" s="119"/>
      <c r="AL2062" s="119"/>
      <c r="AM2062" s="119"/>
      <c r="AN2062" s="119"/>
      <c r="AO2062" s="119"/>
      <c r="AP2062" s="119"/>
      <c r="AQ2062" s="119"/>
      <c r="AR2062" s="119"/>
      <c r="AS2062" s="119"/>
      <c r="AT2062" s="119"/>
      <c r="AU2062" s="119"/>
      <c r="AV2062" s="119"/>
      <c r="AW2062" s="119"/>
      <c r="AX2062" s="119"/>
      <c r="AY2062" s="119"/>
      <c r="AZ2062" s="119"/>
      <c r="BA2062" s="119"/>
      <c r="BB2062" s="107">
        <v>45884</v>
      </c>
    </row>
    <row r="2063" spans="1:54" s="207" customFormat="1" ht="13.95" customHeight="1" x14ac:dyDescent="0.25">
      <c r="A2063" s="208" t="s">
        <v>4936</v>
      </c>
      <c r="B2063" s="209" t="s">
        <v>20420</v>
      </c>
      <c r="C2063" s="113" t="s">
        <v>4937</v>
      </c>
      <c r="D2063" s="113" t="s">
        <v>4938</v>
      </c>
      <c r="E2063" s="210">
        <v>1977</v>
      </c>
      <c r="F2063" s="210">
        <v>3291</v>
      </c>
      <c r="G2063" s="113" t="s">
        <v>1</v>
      </c>
      <c r="H2063" s="113">
        <v>0</v>
      </c>
      <c r="I2063" s="113">
        <v>0</v>
      </c>
      <c r="J2063" s="115">
        <v>1</v>
      </c>
      <c r="K2063" s="116" t="s">
        <v>174</v>
      </c>
      <c r="L2063" s="115">
        <v>1</v>
      </c>
      <c r="M2063" s="115">
        <v>0</v>
      </c>
      <c r="N2063" s="115">
        <v>0</v>
      </c>
      <c r="O2063" s="115">
        <v>1</v>
      </c>
      <c r="P2063" s="115">
        <v>1</v>
      </c>
      <c r="Q2063" s="115" t="s">
        <v>400</v>
      </c>
      <c r="R2063" s="115">
        <v>1</v>
      </c>
      <c r="S2063" s="115">
        <v>0</v>
      </c>
      <c r="T2063" s="115">
        <v>0</v>
      </c>
      <c r="U2063" s="119"/>
      <c r="V2063" s="119"/>
      <c r="W2063" s="119"/>
      <c r="X2063" s="119"/>
      <c r="Y2063" s="119"/>
      <c r="Z2063" s="119"/>
      <c r="AA2063" s="119"/>
      <c r="AB2063" s="119"/>
      <c r="AC2063" s="119"/>
      <c r="AD2063" s="119"/>
      <c r="AE2063" s="119"/>
      <c r="AF2063" s="119"/>
      <c r="AG2063" s="119"/>
      <c r="AH2063" s="119"/>
      <c r="AI2063" s="119"/>
      <c r="AJ2063" s="119"/>
      <c r="AK2063" s="119"/>
      <c r="AL2063" s="119"/>
      <c r="AM2063" s="119"/>
      <c r="AN2063" s="119"/>
      <c r="AO2063" s="119"/>
      <c r="AP2063" s="119"/>
      <c r="AQ2063" s="119"/>
      <c r="AR2063" s="119"/>
      <c r="AS2063" s="119"/>
      <c r="AT2063" s="119"/>
      <c r="AU2063" s="119"/>
      <c r="AV2063" s="119"/>
      <c r="AW2063" s="119"/>
      <c r="AX2063" s="119"/>
      <c r="AY2063" s="119"/>
      <c r="AZ2063" s="119"/>
      <c r="BA2063" s="119"/>
      <c r="BB2063" s="107">
        <v>45884</v>
      </c>
    </row>
    <row r="2064" spans="1:54" s="207" customFormat="1" ht="13.95" customHeight="1" x14ac:dyDescent="0.25">
      <c r="A2064" s="208" t="s">
        <v>4939</v>
      </c>
      <c r="B2064" s="209" t="s">
        <v>20420</v>
      </c>
      <c r="C2064" s="113" t="s">
        <v>24460</v>
      </c>
      <c r="D2064" s="113" t="s">
        <v>23683</v>
      </c>
      <c r="E2064" s="210">
        <v>1975</v>
      </c>
      <c r="F2064" s="210">
        <v>3294</v>
      </c>
      <c r="G2064" s="113" t="s">
        <v>1</v>
      </c>
      <c r="H2064" s="113">
        <v>0</v>
      </c>
      <c r="I2064" s="113">
        <v>0</v>
      </c>
      <c r="J2064" s="115">
        <v>1</v>
      </c>
      <c r="K2064" s="211">
        <v>1</v>
      </c>
      <c r="L2064" s="115">
        <v>1</v>
      </c>
      <c r="M2064" s="115">
        <v>0</v>
      </c>
      <c r="N2064" s="115">
        <v>1</v>
      </c>
      <c r="O2064" s="115">
        <v>1</v>
      </c>
      <c r="P2064" s="115">
        <v>1</v>
      </c>
      <c r="Q2064" s="115" t="s">
        <v>400</v>
      </c>
      <c r="R2064" s="115">
        <v>1</v>
      </c>
      <c r="S2064" s="115">
        <v>0</v>
      </c>
      <c r="T2064" s="115">
        <v>0</v>
      </c>
      <c r="U2064" s="119"/>
      <c r="V2064" s="119"/>
      <c r="W2064" s="119"/>
      <c r="X2064" s="119"/>
      <c r="Y2064" s="119"/>
      <c r="Z2064" s="119"/>
      <c r="AA2064" s="119"/>
      <c r="AB2064" s="119"/>
      <c r="AC2064" s="119"/>
      <c r="AD2064" s="119"/>
      <c r="AE2064" s="119"/>
      <c r="AF2064" s="119"/>
      <c r="AG2064" s="119"/>
      <c r="AH2064" s="119"/>
      <c r="AI2064" s="119"/>
      <c r="AJ2064" s="119"/>
      <c r="AK2064" s="119"/>
      <c r="AL2064" s="119"/>
      <c r="AM2064" s="119"/>
      <c r="AN2064" s="119"/>
      <c r="AO2064" s="119"/>
      <c r="AP2064" s="119"/>
      <c r="AQ2064" s="119"/>
      <c r="AR2064" s="119"/>
      <c r="AS2064" s="119"/>
      <c r="AT2064" s="119"/>
      <c r="AU2064" s="119"/>
      <c r="AV2064" s="119"/>
      <c r="AW2064" s="119"/>
      <c r="AX2064" s="119"/>
      <c r="AY2064" s="119"/>
      <c r="AZ2064" s="119"/>
      <c r="BA2064" s="119"/>
      <c r="BB2064" s="107">
        <v>45884</v>
      </c>
    </row>
    <row r="2065" spans="1:54" s="207" customFormat="1" ht="13.95" customHeight="1" x14ac:dyDescent="0.25">
      <c r="A2065" s="208" t="s">
        <v>4940</v>
      </c>
      <c r="B2065" s="209" t="s">
        <v>20420</v>
      </c>
      <c r="C2065" s="113" t="s">
        <v>4941</v>
      </c>
      <c r="D2065" s="113" t="s">
        <v>23684</v>
      </c>
      <c r="E2065" s="210">
        <v>1982</v>
      </c>
      <c r="F2065" s="210">
        <v>3299</v>
      </c>
      <c r="G2065" s="113" t="s">
        <v>1</v>
      </c>
      <c r="H2065" s="113">
        <v>0</v>
      </c>
      <c r="I2065" s="113">
        <v>0</v>
      </c>
      <c r="J2065" s="115">
        <v>1</v>
      </c>
      <c r="K2065" s="116" t="s">
        <v>174</v>
      </c>
      <c r="L2065" s="115">
        <v>0</v>
      </c>
      <c r="M2065" s="115">
        <v>0</v>
      </c>
      <c r="N2065" s="115">
        <v>1</v>
      </c>
      <c r="O2065" s="115">
        <v>1</v>
      </c>
      <c r="P2065" s="115" t="s">
        <v>400</v>
      </c>
      <c r="Q2065" s="115" t="s">
        <v>400</v>
      </c>
      <c r="R2065" s="115">
        <v>1</v>
      </c>
      <c r="S2065" s="115">
        <v>0</v>
      </c>
      <c r="T2065" s="115">
        <v>0</v>
      </c>
      <c r="U2065" s="119"/>
      <c r="V2065" s="119"/>
      <c r="W2065" s="119"/>
      <c r="X2065" s="119"/>
      <c r="Y2065" s="119"/>
      <c r="Z2065" s="119"/>
      <c r="AA2065" s="119"/>
      <c r="AB2065" s="119"/>
      <c r="AC2065" s="119"/>
      <c r="AD2065" s="119"/>
      <c r="AE2065" s="119"/>
      <c r="AF2065" s="119"/>
      <c r="AG2065" s="119"/>
      <c r="AH2065" s="119"/>
      <c r="AI2065" s="119"/>
      <c r="AJ2065" s="119"/>
      <c r="AK2065" s="119"/>
      <c r="AL2065" s="119"/>
      <c r="AM2065" s="119"/>
      <c r="AN2065" s="119"/>
      <c r="AO2065" s="119"/>
      <c r="AP2065" s="119"/>
      <c r="AQ2065" s="119"/>
      <c r="AR2065" s="119"/>
      <c r="AS2065" s="119"/>
      <c r="AT2065" s="119"/>
      <c r="AU2065" s="119"/>
      <c r="AV2065" s="119"/>
      <c r="AW2065" s="119"/>
      <c r="AX2065" s="119"/>
      <c r="AY2065" s="119"/>
      <c r="AZ2065" s="119"/>
      <c r="BA2065" s="119"/>
      <c r="BB2065" s="107">
        <v>45884</v>
      </c>
    </row>
    <row r="2066" spans="1:54" s="207" customFormat="1" ht="13.95" customHeight="1" x14ac:dyDescent="0.25">
      <c r="A2066" s="208" t="s">
        <v>4942</v>
      </c>
      <c r="B2066" s="209" t="s">
        <v>20420</v>
      </c>
      <c r="C2066" s="113" t="s">
        <v>4943</v>
      </c>
      <c r="D2066" s="113" t="s">
        <v>23685</v>
      </c>
      <c r="E2066" s="210">
        <v>1994</v>
      </c>
      <c r="F2066" s="210">
        <v>3299</v>
      </c>
      <c r="G2066" s="113" t="s">
        <v>1</v>
      </c>
      <c r="H2066" s="113">
        <v>0</v>
      </c>
      <c r="I2066" s="113">
        <v>0</v>
      </c>
      <c r="J2066" s="115">
        <v>1</v>
      </c>
      <c r="K2066" s="116" t="s">
        <v>174</v>
      </c>
      <c r="L2066" s="115">
        <v>0</v>
      </c>
      <c r="M2066" s="115">
        <v>0</v>
      </c>
      <c r="N2066" s="115">
        <v>0</v>
      </c>
      <c r="O2066" s="115">
        <v>1</v>
      </c>
      <c r="P2066" s="115">
        <v>1</v>
      </c>
      <c r="Q2066" s="115" t="s">
        <v>400</v>
      </c>
      <c r="R2066" s="115">
        <v>1</v>
      </c>
      <c r="S2066" s="115">
        <v>0</v>
      </c>
      <c r="T2066" s="115">
        <v>0</v>
      </c>
      <c r="U2066" s="119"/>
      <c r="V2066" s="119"/>
      <c r="W2066" s="119"/>
      <c r="X2066" s="119"/>
      <c r="Y2066" s="119"/>
      <c r="Z2066" s="119"/>
      <c r="AA2066" s="119"/>
      <c r="AB2066" s="119"/>
      <c r="AC2066" s="119"/>
      <c r="AD2066" s="119"/>
      <c r="AE2066" s="119"/>
      <c r="AF2066" s="119"/>
      <c r="AG2066" s="119"/>
      <c r="AH2066" s="119"/>
      <c r="AI2066" s="119"/>
      <c r="AJ2066" s="119"/>
      <c r="AK2066" s="119"/>
      <c r="AL2066" s="119"/>
      <c r="AM2066" s="119"/>
      <c r="AN2066" s="119"/>
      <c r="AO2066" s="119"/>
      <c r="AP2066" s="119"/>
      <c r="AQ2066" s="119"/>
      <c r="AR2066" s="119"/>
      <c r="AS2066" s="119"/>
      <c r="AT2066" s="119"/>
      <c r="AU2066" s="119"/>
      <c r="AV2066" s="119"/>
      <c r="AW2066" s="119"/>
      <c r="AX2066" s="119"/>
      <c r="AY2066" s="119"/>
      <c r="AZ2066" s="119"/>
      <c r="BA2066" s="119"/>
      <c r="BB2066" s="107">
        <v>45884</v>
      </c>
    </row>
    <row r="2067" spans="1:54" s="207" customFormat="1" ht="13.95" customHeight="1" x14ac:dyDescent="0.25">
      <c r="A2067" s="208" t="s">
        <v>4944</v>
      </c>
      <c r="B2067" s="209" t="s">
        <v>20420</v>
      </c>
      <c r="C2067" s="113" t="s">
        <v>4945</v>
      </c>
      <c r="D2067" s="113" t="s">
        <v>4946</v>
      </c>
      <c r="E2067" s="210">
        <v>1980</v>
      </c>
      <c r="F2067" s="210">
        <v>3306</v>
      </c>
      <c r="G2067" s="113" t="s">
        <v>1</v>
      </c>
      <c r="H2067" s="113">
        <v>0</v>
      </c>
      <c r="I2067" s="113">
        <v>0</v>
      </c>
      <c r="J2067" s="115">
        <v>1</v>
      </c>
      <c r="K2067" s="211">
        <v>1</v>
      </c>
      <c r="L2067" s="115">
        <v>1</v>
      </c>
      <c r="M2067" s="115">
        <v>0</v>
      </c>
      <c r="N2067" s="115">
        <v>0</v>
      </c>
      <c r="O2067" s="115">
        <v>1</v>
      </c>
      <c r="P2067" s="115">
        <v>1</v>
      </c>
      <c r="Q2067" s="115" t="s">
        <v>400</v>
      </c>
      <c r="R2067" s="115">
        <v>1</v>
      </c>
      <c r="S2067" s="115">
        <v>0</v>
      </c>
      <c r="T2067" s="115">
        <v>0</v>
      </c>
      <c r="U2067" s="119"/>
      <c r="V2067" s="119"/>
      <c r="W2067" s="119"/>
      <c r="X2067" s="119"/>
      <c r="Y2067" s="119"/>
      <c r="Z2067" s="119"/>
      <c r="AA2067" s="119"/>
      <c r="AB2067" s="119"/>
      <c r="AC2067" s="119"/>
      <c r="AD2067" s="119"/>
      <c r="AE2067" s="119"/>
      <c r="AF2067" s="119"/>
      <c r="AG2067" s="119"/>
      <c r="AH2067" s="119"/>
      <c r="AI2067" s="119"/>
      <c r="AJ2067" s="119"/>
      <c r="AK2067" s="119"/>
      <c r="AL2067" s="119"/>
      <c r="AM2067" s="119"/>
      <c r="AN2067" s="119"/>
      <c r="AO2067" s="119"/>
      <c r="AP2067" s="119"/>
      <c r="AQ2067" s="119"/>
      <c r="AR2067" s="119"/>
      <c r="AS2067" s="119"/>
      <c r="AT2067" s="119"/>
      <c r="AU2067" s="119"/>
      <c r="AV2067" s="119"/>
      <c r="AW2067" s="119"/>
      <c r="AX2067" s="119"/>
      <c r="AY2067" s="119"/>
      <c r="AZ2067" s="119"/>
      <c r="BA2067" s="119"/>
      <c r="BB2067" s="107">
        <v>45884</v>
      </c>
    </row>
    <row r="2068" spans="1:54" s="207" customFormat="1" ht="13.95" customHeight="1" x14ac:dyDescent="0.25">
      <c r="A2068" s="208" t="s">
        <v>4947</v>
      </c>
      <c r="B2068" s="209" t="s">
        <v>20420</v>
      </c>
      <c r="C2068" s="113" t="s">
        <v>4948</v>
      </c>
      <c r="D2068" s="113" t="s">
        <v>23686</v>
      </c>
      <c r="E2068" s="210">
        <v>1965</v>
      </c>
      <c r="F2068" s="210">
        <v>3310</v>
      </c>
      <c r="G2068" s="113" t="s">
        <v>1</v>
      </c>
      <c r="H2068" s="113">
        <v>0</v>
      </c>
      <c r="I2068" s="113">
        <v>0</v>
      </c>
      <c r="J2068" s="115">
        <v>1</v>
      </c>
      <c r="K2068" s="116" t="s">
        <v>174</v>
      </c>
      <c r="L2068" s="115">
        <v>0</v>
      </c>
      <c r="M2068" s="115">
        <v>1</v>
      </c>
      <c r="N2068" s="115">
        <v>1</v>
      </c>
      <c r="O2068" s="115">
        <v>1</v>
      </c>
      <c r="P2068" s="115" t="s">
        <v>400</v>
      </c>
      <c r="Q2068" s="115" t="s">
        <v>400</v>
      </c>
      <c r="R2068" s="115">
        <v>0</v>
      </c>
      <c r="S2068" s="115">
        <v>0</v>
      </c>
      <c r="T2068" s="115">
        <v>0</v>
      </c>
      <c r="U2068" s="119"/>
      <c r="V2068" s="119"/>
      <c r="W2068" s="119"/>
      <c r="X2068" s="119"/>
      <c r="Y2068" s="119"/>
      <c r="Z2068" s="119"/>
      <c r="AA2068" s="119"/>
      <c r="AB2068" s="119"/>
      <c r="AC2068" s="119"/>
      <c r="AD2068" s="119"/>
      <c r="AE2068" s="119"/>
      <c r="AF2068" s="122">
        <v>1</v>
      </c>
      <c r="AG2068" s="119"/>
      <c r="AH2068" s="119"/>
      <c r="AI2068" s="119"/>
      <c r="AJ2068" s="119"/>
      <c r="AK2068" s="119"/>
      <c r="AL2068" s="119"/>
      <c r="AM2068" s="119"/>
      <c r="AN2068" s="119"/>
      <c r="AO2068" s="119"/>
      <c r="AP2068" s="119"/>
      <c r="AQ2068" s="119"/>
      <c r="AR2068" s="119"/>
      <c r="AS2068" s="119"/>
      <c r="AT2068" s="119"/>
      <c r="AU2068" s="119"/>
      <c r="AV2068" s="119"/>
      <c r="AW2068" s="119"/>
      <c r="AX2068" s="119"/>
      <c r="AY2068" s="119"/>
      <c r="AZ2068" s="123" t="s">
        <v>23203</v>
      </c>
      <c r="BA2068" s="122" t="s">
        <v>19478</v>
      </c>
      <c r="BB2068" s="107">
        <v>45884</v>
      </c>
    </row>
    <row r="2069" spans="1:54" s="207" customFormat="1" ht="13.95" customHeight="1" x14ac:dyDescent="0.25">
      <c r="A2069" s="208" t="s">
        <v>4949</v>
      </c>
      <c r="B2069" s="209" t="s">
        <v>20420</v>
      </c>
      <c r="C2069" s="113" t="s">
        <v>4950</v>
      </c>
      <c r="D2069" s="113" t="s">
        <v>23687</v>
      </c>
      <c r="E2069" s="210">
        <v>1991</v>
      </c>
      <c r="F2069" s="210">
        <v>3324</v>
      </c>
      <c r="G2069" s="113" t="s">
        <v>1</v>
      </c>
      <c r="H2069" s="113">
        <v>1</v>
      </c>
      <c r="I2069" s="113">
        <v>0</v>
      </c>
      <c r="J2069" s="115">
        <v>1</v>
      </c>
      <c r="K2069" s="116" t="s">
        <v>174</v>
      </c>
      <c r="L2069" s="115">
        <v>0</v>
      </c>
      <c r="M2069" s="115">
        <v>1</v>
      </c>
      <c r="N2069" s="115">
        <v>0</v>
      </c>
      <c r="O2069" s="115">
        <v>0</v>
      </c>
      <c r="P2069" s="115" t="s">
        <v>400</v>
      </c>
      <c r="Q2069" s="115" t="s">
        <v>400</v>
      </c>
      <c r="R2069" s="115">
        <v>0</v>
      </c>
      <c r="S2069" s="115">
        <v>0</v>
      </c>
      <c r="T2069" s="115">
        <v>0</v>
      </c>
      <c r="U2069" s="119"/>
      <c r="V2069" s="119"/>
      <c r="W2069" s="119"/>
      <c r="X2069" s="119"/>
      <c r="Y2069" s="119"/>
      <c r="Z2069" s="119"/>
      <c r="AA2069" s="119"/>
      <c r="AB2069" s="119"/>
      <c r="AC2069" s="119"/>
      <c r="AD2069" s="119"/>
      <c r="AE2069" s="119"/>
      <c r="AF2069" s="119"/>
      <c r="AG2069" s="119"/>
      <c r="AH2069" s="119"/>
      <c r="AI2069" s="119"/>
      <c r="AJ2069" s="119"/>
      <c r="AK2069" s="119"/>
      <c r="AL2069" s="119"/>
      <c r="AM2069" s="119"/>
      <c r="AN2069" s="119"/>
      <c r="AO2069" s="119"/>
      <c r="AP2069" s="119"/>
      <c r="AQ2069" s="119"/>
      <c r="AR2069" s="119"/>
      <c r="AS2069" s="119"/>
      <c r="AT2069" s="119"/>
      <c r="AU2069" s="119"/>
      <c r="AV2069" s="119"/>
      <c r="AW2069" s="119"/>
      <c r="AX2069" s="119"/>
      <c r="AY2069" s="119"/>
      <c r="AZ2069" s="119"/>
      <c r="BA2069" s="119"/>
      <c r="BB2069" s="107">
        <v>45884</v>
      </c>
    </row>
    <row r="2070" spans="1:54" s="207" customFormat="1" ht="13.95" customHeight="1" x14ac:dyDescent="0.25">
      <c r="A2070" s="208" t="s">
        <v>4951</v>
      </c>
      <c r="B2070" s="209" t="s">
        <v>20420</v>
      </c>
      <c r="C2070" s="113" t="s">
        <v>4952</v>
      </c>
      <c r="D2070" s="113" t="s">
        <v>4953</v>
      </c>
      <c r="E2070" s="210">
        <v>1984</v>
      </c>
      <c r="F2070" s="210">
        <v>3332</v>
      </c>
      <c r="G2070" s="113" t="s">
        <v>1</v>
      </c>
      <c r="H2070" s="113">
        <v>0</v>
      </c>
      <c r="I2070" s="113">
        <v>0</v>
      </c>
      <c r="J2070" s="115">
        <v>1</v>
      </c>
      <c r="K2070" s="116" t="s">
        <v>174</v>
      </c>
      <c r="L2070" s="115">
        <v>0</v>
      </c>
      <c r="M2070" s="115">
        <v>0</v>
      </c>
      <c r="N2070" s="115">
        <v>0</v>
      </c>
      <c r="O2070" s="115">
        <v>1</v>
      </c>
      <c r="P2070" s="115">
        <v>1</v>
      </c>
      <c r="Q2070" s="115" t="s">
        <v>400</v>
      </c>
      <c r="R2070" s="115">
        <v>0</v>
      </c>
      <c r="S2070" s="115">
        <v>1</v>
      </c>
      <c r="T2070" s="115">
        <v>0</v>
      </c>
      <c r="U2070" s="119"/>
      <c r="V2070" s="119"/>
      <c r="W2070" s="119"/>
      <c r="X2070" s="119"/>
      <c r="Y2070" s="119"/>
      <c r="Z2070" s="119"/>
      <c r="AA2070" s="119"/>
      <c r="AB2070" s="119"/>
      <c r="AC2070" s="119"/>
      <c r="AD2070" s="119"/>
      <c r="AE2070" s="119"/>
      <c r="AF2070" s="119"/>
      <c r="AG2070" s="119"/>
      <c r="AH2070" s="119"/>
      <c r="AI2070" s="119"/>
      <c r="AJ2070" s="119"/>
      <c r="AK2070" s="119"/>
      <c r="AL2070" s="119"/>
      <c r="AM2070" s="119"/>
      <c r="AN2070" s="119"/>
      <c r="AO2070" s="119"/>
      <c r="AP2070" s="119"/>
      <c r="AQ2070" s="119"/>
      <c r="AR2070" s="119"/>
      <c r="AS2070" s="119"/>
      <c r="AT2070" s="119"/>
      <c r="AU2070" s="119"/>
      <c r="AV2070" s="119"/>
      <c r="AW2070" s="119"/>
      <c r="AX2070" s="119"/>
      <c r="AY2070" s="119"/>
      <c r="AZ2070" s="119"/>
      <c r="BA2070" s="119"/>
      <c r="BB2070" s="107">
        <v>45884</v>
      </c>
    </row>
    <row r="2071" spans="1:54" s="207" customFormat="1" ht="13.95" customHeight="1" x14ac:dyDescent="0.25">
      <c r="A2071" s="208" t="s">
        <v>4954</v>
      </c>
      <c r="B2071" s="209" t="s">
        <v>20420</v>
      </c>
      <c r="C2071" s="113" t="s">
        <v>4955</v>
      </c>
      <c r="D2071" s="113" t="s">
        <v>4956</v>
      </c>
      <c r="E2071" s="210">
        <v>1972</v>
      </c>
      <c r="F2071" s="210">
        <v>3334</v>
      </c>
      <c r="G2071" s="113" t="s">
        <v>1</v>
      </c>
      <c r="H2071" s="113">
        <v>0</v>
      </c>
      <c r="I2071" s="113">
        <v>0</v>
      </c>
      <c r="J2071" s="115">
        <v>1</v>
      </c>
      <c r="K2071" s="211">
        <v>1</v>
      </c>
      <c r="L2071" s="115">
        <v>1</v>
      </c>
      <c r="M2071" s="115">
        <v>0</v>
      </c>
      <c r="N2071" s="115">
        <v>1</v>
      </c>
      <c r="O2071" s="115">
        <v>1</v>
      </c>
      <c r="P2071" s="115">
        <v>1</v>
      </c>
      <c r="Q2071" s="115" t="s">
        <v>400</v>
      </c>
      <c r="R2071" s="115">
        <v>1</v>
      </c>
      <c r="S2071" s="115">
        <v>0</v>
      </c>
      <c r="T2071" s="115">
        <v>0</v>
      </c>
      <c r="U2071" s="119"/>
      <c r="V2071" s="119"/>
      <c r="W2071" s="119"/>
      <c r="X2071" s="119"/>
      <c r="Y2071" s="119"/>
      <c r="Z2071" s="119"/>
      <c r="AA2071" s="119"/>
      <c r="AB2071" s="119"/>
      <c r="AC2071" s="119"/>
      <c r="AD2071" s="119"/>
      <c r="AE2071" s="119"/>
      <c r="AF2071" s="119"/>
      <c r="AG2071" s="119"/>
      <c r="AH2071" s="119"/>
      <c r="AI2071" s="119"/>
      <c r="AJ2071" s="119"/>
      <c r="AK2071" s="119"/>
      <c r="AL2071" s="119"/>
      <c r="AM2071" s="119"/>
      <c r="AN2071" s="119"/>
      <c r="AO2071" s="119"/>
      <c r="AP2071" s="119"/>
      <c r="AQ2071" s="119"/>
      <c r="AR2071" s="119"/>
      <c r="AS2071" s="119"/>
      <c r="AT2071" s="119"/>
      <c r="AU2071" s="119"/>
      <c r="AV2071" s="119"/>
      <c r="AW2071" s="119"/>
      <c r="AX2071" s="119"/>
      <c r="AY2071" s="119"/>
      <c r="AZ2071" s="119"/>
      <c r="BA2071" s="119"/>
      <c r="BB2071" s="107">
        <v>45884</v>
      </c>
    </row>
    <row r="2072" spans="1:54" s="207" customFormat="1" ht="13.95" customHeight="1" x14ac:dyDescent="0.25">
      <c r="A2072" s="208" t="s">
        <v>4957</v>
      </c>
      <c r="B2072" s="209" t="s">
        <v>20420</v>
      </c>
      <c r="C2072" s="113" t="s">
        <v>4958</v>
      </c>
      <c r="D2072" s="113" t="s">
        <v>4959</v>
      </c>
      <c r="E2072" s="210">
        <v>1987</v>
      </c>
      <c r="F2072" s="210">
        <v>3335</v>
      </c>
      <c r="G2072" s="113" t="s">
        <v>1</v>
      </c>
      <c r="H2072" s="113">
        <v>0</v>
      </c>
      <c r="I2072" s="113">
        <v>0</v>
      </c>
      <c r="J2072" s="115">
        <v>1</v>
      </c>
      <c r="K2072" s="211">
        <v>1</v>
      </c>
      <c r="L2072" s="115">
        <v>1</v>
      </c>
      <c r="M2072" s="115">
        <v>1</v>
      </c>
      <c r="N2072" s="115">
        <v>0</v>
      </c>
      <c r="O2072" s="115">
        <v>1</v>
      </c>
      <c r="P2072" s="115" t="s">
        <v>400</v>
      </c>
      <c r="Q2072" s="115" t="s">
        <v>400</v>
      </c>
      <c r="R2072" s="115">
        <v>0</v>
      </c>
      <c r="S2072" s="115">
        <v>0</v>
      </c>
      <c r="T2072" s="115">
        <v>0</v>
      </c>
      <c r="U2072" s="119"/>
      <c r="V2072" s="119"/>
      <c r="W2072" s="119"/>
      <c r="X2072" s="119"/>
      <c r="Y2072" s="119"/>
      <c r="Z2072" s="119"/>
      <c r="AA2072" s="119"/>
      <c r="AB2072" s="119"/>
      <c r="AC2072" s="119"/>
      <c r="AD2072" s="119"/>
      <c r="AE2072" s="119"/>
      <c r="AF2072" s="119"/>
      <c r="AG2072" s="119"/>
      <c r="AH2072" s="119"/>
      <c r="AI2072" s="119"/>
      <c r="AJ2072" s="119"/>
      <c r="AK2072" s="119"/>
      <c r="AL2072" s="119"/>
      <c r="AM2072" s="119"/>
      <c r="AN2072" s="119"/>
      <c r="AO2072" s="119"/>
      <c r="AP2072" s="119"/>
      <c r="AQ2072" s="119"/>
      <c r="AR2072" s="119"/>
      <c r="AS2072" s="119"/>
      <c r="AT2072" s="119"/>
      <c r="AU2072" s="119"/>
      <c r="AV2072" s="119"/>
      <c r="AW2072" s="119"/>
      <c r="AX2072" s="119"/>
      <c r="AY2072" s="119"/>
      <c r="AZ2072" s="119"/>
      <c r="BA2072" s="119"/>
      <c r="BB2072" s="107">
        <v>45884</v>
      </c>
    </row>
    <row r="2073" spans="1:54" s="207" customFormat="1" ht="13.95" customHeight="1" x14ac:dyDescent="0.25">
      <c r="A2073" s="208" t="s">
        <v>4960</v>
      </c>
      <c r="B2073" s="209" t="s">
        <v>20420</v>
      </c>
      <c r="C2073" s="113" t="s">
        <v>4961</v>
      </c>
      <c r="D2073" s="113" t="s">
        <v>23688</v>
      </c>
      <c r="E2073" s="210">
        <v>1980</v>
      </c>
      <c r="F2073" s="210">
        <v>3340</v>
      </c>
      <c r="G2073" s="113" t="s">
        <v>1</v>
      </c>
      <c r="H2073" s="113">
        <v>0</v>
      </c>
      <c r="I2073" s="113">
        <v>0</v>
      </c>
      <c r="J2073" s="115">
        <v>1</v>
      </c>
      <c r="K2073" s="211">
        <v>1</v>
      </c>
      <c r="L2073" s="115">
        <v>0</v>
      </c>
      <c r="M2073" s="115">
        <v>0</v>
      </c>
      <c r="N2073" s="115">
        <v>1</v>
      </c>
      <c r="O2073" s="115">
        <v>0</v>
      </c>
      <c r="P2073" s="115">
        <v>1</v>
      </c>
      <c r="Q2073" s="115" t="s">
        <v>400</v>
      </c>
      <c r="R2073" s="115">
        <v>0</v>
      </c>
      <c r="S2073" s="115">
        <v>0</v>
      </c>
      <c r="T2073" s="115">
        <v>0</v>
      </c>
      <c r="U2073" s="119"/>
      <c r="V2073" s="119"/>
      <c r="W2073" s="119"/>
      <c r="X2073" s="119"/>
      <c r="Y2073" s="119"/>
      <c r="Z2073" s="119"/>
      <c r="AA2073" s="119"/>
      <c r="AB2073" s="119"/>
      <c r="AC2073" s="119"/>
      <c r="AD2073" s="119"/>
      <c r="AE2073" s="119"/>
      <c r="AF2073" s="119"/>
      <c r="AG2073" s="119"/>
      <c r="AH2073" s="119"/>
      <c r="AI2073" s="119"/>
      <c r="AJ2073" s="119"/>
      <c r="AK2073" s="119"/>
      <c r="AL2073" s="119"/>
      <c r="AM2073" s="119"/>
      <c r="AN2073" s="119"/>
      <c r="AO2073" s="119"/>
      <c r="AP2073" s="119"/>
      <c r="AQ2073" s="119"/>
      <c r="AR2073" s="119"/>
      <c r="AS2073" s="119"/>
      <c r="AT2073" s="119"/>
      <c r="AU2073" s="119"/>
      <c r="AV2073" s="119"/>
      <c r="AW2073" s="119"/>
      <c r="AX2073" s="119"/>
      <c r="AY2073" s="119"/>
      <c r="AZ2073" s="119"/>
      <c r="BA2073" s="119"/>
      <c r="BB2073" s="107">
        <v>45884</v>
      </c>
    </row>
    <row r="2074" spans="1:54" s="207" customFormat="1" ht="13.95" customHeight="1" x14ac:dyDescent="0.25">
      <c r="A2074" s="208" t="s">
        <v>4962</v>
      </c>
      <c r="B2074" s="209" t="s">
        <v>20420</v>
      </c>
      <c r="C2074" s="113" t="s">
        <v>4963</v>
      </c>
      <c r="D2074" s="113" t="s">
        <v>4964</v>
      </c>
      <c r="E2074" s="210">
        <v>1991</v>
      </c>
      <c r="F2074" s="210">
        <v>3343</v>
      </c>
      <c r="G2074" s="113" t="s">
        <v>1</v>
      </c>
      <c r="H2074" s="113">
        <v>0</v>
      </c>
      <c r="I2074" s="113">
        <v>0</v>
      </c>
      <c r="J2074" s="115">
        <v>1</v>
      </c>
      <c r="K2074" s="116" t="s">
        <v>174</v>
      </c>
      <c r="L2074" s="115">
        <v>1</v>
      </c>
      <c r="M2074" s="115">
        <v>0</v>
      </c>
      <c r="N2074" s="115">
        <v>0</v>
      </c>
      <c r="O2074" s="115">
        <v>1</v>
      </c>
      <c r="P2074" s="115">
        <v>1</v>
      </c>
      <c r="Q2074" s="115" t="s">
        <v>400</v>
      </c>
      <c r="R2074" s="115">
        <v>1</v>
      </c>
      <c r="S2074" s="115">
        <v>0</v>
      </c>
      <c r="T2074" s="115">
        <v>0</v>
      </c>
      <c r="U2074" s="119"/>
      <c r="V2074" s="119"/>
      <c r="W2074" s="119"/>
      <c r="X2074" s="119"/>
      <c r="Y2074" s="119"/>
      <c r="Z2074" s="119"/>
      <c r="AA2074" s="119"/>
      <c r="AB2074" s="119"/>
      <c r="AC2074" s="119"/>
      <c r="AD2074" s="119"/>
      <c r="AE2074" s="119"/>
      <c r="AF2074" s="119"/>
      <c r="AG2074" s="119"/>
      <c r="AH2074" s="119"/>
      <c r="AI2074" s="119"/>
      <c r="AJ2074" s="119"/>
      <c r="AK2074" s="119"/>
      <c r="AL2074" s="119"/>
      <c r="AM2074" s="119"/>
      <c r="AN2074" s="119"/>
      <c r="AO2074" s="119"/>
      <c r="AP2074" s="119"/>
      <c r="AQ2074" s="119"/>
      <c r="AR2074" s="119"/>
      <c r="AS2074" s="119"/>
      <c r="AT2074" s="119"/>
      <c r="AU2074" s="119"/>
      <c r="AV2074" s="119"/>
      <c r="AW2074" s="119"/>
      <c r="AX2074" s="119"/>
      <c r="AY2074" s="119"/>
      <c r="AZ2074" s="119"/>
      <c r="BA2074" s="119"/>
      <c r="BB2074" s="107">
        <v>45884</v>
      </c>
    </row>
    <row r="2075" spans="1:54" s="207" customFormat="1" ht="13.95" customHeight="1" x14ac:dyDescent="0.25">
      <c r="A2075" s="208" t="s">
        <v>4965</v>
      </c>
      <c r="B2075" s="209" t="s">
        <v>20420</v>
      </c>
      <c r="C2075" s="113" t="s">
        <v>4966</v>
      </c>
      <c r="D2075" s="113" t="s">
        <v>23689</v>
      </c>
      <c r="E2075" s="210">
        <v>2001</v>
      </c>
      <c r="F2075" s="210">
        <v>3350</v>
      </c>
      <c r="G2075" s="113" t="s">
        <v>1</v>
      </c>
      <c r="H2075" s="113">
        <v>0</v>
      </c>
      <c r="I2075" s="113">
        <v>0</v>
      </c>
      <c r="J2075" s="115">
        <v>1</v>
      </c>
      <c r="K2075" s="116" t="s">
        <v>174</v>
      </c>
      <c r="L2075" s="115">
        <v>0</v>
      </c>
      <c r="M2075" s="115">
        <v>0</v>
      </c>
      <c r="N2075" s="115">
        <v>0</v>
      </c>
      <c r="O2075" s="115">
        <v>0</v>
      </c>
      <c r="P2075" s="115" t="s">
        <v>400</v>
      </c>
      <c r="Q2075" s="115" t="s">
        <v>400</v>
      </c>
      <c r="R2075" s="115">
        <v>0</v>
      </c>
      <c r="S2075" s="115">
        <v>0</v>
      </c>
      <c r="T2075" s="115">
        <v>0</v>
      </c>
      <c r="U2075" s="119"/>
      <c r="V2075" s="119"/>
      <c r="W2075" s="119"/>
      <c r="X2075" s="119"/>
      <c r="Y2075" s="119"/>
      <c r="Z2075" s="119"/>
      <c r="AA2075" s="119"/>
      <c r="AB2075" s="119"/>
      <c r="AC2075" s="119"/>
      <c r="AD2075" s="119"/>
      <c r="AE2075" s="119"/>
      <c r="AF2075" s="119"/>
      <c r="AG2075" s="119"/>
      <c r="AH2075" s="119"/>
      <c r="AI2075" s="119"/>
      <c r="AJ2075" s="119"/>
      <c r="AK2075" s="119"/>
      <c r="AL2075" s="119"/>
      <c r="AM2075" s="119"/>
      <c r="AN2075" s="119"/>
      <c r="AO2075" s="119"/>
      <c r="AP2075" s="119"/>
      <c r="AQ2075" s="119"/>
      <c r="AR2075" s="119"/>
      <c r="AS2075" s="119"/>
      <c r="AT2075" s="119"/>
      <c r="AU2075" s="119"/>
      <c r="AV2075" s="119"/>
      <c r="AW2075" s="119"/>
      <c r="AX2075" s="119"/>
      <c r="AY2075" s="119"/>
      <c r="AZ2075" s="119"/>
      <c r="BA2075" s="119"/>
      <c r="BB2075" s="107">
        <v>45884</v>
      </c>
    </row>
    <row r="2076" spans="1:54" s="207" customFormat="1" ht="13.95" customHeight="1" x14ac:dyDescent="0.25">
      <c r="A2076" s="208" t="s">
        <v>4967</v>
      </c>
      <c r="B2076" s="209" t="s">
        <v>20420</v>
      </c>
      <c r="C2076" s="113" t="s">
        <v>4968</v>
      </c>
      <c r="D2076" s="113" t="s">
        <v>4969</v>
      </c>
      <c r="E2076" s="210">
        <v>1965</v>
      </c>
      <c r="F2076" s="210">
        <v>3357</v>
      </c>
      <c r="G2076" s="113" t="s">
        <v>1</v>
      </c>
      <c r="H2076" s="113">
        <v>0</v>
      </c>
      <c r="I2076" s="113">
        <v>0</v>
      </c>
      <c r="J2076" s="115">
        <v>1</v>
      </c>
      <c r="K2076" s="116" t="s">
        <v>174</v>
      </c>
      <c r="L2076" s="115">
        <v>0</v>
      </c>
      <c r="M2076" s="115">
        <v>0</v>
      </c>
      <c r="N2076" s="115">
        <v>0</v>
      </c>
      <c r="O2076" s="115">
        <v>0</v>
      </c>
      <c r="P2076" s="115" t="s">
        <v>400</v>
      </c>
      <c r="Q2076" s="115" t="s">
        <v>400</v>
      </c>
      <c r="R2076" s="115">
        <v>0</v>
      </c>
      <c r="S2076" s="115">
        <v>0</v>
      </c>
      <c r="T2076" s="115">
        <v>0</v>
      </c>
      <c r="U2076" s="119"/>
      <c r="V2076" s="119"/>
      <c r="W2076" s="119"/>
      <c r="X2076" s="119"/>
      <c r="Y2076" s="119"/>
      <c r="Z2076" s="119"/>
      <c r="AA2076" s="119"/>
      <c r="AB2076" s="119"/>
      <c r="AC2076" s="119"/>
      <c r="AD2076" s="119"/>
      <c r="AE2076" s="119"/>
      <c r="AF2076" s="119"/>
      <c r="AG2076" s="119"/>
      <c r="AH2076" s="119"/>
      <c r="AI2076" s="119"/>
      <c r="AJ2076" s="119"/>
      <c r="AK2076" s="119"/>
      <c r="AL2076" s="119"/>
      <c r="AM2076" s="119"/>
      <c r="AN2076" s="119"/>
      <c r="AO2076" s="119"/>
      <c r="AP2076" s="119"/>
      <c r="AQ2076" s="119"/>
      <c r="AR2076" s="119"/>
      <c r="AS2076" s="119"/>
      <c r="AT2076" s="119"/>
      <c r="AU2076" s="119"/>
      <c r="AV2076" s="119"/>
      <c r="AW2076" s="119"/>
      <c r="AX2076" s="119"/>
      <c r="AY2076" s="119"/>
      <c r="AZ2076" s="119"/>
      <c r="BA2076" s="119"/>
      <c r="BB2076" s="107">
        <v>45884</v>
      </c>
    </row>
    <row r="2077" spans="1:54" s="207" customFormat="1" ht="13.95" customHeight="1" x14ac:dyDescent="0.25">
      <c r="A2077" s="208" t="s">
        <v>4970</v>
      </c>
      <c r="B2077" s="209" t="s">
        <v>20420</v>
      </c>
      <c r="C2077" s="113" t="s">
        <v>4971</v>
      </c>
      <c r="D2077" s="113" t="s">
        <v>23690</v>
      </c>
      <c r="E2077" s="210">
        <v>1968</v>
      </c>
      <c r="F2077" s="210">
        <v>3365</v>
      </c>
      <c r="G2077" s="113" t="s">
        <v>1</v>
      </c>
      <c r="H2077" s="113">
        <v>1</v>
      </c>
      <c r="I2077" s="113">
        <v>1</v>
      </c>
      <c r="J2077" s="115">
        <v>1</v>
      </c>
      <c r="K2077" s="211">
        <v>1</v>
      </c>
      <c r="L2077" s="115">
        <v>1</v>
      </c>
      <c r="M2077" s="115">
        <v>1</v>
      </c>
      <c r="N2077" s="115">
        <v>1</v>
      </c>
      <c r="O2077" s="115">
        <v>1</v>
      </c>
      <c r="P2077" s="115" t="s">
        <v>400</v>
      </c>
      <c r="Q2077" s="115" t="s">
        <v>400</v>
      </c>
      <c r="R2077" s="115">
        <v>1</v>
      </c>
      <c r="S2077" s="115">
        <v>0</v>
      </c>
      <c r="T2077" s="115">
        <v>0</v>
      </c>
      <c r="U2077" s="119"/>
      <c r="V2077" s="119"/>
      <c r="W2077" s="119"/>
      <c r="X2077" s="119"/>
      <c r="Y2077" s="119"/>
      <c r="Z2077" s="119"/>
      <c r="AA2077" s="119"/>
      <c r="AB2077" s="119"/>
      <c r="AC2077" s="119"/>
      <c r="AD2077" s="119"/>
      <c r="AE2077" s="119"/>
      <c r="AF2077" s="119"/>
      <c r="AG2077" s="119"/>
      <c r="AH2077" s="119"/>
      <c r="AI2077" s="119"/>
      <c r="AJ2077" s="119"/>
      <c r="AK2077" s="119"/>
      <c r="AL2077" s="119"/>
      <c r="AM2077" s="119"/>
      <c r="AN2077" s="119"/>
      <c r="AO2077" s="119"/>
      <c r="AP2077" s="119"/>
      <c r="AQ2077" s="119"/>
      <c r="AR2077" s="119"/>
      <c r="AS2077" s="119"/>
      <c r="AT2077" s="119"/>
      <c r="AU2077" s="119"/>
      <c r="AV2077" s="119"/>
      <c r="AW2077" s="119"/>
      <c r="AX2077" s="119"/>
      <c r="AY2077" s="119"/>
      <c r="AZ2077" s="119"/>
      <c r="BA2077" s="119"/>
      <c r="BB2077" s="107">
        <v>45884</v>
      </c>
    </row>
    <row r="2078" spans="1:54" s="207" customFormat="1" ht="13.95" customHeight="1" x14ac:dyDescent="0.25">
      <c r="A2078" s="208" t="s">
        <v>4972</v>
      </c>
      <c r="B2078" s="209" t="s">
        <v>20420</v>
      </c>
      <c r="C2078" s="113" t="s">
        <v>4973</v>
      </c>
      <c r="D2078" s="113" t="s">
        <v>23691</v>
      </c>
      <c r="E2078" s="210">
        <v>2006</v>
      </c>
      <c r="F2078" s="210">
        <v>3390</v>
      </c>
      <c r="G2078" s="113" t="s">
        <v>11</v>
      </c>
      <c r="H2078" s="113">
        <v>0</v>
      </c>
      <c r="I2078" s="113">
        <v>0</v>
      </c>
      <c r="J2078" s="115">
        <v>1</v>
      </c>
      <c r="K2078" s="116" t="s">
        <v>174</v>
      </c>
      <c r="L2078" s="115">
        <v>0</v>
      </c>
      <c r="M2078" s="115">
        <v>0</v>
      </c>
      <c r="N2078" s="115">
        <v>0</v>
      </c>
      <c r="O2078" s="115">
        <v>0</v>
      </c>
      <c r="P2078" s="115" t="s">
        <v>400</v>
      </c>
      <c r="Q2078" s="115" t="s">
        <v>400</v>
      </c>
      <c r="R2078" s="115">
        <v>0</v>
      </c>
      <c r="S2078" s="115">
        <v>0</v>
      </c>
      <c r="T2078" s="115">
        <v>0</v>
      </c>
      <c r="U2078" s="113" t="s">
        <v>174</v>
      </c>
      <c r="V2078" s="113" t="s">
        <v>174</v>
      </c>
      <c r="W2078" s="113" t="s">
        <v>174</v>
      </c>
      <c r="X2078" s="113" t="s">
        <v>174</v>
      </c>
      <c r="Y2078" s="113" t="s">
        <v>174</v>
      </c>
      <c r="Z2078" s="113" t="s">
        <v>174</v>
      </c>
      <c r="AA2078" s="113" t="s">
        <v>174</v>
      </c>
      <c r="AB2078" s="113" t="s">
        <v>174</v>
      </c>
      <c r="AC2078" s="113" t="s">
        <v>174</v>
      </c>
      <c r="AD2078" s="113" t="s">
        <v>174</v>
      </c>
      <c r="AE2078" s="113" t="s">
        <v>174</v>
      </c>
      <c r="AF2078" s="113" t="s">
        <v>174</v>
      </c>
      <c r="AG2078" s="113" t="s">
        <v>174</v>
      </c>
      <c r="AH2078" s="113" t="s">
        <v>174</v>
      </c>
      <c r="AI2078" s="113" t="s">
        <v>174</v>
      </c>
      <c r="AJ2078" s="113" t="s">
        <v>174</v>
      </c>
      <c r="AK2078" s="113" t="s">
        <v>174</v>
      </c>
      <c r="AL2078" s="113" t="s">
        <v>174</v>
      </c>
      <c r="AM2078" s="113" t="s">
        <v>174</v>
      </c>
      <c r="AN2078" s="113" t="s">
        <v>174</v>
      </c>
      <c r="AO2078" s="113" t="s">
        <v>174</v>
      </c>
      <c r="AP2078" s="113" t="s">
        <v>174</v>
      </c>
      <c r="AQ2078" s="113" t="s">
        <v>174</v>
      </c>
      <c r="AR2078" s="113" t="s">
        <v>174</v>
      </c>
      <c r="AS2078" s="113" t="s">
        <v>174</v>
      </c>
      <c r="AT2078" s="121" t="s">
        <v>174</v>
      </c>
      <c r="AU2078" s="113" t="s">
        <v>174</v>
      </c>
      <c r="AV2078" s="113" t="s">
        <v>174</v>
      </c>
      <c r="AW2078" s="113" t="s">
        <v>174</v>
      </c>
      <c r="AX2078" s="113"/>
      <c r="AY2078" s="113"/>
      <c r="AZ2078" s="113"/>
      <c r="BA2078" s="113"/>
      <c r="BB2078" s="107">
        <v>45884</v>
      </c>
    </row>
    <row r="2079" spans="1:54" s="207" customFormat="1" ht="13.95" customHeight="1" x14ac:dyDescent="0.25">
      <c r="A2079" s="208" t="s">
        <v>4974</v>
      </c>
      <c r="B2079" s="209" t="s">
        <v>20420</v>
      </c>
      <c r="C2079" s="113" t="s">
        <v>4975</v>
      </c>
      <c r="D2079" s="113" t="s">
        <v>23692</v>
      </c>
      <c r="E2079" s="210">
        <v>1985</v>
      </c>
      <c r="F2079" s="210">
        <v>3397</v>
      </c>
      <c r="G2079" s="113" t="s">
        <v>1</v>
      </c>
      <c r="H2079" s="113">
        <v>0</v>
      </c>
      <c r="I2079" s="113">
        <v>0</v>
      </c>
      <c r="J2079" s="115">
        <v>1</v>
      </c>
      <c r="K2079" s="211">
        <v>1</v>
      </c>
      <c r="L2079" s="115">
        <v>1</v>
      </c>
      <c r="M2079" s="115">
        <v>1</v>
      </c>
      <c r="N2079" s="115">
        <v>0</v>
      </c>
      <c r="O2079" s="115">
        <v>1</v>
      </c>
      <c r="P2079" s="115" t="s">
        <v>400</v>
      </c>
      <c r="Q2079" s="115" t="s">
        <v>400</v>
      </c>
      <c r="R2079" s="115">
        <v>0</v>
      </c>
      <c r="S2079" s="115">
        <v>0</v>
      </c>
      <c r="T2079" s="115">
        <v>0</v>
      </c>
      <c r="U2079" s="119"/>
      <c r="V2079" s="119"/>
      <c r="W2079" s="119"/>
      <c r="X2079" s="119"/>
      <c r="Y2079" s="119"/>
      <c r="Z2079" s="119"/>
      <c r="AA2079" s="119"/>
      <c r="AB2079" s="119"/>
      <c r="AC2079" s="119"/>
      <c r="AD2079" s="119"/>
      <c r="AE2079" s="119"/>
      <c r="AF2079" s="119"/>
      <c r="AG2079" s="119"/>
      <c r="AH2079" s="119"/>
      <c r="AI2079" s="119"/>
      <c r="AJ2079" s="119"/>
      <c r="AK2079" s="119"/>
      <c r="AL2079" s="119"/>
      <c r="AM2079" s="119"/>
      <c r="AN2079" s="119"/>
      <c r="AO2079" s="119"/>
      <c r="AP2079" s="119"/>
      <c r="AQ2079" s="119"/>
      <c r="AR2079" s="119"/>
      <c r="AS2079" s="119"/>
      <c r="AT2079" s="119"/>
      <c r="AU2079" s="119"/>
      <c r="AV2079" s="119"/>
      <c r="AW2079" s="119"/>
      <c r="AX2079" s="119"/>
      <c r="AY2079" s="119"/>
      <c r="AZ2079" s="119"/>
      <c r="BA2079" s="119"/>
      <c r="BB2079" s="107">
        <v>45884</v>
      </c>
    </row>
    <row r="2080" spans="1:54" s="207" customFormat="1" ht="13.95" customHeight="1" x14ac:dyDescent="0.25">
      <c r="A2080" s="208" t="s">
        <v>4976</v>
      </c>
      <c r="B2080" s="209" t="s">
        <v>20420</v>
      </c>
      <c r="C2080" s="113" t="s">
        <v>4977</v>
      </c>
      <c r="D2080" s="113" t="s">
        <v>23693</v>
      </c>
      <c r="E2080" s="210">
        <v>1994</v>
      </c>
      <c r="F2080" s="210">
        <v>3397</v>
      </c>
      <c r="G2080" s="113" t="s">
        <v>1</v>
      </c>
      <c r="H2080" s="113">
        <v>0</v>
      </c>
      <c r="I2080" s="113">
        <v>0</v>
      </c>
      <c r="J2080" s="115">
        <v>1</v>
      </c>
      <c r="K2080" s="116" t="s">
        <v>174</v>
      </c>
      <c r="L2080" s="115">
        <v>1</v>
      </c>
      <c r="M2080" s="115">
        <v>1</v>
      </c>
      <c r="N2080" s="115">
        <v>0</v>
      </c>
      <c r="O2080" s="115">
        <v>0</v>
      </c>
      <c r="P2080" s="115" t="s">
        <v>400</v>
      </c>
      <c r="Q2080" s="115" t="s">
        <v>400</v>
      </c>
      <c r="R2080" s="115">
        <v>1</v>
      </c>
      <c r="S2080" s="115">
        <v>0</v>
      </c>
      <c r="T2080" s="115">
        <v>0</v>
      </c>
      <c r="U2080" s="119"/>
      <c r="V2080" s="119"/>
      <c r="W2080" s="119"/>
      <c r="X2080" s="119"/>
      <c r="Y2080" s="119"/>
      <c r="Z2080" s="119"/>
      <c r="AA2080" s="119"/>
      <c r="AB2080" s="119"/>
      <c r="AC2080" s="119"/>
      <c r="AD2080" s="119"/>
      <c r="AE2080" s="119"/>
      <c r="AF2080" s="119"/>
      <c r="AG2080" s="119"/>
      <c r="AH2080" s="119"/>
      <c r="AI2080" s="119"/>
      <c r="AJ2080" s="119"/>
      <c r="AK2080" s="119"/>
      <c r="AL2080" s="119"/>
      <c r="AM2080" s="119"/>
      <c r="AN2080" s="119"/>
      <c r="AO2080" s="119"/>
      <c r="AP2080" s="119"/>
      <c r="AQ2080" s="119"/>
      <c r="AR2080" s="119"/>
      <c r="AS2080" s="119"/>
      <c r="AT2080" s="119"/>
      <c r="AU2080" s="119"/>
      <c r="AV2080" s="119"/>
      <c r="AW2080" s="119"/>
      <c r="AX2080" s="119"/>
      <c r="AY2080" s="119"/>
      <c r="AZ2080" s="119"/>
      <c r="BA2080" s="119"/>
      <c r="BB2080" s="107">
        <v>45884</v>
      </c>
    </row>
    <row r="2081" spans="1:54" s="207" customFormat="1" ht="13.95" customHeight="1" x14ac:dyDescent="0.25">
      <c r="A2081" s="208" t="s">
        <v>4978</v>
      </c>
      <c r="B2081" s="209" t="s">
        <v>20420</v>
      </c>
      <c r="C2081" s="113" t="s">
        <v>4979</v>
      </c>
      <c r="D2081" s="113" t="s">
        <v>23694</v>
      </c>
      <c r="E2081" s="210">
        <v>1989</v>
      </c>
      <c r="F2081" s="210">
        <v>3400</v>
      </c>
      <c r="G2081" s="113" t="s">
        <v>1</v>
      </c>
      <c r="H2081" s="113">
        <v>0</v>
      </c>
      <c r="I2081" s="113">
        <v>0</v>
      </c>
      <c r="J2081" s="115">
        <v>1</v>
      </c>
      <c r="K2081" s="116" t="s">
        <v>174</v>
      </c>
      <c r="L2081" s="115">
        <v>1</v>
      </c>
      <c r="M2081" s="115">
        <v>0</v>
      </c>
      <c r="N2081" s="115">
        <v>0</v>
      </c>
      <c r="O2081" s="115">
        <v>1</v>
      </c>
      <c r="P2081" s="115">
        <v>1</v>
      </c>
      <c r="Q2081" s="115" t="s">
        <v>400</v>
      </c>
      <c r="R2081" s="115">
        <v>0</v>
      </c>
      <c r="S2081" s="115">
        <v>0</v>
      </c>
      <c r="T2081" s="115">
        <v>0</v>
      </c>
      <c r="U2081" s="119"/>
      <c r="V2081" s="119"/>
      <c r="W2081" s="119"/>
      <c r="X2081" s="119"/>
      <c r="Y2081" s="119"/>
      <c r="Z2081" s="119"/>
      <c r="AA2081" s="119"/>
      <c r="AB2081" s="119"/>
      <c r="AC2081" s="119"/>
      <c r="AD2081" s="119"/>
      <c r="AE2081" s="119"/>
      <c r="AF2081" s="119"/>
      <c r="AG2081" s="119"/>
      <c r="AH2081" s="119"/>
      <c r="AI2081" s="119"/>
      <c r="AJ2081" s="119"/>
      <c r="AK2081" s="119"/>
      <c r="AL2081" s="119"/>
      <c r="AM2081" s="119"/>
      <c r="AN2081" s="119"/>
      <c r="AO2081" s="119"/>
      <c r="AP2081" s="119"/>
      <c r="AQ2081" s="119"/>
      <c r="AR2081" s="119"/>
      <c r="AS2081" s="119"/>
      <c r="AT2081" s="119"/>
      <c r="AU2081" s="119"/>
      <c r="AV2081" s="119"/>
      <c r="AW2081" s="119"/>
      <c r="AX2081" s="119"/>
      <c r="AY2081" s="119"/>
      <c r="AZ2081" s="119"/>
      <c r="BA2081" s="119"/>
      <c r="BB2081" s="107">
        <v>45884</v>
      </c>
    </row>
    <row r="2082" spans="1:54" s="207" customFormat="1" ht="13.95" customHeight="1" x14ac:dyDescent="0.25">
      <c r="A2082" s="208" t="s">
        <v>4980</v>
      </c>
      <c r="B2082" s="209" t="s">
        <v>20420</v>
      </c>
      <c r="C2082" s="113" t="s">
        <v>4981</v>
      </c>
      <c r="D2082" s="113" t="s">
        <v>23695</v>
      </c>
      <c r="E2082" s="210">
        <v>1969</v>
      </c>
      <c r="F2082" s="210">
        <v>3407</v>
      </c>
      <c r="G2082" s="113" t="s">
        <v>1</v>
      </c>
      <c r="H2082" s="113">
        <v>0</v>
      </c>
      <c r="I2082" s="113">
        <v>0</v>
      </c>
      <c r="J2082" s="115">
        <v>1</v>
      </c>
      <c r="K2082" s="116" t="s">
        <v>174</v>
      </c>
      <c r="L2082" s="115">
        <v>1</v>
      </c>
      <c r="M2082" s="115">
        <v>0</v>
      </c>
      <c r="N2082" s="115">
        <v>1</v>
      </c>
      <c r="O2082" s="115">
        <v>1</v>
      </c>
      <c r="P2082" s="115">
        <v>1</v>
      </c>
      <c r="Q2082" s="115" t="s">
        <v>400</v>
      </c>
      <c r="R2082" s="115">
        <v>1</v>
      </c>
      <c r="S2082" s="115">
        <v>0</v>
      </c>
      <c r="T2082" s="115">
        <v>0</v>
      </c>
      <c r="U2082" s="119"/>
      <c r="V2082" s="119"/>
      <c r="W2082" s="119"/>
      <c r="X2082" s="119"/>
      <c r="Y2082" s="119"/>
      <c r="Z2082" s="119"/>
      <c r="AA2082" s="119"/>
      <c r="AB2082" s="119"/>
      <c r="AC2082" s="119"/>
      <c r="AD2082" s="119"/>
      <c r="AE2082" s="119"/>
      <c r="AF2082" s="119"/>
      <c r="AG2082" s="119"/>
      <c r="AH2082" s="119"/>
      <c r="AI2082" s="119"/>
      <c r="AJ2082" s="119"/>
      <c r="AK2082" s="119"/>
      <c r="AL2082" s="119"/>
      <c r="AM2082" s="119"/>
      <c r="AN2082" s="119"/>
      <c r="AO2082" s="119"/>
      <c r="AP2082" s="119"/>
      <c r="AQ2082" s="119"/>
      <c r="AR2082" s="119"/>
      <c r="AS2082" s="119"/>
      <c r="AT2082" s="119"/>
      <c r="AU2082" s="119"/>
      <c r="AV2082" s="119"/>
      <c r="AW2082" s="119"/>
      <c r="AX2082" s="119"/>
      <c r="AY2082" s="119"/>
      <c r="AZ2082" s="119"/>
      <c r="BA2082" s="119"/>
      <c r="BB2082" s="107">
        <v>45884</v>
      </c>
    </row>
    <row r="2083" spans="1:54" s="207" customFormat="1" ht="13.95" customHeight="1" x14ac:dyDescent="0.25">
      <c r="A2083" s="208" t="s">
        <v>4982</v>
      </c>
      <c r="B2083" s="209" t="s">
        <v>20420</v>
      </c>
      <c r="C2083" s="113" t="s">
        <v>4983</v>
      </c>
      <c r="D2083" s="113" t="s">
        <v>4984</v>
      </c>
      <c r="E2083" s="210">
        <v>1955</v>
      </c>
      <c r="F2083" s="210">
        <v>3411</v>
      </c>
      <c r="G2083" s="113" t="s">
        <v>1</v>
      </c>
      <c r="H2083" s="113">
        <v>0</v>
      </c>
      <c r="I2083" s="113">
        <v>0</v>
      </c>
      <c r="J2083" s="115">
        <v>1</v>
      </c>
      <c r="K2083" s="116" t="s">
        <v>174</v>
      </c>
      <c r="L2083" s="115">
        <v>1</v>
      </c>
      <c r="M2083" s="115">
        <v>1</v>
      </c>
      <c r="N2083" s="115">
        <v>1</v>
      </c>
      <c r="O2083" s="115">
        <v>1</v>
      </c>
      <c r="P2083" s="115" t="s">
        <v>400</v>
      </c>
      <c r="Q2083" s="115" t="s">
        <v>400</v>
      </c>
      <c r="R2083" s="115">
        <v>0</v>
      </c>
      <c r="S2083" s="115">
        <v>0</v>
      </c>
      <c r="T2083" s="115">
        <v>0</v>
      </c>
      <c r="U2083" s="119"/>
      <c r="V2083" s="119"/>
      <c r="W2083" s="119"/>
      <c r="X2083" s="119"/>
      <c r="Y2083" s="119"/>
      <c r="Z2083" s="119"/>
      <c r="AA2083" s="119"/>
      <c r="AB2083" s="119"/>
      <c r="AC2083" s="119"/>
      <c r="AD2083" s="119"/>
      <c r="AE2083" s="119"/>
      <c r="AF2083" s="119"/>
      <c r="AG2083" s="119"/>
      <c r="AH2083" s="119"/>
      <c r="AI2083" s="119"/>
      <c r="AJ2083" s="119"/>
      <c r="AK2083" s="119"/>
      <c r="AL2083" s="119"/>
      <c r="AM2083" s="119"/>
      <c r="AN2083" s="119"/>
      <c r="AO2083" s="119"/>
      <c r="AP2083" s="119"/>
      <c r="AQ2083" s="119"/>
      <c r="AR2083" s="119"/>
      <c r="AS2083" s="119"/>
      <c r="AT2083" s="119"/>
      <c r="AU2083" s="119"/>
      <c r="AV2083" s="119"/>
      <c r="AW2083" s="119"/>
      <c r="AX2083" s="119"/>
      <c r="AY2083" s="119"/>
      <c r="AZ2083" s="119"/>
      <c r="BA2083" s="119"/>
      <c r="BB2083" s="107">
        <v>45884</v>
      </c>
    </row>
    <row r="2084" spans="1:54" s="207" customFormat="1" ht="13.95" customHeight="1" x14ac:dyDescent="0.25">
      <c r="A2084" s="208" t="s">
        <v>4985</v>
      </c>
      <c r="B2084" s="209" t="s">
        <v>20420</v>
      </c>
      <c r="C2084" s="113" t="s">
        <v>4986</v>
      </c>
      <c r="D2084" s="113" t="s">
        <v>23696</v>
      </c>
      <c r="E2084" s="210">
        <v>1966</v>
      </c>
      <c r="F2084" s="210">
        <v>3413</v>
      </c>
      <c r="G2084" s="113" t="s">
        <v>1</v>
      </c>
      <c r="H2084" s="113">
        <v>1</v>
      </c>
      <c r="I2084" s="113">
        <v>0</v>
      </c>
      <c r="J2084" s="115">
        <v>1</v>
      </c>
      <c r="K2084" s="116" t="s">
        <v>174</v>
      </c>
      <c r="L2084" s="115">
        <v>1</v>
      </c>
      <c r="M2084" s="115">
        <v>1</v>
      </c>
      <c r="N2084" s="115">
        <v>0</v>
      </c>
      <c r="O2084" s="115">
        <v>1</v>
      </c>
      <c r="P2084" s="115" t="s">
        <v>400</v>
      </c>
      <c r="Q2084" s="115" t="s">
        <v>400</v>
      </c>
      <c r="R2084" s="115">
        <v>0</v>
      </c>
      <c r="S2084" s="115">
        <v>0</v>
      </c>
      <c r="T2084" s="115">
        <v>0</v>
      </c>
      <c r="U2084" s="119"/>
      <c r="V2084" s="119"/>
      <c r="W2084" s="119"/>
      <c r="X2084" s="119"/>
      <c r="Y2084" s="119"/>
      <c r="Z2084" s="119"/>
      <c r="AA2084" s="119"/>
      <c r="AB2084" s="119"/>
      <c r="AC2084" s="119"/>
      <c r="AD2084" s="119"/>
      <c r="AE2084" s="119"/>
      <c r="AF2084" s="119"/>
      <c r="AG2084" s="119"/>
      <c r="AH2084" s="119"/>
      <c r="AI2084" s="119"/>
      <c r="AJ2084" s="119"/>
      <c r="AK2084" s="119"/>
      <c r="AL2084" s="119"/>
      <c r="AM2084" s="119"/>
      <c r="AN2084" s="119"/>
      <c r="AO2084" s="119"/>
      <c r="AP2084" s="119"/>
      <c r="AQ2084" s="119"/>
      <c r="AR2084" s="119"/>
      <c r="AS2084" s="119"/>
      <c r="AT2084" s="119"/>
      <c r="AU2084" s="119"/>
      <c r="AV2084" s="119"/>
      <c r="AW2084" s="119"/>
      <c r="AX2084" s="119"/>
      <c r="AY2084" s="119"/>
      <c r="AZ2084" s="119"/>
      <c r="BA2084" s="119"/>
      <c r="BB2084" s="107">
        <v>45884</v>
      </c>
    </row>
    <row r="2085" spans="1:54" s="207" customFormat="1" ht="13.95" customHeight="1" x14ac:dyDescent="0.25">
      <c r="A2085" s="208" t="s">
        <v>4987</v>
      </c>
      <c r="B2085" s="209" t="s">
        <v>20420</v>
      </c>
      <c r="C2085" s="113" t="s">
        <v>4988</v>
      </c>
      <c r="D2085" s="113" t="s">
        <v>4989</v>
      </c>
      <c r="E2085" s="210">
        <v>1966</v>
      </c>
      <c r="F2085" s="210">
        <v>3420</v>
      </c>
      <c r="G2085" s="113" t="s">
        <v>1</v>
      </c>
      <c r="H2085" s="113">
        <v>0</v>
      </c>
      <c r="I2085" s="113">
        <v>0</v>
      </c>
      <c r="J2085" s="115">
        <v>1</v>
      </c>
      <c r="K2085" s="211">
        <v>1</v>
      </c>
      <c r="L2085" s="115">
        <v>0</v>
      </c>
      <c r="M2085" s="115">
        <v>0</v>
      </c>
      <c r="N2085" s="115">
        <v>1</v>
      </c>
      <c r="O2085" s="115">
        <v>0</v>
      </c>
      <c r="P2085" s="115">
        <v>1</v>
      </c>
      <c r="Q2085" s="115" t="s">
        <v>400</v>
      </c>
      <c r="R2085" s="115">
        <v>1</v>
      </c>
      <c r="S2085" s="115">
        <v>0</v>
      </c>
      <c r="T2085" s="115">
        <v>0</v>
      </c>
      <c r="U2085" s="119"/>
      <c r="V2085" s="119"/>
      <c r="W2085" s="119"/>
      <c r="X2085" s="119"/>
      <c r="Y2085" s="119"/>
      <c r="Z2085" s="119"/>
      <c r="AA2085" s="119"/>
      <c r="AB2085" s="119"/>
      <c r="AC2085" s="119"/>
      <c r="AD2085" s="119"/>
      <c r="AE2085" s="119"/>
      <c r="AF2085" s="119"/>
      <c r="AG2085" s="119"/>
      <c r="AH2085" s="119"/>
      <c r="AI2085" s="119"/>
      <c r="AJ2085" s="119"/>
      <c r="AK2085" s="119"/>
      <c r="AL2085" s="119"/>
      <c r="AM2085" s="119"/>
      <c r="AN2085" s="119"/>
      <c r="AO2085" s="119"/>
      <c r="AP2085" s="119"/>
      <c r="AQ2085" s="119"/>
      <c r="AR2085" s="119"/>
      <c r="AS2085" s="119"/>
      <c r="AT2085" s="119"/>
      <c r="AU2085" s="119"/>
      <c r="AV2085" s="119"/>
      <c r="AW2085" s="119"/>
      <c r="AX2085" s="119"/>
      <c r="AY2085" s="119"/>
      <c r="AZ2085" s="119"/>
      <c r="BA2085" s="119"/>
      <c r="BB2085" s="107">
        <v>45884</v>
      </c>
    </row>
    <row r="2086" spans="1:54" s="207" customFormat="1" ht="13.95" customHeight="1" x14ac:dyDescent="0.25">
      <c r="A2086" s="208" t="s">
        <v>4990</v>
      </c>
      <c r="B2086" s="209" t="s">
        <v>20420</v>
      </c>
      <c r="C2086" s="113" t="s">
        <v>4991</v>
      </c>
      <c r="D2086" s="113" t="s">
        <v>4992</v>
      </c>
      <c r="E2086" s="210">
        <v>1977</v>
      </c>
      <c r="F2086" s="210">
        <v>3423</v>
      </c>
      <c r="G2086" s="113" t="s">
        <v>1</v>
      </c>
      <c r="H2086" s="113">
        <v>0</v>
      </c>
      <c r="I2086" s="113">
        <v>0</v>
      </c>
      <c r="J2086" s="115">
        <v>1</v>
      </c>
      <c r="K2086" s="116" t="s">
        <v>174</v>
      </c>
      <c r="L2086" s="115">
        <v>1</v>
      </c>
      <c r="M2086" s="115">
        <v>1</v>
      </c>
      <c r="N2086" s="115">
        <v>1</v>
      </c>
      <c r="O2086" s="115">
        <v>1</v>
      </c>
      <c r="P2086" s="115" t="s">
        <v>400</v>
      </c>
      <c r="Q2086" s="115" t="s">
        <v>400</v>
      </c>
      <c r="R2086" s="115">
        <v>0</v>
      </c>
      <c r="S2086" s="115">
        <v>0</v>
      </c>
      <c r="T2086" s="115">
        <v>0</v>
      </c>
      <c r="U2086" s="119"/>
      <c r="V2086" s="119"/>
      <c r="W2086" s="119"/>
      <c r="X2086" s="119"/>
      <c r="Y2086" s="119"/>
      <c r="Z2086" s="119"/>
      <c r="AA2086" s="119"/>
      <c r="AB2086" s="119"/>
      <c r="AC2086" s="119"/>
      <c r="AD2086" s="119"/>
      <c r="AE2086" s="119"/>
      <c r="AF2086" s="119"/>
      <c r="AG2086" s="119"/>
      <c r="AH2086" s="119"/>
      <c r="AI2086" s="119"/>
      <c r="AJ2086" s="119"/>
      <c r="AK2086" s="119"/>
      <c r="AL2086" s="119"/>
      <c r="AM2086" s="119"/>
      <c r="AN2086" s="119"/>
      <c r="AO2086" s="119"/>
      <c r="AP2086" s="119"/>
      <c r="AQ2086" s="119"/>
      <c r="AR2086" s="119"/>
      <c r="AS2086" s="119"/>
      <c r="AT2086" s="119"/>
      <c r="AU2086" s="119"/>
      <c r="AV2086" s="119"/>
      <c r="AW2086" s="119"/>
      <c r="AX2086" s="119"/>
      <c r="AY2086" s="119"/>
      <c r="AZ2086" s="119"/>
      <c r="BA2086" s="119"/>
      <c r="BB2086" s="107">
        <v>45884</v>
      </c>
    </row>
    <row r="2087" spans="1:54" s="207" customFormat="1" ht="13.95" customHeight="1" x14ac:dyDescent="0.25">
      <c r="A2087" s="208" t="s">
        <v>4993</v>
      </c>
      <c r="B2087" s="209" t="s">
        <v>20420</v>
      </c>
      <c r="C2087" s="113" t="s">
        <v>4994</v>
      </c>
      <c r="D2087" s="113" t="s">
        <v>23697</v>
      </c>
      <c r="E2087" s="210">
        <v>1983</v>
      </c>
      <c r="F2087" s="210">
        <v>3426</v>
      </c>
      <c r="G2087" s="113" t="s">
        <v>1</v>
      </c>
      <c r="H2087" s="113">
        <v>0</v>
      </c>
      <c r="I2087" s="113">
        <v>0</v>
      </c>
      <c r="J2087" s="115">
        <v>1</v>
      </c>
      <c r="K2087" s="116" t="s">
        <v>174</v>
      </c>
      <c r="L2087" s="115">
        <v>1</v>
      </c>
      <c r="M2087" s="115">
        <v>0</v>
      </c>
      <c r="N2087" s="115">
        <v>0</v>
      </c>
      <c r="O2087" s="115">
        <v>1</v>
      </c>
      <c r="P2087" s="115" t="s">
        <v>400</v>
      </c>
      <c r="Q2087" s="115" t="s">
        <v>400</v>
      </c>
      <c r="R2087" s="115">
        <v>1</v>
      </c>
      <c r="S2087" s="115">
        <v>0</v>
      </c>
      <c r="T2087" s="115">
        <v>0</v>
      </c>
      <c r="U2087" s="119"/>
      <c r="V2087" s="119"/>
      <c r="W2087" s="119"/>
      <c r="X2087" s="119"/>
      <c r="Y2087" s="119"/>
      <c r="Z2087" s="119"/>
      <c r="AA2087" s="119"/>
      <c r="AB2087" s="119"/>
      <c r="AC2087" s="119"/>
      <c r="AD2087" s="119"/>
      <c r="AE2087" s="119"/>
      <c r="AF2087" s="119"/>
      <c r="AG2087" s="119"/>
      <c r="AH2087" s="119"/>
      <c r="AI2087" s="119"/>
      <c r="AJ2087" s="119"/>
      <c r="AK2087" s="119"/>
      <c r="AL2087" s="119"/>
      <c r="AM2087" s="119"/>
      <c r="AN2087" s="119"/>
      <c r="AO2087" s="119"/>
      <c r="AP2087" s="119"/>
      <c r="AQ2087" s="119"/>
      <c r="AR2087" s="119"/>
      <c r="AS2087" s="119"/>
      <c r="AT2087" s="119"/>
      <c r="AU2087" s="119"/>
      <c r="AV2087" s="119"/>
      <c r="AW2087" s="119"/>
      <c r="AX2087" s="119"/>
      <c r="AY2087" s="119"/>
      <c r="AZ2087" s="119"/>
      <c r="BA2087" s="119"/>
      <c r="BB2087" s="107">
        <v>45884</v>
      </c>
    </row>
    <row r="2088" spans="1:54" s="207" customFormat="1" ht="13.95" customHeight="1" x14ac:dyDescent="0.25">
      <c r="A2088" s="208" t="s">
        <v>4995</v>
      </c>
      <c r="B2088" s="209" t="s">
        <v>20420</v>
      </c>
      <c r="C2088" s="113" t="s">
        <v>4996</v>
      </c>
      <c r="D2088" s="113" t="s">
        <v>23698</v>
      </c>
      <c r="E2088" s="210">
        <v>1985</v>
      </c>
      <c r="F2088" s="210">
        <v>3428</v>
      </c>
      <c r="G2088" s="113" t="s">
        <v>1</v>
      </c>
      <c r="H2088" s="113">
        <v>0</v>
      </c>
      <c r="I2088" s="113">
        <v>0</v>
      </c>
      <c r="J2088" s="115">
        <v>1</v>
      </c>
      <c r="K2088" s="116" t="s">
        <v>174</v>
      </c>
      <c r="L2088" s="115">
        <v>1</v>
      </c>
      <c r="M2088" s="115">
        <v>0</v>
      </c>
      <c r="N2088" s="212">
        <v>1</v>
      </c>
      <c r="O2088" s="115">
        <v>1</v>
      </c>
      <c r="P2088" s="115">
        <v>1</v>
      </c>
      <c r="Q2088" s="115" t="s">
        <v>400</v>
      </c>
      <c r="R2088" s="115">
        <v>1</v>
      </c>
      <c r="S2088" s="115">
        <v>0</v>
      </c>
      <c r="T2088" s="115">
        <v>0</v>
      </c>
      <c r="U2088" s="119"/>
      <c r="V2088" s="119"/>
      <c r="W2088" s="119"/>
      <c r="X2088" s="119"/>
      <c r="Y2088" s="119"/>
      <c r="Z2088" s="119"/>
      <c r="AA2088" s="119"/>
      <c r="AB2088" s="119"/>
      <c r="AC2088" s="119"/>
      <c r="AD2088" s="119"/>
      <c r="AE2088" s="119"/>
      <c r="AF2088" s="119"/>
      <c r="AG2088" s="119"/>
      <c r="AH2088" s="119"/>
      <c r="AI2088" s="119"/>
      <c r="AJ2088" s="119"/>
      <c r="AK2088" s="119"/>
      <c r="AL2088" s="119"/>
      <c r="AM2088" s="119"/>
      <c r="AN2088" s="119"/>
      <c r="AO2088" s="119"/>
      <c r="AP2088" s="119"/>
      <c r="AQ2088" s="119"/>
      <c r="AR2088" s="119"/>
      <c r="AS2088" s="119"/>
      <c r="AT2088" s="119"/>
      <c r="AU2088" s="119"/>
      <c r="AV2088" s="119"/>
      <c r="AW2088" s="119"/>
      <c r="AX2088" s="119"/>
      <c r="AY2088" s="119"/>
      <c r="AZ2088" s="119"/>
      <c r="BA2088" s="119"/>
      <c r="BB2088" s="107">
        <v>45884</v>
      </c>
    </row>
    <row r="2089" spans="1:54" s="207" customFormat="1" ht="13.95" customHeight="1" x14ac:dyDescent="0.25">
      <c r="A2089" s="208" t="s">
        <v>4997</v>
      </c>
      <c r="B2089" s="209" t="s">
        <v>20420</v>
      </c>
      <c r="C2089" s="113" t="s">
        <v>4998</v>
      </c>
      <c r="D2089" s="113" t="s">
        <v>4999</v>
      </c>
      <c r="E2089" s="210">
        <v>2006</v>
      </c>
      <c r="F2089" s="210">
        <v>3431</v>
      </c>
      <c r="G2089" s="113" t="s">
        <v>1</v>
      </c>
      <c r="H2089" s="113">
        <v>0</v>
      </c>
      <c r="I2089" s="113">
        <v>0</v>
      </c>
      <c r="J2089" s="115">
        <v>1</v>
      </c>
      <c r="K2089" s="116" t="s">
        <v>174</v>
      </c>
      <c r="L2089" s="115">
        <v>1</v>
      </c>
      <c r="M2089" s="115">
        <v>1</v>
      </c>
      <c r="N2089" s="115">
        <v>0</v>
      </c>
      <c r="O2089" s="115">
        <v>1</v>
      </c>
      <c r="P2089" s="115" t="s">
        <v>400</v>
      </c>
      <c r="Q2089" s="115" t="s">
        <v>400</v>
      </c>
      <c r="R2089" s="115">
        <v>1</v>
      </c>
      <c r="S2089" s="115">
        <v>0</v>
      </c>
      <c r="T2089" s="115">
        <v>0</v>
      </c>
      <c r="U2089" s="119"/>
      <c r="V2089" s="119"/>
      <c r="W2089" s="119"/>
      <c r="X2089" s="119"/>
      <c r="Y2089" s="119"/>
      <c r="Z2089" s="119"/>
      <c r="AA2089" s="119"/>
      <c r="AB2089" s="119"/>
      <c r="AC2089" s="119"/>
      <c r="AD2089" s="119"/>
      <c r="AE2089" s="119"/>
      <c r="AF2089" s="119"/>
      <c r="AG2089" s="119"/>
      <c r="AH2089" s="119"/>
      <c r="AI2089" s="119"/>
      <c r="AJ2089" s="119"/>
      <c r="AK2089" s="119"/>
      <c r="AL2089" s="119"/>
      <c r="AM2089" s="119"/>
      <c r="AN2089" s="119"/>
      <c r="AO2089" s="119"/>
      <c r="AP2089" s="119"/>
      <c r="AQ2089" s="119"/>
      <c r="AR2089" s="119"/>
      <c r="AS2089" s="119"/>
      <c r="AT2089" s="119"/>
      <c r="AU2089" s="119"/>
      <c r="AV2089" s="119"/>
      <c r="AW2089" s="119"/>
      <c r="AX2089" s="119"/>
      <c r="AY2089" s="119"/>
      <c r="AZ2089" s="119"/>
      <c r="BA2089" s="119"/>
      <c r="BB2089" s="107">
        <v>45884</v>
      </c>
    </row>
    <row r="2090" spans="1:54" s="207" customFormat="1" ht="13.95" customHeight="1" x14ac:dyDescent="0.25">
      <c r="A2090" s="208" t="s">
        <v>5000</v>
      </c>
      <c r="B2090" s="209" t="s">
        <v>20420</v>
      </c>
      <c r="C2090" s="113" t="s">
        <v>5001</v>
      </c>
      <c r="D2090" s="113" t="s">
        <v>23699</v>
      </c>
      <c r="E2090" s="210">
        <v>2001</v>
      </c>
      <c r="F2090" s="210">
        <v>3435</v>
      </c>
      <c r="G2090" s="113" t="s">
        <v>1</v>
      </c>
      <c r="H2090" s="113">
        <v>0</v>
      </c>
      <c r="I2090" s="113">
        <v>0</v>
      </c>
      <c r="J2090" s="115">
        <v>0</v>
      </c>
      <c r="K2090" s="116" t="s">
        <v>174</v>
      </c>
      <c r="L2090" s="115">
        <v>0</v>
      </c>
      <c r="M2090" s="115">
        <v>0</v>
      </c>
      <c r="N2090" s="115">
        <v>0</v>
      </c>
      <c r="O2090" s="115">
        <v>0</v>
      </c>
      <c r="P2090" s="115" t="s">
        <v>400</v>
      </c>
      <c r="Q2090" s="115" t="s">
        <v>400</v>
      </c>
      <c r="R2090" s="115">
        <v>0</v>
      </c>
      <c r="S2090" s="115">
        <v>0</v>
      </c>
      <c r="T2090" s="115">
        <v>0</v>
      </c>
      <c r="U2090" s="119"/>
      <c r="V2090" s="119"/>
      <c r="W2090" s="119"/>
      <c r="X2090" s="119"/>
      <c r="Y2090" s="119"/>
      <c r="Z2090" s="119"/>
      <c r="AA2090" s="119"/>
      <c r="AB2090" s="119"/>
      <c r="AC2090" s="119"/>
      <c r="AD2090" s="119"/>
      <c r="AE2090" s="119"/>
      <c r="AF2090" s="119"/>
      <c r="AG2090" s="119"/>
      <c r="AH2090" s="119"/>
      <c r="AI2090" s="119"/>
      <c r="AJ2090" s="119"/>
      <c r="AK2090" s="119"/>
      <c r="AL2090" s="119"/>
      <c r="AM2090" s="119"/>
      <c r="AN2090" s="119"/>
      <c r="AO2090" s="119"/>
      <c r="AP2090" s="119"/>
      <c r="AQ2090" s="119"/>
      <c r="AR2090" s="119"/>
      <c r="AS2090" s="119"/>
      <c r="AT2090" s="119"/>
      <c r="AU2090" s="119"/>
      <c r="AV2090" s="119"/>
      <c r="AW2090" s="119"/>
      <c r="AX2090" s="119"/>
      <c r="AY2090" s="119"/>
      <c r="AZ2090" s="119"/>
      <c r="BA2090" s="119"/>
      <c r="BB2090" s="107">
        <v>45884</v>
      </c>
    </row>
    <row r="2091" spans="1:54" s="207" customFormat="1" ht="13.95" customHeight="1" x14ac:dyDescent="0.25">
      <c r="A2091" s="208" t="s">
        <v>5002</v>
      </c>
      <c r="B2091" s="209" t="s">
        <v>20420</v>
      </c>
      <c r="C2091" s="113" t="s">
        <v>5003</v>
      </c>
      <c r="D2091" s="113" t="s">
        <v>23700</v>
      </c>
      <c r="E2091" s="210">
        <v>1990</v>
      </c>
      <c r="F2091" s="210">
        <v>3446</v>
      </c>
      <c r="G2091" s="113" t="s">
        <v>1</v>
      </c>
      <c r="H2091" s="113">
        <v>0</v>
      </c>
      <c r="I2091" s="113">
        <v>0</v>
      </c>
      <c r="J2091" s="115">
        <v>1</v>
      </c>
      <c r="K2091" s="116" t="s">
        <v>174</v>
      </c>
      <c r="L2091" s="115">
        <v>1</v>
      </c>
      <c r="M2091" s="115">
        <v>0</v>
      </c>
      <c r="N2091" s="115">
        <v>1</v>
      </c>
      <c r="O2091" s="115">
        <v>0</v>
      </c>
      <c r="P2091" s="115">
        <v>1</v>
      </c>
      <c r="Q2091" s="115" t="s">
        <v>400</v>
      </c>
      <c r="R2091" s="115">
        <v>1</v>
      </c>
      <c r="S2091" s="115">
        <v>0</v>
      </c>
      <c r="T2091" s="115">
        <v>0</v>
      </c>
      <c r="U2091" s="119"/>
      <c r="V2091" s="119"/>
      <c r="W2091" s="119"/>
      <c r="X2091" s="119"/>
      <c r="Y2091" s="119"/>
      <c r="Z2091" s="119"/>
      <c r="AA2091" s="119"/>
      <c r="AB2091" s="119"/>
      <c r="AC2091" s="119"/>
      <c r="AD2091" s="119"/>
      <c r="AE2091" s="119"/>
      <c r="AF2091" s="119"/>
      <c r="AG2091" s="119"/>
      <c r="AH2091" s="119"/>
      <c r="AI2091" s="119"/>
      <c r="AJ2091" s="119"/>
      <c r="AK2091" s="119"/>
      <c r="AL2091" s="119"/>
      <c r="AM2091" s="119"/>
      <c r="AN2091" s="119"/>
      <c r="AO2091" s="119"/>
      <c r="AP2091" s="119"/>
      <c r="AQ2091" s="119"/>
      <c r="AR2091" s="119"/>
      <c r="AS2091" s="119"/>
      <c r="AT2091" s="119"/>
      <c r="AU2091" s="119"/>
      <c r="AV2091" s="119"/>
      <c r="AW2091" s="119"/>
      <c r="AX2091" s="119"/>
      <c r="AY2091" s="119"/>
      <c r="AZ2091" s="119"/>
      <c r="BA2091" s="119"/>
      <c r="BB2091" s="107">
        <v>45884</v>
      </c>
    </row>
    <row r="2092" spans="1:54" s="207" customFormat="1" ht="13.95" customHeight="1" x14ac:dyDescent="0.25">
      <c r="A2092" s="208" t="s">
        <v>5004</v>
      </c>
      <c r="B2092" s="209" t="s">
        <v>20420</v>
      </c>
      <c r="C2092" s="113" t="s">
        <v>5005</v>
      </c>
      <c r="D2092" s="113" t="s">
        <v>23701</v>
      </c>
      <c r="E2092" s="210">
        <v>1981</v>
      </c>
      <c r="F2092" s="210">
        <v>3450</v>
      </c>
      <c r="G2092" s="113" t="s">
        <v>1</v>
      </c>
      <c r="H2092" s="113">
        <v>0</v>
      </c>
      <c r="I2092" s="113">
        <v>0</v>
      </c>
      <c r="J2092" s="115">
        <v>1</v>
      </c>
      <c r="K2092" s="116" t="s">
        <v>174</v>
      </c>
      <c r="L2092" s="115">
        <v>1</v>
      </c>
      <c r="M2092" s="115">
        <v>1</v>
      </c>
      <c r="N2092" s="115">
        <v>1</v>
      </c>
      <c r="O2092" s="115">
        <v>1</v>
      </c>
      <c r="P2092" s="115" t="s">
        <v>400</v>
      </c>
      <c r="Q2092" s="115" t="s">
        <v>400</v>
      </c>
      <c r="R2092" s="115">
        <v>1</v>
      </c>
      <c r="S2092" s="115">
        <v>0</v>
      </c>
      <c r="T2092" s="115">
        <v>0</v>
      </c>
      <c r="U2092" s="119"/>
      <c r="V2092" s="119"/>
      <c r="W2092" s="119"/>
      <c r="X2092" s="119"/>
      <c r="Y2092" s="119"/>
      <c r="Z2092" s="119"/>
      <c r="AA2092" s="119"/>
      <c r="AB2092" s="119"/>
      <c r="AC2092" s="119"/>
      <c r="AD2092" s="119"/>
      <c r="AE2092" s="119"/>
      <c r="AF2092" s="119"/>
      <c r="AG2092" s="119"/>
      <c r="AH2092" s="119"/>
      <c r="AI2092" s="119"/>
      <c r="AJ2092" s="119"/>
      <c r="AK2092" s="119"/>
      <c r="AL2092" s="119"/>
      <c r="AM2092" s="119"/>
      <c r="AN2092" s="119"/>
      <c r="AO2092" s="119"/>
      <c r="AP2092" s="119"/>
      <c r="AQ2092" s="119"/>
      <c r="AR2092" s="119"/>
      <c r="AS2092" s="119"/>
      <c r="AT2092" s="119"/>
      <c r="AU2092" s="119"/>
      <c r="AV2092" s="119"/>
      <c r="AW2092" s="119"/>
      <c r="AX2092" s="119"/>
      <c r="AY2092" s="119"/>
      <c r="AZ2092" s="119"/>
      <c r="BA2092" s="119"/>
      <c r="BB2092" s="107">
        <v>45884</v>
      </c>
    </row>
    <row r="2093" spans="1:54" s="207" customFormat="1" ht="13.95" customHeight="1" x14ac:dyDescent="0.25">
      <c r="A2093" s="208" t="s">
        <v>5006</v>
      </c>
      <c r="B2093" s="209" t="s">
        <v>20420</v>
      </c>
      <c r="C2093" s="113" t="s">
        <v>5007</v>
      </c>
      <c r="D2093" s="113" t="s">
        <v>23702</v>
      </c>
      <c r="E2093" s="210">
        <v>2009</v>
      </c>
      <c r="F2093" s="210">
        <v>3450</v>
      </c>
      <c r="G2093" s="113" t="s">
        <v>8</v>
      </c>
      <c r="H2093" s="113">
        <v>0</v>
      </c>
      <c r="I2093" s="113">
        <v>0</v>
      </c>
      <c r="J2093" s="115">
        <v>1</v>
      </c>
      <c r="K2093" s="116" t="s">
        <v>174</v>
      </c>
      <c r="L2093" s="115">
        <v>0</v>
      </c>
      <c r="M2093" s="115">
        <v>0</v>
      </c>
      <c r="N2093" s="115">
        <v>0</v>
      </c>
      <c r="O2093" s="115">
        <v>0</v>
      </c>
      <c r="P2093" s="115" t="s">
        <v>400</v>
      </c>
      <c r="Q2093" s="115" t="s">
        <v>400</v>
      </c>
      <c r="R2093" s="115">
        <v>0</v>
      </c>
      <c r="S2093" s="115">
        <v>0</v>
      </c>
      <c r="T2093" s="115">
        <v>0</v>
      </c>
      <c r="U2093" s="113" t="s">
        <v>174</v>
      </c>
      <c r="V2093" s="113" t="s">
        <v>174</v>
      </c>
      <c r="W2093" s="113" t="s">
        <v>174</v>
      </c>
      <c r="X2093" s="113" t="s">
        <v>174</v>
      </c>
      <c r="Y2093" s="113" t="s">
        <v>174</v>
      </c>
      <c r="Z2093" s="113" t="s">
        <v>174</v>
      </c>
      <c r="AA2093" s="113" t="s">
        <v>174</v>
      </c>
      <c r="AB2093" s="113" t="s">
        <v>174</v>
      </c>
      <c r="AC2093" s="113" t="s">
        <v>174</v>
      </c>
      <c r="AD2093" s="113" t="s">
        <v>174</v>
      </c>
      <c r="AE2093" s="113" t="s">
        <v>174</v>
      </c>
      <c r="AF2093" s="113" t="s">
        <v>174</v>
      </c>
      <c r="AG2093" s="113" t="s">
        <v>174</v>
      </c>
      <c r="AH2093" s="113" t="s">
        <v>174</v>
      </c>
      <c r="AI2093" s="113" t="s">
        <v>174</v>
      </c>
      <c r="AJ2093" s="113" t="s">
        <v>174</v>
      </c>
      <c r="AK2093" s="113" t="s">
        <v>174</v>
      </c>
      <c r="AL2093" s="113" t="s">
        <v>174</v>
      </c>
      <c r="AM2093" s="113" t="s">
        <v>174</v>
      </c>
      <c r="AN2093" s="113" t="s">
        <v>174</v>
      </c>
      <c r="AO2093" s="113" t="s">
        <v>174</v>
      </c>
      <c r="AP2093" s="113" t="s">
        <v>174</v>
      </c>
      <c r="AQ2093" s="113" t="s">
        <v>174</v>
      </c>
      <c r="AR2093" s="113" t="s">
        <v>174</v>
      </c>
      <c r="AS2093" s="113" t="s">
        <v>174</v>
      </c>
      <c r="AT2093" s="121" t="s">
        <v>174</v>
      </c>
      <c r="AU2093" s="113" t="s">
        <v>174</v>
      </c>
      <c r="AV2093" s="113" t="s">
        <v>174</v>
      </c>
      <c r="AW2093" s="113" t="s">
        <v>174</v>
      </c>
      <c r="AX2093" s="113"/>
      <c r="AY2093" s="113"/>
      <c r="AZ2093" s="113"/>
      <c r="BA2093" s="113"/>
      <c r="BB2093" s="107">
        <v>45884</v>
      </c>
    </row>
    <row r="2094" spans="1:54" s="207" customFormat="1" ht="13.95" customHeight="1" x14ac:dyDescent="0.25">
      <c r="A2094" s="208" t="s">
        <v>5008</v>
      </c>
      <c r="B2094" s="209" t="s">
        <v>20420</v>
      </c>
      <c r="C2094" s="113" t="s">
        <v>5009</v>
      </c>
      <c r="D2094" s="113" t="s">
        <v>5010</v>
      </c>
      <c r="E2094" s="210">
        <v>1970</v>
      </c>
      <c r="F2094" s="210">
        <v>3452</v>
      </c>
      <c r="G2094" s="113" t="s">
        <v>1</v>
      </c>
      <c r="H2094" s="113">
        <v>0</v>
      </c>
      <c r="I2094" s="113">
        <v>0</v>
      </c>
      <c r="J2094" s="115">
        <v>1</v>
      </c>
      <c r="K2094" s="116" t="s">
        <v>174</v>
      </c>
      <c r="L2094" s="115">
        <v>1</v>
      </c>
      <c r="M2094" s="115">
        <v>1</v>
      </c>
      <c r="N2094" s="115">
        <v>0</v>
      </c>
      <c r="O2094" s="115">
        <v>1</v>
      </c>
      <c r="P2094" s="115" t="s">
        <v>400</v>
      </c>
      <c r="Q2094" s="115" t="s">
        <v>400</v>
      </c>
      <c r="R2094" s="115">
        <v>1</v>
      </c>
      <c r="S2094" s="115">
        <v>0</v>
      </c>
      <c r="T2094" s="115">
        <v>0</v>
      </c>
      <c r="U2094" s="119"/>
      <c r="V2094" s="119"/>
      <c r="W2094" s="119"/>
      <c r="X2094" s="119"/>
      <c r="Y2094" s="119"/>
      <c r="Z2094" s="119"/>
      <c r="AA2094" s="119"/>
      <c r="AB2094" s="119"/>
      <c r="AC2094" s="119"/>
      <c r="AD2094" s="119"/>
      <c r="AE2094" s="119"/>
      <c r="AF2094" s="119"/>
      <c r="AG2094" s="119"/>
      <c r="AH2094" s="119"/>
      <c r="AI2094" s="119"/>
      <c r="AJ2094" s="119"/>
      <c r="AK2094" s="119"/>
      <c r="AL2094" s="119"/>
      <c r="AM2094" s="119"/>
      <c r="AN2094" s="119"/>
      <c r="AO2094" s="119"/>
      <c r="AP2094" s="119"/>
      <c r="AQ2094" s="119"/>
      <c r="AR2094" s="119"/>
      <c r="AS2094" s="119"/>
      <c r="AT2094" s="119"/>
      <c r="AU2094" s="119"/>
      <c r="AV2094" s="119"/>
      <c r="AW2094" s="119"/>
      <c r="AX2094" s="119"/>
      <c r="AY2094" s="119"/>
      <c r="AZ2094" s="119"/>
      <c r="BA2094" s="119"/>
      <c r="BB2094" s="107">
        <v>45884</v>
      </c>
    </row>
    <row r="2095" spans="1:54" s="207" customFormat="1" ht="13.95" customHeight="1" x14ac:dyDescent="0.25">
      <c r="A2095" s="208" t="s">
        <v>5011</v>
      </c>
      <c r="B2095" s="209" t="s">
        <v>20420</v>
      </c>
      <c r="C2095" s="113" t="s">
        <v>5012</v>
      </c>
      <c r="D2095" s="113" t="s">
        <v>23703</v>
      </c>
      <c r="E2095" s="210">
        <v>1977</v>
      </c>
      <c r="F2095" s="210">
        <v>3472</v>
      </c>
      <c r="G2095" s="113" t="s">
        <v>1</v>
      </c>
      <c r="H2095" s="113">
        <v>0</v>
      </c>
      <c r="I2095" s="113">
        <v>0</v>
      </c>
      <c r="J2095" s="115">
        <v>1</v>
      </c>
      <c r="K2095" s="116" t="s">
        <v>174</v>
      </c>
      <c r="L2095" s="115">
        <v>1</v>
      </c>
      <c r="M2095" s="115">
        <v>0</v>
      </c>
      <c r="N2095" s="115">
        <v>0</v>
      </c>
      <c r="O2095" s="115">
        <v>1</v>
      </c>
      <c r="P2095" s="115">
        <v>1</v>
      </c>
      <c r="Q2095" s="115" t="s">
        <v>400</v>
      </c>
      <c r="R2095" s="115">
        <v>0</v>
      </c>
      <c r="S2095" s="115">
        <v>0</v>
      </c>
      <c r="T2095" s="115">
        <v>0</v>
      </c>
      <c r="U2095" s="119"/>
      <c r="V2095" s="119"/>
      <c r="W2095" s="119"/>
      <c r="X2095" s="119"/>
      <c r="Y2095" s="119"/>
      <c r="Z2095" s="119"/>
      <c r="AA2095" s="119"/>
      <c r="AB2095" s="119"/>
      <c r="AC2095" s="119"/>
      <c r="AD2095" s="119"/>
      <c r="AE2095" s="119"/>
      <c r="AF2095" s="119"/>
      <c r="AG2095" s="119"/>
      <c r="AH2095" s="119"/>
      <c r="AI2095" s="119"/>
      <c r="AJ2095" s="119"/>
      <c r="AK2095" s="119"/>
      <c r="AL2095" s="119"/>
      <c r="AM2095" s="119"/>
      <c r="AN2095" s="119"/>
      <c r="AO2095" s="119"/>
      <c r="AP2095" s="119"/>
      <c r="AQ2095" s="119"/>
      <c r="AR2095" s="119"/>
      <c r="AS2095" s="119"/>
      <c r="AT2095" s="119"/>
      <c r="AU2095" s="119"/>
      <c r="AV2095" s="119"/>
      <c r="AW2095" s="119"/>
      <c r="AX2095" s="119"/>
      <c r="AY2095" s="119"/>
      <c r="AZ2095" s="119"/>
      <c r="BA2095" s="119"/>
      <c r="BB2095" s="107">
        <v>45884</v>
      </c>
    </row>
    <row r="2096" spans="1:54" s="207" customFormat="1" ht="13.95" customHeight="1" x14ac:dyDescent="0.25">
      <c r="A2096" s="208" t="s">
        <v>5013</v>
      </c>
      <c r="B2096" s="209" t="s">
        <v>20420</v>
      </c>
      <c r="C2096" s="113" t="s">
        <v>5014</v>
      </c>
      <c r="D2096" s="113" t="s">
        <v>23704</v>
      </c>
      <c r="E2096" s="210">
        <v>1973</v>
      </c>
      <c r="F2096" s="210">
        <v>3474</v>
      </c>
      <c r="G2096" s="113" t="s">
        <v>1</v>
      </c>
      <c r="H2096" s="113">
        <v>0</v>
      </c>
      <c r="I2096" s="113">
        <v>0</v>
      </c>
      <c r="J2096" s="115">
        <v>1</v>
      </c>
      <c r="K2096" s="211">
        <v>1</v>
      </c>
      <c r="L2096" s="115">
        <v>1</v>
      </c>
      <c r="M2096" s="115">
        <v>1</v>
      </c>
      <c r="N2096" s="115">
        <v>0</v>
      </c>
      <c r="O2096" s="115">
        <v>1</v>
      </c>
      <c r="P2096" s="115">
        <v>1</v>
      </c>
      <c r="Q2096" s="115" t="s">
        <v>400</v>
      </c>
      <c r="R2096" s="115">
        <v>1</v>
      </c>
      <c r="S2096" s="115">
        <v>0</v>
      </c>
      <c r="T2096" s="115">
        <v>0</v>
      </c>
      <c r="U2096" s="119"/>
      <c r="V2096" s="119"/>
      <c r="W2096" s="119"/>
      <c r="X2096" s="119"/>
      <c r="Y2096" s="119"/>
      <c r="Z2096" s="119"/>
      <c r="AA2096" s="119"/>
      <c r="AB2096" s="119"/>
      <c r="AC2096" s="119"/>
      <c r="AD2096" s="119"/>
      <c r="AE2096" s="119"/>
      <c r="AF2096" s="119"/>
      <c r="AG2096" s="119"/>
      <c r="AH2096" s="119"/>
      <c r="AI2096" s="119"/>
      <c r="AJ2096" s="119"/>
      <c r="AK2096" s="119"/>
      <c r="AL2096" s="119"/>
      <c r="AM2096" s="119"/>
      <c r="AN2096" s="119"/>
      <c r="AO2096" s="119"/>
      <c r="AP2096" s="119"/>
      <c r="AQ2096" s="119"/>
      <c r="AR2096" s="119"/>
      <c r="AS2096" s="119"/>
      <c r="AT2096" s="119"/>
      <c r="AU2096" s="119"/>
      <c r="AV2096" s="119"/>
      <c r="AW2096" s="119"/>
      <c r="AX2096" s="119"/>
      <c r="AY2096" s="119"/>
      <c r="AZ2096" s="119"/>
      <c r="BA2096" s="119"/>
      <c r="BB2096" s="107">
        <v>45884</v>
      </c>
    </row>
    <row r="2097" spans="1:54" s="207" customFormat="1" ht="13.95" customHeight="1" x14ac:dyDescent="0.25">
      <c r="A2097" s="208" t="s">
        <v>5015</v>
      </c>
      <c r="B2097" s="209" t="s">
        <v>20420</v>
      </c>
      <c r="C2097" s="113" t="s">
        <v>5016</v>
      </c>
      <c r="D2097" s="113" t="s">
        <v>23705</v>
      </c>
      <c r="E2097" s="210">
        <v>1986</v>
      </c>
      <c r="F2097" s="210">
        <v>3480</v>
      </c>
      <c r="G2097" s="113" t="s">
        <v>1</v>
      </c>
      <c r="H2097" s="113">
        <v>1</v>
      </c>
      <c r="I2097" s="113">
        <v>0</v>
      </c>
      <c r="J2097" s="115">
        <v>0</v>
      </c>
      <c r="K2097" s="116" t="s">
        <v>174</v>
      </c>
      <c r="L2097" s="115">
        <v>0</v>
      </c>
      <c r="M2097" s="115">
        <v>0</v>
      </c>
      <c r="N2097" s="115">
        <v>0</v>
      </c>
      <c r="O2097" s="115">
        <v>0</v>
      </c>
      <c r="P2097" s="115" t="s">
        <v>400</v>
      </c>
      <c r="Q2097" s="115" t="s">
        <v>400</v>
      </c>
      <c r="R2097" s="115">
        <v>0</v>
      </c>
      <c r="S2097" s="115">
        <v>0</v>
      </c>
      <c r="T2097" s="115">
        <v>0</v>
      </c>
      <c r="U2097" s="119"/>
      <c r="V2097" s="119"/>
      <c r="W2097" s="119"/>
      <c r="X2097" s="119"/>
      <c r="Y2097" s="119"/>
      <c r="Z2097" s="119"/>
      <c r="AA2097" s="119"/>
      <c r="AB2097" s="119"/>
      <c r="AC2097" s="119"/>
      <c r="AD2097" s="119"/>
      <c r="AE2097" s="119"/>
      <c r="AF2097" s="119"/>
      <c r="AG2097" s="119"/>
      <c r="AH2097" s="119"/>
      <c r="AI2097" s="119"/>
      <c r="AJ2097" s="119"/>
      <c r="AK2097" s="119"/>
      <c r="AL2097" s="119"/>
      <c r="AM2097" s="119"/>
      <c r="AN2097" s="119"/>
      <c r="AO2097" s="119"/>
      <c r="AP2097" s="119"/>
      <c r="AQ2097" s="119"/>
      <c r="AR2097" s="119"/>
      <c r="AS2097" s="119"/>
      <c r="AT2097" s="119"/>
      <c r="AU2097" s="119"/>
      <c r="AV2097" s="119"/>
      <c r="AW2097" s="119"/>
      <c r="AX2097" s="119"/>
      <c r="AY2097" s="119"/>
      <c r="AZ2097" s="119"/>
      <c r="BA2097" s="119"/>
      <c r="BB2097" s="107">
        <v>45884</v>
      </c>
    </row>
    <row r="2098" spans="1:54" s="207" customFormat="1" ht="13.95" customHeight="1" x14ac:dyDescent="0.25">
      <c r="A2098" s="208" t="s">
        <v>5017</v>
      </c>
      <c r="B2098" s="209" t="s">
        <v>20420</v>
      </c>
      <c r="C2098" s="113" t="s">
        <v>5018</v>
      </c>
      <c r="D2098" s="113" t="s">
        <v>23706</v>
      </c>
      <c r="E2098" s="210">
        <v>1966</v>
      </c>
      <c r="F2098" s="210">
        <v>3495</v>
      </c>
      <c r="G2098" s="113" t="s">
        <v>1</v>
      </c>
      <c r="H2098" s="113">
        <v>0</v>
      </c>
      <c r="I2098" s="113">
        <v>0</v>
      </c>
      <c r="J2098" s="115">
        <v>1</v>
      </c>
      <c r="K2098" s="116" t="s">
        <v>174</v>
      </c>
      <c r="L2098" s="115">
        <v>1</v>
      </c>
      <c r="M2098" s="115">
        <v>1</v>
      </c>
      <c r="N2098" s="115">
        <v>0</v>
      </c>
      <c r="O2098" s="115">
        <v>1</v>
      </c>
      <c r="P2098" s="115" t="s">
        <v>400</v>
      </c>
      <c r="Q2098" s="115">
        <v>1</v>
      </c>
      <c r="R2098" s="115">
        <v>1</v>
      </c>
      <c r="S2098" s="115">
        <v>0</v>
      </c>
      <c r="T2098" s="115">
        <v>0</v>
      </c>
      <c r="U2098" s="119"/>
      <c r="V2098" s="119"/>
      <c r="W2098" s="119"/>
      <c r="X2098" s="119"/>
      <c r="Y2098" s="119"/>
      <c r="Z2098" s="119"/>
      <c r="AA2098" s="119"/>
      <c r="AB2098" s="119"/>
      <c r="AC2098" s="119"/>
      <c r="AD2098" s="119"/>
      <c r="AE2098" s="119"/>
      <c r="AF2098" s="119"/>
      <c r="AG2098" s="119"/>
      <c r="AH2098" s="119"/>
      <c r="AI2098" s="119"/>
      <c r="AJ2098" s="119"/>
      <c r="AK2098" s="119"/>
      <c r="AL2098" s="119"/>
      <c r="AM2098" s="119"/>
      <c r="AN2098" s="119"/>
      <c r="AO2098" s="119"/>
      <c r="AP2098" s="119"/>
      <c r="AQ2098" s="119"/>
      <c r="AR2098" s="119"/>
      <c r="AS2098" s="119"/>
      <c r="AT2098" s="119"/>
      <c r="AU2098" s="119"/>
      <c r="AV2098" s="119"/>
      <c r="AW2098" s="119"/>
      <c r="AX2098" s="119"/>
      <c r="AY2098" s="119"/>
      <c r="AZ2098" s="119"/>
      <c r="BA2098" s="119"/>
      <c r="BB2098" s="107">
        <v>45884</v>
      </c>
    </row>
    <row r="2099" spans="1:54" s="207" customFormat="1" ht="13.95" customHeight="1" x14ac:dyDescent="0.25">
      <c r="A2099" s="208" t="s">
        <v>5019</v>
      </c>
      <c r="B2099" s="209" t="s">
        <v>20420</v>
      </c>
      <c r="C2099" s="113" t="s">
        <v>5020</v>
      </c>
      <c r="D2099" s="113" t="s">
        <v>5021</v>
      </c>
      <c r="E2099" s="210">
        <v>1992</v>
      </c>
      <c r="F2099" s="210">
        <v>3498</v>
      </c>
      <c r="G2099" s="113" t="s">
        <v>1</v>
      </c>
      <c r="H2099" s="113">
        <v>1</v>
      </c>
      <c r="I2099" s="113">
        <v>0</v>
      </c>
      <c r="J2099" s="115">
        <v>1</v>
      </c>
      <c r="K2099" s="116" t="s">
        <v>174</v>
      </c>
      <c r="L2099" s="115">
        <v>0</v>
      </c>
      <c r="M2099" s="115">
        <v>0</v>
      </c>
      <c r="N2099" s="115">
        <v>0</v>
      </c>
      <c r="O2099" s="115">
        <v>0</v>
      </c>
      <c r="P2099" s="115" t="s">
        <v>400</v>
      </c>
      <c r="Q2099" s="115" t="s">
        <v>400</v>
      </c>
      <c r="R2099" s="115">
        <v>0</v>
      </c>
      <c r="S2099" s="115">
        <v>0</v>
      </c>
      <c r="T2099" s="115">
        <v>0</v>
      </c>
      <c r="U2099" s="119"/>
      <c r="V2099" s="119"/>
      <c r="W2099" s="119"/>
      <c r="X2099" s="119"/>
      <c r="Y2099" s="119"/>
      <c r="Z2099" s="119"/>
      <c r="AA2099" s="119"/>
      <c r="AB2099" s="119"/>
      <c r="AC2099" s="119"/>
      <c r="AD2099" s="119"/>
      <c r="AE2099" s="119"/>
      <c r="AF2099" s="119"/>
      <c r="AG2099" s="119"/>
      <c r="AH2099" s="119"/>
      <c r="AI2099" s="119"/>
      <c r="AJ2099" s="119"/>
      <c r="AK2099" s="119"/>
      <c r="AL2099" s="119"/>
      <c r="AM2099" s="119"/>
      <c r="AN2099" s="119"/>
      <c r="AO2099" s="119"/>
      <c r="AP2099" s="119"/>
      <c r="AQ2099" s="119"/>
      <c r="AR2099" s="119"/>
      <c r="AS2099" s="119"/>
      <c r="AT2099" s="119"/>
      <c r="AU2099" s="119"/>
      <c r="AV2099" s="119"/>
      <c r="AW2099" s="119"/>
      <c r="AX2099" s="119"/>
      <c r="AY2099" s="119"/>
      <c r="AZ2099" s="119"/>
      <c r="BA2099" s="119"/>
      <c r="BB2099" s="107">
        <v>45884</v>
      </c>
    </row>
    <row r="2100" spans="1:54" s="207" customFormat="1" ht="13.95" customHeight="1" x14ac:dyDescent="0.25">
      <c r="A2100" s="208" t="s">
        <v>5022</v>
      </c>
      <c r="B2100" s="209" t="s">
        <v>20420</v>
      </c>
      <c r="C2100" s="113" t="s">
        <v>5023</v>
      </c>
      <c r="D2100" s="113" t="s">
        <v>23707</v>
      </c>
      <c r="E2100" s="210">
        <v>1989</v>
      </c>
      <c r="F2100" s="210">
        <v>3505</v>
      </c>
      <c r="G2100" s="113" t="s">
        <v>1</v>
      </c>
      <c r="H2100" s="113">
        <v>0</v>
      </c>
      <c r="I2100" s="113">
        <v>0</v>
      </c>
      <c r="J2100" s="115">
        <v>1</v>
      </c>
      <c r="K2100" s="211">
        <v>1</v>
      </c>
      <c r="L2100" s="115">
        <v>1</v>
      </c>
      <c r="M2100" s="115">
        <v>0</v>
      </c>
      <c r="N2100" s="115">
        <v>0</v>
      </c>
      <c r="O2100" s="115">
        <v>1</v>
      </c>
      <c r="P2100" s="115">
        <v>1</v>
      </c>
      <c r="Q2100" s="115" t="s">
        <v>400</v>
      </c>
      <c r="R2100" s="115">
        <v>1</v>
      </c>
      <c r="S2100" s="115">
        <v>0</v>
      </c>
      <c r="T2100" s="115">
        <v>0</v>
      </c>
      <c r="U2100" s="119"/>
      <c r="V2100" s="119"/>
      <c r="W2100" s="119"/>
      <c r="X2100" s="119"/>
      <c r="Y2100" s="119"/>
      <c r="Z2100" s="119"/>
      <c r="AA2100" s="119"/>
      <c r="AB2100" s="119"/>
      <c r="AC2100" s="119"/>
      <c r="AD2100" s="119"/>
      <c r="AE2100" s="119"/>
      <c r="AF2100" s="119"/>
      <c r="AG2100" s="119"/>
      <c r="AH2100" s="119"/>
      <c r="AI2100" s="119"/>
      <c r="AJ2100" s="119"/>
      <c r="AK2100" s="119"/>
      <c r="AL2100" s="119"/>
      <c r="AM2100" s="119"/>
      <c r="AN2100" s="119"/>
      <c r="AO2100" s="119"/>
      <c r="AP2100" s="119"/>
      <c r="AQ2100" s="119"/>
      <c r="AR2100" s="119"/>
      <c r="AS2100" s="119"/>
      <c r="AT2100" s="119"/>
      <c r="AU2100" s="119"/>
      <c r="AV2100" s="119"/>
      <c r="AW2100" s="119"/>
      <c r="AX2100" s="119"/>
      <c r="AY2100" s="119"/>
      <c r="AZ2100" s="119"/>
      <c r="BA2100" s="119"/>
      <c r="BB2100" s="107">
        <v>45884</v>
      </c>
    </row>
    <row r="2101" spans="1:54" s="207" customFormat="1" ht="13.95" customHeight="1" x14ac:dyDescent="0.25">
      <c r="A2101" s="208" t="s">
        <v>5024</v>
      </c>
      <c r="B2101" s="209" t="s">
        <v>20420</v>
      </c>
      <c r="C2101" s="113" t="s">
        <v>5025</v>
      </c>
      <c r="D2101" s="113" t="s">
        <v>5026</v>
      </c>
      <c r="E2101" s="210">
        <v>1989</v>
      </c>
      <c r="F2101" s="210">
        <v>3518</v>
      </c>
      <c r="G2101" s="113" t="s">
        <v>1</v>
      </c>
      <c r="H2101" s="113">
        <v>0</v>
      </c>
      <c r="I2101" s="113">
        <v>0</v>
      </c>
      <c r="J2101" s="115">
        <v>1</v>
      </c>
      <c r="K2101" s="211">
        <v>1</v>
      </c>
      <c r="L2101" s="115">
        <v>1</v>
      </c>
      <c r="M2101" s="115">
        <v>1</v>
      </c>
      <c r="N2101" s="115">
        <v>0</v>
      </c>
      <c r="O2101" s="115">
        <v>1</v>
      </c>
      <c r="P2101" s="115">
        <v>1</v>
      </c>
      <c r="Q2101" s="115" t="s">
        <v>400</v>
      </c>
      <c r="R2101" s="115">
        <v>1</v>
      </c>
      <c r="S2101" s="115">
        <v>0</v>
      </c>
      <c r="T2101" s="115">
        <v>0</v>
      </c>
      <c r="U2101" s="119"/>
      <c r="V2101" s="119"/>
      <c r="W2101" s="119"/>
      <c r="X2101" s="119"/>
      <c r="Y2101" s="119"/>
      <c r="Z2101" s="119"/>
      <c r="AA2101" s="119"/>
      <c r="AB2101" s="119"/>
      <c r="AC2101" s="119"/>
      <c r="AD2101" s="119"/>
      <c r="AE2101" s="119"/>
      <c r="AF2101" s="119"/>
      <c r="AG2101" s="119"/>
      <c r="AH2101" s="119"/>
      <c r="AI2101" s="119"/>
      <c r="AJ2101" s="119"/>
      <c r="AK2101" s="119"/>
      <c r="AL2101" s="119"/>
      <c r="AM2101" s="119"/>
      <c r="AN2101" s="119"/>
      <c r="AO2101" s="119"/>
      <c r="AP2101" s="119"/>
      <c r="AQ2101" s="119"/>
      <c r="AR2101" s="119"/>
      <c r="AS2101" s="119"/>
      <c r="AT2101" s="119"/>
      <c r="AU2101" s="119"/>
      <c r="AV2101" s="119"/>
      <c r="AW2101" s="119"/>
      <c r="AX2101" s="119"/>
      <c r="AY2101" s="119"/>
      <c r="AZ2101" s="119"/>
      <c r="BA2101" s="119"/>
      <c r="BB2101" s="107">
        <v>45884</v>
      </c>
    </row>
    <row r="2102" spans="1:54" s="207" customFormat="1" ht="13.95" customHeight="1" x14ac:dyDescent="0.25">
      <c r="A2102" s="208" t="s">
        <v>5027</v>
      </c>
      <c r="B2102" s="209" t="s">
        <v>20420</v>
      </c>
      <c r="C2102" s="113" t="s">
        <v>5028</v>
      </c>
      <c r="D2102" s="113" t="s">
        <v>23708</v>
      </c>
      <c r="E2102" s="210">
        <v>1984</v>
      </c>
      <c r="F2102" s="210">
        <v>3521</v>
      </c>
      <c r="G2102" s="113" t="s">
        <v>1</v>
      </c>
      <c r="H2102" s="113">
        <v>0</v>
      </c>
      <c r="I2102" s="113">
        <v>0</v>
      </c>
      <c r="J2102" s="115">
        <v>1</v>
      </c>
      <c r="K2102" s="116" t="s">
        <v>174</v>
      </c>
      <c r="L2102" s="115">
        <v>0</v>
      </c>
      <c r="M2102" s="115">
        <v>1</v>
      </c>
      <c r="N2102" s="115">
        <v>1</v>
      </c>
      <c r="O2102" s="115">
        <v>0</v>
      </c>
      <c r="P2102" s="115" t="s">
        <v>400</v>
      </c>
      <c r="Q2102" s="115" t="s">
        <v>400</v>
      </c>
      <c r="R2102" s="115">
        <v>1</v>
      </c>
      <c r="S2102" s="115">
        <v>0</v>
      </c>
      <c r="T2102" s="115">
        <v>0</v>
      </c>
      <c r="U2102" s="119"/>
      <c r="V2102" s="119"/>
      <c r="W2102" s="119"/>
      <c r="X2102" s="119"/>
      <c r="Y2102" s="119"/>
      <c r="Z2102" s="119"/>
      <c r="AA2102" s="119"/>
      <c r="AB2102" s="119"/>
      <c r="AC2102" s="119"/>
      <c r="AD2102" s="119"/>
      <c r="AE2102" s="119"/>
      <c r="AF2102" s="119"/>
      <c r="AG2102" s="119"/>
      <c r="AH2102" s="119"/>
      <c r="AI2102" s="119"/>
      <c r="AJ2102" s="119"/>
      <c r="AK2102" s="119"/>
      <c r="AL2102" s="119"/>
      <c r="AM2102" s="119"/>
      <c r="AN2102" s="119"/>
      <c r="AO2102" s="119"/>
      <c r="AP2102" s="119"/>
      <c r="AQ2102" s="119"/>
      <c r="AR2102" s="119"/>
      <c r="AS2102" s="119"/>
      <c r="AT2102" s="119"/>
      <c r="AU2102" s="119"/>
      <c r="AV2102" s="119"/>
      <c r="AW2102" s="119"/>
      <c r="AX2102" s="119"/>
      <c r="AY2102" s="119"/>
      <c r="AZ2102" s="119"/>
      <c r="BA2102" s="119"/>
      <c r="BB2102" s="107">
        <v>45884</v>
      </c>
    </row>
    <row r="2103" spans="1:54" s="207" customFormat="1" ht="13.95" customHeight="1" x14ac:dyDescent="0.25">
      <c r="A2103" s="208" t="s">
        <v>5029</v>
      </c>
      <c r="B2103" s="209" t="s">
        <v>20420</v>
      </c>
      <c r="C2103" s="113" t="s">
        <v>5030</v>
      </c>
      <c r="D2103" s="113" t="s">
        <v>23709</v>
      </c>
      <c r="E2103" s="210">
        <v>1990</v>
      </c>
      <c r="F2103" s="210">
        <v>3521</v>
      </c>
      <c r="G2103" s="113" t="s">
        <v>1</v>
      </c>
      <c r="H2103" s="113">
        <v>0</v>
      </c>
      <c r="I2103" s="113">
        <v>0</v>
      </c>
      <c r="J2103" s="115">
        <v>1</v>
      </c>
      <c r="K2103" s="116" t="s">
        <v>174</v>
      </c>
      <c r="L2103" s="115">
        <v>1</v>
      </c>
      <c r="M2103" s="115">
        <v>1</v>
      </c>
      <c r="N2103" s="115">
        <v>1</v>
      </c>
      <c r="O2103" s="115">
        <v>1</v>
      </c>
      <c r="P2103" s="115" t="s">
        <v>400</v>
      </c>
      <c r="Q2103" s="115" t="s">
        <v>400</v>
      </c>
      <c r="R2103" s="115">
        <v>1</v>
      </c>
      <c r="S2103" s="115">
        <v>0</v>
      </c>
      <c r="T2103" s="115">
        <v>0</v>
      </c>
      <c r="U2103" s="119"/>
      <c r="V2103" s="119"/>
      <c r="W2103" s="119"/>
      <c r="X2103" s="119"/>
      <c r="Y2103" s="119"/>
      <c r="Z2103" s="119"/>
      <c r="AA2103" s="119"/>
      <c r="AB2103" s="119"/>
      <c r="AC2103" s="119"/>
      <c r="AD2103" s="119"/>
      <c r="AE2103" s="119"/>
      <c r="AF2103" s="119"/>
      <c r="AG2103" s="119"/>
      <c r="AH2103" s="119"/>
      <c r="AI2103" s="119"/>
      <c r="AJ2103" s="119"/>
      <c r="AK2103" s="119"/>
      <c r="AL2103" s="119"/>
      <c r="AM2103" s="119"/>
      <c r="AN2103" s="119"/>
      <c r="AO2103" s="119"/>
      <c r="AP2103" s="119"/>
      <c r="AQ2103" s="119"/>
      <c r="AR2103" s="119"/>
      <c r="AS2103" s="119"/>
      <c r="AT2103" s="119"/>
      <c r="AU2103" s="119"/>
      <c r="AV2103" s="119"/>
      <c r="AW2103" s="119"/>
      <c r="AX2103" s="119"/>
      <c r="AY2103" s="119"/>
      <c r="AZ2103" s="119"/>
      <c r="BA2103" s="119"/>
      <c r="BB2103" s="107">
        <v>45884</v>
      </c>
    </row>
    <row r="2104" spans="1:54" s="207" customFormat="1" ht="13.95" customHeight="1" x14ac:dyDescent="0.25">
      <c r="A2104" s="208" t="s">
        <v>5031</v>
      </c>
      <c r="B2104" s="209" t="s">
        <v>20420</v>
      </c>
      <c r="C2104" s="113" t="s">
        <v>5032</v>
      </c>
      <c r="D2104" s="113" t="s">
        <v>5033</v>
      </c>
      <c r="E2104" s="210">
        <v>1974</v>
      </c>
      <c r="F2104" s="210">
        <v>3528</v>
      </c>
      <c r="G2104" s="113" t="s">
        <v>1</v>
      </c>
      <c r="H2104" s="113">
        <v>0</v>
      </c>
      <c r="I2104" s="113">
        <v>0</v>
      </c>
      <c r="J2104" s="115">
        <v>1</v>
      </c>
      <c r="K2104" s="116" t="s">
        <v>174</v>
      </c>
      <c r="L2104" s="115">
        <v>0</v>
      </c>
      <c r="M2104" s="115">
        <v>0</v>
      </c>
      <c r="N2104" s="115">
        <v>1</v>
      </c>
      <c r="O2104" s="115">
        <v>0</v>
      </c>
      <c r="P2104" s="115" t="s">
        <v>400</v>
      </c>
      <c r="Q2104" s="115" t="s">
        <v>400</v>
      </c>
      <c r="R2104" s="115">
        <v>0</v>
      </c>
      <c r="S2104" s="115">
        <v>0</v>
      </c>
      <c r="T2104" s="115">
        <v>0</v>
      </c>
      <c r="U2104" s="119"/>
      <c r="V2104" s="119"/>
      <c r="W2104" s="119"/>
      <c r="X2104" s="119"/>
      <c r="Y2104" s="119"/>
      <c r="Z2104" s="119"/>
      <c r="AA2104" s="119"/>
      <c r="AB2104" s="119"/>
      <c r="AC2104" s="119"/>
      <c r="AD2104" s="119"/>
      <c r="AE2104" s="119"/>
      <c r="AF2104" s="119"/>
      <c r="AG2104" s="119"/>
      <c r="AH2104" s="119"/>
      <c r="AI2104" s="119"/>
      <c r="AJ2104" s="119"/>
      <c r="AK2104" s="119"/>
      <c r="AL2104" s="119"/>
      <c r="AM2104" s="119"/>
      <c r="AN2104" s="119"/>
      <c r="AO2104" s="119"/>
      <c r="AP2104" s="119"/>
      <c r="AQ2104" s="119"/>
      <c r="AR2104" s="119"/>
      <c r="AS2104" s="119"/>
      <c r="AT2104" s="119"/>
      <c r="AU2104" s="119"/>
      <c r="AV2104" s="119"/>
      <c r="AW2104" s="119"/>
      <c r="AX2104" s="119"/>
      <c r="AY2104" s="119"/>
      <c r="AZ2104" s="119"/>
      <c r="BA2104" s="119"/>
      <c r="BB2104" s="107">
        <v>45884</v>
      </c>
    </row>
    <row r="2105" spans="1:54" s="207" customFormat="1" ht="13.95" customHeight="1" x14ac:dyDescent="0.25">
      <c r="A2105" s="208" t="s">
        <v>5034</v>
      </c>
      <c r="B2105" s="209" t="s">
        <v>20420</v>
      </c>
      <c r="C2105" s="113" t="s">
        <v>5035</v>
      </c>
      <c r="D2105" s="113" t="s">
        <v>23710</v>
      </c>
      <c r="E2105" s="210">
        <v>1975</v>
      </c>
      <c r="F2105" s="210">
        <v>3528</v>
      </c>
      <c r="G2105" s="113" t="s">
        <v>1</v>
      </c>
      <c r="H2105" s="113">
        <v>0</v>
      </c>
      <c r="I2105" s="113">
        <v>0</v>
      </c>
      <c r="J2105" s="115">
        <v>1</v>
      </c>
      <c r="K2105" s="116" t="s">
        <v>174</v>
      </c>
      <c r="L2105" s="115">
        <v>1</v>
      </c>
      <c r="M2105" s="115">
        <v>0</v>
      </c>
      <c r="N2105" s="115">
        <v>0</v>
      </c>
      <c r="O2105" s="115">
        <v>0</v>
      </c>
      <c r="P2105" s="115" t="s">
        <v>400</v>
      </c>
      <c r="Q2105" s="115" t="s">
        <v>400</v>
      </c>
      <c r="R2105" s="115">
        <v>0</v>
      </c>
      <c r="S2105" s="115">
        <v>0</v>
      </c>
      <c r="T2105" s="115">
        <v>0</v>
      </c>
      <c r="U2105" s="119"/>
      <c r="V2105" s="119"/>
      <c r="W2105" s="119"/>
      <c r="X2105" s="119"/>
      <c r="Y2105" s="119"/>
      <c r="Z2105" s="119"/>
      <c r="AA2105" s="119"/>
      <c r="AB2105" s="119"/>
      <c r="AC2105" s="119"/>
      <c r="AD2105" s="119"/>
      <c r="AE2105" s="119"/>
      <c r="AF2105" s="119"/>
      <c r="AG2105" s="119"/>
      <c r="AH2105" s="119"/>
      <c r="AI2105" s="119"/>
      <c r="AJ2105" s="119"/>
      <c r="AK2105" s="119"/>
      <c r="AL2105" s="119"/>
      <c r="AM2105" s="119"/>
      <c r="AN2105" s="119"/>
      <c r="AO2105" s="119"/>
      <c r="AP2105" s="119"/>
      <c r="AQ2105" s="119"/>
      <c r="AR2105" s="119"/>
      <c r="AS2105" s="119"/>
      <c r="AT2105" s="119"/>
      <c r="AU2105" s="119"/>
      <c r="AV2105" s="119"/>
      <c r="AW2105" s="119"/>
      <c r="AX2105" s="119"/>
      <c r="AY2105" s="119"/>
      <c r="AZ2105" s="119"/>
      <c r="BA2105" s="119"/>
      <c r="BB2105" s="107">
        <v>45884</v>
      </c>
    </row>
    <row r="2106" spans="1:54" s="207" customFormat="1" ht="13.95" customHeight="1" x14ac:dyDescent="0.25">
      <c r="A2106" s="208" t="s">
        <v>5036</v>
      </c>
      <c r="B2106" s="209" t="s">
        <v>20420</v>
      </c>
      <c r="C2106" s="113" t="s">
        <v>5037</v>
      </c>
      <c r="D2106" s="113" t="s">
        <v>23711</v>
      </c>
      <c r="E2106" s="210">
        <v>1976</v>
      </c>
      <c r="F2106" s="210">
        <v>3546</v>
      </c>
      <c r="G2106" s="113" t="s">
        <v>1</v>
      </c>
      <c r="H2106" s="113">
        <v>0</v>
      </c>
      <c r="I2106" s="113">
        <v>0</v>
      </c>
      <c r="J2106" s="115">
        <v>1</v>
      </c>
      <c r="K2106" s="211">
        <v>1</v>
      </c>
      <c r="L2106" s="115">
        <v>1</v>
      </c>
      <c r="M2106" s="115">
        <v>0</v>
      </c>
      <c r="N2106" s="115">
        <v>0</v>
      </c>
      <c r="O2106" s="115">
        <v>1</v>
      </c>
      <c r="P2106" s="115">
        <v>1</v>
      </c>
      <c r="Q2106" s="115" t="s">
        <v>400</v>
      </c>
      <c r="R2106" s="115">
        <v>1</v>
      </c>
      <c r="S2106" s="115">
        <v>0</v>
      </c>
      <c r="T2106" s="115">
        <v>0</v>
      </c>
      <c r="U2106" s="119"/>
      <c r="V2106" s="119"/>
      <c r="W2106" s="119"/>
      <c r="X2106" s="119"/>
      <c r="Y2106" s="119"/>
      <c r="Z2106" s="119"/>
      <c r="AA2106" s="119"/>
      <c r="AB2106" s="119"/>
      <c r="AC2106" s="119"/>
      <c r="AD2106" s="119"/>
      <c r="AE2106" s="119"/>
      <c r="AF2106" s="119"/>
      <c r="AG2106" s="119"/>
      <c r="AH2106" s="119"/>
      <c r="AI2106" s="119"/>
      <c r="AJ2106" s="119"/>
      <c r="AK2106" s="119"/>
      <c r="AL2106" s="119"/>
      <c r="AM2106" s="119"/>
      <c r="AN2106" s="119"/>
      <c r="AO2106" s="119"/>
      <c r="AP2106" s="119"/>
      <c r="AQ2106" s="119"/>
      <c r="AR2106" s="119"/>
      <c r="AS2106" s="119"/>
      <c r="AT2106" s="119"/>
      <c r="AU2106" s="119"/>
      <c r="AV2106" s="119"/>
      <c r="AW2106" s="119"/>
      <c r="AX2106" s="119"/>
      <c r="AY2106" s="119"/>
      <c r="AZ2106" s="119"/>
      <c r="BA2106" s="119"/>
      <c r="BB2106" s="107">
        <v>45884</v>
      </c>
    </row>
    <row r="2107" spans="1:54" s="207" customFormat="1" ht="13.95" customHeight="1" x14ac:dyDescent="0.25">
      <c r="A2107" s="208" t="s">
        <v>5038</v>
      </c>
      <c r="B2107" s="209" t="s">
        <v>20420</v>
      </c>
      <c r="C2107" s="113" t="s">
        <v>5039</v>
      </c>
      <c r="D2107" s="113" t="s">
        <v>23712</v>
      </c>
      <c r="E2107" s="210">
        <v>1973</v>
      </c>
      <c r="F2107" s="210">
        <v>3545</v>
      </c>
      <c r="G2107" s="113" t="s">
        <v>1</v>
      </c>
      <c r="H2107" s="113">
        <v>0</v>
      </c>
      <c r="I2107" s="113">
        <v>0</v>
      </c>
      <c r="J2107" s="115">
        <v>1</v>
      </c>
      <c r="K2107" s="116" t="s">
        <v>174</v>
      </c>
      <c r="L2107" s="115">
        <v>1</v>
      </c>
      <c r="M2107" s="115">
        <v>0</v>
      </c>
      <c r="N2107" s="115">
        <v>0</v>
      </c>
      <c r="O2107" s="115">
        <v>1</v>
      </c>
      <c r="P2107" s="115">
        <v>1</v>
      </c>
      <c r="Q2107" s="115">
        <v>1</v>
      </c>
      <c r="R2107" s="115">
        <v>1</v>
      </c>
      <c r="S2107" s="115">
        <v>0</v>
      </c>
      <c r="T2107" s="115">
        <v>0</v>
      </c>
      <c r="U2107" s="119"/>
      <c r="V2107" s="119"/>
      <c r="W2107" s="119"/>
      <c r="X2107" s="119"/>
      <c r="Y2107" s="119"/>
      <c r="Z2107" s="119"/>
      <c r="AA2107" s="119"/>
      <c r="AB2107" s="119"/>
      <c r="AC2107" s="119"/>
      <c r="AD2107" s="119"/>
      <c r="AE2107" s="119"/>
      <c r="AF2107" s="119"/>
      <c r="AG2107" s="119"/>
      <c r="AH2107" s="119"/>
      <c r="AI2107" s="119"/>
      <c r="AJ2107" s="119"/>
      <c r="AK2107" s="119"/>
      <c r="AL2107" s="119"/>
      <c r="AM2107" s="119"/>
      <c r="AN2107" s="119"/>
      <c r="AO2107" s="119"/>
      <c r="AP2107" s="119"/>
      <c r="AQ2107" s="119"/>
      <c r="AR2107" s="119"/>
      <c r="AS2107" s="119"/>
      <c r="AT2107" s="119"/>
      <c r="AU2107" s="119"/>
      <c r="AV2107" s="119"/>
      <c r="AW2107" s="119"/>
      <c r="AX2107" s="119"/>
      <c r="AY2107" s="119"/>
      <c r="AZ2107" s="119"/>
      <c r="BA2107" s="119"/>
      <c r="BB2107" s="107">
        <v>45884</v>
      </c>
    </row>
    <row r="2108" spans="1:54" s="207" customFormat="1" ht="13.95" customHeight="1" x14ac:dyDescent="0.25">
      <c r="A2108" s="208" t="s">
        <v>5040</v>
      </c>
      <c r="B2108" s="209" t="s">
        <v>20420</v>
      </c>
      <c r="C2108" s="113" t="s">
        <v>5041</v>
      </c>
      <c r="D2108" s="113" t="s">
        <v>5042</v>
      </c>
      <c r="E2108" s="210">
        <v>1978</v>
      </c>
      <c r="F2108" s="210">
        <v>3553</v>
      </c>
      <c r="G2108" s="113" t="s">
        <v>1</v>
      </c>
      <c r="H2108" s="113">
        <v>0</v>
      </c>
      <c r="I2108" s="113">
        <v>0</v>
      </c>
      <c r="J2108" s="115">
        <v>1</v>
      </c>
      <c r="K2108" s="211">
        <v>1</v>
      </c>
      <c r="L2108" s="115">
        <v>1</v>
      </c>
      <c r="M2108" s="115">
        <v>1</v>
      </c>
      <c r="N2108" s="115">
        <v>0</v>
      </c>
      <c r="O2108" s="115">
        <v>1</v>
      </c>
      <c r="P2108" s="115">
        <v>1</v>
      </c>
      <c r="Q2108" s="115" t="s">
        <v>400</v>
      </c>
      <c r="R2108" s="115">
        <v>1</v>
      </c>
      <c r="S2108" s="115">
        <v>0</v>
      </c>
      <c r="T2108" s="115">
        <v>0</v>
      </c>
      <c r="U2108" s="119"/>
      <c r="V2108" s="119"/>
      <c r="W2108" s="119"/>
      <c r="X2108" s="119"/>
      <c r="Y2108" s="119"/>
      <c r="Z2108" s="119"/>
      <c r="AA2108" s="119"/>
      <c r="AB2108" s="119"/>
      <c r="AC2108" s="119"/>
      <c r="AD2108" s="119"/>
      <c r="AE2108" s="119"/>
      <c r="AF2108" s="119"/>
      <c r="AG2108" s="119"/>
      <c r="AH2108" s="119"/>
      <c r="AI2108" s="119"/>
      <c r="AJ2108" s="119"/>
      <c r="AK2108" s="119"/>
      <c r="AL2108" s="119"/>
      <c r="AM2108" s="119"/>
      <c r="AN2108" s="119"/>
      <c r="AO2108" s="119"/>
      <c r="AP2108" s="119"/>
      <c r="AQ2108" s="119"/>
      <c r="AR2108" s="119"/>
      <c r="AS2108" s="119"/>
      <c r="AT2108" s="119"/>
      <c r="AU2108" s="119"/>
      <c r="AV2108" s="119"/>
      <c r="AW2108" s="119"/>
      <c r="AX2108" s="119"/>
      <c r="AY2108" s="119"/>
      <c r="AZ2108" s="119"/>
      <c r="BA2108" s="119"/>
      <c r="BB2108" s="107">
        <v>45884</v>
      </c>
    </row>
    <row r="2109" spans="1:54" s="207" customFormat="1" ht="13.95" customHeight="1" x14ac:dyDescent="0.25">
      <c r="A2109" s="208" t="s">
        <v>5043</v>
      </c>
      <c r="B2109" s="209" t="s">
        <v>20420</v>
      </c>
      <c r="C2109" s="113" t="s">
        <v>5044</v>
      </c>
      <c r="D2109" s="113" t="s">
        <v>23713</v>
      </c>
      <c r="E2109" s="210">
        <v>1988</v>
      </c>
      <c r="F2109" s="210">
        <v>3561</v>
      </c>
      <c r="G2109" s="113" t="s">
        <v>1</v>
      </c>
      <c r="H2109" s="113">
        <v>0</v>
      </c>
      <c r="I2109" s="113">
        <v>0</v>
      </c>
      <c r="J2109" s="115">
        <v>1</v>
      </c>
      <c r="K2109" s="211">
        <v>1</v>
      </c>
      <c r="L2109" s="115">
        <v>1</v>
      </c>
      <c r="M2109" s="115">
        <v>1</v>
      </c>
      <c r="N2109" s="115">
        <v>1</v>
      </c>
      <c r="O2109" s="115">
        <v>1</v>
      </c>
      <c r="P2109" s="115" t="s">
        <v>400</v>
      </c>
      <c r="Q2109" s="115">
        <v>1</v>
      </c>
      <c r="R2109" s="115">
        <v>1</v>
      </c>
      <c r="S2109" s="115">
        <v>0</v>
      </c>
      <c r="T2109" s="115">
        <v>0</v>
      </c>
      <c r="U2109" s="119"/>
      <c r="V2109" s="119"/>
      <c r="W2109" s="119"/>
      <c r="X2109" s="119"/>
      <c r="Y2109" s="119"/>
      <c r="Z2109" s="119"/>
      <c r="AA2109" s="119"/>
      <c r="AB2109" s="119"/>
      <c r="AC2109" s="119"/>
      <c r="AD2109" s="119"/>
      <c r="AE2109" s="119"/>
      <c r="AF2109" s="119"/>
      <c r="AG2109" s="119"/>
      <c r="AH2109" s="119"/>
      <c r="AI2109" s="119"/>
      <c r="AJ2109" s="119"/>
      <c r="AK2109" s="119"/>
      <c r="AL2109" s="119"/>
      <c r="AM2109" s="119"/>
      <c r="AN2109" s="119"/>
      <c r="AO2109" s="119"/>
      <c r="AP2109" s="119"/>
      <c r="AQ2109" s="119"/>
      <c r="AR2109" s="119"/>
      <c r="AS2109" s="119"/>
      <c r="AT2109" s="119"/>
      <c r="AU2109" s="119"/>
      <c r="AV2109" s="119"/>
      <c r="AW2109" s="119"/>
      <c r="AX2109" s="119"/>
      <c r="AY2109" s="119"/>
      <c r="AZ2109" s="119"/>
      <c r="BA2109" s="119"/>
      <c r="BB2109" s="107">
        <v>45884</v>
      </c>
    </row>
    <row r="2110" spans="1:54" s="207" customFormat="1" ht="13.95" customHeight="1" x14ac:dyDescent="0.25">
      <c r="A2110" s="208" t="s">
        <v>5045</v>
      </c>
      <c r="B2110" s="209" t="s">
        <v>20420</v>
      </c>
      <c r="C2110" s="113" t="s">
        <v>5046</v>
      </c>
      <c r="D2110" s="113" t="s">
        <v>23714</v>
      </c>
      <c r="E2110" s="210">
        <v>1994</v>
      </c>
      <c r="F2110" s="210">
        <v>3564</v>
      </c>
      <c r="G2110" s="113" t="s">
        <v>1</v>
      </c>
      <c r="H2110" s="113">
        <v>0</v>
      </c>
      <c r="I2110" s="113">
        <v>0</v>
      </c>
      <c r="J2110" s="115">
        <v>1</v>
      </c>
      <c r="K2110" s="211">
        <v>1</v>
      </c>
      <c r="L2110" s="115">
        <v>1</v>
      </c>
      <c r="M2110" s="115">
        <v>0</v>
      </c>
      <c r="N2110" s="115">
        <v>0</v>
      </c>
      <c r="O2110" s="115">
        <v>1</v>
      </c>
      <c r="P2110" s="115" t="s">
        <v>400</v>
      </c>
      <c r="Q2110" s="115" t="s">
        <v>400</v>
      </c>
      <c r="R2110" s="115">
        <v>0</v>
      </c>
      <c r="S2110" s="115">
        <v>0</v>
      </c>
      <c r="T2110" s="115">
        <v>0</v>
      </c>
      <c r="U2110" s="119"/>
      <c r="V2110" s="119"/>
      <c r="W2110" s="119"/>
      <c r="X2110" s="119"/>
      <c r="Y2110" s="119"/>
      <c r="Z2110" s="119"/>
      <c r="AA2110" s="119"/>
      <c r="AB2110" s="119"/>
      <c r="AC2110" s="119"/>
      <c r="AD2110" s="119"/>
      <c r="AE2110" s="119"/>
      <c r="AF2110" s="119"/>
      <c r="AG2110" s="119"/>
      <c r="AH2110" s="119"/>
      <c r="AI2110" s="119"/>
      <c r="AJ2110" s="119"/>
      <c r="AK2110" s="119"/>
      <c r="AL2110" s="119"/>
      <c r="AM2110" s="119"/>
      <c r="AN2110" s="119"/>
      <c r="AO2110" s="119"/>
      <c r="AP2110" s="119"/>
      <c r="AQ2110" s="119"/>
      <c r="AR2110" s="119"/>
      <c r="AS2110" s="119"/>
      <c r="AT2110" s="119"/>
      <c r="AU2110" s="119"/>
      <c r="AV2110" s="119"/>
      <c r="AW2110" s="119"/>
      <c r="AX2110" s="119"/>
      <c r="AY2110" s="119"/>
      <c r="AZ2110" s="119"/>
      <c r="BA2110" s="119"/>
      <c r="BB2110" s="107">
        <v>45884</v>
      </c>
    </row>
    <row r="2111" spans="1:54" s="207" customFormat="1" ht="13.95" customHeight="1" x14ac:dyDescent="0.25">
      <c r="A2111" s="208" t="s">
        <v>5047</v>
      </c>
      <c r="B2111" s="209" t="s">
        <v>20420</v>
      </c>
      <c r="C2111" s="113" t="s">
        <v>5048</v>
      </c>
      <c r="D2111" s="113" t="s">
        <v>23715</v>
      </c>
      <c r="E2111" s="210">
        <v>1952</v>
      </c>
      <c r="F2111" s="210">
        <v>3582</v>
      </c>
      <c r="G2111" s="113" t="s">
        <v>1</v>
      </c>
      <c r="H2111" s="113">
        <v>1</v>
      </c>
      <c r="I2111" s="113">
        <v>0</v>
      </c>
      <c r="J2111" s="115">
        <v>1</v>
      </c>
      <c r="K2111" s="211">
        <v>1</v>
      </c>
      <c r="L2111" s="115">
        <v>1</v>
      </c>
      <c r="M2111" s="115">
        <v>1</v>
      </c>
      <c r="N2111" s="115">
        <v>0</v>
      </c>
      <c r="O2111" s="115">
        <v>1</v>
      </c>
      <c r="P2111" s="115" t="s">
        <v>400</v>
      </c>
      <c r="Q2111" s="115" t="s">
        <v>400</v>
      </c>
      <c r="R2111" s="115">
        <v>1</v>
      </c>
      <c r="S2111" s="115">
        <v>0</v>
      </c>
      <c r="T2111" s="115">
        <v>0</v>
      </c>
      <c r="U2111" s="119"/>
      <c r="V2111" s="119"/>
      <c r="W2111" s="119"/>
      <c r="X2111" s="119"/>
      <c r="Y2111" s="119"/>
      <c r="Z2111" s="119"/>
      <c r="AA2111" s="119"/>
      <c r="AB2111" s="119"/>
      <c r="AC2111" s="119"/>
      <c r="AD2111" s="119"/>
      <c r="AE2111" s="119"/>
      <c r="AF2111" s="122">
        <v>1</v>
      </c>
      <c r="AG2111" s="119"/>
      <c r="AH2111" s="119"/>
      <c r="AI2111" s="119"/>
      <c r="AJ2111" s="119"/>
      <c r="AK2111" s="119"/>
      <c r="AL2111" s="119"/>
      <c r="AM2111" s="119"/>
      <c r="AN2111" s="119"/>
      <c r="AO2111" s="119"/>
      <c r="AP2111" s="119"/>
      <c r="AQ2111" s="119"/>
      <c r="AR2111" s="119"/>
      <c r="AS2111" s="119"/>
      <c r="AT2111" s="119"/>
      <c r="AU2111" s="119"/>
      <c r="AV2111" s="119"/>
      <c r="AW2111" s="119"/>
      <c r="AX2111" s="119"/>
      <c r="AY2111" s="119"/>
      <c r="AZ2111" s="123" t="s">
        <v>23203</v>
      </c>
      <c r="BA2111" s="122" t="s">
        <v>19478</v>
      </c>
      <c r="BB2111" s="107">
        <v>45884</v>
      </c>
    </row>
    <row r="2112" spans="1:54" s="207" customFormat="1" ht="13.95" customHeight="1" x14ac:dyDescent="0.25">
      <c r="A2112" s="208" t="s">
        <v>5049</v>
      </c>
      <c r="B2112" s="209" t="s">
        <v>20420</v>
      </c>
      <c r="C2112" s="113" t="s">
        <v>5050</v>
      </c>
      <c r="D2112" s="113" t="s">
        <v>23716</v>
      </c>
      <c r="E2112" s="210">
        <v>1996</v>
      </c>
      <c r="F2112" s="210">
        <v>3586</v>
      </c>
      <c r="G2112" s="113" t="s">
        <v>1</v>
      </c>
      <c r="H2112" s="113">
        <v>0</v>
      </c>
      <c r="I2112" s="113">
        <v>0</v>
      </c>
      <c r="J2112" s="115">
        <v>1</v>
      </c>
      <c r="K2112" s="211">
        <v>1</v>
      </c>
      <c r="L2112" s="115">
        <v>1</v>
      </c>
      <c r="M2112" s="115">
        <v>1</v>
      </c>
      <c r="N2112" s="115">
        <v>0</v>
      </c>
      <c r="O2112" s="115">
        <v>1</v>
      </c>
      <c r="P2112" s="115" t="s">
        <v>400</v>
      </c>
      <c r="Q2112" s="115" t="s">
        <v>400</v>
      </c>
      <c r="R2112" s="120">
        <v>1</v>
      </c>
      <c r="S2112" s="115">
        <v>0</v>
      </c>
      <c r="T2112" s="115">
        <v>0</v>
      </c>
      <c r="U2112" s="119"/>
      <c r="V2112" s="119"/>
      <c r="W2112" s="119"/>
      <c r="X2112" s="119"/>
      <c r="Y2112" s="119"/>
      <c r="Z2112" s="119"/>
      <c r="AA2112" s="119"/>
      <c r="AB2112" s="119"/>
      <c r="AC2112" s="119"/>
      <c r="AD2112" s="119"/>
      <c r="AE2112" s="119"/>
      <c r="AF2112" s="119"/>
      <c r="AG2112" s="119"/>
      <c r="AH2112" s="119"/>
      <c r="AI2112" s="119"/>
      <c r="AJ2112" s="119"/>
      <c r="AK2112" s="119"/>
      <c r="AL2112" s="119"/>
      <c r="AM2112" s="119"/>
      <c r="AN2112" s="119"/>
      <c r="AO2112" s="119"/>
      <c r="AP2112" s="119"/>
      <c r="AQ2112" s="119"/>
      <c r="AR2112" s="119"/>
      <c r="AS2112" s="119"/>
      <c r="AT2112" s="119"/>
      <c r="AU2112" s="119"/>
      <c r="AV2112" s="119"/>
      <c r="AW2112" s="119"/>
      <c r="AX2112" s="119"/>
      <c r="AY2112" s="119"/>
      <c r="AZ2112" s="119"/>
      <c r="BA2112" s="119"/>
      <c r="BB2112" s="107">
        <v>45884</v>
      </c>
    </row>
    <row r="2113" spans="1:54" s="207" customFormat="1" ht="13.95" customHeight="1" x14ac:dyDescent="0.25">
      <c r="A2113" s="208" t="s">
        <v>5051</v>
      </c>
      <c r="B2113" s="209" t="s">
        <v>20420</v>
      </c>
      <c r="C2113" s="113" t="s">
        <v>5052</v>
      </c>
      <c r="D2113" s="113" t="s">
        <v>5053</v>
      </c>
      <c r="E2113" s="210">
        <v>1989</v>
      </c>
      <c r="F2113" s="210">
        <v>3594</v>
      </c>
      <c r="G2113" s="113" t="s">
        <v>1</v>
      </c>
      <c r="H2113" s="113">
        <v>0</v>
      </c>
      <c r="I2113" s="113">
        <v>0</v>
      </c>
      <c r="J2113" s="115">
        <v>1</v>
      </c>
      <c r="K2113" s="116" t="s">
        <v>174</v>
      </c>
      <c r="L2113" s="115">
        <v>1</v>
      </c>
      <c r="M2113" s="115">
        <v>0</v>
      </c>
      <c r="N2113" s="115">
        <v>0</v>
      </c>
      <c r="O2113" s="115">
        <v>1</v>
      </c>
      <c r="P2113" s="115">
        <v>1</v>
      </c>
      <c r="Q2113" s="115" t="s">
        <v>400</v>
      </c>
      <c r="R2113" s="115">
        <v>1</v>
      </c>
      <c r="S2113" s="115">
        <v>0</v>
      </c>
      <c r="T2113" s="115">
        <v>0</v>
      </c>
      <c r="U2113" s="119"/>
      <c r="V2113" s="119"/>
      <c r="W2113" s="119"/>
      <c r="X2113" s="119"/>
      <c r="Y2113" s="119"/>
      <c r="Z2113" s="119"/>
      <c r="AA2113" s="119"/>
      <c r="AB2113" s="119"/>
      <c r="AC2113" s="119"/>
      <c r="AD2113" s="119"/>
      <c r="AE2113" s="119"/>
      <c r="AF2113" s="119"/>
      <c r="AG2113" s="119"/>
      <c r="AH2113" s="119"/>
      <c r="AI2113" s="119"/>
      <c r="AJ2113" s="119"/>
      <c r="AK2113" s="119"/>
      <c r="AL2113" s="119"/>
      <c r="AM2113" s="119"/>
      <c r="AN2113" s="119"/>
      <c r="AO2113" s="119"/>
      <c r="AP2113" s="119"/>
      <c r="AQ2113" s="119"/>
      <c r="AR2113" s="119"/>
      <c r="AS2113" s="119"/>
      <c r="AT2113" s="119"/>
      <c r="AU2113" s="119"/>
      <c r="AV2113" s="119"/>
      <c r="AW2113" s="119"/>
      <c r="AX2113" s="119"/>
      <c r="AY2113" s="119"/>
      <c r="AZ2113" s="119"/>
      <c r="BA2113" s="119"/>
      <c r="BB2113" s="107">
        <v>45884</v>
      </c>
    </row>
    <row r="2114" spans="1:54" s="207" customFormat="1" ht="13.95" customHeight="1" x14ac:dyDescent="0.25">
      <c r="A2114" s="208" t="s">
        <v>5054</v>
      </c>
      <c r="B2114" s="209" t="s">
        <v>20420</v>
      </c>
      <c r="C2114" s="113" t="s">
        <v>5055</v>
      </c>
      <c r="D2114" s="113" t="s">
        <v>5056</v>
      </c>
      <c r="E2114" s="210">
        <v>1975</v>
      </c>
      <c r="F2114" s="210">
        <v>3599</v>
      </c>
      <c r="G2114" s="113" t="s">
        <v>1</v>
      </c>
      <c r="H2114" s="113">
        <v>0</v>
      </c>
      <c r="I2114" s="113">
        <v>0</v>
      </c>
      <c r="J2114" s="115">
        <v>1</v>
      </c>
      <c r="K2114" s="116" t="s">
        <v>174</v>
      </c>
      <c r="L2114" s="115">
        <v>1</v>
      </c>
      <c r="M2114" s="115">
        <v>1</v>
      </c>
      <c r="N2114" s="115">
        <v>1</v>
      </c>
      <c r="O2114" s="115">
        <v>1</v>
      </c>
      <c r="P2114" s="115" t="s">
        <v>400</v>
      </c>
      <c r="Q2114" s="115" t="s">
        <v>400</v>
      </c>
      <c r="R2114" s="115">
        <v>1</v>
      </c>
      <c r="S2114" s="115">
        <v>0</v>
      </c>
      <c r="T2114" s="115">
        <v>0</v>
      </c>
      <c r="U2114" s="119"/>
      <c r="V2114" s="119"/>
      <c r="W2114" s="119"/>
      <c r="X2114" s="119"/>
      <c r="Y2114" s="119"/>
      <c r="Z2114" s="119"/>
      <c r="AA2114" s="119"/>
      <c r="AB2114" s="119"/>
      <c r="AC2114" s="119"/>
      <c r="AD2114" s="119"/>
      <c r="AE2114" s="119"/>
      <c r="AF2114" s="119"/>
      <c r="AG2114" s="119"/>
      <c r="AH2114" s="119"/>
      <c r="AI2114" s="119"/>
      <c r="AJ2114" s="119"/>
      <c r="AK2114" s="119"/>
      <c r="AL2114" s="119"/>
      <c r="AM2114" s="119"/>
      <c r="AN2114" s="119"/>
      <c r="AO2114" s="119"/>
      <c r="AP2114" s="119"/>
      <c r="AQ2114" s="119"/>
      <c r="AR2114" s="119"/>
      <c r="AS2114" s="119"/>
      <c r="AT2114" s="119"/>
      <c r="AU2114" s="119"/>
      <c r="AV2114" s="119"/>
      <c r="AW2114" s="119"/>
      <c r="AX2114" s="119"/>
      <c r="AY2114" s="119"/>
      <c r="AZ2114" s="119"/>
      <c r="BA2114" s="119"/>
      <c r="BB2114" s="107">
        <v>45884</v>
      </c>
    </row>
    <row r="2115" spans="1:54" s="207" customFormat="1" ht="13.95" customHeight="1" x14ac:dyDescent="0.25">
      <c r="A2115" s="208" t="s">
        <v>5057</v>
      </c>
      <c r="B2115" s="209" t="s">
        <v>20420</v>
      </c>
      <c r="C2115" s="113" t="s">
        <v>5058</v>
      </c>
      <c r="D2115" s="113" t="s">
        <v>23717</v>
      </c>
      <c r="E2115" s="210">
        <v>1988</v>
      </c>
      <c r="F2115" s="210">
        <v>3600</v>
      </c>
      <c r="G2115" s="113" t="s">
        <v>1</v>
      </c>
      <c r="H2115" s="113">
        <v>0</v>
      </c>
      <c r="I2115" s="113">
        <v>0</v>
      </c>
      <c r="J2115" s="115">
        <v>1</v>
      </c>
      <c r="K2115" s="116" t="s">
        <v>174</v>
      </c>
      <c r="L2115" s="115">
        <v>1</v>
      </c>
      <c r="M2115" s="115">
        <v>1</v>
      </c>
      <c r="N2115" s="115">
        <v>1</v>
      </c>
      <c r="O2115" s="115">
        <v>1</v>
      </c>
      <c r="P2115" s="115" t="s">
        <v>400</v>
      </c>
      <c r="Q2115" s="115" t="s">
        <v>400</v>
      </c>
      <c r="R2115" s="115">
        <v>0</v>
      </c>
      <c r="S2115" s="115">
        <v>0</v>
      </c>
      <c r="T2115" s="115">
        <v>0</v>
      </c>
      <c r="U2115" s="119"/>
      <c r="V2115" s="119"/>
      <c r="W2115" s="119"/>
      <c r="X2115" s="119"/>
      <c r="Y2115" s="119"/>
      <c r="Z2115" s="119"/>
      <c r="AA2115" s="119"/>
      <c r="AB2115" s="119"/>
      <c r="AC2115" s="119"/>
      <c r="AD2115" s="119"/>
      <c r="AE2115" s="119"/>
      <c r="AF2115" s="119"/>
      <c r="AG2115" s="119"/>
      <c r="AH2115" s="119"/>
      <c r="AI2115" s="119"/>
      <c r="AJ2115" s="119"/>
      <c r="AK2115" s="119"/>
      <c r="AL2115" s="119"/>
      <c r="AM2115" s="119"/>
      <c r="AN2115" s="119"/>
      <c r="AO2115" s="119"/>
      <c r="AP2115" s="119"/>
      <c r="AQ2115" s="119"/>
      <c r="AR2115" s="119"/>
      <c r="AS2115" s="119"/>
      <c r="AT2115" s="119"/>
      <c r="AU2115" s="119"/>
      <c r="AV2115" s="119"/>
      <c r="AW2115" s="119"/>
      <c r="AX2115" s="119"/>
      <c r="AY2115" s="119"/>
      <c r="AZ2115" s="119"/>
      <c r="BA2115" s="119"/>
      <c r="BB2115" s="107">
        <v>45884</v>
      </c>
    </row>
    <row r="2116" spans="1:54" s="207" customFormat="1" ht="13.95" customHeight="1" x14ac:dyDescent="0.25">
      <c r="A2116" s="208" t="s">
        <v>5059</v>
      </c>
      <c r="B2116" s="209" t="s">
        <v>20420</v>
      </c>
      <c r="C2116" s="113" t="s">
        <v>5060</v>
      </c>
      <c r="D2116" s="113" t="s">
        <v>5061</v>
      </c>
      <c r="E2116" s="210">
        <v>1995</v>
      </c>
      <c r="F2116" s="210">
        <v>3626</v>
      </c>
      <c r="G2116" s="113" t="s">
        <v>1</v>
      </c>
      <c r="H2116" s="113">
        <v>0</v>
      </c>
      <c r="I2116" s="113">
        <v>0</v>
      </c>
      <c r="J2116" s="115">
        <v>1</v>
      </c>
      <c r="K2116" s="116" t="s">
        <v>174</v>
      </c>
      <c r="L2116" s="115">
        <v>1</v>
      </c>
      <c r="M2116" s="115">
        <v>1</v>
      </c>
      <c r="N2116" s="115">
        <v>0</v>
      </c>
      <c r="O2116" s="115">
        <v>0</v>
      </c>
      <c r="P2116" s="115" t="s">
        <v>400</v>
      </c>
      <c r="Q2116" s="115" t="s">
        <v>400</v>
      </c>
      <c r="R2116" s="115">
        <v>1</v>
      </c>
      <c r="S2116" s="115">
        <v>0</v>
      </c>
      <c r="T2116" s="115">
        <v>0</v>
      </c>
      <c r="U2116" s="119"/>
      <c r="V2116" s="119"/>
      <c r="W2116" s="119"/>
      <c r="X2116" s="119"/>
      <c r="Y2116" s="119"/>
      <c r="Z2116" s="119"/>
      <c r="AA2116" s="119"/>
      <c r="AB2116" s="119"/>
      <c r="AC2116" s="119"/>
      <c r="AD2116" s="119"/>
      <c r="AE2116" s="119"/>
      <c r="AF2116" s="119"/>
      <c r="AG2116" s="119"/>
      <c r="AH2116" s="119"/>
      <c r="AI2116" s="119"/>
      <c r="AJ2116" s="119"/>
      <c r="AK2116" s="119"/>
      <c r="AL2116" s="119"/>
      <c r="AM2116" s="119"/>
      <c r="AN2116" s="119"/>
      <c r="AO2116" s="119"/>
      <c r="AP2116" s="119"/>
      <c r="AQ2116" s="119"/>
      <c r="AR2116" s="119"/>
      <c r="AS2116" s="119"/>
      <c r="AT2116" s="119"/>
      <c r="AU2116" s="119"/>
      <c r="AV2116" s="119"/>
      <c r="AW2116" s="119"/>
      <c r="AX2116" s="119"/>
      <c r="AY2116" s="119"/>
      <c r="AZ2116" s="119"/>
      <c r="BA2116" s="119"/>
      <c r="BB2116" s="107">
        <v>45884</v>
      </c>
    </row>
    <row r="2117" spans="1:54" s="207" customFormat="1" ht="13.95" customHeight="1" x14ac:dyDescent="0.25">
      <c r="A2117" s="208" t="s">
        <v>5062</v>
      </c>
      <c r="B2117" s="209" t="s">
        <v>20420</v>
      </c>
      <c r="C2117" s="113" t="s">
        <v>5063</v>
      </c>
      <c r="D2117" s="113" t="s">
        <v>23718</v>
      </c>
      <c r="E2117" s="210">
        <v>1994</v>
      </c>
      <c r="F2117" s="213">
        <v>5657</v>
      </c>
      <c r="G2117" s="113" t="s">
        <v>1</v>
      </c>
      <c r="H2117" s="113">
        <v>0</v>
      </c>
      <c r="I2117" s="113">
        <v>0</v>
      </c>
      <c r="J2117" s="115">
        <v>1</v>
      </c>
      <c r="K2117" s="116" t="s">
        <v>174</v>
      </c>
      <c r="L2117" s="115">
        <v>1</v>
      </c>
      <c r="M2117" s="115">
        <v>0</v>
      </c>
      <c r="N2117" s="115">
        <v>0</v>
      </c>
      <c r="O2117" s="115">
        <v>1</v>
      </c>
      <c r="P2117" s="115">
        <v>1</v>
      </c>
      <c r="Q2117" s="115" t="s">
        <v>400</v>
      </c>
      <c r="R2117" s="115">
        <v>0</v>
      </c>
      <c r="S2117" s="115">
        <v>0</v>
      </c>
      <c r="T2117" s="115">
        <v>0</v>
      </c>
      <c r="U2117" s="119"/>
      <c r="V2117" s="119"/>
      <c r="W2117" s="119"/>
      <c r="X2117" s="119"/>
      <c r="Y2117" s="119"/>
      <c r="Z2117" s="119"/>
      <c r="AA2117" s="119"/>
      <c r="AB2117" s="119"/>
      <c r="AC2117" s="119"/>
      <c r="AD2117" s="119"/>
      <c r="AE2117" s="119"/>
      <c r="AF2117" s="119"/>
      <c r="AG2117" s="119"/>
      <c r="AH2117" s="119"/>
      <c r="AI2117" s="119"/>
      <c r="AJ2117" s="119"/>
      <c r="AK2117" s="119"/>
      <c r="AL2117" s="119"/>
      <c r="AM2117" s="119"/>
      <c r="AN2117" s="119"/>
      <c r="AO2117" s="119"/>
      <c r="AP2117" s="119"/>
      <c r="AQ2117" s="119"/>
      <c r="AR2117" s="119"/>
      <c r="AS2117" s="119"/>
      <c r="AT2117" s="119"/>
      <c r="AU2117" s="119"/>
      <c r="AV2117" s="119"/>
      <c r="AW2117" s="119"/>
      <c r="AX2117" s="119"/>
      <c r="AY2117" s="119"/>
      <c r="AZ2117" s="119"/>
      <c r="BA2117" s="119"/>
      <c r="BB2117" s="107">
        <v>45884</v>
      </c>
    </row>
    <row r="2118" spans="1:54" s="207" customFormat="1" ht="13.95" customHeight="1" x14ac:dyDescent="0.25">
      <c r="A2118" s="208" t="s">
        <v>5064</v>
      </c>
      <c r="B2118" s="209" t="s">
        <v>20420</v>
      </c>
      <c r="C2118" s="113" t="s">
        <v>5065</v>
      </c>
      <c r="D2118" s="113" t="s">
        <v>5066</v>
      </c>
      <c r="E2118" s="210">
        <v>1972</v>
      </c>
      <c r="F2118" s="210">
        <v>3655</v>
      </c>
      <c r="G2118" s="113" t="s">
        <v>1</v>
      </c>
      <c r="H2118" s="113">
        <v>0</v>
      </c>
      <c r="I2118" s="113">
        <v>0</v>
      </c>
      <c r="J2118" s="115">
        <v>1</v>
      </c>
      <c r="K2118" s="116" t="s">
        <v>174</v>
      </c>
      <c r="L2118" s="115">
        <v>1</v>
      </c>
      <c r="M2118" s="115">
        <v>0</v>
      </c>
      <c r="N2118" s="115">
        <v>1</v>
      </c>
      <c r="O2118" s="115">
        <v>1</v>
      </c>
      <c r="P2118" s="115">
        <v>1</v>
      </c>
      <c r="Q2118" s="115" t="s">
        <v>400</v>
      </c>
      <c r="R2118" s="115">
        <v>1</v>
      </c>
      <c r="S2118" s="115">
        <v>0</v>
      </c>
      <c r="T2118" s="115">
        <v>0</v>
      </c>
      <c r="U2118" s="119"/>
      <c r="V2118" s="119"/>
      <c r="W2118" s="119"/>
      <c r="X2118" s="119"/>
      <c r="Y2118" s="119"/>
      <c r="Z2118" s="119"/>
      <c r="AA2118" s="119"/>
      <c r="AB2118" s="119"/>
      <c r="AC2118" s="119"/>
      <c r="AD2118" s="119"/>
      <c r="AE2118" s="119"/>
      <c r="AF2118" s="119"/>
      <c r="AG2118" s="119"/>
      <c r="AH2118" s="119"/>
      <c r="AI2118" s="119"/>
      <c r="AJ2118" s="119"/>
      <c r="AK2118" s="119"/>
      <c r="AL2118" s="119"/>
      <c r="AM2118" s="119"/>
      <c r="AN2118" s="119"/>
      <c r="AO2118" s="119"/>
      <c r="AP2118" s="119"/>
      <c r="AQ2118" s="119"/>
      <c r="AR2118" s="119"/>
      <c r="AS2118" s="119"/>
      <c r="AT2118" s="119"/>
      <c r="AU2118" s="119"/>
      <c r="AV2118" s="119"/>
      <c r="AW2118" s="119"/>
      <c r="AX2118" s="119"/>
      <c r="AY2118" s="119"/>
      <c r="AZ2118" s="119"/>
      <c r="BA2118" s="119"/>
      <c r="BB2118" s="107">
        <v>45884</v>
      </c>
    </row>
    <row r="2119" spans="1:54" s="207" customFormat="1" ht="13.95" customHeight="1" x14ac:dyDescent="0.25">
      <c r="A2119" s="208" t="s">
        <v>5067</v>
      </c>
      <c r="B2119" s="209" t="s">
        <v>20420</v>
      </c>
      <c r="C2119" s="113" t="s">
        <v>5068</v>
      </c>
      <c r="D2119" s="113" t="s">
        <v>5069</v>
      </c>
      <c r="E2119" s="210">
        <v>1989</v>
      </c>
      <c r="F2119" s="210">
        <v>3658</v>
      </c>
      <c r="G2119" s="113" t="s">
        <v>1</v>
      </c>
      <c r="H2119" s="113">
        <v>1</v>
      </c>
      <c r="I2119" s="113">
        <v>0</v>
      </c>
      <c r="J2119" s="115">
        <v>1</v>
      </c>
      <c r="K2119" s="116" t="s">
        <v>174</v>
      </c>
      <c r="L2119" s="115">
        <v>1</v>
      </c>
      <c r="M2119" s="115">
        <v>0</v>
      </c>
      <c r="N2119" s="115">
        <v>0</v>
      </c>
      <c r="O2119" s="115">
        <v>1</v>
      </c>
      <c r="P2119" s="115">
        <v>1</v>
      </c>
      <c r="Q2119" s="115" t="s">
        <v>400</v>
      </c>
      <c r="R2119" s="115">
        <v>0</v>
      </c>
      <c r="S2119" s="115">
        <v>0</v>
      </c>
      <c r="T2119" s="115">
        <v>0</v>
      </c>
      <c r="U2119" s="119"/>
      <c r="V2119" s="119"/>
      <c r="W2119" s="119"/>
      <c r="X2119" s="119"/>
      <c r="Y2119" s="119"/>
      <c r="Z2119" s="119"/>
      <c r="AA2119" s="119"/>
      <c r="AB2119" s="119"/>
      <c r="AC2119" s="119"/>
      <c r="AD2119" s="119"/>
      <c r="AE2119" s="119"/>
      <c r="AF2119" s="119"/>
      <c r="AG2119" s="119"/>
      <c r="AH2119" s="119"/>
      <c r="AI2119" s="119"/>
      <c r="AJ2119" s="119"/>
      <c r="AK2119" s="119"/>
      <c r="AL2119" s="119"/>
      <c r="AM2119" s="119"/>
      <c r="AN2119" s="119"/>
      <c r="AO2119" s="119"/>
      <c r="AP2119" s="119"/>
      <c r="AQ2119" s="119"/>
      <c r="AR2119" s="119"/>
      <c r="AS2119" s="119"/>
      <c r="AT2119" s="119"/>
      <c r="AU2119" s="119"/>
      <c r="AV2119" s="119"/>
      <c r="AW2119" s="119"/>
      <c r="AX2119" s="119"/>
      <c r="AY2119" s="119"/>
      <c r="AZ2119" s="119"/>
      <c r="BA2119" s="119"/>
      <c r="BB2119" s="107">
        <v>45884</v>
      </c>
    </row>
    <row r="2120" spans="1:54" s="207" customFormat="1" ht="13.95" customHeight="1" x14ac:dyDescent="0.25">
      <c r="A2120" s="208" t="s">
        <v>5070</v>
      </c>
      <c r="B2120" s="209" t="s">
        <v>20420</v>
      </c>
      <c r="C2120" s="113" t="s">
        <v>5071</v>
      </c>
      <c r="D2120" s="113" t="s">
        <v>23719</v>
      </c>
      <c r="E2120" s="210">
        <v>1983</v>
      </c>
      <c r="F2120" s="210">
        <v>3695</v>
      </c>
      <c r="G2120" s="113" t="s">
        <v>1</v>
      </c>
      <c r="H2120" s="113">
        <v>0</v>
      </c>
      <c r="I2120" s="113">
        <v>0</v>
      </c>
      <c r="J2120" s="115">
        <v>1</v>
      </c>
      <c r="K2120" s="116" t="s">
        <v>174</v>
      </c>
      <c r="L2120" s="115">
        <v>1</v>
      </c>
      <c r="M2120" s="115">
        <v>1</v>
      </c>
      <c r="N2120" s="115">
        <v>1</v>
      </c>
      <c r="O2120" s="115">
        <v>1</v>
      </c>
      <c r="P2120" s="115" t="s">
        <v>400</v>
      </c>
      <c r="Q2120" s="115" t="s">
        <v>400</v>
      </c>
      <c r="R2120" s="115">
        <v>1</v>
      </c>
      <c r="S2120" s="115">
        <v>0</v>
      </c>
      <c r="T2120" s="115">
        <v>0</v>
      </c>
      <c r="U2120" s="119"/>
      <c r="V2120" s="119"/>
      <c r="W2120" s="119"/>
      <c r="X2120" s="119"/>
      <c r="Y2120" s="119"/>
      <c r="Z2120" s="119"/>
      <c r="AA2120" s="119"/>
      <c r="AB2120" s="119"/>
      <c r="AC2120" s="119"/>
      <c r="AD2120" s="119"/>
      <c r="AE2120" s="119"/>
      <c r="AF2120" s="119"/>
      <c r="AG2120" s="119"/>
      <c r="AH2120" s="119"/>
      <c r="AI2120" s="119"/>
      <c r="AJ2120" s="119"/>
      <c r="AK2120" s="119"/>
      <c r="AL2120" s="119"/>
      <c r="AM2120" s="119"/>
      <c r="AN2120" s="119"/>
      <c r="AO2120" s="119"/>
      <c r="AP2120" s="119"/>
      <c r="AQ2120" s="119"/>
      <c r="AR2120" s="119"/>
      <c r="AS2120" s="119"/>
      <c r="AT2120" s="119"/>
      <c r="AU2120" s="119"/>
      <c r="AV2120" s="119"/>
      <c r="AW2120" s="119"/>
      <c r="AX2120" s="119"/>
      <c r="AY2120" s="119"/>
      <c r="AZ2120" s="119"/>
      <c r="BA2120" s="119"/>
      <c r="BB2120" s="107">
        <v>45884</v>
      </c>
    </row>
    <row r="2121" spans="1:54" s="207" customFormat="1" ht="13.95" customHeight="1" x14ac:dyDescent="0.25">
      <c r="A2121" s="208" t="s">
        <v>5072</v>
      </c>
      <c r="B2121" s="209" t="s">
        <v>20420</v>
      </c>
      <c r="C2121" s="113" t="s">
        <v>5073</v>
      </c>
      <c r="D2121" s="113" t="s">
        <v>5074</v>
      </c>
      <c r="E2121" s="210">
        <v>1977</v>
      </c>
      <c r="F2121" s="210">
        <v>3707</v>
      </c>
      <c r="G2121" s="113" t="s">
        <v>1</v>
      </c>
      <c r="H2121" s="113">
        <v>0</v>
      </c>
      <c r="I2121" s="113">
        <v>0</v>
      </c>
      <c r="J2121" s="115">
        <v>1</v>
      </c>
      <c r="K2121" s="116" t="s">
        <v>174</v>
      </c>
      <c r="L2121" s="115">
        <v>1</v>
      </c>
      <c r="M2121" s="115">
        <v>0</v>
      </c>
      <c r="N2121" s="115">
        <v>0</v>
      </c>
      <c r="O2121" s="115">
        <v>1</v>
      </c>
      <c r="P2121" s="115">
        <v>1</v>
      </c>
      <c r="Q2121" s="115" t="s">
        <v>400</v>
      </c>
      <c r="R2121" s="115">
        <v>0</v>
      </c>
      <c r="S2121" s="115">
        <v>0</v>
      </c>
      <c r="T2121" s="115">
        <v>0</v>
      </c>
      <c r="U2121" s="119"/>
      <c r="V2121" s="119"/>
      <c r="W2121" s="119"/>
      <c r="X2121" s="119"/>
      <c r="Y2121" s="119"/>
      <c r="Z2121" s="119"/>
      <c r="AA2121" s="119"/>
      <c r="AB2121" s="119"/>
      <c r="AC2121" s="119"/>
      <c r="AD2121" s="119"/>
      <c r="AE2121" s="119"/>
      <c r="AF2121" s="119"/>
      <c r="AG2121" s="119"/>
      <c r="AH2121" s="119"/>
      <c r="AI2121" s="119"/>
      <c r="AJ2121" s="119"/>
      <c r="AK2121" s="119"/>
      <c r="AL2121" s="119"/>
      <c r="AM2121" s="119"/>
      <c r="AN2121" s="119"/>
      <c r="AO2121" s="119"/>
      <c r="AP2121" s="119"/>
      <c r="AQ2121" s="119"/>
      <c r="AR2121" s="119"/>
      <c r="AS2121" s="119"/>
      <c r="AT2121" s="119"/>
      <c r="AU2121" s="119"/>
      <c r="AV2121" s="119"/>
      <c r="AW2121" s="119"/>
      <c r="AX2121" s="119"/>
      <c r="AY2121" s="119"/>
      <c r="AZ2121" s="119"/>
      <c r="BA2121" s="119"/>
      <c r="BB2121" s="107">
        <v>45884</v>
      </c>
    </row>
    <row r="2122" spans="1:54" s="207" customFormat="1" ht="13.95" customHeight="1" x14ac:dyDescent="0.25">
      <c r="A2122" s="208" t="s">
        <v>5075</v>
      </c>
      <c r="B2122" s="209" t="s">
        <v>20420</v>
      </c>
      <c r="C2122" s="113" t="s">
        <v>5076</v>
      </c>
      <c r="D2122" s="113" t="s">
        <v>23720</v>
      </c>
      <c r="E2122" s="210">
        <v>1993</v>
      </c>
      <c r="F2122" s="210">
        <v>3714</v>
      </c>
      <c r="G2122" s="113" t="s">
        <v>1</v>
      </c>
      <c r="H2122" s="113">
        <v>0</v>
      </c>
      <c r="I2122" s="113">
        <v>0</v>
      </c>
      <c r="J2122" s="115">
        <v>1</v>
      </c>
      <c r="K2122" s="116" t="s">
        <v>174</v>
      </c>
      <c r="L2122" s="115">
        <v>0</v>
      </c>
      <c r="M2122" s="115">
        <v>0</v>
      </c>
      <c r="N2122" s="115">
        <v>0</v>
      </c>
      <c r="O2122" s="115">
        <v>0</v>
      </c>
      <c r="P2122" s="115" t="s">
        <v>400</v>
      </c>
      <c r="Q2122" s="115" t="s">
        <v>400</v>
      </c>
      <c r="R2122" s="115">
        <v>0</v>
      </c>
      <c r="S2122" s="115">
        <v>0</v>
      </c>
      <c r="T2122" s="115">
        <v>0</v>
      </c>
      <c r="U2122" s="119"/>
      <c r="V2122" s="119"/>
      <c r="W2122" s="119"/>
      <c r="X2122" s="119"/>
      <c r="Y2122" s="119"/>
      <c r="Z2122" s="119"/>
      <c r="AA2122" s="119"/>
      <c r="AB2122" s="119"/>
      <c r="AC2122" s="119"/>
      <c r="AD2122" s="119"/>
      <c r="AE2122" s="119"/>
      <c r="AF2122" s="119"/>
      <c r="AG2122" s="119"/>
      <c r="AH2122" s="119"/>
      <c r="AI2122" s="119"/>
      <c r="AJ2122" s="119"/>
      <c r="AK2122" s="119"/>
      <c r="AL2122" s="119"/>
      <c r="AM2122" s="119"/>
      <c r="AN2122" s="119"/>
      <c r="AO2122" s="119"/>
      <c r="AP2122" s="119"/>
      <c r="AQ2122" s="119"/>
      <c r="AR2122" s="119"/>
      <c r="AS2122" s="119"/>
      <c r="AT2122" s="119"/>
      <c r="AU2122" s="119"/>
      <c r="AV2122" s="119"/>
      <c r="AW2122" s="119"/>
      <c r="AX2122" s="119"/>
      <c r="AY2122" s="119"/>
      <c r="AZ2122" s="119"/>
      <c r="BA2122" s="119"/>
      <c r="BB2122" s="107">
        <v>45884</v>
      </c>
    </row>
    <row r="2123" spans="1:54" s="207" customFormat="1" ht="13.95" customHeight="1" x14ac:dyDescent="0.25">
      <c r="A2123" s="208" t="s">
        <v>5077</v>
      </c>
      <c r="B2123" s="209" t="s">
        <v>20420</v>
      </c>
      <c r="C2123" s="113" t="s">
        <v>5078</v>
      </c>
      <c r="D2123" s="113" t="s">
        <v>5079</v>
      </c>
      <c r="E2123" s="210">
        <v>1956</v>
      </c>
      <c r="F2123" s="210">
        <v>3733</v>
      </c>
      <c r="G2123" s="113" t="s">
        <v>1</v>
      </c>
      <c r="H2123" s="113">
        <v>0</v>
      </c>
      <c r="I2123" s="113">
        <v>0</v>
      </c>
      <c r="J2123" s="115">
        <v>1</v>
      </c>
      <c r="K2123" s="116" t="s">
        <v>174</v>
      </c>
      <c r="L2123" s="115">
        <v>1</v>
      </c>
      <c r="M2123" s="115">
        <v>0</v>
      </c>
      <c r="N2123" s="115">
        <v>0</v>
      </c>
      <c r="O2123" s="115">
        <v>1</v>
      </c>
      <c r="P2123" s="115">
        <v>1</v>
      </c>
      <c r="Q2123" s="115" t="s">
        <v>400</v>
      </c>
      <c r="R2123" s="115">
        <v>1</v>
      </c>
      <c r="S2123" s="115">
        <v>0</v>
      </c>
      <c r="T2123" s="115">
        <v>0</v>
      </c>
      <c r="U2123" s="119"/>
      <c r="V2123" s="119"/>
      <c r="W2123" s="119"/>
      <c r="X2123" s="119"/>
      <c r="Y2123" s="119"/>
      <c r="Z2123" s="119"/>
      <c r="AA2123" s="119"/>
      <c r="AB2123" s="119"/>
      <c r="AC2123" s="119"/>
      <c r="AD2123" s="119"/>
      <c r="AE2123" s="119"/>
      <c r="AF2123" s="119"/>
      <c r="AG2123" s="119"/>
      <c r="AH2123" s="119"/>
      <c r="AI2123" s="119"/>
      <c r="AJ2123" s="119"/>
      <c r="AK2123" s="119"/>
      <c r="AL2123" s="119"/>
      <c r="AM2123" s="119"/>
      <c r="AN2123" s="119"/>
      <c r="AO2123" s="119"/>
      <c r="AP2123" s="119"/>
      <c r="AQ2123" s="119"/>
      <c r="AR2123" s="119"/>
      <c r="AS2123" s="119"/>
      <c r="AT2123" s="119"/>
      <c r="AU2123" s="119"/>
      <c r="AV2123" s="119"/>
      <c r="AW2123" s="119"/>
      <c r="AX2123" s="119"/>
      <c r="AY2123" s="119"/>
      <c r="AZ2123" s="119"/>
      <c r="BA2123" s="119"/>
      <c r="BB2123" s="107">
        <v>45884</v>
      </c>
    </row>
    <row r="2124" spans="1:54" s="207" customFormat="1" ht="13.95" customHeight="1" x14ac:dyDescent="0.25">
      <c r="A2124" s="208" t="s">
        <v>5080</v>
      </c>
      <c r="B2124" s="209" t="s">
        <v>20420</v>
      </c>
      <c r="C2124" s="113" t="s">
        <v>5081</v>
      </c>
      <c r="D2124" s="113" t="s">
        <v>23721</v>
      </c>
      <c r="E2124" s="210">
        <v>1965</v>
      </c>
      <c r="F2124" s="210">
        <v>3735</v>
      </c>
      <c r="G2124" s="113" t="s">
        <v>1</v>
      </c>
      <c r="H2124" s="113">
        <v>0</v>
      </c>
      <c r="I2124" s="113">
        <v>0</v>
      </c>
      <c r="J2124" s="115">
        <v>1</v>
      </c>
      <c r="K2124" s="116" t="s">
        <v>174</v>
      </c>
      <c r="L2124" s="115">
        <v>0</v>
      </c>
      <c r="M2124" s="115">
        <v>0</v>
      </c>
      <c r="N2124" s="115">
        <v>0</v>
      </c>
      <c r="O2124" s="115">
        <v>1</v>
      </c>
      <c r="P2124" s="115">
        <v>1</v>
      </c>
      <c r="Q2124" s="115">
        <v>1</v>
      </c>
      <c r="R2124" s="115">
        <v>1</v>
      </c>
      <c r="S2124" s="115">
        <v>0</v>
      </c>
      <c r="T2124" s="115">
        <v>0</v>
      </c>
      <c r="U2124" s="119"/>
      <c r="V2124" s="119"/>
      <c r="W2124" s="119"/>
      <c r="X2124" s="119"/>
      <c r="Y2124" s="119"/>
      <c r="Z2124" s="119"/>
      <c r="AA2124" s="119"/>
      <c r="AB2124" s="119"/>
      <c r="AC2124" s="119"/>
      <c r="AD2124" s="119"/>
      <c r="AE2124" s="119"/>
      <c r="AF2124" s="119"/>
      <c r="AG2124" s="119"/>
      <c r="AH2124" s="119"/>
      <c r="AI2124" s="119"/>
      <c r="AJ2124" s="119"/>
      <c r="AK2124" s="119"/>
      <c r="AL2124" s="119"/>
      <c r="AM2124" s="119"/>
      <c r="AN2124" s="119"/>
      <c r="AO2124" s="119"/>
      <c r="AP2124" s="119"/>
      <c r="AQ2124" s="119"/>
      <c r="AR2124" s="119"/>
      <c r="AS2124" s="119"/>
      <c r="AT2124" s="119"/>
      <c r="AU2124" s="119"/>
      <c r="AV2124" s="119"/>
      <c r="AW2124" s="119"/>
      <c r="AX2124" s="119"/>
      <c r="AY2124" s="119"/>
      <c r="AZ2124" s="119"/>
      <c r="BA2124" s="119"/>
      <c r="BB2124" s="107">
        <v>45884</v>
      </c>
    </row>
    <row r="2125" spans="1:54" s="207" customFormat="1" ht="13.95" customHeight="1" x14ac:dyDescent="0.25">
      <c r="A2125" s="208" t="s">
        <v>5082</v>
      </c>
      <c r="B2125" s="209" t="s">
        <v>20420</v>
      </c>
      <c r="C2125" s="113" t="s">
        <v>5083</v>
      </c>
      <c r="D2125" s="113" t="s">
        <v>23722</v>
      </c>
      <c r="E2125" s="210">
        <v>1983</v>
      </c>
      <c r="F2125" s="210">
        <v>3752</v>
      </c>
      <c r="G2125" s="113" t="s">
        <v>1</v>
      </c>
      <c r="H2125" s="113">
        <v>0</v>
      </c>
      <c r="I2125" s="113">
        <v>0</v>
      </c>
      <c r="J2125" s="115">
        <v>1</v>
      </c>
      <c r="K2125" s="116" t="s">
        <v>174</v>
      </c>
      <c r="L2125" s="115">
        <v>1</v>
      </c>
      <c r="M2125" s="115">
        <v>0</v>
      </c>
      <c r="N2125" s="115">
        <v>0</v>
      </c>
      <c r="O2125" s="115">
        <v>0</v>
      </c>
      <c r="P2125" s="115">
        <v>1</v>
      </c>
      <c r="Q2125" s="115" t="s">
        <v>400</v>
      </c>
      <c r="R2125" s="115">
        <v>1</v>
      </c>
      <c r="S2125" s="115">
        <v>0</v>
      </c>
      <c r="T2125" s="115">
        <v>0</v>
      </c>
      <c r="U2125" s="119"/>
      <c r="V2125" s="119"/>
      <c r="W2125" s="119"/>
      <c r="X2125" s="119"/>
      <c r="Y2125" s="119"/>
      <c r="Z2125" s="119"/>
      <c r="AA2125" s="119"/>
      <c r="AB2125" s="119"/>
      <c r="AC2125" s="119"/>
      <c r="AD2125" s="119"/>
      <c r="AE2125" s="119"/>
      <c r="AF2125" s="119"/>
      <c r="AG2125" s="119"/>
      <c r="AH2125" s="119"/>
      <c r="AI2125" s="119"/>
      <c r="AJ2125" s="119"/>
      <c r="AK2125" s="119"/>
      <c r="AL2125" s="119"/>
      <c r="AM2125" s="119"/>
      <c r="AN2125" s="119"/>
      <c r="AO2125" s="119"/>
      <c r="AP2125" s="119"/>
      <c r="AQ2125" s="119"/>
      <c r="AR2125" s="119"/>
      <c r="AS2125" s="119"/>
      <c r="AT2125" s="119"/>
      <c r="AU2125" s="119"/>
      <c r="AV2125" s="119"/>
      <c r="AW2125" s="119"/>
      <c r="AX2125" s="119"/>
      <c r="AY2125" s="119"/>
      <c r="AZ2125" s="119"/>
      <c r="BA2125" s="119"/>
      <c r="BB2125" s="107">
        <v>45884</v>
      </c>
    </row>
    <row r="2126" spans="1:54" s="207" customFormat="1" ht="13.95" customHeight="1" x14ac:dyDescent="0.25">
      <c r="A2126" s="208" t="s">
        <v>5084</v>
      </c>
      <c r="B2126" s="209" t="s">
        <v>20420</v>
      </c>
      <c r="C2126" s="113" t="s">
        <v>5085</v>
      </c>
      <c r="D2126" s="113" t="s">
        <v>23723</v>
      </c>
      <c r="E2126" s="210">
        <v>1966</v>
      </c>
      <c r="F2126" s="210">
        <v>3770</v>
      </c>
      <c r="G2126" s="113" t="s">
        <v>1</v>
      </c>
      <c r="H2126" s="113">
        <v>0</v>
      </c>
      <c r="I2126" s="113">
        <v>0</v>
      </c>
      <c r="J2126" s="115">
        <v>1</v>
      </c>
      <c r="K2126" s="211">
        <v>1</v>
      </c>
      <c r="L2126" s="115">
        <v>1</v>
      </c>
      <c r="M2126" s="115">
        <v>1</v>
      </c>
      <c r="N2126" s="115">
        <v>1</v>
      </c>
      <c r="O2126" s="115">
        <v>0</v>
      </c>
      <c r="P2126" s="115" t="s">
        <v>400</v>
      </c>
      <c r="Q2126" s="115" t="s">
        <v>400</v>
      </c>
      <c r="R2126" s="115">
        <v>0</v>
      </c>
      <c r="S2126" s="115">
        <v>0</v>
      </c>
      <c r="T2126" s="115">
        <v>0</v>
      </c>
      <c r="U2126" s="119"/>
      <c r="V2126" s="119"/>
      <c r="W2126" s="119"/>
      <c r="X2126" s="119"/>
      <c r="Y2126" s="119"/>
      <c r="Z2126" s="119"/>
      <c r="AA2126" s="119"/>
      <c r="AB2126" s="119"/>
      <c r="AC2126" s="119"/>
      <c r="AD2126" s="119"/>
      <c r="AE2126" s="119"/>
      <c r="AF2126" s="119"/>
      <c r="AG2126" s="119"/>
      <c r="AH2126" s="119"/>
      <c r="AI2126" s="119"/>
      <c r="AJ2126" s="119"/>
      <c r="AK2126" s="119"/>
      <c r="AL2126" s="119"/>
      <c r="AM2126" s="119"/>
      <c r="AN2126" s="119"/>
      <c r="AO2126" s="119"/>
      <c r="AP2126" s="119"/>
      <c r="AQ2126" s="119"/>
      <c r="AR2126" s="119"/>
      <c r="AS2126" s="119"/>
      <c r="AT2126" s="119"/>
      <c r="AU2126" s="119"/>
      <c r="AV2126" s="119"/>
      <c r="AW2126" s="119"/>
      <c r="AX2126" s="119"/>
      <c r="AY2126" s="119"/>
      <c r="AZ2126" s="119"/>
      <c r="BA2126" s="119"/>
      <c r="BB2126" s="107">
        <v>45884</v>
      </c>
    </row>
    <row r="2127" spans="1:54" s="207" customFormat="1" ht="13.95" customHeight="1" x14ac:dyDescent="0.25">
      <c r="A2127" s="208" t="s">
        <v>5086</v>
      </c>
      <c r="B2127" s="209" t="s">
        <v>20420</v>
      </c>
      <c r="C2127" s="113" t="s">
        <v>5087</v>
      </c>
      <c r="D2127" s="113" t="s">
        <v>23724</v>
      </c>
      <c r="E2127" s="210">
        <v>1984</v>
      </c>
      <c r="F2127" s="210">
        <v>3832</v>
      </c>
      <c r="G2127" s="113" t="s">
        <v>1</v>
      </c>
      <c r="H2127" s="113">
        <v>0</v>
      </c>
      <c r="I2127" s="113">
        <v>0</v>
      </c>
      <c r="J2127" s="115">
        <v>1</v>
      </c>
      <c r="K2127" s="116" t="s">
        <v>174</v>
      </c>
      <c r="L2127" s="115">
        <v>0</v>
      </c>
      <c r="M2127" s="115">
        <v>0</v>
      </c>
      <c r="N2127" s="115">
        <v>0</v>
      </c>
      <c r="O2127" s="115">
        <v>0</v>
      </c>
      <c r="P2127" s="115" t="s">
        <v>400</v>
      </c>
      <c r="Q2127" s="115" t="s">
        <v>400</v>
      </c>
      <c r="R2127" s="115">
        <v>0</v>
      </c>
      <c r="S2127" s="115">
        <v>0</v>
      </c>
      <c r="T2127" s="115">
        <v>0</v>
      </c>
      <c r="U2127" s="119"/>
      <c r="V2127" s="119"/>
      <c r="W2127" s="119"/>
      <c r="X2127" s="119"/>
      <c r="Y2127" s="119"/>
      <c r="Z2127" s="119"/>
      <c r="AA2127" s="119"/>
      <c r="AB2127" s="119"/>
      <c r="AC2127" s="119"/>
      <c r="AD2127" s="119"/>
      <c r="AE2127" s="119"/>
      <c r="AF2127" s="119"/>
      <c r="AG2127" s="119"/>
      <c r="AH2127" s="119"/>
      <c r="AI2127" s="119"/>
      <c r="AJ2127" s="119"/>
      <c r="AK2127" s="119"/>
      <c r="AL2127" s="119"/>
      <c r="AM2127" s="119"/>
      <c r="AN2127" s="119"/>
      <c r="AO2127" s="119"/>
      <c r="AP2127" s="119"/>
      <c r="AQ2127" s="119"/>
      <c r="AR2127" s="119"/>
      <c r="AS2127" s="119"/>
      <c r="AT2127" s="119"/>
      <c r="AU2127" s="119"/>
      <c r="AV2127" s="119"/>
      <c r="AW2127" s="119"/>
      <c r="AX2127" s="119"/>
      <c r="AY2127" s="119"/>
      <c r="AZ2127" s="119"/>
      <c r="BA2127" s="119"/>
      <c r="BB2127" s="107">
        <v>45884</v>
      </c>
    </row>
    <row r="2128" spans="1:54" s="207" customFormat="1" ht="13.95" customHeight="1" x14ac:dyDescent="0.25">
      <c r="A2128" s="208" t="s">
        <v>5088</v>
      </c>
      <c r="B2128" s="209" t="s">
        <v>20420</v>
      </c>
      <c r="C2128" s="113" t="s">
        <v>5089</v>
      </c>
      <c r="D2128" s="113" t="s">
        <v>23725</v>
      </c>
      <c r="E2128" s="210">
        <v>1999</v>
      </c>
      <c r="F2128" s="210">
        <v>3798</v>
      </c>
      <c r="G2128" s="113" t="s">
        <v>1</v>
      </c>
      <c r="H2128" s="113">
        <v>0</v>
      </c>
      <c r="I2128" s="113">
        <v>0</v>
      </c>
      <c r="J2128" s="115">
        <v>1</v>
      </c>
      <c r="K2128" s="116" t="s">
        <v>174</v>
      </c>
      <c r="L2128" s="115">
        <v>1</v>
      </c>
      <c r="M2128" s="115">
        <v>0</v>
      </c>
      <c r="N2128" s="115">
        <v>0</v>
      </c>
      <c r="O2128" s="115">
        <v>1</v>
      </c>
      <c r="P2128" s="115" t="s">
        <v>400</v>
      </c>
      <c r="Q2128" s="115" t="s">
        <v>400</v>
      </c>
      <c r="R2128" s="115">
        <v>0</v>
      </c>
      <c r="S2128" s="115">
        <v>0</v>
      </c>
      <c r="T2128" s="115">
        <v>0</v>
      </c>
      <c r="U2128" s="119"/>
      <c r="V2128" s="119"/>
      <c r="W2128" s="119"/>
      <c r="X2128" s="119"/>
      <c r="Y2128" s="119"/>
      <c r="Z2128" s="119"/>
      <c r="AA2128" s="119"/>
      <c r="AB2128" s="119"/>
      <c r="AC2128" s="119"/>
      <c r="AD2128" s="119"/>
      <c r="AE2128" s="119"/>
      <c r="AF2128" s="119"/>
      <c r="AG2128" s="119"/>
      <c r="AH2128" s="119"/>
      <c r="AI2128" s="119"/>
      <c r="AJ2128" s="119"/>
      <c r="AK2128" s="119"/>
      <c r="AL2128" s="119"/>
      <c r="AM2128" s="119"/>
      <c r="AN2128" s="119"/>
      <c r="AO2128" s="119"/>
      <c r="AP2128" s="119"/>
      <c r="AQ2128" s="119"/>
      <c r="AR2128" s="119"/>
      <c r="AS2128" s="119"/>
      <c r="AT2128" s="119"/>
      <c r="AU2128" s="119"/>
      <c r="AV2128" s="119"/>
      <c r="AW2128" s="119"/>
      <c r="AX2128" s="119"/>
      <c r="AY2128" s="119"/>
      <c r="AZ2128" s="119"/>
      <c r="BA2128" s="119"/>
      <c r="BB2128" s="107">
        <v>45884</v>
      </c>
    </row>
    <row r="2129" spans="1:54" s="207" customFormat="1" ht="13.95" customHeight="1" x14ac:dyDescent="0.25">
      <c r="A2129" s="208" t="s">
        <v>5090</v>
      </c>
      <c r="B2129" s="209" t="s">
        <v>20420</v>
      </c>
      <c r="C2129" s="113" t="s">
        <v>5091</v>
      </c>
      <c r="D2129" s="113" t="s">
        <v>5092</v>
      </c>
      <c r="E2129" s="210">
        <v>1987</v>
      </c>
      <c r="F2129" s="210">
        <v>3802</v>
      </c>
      <c r="G2129" s="113" t="s">
        <v>1</v>
      </c>
      <c r="H2129" s="113">
        <v>0</v>
      </c>
      <c r="I2129" s="113">
        <v>0</v>
      </c>
      <c r="J2129" s="115">
        <v>1</v>
      </c>
      <c r="K2129" s="116" t="s">
        <v>174</v>
      </c>
      <c r="L2129" s="115">
        <v>1</v>
      </c>
      <c r="M2129" s="115">
        <v>1</v>
      </c>
      <c r="N2129" s="115">
        <v>1</v>
      </c>
      <c r="O2129" s="115">
        <v>1</v>
      </c>
      <c r="P2129" s="115" t="s">
        <v>400</v>
      </c>
      <c r="Q2129" s="115">
        <v>1</v>
      </c>
      <c r="R2129" s="115">
        <v>0</v>
      </c>
      <c r="S2129" s="115">
        <v>0</v>
      </c>
      <c r="T2129" s="115">
        <v>0</v>
      </c>
      <c r="U2129" s="119"/>
      <c r="V2129" s="119"/>
      <c r="W2129" s="119"/>
      <c r="X2129" s="119"/>
      <c r="Y2129" s="119"/>
      <c r="Z2129" s="119"/>
      <c r="AA2129" s="119"/>
      <c r="AB2129" s="119"/>
      <c r="AC2129" s="119"/>
      <c r="AD2129" s="119"/>
      <c r="AE2129" s="119"/>
      <c r="AF2129" s="119"/>
      <c r="AG2129" s="119"/>
      <c r="AH2129" s="119"/>
      <c r="AI2129" s="119"/>
      <c r="AJ2129" s="119"/>
      <c r="AK2129" s="119"/>
      <c r="AL2129" s="119"/>
      <c r="AM2129" s="119"/>
      <c r="AN2129" s="119"/>
      <c r="AO2129" s="119"/>
      <c r="AP2129" s="119"/>
      <c r="AQ2129" s="119"/>
      <c r="AR2129" s="119"/>
      <c r="AS2129" s="119"/>
      <c r="AT2129" s="119"/>
      <c r="AU2129" s="119"/>
      <c r="AV2129" s="119"/>
      <c r="AW2129" s="119"/>
      <c r="AX2129" s="119"/>
      <c r="AY2129" s="119"/>
      <c r="AZ2129" s="119"/>
      <c r="BA2129" s="119"/>
      <c r="BB2129" s="107">
        <v>45884</v>
      </c>
    </row>
    <row r="2130" spans="1:54" s="207" customFormat="1" ht="13.95" customHeight="1" x14ac:dyDescent="0.25">
      <c r="A2130" s="208" t="s">
        <v>5093</v>
      </c>
      <c r="B2130" s="209" t="s">
        <v>20420</v>
      </c>
      <c r="C2130" s="113" t="s">
        <v>5094</v>
      </c>
      <c r="D2130" s="113" t="s">
        <v>5095</v>
      </c>
      <c r="E2130" s="210">
        <v>1999</v>
      </c>
      <c r="F2130" s="210">
        <v>3812</v>
      </c>
      <c r="G2130" s="113" t="s">
        <v>1</v>
      </c>
      <c r="H2130" s="113">
        <v>1</v>
      </c>
      <c r="I2130" s="113">
        <v>1</v>
      </c>
      <c r="J2130" s="115">
        <v>1</v>
      </c>
      <c r="K2130" s="116" t="s">
        <v>174</v>
      </c>
      <c r="L2130" s="115">
        <v>0</v>
      </c>
      <c r="M2130" s="115">
        <v>1</v>
      </c>
      <c r="N2130" s="115">
        <v>0</v>
      </c>
      <c r="O2130" s="115">
        <v>0</v>
      </c>
      <c r="P2130" s="115" t="s">
        <v>400</v>
      </c>
      <c r="Q2130" s="115" t="s">
        <v>400</v>
      </c>
      <c r="R2130" s="115">
        <v>0</v>
      </c>
      <c r="S2130" s="115">
        <v>0</v>
      </c>
      <c r="T2130" s="115">
        <v>0</v>
      </c>
      <c r="U2130" s="119"/>
      <c r="V2130" s="119"/>
      <c r="W2130" s="119"/>
      <c r="X2130" s="119"/>
      <c r="Y2130" s="119"/>
      <c r="Z2130" s="119"/>
      <c r="AA2130" s="119"/>
      <c r="AB2130" s="119"/>
      <c r="AC2130" s="119"/>
      <c r="AD2130" s="119"/>
      <c r="AE2130" s="119"/>
      <c r="AF2130" s="119"/>
      <c r="AG2130" s="119"/>
      <c r="AH2130" s="119"/>
      <c r="AI2130" s="119"/>
      <c r="AJ2130" s="119"/>
      <c r="AK2130" s="119"/>
      <c r="AL2130" s="119"/>
      <c r="AM2130" s="119"/>
      <c r="AN2130" s="119"/>
      <c r="AO2130" s="119"/>
      <c r="AP2130" s="119"/>
      <c r="AQ2130" s="119"/>
      <c r="AR2130" s="119"/>
      <c r="AS2130" s="119"/>
      <c r="AT2130" s="119"/>
      <c r="AU2130" s="119"/>
      <c r="AV2130" s="119"/>
      <c r="AW2130" s="119"/>
      <c r="AX2130" s="119"/>
      <c r="AY2130" s="119"/>
      <c r="AZ2130" s="119"/>
      <c r="BA2130" s="119"/>
      <c r="BB2130" s="107">
        <v>45884</v>
      </c>
    </row>
    <row r="2131" spans="1:54" s="207" customFormat="1" ht="13.95" customHeight="1" x14ac:dyDescent="0.25">
      <c r="A2131" s="208" t="s">
        <v>5096</v>
      </c>
      <c r="B2131" s="209" t="s">
        <v>20420</v>
      </c>
      <c r="C2131" s="113" t="s">
        <v>5097</v>
      </c>
      <c r="D2131" s="113" t="s">
        <v>5098</v>
      </c>
      <c r="E2131" s="210">
        <v>1987</v>
      </c>
      <c r="F2131" s="210">
        <v>3817</v>
      </c>
      <c r="G2131" s="113" t="s">
        <v>1</v>
      </c>
      <c r="H2131" s="113">
        <v>0</v>
      </c>
      <c r="I2131" s="113">
        <v>0</v>
      </c>
      <c r="J2131" s="115">
        <v>1</v>
      </c>
      <c r="K2131" s="116" t="s">
        <v>174</v>
      </c>
      <c r="L2131" s="115">
        <v>1</v>
      </c>
      <c r="M2131" s="115">
        <v>1</v>
      </c>
      <c r="N2131" s="115">
        <v>0</v>
      </c>
      <c r="O2131" s="115">
        <v>0</v>
      </c>
      <c r="P2131" s="115">
        <v>1</v>
      </c>
      <c r="Q2131" s="115" t="s">
        <v>400</v>
      </c>
      <c r="R2131" s="115">
        <v>1</v>
      </c>
      <c r="S2131" s="115">
        <v>0</v>
      </c>
      <c r="T2131" s="115">
        <v>0</v>
      </c>
      <c r="U2131" s="119"/>
      <c r="V2131" s="119"/>
      <c r="W2131" s="119"/>
      <c r="X2131" s="119"/>
      <c r="Y2131" s="119"/>
      <c r="Z2131" s="119"/>
      <c r="AA2131" s="119"/>
      <c r="AB2131" s="119"/>
      <c r="AC2131" s="119"/>
      <c r="AD2131" s="119"/>
      <c r="AE2131" s="119"/>
      <c r="AF2131" s="119"/>
      <c r="AG2131" s="119"/>
      <c r="AH2131" s="119"/>
      <c r="AI2131" s="119"/>
      <c r="AJ2131" s="119"/>
      <c r="AK2131" s="119"/>
      <c r="AL2131" s="119"/>
      <c r="AM2131" s="119"/>
      <c r="AN2131" s="119"/>
      <c r="AO2131" s="119"/>
      <c r="AP2131" s="119"/>
      <c r="AQ2131" s="119"/>
      <c r="AR2131" s="119"/>
      <c r="AS2131" s="119"/>
      <c r="AT2131" s="119"/>
      <c r="AU2131" s="119"/>
      <c r="AV2131" s="119"/>
      <c r="AW2131" s="119"/>
      <c r="AX2131" s="119"/>
      <c r="AY2131" s="119"/>
      <c r="AZ2131" s="119"/>
      <c r="BA2131" s="119"/>
      <c r="BB2131" s="107">
        <v>45884</v>
      </c>
    </row>
    <row r="2132" spans="1:54" s="207" customFormat="1" ht="13.95" customHeight="1" x14ac:dyDescent="0.25">
      <c r="A2132" s="208" t="s">
        <v>5099</v>
      </c>
      <c r="B2132" s="209" t="s">
        <v>20420</v>
      </c>
      <c r="C2132" s="113" t="s">
        <v>5100</v>
      </c>
      <c r="D2132" s="113" t="s">
        <v>23726</v>
      </c>
      <c r="E2132" s="210">
        <v>1987</v>
      </c>
      <c r="F2132" s="210">
        <v>3838</v>
      </c>
      <c r="G2132" s="113" t="s">
        <v>1</v>
      </c>
      <c r="H2132" s="113">
        <v>1</v>
      </c>
      <c r="I2132" s="113">
        <v>1</v>
      </c>
      <c r="J2132" s="115">
        <v>1</v>
      </c>
      <c r="K2132" s="116" t="s">
        <v>174</v>
      </c>
      <c r="L2132" s="115">
        <v>1</v>
      </c>
      <c r="M2132" s="115">
        <v>0</v>
      </c>
      <c r="N2132" s="115">
        <v>0</v>
      </c>
      <c r="O2132" s="115">
        <v>1</v>
      </c>
      <c r="P2132" s="115">
        <v>1</v>
      </c>
      <c r="Q2132" s="115" t="s">
        <v>400</v>
      </c>
      <c r="R2132" s="115">
        <v>0</v>
      </c>
      <c r="S2132" s="115">
        <v>0</v>
      </c>
      <c r="T2132" s="115">
        <v>0</v>
      </c>
      <c r="U2132" s="119"/>
      <c r="V2132" s="119"/>
      <c r="W2132" s="119"/>
      <c r="X2132" s="119"/>
      <c r="Y2132" s="119"/>
      <c r="Z2132" s="119"/>
      <c r="AA2132" s="119"/>
      <c r="AB2132" s="119"/>
      <c r="AC2132" s="119"/>
      <c r="AD2132" s="119"/>
      <c r="AE2132" s="119"/>
      <c r="AF2132" s="119"/>
      <c r="AG2132" s="119"/>
      <c r="AH2132" s="119"/>
      <c r="AI2132" s="119"/>
      <c r="AJ2132" s="119"/>
      <c r="AK2132" s="119"/>
      <c r="AL2132" s="119"/>
      <c r="AM2132" s="119"/>
      <c r="AN2132" s="119"/>
      <c r="AO2132" s="119"/>
      <c r="AP2132" s="119"/>
      <c r="AQ2132" s="119"/>
      <c r="AR2132" s="119"/>
      <c r="AS2132" s="119"/>
      <c r="AT2132" s="119"/>
      <c r="AU2132" s="119"/>
      <c r="AV2132" s="119"/>
      <c r="AW2132" s="119"/>
      <c r="AX2132" s="119"/>
      <c r="AY2132" s="119"/>
      <c r="AZ2132" s="119"/>
      <c r="BA2132" s="119"/>
      <c r="BB2132" s="107">
        <v>45884</v>
      </c>
    </row>
    <row r="2133" spans="1:54" s="207" customFormat="1" ht="13.95" customHeight="1" x14ac:dyDescent="0.25">
      <c r="A2133" s="208" t="s">
        <v>5101</v>
      </c>
      <c r="B2133" s="209" t="s">
        <v>20420</v>
      </c>
      <c r="C2133" s="113" t="s">
        <v>5102</v>
      </c>
      <c r="D2133" s="113" t="s">
        <v>5103</v>
      </c>
      <c r="E2133" s="210">
        <v>1975</v>
      </c>
      <c r="F2133" s="210">
        <v>3884</v>
      </c>
      <c r="G2133" s="113" t="s">
        <v>1</v>
      </c>
      <c r="H2133" s="113">
        <v>0</v>
      </c>
      <c r="I2133" s="113">
        <v>0</v>
      </c>
      <c r="J2133" s="115">
        <v>1</v>
      </c>
      <c r="K2133" s="211">
        <v>1</v>
      </c>
      <c r="L2133" s="115">
        <v>1</v>
      </c>
      <c r="M2133" s="115">
        <v>0</v>
      </c>
      <c r="N2133" s="115">
        <v>0</v>
      </c>
      <c r="O2133" s="115">
        <v>1</v>
      </c>
      <c r="P2133" s="115">
        <v>1</v>
      </c>
      <c r="Q2133" s="115">
        <v>1</v>
      </c>
      <c r="R2133" s="115">
        <v>1</v>
      </c>
      <c r="S2133" s="115">
        <v>0</v>
      </c>
      <c r="T2133" s="115">
        <v>0</v>
      </c>
      <c r="U2133" s="119"/>
      <c r="V2133" s="119"/>
      <c r="W2133" s="119"/>
      <c r="X2133" s="119"/>
      <c r="Y2133" s="119"/>
      <c r="Z2133" s="119"/>
      <c r="AA2133" s="119"/>
      <c r="AB2133" s="119"/>
      <c r="AC2133" s="119"/>
      <c r="AD2133" s="119"/>
      <c r="AE2133" s="119"/>
      <c r="AF2133" s="119"/>
      <c r="AG2133" s="119"/>
      <c r="AH2133" s="119"/>
      <c r="AI2133" s="119"/>
      <c r="AJ2133" s="119"/>
      <c r="AK2133" s="119"/>
      <c r="AL2133" s="119"/>
      <c r="AM2133" s="119"/>
      <c r="AN2133" s="119"/>
      <c r="AO2133" s="119"/>
      <c r="AP2133" s="119"/>
      <c r="AQ2133" s="119"/>
      <c r="AR2133" s="119"/>
      <c r="AS2133" s="119"/>
      <c r="AT2133" s="119"/>
      <c r="AU2133" s="119"/>
      <c r="AV2133" s="119"/>
      <c r="AW2133" s="119"/>
      <c r="AX2133" s="119"/>
      <c r="AY2133" s="119"/>
      <c r="AZ2133" s="119"/>
      <c r="BA2133" s="119"/>
      <c r="BB2133" s="107">
        <v>45884</v>
      </c>
    </row>
    <row r="2134" spans="1:54" s="207" customFormat="1" ht="13.95" customHeight="1" x14ac:dyDescent="0.25">
      <c r="A2134" s="208" t="s">
        <v>5104</v>
      </c>
      <c r="B2134" s="209" t="s">
        <v>20420</v>
      </c>
      <c r="C2134" s="113" t="s">
        <v>5105</v>
      </c>
      <c r="D2134" s="113" t="s">
        <v>23727</v>
      </c>
      <c r="E2134" s="210">
        <v>1990</v>
      </c>
      <c r="F2134" s="210">
        <v>3889</v>
      </c>
      <c r="G2134" s="113" t="s">
        <v>1</v>
      </c>
      <c r="H2134" s="113">
        <v>0</v>
      </c>
      <c r="I2134" s="113">
        <v>0</v>
      </c>
      <c r="J2134" s="115">
        <v>1</v>
      </c>
      <c r="K2134" s="116" t="s">
        <v>174</v>
      </c>
      <c r="L2134" s="115">
        <v>1</v>
      </c>
      <c r="M2134" s="115">
        <v>1</v>
      </c>
      <c r="N2134" s="115">
        <v>0</v>
      </c>
      <c r="O2134" s="115">
        <v>1</v>
      </c>
      <c r="P2134" s="115" t="s">
        <v>400</v>
      </c>
      <c r="Q2134" s="115" t="s">
        <v>400</v>
      </c>
      <c r="R2134" s="115">
        <v>1</v>
      </c>
      <c r="S2134" s="115">
        <v>0</v>
      </c>
      <c r="T2134" s="115">
        <v>0</v>
      </c>
      <c r="U2134" s="119"/>
      <c r="V2134" s="119"/>
      <c r="W2134" s="119"/>
      <c r="X2134" s="119"/>
      <c r="Y2134" s="119"/>
      <c r="Z2134" s="119"/>
      <c r="AA2134" s="119"/>
      <c r="AB2134" s="119"/>
      <c r="AC2134" s="119"/>
      <c r="AD2134" s="119"/>
      <c r="AE2134" s="119"/>
      <c r="AF2134" s="119"/>
      <c r="AG2134" s="119"/>
      <c r="AH2134" s="119"/>
      <c r="AI2134" s="119"/>
      <c r="AJ2134" s="119"/>
      <c r="AK2134" s="119"/>
      <c r="AL2134" s="119"/>
      <c r="AM2134" s="119"/>
      <c r="AN2134" s="119"/>
      <c r="AO2134" s="119"/>
      <c r="AP2134" s="119"/>
      <c r="AQ2134" s="119"/>
      <c r="AR2134" s="119"/>
      <c r="AS2134" s="119"/>
      <c r="AT2134" s="119"/>
      <c r="AU2134" s="119"/>
      <c r="AV2134" s="119"/>
      <c r="AW2134" s="119"/>
      <c r="AX2134" s="119"/>
      <c r="AY2134" s="119"/>
      <c r="AZ2134" s="119"/>
      <c r="BA2134" s="119"/>
      <c r="BB2134" s="107">
        <v>45884</v>
      </c>
    </row>
    <row r="2135" spans="1:54" s="207" customFormat="1" ht="13.95" customHeight="1" x14ac:dyDescent="0.25">
      <c r="A2135" s="208" t="s">
        <v>5106</v>
      </c>
      <c r="B2135" s="209" t="s">
        <v>20420</v>
      </c>
      <c r="C2135" s="113" t="s">
        <v>5107</v>
      </c>
      <c r="D2135" s="113" t="s">
        <v>23728</v>
      </c>
      <c r="E2135" s="210">
        <v>1998</v>
      </c>
      <c r="F2135" s="210">
        <v>3891</v>
      </c>
      <c r="G2135" s="113" t="s">
        <v>1</v>
      </c>
      <c r="H2135" s="113">
        <v>1</v>
      </c>
      <c r="I2135" s="113">
        <v>1</v>
      </c>
      <c r="J2135" s="115">
        <v>1</v>
      </c>
      <c r="K2135" s="116" t="s">
        <v>174</v>
      </c>
      <c r="L2135" s="115">
        <v>1</v>
      </c>
      <c r="M2135" s="115">
        <v>1</v>
      </c>
      <c r="N2135" s="115">
        <v>0</v>
      </c>
      <c r="O2135" s="115">
        <v>1</v>
      </c>
      <c r="P2135" s="115" t="s">
        <v>400</v>
      </c>
      <c r="Q2135" s="115" t="s">
        <v>400</v>
      </c>
      <c r="R2135" s="115">
        <v>1</v>
      </c>
      <c r="S2135" s="115">
        <v>0</v>
      </c>
      <c r="T2135" s="115">
        <v>0</v>
      </c>
      <c r="U2135" s="119"/>
      <c r="V2135" s="119"/>
      <c r="W2135" s="119"/>
      <c r="X2135" s="119"/>
      <c r="Y2135" s="119"/>
      <c r="Z2135" s="119"/>
      <c r="AA2135" s="119"/>
      <c r="AB2135" s="119"/>
      <c r="AC2135" s="119"/>
      <c r="AD2135" s="119"/>
      <c r="AE2135" s="119"/>
      <c r="AF2135" s="119"/>
      <c r="AG2135" s="119"/>
      <c r="AH2135" s="119"/>
      <c r="AI2135" s="119"/>
      <c r="AJ2135" s="119"/>
      <c r="AK2135" s="119"/>
      <c r="AL2135" s="119"/>
      <c r="AM2135" s="119"/>
      <c r="AN2135" s="119"/>
      <c r="AO2135" s="119"/>
      <c r="AP2135" s="119"/>
      <c r="AQ2135" s="119"/>
      <c r="AR2135" s="119"/>
      <c r="AS2135" s="119"/>
      <c r="AT2135" s="119"/>
      <c r="AU2135" s="119"/>
      <c r="AV2135" s="119"/>
      <c r="AW2135" s="119"/>
      <c r="AX2135" s="119"/>
      <c r="AY2135" s="119"/>
      <c r="AZ2135" s="119"/>
      <c r="BA2135" s="119"/>
      <c r="BB2135" s="107">
        <v>45884</v>
      </c>
    </row>
    <row r="2136" spans="1:54" s="207" customFormat="1" ht="13.95" customHeight="1" x14ac:dyDescent="0.25">
      <c r="A2136" s="208" t="s">
        <v>5108</v>
      </c>
      <c r="B2136" s="209" t="s">
        <v>20420</v>
      </c>
      <c r="C2136" s="113" t="s">
        <v>5109</v>
      </c>
      <c r="D2136" s="113" t="s">
        <v>23729</v>
      </c>
      <c r="E2136" s="210">
        <v>1967</v>
      </c>
      <c r="F2136" s="210">
        <v>3893</v>
      </c>
      <c r="G2136" s="113" t="s">
        <v>1</v>
      </c>
      <c r="H2136" s="113">
        <v>0</v>
      </c>
      <c r="I2136" s="113">
        <v>0</v>
      </c>
      <c r="J2136" s="115">
        <v>1</v>
      </c>
      <c r="K2136" s="116" t="s">
        <v>174</v>
      </c>
      <c r="L2136" s="115">
        <v>1</v>
      </c>
      <c r="M2136" s="115">
        <v>0</v>
      </c>
      <c r="N2136" s="115">
        <v>0</v>
      </c>
      <c r="O2136" s="115">
        <v>1</v>
      </c>
      <c r="P2136" s="115">
        <v>1</v>
      </c>
      <c r="Q2136" s="115" t="s">
        <v>400</v>
      </c>
      <c r="R2136" s="115">
        <v>1</v>
      </c>
      <c r="S2136" s="115">
        <v>0</v>
      </c>
      <c r="T2136" s="115">
        <v>0</v>
      </c>
      <c r="U2136" s="119"/>
      <c r="V2136" s="119"/>
      <c r="W2136" s="119"/>
      <c r="X2136" s="119"/>
      <c r="Y2136" s="119"/>
      <c r="Z2136" s="119"/>
      <c r="AA2136" s="119"/>
      <c r="AB2136" s="119"/>
      <c r="AC2136" s="119"/>
      <c r="AD2136" s="119"/>
      <c r="AE2136" s="119"/>
      <c r="AF2136" s="119"/>
      <c r="AG2136" s="119"/>
      <c r="AH2136" s="119"/>
      <c r="AI2136" s="119"/>
      <c r="AJ2136" s="119"/>
      <c r="AK2136" s="119"/>
      <c r="AL2136" s="119"/>
      <c r="AM2136" s="119"/>
      <c r="AN2136" s="119"/>
      <c r="AO2136" s="119"/>
      <c r="AP2136" s="119"/>
      <c r="AQ2136" s="119"/>
      <c r="AR2136" s="119"/>
      <c r="AS2136" s="119"/>
      <c r="AT2136" s="119"/>
      <c r="AU2136" s="119"/>
      <c r="AV2136" s="119"/>
      <c r="AW2136" s="119"/>
      <c r="AX2136" s="119"/>
      <c r="AY2136" s="119"/>
      <c r="AZ2136" s="119"/>
      <c r="BA2136" s="119"/>
      <c r="BB2136" s="107">
        <v>45884</v>
      </c>
    </row>
    <row r="2137" spans="1:54" s="207" customFormat="1" ht="13.95" customHeight="1" x14ac:dyDescent="0.25">
      <c r="A2137" s="208" t="s">
        <v>5110</v>
      </c>
      <c r="B2137" s="209" t="s">
        <v>20420</v>
      </c>
      <c r="C2137" s="113" t="s">
        <v>5111</v>
      </c>
      <c r="D2137" s="113" t="s">
        <v>5112</v>
      </c>
      <c r="E2137" s="210">
        <v>1973</v>
      </c>
      <c r="F2137" s="210">
        <v>3894</v>
      </c>
      <c r="G2137" s="113" t="s">
        <v>1</v>
      </c>
      <c r="H2137" s="113">
        <v>0</v>
      </c>
      <c r="I2137" s="113">
        <v>0</v>
      </c>
      <c r="J2137" s="115">
        <v>1</v>
      </c>
      <c r="K2137" s="116" t="s">
        <v>174</v>
      </c>
      <c r="L2137" s="115">
        <v>1</v>
      </c>
      <c r="M2137" s="115">
        <v>0</v>
      </c>
      <c r="N2137" s="115">
        <v>0</v>
      </c>
      <c r="O2137" s="115">
        <v>1</v>
      </c>
      <c r="P2137" s="115">
        <v>1</v>
      </c>
      <c r="Q2137" s="115" t="s">
        <v>400</v>
      </c>
      <c r="R2137" s="115">
        <v>1</v>
      </c>
      <c r="S2137" s="115">
        <v>0</v>
      </c>
      <c r="T2137" s="115">
        <v>0</v>
      </c>
      <c r="U2137" s="119"/>
      <c r="V2137" s="119"/>
      <c r="W2137" s="119"/>
      <c r="X2137" s="119"/>
      <c r="Y2137" s="119"/>
      <c r="Z2137" s="119"/>
      <c r="AA2137" s="119"/>
      <c r="AB2137" s="119"/>
      <c r="AC2137" s="119"/>
      <c r="AD2137" s="119"/>
      <c r="AE2137" s="119"/>
      <c r="AF2137" s="119"/>
      <c r="AG2137" s="119"/>
      <c r="AH2137" s="119"/>
      <c r="AI2137" s="119"/>
      <c r="AJ2137" s="119"/>
      <c r="AK2137" s="119"/>
      <c r="AL2137" s="119"/>
      <c r="AM2137" s="119"/>
      <c r="AN2137" s="119"/>
      <c r="AO2137" s="119"/>
      <c r="AP2137" s="119"/>
      <c r="AQ2137" s="119"/>
      <c r="AR2137" s="119"/>
      <c r="AS2137" s="119"/>
      <c r="AT2137" s="119"/>
      <c r="AU2137" s="119"/>
      <c r="AV2137" s="119"/>
      <c r="AW2137" s="119"/>
      <c r="AX2137" s="119"/>
      <c r="AY2137" s="119"/>
      <c r="AZ2137" s="119"/>
      <c r="BA2137" s="119"/>
      <c r="BB2137" s="107">
        <v>45884</v>
      </c>
    </row>
    <row r="2138" spans="1:54" s="207" customFormat="1" ht="13.95" customHeight="1" x14ac:dyDescent="0.25">
      <c r="A2138" s="208" t="s">
        <v>5113</v>
      </c>
      <c r="B2138" s="209" t="s">
        <v>20420</v>
      </c>
      <c r="C2138" s="113" t="s">
        <v>5114</v>
      </c>
      <c r="D2138" s="113" t="s">
        <v>23730</v>
      </c>
      <c r="E2138" s="210">
        <v>1954</v>
      </c>
      <c r="F2138" s="210">
        <v>3896</v>
      </c>
      <c r="G2138" s="113" t="s">
        <v>1</v>
      </c>
      <c r="H2138" s="113">
        <v>0</v>
      </c>
      <c r="I2138" s="113">
        <v>0</v>
      </c>
      <c r="J2138" s="115">
        <v>1</v>
      </c>
      <c r="K2138" s="116" t="s">
        <v>174</v>
      </c>
      <c r="L2138" s="115">
        <v>1</v>
      </c>
      <c r="M2138" s="115">
        <v>1</v>
      </c>
      <c r="N2138" s="115">
        <v>1</v>
      </c>
      <c r="O2138" s="115">
        <v>1</v>
      </c>
      <c r="P2138" s="115">
        <v>1</v>
      </c>
      <c r="Q2138" s="115" t="s">
        <v>400</v>
      </c>
      <c r="R2138" s="115">
        <v>1</v>
      </c>
      <c r="S2138" s="115">
        <v>0</v>
      </c>
      <c r="T2138" s="115">
        <v>0</v>
      </c>
      <c r="U2138" s="119"/>
      <c r="V2138" s="119"/>
      <c r="W2138" s="119"/>
      <c r="X2138" s="119"/>
      <c r="Y2138" s="119"/>
      <c r="Z2138" s="119"/>
      <c r="AA2138" s="119"/>
      <c r="AB2138" s="119"/>
      <c r="AC2138" s="119"/>
      <c r="AD2138" s="119"/>
      <c r="AE2138" s="119"/>
      <c r="AF2138" s="119"/>
      <c r="AG2138" s="119"/>
      <c r="AH2138" s="119"/>
      <c r="AI2138" s="119"/>
      <c r="AJ2138" s="119"/>
      <c r="AK2138" s="119"/>
      <c r="AL2138" s="119"/>
      <c r="AM2138" s="119"/>
      <c r="AN2138" s="119"/>
      <c r="AO2138" s="119"/>
      <c r="AP2138" s="119"/>
      <c r="AQ2138" s="119"/>
      <c r="AR2138" s="119"/>
      <c r="AS2138" s="119"/>
      <c r="AT2138" s="119"/>
      <c r="AU2138" s="119"/>
      <c r="AV2138" s="119"/>
      <c r="AW2138" s="119"/>
      <c r="AX2138" s="119"/>
      <c r="AY2138" s="119"/>
      <c r="AZ2138" s="119"/>
      <c r="BA2138" s="119"/>
      <c r="BB2138" s="107">
        <v>45884</v>
      </c>
    </row>
    <row r="2139" spans="1:54" s="207" customFormat="1" ht="13.95" customHeight="1" x14ac:dyDescent="0.25">
      <c r="A2139" s="208" t="s">
        <v>5115</v>
      </c>
      <c r="B2139" s="209" t="s">
        <v>20420</v>
      </c>
      <c r="C2139" s="113" t="s">
        <v>5116</v>
      </c>
      <c r="D2139" s="113" t="s">
        <v>5117</v>
      </c>
      <c r="E2139" s="210">
        <v>1996</v>
      </c>
      <c r="F2139" s="210">
        <v>3928</v>
      </c>
      <c r="G2139" s="113" t="s">
        <v>1</v>
      </c>
      <c r="H2139" s="113">
        <v>1</v>
      </c>
      <c r="I2139" s="113">
        <v>0</v>
      </c>
      <c r="J2139" s="115">
        <v>1</v>
      </c>
      <c r="K2139" s="116" t="s">
        <v>174</v>
      </c>
      <c r="L2139" s="115">
        <v>1</v>
      </c>
      <c r="M2139" s="115">
        <v>0</v>
      </c>
      <c r="N2139" s="115">
        <v>0</v>
      </c>
      <c r="O2139" s="115">
        <v>1</v>
      </c>
      <c r="P2139" s="115" t="s">
        <v>400</v>
      </c>
      <c r="Q2139" s="115" t="s">
        <v>400</v>
      </c>
      <c r="R2139" s="115">
        <v>1</v>
      </c>
      <c r="S2139" s="115">
        <v>0</v>
      </c>
      <c r="T2139" s="115">
        <v>0</v>
      </c>
      <c r="U2139" s="119"/>
      <c r="V2139" s="119"/>
      <c r="W2139" s="119"/>
      <c r="X2139" s="119"/>
      <c r="Y2139" s="119"/>
      <c r="Z2139" s="119"/>
      <c r="AA2139" s="119"/>
      <c r="AB2139" s="119"/>
      <c r="AC2139" s="119"/>
      <c r="AD2139" s="119"/>
      <c r="AE2139" s="119"/>
      <c r="AF2139" s="119"/>
      <c r="AG2139" s="119"/>
      <c r="AH2139" s="119"/>
      <c r="AI2139" s="119"/>
      <c r="AJ2139" s="119"/>
      <c r="AK2139" s="119"/>
      <c r="AL2139" s="119"/>
      <c r="AM2139" s="119"/>
      <c r="AN2139" s="119"/>
      <c r="AO2139" s="119"/>
      <c r="AP2139" s="119"/>
      <c r="AQ2139" s="119"/>
      <c r="AR2139" s="119"/>
      <c r="AS2139" s="119"/>
      <c r="AT2139" s="119"/>
      <c r="AU2139" s="119"/>
      <c r="AV2139" s="119"/>
      <c r="AW2139" s="119"/>
      <c r="AX2139" s="119"/>
      <c r="AY2139" s="119"/>
      <c r="AZ2139" s="119"/>
      <c r="BA2139" s="119"/>
      <c r="BB2139" s="107">
        <v>45884</v>
      </c>
    </row>
    <row r="2140" spans="1:54" s="207" customFormat="1" ht="13.95" customHeight="1" x14ac:dyDescent="0.25">
      <c r="A2140" s="208" t="s">
        <v>5118</v>
      </c>
      <c r="B2140" s="209" t="s">
        <v>20420</v>
      </c>
      <c r="C2140" s="113" t="s">
        <v>5119</v>
      </c>
      <c r="D2140" s="113" t="s">
        <v>5120</v>
      </c>
      <c r="E2140" s="210">
        <v>1979</v>
      </c>
      <c r="F2140" s="210">
        <v>3932</v>
      </c>
      <c r="G2140" s="113" t="s">
        <v>1</v>
      </c>
      <c r="H2140" s="113">
        <v>0</v>
      </c>
      <c r="I2140" s="113">
        <v>0</v>
      </c>
      <c r="J2140" s="115">
        <v>1</v>
      </c>
      <c r="K2140" s="211">
        <v>1</v>
      </c>
      <c r="L2140" s="115">
        <v>1</v>
      </c>
      <c r="M2140" s="115">
        <v>1</v>
      </c>
      <c r="N2140" s="115">
        <v>0</v>
      </c>
      <c r="O2140" s="115">
        <v>1</v>
      </c>
      <c r="P2140" s="115">
        <v>1</v>
      </c>
      <c r="Q2140" s="115" t="s">
        <v>400</v>
      </c>
      <c r="R2140" s="115">
        <v>1</v>
      </c>
      <c r="S2140" s="115">
        <v>0</v>
      </c>
      <c r="T2140" s="115">
        <v>0</v>
      </c>
      <c r="U2140" s="119"/>
      <c r="V2140" s="119"/>
      <c r="W2140" s="119"/>
      <c r="X2140" s="119"/>
      <c r="Y2140" s="119"/>
      <c r="Z2140" s="119"/>
      <c r="AA2140" s="119"/>
      <c r="AB2140" s="119"/>
      <c r="AC2140" s="119"/>
      <c r="AD2140" s="119"/>
      <c r="AE2140" s="119"/>
      <c r="AF2140" s="119"/>
      <c r="AG2140" s="119"/>
      <c r="AH2140" s="119"/>
      <c r="AI2140" s="119"/>
      <c r="AJ2140" s="119"/>
      <c r="AK2140" s="119"/>
      <c r="AL2140" s="119"/>
      <c r="AM2140" s="119"/>
      <c r="AN2140" s="119"/>
      <c r="AO2140" s="119"/>
      <c r="AP2140" s="119"/>
      <c r="AQ2140" s="119"/>
      <c r="AR2140" s="119"/>
      <c r="AS2140" s="119"/>
      <c r="AT2140" s="119"/>
      <c r="AU2140" s="119"/>
      <c r="AV2140" s="119"/>
      <c r="AW2140" s="119"/>
      <c r="AX2140" s="119"/>
      <c r="AY2140" s="119"/>
      <c r="AZ2140" s="119"/>
      <c r="BA2140" s="119"/>
      <c r="BB2140" s="107">
        <v>45884</v>
      </c>
    </row>
    <row r="2141" spans="1:54" s="207" customFormat="1" ht="13.95" customHeight="1" x14ac:dyDescent="0.25">
      <c r="A2141" s="208" t="s">
        <v>5121</v>
      </c>
      <c r="B2141" s="209" t="s">
        <v>20420</v>
      </c>
      <c r="C2141" s="113" t="s">
        <v>5122</v>
      </c>
      <c r="D2141" s="113" t="s">
        <v>23731</v>
      </c>
      <c r="E2141" s="210">
        <v>2008</v>
      </c>
      <c r="F2141" s="210">
        <v>9740</v>
      </c>
      <c r="G2141" s="113" t="s">
        <v>11</v>
      </c>
      <c r="H2141" s="113">
        <v>0</v>
      </c>
      <c r="I2141" s="113">
        <v>0</v>
      </c>
      <c r="J2141" s="115">
        <v>0</v>
      </c>
      <c r="K2141" s="116" t="s">
        <v>174</v>
      </c>
      <c r="L2141" s="115">
        <v>0</v>
      </c>
      <c r="M2141" s="115">
        <v>0</v>
      </c>
      <c r="N2141" s="115">
        <v>0</v>
      </c>
      <c r="O2141" s="115">
        <v>0</v>
      </c>
      <c r="P2141" s="115" t="s">
        <v>400</v>
      </c>
      <c r="Q2141" s="115" t="s">
        <v>400</v>
      </c>
      <c r="R2141" s="115">
        <v>0</v>
      </c>
      <c r="S2141" s="115">
        <v>0</v>
      </c>
      <c r="T2141" s="115">
        <v>0</v>
      </c>
      <c r="U2141" s="113" t="s">
        <v>174</v>
      </c>
      <c r="V2141" s="113" t="s">
        <v>174</v>
      </c>
      <c r="W2141" s="113" t="s">
        <v>174</v>
      </c>
      <c r="X2141" s="113" t="s">
        <v>174</v>
      </c>
      <c r="Y2141" s="113" t="s">
        <v>174</v>
      </c>
      <c r="Z2141" s="113" t="s">
        <v>174</v>
      </c>
      <c r="AA2141" s="113" t="s">
        <v>174</v>
      </c>
      <c r="AB2141" s="113" t="s">
        <v>174</v>
      </c>
      <c r="AC2141" s="113" t="s">
        <v>174</v>
      </c>
      <c r="AD2141" s="113" t="s">
        <v>174</v>
      </c>
      <c r="AE2141" s="113" t="s">
        <v>174</v>
      </c>
      <c r="AF2141" s="113" t="s">
        <v>174</v>
      </c>
      <c r="AG2141" s="113" t="s">
        <v>174</v>
      </c>
      <c r="AH2141" s="113" t="s">
        <v>174</v>
      </c>
      <c r="AI2141" s="113" t="s">
        <v>174</v>
      </c>
      <c r="AJ2141" s="113" t="s">
        <v>174</v>
      </c>
      <c r="AK2141" s="113" t="s">
        <v>174</v>
      </c>
      <c r="AL2141" s="113" t="s">
        <v>174</v>
      </c>
      <c r="AM2141" s="113" t="s">
        <v>174</v>
      </c>
      <c r="AN2141" s="113" t="s">
        <v>174</v>
      </c>
      <c r="AO2141" s="113" t="s">
        <v>174</v>
      </c>
      <c r="AP2141" s="113" t="s">
        <v>174</v>
      </c>
      <c r="AQ2141" s="113" t="s">
        <v>174</v>
      </c>
      <c r="AR2141" s="113" t="s">
        <v>174</v>
      </c>
      <c r="AS2141" s="113" t="s">
        <v>174</v>
      </c>
      <c r="AT2141" s="121" t="s">
        <v>174</v>
      </c>
      <c r="AU2141" s="113" t="s">
        <v>174</v>
      </c>
      <c r="AV2141" s="113" t="s">
        <v>174</v>
      </c>
      <c r="AW2141" s="113" t="s">
        <v>174</v>
      </c>
      <c r="AX2141" s="113"/>
      <c r="AY2141" s="113"/>
      <c r="AZ2141" s="113"/>
      <c r="BA2141" s="113"/>
      <c r="BB2141" s="107">
        <v>45884</v>
      </c>
    </row>
    <row r="2142" spans="1:54" s="207" customFormat="1" ht="13.95" customHeight="1" x14ac:dyDescent="0.25">
      <c r="A2142" s="208" t="s">
        <v>5123</v>
      </c>
      <c r="B2142" s="209" t="s">
        <v>20420</v>
      </c>
      <c r="C2142" s="113" t="s">
        <v>5124</v>
      </c>
      <c r="D2142" s="113" t="s">
        <v>23732</v>
      </c>
      <c r="E2142" s="210">
        <v>1997</v>
      </c>
      <c r="F2142" s="210">
        <v>3950</v>
      </c>
      <c r="G2142" s="113" t="s">
        <v>1</v>
      </c>
      <c r="H2142" s="113">
        <v>0</v>
      </c>
      <c r="I2142" s="113">
        <v>0</v>
      </c>
      <c r="J2142" s="115">
        <v>1</v>
      </c>
      <c r="K2142" s="116" t="s">
        <v>174</v>
      </c>
      <c r="L2142" s="115">
        <v>1</v>
      </c>
      <c r="M2142" s="115">
        <v>1</v>
      </c>
      <c r="N2142" s="115">
        <v>0</v>
      </c>
      <c r="O2142" s="115">
        <v>0</v>
      </c>
      <c r="P2142" s="115" t="s">
        <v>400</v>
      </c>
      <c r="Q2142" s="115" t="s">
        <v>400</v>
      </c>
      <c r="R2142" s="115">
        <v>0</v>
      </c>
      <c r="S2142" s="115">
        <v>0</v>
      </c>
      <c r="T2142" s="115">
        <v>0</v>
      </c>
      <c r="U2142" s="119"/>
      <c r="V2142" s="119"/>
      <c r="W2142" s="119"/>
      <c r="X2142" s="119"/>
      <c r="Y2142" s="119"/>
      <c r="Z2142" s="119"/>
      <c r="AA2142" s="119"/>
      <c r="AB2142" s="119"/>
      <c r="AC2142" s="119"/>
      <c r="AD2142" s="119"/>
      <c r="AE2142" s="119"/>
      <c r="AF2142" s="119"/>
      <c r="AG2142" s="119"/>
      <c r="AH2142" s="119"/>
      <c r="AI2142" s="119"/>
      <c r="AJ2142" s="119"/>
      <c r="AK2142" s="119"/>
      <c r="AL2142" s="119"/>
      <c r="AM2142" s="119"/>
      <c r="AN2142" s="119"/>
      <c r="AO2142" s="119"/>
      <c r="AP2142" s="119"/>
      <c r="AQ2142" s="119"/>
      <c r="AR2142" s="119"/>
      <c r="AS2142" s="119"/>
      <c r="AT2142" s="119"/>
      <c r="AU2142" s="119"/>
      <c r="AV2142" s="119"/>
      <c r="AW2142" s="119"/>
      <c r="AX2142" s="119"/>
      <c r="AY2142" s="119"/>
      <c r="AZ2142" s="119"/>
      <c r="BA2142" s="119"/>
      <c r="BB2142" s="107">
        <v>45884</v>
      </c>
    </row>
    <row r="2143" spans="1:54" s="207" customFormat="1" ht="13.95" customHeight="1" x14ac:dyDescent="0.25">
      <c r="A2143" s="208" t="s">
        <v>5125</v>
      </c>
      <c r="B2143" s="209" t="s">
        <v>20420</v>
      </c>
      <c r="C2143" s="113" t="s">
        <v>5126</v>
      </c>
      <c r="D2143" s="113" t="s">
        <v>23733</v>
      </c>
      <c r="E2143" s="210">
        <v>1957</v>
      </c>
      <c r="F2143" s="210">
        <v>3953</v>
      </c>
      <c r="G2143" s="113" t="s">
        <v>1</v>
      </c>
      <c r="H2143" s="113">
        <v>1</v>
      </c>
      <c r="I2143" s="113">
        <v>0</v>
      </c>
      <c r="J2143" s="115">
        <v>1</v>
      </c>
      <c r="K2143" s="116" t="s">
        <v>174</v>
      </c>
      <c r="L2143" s="115">
        <v>1</v>
      </c>
      <c r="M2143" s="115">
        <v>1</v>
      </c>
      <c r="N2143" s="115">
        <v>0</v>
      </c>
      <c r="O2143" s="115">
        <v>1</v>
      </c>
      <c r="P2143" s="115" t="s">
        <v>400</v>
      </c>
      <c r="Q2143" s="115">
        <v>1</v>
      </c>
      <c r="R2143" s="115">
        <v>1</v>
      </c>
      <c r="S2143" s="115">
        <v>0</v>
      </c>
      <c r="T2143" s="115">
        <v>0</v>
      </c>
      <c r="U2143" s="119"/>
      <c r="V2143" s="119"/>
      <c r="W2143" s="119"/>
      <c r="X2143" s="119"/>
      <c r="Y2143" s="119"/>
      <c r="Z2143" s="119"/>
      <c r="AA2143" s="119"/>
      <c r="AB2143" s="119"/>
      <c r="AC2143" s="119"/>
      <c r="AD2143" s="119"/>
      <c r="AE2143" s="119"/>
      <c r="AF2143" s="119"/>
      <c r="AG2143" s="119"/>
      <c r="AH2143" s="119"/>
      <c r="AI2143" s="119"/>
      <c r="AJ2143" s="119"/>
      <c r="AK2143" s="119"/>
      <c r="AL2143" s="119"/>
      <c r="AM2143" s="119"/>
      <c r="AN2143" s="119"/>
      <c r="AO2143" s="119"/>
      <c r="AP2143" s="119"/>
      <c r="AQ2143" s="119"/>
      <c r="AR2143" s="119"/>
      <c r="AS2143" s="119"/>
      <c r="AT2143" s="119"/>
      <c r="AU2143" s="119"/>
      <c r="AV2143" s="119"/>
      <c r="AW2143" s="119"/>
      <c r="AX2143" s="119"/>
      <c r="AY2143" s="119"/>
      <c r="AZ2143" s="119"/>
      <c r="BA2143" s="119"/>
      <c r="BB2143" s="107">
        <v>45884</v>
      </c>
    </row>
    <row r="2144" spans="1:54" s="207" customFormat="1" ht="13.95" customHeight="1" x14ac:dyDescent="0.25">
      <c r="A2144" s="208" t="s">
        <v>5127</v>
      </c>
      <c r="B2144" s="209" t="s">
        <v>20420</v>
      </c>
      <c r="C2144" s="113" t="s">
        <v>5128</v>
      </c>
      <c r="D2144" s="113" t="s">
        <v>23734</v>
      </c>
      <c r="E2144" s="210">
        <v>1999</v>
      </c>
      <c r="F2144" s="210">
        <v>3961</v>
      </c>
      <c r="G2144" s="113" t="s">
        <v>1</v>
      </c>
      <c r="H2144" s="113">
        <v>1</v>
      </c>
      <c r="I2144" s="113">
        <v>1</v>
      </c>
      <c r="J2144" s="115">
        <v>1</v>
      </c>
      <c r="K2144" s="211">
        <v>1</v>
      </c>
      <c r="L2144" s="115">
        <v>1</v>
      </c>
      <c r="M2144" s="115">
        <v>1</v>
      </c>
      <c r="N2144" s="115">
        <v>0</v>
      </c>
      <c r="O2144" s="115">
        <v>1</v>
      </c>
      <c r="P2144" s="115" t="s">
        <v>400</v>
      </c>
      <c r="Q2144" s="115" t="s">
        <v>400</v>
      </c>
      <c r="R2144" s="115">
        <v>0</v>
      </c>
      <c r="S2144" s="115">
        <v>0</v>
      </c>
      <c r="T2144" s="115">
        <v>0</v>
      </c>
      <c r="U2144" s="119"/>
      <c r="V2144" s="119"/>
      <c r="W2144" s="119"/>
      <c r="X2144" s="119"/>
      <c r="Y2144" s="119"/>
      <c r="Z2144" s="119"/>
      <c r="AA2144" s="119"/>
      <c r="AB2144" s="119"/>
      <c r="AC2144" s="119"/>
      <c r="AD2144" s="119"/>
      <c r="AE2144" s="119"/>
      <c r="AF2144" s="119"/>
      <c r="AG2144" s="119"/>
      <c r="AH2144" s="119"/>
      <c r="AI2144" s="119"/>
      <c r="AJ2144" s="119"/>
      <c r="AK2144" s="119"/>
      <c r="AL2144" s="119"/>
      <c r="AM2144" s="119"/>
      <c r="AN2144" s="119"/>
      <c r="AO2144" s="119"/>
      <c r="AP2144" s="119"/>
      <c r="AQ2144" s="119"/>
      <c r="AR2144" s="119"/>
      <c r="AS2144" s="119"/>
      <c r="AT2144" s="119"/>
      <c r="AU2144" s="119"/>
      <c r="AV2144" s="119"/>
      <c r="AW2144" s="119"/>
      <c r="AX2144" s="119"/>
      <c r="AY2144" s="119"/>
      <c r="AZ2144" s="119"/>
      <c r="BA2144" s="119"/>
      <c r="BB2144" s="107">
        <v>45884</v>
      </c>
    </row>
    <row r="2145" spans="1:54" s="207" customFormat="1" ht="13.95" customHeight="1" x14ac:dyDescent="0.25">
      <c r="A2145" s="208" t="s">
        <v>5129</v>
      </c>
      <c r="B2145" s="209" t="s">
        <v>20420</v>
      </c>
      <c r="C2145" s="113" t="s">
        <v>5130</v>
      </c>
      <c r="D2145" s="113" t="s">
        <v>23735</v>
      </c>
      <c r="E2145" s="210">
        <v>1977</v>
      </c>
      <c r="F2145" s="210">
        <v>3966</v>
      </c>
      <c r="G2145" s="113" t="s">
        <v>1</v>
      </c>
      <c r="H2145" s="113">
        <v>0</v>
      </c>
      <c r="I2145" s="113">
        <v>0</v>
      </c>
      <c r="J2145" s="115">
        <v>1</v>
      </c>
      <c r="K2145" s="116" t="s">
        <v>174</v>
      </c>
      <c r="L2145" s="115">
        <v>0</v>
      </c>
      <c r="M2145" s="115">
        <v>0</v>
      </c>
      <c r="N2145" s="115">
        <v>0</v>
      </c>
      <c r="O2145" s="115">
        <v>1</v>
      </c>
      <c r="P2145" s="115">
        <v>1</v>
      </c>
      <c r="Q2145" s="115" t="s">
        <v>400</v>
      </c>
      <c r="R2145" s="115">
        <v>0</v>
      </c>
      <c r="S2145" s="115">
        <v>0</v>
      </c>
      <c r="T2145" s="115">
        <v>0</v>
      </c>
      <c r="U2145" s="119"/>
      <c r="V2145" s="119"/>
      <c r="W2145" s="119"/>
      <c r="X2145" s="119"/>
      <c r="Y2145" s="119"/>
      <c r="Z2145" s="119"/>
      <c r="AA2145" s="119"/>
      <c r="AB2145" s="119"/>
      <c r="AC2145" s="119"/>
      <c r="AD2145" s="119"/>
      <c r="AE2145" s="119"/>
      <c r="AF2145" s="119"/>
      <c r="AG2145" s="119"/>
      <c r="AH2145" s="119"/>
      <c r="AI2145" s="119"/>
      <c r="AJ2145" s="119"/>
      <c r="AK2145" s="119"/>
      <c r="AL2145" s="119"/>
      <c r="AM2145" s="119"/>
      <c r="AN2145" s="119"/>
      <c r="AO2145" s="119"/>
      <c r="AP2145" s="119"/>
      <c r="AQ2145" s="119"/>
      <c r="AR2145" s="119"/>
      <c r="AS2145" s="119"/>
      <c r="AT2145" s="119"/>
      <c r="AU2145" s="119"/>
      <c r="AV2145" s="119"/>
      <c r="AW2145" s="119"/>
      <c r="AX2145" s="119"/>
      <c r="AY2145" s="119"/>
      <c r="AZ2145" s="119"/>
      <c r="BA2145" s="119"/>
      <c r="BB2145" s="107">
        <v>45884</v>
      </c>
    </row>
    <row r="2146" spans="1:54" s="207" customFormat="1" ht="13.95" customHeight="1" x14ac:dyDescent="0.25">
      <c r="A2146" s="208" t="s">
        <v>5131</v>
      </c>
      <c r="B2146" s="209" t="s">
        <v>20420</v>
      </c>
      <c r="C2146" s="113" t="s">
        <v>5132</v>
      </c>
      <c r="D2146" s="113" t="s">
        <v>23736</v>
      </c>
      <c r="E2146" s="210">
        <v>1975</v>
      </c>
      <c r="F2146" s="210">
        <v>3966</v>
      </c>
      <c r="G2146" s="113" t="s">
        <v>1</v>
      </c>
      <c r="H2146" s="113">
        <v>1</v>
      </c>
      <c r="I2146" s="113">
        <v>0</v>
      </c>
      <c r="J2146" s="115">
        <v>1</v>
      </c>
      <c r="K2146" s="116" t="s">
        <v>174</v>
      </c>
      <c r="L2146" s="115">
        <v>1</v>
      </c>
      <c r="M2146" s="115">
        <v>0</v>
      </c>
      <c r="N2146" s="115">
        <v>1</v>
      </c>
      <c r="O2146" s="115">
        <v>1</v>
      </c>
      <c r="P2146" s="115">
        <v>1</v>
      </c>
      <c r="Q2146" s="115" t="s">
        <v>400</v>
      </c>
      <c r="R2146" s="115">
        <v>1</v>
      </c>
      <c r="S2146" s="115">
        <v>0</v>
      </c>
      <c r="T2146" s="115">
        <v>0</v>
      </c>
      <c r="U2146" s="119"/>
      <c r="V2146" s="119"/>
      <c r="W2146" s="119"/>
      <c r="X2146" s="119"/>
      <c r="Y2146" s="119"/>
      <c r="Z2146" s="119"/>
      <c r="AA2146" s="119"/>
      <c r="AB2146" s="119"/>
      <c r="AC2146" s="119"/>
      <c r="AD2146" s="119"/>
      <c r="AE2146" s="119"/>
      <c r="AF2146" s="119"/>
      <c r="AG2146" s="119"/>
      <c r="AH2146" s="119"/>
      <c r="AI2146" s="119"/>
      <c r="AJ2146" s="119"/>
      <c r="AK2146" s="119"/>
      <c r="AL2146" s="119"/>
      <c r="AM2146" s="119"/>
      <c r="AN2146" s="119"/>
      <c r="AO2146" s="119"/>
      <c r="AP2146" s="119"/>
      <c r="AQ2146" s="119"/>
      <c r="AR2146" s="119"/>
      <c r="AS2146" s="119"/>
      <c r="AT2146" s="119"/>
      <c r="AU2146" s="119"/>
      <c r="AV2146" s="119"/>
      <c r="AW2146" s="119"/>
      <c r="AX2146" s="119"/>
      <c r="AY2146" s="119"/>
      <c r="AZ2146" s="119"/>
      <c r="BA2146" s="119"/>
      <c r="BB2146" s="107">
        <v>45884</v>
      </c>
    </row>
    <row r="2147" spans="1:54" s="207" customFormat="1" ht="13.95" customHeight="1" x14ac:dyDescent="0.25">
      <c r="A2147" s="208" t="s">
        <v>5133</v>
      </c>
      <c r="B2147" s="209" t="s">
        <v>20420</v>
      </c>
      <c r="C2147" s="113" t="s">
        <v>5134</v>
      </c>
      <c r="D2147" s="113" t="s">
        <v>23737</v>
      </c>
      <c r="E2147" s="210">
        <v>2004</v>
      </c>
      <c r="F2147" s="210">
        <v>3970</v>
      </c>
      <c r="G2147" s="113" t="s">
        <v>1</v>
      </c>
      <c r="H2147" s="113">
        <v>0</v>
      </c>
      <c r="I2147" s="113">
        <v>0</v>
      </c>
      <c r="J2147" s="115">
        <v>1</v>
      </c>
      <c r="K2147" s="116" t="s">
        <v>174</v>
      </c>
      <c r="L2147" s="115">
        <v>1</v>
      </c>
      <c r="M2147" s="115">
        <v>1</v>
      </c>
      <c r="N2147" s="115">
        <v>1</v>
      </c>
      <c r="O2147" s="115">
        <v>1</v>
      </c>
      <c r="P2147" s="115" t="s">
        <v>400</v>
      </c>
      <c r="Q2147" s="115" t="s">
        <v>400</v>
      </c>
      <c r="R2147" s="115">
        <v>0</v>
      </c>
      <c r="S2147" s="115">
        <v>0</v>
      </c>
      <c r="T2147" s="115">
        <v>0</v>
      </c>
      <c r="U2147" s="119"/>
      <c r="V2147" s="119"/>
      <c r="W2147" s="119"/>
      <c r="X2147" s="119"/>
      <c r="Y2147" s="119"/>
      <c r="Z2147" s="119"/>
      <c r="AA2147" s="119"/>
      <c r="AB2147" s="119"/>
      <c r="AC2147" s="119"/>
      <c r="AD2147" s="119"/>
      <c r="AE2147" s="119"/>
      <c r="AF2147" s="119"/>
      <c r="AG2147" s="119"/>
      <c r="AH2147" s="119"/>
      <c r="AI2147" s="119"/>
      <c r="AJ2147" s="119"/>
      <c r="AK2147" s="119"/>
      <c r="AL2147" s="119"/>
      <c r="AM2147" s="119"/>
      <c r="AN2147" s="119"/>
      <c r="AO2147" s="119"/>
      <c r="AP2147" s="119"/>
      <c r="AQ2147" s="119"/>
      <c r="AR2147" s="119"/>
      <c r="AS2147" s="119"/>
      <c r="AT2147" s="119"/>
      <c r="AU2147" s="119"/>
      <c r="AV2147" s="119"/>
      <c r="AW2147" s="119"/>
      <c r="AX2147" s="119"/>
      <c r="AY2147" s="119"/>
      <c r="AZ2147" s="119"/>
      <c r="BA2147" s="119"/>
      <c r="BB2147" s="107">
        <v>45884</v>
      </c>
    </row>
    <row r="2148" spans="1:54" s="207" customFormat="1" ht="13.95" customHeight="1" x14ac:dyDescent="0.25">
      <c r="A2148" s="208" t="s">
        <v>5135</v>
      </c>
      <c r="B2148" s="209" t="s">
        <v>20420</v>
      </c>
      <c r="C2148" s="113" t="s">
        <v>5136</v>
      </c>
      <c r="D2148" s="113" t="s">
        <v>5137</v>
      </c>
      <c r="E2148" s="210">
        <v>1975</v>
      </c>
      <c r="F2148" s="210">
        <v>3979</v>
      </c>
      <c r="G2148" s="113" t="s">
        <v>1</v>
      </c>
      <c r="H2148" s="113">
        <v>0</v>
      </c>
      <c r="I2148" s="113">
        <v>0</v>
      </c>
      <c r="J2148" s="115">
        <v>0</v>
      </c>
      <c r="K2148" s="116" t="s">
        <v>174</v>
      </c>
      <c r="L2148" s="115">
        <v>1</v>
      </c>
      <c r="M2148" s="115">
        <v>0</v>
      </c>
      <c r="N2148" s="115">
        <v>1</v>
      </c>
      <c r="O2148" s="115">
        <v>1</v>
      </c>
      <c r="P2148" s="115" t="s">
        <v>400</v>
      </c>
      <c r="Q2148" s="115">
        <v>1</v>
      </c>
      <c r="R2148" s="115">
        <v>1</v>
      </c>
      <c r="S2148" s="115">
        <v>0</v>
      </c>
      <c r="T2148" s="115">
        <v>0</v>
      </c>
      <c r="U2148" s="119"/>
      <c r="V2148" s="119"/>
      <c r="W2148" s="119"/>
      <c r="X2148" s="119"/>
      <c r="Y2148" s="119"/>
      <c r="Z2148" s="119"/>
      <c r="AA2148" s="119"/>
      <c r="AB2148" s="119"/>
      <c r="AC2148" s="119"/>
      <c r="AD2148" s="119"/>
      <c r="AE2148" s="119"/>
      <c r="AF2148" s="119"/>
      <c r="AG2148" s="119"/>
      <c r="AH2148" s="119"/>
      <c r="AI2148" s="119"/>
      <c r="AJ2148" s="119"/>
      <c r="AK2148" s="119"/>
      <c r="AL2148" s="119"/>
      <c r="AM2148" s="119"/>
      <c r="AN2148" s="119"/>
      <c r="AO2148" s="119"/>
      <c r="AP2148" s="119"/>
      <c r="AQ2148" s="119"/>
      <c r="AR2148" s="119"/>
      <c r="AS2148" s="119"/>
      <c r="AT2148" s="119"/>
      <c r="AU2148" s="119"/>
      <c r="AV2148" s="119"/>
      <c r="AW2148" s="119"/>
      <c r="AX2148" s="119"/>
      <c r="AY2148" s="119"/>
      <c r="AZ2148" s="119"/>
      <c r="BA2148" s="119"/>
      <c r="BB2148" s="107">
        <v>45884</v>
      </c>
    </row>
    <row r="2149" spans="1:54" s="207" customFormat="1" ht="13.95" customHeight="1" x14ac:dyDescent="0.25">
      <c r="A2149" s="208" t="s">
        <v>5138</v>
      </c>
      <c r="B2149" s="209" t="s">
        <v>20420</v>
      </c>
      <c r="C2149" s="113" t="s">
        <v>5139</v>
      </c>
      <c r="D2149" s="113" t="s">
        <v>23738</v>
      </c>
      <c r="E2149" s="210">
        <v>1963</v>
      </c>
      <c r="F2149" s="210">
        <v>3984</v>
      </c>
      <c r="G2149" s="113" t="s">
        <v>1</v>
      </c>
      <c r="H2149" s="113">
        <v>0</v>
      </c>
      <c r="I2149" s="113">
        <v>0</v>
      </c>
      <c r="J2149" s="115">
        <v>1</v>
      </c>
      <c r="K2149" s="116" t="s">
        <v>174</v>
      </c>
      <c r="L2149" s="115">
        <v>1</v>
      </c>
      <c r="M2149" s="115">
        <v>0</v>
      </c>
      <c r="N2149" s="115">
        <v>1</v>
      </c>
      <c r="O2149" s="115">
        <v>1</v>
      </c>
      <c r="P2149" s="115">
        <v>1</v>
      </c>
      <c r="Q2149" s="115" t="s">
        <v>400</v>
      </c>
      <c r="R2149" s="115">
        <v>0</v>
      </c>
      <c r="S2149" s="115">
        <v>0</v>
      </c>
      <c r="T2149" s="115">
        <v>0</v>
      </c>
      <c r="U2149" s="119"/>
      <c r="V2149" s="119"/>
      <c r="W2149" s="119"/>
      <c r="X2149" s="119"/>
      <c r="Y2149" s="119"/>
      <c r="Z2149" s="119"/>
      <c r="AA2149" s="119"/>
      <c r="AB2149" s="119"/>
      <c r="AC2149" s="119"/>
      <c r="AD2149" s="119"/>
      <c r="AE2149" s="119"/>
      <c r="AF2149" s="122">
        <v>1</v>
      </c>
      <c r="AG2149" s="119"/>
      <c r="AH2149" s="119"/>
      <c r="AI2149" s="119"/>
      <c r="AJ2149" s="119"/>
      <c r="AK2149" s="119"/>
      <c r="AL2149" s="119"/>
      <c r="AM2149" s="119"/>
      <c r="AN2149" s="119"/>
      <c r="AO2149" s="119"/>
      <c r="AP2149" s="119"/>
      <c r="AQ2149" s="119"/>
      <c r="AR2149" s="119"/>
      <c r="AS2149" s="119"/>
      <c r="AT2149" s="119"/>
      <c r="AU2149" s="119"/>
      <c r="AV2149" s="119"/>
      <c r="AW2149" s="119"/>
      <c r="AX2149" s="119"/>
      <c r="AY2149" s="119"/>
      <c r="AZ2149" s="123" t="s">
        <v>23203</v>
      </c>
      <c r="BA2149" s="122" t="s">
        <v>19478</v>
      </c>
      <c r="BB2149" s="107">
        <v>45884</v>
      </c>
    </row>
    <row r="2150" spans="1:54" s="207" customFormat="1" ht="13.95" customHeight="1" x14ac:dyDescent="0.25">
      <c r="A2150" s="208" t="s">
        <v>5140</v>
      </c>
      <c r="B2150" s="209" t="s">
        <v>20420</v>
      </c>
      <c r="C2150" s="113" t="s">
        <v>5141</v>
      </c>
      <c r="D2150" s="113" t="s">
        <v>23739</v>
      </c>
      <c r="E2150" s="210">
        <v>2002</v>
      </c>
      <c r="F2150" s="210">
        <v>3992</v>
      </c>
      <c r="G2150" s="113" t="s">
        <v>1</v>
      </c>
      <c r="H2150" s="113">
        <v>1</v>
      </c>
      <c r="I2150" s="113">
        <v>1</v>
      </c>
      <c r="J2150" s="115">
        <v>1</v>
      </c>
      <c r="K2150" s="211">
        <v>1</v>
      </c>
      <c r="L2150" s="115">
        <v>1</v>
      </c>
      <c r="M2150" s="115">
        <v>1</v>
      </c>
      <c r="N2150" s="115">
        <v>1</v>
      </c>
      <c r="O2150" s="115">
        <v>1</v>
      </c>
      <c r="P2150" s="115">
        <v>1</v>
      </c>
      <c r="Q2150" s="115">
        <v>1</v>
      </c>
      <c r="R2150" s="115">
        <v>1</v>
      </c>
      <c r="S2150" s="115">
        <v>0</v>
      </c>
      <c r="T2150" s="115">
        <v>0</v>
      </c>
      <c r="U2150" s="119"/>
      <c r="V2150" s="119"/>
      <c r="W2150" s="119"/>
      <c r="X2150" s="119"/>
      <c r="Y2150" s="119"/>
      <c r="Z2150" s="119"/>
      <c r="AA2150" s="119"/>
      <c r="AB2150" s="119"/>
      <c r="AC2150" s="119"/>
      <c r="AD2150" s="119"/>
      <c r="AE2150" s="119"/>
      <c r="AF2150" s="119"/>
      <c r="AG2150" s="119"/>
      <c r="AH2150" s="119"/>
      <c r="AI2150" s="119"/>
      <c r="AJ2150" s="119"/>
      <c r="AK2150" s="119"/>
      <c r="AL2150" s="119"/>
      <c r="AM2150" s="119"/>
      <c r="AN2150" s="119"/>
      <c r="AO2150" s="119"/>
      <c r="AP2150" s="119"/>
      <c r="AQ2150" s="119"/>
      <c r="AR2150" s="119"/>
      <c r="AS2150" s="119"/>
      <c r="AT2150" s="119"/>
      <c r="AU2150" s="119"/>
      <c r="AV2150" s="119"/>
      <c r="AW2150" s="119"/>
      <c r="AX2150" s="119"/>
      <c r="AY2150" s="119"/>
      <c r="AZ2150" s="119"/>
      <c r="BA2150" s="119"/>
      <c r="BB2150" s="107">
        <v>45884</v>
      </c>
    </row>
    <row r="2151" spans="1:54" s="207" customFormat="1" ht="13.95" customHeight="1" x14ac:dyDescent="0.25">
      <c r="A2151" s="208" t="s">
        <v>5142</v>
      </c>
      <c r="B2151" s="209" t="s">
        <v>20420</v>
      </c>
      <c r="C2151" s="113" t="s">
        <v>5143</v>
      </c>
      <c r="D2151" s="113" t="s">
        <v>5144</v>
      </c>
      <c r="E2151" s="210">
        <v>1972</v>
      </c>
      <c r="F2151" s="210">
        <v>3993</v>
      </c>
      <c r="G2151" s="113" t="s">
        <v>1</v>
      </c>
      <c r="H2151" s="113">
        <v>1</v>
      </c>
      <c r="I2151" s="113">
        <v>0</v>
      </c>
      <c r="J2151" s="115">
        <v>1</v>
      </c>
      <c r="K2151" s="116" t="s">
        <v>174</v>
      </c>
      <c r="L2151" s="115">
        <v>1</v>
      </c>
      <c r="M2151" s="115">
        <v>0</v>
      </c>
      <c r="N2151" s="115">
        <v>0</v>
      </c>
      <c r="O2151" s="115">
        <v>1</v>
      </c>
      <c r="P2151" s="115" t="s">
        <v>400</v>
      </c>
      <c r="Q2151" s="115" t="s">
        <v>400</v>
      </c>
      <c r="R2151" s="115">
        <v>1</v>
      </c>
      <c r="S2151" s="115">
        <v>0</v>
      </c>
      <c r="T2151" s="115">
        <v>0</v>
      </c>
      <c r="U2151" s="119"/>
      <c r="V2151" s="119"/>
      <c r="W2151" s="119"/>
      <c r="X2151" s="119"/>
      <c r="Y2151" s="119"/>
      <c r="Z2151" s="119"/>
      <c r="AA2151" s="119"/>
      <c r="AB2151" s="119"/>
      <c r="AC2151" s="119"/>
      <c r="AD2151" s="119"/>
      <c r="AE2151" s="119"/>
      <c r="AF2151" s="119"/>
      <c r="AG2151" s="119"/>
      <c r="AH2151" s="119"/>
      <c r="AI2151" s="119"/>
      <c r="AJ2151" s="119"/>
      <c r="AK2151" s="119"/>
      <c r="AL2151" s="119"/>
      <c r="AM2151" s="119"/>
      <c r="AN2151" s="119"/>
      <c r="AO2151" s="119"/>
      <c r="AP2151" s="119"/>
      <c r="AQ2151" s="119"/>
      <c r="AR2151" s="119"/>
      <c r="AS2151" s="119"/>
      <c r="AT2151" s="119"/>
      <c r="AU2151" s="119"/>
      <c r="AV2151" s="119"/>
      <c r="AW2151" s="119"/>
      <c r="AX2151" s="119"/>
      <c r="AY2151" s="119"/>
      <c r="AZ2151" s="119"/>
      <c r="BA2151" s="119"/>
      <c r="BB2151" s="107">
        <v>45884</v>
      </c>
    </row>
    <row r="2152" spans="1:54" s="207" customFormat="1" ht="13.95" customHeight="1" x14ac:dyDescent="0.25">
      <c r="A2152" s="208" t="s">
        <v>5145</v>
      </c>
      <c r="B2152" s="209" t="s">
        <v>20420</v>
      </c>
      <c r="C2152" s="113" t="s">
        <v>5146</v>
      </c>
      <c r="D2152" s="113" t="s">
        <v>23740</v>
      </c>
      <c r="E2152" s="210">
        <v>1979</v>
      </c>
      <c r="F2152" s="210">
        <v>3995</v>
      </c>
      <c r="G2152" s="113" t="s">
        <v>1</v>
      </c>
      <c r="H2152" s="113">
        <v>0</v>
      </c>
      <c r="I2152" s="113">
        <v>0</v>
      </c>
      <c r="J2152" s="115">
        <v>1</v>
      </c>
      <c r="K2152" s="211">
        <v>1</v>
      </c>
      <c r="L2152" s="115">
        <v>1</v>
      </c>
      <c r="M2152" s="115">
        <v>0</v>
      </c>
      <c r="N2152" s="115">
        <v>0</v>
      </c>
      <c r="O2152" s="115">
        <v>1</v>
      </c>
      <c r="P2152" s="115">
        <v>1</v>
      </c>
      <c r="Q2152" s="115" t="s">
        <v>400</v>
      </c>
      <c r="R2152" s="115">
        <v>1</v>
      </c>
      <c r="S2152" s="115">
        <v>0</v>
      </c>
      <c r="T2152" s="115">
        <v>0</v>
      </c>
      <c r="U2152" s="119"/>
      <c r="V2152" s="119"/>
      <c r="W2152" s="119"/>
      <c r="X2152" s="119"/>
      <c r="Y2152" s="119"/>
      <c r="Z2152" s="119"/>
      <c r="AA2152" s="119"/>
      <c r="AB2152" s="119"/>
      <c r="AC2152" s="119"/>
      <c r="AD2152" s="119"/>
      <c r="AE2152" s="119"/>
      <c r="AF2152" s="119"/>
      <c r="AG2152" s="119"/>
      <c r="AH2152" s="119"/>
      <c r="AI2152" s="119"/>
      <c r="AJ2152" s="119"/>
      <c r="AK2152" s="119"/>
      <c r="AL2152" s="119"/>
      <c r="AM2152" s="119"/>
      <c r="AN2152" s="119"/>
      <c r="AO2152" s="119"/>
      <c r="AP2152" s="119"/>
      <c r="AQ2152" s="119"/>
      <c r="AR2152" s="119"/>
      <c r="AS2152" s="119"/>
      <c r="AT2152" s="119"/>
      <c r="AU2152" s="119"/>
      <c r="AV2152" s="119"/>
      <c r="AW2152" s="119"/>
      <c r="AX2152" s="119"/>
      <c r="AY2152" s="119"/>
      <c r="AZ2152" s="119"/>
      <c r="BA2152" s="119"/>
      <c r="BB2152" s="107">
        <v>45884</v>
      </c>
    </row>
    <row r="2153" spans="1:54" s="207" customFormat="1" ht="13.95" customHeight="1" x14ac:dyDescent="0.25">
      <c r="A2153" s="208" t="s">
        <v>5147</v>
      </c>
      <c r="B2153" s="209" t="s">
        <v>20420</v>
      </c>
      <c r="C2153" s="113" t="s">
        <v>5148</v>
      </c>
      <c r="D2153" s="113" t="s">
        <v>23741</v>
      </c>
      <c r="E2153" s="210">
        <v>1988</v>
      </c>
      <c r="F2153" s="210">
        <v>3999</v>
      </c>
      <c r="G2153" s="113" t="s">
        <v>1</v>
      </c>
      <c r="H2153" s="113">
        <v>0</v>
      </c>
      <c r="I2153" s="113">
        <v>0</v>
      </c>
      <c r="J2153" s="115">
        <v>1</v>
      </c>
      <c r="K2153" s="116" t="s">
        <v>174</v>
      </c>
      <c r="L2153" s="115">
        <v>1</v>
      </c>
      <c r="M2153" s="115">
        <v>0</v>
      </c>
      <c r="N2153" s="115">
        <v>0</v>
      </c>
      <c r="O2153" s="115">
        <v>1</v>
      </c>
      <c r="P2153" s="115">
        <v>1</v>
      </c>
      <c r="Q2153" s="115" t="s">
        <v>400</v>
      </c>
      <c r="R2153" s="115">
        <v>1</v>
      </c>
      <c r="S2153" s="115">
        <v>0</v>
      </c>
      <c r="T2153" s="115">
        <v>0</v>
      </c>
      <c r="U2153" s="119"/>
      <c r="V2153" s="119"/>
      <c r="W2153" s="119"/>
      <c r="X2153" s="119"/>
      <c r="Y2153" s="119"/>
      <c r="Z2153" s="119"/>
      <c r="AA2153" s="119"/>
      <c r="AB2153" s="119"/>
      <c r="AC2153" s="119"/>
      <c r="AD2153" s="119"/>
      <c r="AE2153" s="119"/>
      <c r="AF2153" s="119"/>
      <c r="AG2153" s="119"/>
      <c r="AH2153" s="119"/>
      <c r="AI2153" s="119"/>
      <c r="AJ2153" s="119"/>
      <c r="AK2153" s="119"/>
      <c r="AL2153" s="119"/>
      <c r="AM2153" s="119"/>
      <c r="AN2153" s="119"/>
      <c r="AO2153" s="119"/>
      <c r="AP2153" s="119"/>
      <c r="AQ2153" s="119"/>
      <c r="AR2153" s="119"/>
      <c r="AS2153" s="119"/>
      <c r="AT2153" s="119"/>
      <c r="AU2153" s="119"/>
      <c r="AV2153" s="119"/>
      <c r="AW2153" s="119"/>
      <c r="AX2153" s="119"/>
      <c r="AY2153" s="119"/>
      <c r="AZ2153" s="119"/>
      <c r="BA2153" s="119"/>
      <c r="BB2153" s="107">
        <v>45884</v>
      </c>
    </row>
    <row r="2154" spans="1:54" s="207" customFormat="1" ht="13.95" customHeight="1" x14ac:dyDescent="0.25">
      <c r="A2154" s="208" t="s">
        <v>5149</v>
      </c>
      <c r="B2154" s="209" t="s">
        <v>20420</v>
      </c>
      <c r="C2154" s="113" t="s">
        <v>5150</v>
      </c>
      <c r="D2154" s="113" t="s">
        <v>23742</v>
      </c>
      <c r="E2154" s="210">
        <v>1994</v>
      </c>
      <c r="F2154" s="210">
        <v>4230</v>
      </c>
      <c r="G2154" s="113" t="s">
        <v>1</v>
      </c>
      <c r="H2154" s="113">
        <v>0</v>
      </c>
      <c r="I2154" s="113">
        <v>0</v>
      </c>
      <c r="J2154" s="115">
        <v>1</v>
      </c>
      <c r="K2154" s="211">
        <v>1</v>
      </c>
      <c r="L2154" s="115">
        <v>1</v>
      </c>
      <c r="M2154" s="115">
        <v>1</v>
      </c>
      <c r="N2154" s="115">
        <v>1</v>
      </c>
      <c r="O2154" s="115">
        <v>1</v>
      </c>
      <c r="P2154" s="115" t="s">
        <v>400</v>
      </c>
      <c r="Q2154" s="115">
        <v>1</v>
      </c>
      <c r="R2154" s="115">
        <v>0</v>
      </c>
      <c r="S2154" s="115">
        <v>0</v>
      </c>
      <c r="T2154" s="115">
        <v>0</v>
      </c>
      <c r="U2154" s="119"/>
      <c r="V2154" s="119"/>
      <c r="W2154" s="119"/>
      <c r="X2154" s="119"/>
      <c r="Y2154" s="119"/>
      <c r="Z2154" s="119"/>
      <c r="AA2154" s="119"/>
      <c r="AB2154" s="119"/>
      <c r="AC2154" s="119"/>
      <c r="AD2154" s="119"/>
      <c r="AE2154" s="119"/>
      <c r="AF2154" s="119"/>
      <c r="AG2154" s="119"/>
      <c r="AH2154" s="119"/>
      <c r="AI2154" s="119"/>
      <c r="AJ2154" s="119"/>
      <c r="AK2154" s="119"/>
      <c r="AL2154" s="119"/>
      <c r="AM2154" s="119"/>
      <c r="AN2154" s="119"/>
      <c r="AO2154" s="119"/>
      <c r="AP2154" s="119"/>
      <c r="AQ2154" s="119"/>
      <c r="AR2154" s="119"/>
      <c r="AS2154" s="119"/>
      <c r="AT2154" s="119"/>
      <c r="AU2154" s="119"/>
      <c r="AV2154" s="119"/>
      <c r="AW2154" s="119"/>
      <c r="AX2154" s="119"/>
      <c r="AY2154" s="119"/>
      <c r="AZ2154" s="119"/>
      <c r="BA2154" s="119"/>
      <c r="BB2154" s="107">
        <v>45884</v>
      </c>
    </row>
    <row r="2155" spans="1:54" s="207" customFormat="1" ht="13.95" customHeight="1" x14ac:dyDescent="0.25">
      <c r="A2155" s="208" t="s">
        <v>5151</v>
      </c>
      <c r="B2155" s="209" t="s">
        <v>20420</v>
      </c>
      <c r="C2155" s="113" t="s">
        <v>5152</v>
      </c>
      <c r="D2155" s="113" t="s">
        <v>23743</v>
      </c>
      <c r="E2155" s="210">
        <v>1996</v>
      </c>
      <c r="F2155" s="210">
        <v>4013</v>
      </c>
      <c r="G2155" s="113" t="s">
        <v>1</v>
      </c>
      <c r="H2155" s="113">
        <v>0</v>
      </c>
      <c r="I2155" s="113">
        <v>0</v>
      </c>
      <c r="J2155" s="115">
        <v>1</v>
      </c>
      <c r="K2155" s="116" t="s">
        <v>174</v>
      </c>
      <c r="L2155" s="115">
        <v>0</v>
      </c>
      <c r="M2155" s="115">
        <v>0</v>
      </c>
      <c r="N2155" s="115">
        <v>1</v>
      </c>
      <c r="O2155" s="115">
        <v>0</v>
      </c>
      <c r="P2155" s="115" t="s">
        <v>400</v>
      </c>
      <c r="Q2155" s="115" t="s">
        <v>400</v>
      </c>
      <c r="R2155" s="115">
        <v>0</v>
      </c>
      <c r="S2155" s="115">
        <v>0</v>
      </c>
      <c r="T2155" s="115">
        <v>0</v>
      </c>
      <c r="U2155" s="119"/>
      <c r="V2155" s="119"/>
      <c r="W2155" s="119"/>
      <c r="X2155" s="119"/>
      <c r="Y2155" s="119"/>
      <c r="Z2155" s="119"/>
      <c r="AA2155" s="119"/>
      <c r="AB2155" s="119"/>
      <c r="AC2155" s="119"/>
      <c r="AD2155" s="119"/>
      <c r="AE2155" s="119"/>
      <c r="AF2155" s="119"/>
      <c r="AG2155" s="119"/>
      <c r="AH2155" s="119"/>
      <c r="AI2155" s="119"/>
      <c r="AJ2155" s="119"/>
      <c r="AK2155" s="119"/>
      <c r="AL2155" s="119"/>
      <c r="AM2155" s="119"/>
      <c r="AN2155" s="119"/>
      <c r="AO2155" s="119"/>
      <c r="AP2155" s="119"/>
      <c r="AQ2155" s="119"/>
      <c r="AR2155" s="119"/>
      <c r="AS2155" s="119"/>
      <c r="AT2155" s="119"/>
      <c r="AU2155" s="119"/>
      <c r="AV2155" s="119"/>
      <c r="AW2155" s="119"/>
      <c r="AX2155" s="119"/>
      <c r="AY2155" s="119"/>
      <c r="AZ2155" s="119"/>
      <c r="BA2155" s="119"/>
      <c r="BB2155" s="107">
        <v>45884</v>
      </c>
    </row>
    <row r="2156" spans="1:54" s="207" customFormat="1" ht="13.95" customHeight="1" x14ac:dyDescent="0.25">
      <c r="A2156" s="208" t="s">
        <v>5153</v>
      </c>
      <c r="B2156" s="209" t="s">
        <v>20420</v>
      </c>
      <c r="C2156" s="113" t="s">
        <v>5154</v>
      </c>
      <c r="D2156" s="113" t="s">
        <v>23744</v>
      </c>
      <c r="E2156" s="210">
        <v>1981</v>
      </c>
      <c r="F2156" s="210">
        <v>4021</v>
      </c>
      <c r="G2156" s="113" t="s">
        <v>1</v>
      </c>
      <c r="H2156" s="113">
        <v>0</v>
      </c>
      <c r="I2156" s="113">
        <v>0</v>
      </c>
      <c r="J2156" s="115">
        <v>1</v>
      </c>
      <c r="K2156" s="211">
        <v>1</v>
      </c>
      <c r="L2156" s="115">
        <v>1</v>
      </c>
      <c r="M2156" s="115">
        <v>0</v>
      </c>
      <c r="N2156" s="115">
        <v>0</v>
      </c>
      <c r="O2156" s="115">
        <v>1</v>
      </c>
      <c r="P2156" s="115">
        <v>1</v>
      </c>
      <c r="Q2156" s="115" t="s">
        <v>400</v>
      </c>
      <c r="R2156" s="115">
        <v>1</v>
      </c>
      <c r="S2156" s="115">
        <v>0</v>
      </c>
      <c r="T2156" s="115">
        <v>0</v>
      </c>
      <c r="U2156" s="119"/>
      <c r="V2156" s="119"/>
      <c r="W2156" s="119"/>
      <c r="X2156" s="119"/>
      <c r="Y2156" s="119"/>
      <c r="Z2156" s="119"/>
      <c r="AA2156" s="119"/>
      <c r="AB2156" s="119"/>
      <c r="AC2156" s="119"/>
      <c r="AD2156" s="119"/>
      <c r="AE2156" s="119"/>
      <c r="AF2156" s="122">
        <v>1</v>
      </c>
      <c r="AG2156" s="119"/>
      <c r="AH2156" s="119"/>
      <c r="AI2156" s="119"/>
      <c r="AJ2156" s="119"/>
      <c r="AK2156" s="119"/>
      <c r="AL2156" s="119"/>
      <c r="AM2156" s="119"/>
      <c r="AN2156" s="119"/>
      <c r="AO2156" s="119"/>
      <c r="AP2156" s="119"/>
      <c r="AQ2156" s="119"/>
      <c r="AR2156" s="119"/>
      <c r="AS2156" s="119"/>
      <c r="AT2156" s="119"/>
      <c r="AU2156" s="119"/>
      <c r="AV2156" s="119"/>
      <c r="AW2156" s="119"/>
      <c r="AX2156" s="119"/>
      <c r="AY2156" s="119"/>
      <c r="AZ2156" s="123" t="s">
        <v>23203</v>
      </c>
      <c r="BA2156" s="122" t="s">
        <v>19478</v>
      </c>
      <c r="BB2156" s="107">
        <v>45884</v>
      </c>
    </row>
    <row r="2157" spans="1:54" s="207" customFormat="1" ht="13.95" customHeight="1" x14ac:dyDescent="0.25">
      <c r="A2157" s="208" t="s">
        <v>5155</v>
      </c>
      <c r="B2157" s="209" t="s">
        <v>20420</v>
      </c>
      <c r="C2157" s="113" t="s">
        <v>5156</v>
      </c>
      <c r="D2157" s="113" t="s">
        <v>23745</v>
      </c>
      <c r="E2157" s="210">
        <v>1976</v>
      </c>
      <c r="F2157" s="210">
        <v>4030</v>
      </c>
      <c r="G2157" s="113" t="s">
        <v>1</v>
      </c>
      <c r="H2157" s="113">
        <v>0</v>
      </c>
      <c r="I2157" s="113">
        <v>0</v>
      </c>
      <c r="J2157" s="115">
        <v>1</v>
      </c>
      <c r="K2157" s="116" t="s">
        <v>174</v>
      </c>
      <c r="L2157" s="115">
        <v>1</v>
      </c>
      <c r="M2157" s="115">
        <v>1</v>
      </c>
      <c r="N2157" s="115">
        <v>0</v>
      </c>
      <c r="O2157" s="115">
        <v>1</v>
      </c>
      <c r="P2157" s="115" t="s">
        <v>400</v>
      </c>
      <c r="Q2157" s="115" t="s">
        <v>400</v>
      </c>
      <c r="R2157" s="115">
        <v>1</v>
      </c>
      <c r="S2157" s="115">
        <v>0</v>
      </c>
      <c r="T2157" s="115">
        <v>0</v>
      </c>
      <c r="U2157" s="119"/>
      <c r="V2157" s="119"/>
      <c r="W2157" s="119"/>
      <c r="X2157" s="119"/>
      <c r="Y2157" s="119"/>
      <c r="Z2157" s="119"/>
      <c r="AA2157" s="119"/>
      <c r="AB2157" s="119"/>
      <c r="AC2157" s="119"/>
      <c r="AD2157" s="119"/>
      <c r="AE2157" s="119"/>
      <c r="AF2157" s="119"/>
      <c r="AG2157" s="119"/>
      <c r="AH2157" s="119"/>
      <c r="AI2157" s="119"/>
      <c r="AJ2157" s="119"/>
      <c r="AK2157" s="119"/>
      <c r="AL2157" s="119"/>
      <c r="AM2157" s="119"/>
      <c r="AN2157" s="119"/>
      <c r="AO2157" s="119"/>
      <c r="AP2157" s="119"/>
      <c r="AQ2157" s="119"/>
      <c r="AR2157" s="119"/>
      <c r="AS2157" s="119"/>
      <c r="AT2157" s="119"/>
      <c r="AU2157" s="119"/>
      <c r="AV2157" s="119"/>
      <c r="AW2157" s="119"/>
      <c r="AX2157" s="119"/>
      <c r="AY2157" s="119"/>
      <c r="AZ2157" s="119"/>
      <c r="BA2157" s="119"/>
      <c r="BB2157" s="107">
        <v>45884</v>
      </c>
    </row>
    <row r="2158" spans="1:54" s="207" customFormat="1" ht="13.95" customHeight="1" x14ac:dyDescent="0.25">
      <c r="A2158" s="208" t="s">
        <v>5157</v>
      </c>
      <c r="B2158" s="209" t="s">
        <v>20420</v>
      </c>
      <c r="C2158" s="113" t="s">
        <v>5158</v>
      </c>
      <c r="D2158" s="113" t="s">
        <v>23746</v>
      </c>
      <c r="E2158" s="210">
        <v>1993</v>
      </c>
      <c r="F2158" s="210">
        <v>4047</v>
      </c>
      <c r="G2158" s="113" t="s">
        <v>1</v>
      </c>
      <c r="H2158" s="113">
        <v>0</v>
      </c>
      <c r="I2158" s="113">
        <v>0</v>
      </c>
      <c r="J2158" s="115">
        <v>1</v>
      </c>
      <c r="K2158" s="116" t="s">
        <v>174</v>
      </c>
      <c r="L2158" s="115">
        <v>1</v>
      </c>
      <c r="M2158" s="115">
        <v>1</v>
      </c>
      <c r="N2158" s="115">
        <v>1</v>
      </c>
      <c r="O2158" s="115">
        <v>1</v>
      </c>
      <c r="P2158" s="115">
        <v>1</v>
      </c>
      <c r="Q2158" s="115" t="s">
        <v>400</v>
      </c>
      <c r="R2158" s="115">
        <v>1</v>
      </c>
      <c r="S2158" s="115">
        <v>0</v>
      </c>
      <c r="T2158" s="115">
        <v>0</v>
      </c>
      <c r="U2158" s="119"/>
      <c r="V2158" s="119"/>
      <c r="W2158" s="119"/>
      <c r="X2158" s="119"/>
      <c r="Y2158" s="119"/>
      <c r="Z2158" s="119"/>
      <c r="AA2158" s="119"/>
      <c r="AB2158" s="119"/>
      <c r="AC2158" s="119"/>
      <c r="AD2158" s="119"/>
      <c r="AE2158" s="119"/>
      <c r="AF2158" s="119"/>
      <c r="AG2158" s="119"/>
      <c r="AH2158" s="119"/>
      <c r="AI2158" s="119"/>
      <c r="AJ2158" s="119"/>
      <c r="AK2158" s="119"/>
      <c r="AL2158" s="119"/>
      <c r="AM2158" s="119"/>
      <c r="AN2158" s="119"/>
      <c r="AO2158" s="119"/>
      <c r="AP2158" s="119"/>
      <c r="AQ2158" s="119"/>
      <c r="AR2158" s="119"/>
      <c r="AS2158" s="119"/>
      <c r="AT2158" s="119"/>
      <c r="AU2158" s="119"/>
      <c r="AV2158" s="119"/>
      <c r="AW2158" s="119"/>
      <c r="AX2158" s="119"/>
      <c r="AY2158" s="119"/>
      <c r="AZ2158" s="119"/>
      <c r="BA2158" s="119"/>
      <c r="BB2158" s="107">
        <v>45884</v>
      </c>
    </row>
    <row r="2159" spans="1:54" s="207" customFormat="1" ht="13.95" customHeight="1" x14ac:dyDescent="0.25">
      <c r="A2159" s="208" t="s">
        <v>5159</v>
      </c>
      <c r="B2159" s="209" t="s">
        <v>20420</v>
      </c>
      <c r="C2159" s="113" t="s">
        <v>5160</v>
      </c>
      <c r="D2159" s="113" t="s">
        <v>23747</v>
      </c>
      <c r="E2159" s="210">
        <v>2010</v>
      </c>
      <c r="F2159" s="210">
        <v>4053</v>
      </c>
      <c r="G2159" s="113" t="s">
        <v>1</v>
      </c>
      <c r="H2159" s="113">
        <v>0</v>
      </c>
      <c r="I2159" s="113">
        <v>0</v>
      </c>
      <c r="J2159" s="115">
        <v>1</v>
      </c>
      <c r="K2159" s="116" t="s">
        <v>174</v>
      </c>
      <c r="L2159" s="115">
        <v>0</v>
      </c>
      <c r="M2159" s="115">
        <v>1</v>
      </c>
      <c r="N2159" s="115">
        <v>0</v>
      </c>
      <c r="O2159" s="115">
        <v>0</v>
      </c>
      <c r="P2159" s="115" t="s">
        <v>400</v>
      </c>
      <c r="Q2159" s="115" t="s">
        <v>400</v>
      </c>
      <c r="R2159" s="115">
        <v>1</v>
      </c>
      <c r="S2159" s="115">
        <v>0</v>
      </c>
      <c r="T2159" s="115">
        <v>0</v>
      </c>
      <c r="U2159" s="119"/>
      <c r="V2159" s="119"/>
      <c r="W2159" s="119"/>
      <c r="X2159" s="119"/>
      <c r="Y2159" s="119"/>
      <c r="Z2159" s="119"/>
      <c r="AA2159" s="119"/>
      <c r="AB2159" s="119"/>
      <c r="AC2159" s="119"/>
      <c r="AD2159" s="119"/>
      <c r="AE2159" s="119"/>
      <c r="AF2159" s="119"/>
      <c r="AG2159" s="119"/>
      <c r="AH2159" s="119"/>
      <c r="AI2159" s="119"/>
      <c r="AJ2159" s="119"/>
      <c r="AK2159" s="119"/>
      <c r="AL2159" s="119"/>
      <c r="AM2159" s="119"/>
      <c r="AN2159" s="119"/>
      <c r="AO2159" s="119"/>
      <c r="AP2159" s="119"/>
      <c r="AQ2159" s="119"/>
      <c r="AR2159" s="119"/>
      <c r="AS2159" s="119"/>
      <c r="AT2159" s="119"/>
      <c r="AU2159" s="119"/>
      <c r="AV2159" s="119"/>
      <c r="AW2159" s="119"/>
      <c r="AX2159" s="119"/>
      <c r="AY2159" s="119"/>
      <c r="AZ2159" s="119"/>
      <c r="BA2159" s="119"/>
      <c r="BB2159" s="107">
        <v>45884</v>
      </c>
    </row>
    <row r="2160" spans="1:54" s="207" customFormat="1" ht="13.95" customHeight="1" x14ac:dyDescent="0.25">
      <c r="A2160" s="208" t="s">
        <v>5161</v>
      </c>
      <c r="B2160" s="209" t="s">
        <v>20420</v>
      </c>
      <c r="C2160" s="113" t="s">
        <v>5162</v>
      </c>
      <c r="D2160" s="113" t="s">
        <v>23748</v>
      </c>
      <c r="E2160" s="210">
        <v>1982</v>
      </c>
      <c r="F2160" s="210">
        <v>4084</v>
      </c>
      <c r="G2160" s="113" t="s">
        <v>1</v>
      </c>
      <c r="H2160" s="113">
        <v>0</v>
      </c>
      <c r="I2160" s="113">
        <v>0</v>
      </c>
      <c r="J2160" s="115">
        <v>1</v>
      </c>
      <c r="K2160" s="211">
        <v>1</v>
      </c>
      <c r="L2160" s="115">
        <v>1</v>
      </c>
      <c r="M2160" s="115">
        <v>1</v>
      </c>
      <c r="N2160" s="115">
        <v>1</v>
      </c>
      <c r="O2160" s="115">
        <v>0</v>
      </c>
      <c r="P2160" s="115" t="s">
        <v>400</v>
      </c>
      <c r="Q2160" s="115" t="s">
        <v>400</v>
      </c>
      <c r="R2160" s="115">
        <v>1</v>
      </c>
      <c r="S2160" s="115">
        <v>0</v>
      </c>
      <c r="T2160" s="115">
        <v>0</v>
      </c>
      <c r="U2160" s="119"/>
      <c r="V2160" s="119"/>
      <c r="W2160" s="119"/>
      <c r="X2160" s="119"/>
      <c r="Y2160" s="119"/>
      <c r="Z2160" s="119"/>
      <c r="AA2160" s="119"/>
      <c r="AB2160" s="119"/>
      <c r="AC2160" s="119"/>
      <c r="AD2160" s="119"/>
      <c r="AE2160" s="119"/>
      <c r="AF2160" s="119"/>
      <c r="AG2160" s="119"/>
      <c r="AH2160" s="119"/>
      <c r="AI2160" s="119"/>
      <c r="AJ2160" s="119"/>
      <c r="AK2160" s="119"/>
      <c r="AL2160" s="119"/>
      <c r="AM2160" s="119"/>
      <c r="AN2160" s="119"/>
      <c r="AO2160" s="119"/>
      <c r="AP2160" s="119"/>
      <c r="AQ2160" s="119"/>
      <c r="AR2160" s="119"/>
      <c r="AS2160" s="119"/>
      <c r="AT2160" s="119"/>
      <c r="AU2160" s="119"/>
      <c r="AV2160" s="119"/>
      <c r="AW2160" s="119"/>
      <c r="AX2160" s="119"/>
      <c r="AY2160" s="119"/>
      <c r="AZ2160" s="119"/>
      <c r="BA2160" s="119"/>
      <c r="BB2160" s="107">
        <v>45884</v>
      </c>
    </row>
    <row r="2161" spans="1:54" s="207" customFormat="1" ht="13.95" customHeight="1" x14ac:dyDescent="0.25">
      <c r="A2161" s="208" t="s">
        <v>5163</v>
      </c>
      <c r="B2161" s="209" t="s">
        <v>20420</v>
      </c>
      <c r="C2161" s="113" t="s">
        <v>5164</v>
      </c>
      <c r="D2161" s="113" t="s">
        <v>23749</v>
      </c>
      <c r="E2161" s="210">
        <v>2012</v>
      </c>
      <c r="F2161" s="213">
        <v>13700</v>
      </c>
      <c r="G2161" s="113" t="s">
        <v>8</v>
      </c>
      <c r="H2161" s="113">
        <v>0</v>
      </c>
      <c r="I2161" s="113">
        <v>0</v>
      </c>
      <c r="J2161" s="115">
        <v>0</v>
      </c>
      <c r="K2161" s="116" t="s">
        <v>174</v>
      </c>
      <c r="L2161" s="115">
        <v>0</v>
      </c>
      <c r="M2161" s="115">
        <v>0</v>
      </c>
      <c r="N2161" s="115">
        <v>0</v>
      </c>
      <c r="O2161" s="115">
        <v>0</v>
      </c>
      <c r="P2161" s="115" t="s">
        <v>400</v>
      </c>
      <c r="Q2161" s="115" t="s">
        <v>400</v>
      </c>
      <c r="R2161" s="115">
        <v>0</v>
      </c>
      <c r="S2161" s="115">
        <v>0</v>
      </c>
      <c r="T2161" s="115">
        <v>0</v>
      </c>
      <c r="U2161" s="113" t="s">
        <v>174</v>
      </c>
      <c r="V2161" s="113" t="s">
        <v>174</v>
      </c>
      <c r="W2161" s="113" t="s">
        <v>174</v>
      </c>
      <c r="X2161" s="113" t="s">
        <v>174</v>
      </c>
      <c r="Y2161" s="113" t="s">
        <v>174</v>
      </c>
      <c r="Z2161" s="113" t="s">
        <v>174</v>
      </c>
      <c r="AA2161" s="113" t="s">
        <v>174</v>
      </c>
      <c r="AB2161" s="113" t="s">
        <v>174</v>
      </c>
      <c r="AC2161" s="113" t="s">
        <v>174</v>
      </c>
      <c r="AD2161" s="113" t="s">
        <v>174</v>
      </c>
      <c r="AE2161" s="113" t="s">
        <v>174</v>
      </c>
      <c r="AF2161" s="113" t="s">
        <v>174</v>
      </c>
      <c r="AG2161" s="113" t="s">
        <v>174</v>
      </c>
      <c r="AH2161" s="113" t="s">
        <v>174</v>
      </c>
      <c r="AI2161" s="113" t="s">
        <v>174</v>
      </c>
      <c r="AJ2161" s="113" t="s">
        <v>174</v>
      </c>
      <c r="AK2161" s="113" t="s">
        <v>174</v>
      </c>
      <c r="AL2161" s="113" t="s">
        <v>174</v>
      </c>
      <c r="AM2161" s="113" t="s">
        <v>174</v>
      </c>
      <c r="AN2161" s="113" t="s">
        <v>174</v>
      </c>
      <c r="AO2161" s="113" t="s">
        <v>174</v>
      </c>
      <c r="AP2161" s="113" t="s">
        <v>174</v>
      </c>
      <c r="AQ2161" s="113" t="s">
        <v>174</v>
      </c>
      <c r="AR2161" s="113" t="s">
        <v>174</v>
      </c>
      <c r="AS2161" s="113" t="s">
        <v>174</v>
      </c>
      <c r="AT2161" s="121" t="s">
        <v>174</v>
      </c>
      <c r="AU2161" s="113" t="s">
        <v>174</v>
      </c>
      <c r="AV2161" s="113" t="s">
        <v>174</v>
      </c>
      <c r="AW2161" s="113" t="s">
        <v>174</v>
      </c>
      <c r="AX2161" s="113"/>
      <c r="AY2161" s="113"/>
      <c r="AZ2161" s="113"/>
      <c r="BA2161" s="113"/>
      <c r="BB2161" s="107">
        <v>45884</v>
      </c>
    </row>
    <row r="2162" spans="1:54" s="207" customFormat="1" ht="13.95" customHeight="1" x14ac:dyDescent="0.25">
      <c r="A2162" s="208" t="s">
        <v>5165</v>
      </c>
      <c r="B2162" s="209" t="s">
        <v>20420</v>
      </c>
      <c r="C2162" s="113" t="s">
        <v>5166</v>
      </c>
      <c r="D2162" s="113" t="s">
        <v>23750</v>
      </c>
      <c r="E2162" s="210">
        <v>1996</v>
      </c>
      <c r="F2162" s="210">
        <v>4097</v>
      </c>
      <c r="G2162" s="113" t="s">
        <v>1</v>
      </c>
      <c r="H2162" s="113">
        <v>1</v>
      </c>
      <c r="I2162" s="113">
        <v>1</v>
      </c>
      <c r="J2162" s="115">
        <v>1</v>
      </c>
      <c r="K2162" s="116" t="s">
        <v>174</v>
      </c>
      <c r="L2162" s="115">
        <v>1</v>
      </c>
      <c r="M2162" s="115">
        <v>0</v>
      </c>
      <c r="N2162" s="115">
        <v>1</v>
      </c>
      <c r="O2162" s="115">
        <v>1</v>
      </c>
      <c r="P2162" s="115">
        <v>1</v>
      </c>
      <c r="Q2162" s="115" t="s">
        <v>400</v>
      </c>
      <c r="R2162" s="115">
        <v>1</v>
      </c>
      <c r="S2162" s="115">
        <v>0</v>
      </c>
      <c r="T2162" s="115">
        <v>0</v>
      </c>
      <c r="U2162" s="119"/>
      <c r="V2162" s="119"/>
      <c r="W2162" s="119"/>
      <c r="X2162" s="119"/>
      <c r="Y2162" s="119"/>
      <c r="Z2162" s="119"/>
      <c r="AA2162" s="119"/>
      <c r="AB2162" s="119"/>
      <c r="AC2162" s="119"/>
      <c r="AD2162" s="119"/>
      <c r="AE2162" s="119"/>
      <c r="AF2162" s="119"/>
      <c r="AG2162" s="119"/>
      <c r="AH2162" s="119"/>
      <c r="AI2162" s="119"/>
      <c r="AJ2162" s="119"/>
      <c r="AK2162" s="119"/>
      <c r="AL2162" s="119"/>
      <c r="AM2162" s="119"/>
      <c r="AN2162" s="119"/>
      <c r="AO2162" s="119"/>
      <c r="AP2162" s="119"/>
      <c r="AQ2162" s="119"/>
      <c r="AR2162" s="119"/>
      <c r="AS2162" s="119"/>
      <c r="AT2162" s="119"/>
      <c r="AU2162" s="119"/>
      <c r="AV2162" s="119"/>
      <c r="AW2162" s="119"/>
      <c r="AX2162" s="119"/>
      <c r="AY2162" s="119"/>
      <c r="AZ2162" s="119"/>
      <c r="BA2162" s="119"/>
      <c r="BB2162" s="107">
        <v>45884</v>
      </c>
    </row>
    <row r="2163" spans="1:54" s="207" customFormat="1" ht="13.95" customHeight="1" x14ac:dyDescent="0.25">
      <c r="A2163" s="208" t="s">
        <v>5167</v>
      </c>
      <c r="B2163" s="209" t="s">
        <v>20420</v>
      </c>
      <c r="C2163" s="113" t="s">
        <v>5168</v>
      </c>
      <c r="D2163" s="113" t="s">
        <v>23751</v>
      </c>
      <c r="E2163" s="210">
        <v>1995</v>
      </c>
      <c r="F2163" s="210">
        <v>4104</v>
      </c>
      <c r="G2163" s="113" t="s">
        <v>1</v>
      </c>
      <c r="H2163" s="113">
        <v>1</v>
      </c>
      <c r="I2163" s="113">
        <v>0</v>
      </c>
      <c r="J2163" s="115">
        <v>1</v>
      </c>
      <c r="K2163" s="116" t="s">
        <v>174</v>
      </c>
      <c r="L2163" s="115">
        <v>1</v>
      </c>
      <c r="M2163" s="115">
        <v>1</v>
      </c>
      <c r="N2163" s="115">
        <v>0</v>
      </c>
      <c r="O2163" s="115">
        <v>1</v>
      </c>
      <c r="P2163" s="115" t="s">
        <v>400</v>
      </c>
      <c r="Q2163" s="115" t="s">
        <v>400</v>
      </c>
      <c r="R2163" s="115">
        <v>1</v>
      </c>
      <c r="S2163" s="115">
        <v>0</v>
      </c>
      <c r="T2163" s="115">
        <v>0</v>
      </c>
      <c r="U2163" s="119"/>
      <c r="V2163" s="119"/>
      <c r="W2163" s="119"/>
      <c r="X2163" s="119"/>
      <c r="Y2163" s="119"/>
      <c r="Z2163" s="119"/>
      <c r="AA2163" s="119"/>
      <c r="AB2163" s="119"/>
      <c r="AC2163" s="119"/>
      <c r="AD2163" s="119"/>
      <c r="AE2163" s="119"/>
      <c r="AF2163" s="119"/>
      <c r="AG2163" s="119"/>
      <c r="AH2163" s="119"/>
      <c r="AI2163" s="119"/>
      <c r="AJ2163" s="119"/>
      <c r="AK2163" s="119"/>
      <c r="AL2163" s="119"/>
      <c r="AM2163" s="119"/>
      <c r="AN2163" s="119"/>
      <c r="AO2163" s="119"/>
      <c r="AP2163" s="119"/>
      <c r="AQ2163" s="119"/>
      <c r="AR2163" s="119"/>
      <c r="AS2163" s="119"/>
      <c r="AT2163" s="119"/>
      <c r="AU2163" s="119"/>
      <c r="AV2163" s="119"/>
      <c r="AW2163" s="119"/>
      <c r="AX2163" s="119"/>
      <c r="AY2163" s="119"/>
      <c r="AZ2163" s="119"/>
      <c r="BA2163" s="119"/>
      <c r="BB2163" s="107">
        <v>45884</v>
      </c>
    </row>
    <row r="2164" spans="1:54" s="207" customFormat="1" ht="13.95" customHeight="1" x14ac:dyDescent="0.25">
      <c r="A2164" s="208" t="s">
        <v>5169</v>
      </c>
      <c r="B2164" s="209" t="s">
        <v>20420</v>
      </c>
      <c r="C2164" s="113" t="s">
        <v>5170</v>
      </c>
      <c r="D2164" s="113" t="s">
        <v>23752</v>
      </c>
      <c r="E2164" s="210">
        <v>1993</v>
      </c>
      <c r="F2164" s="210">
        <v>4120</v>
      </c>
      <c r="G2164" s="113" t="s">
        <v>1</v>
      </c>
      <c r="H2164" s="113">
        <v>1</v>
      </c>
      <c r="I2164" s="113">
        <v>0</v>
      </c>
      <c r="J2164" s="115">
        <v>1</v>
      </c>
      <c r="K2164" s="116" t="s">
        <v>174</v>
      </c>
      <c r="L2164" s="115">
        <v>1</v>
      </c>
      <c r="M2164" s="115">
        <v>0</v>
      </c>
      <c r="N2164" s="115">
        <v>0</v>
      </c>
      <c r="O2164" s="115">
        <v>1</v>
      </c>
      <c r="P2164" s="115">
        <v>1</v>
      </c>
      <c r="Q2164" s="115" t="s">
        <v>400</v>
      </c>
      <c r="R2164" s="115">
        <v>1</v>
      </c>
      <c r="S2164" s="115">
        <v>0</v>
      </c>
      <c r="T2164" s="115">
        <v>0</v>
      </c>
      <c r="U2164" s="119"/>
      <c r="V2164" s="119"/>
      <c r="W2164" s="119"/>
      <c r="X2164" s="119"/>
      <c r="Y2164" s="119"/>
      <c r="Z2164" s="119"/>
      <c r="AA2164" s="119"/>
      <c r="AB2164" s="119"/>
      <c r="AC2164" s="119"/>
      <c r="AD2164" s="119"/>
      <c r="AE2164" s="119"/>
      <c r="AF2164" s="119"/>
      <c r="AG2164" s="119"/>
      <c r="AH2164" s="119"/>
      <c r="AI2164" s="119"/>
      <c r="AJ2164" s="119"/>
      <c r="AK2164" s="119"/>
      <c r="AL2164" s="119"/>
      <c r="AM2164" s="119"/>
      <c r="AN2164" s="119"/>
      <c r="AO2164" s="119"/>
      <c r="AP2164" s="119"/>
      <c r="AQ2164" s="119"/>
      <c r="AR2164" s="119"/>
      <c r="AS2164" s="119"/>
      <c r="AT2164" s="119"/>
      <c r="AU2164" s="119"/>
      <c r="AV2164" s="119"/>
      <c r="AW2164" s="119"/>
      <c r="AX2164" s="119"/>
      <c r="AY2164" s="119"/>
      <c r="AZ2164" s="119"/>
      <c r="BA2164" s="119"/>
      <c r="BB2164" s="107">
        <v>45884</v>
      </c>
    </row>
    <row r="2165" spans="1:54" s="207" customFormat="1" ht="13.95" customHeight="1" x14ac:dyDescent="0.25">
      <c r="A2165" s="208" t="s">
        <v>5171</v>
      </c>
      <c r="B2165" s="209" t="s">
        <v>20420</v>
      </c>
      <c r="C2165" s="113" t="s">
        <v>5172</v>
      </c>
      <c r="D2165" s="113" t="s">
        <v>5173</v>
      </c>
      <c r="E2165" s="210">
        <v>1979</v>
      </c>
      <c r="F2165" s="210">
        <v>4129</v>
      </c>
      <c r="G2165" s="113" t="s">
        <v>1</v>
      </c>
      <c r="H2165" s="113">
        <v>0</v>
      </c>
      <c r="I2165" s="113">
        <v>0</v>
      </c>
      <c r="J2165" s="115">
        <v>1</v>
      </c>
      <c r="K2165" s="116" t="s">
        <v>174</v>
      </c>
      <c r="L2165" s="115">
        <v>1</v>
      </c>
      <c r="M2165" s="115">
        <v>0</v>
      </c>
      <c r="N2165" s="115">
        <v>0</v>
      </c>
      <c r="O2165" s="115">
        <v>0</v>
      </c>
      <c r="P2165" s="115">
        <v>1</v>
      </c>
      <c r="Q2165" s="115" t="s">
        <v>400</v>
      </c>
      <c r="R2165" s="115">
        <v>0</v>
      </c>
      <c r="S2165" s="115">
        <v>0</v>
      </c>
      <c r="T2165" s="115">
        <v>0</v>
      </c>
      <c r="U2165" s="119"/>
      <c r="V2165" s="119"/>
      <c r="W2165" s="119"/>
      <c r="X2165" s="119"/>
      <c r="Y2165" s="119"/>
      <c r="Z2165" s="119"/>
      <c r="AA2165" s="119"/>
      <c r="AB2165" s="119"/>
      <c r="AC2165" s="119"/>
      <c r="AD2165" s="119"/>
      <c r="AE2165" s="119"/>
      <c r="AF2165" s="119"/>
      <c r="AG2165" s="119"/>
      <c r="AH2165" s="119"/>
      <c r="AI2165" s="119"/>
      <c r="AJ2165" s="119"/>
      <c r="AK2165" s="119"/>
      <c r="AL2165" s="119"/>
      <c r="AM2165" s="119"/>
      <c r="AN2165" s="119"/>
      <c r="AO2165" s="119"/>
      <c r="AP2165" s="119"/>
      <c r="AQ2165" s="119"/>
      <c r="AR2165" s="119"/>
      <c r="AS2165" s="119"/>
      <c r="AT2165" s="119"/>
      <c r="AU2165" s="119"/>
      <c r="AV2165" s="119"/>
      <c r="AW2165" s="119"/>
      <c r="AX2165" s="119"/>
      <c r="AY2165" s="119"/>
      <c r="AZ2165" s="119"/>
      <c r="BA2165" s="119"/>
      <c r="BB2165" s="107">
        <v>45884</v>
      </c>
    </row>
    <row r="2166" spans="1:54" s="207" customFormat="1" ht="13.95" customHeight="1" x14ac:dyDescent="0.25">
      <c r="A2166" s="208" t="s">
        <v>5174</v>
      </c>
      <c r="B2166" s="209" t="s">
        <v>20420</v>
      </c>
      <c r="C2166" s="113" t="s">
        <v>5175</v>
      </c>
      <c r="D2166" s="113" t="s">
        <v>23753</v>
      </c>
      <c r="E2166" s="210">
        <v>1995</v>
      </c>
      <c r="F2166" s="210">
        <v>4244</v>
      </c>
      <c r="G2166" s="113" t="s">
        <v>1</v>
      </c>
      <c r="H2166" s="113">
        <v>0</v>
      </c>
      <c r="I2166" s="113">
        <v>0</v>
      </c>
      <c r="J2166" s="115">
        <v>1</v>
      </c>
      <c r="K2166" s="116" t="s">
        <v>174</v>
      </c>
      <c r="L2166" s="115">
        <v>1</v>
      </c>
      <c r="M2166" s="115">
        <v>0</v>
      </c>
      <c r="N2166" s="115">
        <v>0</v>
      </c>
      <c r="O2166" s="115">
        <v>1</v>
      </c>
      <c r="P2166" s="115">
        <v>1</v>
      </c>
      <c r="Q2166" s="115" t="s">
        <v>400</v>
      </c>
      <c r="R2166" s="115">
        <v>1</v>
      </c>
      <c r="S2166" s="115">
        <v>0</v>
      </c>
      <c r="T2166" s="115">
        <v>0</v>
      </c>
      <c r="U2166" s="119"/>
      <c r="V2166" s="119"/>
      <c r="W2166" s="119"/>
      <c r="X2166" s="119"/>
      <c r="Y2166" s="119"/>
      <c r="Z2166" s="119"/>
      <c r="AA2166" s="119"/>
      <c r="AB2166" s="119"/>
      <c r="AC2166" s="119"/>
      <c r="AD2166" s="119"/>
      <c r="AE2166" s="119"/>
      <c r="AF2166" s="119"/>
      <c r="AG2166" s="119"/>
      <c r="AH2166" s="119"/>
      <c r="AI2166" s="119"/>
      <c r="AJ2166" s="119"/>
      <c r="AK2166" s="119"/>
      <c r="AL2166" s="119"/>
      <c r="AM2166" s="119"/>
      <c r="AN2166" s="119"/>
      <c r="AO2166" s="119"/>
      <c r="AP2166" s="119"/>
      <c r="AQ2166" s="119"/>
      <c r="AR2166" s="119"/>
      <c r="AS2166" s="119"/>
      <c r="AT2166" s="119"/>
      <c r="AU2166" s="119"/>
      <c r="AV2166" s="119"/>
      <c r="AW2166" s="119"/>
      <c r="AX2166" s="119"/>
      <c r="AY2166" s="119"/>
      <c r="AZ2166" s="119"/>
      <c r="BA2166" s="119"/>
      <c r="BB2166" s="107">
        <v>45884</v>
      </c>
    </row>
    <row r="2167" spans="1:54" s="207" customFormat="1" ht="13.95" customHeight="1" x14ac:dyDescent="0.25">
      <c r="A2167" s="208" t="s">
        <v>5176</v>
      </c>
      <c r="B2167" s="209" t="s">
        <v>20420</v>
      </c>
      <c r="C2167" s="113" t="s">
        <v>5177</v>
      </c>
      <c r="D2167" s="113" t="s">
        <v>23754</v>
      </c>
      <c r="E2167" s="210">
        <v>1994</v>
      </c>
      <c r="F2167" s="210">
        <v>4136</v>
      </c>
      <c r="G2167" s="113" t="s">
        <v>1</v>
      </c>
      <c r="H2167" s="113">
        <v>1</v>
      </c>
      <c r="I2167" s="113">
        <v>1</v>
      </c>
      <c r="J2167" s="115">
        <v>1</v>
      </c>
      <c r="K2167" s="211">
        <v>1</v>
      </c>
      <c r="L2167" s="115">
        <v>1</v>
      </c>
      <c r="M2167" s="115">
        <v>0</v>
      </c>
      <c r="N2167" s="115">
        <v>0</v>
      </c>
      <c r="O2167" s="115">
        <v>1</v>
      </c>
      <c r="P2167" s="115">
        <v>1</v>
      </c>
      <c r="Q2167" s="115">
        <v>1</v>
      </c>
      <c r="R2167" s="115">
        <v>0</v>
      </c>
      <c r="S2167" s="115">
        <v>0</v>
      </c>
      <c r="T2167" s="115">
        <v>1</v>
      </c>
      <c r="U2167" s="119"/>
      <c r="V2167" s="119"/>
      <c r="W2167" s="119"/>
      <c r="X2167" s="119"/>
      <c r="Y2167" s="119"/>
      <c r="Z2167" s="119"/>
      <c r="AA2167" s="119"/>
      <c r="AB2167" s="119"/>
      <c r="AC2167" s="119"/>
      <c r="AD2167" s="119"/>
      <c r="AE2167" s="119"/>
      <c r="AF2167" s="119"/>
      <c r="AG2167" s="119"/>
      <c r="AH2167" s="119"/>
      <c r="AI2167" s="119"/>
      <c r="AJ2167" s="119"/>
      <c r="AK2167" s="119"/>
      <c r="AL2167" s="119"/>
      <c r="AM2167" s="119"/>
      <c r="AN2167" s="119"/>
      <c r="AO2167" s="119"/>
      <c r="AP2167" s="119"/>
      <c r="AQ2167" s="119"/>
      <c r="AR2167" s="119"/>
      <c r="AS2167" s="119"/>
      <c r="AT2167" s="119"/>
      <c r="AU2167" s="119"/>
      <c r="AV2167" s="119"/>
      <c r="AW2167" s="119"/>
      <c r="AX2167" s="119"/>
      <c r="AY2167" s="119"/>
      <c r="AZ2167" s="119"/>
      <c r="BA2167" s="119"/>
      <c r="BB2167" s="107">
        <v>45884</v>
      </c>
    </row>
    <row r="2168" spans="1:54" s="207" customFormat="1" ht="13.95" customHeight="1" x14ac:dyDescent="0.25">
      <c r="A2168" s="208" t="s">
        <v>5178</v>
      </c>
      <c r="B2168" s="209" t="s">
        <v>20420</v>
      </c>
      <c r="C2168" s="113" t="s">
        <v>5179</v>
      </c>
      <c r="D2168" s="113" t="s">
        <v>23755</v>
      </c>
      <c r="E2168" s="210">
        <v>2000</v>
      </c>
      <c r="F2168" s="210">
        <v>4143</v>
      </c>
      <c r="G2168" s="113" t="s">
        <v>1</v>
      </c>
      <c r="H2168" s="113">
        <v>1</v>
      </c>
      <c r="I2168" s="113">
        <v>1</v>
      </c>
      <c r="J2168" s="115">
        <v>1</v>
      </c>
      <c r="K2168" s="211">
        <v>1</v>
      </c>
      <c r="L2168" s="115">
        <v>1</v>
      </c>
      <c r="M2168" s="115">
        <v>1</v>
      </c>
      <c r="N2168" s="115">
        <v>1</v>
      </c>
      <c r="O2168" s="115">
        <v>1</v>
      </c>
      <c r="P2168" s="115">
        <v>1</v>
      </c>
      <c r="Q2168" s="115" t="s">
        <v>400</v>
      </c>
      <c r="R2168" s="115">
        <v>1</v>
      </c>
      <c r="S2168" s="115">
        <v>0</v>
      </c>
      <c r="T2168" s="115">
        <v>0</v>
      </c>
      <c r="U2168" s="119"/>
      <c r="V2168" s="119"/>
      <c r="W2168" s="119"/>
      <c r="X2168" s="119"/>
      <c r="Y2168" s="119"/>
      <c r="Z2168" s="119"/>
      <c r="AA2168" s="119"/>
      <c r="AB2168" s="119"/>
      <c r="AC2168" s="119"/>
      <c r="AD2168" s="119"/>
      <c r="AE2168" s="119"/>
      <c r="AF2168" s="119"/>
      <c r="AG2168" s="119"/>
      <c r="AH2168" s="119"/>
      <c r="AI2168" s="119"/>
      <c r="AJ2168" s="119"/>
      <c r="AK2168" s="119"/>
      <c r="AL2168" s="119"/>
      <c r="AM2168" s="119"/>
      <c r="AN2168" s="119"/>
      <c r="AO2168" s="119"/>
      <c r="AP2168" s="119"/>
      <c r="AQ2168" s="119"/>
      <c r="AR2168" s="119"/>
      <c r="AS2168" s="119"/>
      <c r="AT2168" s="119"/>
      <c r="AU2168" s="119"/>
      <c r="AV2168" s="119"/>
      <c r="AW2168" s="119"/>
      <c r="AX2168" s="119"/>
      <c r="AY2168" s="119"/>
      <c r="AZ2168" s="119"/>
      <c r="BA2168" s="119"/>
      <c r="BB2168" s="107">
        <v>45884</v>
      </c>
    </row>
    <row r="2169" spans="1:54" s="207" customFormat="1" ht="13.95" customHeight="1" x14ac:dyDescent="0.25">
      <c r="A2169" s="208" t="s">
        <v>5180</v>
      </c>
      <c r="B2169" s="209" t="s">
        <v>20420</v>
      </c>
      <c r="C2169" s="113" t="s">
        <v>5181</v>
      </c>
      <c r="D2169" s="113" t="s">
        <v>23756</v>
      </c>
      <c r="E2169" s="210">
        <v>1975</v>
      </c>
      <c r="F2169" s="210">
        <v>4166</v>
      </c>
      <c r="G2169" s="113" t="s">
        <v>1</v>
      </c>
      <c r="H2169" s="113">
        <v>0</v>
      </c>
      <c r="I2169" s="113">
        <v>0</v>
      </c>
      <c r="J2169" s="115">
        <v>1</v>
      </c>
      <c r="K2169" s="116" t="s">
        <v>174</v>
      </c>
      <c r="L2169" s="115">
        <v>1</v>
      </c>
      <c r="M2169" s="115">
        <v>0</v>
      </c>
      <c r="N2169" s="115">
        <v>1</v>
      </c>
      <c r="O2169" s="115">
        <v>1</v>
      </c>
      <c r="P2169" s="115" t="s">
        <v>400</v>
      </c>
      <c r="Q2169" s="115" t="s">
        <v>400</v>
      </c>
      <c r="R2169" s="115">
        <v>1</v>
      </c>
      <c r="S2169" s="115">
        <v>0</v>
      </c>
      <c r="T2169" s="115">
        <v>0</v>
      </c>
      <c r="U2169" s="119"/>
      <c r="V2169" s="119"/>
      <c r="W2169" s="119"/>
      <c r="X2169" s="119"/>
      <c r="Y2169" s="119"/>
      <c r="Z2169" s="119"/>
      <c r="AA2169" s="119"/>
      <c r="AB2169" s="119"/>
      <c r="AC2169" s="119"/>
      <c r="AD2169" s="119"/>
      <c r="AE2169" s="119"/>
      <c r="AF2169" s="119"/>
      <c r="AG2169" s="119"/>
      <c r="AH2169" s="119"/>
      <c r="AI2169" s="119"/>
      <c r="AJ2169" s="119"/>
      <c r="AK2169" s="119"/>
      <c r="AL2169" s="119"/>
      <c r="AM2169" s="119"/>
      <c r="AN2169" s="119"/>
      <c r="AO2169" s="119"/>
      <c r="AP2169" s="119"/>
      <c r="AQ2169" s="119"/>
      <c r="AR2169" s="119"/>
      <c r="AS2169" s="119"/>
      <c r="AT2169" s="119"/>
      <c r="AU2169" s="119"/>
      <c r="AV2169" s="119"/>
      <c r="AW2169" s="119"/>
      <c r="AX2169" s="119"/>
      <c r="AY2169" s="119"/>
      <c r="AZ2169" s="119"/>
      <c r="BA2169" s="119"/>
      <c r="BB2169" s="107">
        <v>45884</v>
      </c>
    </row>
    <row r="2170" spans="1:54" s="207" customFormat="1" ht="13.95" customHeight="1" x14ac:dyDescent="0.25">
      <c r="A2170" s="208" t="s">
        <v>5182</v>
      </c>
      <c r="B2170" s="209" t="s">
        <v>20420</v>
      </c>
      <c r="C2170" s="113" t="s">
        <v>5183</v>
      </c>
      <c r="D2170" s="113" t="s">
        <v>5184</v>
      </c>
      <c r="E2170" s="210">
        <v>1978</v>
      </c>
      <c r="F2170" s="210">
        <v>4167</v>
      </c>
      <c r="G2170" s="113" t="s">
        <v>1</v>
      </c>
      <c r="H2170" s="113">
        <v>0</v>
      </c>
      <c r="I2170" s="113">
        <v>0</v>
      </c>
      <c r="J2170" s="115">
        <v>1</v>
      </c>
      <c r="K2170" s="116" t="s">
        <v>174</v>
      </c>
      <c r="L2170" s="115">
        <v>1</v>
      </c>
      <c r="M2170" s="115">
        <v>0</v>
      </c>
      <c r="N2170" s="115">
        <v>1</v>
      </c>
      <c r="O2170" s="115">
        <v>1</v>
      </c>
      <c r="P2170" s="115">
        <v>1</v>
      </c>
      <c r="Q2170" s="115" t="s">
        <v>400</v>
      </c>
      <c r="R2170" s="115">
        <v>1</v>
      </c>
      <c r="S2170" s="115">
        <v>0</v>
      </c>
      <c r="T2170" s="115">
        <v>0</v>
      </c>
      <c r="U2170" s="119"/>
      <c r="V2170" s="119"/>
      <c r="W2170" s="119"/>
      <c r="X2170" s="119"/>
      <c r="Y2170" s="119"/>
      <c r="Z2170" s="119"/>
      <c r="AA2170" s="119"/>
      <c r="AB2170" s="119"/>
      <c r="AC2170" s="119"/>
      <c r="AD2170" s="119"/>
      <c r="AE2170" s="119"/>
      <c r="AF2170" s="119"/>
      <c r="AG2170" s="119"/>
      <c r="AH2170" s="119"/>
      <c r="AI2170" s="119"/>
      <c r="AJ2170" s="119"/>
      <c r="AK2170" s="119"/>
      <c r="AL2170" s="119"/>
      <c r="AM2170" s="119"/>
      <c r="AN2170" s="119"/>
      <c r="AO2170" s="119"/>
      <c r="AP2170" s="119"/>
      <c r="AQ2170" s="119"/>
      <c r="AR2170" s="119"/>
      <c r="AS2170" s="119"/>
      <c r="AT2170" s="119"/>
      <c r="AU2170" s="119"/>
      <c r="AV2170" s="119"/>
      <c r="AW2170" s="119"/>
      <c r="AX2170" s="119"/>
      <c r="AY2170" s="119"/>
      <c r="AZ2170" s="119"/>
      <c r="BA2170" s="119"/>
      <c r="BB2170" s="107">
        <v>45884</v>
      </c>
    </row>
    <row r="2171" spans="1:54" s="207" customFormat="1" ht="13.95" customHeight="1" x14ac:dyDescent="0.25">
      <c r="A2171" s="208" t="s">
        <v>5185</v>
      </c>
      <c r="B2171" s="209" t="s">
        <v>20420</v>
      </c>
      <c r="C2171" s="113" t="s">
        <v>5186</v>
      </c>
      <c r="D2171" s="113" t="s">
        <v>5187</v>
      </c>
      <c r="E2171" s="210">
        <v>1984</v>
      </c>
      <c r="F2171" s="210">
        <v>4190</v>
      </c>
      <c r="G2171" s="113" t="s">
        <v>1</v>
      </c>
      <c r="H2171" s="113">
        <v>0</v>
      </c>
      <c r="I2171" s="113">
        <v>0</v>
      </c>
      <c r="J2171" s="115">
        <v>1</v>
      </c>
      <c r="K2171" s="116" t="s">
        <v>174</v>
      </c>
      <c r="L2171" s="115">
        <v>1</v>
      </c>
      <c r="M2171" s="115">
        <v>0</v>
      </c>
      <c r="N2171" s="115">
        <v>1</v>
      </c>
      <c r="O2171" s="115">
        <v>1</v>
      </c>
      <c r="P2171" s="115">
        <v>1</v>
      </c>
      <c r="Q2171" s="115" t="s">
        <v>400</v>
      </c>
      <c r="R2171" s="115">
        <v>1</v>
      </c>
      <c r="S2171" s="115">
        <v>0</v>
      </c>
      <c r="T2171" s="115">
        <v>0</v>
      </c>
      <c r="U2171" s="119"/>
      <c r="V2171" s="119"/>
      <c r="W2171" s="119"/>
      <c r="X2171" s="119"/>
      <c r="Y2171" s="119"/>
      <c r="Z2171" s="119"/>
      <c r="AA2171" s="119"/>
      <c r="AB2171" s="119"/>
      <c r="AC2171" s="119"/>
      <c r="AD2171" s="119"/>
      <c r="AE2171" s="119"/>
      <c r="AF2171" s="119"/>
      <c r="AG2171" s="119"/>
      <c r="AH2171" s="119"/>
      <c r="AI2171" s="119"/>
      <c r="AJ2171" s="119"/>
      <c r="AK2171" s="119"/>
      <c r="AL2171" s="119"/>
      <c r="AM2171" s="119"/>
      <c r="AN2171" s="119"/>
      <c r="AO2171" s="119"/>
      <c r="AP2171" s="119"/>
      <c r="AQ2171" s="119"/>
      <c r="AR2171" s="119"/>
      <c r="AS2171" s="119"/>
      <c r="AT2171" s="119"/>
      <c r="AU2171" s="119"/>
      <c r="AV2171" s="119"/>
      <c r="AW2171" s="119"/>
      <c r="AX2171" s="119"/>
      <c r="AY2171" s="119"/>
      <c r="AZ2171" s="119"/>
      <c r="BA2171" s="119"/>
      <c r="BB2171" s="107">
        <v>45884</v>
      </c>
    </row>
    <row r="2172" spans="1:54" s="207" customFormat="1" ht="13.95" customHeight="1" x14ac:dyDescent="0.25">
      <c r="A2172" s="208" t="s">
        <v>5188</v>
      </c>
      <c r="B2172" s="209" t="s">
        <v>20420</v>
      </c>
      <c r="C2172" s="113" t="s">
        <v>5189</v>
      </c>
      <c r="D2172" s="113" t="s">
        <v>23757</v>
      </c>
      <c r="E2172" s="210">
        <v>1971</v>
      </c>
      <c r="F2172" s="210">
        <v>4204</v>
      </c>
      <c r="G2172" s="113" t="s">
        <v>1</v>
      </c>
      <c r="H2172" s="113">
        <v>0</v>
      </c>
      <c r="I2172" s="113">
        <v>0</v>
      </c>
      <c r="J2172" s="115">
        <v>1</v>
      </c>
      <c r="K2172" s="211">
        <v>1</v>
      </c>
      <c r="L2172" s="115">
        <v>1</v>
      </c>
      <c r="M2172" s="115">
        <v>1</v>
      </c>
      <c r="N2172" s="115">
        <v>1</v>
      </c>
      <c r="O2172" s="115">
        <v>1</v>
      </c>
      <c r="P2172" s="115">
        <v>1</v>
      </c>
      <c r="Q2172" s="115" t="s">
        <v>400</v>
      </c>
      <c r="R2172" s="115">
        <v>1</v>
      </c>
      <c r="S2172" s="115">
        <v>0</v>
      </c>
      <c r="T2172" s="115">
        <v>0</v>
      </c>
      <c r="U2172" s="119"/>
      <c r="V2172" s="119"/>
      <c r="W2172" s="119"/>
      <c r="X2172" s="119"/>
      <c r="Y2172" s="119"/>
      <c r="Z2172" s="119"/>
      <c r="AA2172" s="119"/>
      <c r="AB2172" s="119"/>
      <c r="AC2172" s="119"/>
      <c r="AD2172" s="119"/>
      <c r="AE2172" s="119"/>
      <c r="AF2172" s="119"/>
      <c r="AG2172" s="119"/>
      <c r="AH2172" s="119"/>
      <c r="AI2172" s="119"/>
      <c r="AJ2172" s="119"/>
      <c r="AK2172" s="119"/>
      <c r="AL2172" s="119"/>
      <c r="AM2172" s="119"/>
      <c r="AN2172" s="119"/>
      <c r="AO2172" s="119"/>
      <c r="AP2172" s="119"/>
      <c r="AQ2172" s="119"/>
      <c r="AR2172" s="119"/>
      <c r="AS2172" s="119"/>
      <c r="AT2172" s="119"/>
      <c r="AU2172" s="119"/>
      <c r="AV2172" s="119"/>
      <c r="AW2172" s="119"/>
      <c r="AX2172" s="119"/>
      <c r="AY2172" s="119"/>
      <c r="AZ2172" s="119"/>
      <c r="BA2172" s="119"/>
      <c r="BB2172" s="107">
        <v>45884</v>
      </c>
    </row>
    <row r="2173" spans="1:54" s="207" customFormat="1" ht="13.95" customHeight="1" x14ac:dyDescent="0.25">
      <c r="A2173" s="208" t="s">
        <v>5190</v>
      </c>
      <c r="B2173" s="209" t="s">
        <v>20420</v>
      </c>
      <c r="C2173" s="113" t="s">
        <v>5191</v>
      </c>
      <c r="D2173" s="113" t="s">
        <v>5192</v>
      </c>
      <c r="E2173" s="210">
        <v>1986</v>
      </c>
      <c r="F2173" s="210">
        <v>4204</v>
      </c>
      <c r="G2173" s="113" t="s">
        <v>1</v>
      </c>
      <c r="H2173" s="113">
        <v>0</v>
      </c>
      <c r="I2173" s="113">
        <v>0</v>
      </c>
      <c r="J2173" s="115">
        <v>1</v>
      </c>
      <c r="K2173" s="116" t="s">
        <v>174</v>
      </c>
      <c r="L2173" s="115">
        <v>1</v>
      </c>
      <c r="M2173" s="115">
        <v>1</v>
      </c>
      <c r="N2173" s="115">
        <v>0</v>
      </c>
      <c r="O2173" s="115">
        <v>0</v>
      </c>
      <c r="P2173" s="115" t="s">
        <v>400</v>
      </c>
      <c r="Q2173" s="115" t="s">
        <v>400</v>
      </c>
      <c r="R2173" s="115">
        <v>1</v>
      </c>
      <c r="S2173" s="115">
        <v>0</v>
      </c>
      <c r="T2173" s="115">
        <v>0</v>
      </c>
      <c r="U2173" s="119"/>
      <c r="V2173" s="119"/>
      <c r="W2173" s="119"/>
      <c r="X2173" s="119"/>
      <c r="Y2173" s="119"/>
      <c r="Z2173" s="119"/>
      <c r="AA2173" s="119"/>
      <c r="AB2173" s="119"/>
      <c r="AC2173" s="119"/>
      <c r="AD2173" s="119"/>
      <c r="AE2173" s="119"/>
      <c r="AF2173" s="119"/>
      <c r="AG2173" s="119"/>
      <c r="AH2173" s="119"/>
      <c r="AI2173" s="119"/>
      <c r="AJ2173" s="119"/>
      <c r="AK2173" s="119"/>
      <c r="AL2173" s="119"/>
      <c r="AM2173" s="119"/>
      <c r="AN2173" s="119"/>
      <c r="AO2173" s="119"/>
      <c r="AP2173" s="119"/>
      <c r="AQ2173" s="119"/>
      <c r="AR2173" s="119"/>
      <c r="AS2173" s="119"/>
      <c r="AT2173" s="119"/>
      <c r="AU2173" s="119"/>
      <c r="AV2173" s="119"/>
      <c r="AW2173" s="119"/>
      <c r="AX2173" s="119"/>
      <c r="AY2173" s="119"/>
      <c r="AZ2173" s="119"/>
      <c r="BA2173" s="119"/>
      <c r="BB2173" s="107">
        <v>45884</v>
      </c>
    </row>
    <row r="2174" spans="1:54" s="207" customFormat="1" ht="13.95" customHeight="1" x14ac:dyDescent="0.25">
      <c r="A2174" s="208" t="s">
        <v>5193</v>
      </c>
      <c r="B2174" s="209" t="s">
        <v>20420</v>
      </c>
      <c r="C2174" s="113" t="s">
        <v>5194</v>
      </c>
      <c r="D2174" s="113" t="s">
        <v>23758</v>
      </c>
      <c r="E2174" s="210">
        <v>1973</v>
      </c>
      <c r="F2174" s="210">
        <v>4207</v>
      </c>
      <c r="G2174" s="113" t="s">
        <v>1</v>
      </c>
      <c r="H2174" s="113">
        <v>0</v>
      </c>
      <c r="I2174" s="113">
        <v>0</v>
      </c>
      <c r="J2174" s="115">
        <v>1</v>
      </c>
      <c r="K2174" s="211">
        <v>1</v>
      </c>
      <c r="L2174" s="115">
        <v>1</v>
      </c>
      <c r="M2174" s="115">
        <v>1</v>
      </c>
      <c r="N2174" s="115">
        <v>1</v>
      </c>
      <c r="O2174" s="115">
        <v>1</v>
      </c>
      <c r="P2174" s="115" t="s">
        <v>400</v>
      </c>
      <c r="Q2174" s="115">
        <v>1</v>
      </c>
      <c r="R2174" s="115">
        <v>1</v>
      </c>
      <c r="S2174" s="115">
        <v>0</v>
      </c>
      <c r="T2174" s="115">
        <v>0</v>
      </c>
      <c r="U2174" s="119"/>
      <c r="V2174" s="119"/>
      <c r="W2174" s="119"/>
      <c r="X2174" s="119"/>
      <c r="Y2174" s="119"/>
      <c r="Z2174" s="119"/>
      <c r="AA2174" s="119"/>
      <c r="AB2174" s="119"/>
      <c r="AC2174" s="119"/>
      <c r="AD2174" s="119"/>
      <c r="AE2174" s="119"/>
      <c r="AF2174" s="119"/>
      <c r="AG2174" s="119"/>
      <c r="AH2174" s="119"/>
      <c r="AI2174" s="119"/>
      <c r="AJ2174" s="119"/>
      <c r="AK2174" s="119"/>
      <c r="AL2174" s="119"/>
      <c r="AM2174" s="119"/>
      <c r="AN2174" s="119"/>
      <c r="AO2174" s="119"/>
      <c r="AP2174" s="119"/>
      <c r="AQ2174" s="119"/>
      <c r="AR2174" s="119"/>
      <c r="AS2174" s="119"/>
      <c r="AT2174" s="119"/>
      <c r="AU2174" s="119"/>
      <c r="AV2174" s="119"/>
      <c r="AW2174" s="119"/>
      <c r="AX2174" s="119"/>
      <c r="AY2174" s="119"/>
      <c r="AZ2174" s="119"/>
      <c r="BA2174" s="119"/>
      <c r="BB2174" s="107">
        <v>45884</v>
      </c>
    </row>
    <row r="2175" spans="1:54" s="207" customFormat="1" ht="13.95" customHeight="1" x14ac:dyDescent="0.25">
      <c r="A2175" s="208" t="s">
        <v>5195</v>
      </c>
      <c r="B2175" s="209" t="s">
        <v>20420</v>
      </c>
      <c r="C2175" s="113" t="s">
        <v>5196</v>
      </c>
      <c r="D2175" s="113" t="s">
        <v>5197</v>
      </c>
      <c r="E2175" s="210">
        <v>1949</v>
      </c>
      <c r="F2175" s="210">
        <v>4236</v>
      </c>
      <c r="G2175" s="113" t="s">
        <v>1</v>
      </c>
      <c r="H2175" s="113">
        <v>0</v>
      </c>
      <c r="I2175" s="113">
        <v>0</v>
      </c>
      <c r="J2175" s="115">
        <v>1</v>
      </c>
      <c r="K2175" s="116" t="s">
        <v>174</v>
      </c>
      <c r="L2175" s="115">
        <v>1</v>
      </c>
      <c r="M2175" s="115">
        <v>1</v>
      </c>
      <c r="N2175" s="115">
        <v>1</v>
      </c>
      <c r="O2175" s="115">
        <v>1</v>
      </c>
      <c r="P2175" s="115">
        <v>1</v>
      </c>
      <c r="Q2175" s="115" t="s">
        <v>400</v>
      </c>
      <c r="R2175" s="115">
        <v>0</v>
      </c>
      <c r="S2175" s="115">
        <v>0</v>
      </c>
      <c r="T2175" s="115">
        <v>0</v>
      </c>
      <c r="U2175" s="119"/>
      <c r="V2175" s="119"/>
      <c r="W2175" s="119"/>
      <c r="X2175" s="119"/>
      <c r="Y2175" s="119"/>
      <c r="Z2175" s="119"/>
      <c r="AA2175" s="119"/>
      <c r="AB2175" s="119"/>
      <c r="AC2175" s="119"/>
      <c r="AD2175" s="119"/>
      <c r="AE2175" s="119"/>
      <c r="AF2175" s="119"/>
      <c r="AG2175" s="119"/>
      <c r="AH2175" s="119"/>
      <c r="AI2175" s="119"/>
      <c r="AJ2175" s="119"/>
      <c r="AK2175" s="119"/>
      <c r="AL2175" s="119"/>
      <c r="AM2175" s="119"/>
      <c r="AN2175" s="119"/>
      <c r="AO2175" s="119"/>
      <c r="AP2175" s="119"/>
      <c r="AQ2175" s="119"/>
      <c r="AR2175" s="119"/>
      <c r="AS2175" s="119"/>
      <c r="AT2175" s="119"/>
      <c r="AU2175" s="119"/>
      <c r="AV2175" s="119"/>
      <c r="AW2175" s="119"/>
      <c r="AX2175" s="119"/>
      <c r="AY2175" s="119"/>
      <c r="AZ2175" s="119"/>
      <c r="BA2175" s="119"/>
      <c r="BB2175" s="107">
        <v>45884</v>
      </c>
    </row>
    <row r="2176" spans="1:54" s="207" customFormat="1" ht="13.95" customHeight="1" x14ac:dyDescent="0.25">
      <c r="A2176" s="208" t="s">
        <v>5198</v>
      </c>
      <c r="B2176" s="209" t="s">
        <v>20420</v>
      </c>
      <c r="C2176" s="113" t="s">
        <v>5199</v>
      </c>
      <c r="D2176" s="113" t="s">
        <v>23759</v>
      </c>
      <c r="E2176" s="210">
        <v>1976</v>
      </c>
      <c r="F2176" s="210">
        <v>4247</v>
      </c>
      <c r="G2176" s="113" t="s">
        <v>1</v>
      </c>
      <c r="H2176" s="113">
        <v>0</v>
      </c>
      <c r="I2176" s="113">
        <v>0</v>
      </c>
      <c r="J2176" s="115">
        <v>1</v>
      </c>
      <c r="K2176" s="116" t="s">
        <v>174</v>
      </c>
      <c r="L2176" s="115">
        <v>1</v>
      </c>
      <c r="M2176" s="115">
        <v>1</v>
      </c>
      <c r="N2176" s="115">
        <v>1</v>
      </c>
      <c r="O2176" s="115">
        <v>1</v>
      </c>
      <c r="P2176" s="115" t="s">
        <v>400</v>
      </c>
      <c r="Q2176" s="115" t="s">
        <v>400</v>
      </c>
      <c r="R2176" s="115">
        <v>1</v>
      </c>
      <c r="S2176" s="115">
        <v>0</v>
      </c>
      <c r="T2176" s="115">
        <v>0</v>
      </c>
      <c r="U2176" s="119"/>
      <c r="V2176" s="119"/>
      <c r="W2176" s="119"/>
      <c r="X2176" s="119"/>
      <c r="Y2176" s="119"/>
      <c r="Z2176" s="119"/>
      <c r="AA2176" s="119"/>
      <c r="AB2176" s="119"/>
      <c r="AC2176" s="119"/>
      <c r="AD2176" s="119"/>
      <c r="AE2176" s="119"/>
      <c r="AF2176" s="119"/>
      <c r="AG2176" s="119"/>
      <c r="AH2176" s="119"/>
      <c r="AI2176" s="119"/>
      <c r="AJ2176" s="119"/>
      <c r="AK2176" s="119"/>
      <c r="AL2176" s="119"/>
      <c r="AM2176" s="119"/>
      <c r="AN2176" s="119"/>
      <c r="AO2176" s="119"/>
      <c r="AP2176" s="119"/>
      <c r="AQ2176" s="119"/>
      <c r="AR2176" s="119"/>
      <c r="AS2176" s="119"/>
      <c r="AT2176" s="119"/>
      <c r="AU2176" s="119"/>
      <c r="AV2176" s="119"/>
      <c r="AW2176" s="119"/>
      <c r="AX2176" s="119"/>
      <c r="AY2176" s="119"/>
      <c r="AZ2176" s="119"/>
      <c r="BA2176" s="119"/>
      <c r="BB2176" s="107">
        <v>45884</v>
      </c>
    </row>
    <row r="2177" spans="1:54" s="207" customFormat="1" ht="13.95" customHeight="1" x14ac:dyDescent="0.25">
      <c r="A2177" s="208" t="s">
        <v>5200</v>
      </c>
      <c r="B2177" s="209" t="s">
        <v>20420</v>
      </c>
      <c r="C2177" s="113" t="s">
        <v>5201</v>
      </c>
      <c r="D2177" s="113" t="s">
        <v>23760</v>
      </c>
      <c r="E2177" s="210">
        <v>2006</v>
      </c>
      <c r="F2177" s="210">
        <v>4643</v>
      </c>
      <c r="G2177" s="113" t="s">
        <v>1</v>
      </c>
      <c r="H2177" s="113">
        <v>1</v>
      </c>
      <c r="I2177" s="113">
        <v>1</v>
      </c>
      <c r="J2177" s="115">
        <v>1</v>
      </c>
      <c r="K2177" s="116" t="s">
        <v>174</v>
      </c>
      <c r="L2177" s="115">
        <v>1</v>
      </c>
      <c r="M2177" s="115">
        <v>1</v>
      </c>
      <c r="N2177" s="115">
        <v>1</v>
      </c>
      <c r="O2177" s="115">
        <v>0</v>
      </c>
      <c r="P2177" s="115" t="s">
        <v>400</v>
      </c>
      <c r="Q2177" s="115" t="s">
        <v>400</v>
      </c>
      <c r="R2177" s="115">
        <v>0</v>
      </c>
      <c r="S2177" s="115">
        <v>0</v>
      </c>
      <c r="T2177" s="115">
        <v>0</v>
      </c>
      <c r="U2177" s="119"/>
      <c r="V2177" s="119"/>
      <c r="W2177" s="119"/>
      <c r="X2177" s="119"/>
      <c r="Y2177" s="119"/>
      <c r="Z2177" s="119"/>
      <c r="AA2177" s="119"/>
      <c r="AB2177" s="119"/>
      <c r="AC2177" s="119"/>
      <c r="AD2177" s="119"/>
      <c r="AE2177" s="119"/>
      <c r="AF2177" s="119"/>
      <c r="AG2177" s="119"/>
      <c r="AH2177" s="119"/>
      <c r="AI2177" s="119"/>
      <c r="AJ2177" s="119"/>
      <c r="AK2177" s="119"/>
      <c r="AL2177" s="119"/>
      <c r="AM2177" s="119"/>
      <c r="AN2177" s="119"/>
      <c r="AO2177" s="119"/>
      <c r="AP2177" s="119"/>
      <c r="AQ2177" s="119"/>
      <c r="AR2177" s="119"/>
      <c r="AS2177" s="119"/>
      <c r="AT2177" s="119"/>
      <c r="AU2177" s="119"/>
      <c r="AV2177" s="119"/>
      <c r="AW2177" s="119"/>
      <c r="AX2177" s="119"/>
      <c r="AY2177" s="119"/>
      <c r="AZ2177" s="119"/>
      <c r="BA2177" s="119"/>
      <c r="BB2177" s="107">
        <v>45884</v>
      </c>
    </row>
    <row r="2178" spans="1:54" s="207" customFormat="1" ht="13.95" customHeight="1" x14ac:dyDescent="0.25">
      <c r="A2178" s="208" t="s">
        <v>5202</v>
      </c>
      <c r="B2178" s="209" t="s">
        <v>20420</v>
      </c>
      <c r="C2178" s="113" t="s">
        <v>5203</v>
      </c>
      <c r="D2178" s="113" t="s">
        <v>5204</v>
      </c>
      <c r="E2178" s="210">
        <v>1976</v>
      </c>
      <c r="F2178" s="210">
        <v>4267</v>
      </c>
      <c r="G2178" s="113" t="s">
        <v>1</v>
      </c>
      <c r="H2178" s="113">
        <v>0</v>
      </c>
      <c r="I2178" s="113">
        <v>0</v>
      </c>
      <c r="J2178" s="115">
        <v>1</v>
      </c>
      <c r="K2178" s="116" t="s">
        <v>174</v>
      </c>
      <c r="L2178" s="115">
        <v>0</v>
      </c>
      <c r="M2178" s="115">
        <v>1</v>
      </c>
      <c r="N2178" s="115">
        <v>0</v>
      </c>
      <c r="O2178" s="115">
        <v>1</v>
      </c>
      <c r="P2178" s="115" t="s">
        <v>400</v>
      </c>
      <c r="Q2178" s="115" t="s">
        <v>400</v>
      </c>
      <c r="R2178" s="115">
        <v>1</v>
      </c>
      <c r="S2178" s="115">
        <v>0</v>
      </c>
      <c r="T2178" s="115">
        <v>0</v>
      </c>
      <c r="U2178" s="119"/>
      <c r="V2178" s="119"/>
      <c r="W2178" s="119"/>
      <c r="X2178" s="119"/>
      <c r="Y2178" s="119"/>
      <c r="Z2178" s="119"/>
      <c r="AA2178" s="119"/>
      <c r="AB2178" s="119"/>
      <c r="AC2178" s="119"/>
      <c r="AD2178" s="119"/>
      <c r="AE2178" s="119"/>
      <c r="AF2178" s="119"/>
      <c r="AG2178" s="119"/>
      <c r="AH2178" s="119"/>
      <c r="AI2178" s="119"/>
      <c r="AJ2178" s="119"/>
      <c r="AK2178" s="119"/>
      <c r="AL2178" s="119"/>
      <c r="AM2178" s="119"/>
      <c r="AN2178" s="119"/>
      <c r="AO2178" s="119"/>
      <c r="AP2178" s="119"/>
      <c r="AQ2178" s="119"/>
      <c r="AR2178" s="119"/>
      <c r="AS2178" s="119"/>
      <c r="AT2178" s="119"/>
      <c r="AU2178" s="119"/>
      <c r="AV2178" s="119"/>
      <c r="AW2178" s="119"/>
      <c r="AX2178" s="119"/>
      <c r="AY2178" s="119"/>
      <c r="AZ2178" s="119"/>
      <c r="BA2178" s="119"/>
      <c r="BB2178" s="107">
        <v>45884</v>
      </c>
    </row>
    <row r="2179" spans="1:54" s="207" customFormat="1" ht="13.95" customHeight="1" x14ac:dyDescent="0.25">
      <c r="A2179" s="208" t="s">
        <v>5205</v>
      </c>
      <c r="B2179" s="209" t="s">
        <v>20420</v>
      </c>
      <c r="C2179" s="113" t="s">
        <v>5206</v>
      </c>
      <c r="D2179" s="113" t="s">
        <v>23761</v>
      </c>
      <c r="E2179" s="210">
        <v>2006</v>
      </c>
      <c r="F2179" s="210">
        <v>4273</v>
      </c>
      <c r="G2179" s="113" t="s">
        <v>1</v>
      </c>
      <c r="H2179" s="113">
        <v>0</v>
      </c>
      <c r="I2179" s="113">
        <v>0</v>
      </c>
      <c r="J2179" s="115">
        <v>1</v>
      </c>
      <c r="K2179" s="116" t="s">
        <v>174</v>
      </c>
      <c r="L2179" s="115">
        <v>1</v>
      </c>
      <c r="M2179" s="212">
        <v>0</v>
      </c>
      <c r="N2179" s="115">
        <v>1</v>
      </c>
      <c r="O2179" s="115">
        <v>1</v>
      </c>
      <c r="P2179" s="115" t="s">
        <v>400</v>
      </c>
      <c r="Q2179" s="115" t="s">
        <v>400</v>
      </c>
      <c r="R2179" s="115">
        <v>0</v>
      </c>
      <c r="S2179" s="115">
        <v>0</v>
      </c>
      <c r="T2179" s="115">
        <v>0</v>
      </c>
      <c r="U2179" s="119"/>
      <c r="V2179" s="119"/>
      <c r="W2179" s="119"/>
      <c r="X2179" s="119"/>
      <c r="Y2179" s="119"/>
      <c r="Z2179" s="119"/>
      <c r="AA2179" s="119"/>
      <c r="AB2179" s="119"/>
      <c r="AC2179" s="119"/>
      <c r="AD2179" s="119"/>
      <c r="AE2179" s="119"/>
      <c r="AF2179" s="119"/>
      <c r="AG2179" s="119"/>
      <c r="AH2179" s="119"/>
      <c r="AI2179" s="119"/>
      <c r="AJ2179" s="119"/>
      <c r="AK2179" s="119"/>
      <c r="AL2179" s="119"/>
      <c r="AM2179" s="119"/>
      <c r="AN2179" s="119"/>
      <c r="AO2179" s="119"/>
      <c r="AP2179" s="119"/>
      <c r="AQ2179" s="119"/>
      <c r="AR2179" s="119"/>
      <c r="AS2179" s="119"/>
      <c r="AT2179" s="119"/>
      <c r="AU2179" s="119"/>
      <c r="AV2179" s="119"/>
      <c r="AW2179" s="119"/>
      <c r="AX2179" s="119"/>
      <c r="AY2179" s="119"/>
      <c r="AZ2179" s="119"/>
      <c r="BA2179" s="119"/>
      <c r="BB2179" s="107">
        <v>45884</v>
      </c>
    </row>
    <row r="2180" spans="1:54" s="207" customFormat="1" ht="13.95" customHeight="1" x14ac:dyDescent="0.25">
      <c r="A2180" s="208" t="s">
        <v>5207</v>
      </c>
      <c r="B2180" s="209" t="s">
        <v>20420</v>
      </c>
      <c r="C2180" s="113" t="s">
        <v>5208</v>
      </c>
      <c r="D2180" s="113" t="s">
        <v>5209</v>
      </c>
      <c r="E2180" s="210">
        <v>1988</v>
      </c>
      <c r="F2180" s="210">
        <v>4275</v>
      </c>
      <c r="G2180" s="113" t="s">
        <v>1</v>
      </c>
      <c r="H2180" s="113">
        <v>0</v>
      </c>
      <c r="I2180" s="113">
        <v>0</v>
      </c>
      <c r="J2180" s="115">
        <v>0</v>
      </c>
      <c r="K2180" s="116" t="s">
        <v>174</v>
      </c>
      <c r="L2180" s="115">
        <v>0</v>
      </c>
      <c r="M2180" s="115">
        <v>0</v>
      </c>
      <c r="N2180" s="115">
        <v>0</v>
      </c>
      <c r="O2180" s="115">
        <v>0</v>
      </c>
      <c r="P2180" s="115" t="s">
        <v>400</v>
      </c>
      <c r="Q2180" s="115" t="s">
        <v>400</v>
      </c>
      <c r="R2180" s="115">
        <v>0</v>
      </c>
      <c r="S2180" s="115">
        <v>0</v>
      </c>
      <c r="T2180" s="115">
        <v>0</v>
      </c>
      <c r="U2180" s="119"/>
      <c r="V2180" s="119"/>
      <c r="W2180" s="119"/>
      <c r="X2180" s="119"/>
      <c r="Y2180" s="119"/>
      <c r="Z2180" s="119"/>
      <c r="AA2180" s="119"/>
      <c r="AB2180" s="119"/>
      <c r="AC2180" s="119"/>
      <c r="AD2180" s="119"/>
      <c r="AE2180" s="119"/>
      <c r="AF2180" s="119"/>
      <c r="AG2180" s="119"/>
      <c r="AH2180" s="119"/>
      <c r="AI2180" s="119"/>
      <c r="AJ2180" s="119"/>
      <c r="AK2180" s="119"/>
      <c r="AL2180" s="119"/>
      <c r="AM2180" s="119"/>
      <c r="AN2180" s="119"/>
      <c r="AO2180" s="119"/>
      <c r="AP2180" s="119"/>
      <c r="AQ2180" s="119"/>
      <c r="AR2180" s="119"/>
      <c r="AS2180" s="119"/>
      <c r="AT2180" s="119"/>
      <c r="AU2180" s="119"/>
      <c r="AV2180" s="119"/>
      <c r="AW2180" s="119"/>
      <c r="AX2180" s="119"/>
      <c r="AY2180" s="119"/>
      <c r="AZ2180" s="119"/>
      <c r="BA2180" s="119"/>
      <c r="BB2180" s="107">
        <v>45884</v>
      </c>
    </row>
    <row r="2181" spans="1:54" s="207" customFormat="1" ht="13.95" customHeight="1" x14ac:dyDescent="0.25">
      <c r="A2181" s="208" t="s">
        <v>5210</v>
      </c>
      <c r="B2181" s="209" t="s">
        <v>20420</v>
      </c>
      <c r="C2181" s="113" t="s">
        <v>5211</v>
      </c>
      <c r="D2181" s="113" t="s">
        <v>5212</v>
      </c>
      <c r="E2181" s="210">
        <v>1976</v>
      </c>
      <c r="F2181" s="210">
        <v>4285</v>
      </c>
      <c r="G2181" s="113" t="s">
        <v>1</v>
      </c>
      <c r="H2181" s="113">
        <v>0</v>
      </c>
      <c r="I2181" s="113">
        <v>0</v>
      </c>
      <c r="J2181" s="115">
        <v>1</v>
      </c>
      <c r="K2181" s="116" t="s">
        <v>174</v>
      </c>
      <c r="L2181" s="115">
        <v>0</v>
      </c>
      <c r="M2181" s="115">
        <v>0</v>
      </c>
      <c r="N2181" s="115">
        <v>1</v>
      </c>
      <c r="O2181" s="115">
        <v>0</v>
      </c>
      <c r="P2181" s="115" t="s">
        <v>400</v>
      </c>
      <c r="Q2181" s="115" t="s">
        <v>400</v>
      </c>
      <c r="R2181" s="115">
        <v>0</v>
      </c>
      <c r="S2181" s="115">
        <v>0</v>
      </c>
      <c r="T2181" s="115">
        <v>0</v>
      </c>
      <c r="U2181" s="119"/>
      <c r="V2181" s="119"/>
      <c r="W2181" s="119"/>
      <c r="X2181" s="119"/>
      <c r="Y2181" s="119"/>
      <c r="Z2181" s="119"/>
      <c r="AA2181" s="119"/>
      <c r="AB2181" s="119"/>
      <c r="AC2181" s="119"/>
      <c r="AD2181" s="119"/>
      <c r="AE2181" s="119"/>
      <c r="AF2181" s="119"/>
      <c r="AG2181" s="119"/>
      <c r="AH2181" s="119"/>
      <c r="AI2181" s="119"/>
      <c r="AJ2181" s="119"/>
      <c r="AK2181" s="119"/>
      <c r="AL2181" s="119"/>
      <c r="AM2181" s="119"/>
      <c r="AN2181" s="119"/>
      <c r="AO2181" s="119"/>
      <c r="AP2181" s="119"/>
      <c r="AQ2181" s="119"/>
      <c r="AR2181" s="119"/>
      <c r="AS2181" s="119"/>
      <c r="AT2181" s="119"/>
      <c r="AU2181" s="119"/>
      <c r="AV2181" s="119"/>
      <c r="AW2181" s="119"/>
      <c r="AX2181" s="119"/>
      <c r="AY2181" s="119"/>
      <c r="AZ2181" s="119"/>
      <c r="BA2181" s="119"/>
      <c r="BB2181" s="107">
        <v>45884</v>
      </c>
    </row>
    <row r="2182" spans="1:54" s="207" customFormat="1" ht="13.95" customHeight="1" x14ac:dyDescent="0.25">
      <c r="A2182" s="208" t="s">
        <v>5213</v>
      </c>
      <c r="B2182" s="209" t="s">
        <v>20420</v>
      </c>
      <c r="C2182" s="113" t="s">
        <v>5214</v>
      </c>
      <c r="D2182" s="113" t="s">
        <v>23762</v>
      </c>
      <c r="E2182" s="210">
        <v>1978</v>
      </c>
      <c r="F2182" s="210">
        <v>4300</v>
      </c>
      <c r="G2182" s="113" t="s">
        <v>1</v>
      </c>
      <c r="H2182" s="113">
        <v>1</v>
      </c>
      <c r="I2182" s="113">
        <v>0</v>
      </c>
      <c r="J2182" s="115">
        <v>1</v>
      </c>
      <c r="K2182" s="116" t="s">
        <v>174</v>
      </c>
      <c r="L2182" s="115">
        <v>0</v>
      </c>
      <c r="M2182" s="115">
        <v>0</v>
      </c>
      <c r="N2182" s="115">
        <v>0</v>
      </c>
      <c r="O2182" s="115">
        <v>1</v>
      </c>
      <c r="P2182" s="115" t="s">
        <v>400</v>
      </c>
      <c r="Q2182" s="115" t="s">
        <v>400</v>
      </c>
      <c r="R2182" s="115">
        <v>1</v>
      </c>
      <c r="S2182" s="115">
        <v>0</v>
      </c>
      <c r="T2182" s="115">
        <v>0</v>
      </c>
      <c r="U2182" s="119"/>
      <c r="V2182" s="119"/>
      <c r="W2182" s="119"/>
      <c r="X2182" s="119"/>
      <c r="Y2182" s="119"/>
      <c r="Z2182" s="119"/>
      <c r="AA2182" s="119"/>
      <c r="AB2182" s="119"/>
      <c r="AC2182" s="119"/>
      <c r="AD2182" s="119"/>
      <c r="AE2182" s="119"/>
      <c r="AF2182" s="119"/>
      <c r="AG2182" s="119"/>
      <c r="AH2182" s="119"/>
      <c r="AI2182" s="119"/>
      <c r="AJ2182" s="119"/>
      <c r="AK2182" s="119"/>
      <c r="AL2182" s="119"/>
      <c r="AM2182" s="119"/>
      <c r="AN2182" s="119"/>
      <c r="AO2182" s="119"/>
      <c r="AP2182" s="119"/>
      <c r="AQ2182" s="119"/>
      <c r="AR2182" s="119"/>
      <c r="AS2182" s="119"/>
      <c r="AT2182" s="119"/>
      <c r="AU2182" s="119"/>
      <c r="AV2182" s="119"/>
      <c r="AW2182" s="119"/>
      <c r="AX2182" s="119"/>
      <c r="AY2182" s="119"/>
      <c r="AZ2182" s="119"/>
      <c r="BA2182" s="119"/>
      <c r="BB2182" s="107">
        <v>45884</v>
      </c>
    </row>
    <row r="2183" spans="1:54" s="207" customFormat="1" ht="13.95" customHeight="1" x14ac:dyDescent="0.25">
      <c r="A2183" s="208" t="s">
        <v>5215</v>
      </c>
      <c r="B2183" s="209" t="s">
        <v>20420</v>
      </c>
      <c r="C2183" s="113" t="s">
        <v>5216</v>
      </c>
      <c r="D2183" s="113" t="s">
        <v>23763</v>
      </c>
      <c r="E2183" s="210">
        <v>1977</v>
      </c>
      <c r="F2183" s="210">
        <v>4303</v>
      </c>
      <c r="G2183" s="113" t="s">
        <v>1</v>
      </c>
      <c r="H2183" s="113">
        <v>0</v>
      </c>
      <c r="I2183" s="113">
        <v>0</v>
      </c>
      <c r="J2183" s="115">
        <v>1</v>
      </c>
      <c r="K2183" s="116" t="s">
        <v>174</v>
      </c>
      <c r="L2183" s="115">
        <v>1</v>
      </c>
      <c r="M2183" s="115">
        <v>1</v>
      </c>
      <c r="N2183" s="115">
        <v>1</v>
      </c>
      <c r="O2183" s="115">
        <v>1</v>
      </c>
      <c r="P2183" s="115" t="s">
        <v>400</v>
      </c>
      <c r="Q2183" s="115" t="s">
        <v>400</v>
      </c>
      <c r="R2183" s="115">
        <v>1</v>
      </c>
      <c r="S2183" s="115">
        <v>0</v>
      </c>
      <c r="T2183" s="115">
        <v>0</v>
      </c>
      <c r="U2183" s="119"/>
      <c r="V2183" s="119"/>
      <c r="W2183" s="119"/>
      <c r="X2183" s="119"/>
      <c r="Y2183" s="119"/>
      <c r="Z2183" s="119"/>
      <c r="AA2183" s="119"/>
      <c r="AB2183" s="119"/>
      <c r="AC2183" s="119"/>
      <c r="AD2183" s="119"/>
      <c r="AE2183" s="119"/>
      <c r="AF2183" s="119"/>
      <c r="AG2183" s="119"/>
      <c r="AH2183" s="119"/>
      <c r="AI2183" s="119"/>
      <c r="AJ2183" s="119"/>
      <c r="AK2183" s="119"/>
      <c r="AL2183" s="119"/>
      <c r="AM2183" s="119"/>
      <c r="AN2183" s="119"/>
      <c r="AO2183" s="119"/>
      <c r="AP2183" s="119"/>
      <c r="AQ2183" s="119"/>
      <c r="AR2183" s="119"/>
      <c r="AS2183" s="119"/>
      <c r="AT2183" s="119"/>
      <c r="AU2183" s="119"/>
      <c r="AV2183" s="119"/>
      <c r="AW2183" s="119"/>
      <c r="AX2183" s="119"/>
      <c r="AY2183" s="119"/>
      <c r="AZ2183" s="119"/>
      <c r="BA2183" s="119"/>
      <c r="BB2183" s="107">
        <v>45884</v>
      </c>
    </row>
    <row r="2184" spans="1:54" s="207" customFormat="1" ht="13.95" customHeight="1" x14ac:dyDescent="0.25">
      <c r="A2184" s="208" t="s">
        <v>5217</v>
      </c>
      <c r="B2184" s="209" t="s">
        <v>20420</v>
      </c>
      <c r="C2184" s="113" t="s">
        <v>5218</v>
      </c>
      <c r="D2184" s="113" t="s">
        <v>23764</v>
      </c>
      <c r="E2184" s="210">
        <v>1970</v>
      </c>
      <c r="F2184" s="210">
        <v>4314</v>
      </c>
      <c r="G2184" s="113" t="s">
        <v>1</v>
      </c>
      <c r="H2184" s="113">
        <v>0</v>
      </c>
      <c r="I2184" s="113">
        <v>0</v>
      </c>
      <c r="J2184" s="115">
        <v>1</v>
      </c>
      <c r="K2184" s="211">
        <v>1</v>
      </c>
      <c r="L2184" s="115">
        <v>1</v>
      </c>
      <c r="M2184" s="115">
        <v>1</v>
      </c>
      <c r="N2184" s="115">
        <v>1</v>
      </c>
      <c r="O2184" s="115">
        <v>1</v>
      </c>
      <c r="P2184" s="115" t="s">
        <v>400</v>
      </c>
      <c r="Q2184" s="115" t="s">
        <v>400</v>
      </c>
      <c r="R2184" s="115">
        <v>1</v>
      </c>
      <c r="S2184" s="115">
        <v>0</v>
      </c>
      <c r="T2184" s="115">
        <v>0</v>
      </c>
      <c r="U2184" s="119"/>
      <c r="V2184" s="119"/>
      <c r="W2184" s="119"/>
      <c r="X2184" s="119"/>
      <c r="Y2184" s="119"/>
      <c r="Z2184" s="119"/>
      <c r="AA2184" s="119"/>
      <c r="AB2184" s="119"/>
      <c r="AC2184" s="119"/>
      <c r="AD2184" s="119"/>
      <c r="AE2184" s="119"/>
      <c r="AF2184" s="119"/>
      <c r="AG2184" s="119"/>
      <c r="AH2184" s="119"/>
      <c r="AI2184" s="119"/>
      <c r="AJ2184" s="119"/>
      <c r="AK2184" s="119"/>
      <c r="AL2184" s="119"/>
      <c r="AM2184" s="119"/>
      <c r="AN2184" s="119"/>
      <c r="AO2184" s="119"/>
      <c r="AP2184" s="119"/>
      <c r="AQ2184" s="119"/>
      <c r="AR2184" s="119"/>
      <c r="AS2184" s="119"/>
      <c r="AT2184" s="119"/>
      <c r="AU2184" s="119"/>
      <c r="AV2184" s="119"/>
      <c r="AW2184" s="119"/>
      <c r="AX2184" s="119"/>
      <c r="AY2184" s="119"/>
      <c r="AZ2184" s="119"/>
      <c r="BA2184" s="119"/>
      <c r="BB2184" s="107">
        <v>45884</v>
      </c>
    </row>
    <row r="2185" spans="1:54" s="207" customFormat="1" ht="13.95" customHeight="1" x14ac:dyDescent="0.25">
      <c r="A2185" s="208" t="s">
        <v>5219</v>
      </c>
      <c r="B2185" s="209" t="s">
        <v>20420</v>
      </c>
      <c r="C2185" s="113" t="s">
        <v>5220</v>
      </c>
      <c r="D2185" s="113" t="s">
        <v>5221</v>
      </c>
      <c r="E2185" s="210">
        <v>1996</v>
      </c>
      <c r="F2185" s="210">
        <v>4338</v>
      </c>
      <c r="G2185" s="113" t="s">
        <v>1</v>
      </c>
      <c r="H2185" s="113">
        <v>0</v>
      </c>
      <c r="I2185" s="113">
        <v>0</v>
      </c>
      <c r="J2185" s="115">
        <v>1</v>
      </c>
      <c r="K2185" s="116" t="s">
        <v>174</v>
      </c>
      <c r="L2185" s="115">
        <v>1</v>
      </c>
      <c r="M2185" s="115">
        <v>1</v>
      </c>
      <c r="N2185" s="115">
        <v>0</v>
      </c>
      <c r="O2185" s="115">
        <v>1</v>
      </c>
      <c r="P2185" s="115" t="s">
        <v>400</v>
      </c>
      <c r="Q2185" s="115" t="s">
        <v>400</v>
      </c>
      <c r="R2185" s="115">
        <v>0</v>
      </c>
      <c r="S2185" s="115">
        <v>0</v>
      </c>
      <c r="T2185" s="115">
        <v>0</v>
      </c>
      <c r="U2185" s="119"/>
      <c r="V2185" s="119"/>
      <c r="W2185" s="119"/>
      <c r="X2185" s="119"/>
      <c r="Y2185" s="119"/>
      <c r="Z2185" s="119"/>
      <c r="AA2185" s="119"/>
      <c r="AB2185" s="119"/>
      <c r="AC2185" s="119"/>
      <c r="AD2185" s="119"/>
      <c r="AE2185" s="119"/>
      <c r="AF2185" s="119"/>
      <c r="AG2185" s="119"/>
      <c r="AH2185" s="119"/>
      <c r="AI2185" s="119"/>
      <c r="AJ2185" s="119"/>
      <c r="AK2185" s="119"/>
      <c r="AL2185" s="119"/>
      <c r="AM2185" s="119"/>
      <c r="AN2185" s="119"/>
      <c r="AO2185" s="119"/>
      <c r="AP2185" s="119"/>
      <c r="AQ2185" s="119"/>
      <c r="AR2185" s="119"/>
      <c r="AS2185" s="119"/>
      <c r="AT2185" s="119"/>
      <c r="AU2185" s="119"/>
      <c r="AV2185" s="119"/>
      <c r="AW2185" s="119"/>
      <c r="AX2185" s="119"/>
      <c r="AY2185" s="119"/>
      <c r="AZ2185" s="119"/>
      <c r="BA2185" s="119"/>
      <c r="BB2185" s="107">
        <v>45884</v>
      </c>
    </row>
    <row r="2186" spans="1:54" s="207" customFormat="1" ht="13.95" customHeight="1" x14ac:dyDescent="0.25">
      <c r="A2186" s="208" t="s">
        <v>5222</v>
      </c>
      <c r="B2186" s="209" t="s">
        <v>20420</v>
      </c>
      <c r="C2186" s="113" t="s">
        <v>24461</v>
      </c>
      <c r="D2186" s="113" t="s">
        <v>23765</v>
      </c>
      <c r="E2186" s="210">
        <v>1975</v>
      </c>
      <c r="F2186" s="210">
        <v>4342</v>
      </c>
      <c r="G2186" s="113" t="s">
        <v>1</v>
      </c>
      <c r="H2186" s="113">
        <v>0</v>
      </c>
      <c r="I2186" s="113">
        <v>0</v>
      </c>
      <c r="J2186" s="115">
        <v>1</v>
      </c>
      <c r="K2186" s="116" t="s">
        <v>174</v>
      </c>
      <c r="L2186" s="115">
        <v>1</v>
      </c>
      <c r="M2186" s="115">
        <v>1</v>
      </c>
      <c r="N2186" s="115">
        <v>1</v>
      </c>
      <c r="O2186" s="115">
        <v>1</v>
      </c>
      <c r="P2186" s="115" t="s">
        <v>400</v>
      </c>
      <c r="Q2186" s="115" t="s">
        <v>400</v>
      </c>
      <c r="R2186" s="115">
        <v>1</v>
      </c>
      <c r="S2186" s="115">
        <v>0</v>
      </c>
      <c r="T2186" s="115">
        <v>0</v>
      </c>
      <c r="U2186" s="119"/>
      <c r="V2186" s="119"/>
      <c r="W2186" s="119"/>
      <c r="X2186" s="119"/>
      <c r="Y2186" s="119"/>
      <c r="Z2186" s="119"/>
      <c r="AA2186" s="119"/>
      <c r="AB2186" s="119"/>
      <c r="AC2186" s="119"/>
      <c r="AD2186" s="119"/>
      <c r="AE2186" s="119"/>
      <c r="AF2186" s="119"/>
      <c r="AG2186" s="119"/>
      <c r="AH2186" s="119"/>
      <c r="AI2186" s="119"/>
      <c r="AJ2186" s="119"/>
      <c r="AK2186" s="119"/>
      <c r="AL2186" s="119"/>
      <c r="AM2186" s="119"/>
      <c r="AN2186" s="119"/>
      <c r="AO2186" s="119"/>
      <c r="AP2186" s="119"/>
      <c r="AQ2186" s="119"/>
      <c r="AR2186" s="119"/>
      <c r="AS2186" s="119"/>
      <c r="AT2186" s="119"/>
      <c r="AU2186" s="119"/>
      <c r="AV2186" s="119"/>
      <c r="AW2186" s="119"/>
      <c r="AX2186" s="119"/>
      <c r="AY2186" s="119"/>
      <c r="AZ2186" s="119"/>
      <c r="BA2186" s="119"/>
      <c r="BB2186" s="107">
        <v>45884</v>
      </c>
    </row>
    <row r="2187" spans="1:54" s="207" customFormat="1" ht="13.95" customHeight="1" x14ac:dyDescent="0.25">
      <c r="A2187" s="208" t="s">
        <v>5223</v>
      </c>
      <c r="B2187" s="209" t="s">
        <v>20420</v>
      </c>
      <c r="C2187" s="113" t="s">
        <v>5224</v>
      </c>
      <c r="D2187" s="113" t="s">
        <v>5225</v>
      </c>
      <c r="E2187" s="210">
        <v>2013</v>
      </c>
      <c r="F2187" s="210">
        <v>4356</v>
      </c>
      <c r="G2187" s="113" t="s">
        <v>1</v>
      </c>
      <c r="H2187" s="113">
        <v>0</v>
      </c>
      <c r="I2187" s="113">
        <v>0</v>
      </c>
      <c r="J2187" s="115">
        <v>1</v>
      </c>
      <c r="K2187" s="116" t="s">
        <v>174</v>
      </c>
      <c r="L2187" s="115">
        <v>0</v>
      </c>
      <c r="M2187" s="115">
        <v>0</v>
      </c>
      <c r="N2187" s="115">
        <v>0</v>
      </c>
      <c r="O2187" s="115">
        <v>0</v>
      </c>
      <c r="P2187" s="115" t="s">
        <v>400</v>
      </c>
      <c r="Q2187" s="115" t="s">
        <v>400</v>
      </c>
      <c r="R2187" s="115">
        <v>0</v>
      </c>
      <c r="S2187" s="115">
        <v>0</v>
      </c>
      <c r="T2187" s="115">
        <v>0</v>
      </c>
      <c r="U2187" s="119"/>
      <c r="V2187" s="119"/>
      <c r="W2187" s="119"/>
      <c r="X2187" s="119"/>
      <c r="Y2187" s="119"/>
      <c r="Z2187" s="119"/>
      <c r="AA2187" s="119"/>
      <c r="AB2187" s="119"/>
      <c r="AC2187" s="119"/>
      <c r="AD2187" s="119"/>
      <c r="AE2187" s="119"/>
      <c r="AF2187" s="119"/>
      <c r="AG2187" s="119"/>
      <c r="AH2187" s="119"/>
      <c r="AI2187" s="119"/>
      <c r="AJ2187" s="119"/>
      <c r="AK2187" s="119"/>
      <c r="AL2187" s="119"/>
      <c r="AM2187" s="119"/>
      <c r="AN2187" s="119"/>
      <c r="AO2187" s="119"/>
      <c r="AP2187" s="119"/>
      <c r="AQ2187" s="119"/>
      <c r="AR2187" s="119"/>
      <c r="AS2187" s="119"/>
      <c r="AT2187" s="119"/>
      <c r="AU2187" s="119"/>
      <c r="AV2187" s="119"/>
      <c r="AW2187" s="119"/>
      <c r="AX2187" s="119"/>
      <c r="AY2187" s="119"/>
      <c r="AZ2187" s="119"/>
      <c r="BA2187" s="119"/>
      <c r="BB2187" s="107">
        <v>45884</v>
      </c>
    </row>
    <row r="2188" spans="1:54" s="207" customFormat="1" ht="13.95" customHeight="1" x14ac:dyDescent="0.25">
      <c r="A2188" s="208" t="s">
        <v>5226</v>
      </c>
      <c r="B2188" s="209" t="s">
        <v>20420</v>
      </c>
      <c r="C2188" s="113" t="s">
        <v>5227</v>
      </c>
      <c r="D2188" s="113" t="s">
        <v>23766</v>
      </c>
      <c r="E2188" s="210">
        <v>2003</v>
      </c>
      <c r="F2188" s="210">
        <v>4357</v>
      </c>
      <c r="G2188" s="113" t="s">
        <v>1</v>
      </c>
      <c r="H2188" s="113">
        <v>1</v>
      </c>
      <c r="I2188" s="113">
        <v>1</v>
      </c>
      <c r="J2188" s="115">
        <v>1</v>
      </c>
      <c r="K2188" s="211">
        <v>1</v>
      </c>
      <c r="L2188" s="115">
        <v>0</v>
      </c>
      <c r="M2188" s="115">
        <v>0</v>
      </c>
      <c r="N2188" s="115">
        <v>1</v>
      </c>
      <c r="O2188" s="115">
        <v>0</v>
      </c>
      <c r="P2188" s="115" t="s">
        <v>400</v>
      </c>
      <c r="Q2188" s="115" t="s">
        <v>400</v>
      </c>
      <c r="R2188" s="115">
        <v>1</v>
      </c>
      <c r="S2188" s="115">
        <v>0</v>
      </c>
      <c r="T2188" s="115">
        <v>0</v>
      </c>
      <c r="U2188" s="119"/>
      <c r="V2188" s="119"/>
      <c r="W2188" s="119"/>
      <c r="X2188" s="119"/>
      <c r="Y2188" s="119"/>
      <c r="Z2188" s="119"/>
      <c r="AA2188" s="119"/>
      <c r="AB2188" s="119"/>
      <c r="AC2188" s="119"/>
      <c r="AD2188" s="119"/>
      <c r="AE2188" s="119"/>
      <c r="AF2188" s="119"/>
      <c r="AG2188" s="119"/>
      <c r="AH2188" s="119"/>
      <c r="AI2188" s="119"/>
      <c r="AJ2188" s="119"/>
      <c r="AK2188" s="119"/>
      <c r="AL2188" s="119"/>
      <c r="AM2188" s="119"/>
      <c r="AN2188" s="119"/>
      <c r="AO2188" s="119"/>
      <c r="AP2188" s="119"/>
      <c r="AQ2188" s="119"/>
      <c r="AR2188" s="119"/>
      <c r="AS2188" s="119"/>
      <c r="AT2188" s="119"/>
      <c r="AU2188" s="119"/>
      <c r="AV2188" s="119"/>
      <c r="AW2188" s="119"/>
      <c r="AX2188" s="119"/>
      <c r="AY2188" s="119"/>
      <c r="AZ2188" s="119"/>
      <c r="BA2188" s="119"/>
      <c r="BB2188" s="107">
        <v>45884</v>
      </c>
    </row>
    <row r="2189" spans="1:54" s="207" customFormat="1" ht="13.95" customHeight="1" x14ac:dyDescent="0.25">
      <c r="A2189" s="208" t="s">
        <v>5228</v>
      </c>
      <c r="B2189" s="209" t="s">
        <v>20420</v>
      </c>
      <c r="C2189" s="113" t="s">
        <v>5229</v>
      </c>
      <c r="D2189" s="113" t="s">
        <v>23767</v>
      </c>
      <c r="E2189" s="210">
        <v>1970</v>
      </c>
      <c r="F2189" s="210">
        <v>4378</v>
      </c>
      <c r="G2189" s="113" t="s">
        <v>1</v>
      </c>
      <c r="H2189" s="113">
        <v>0</v>
      </c>
      <c r="I2189" s="113">
        <v>0</v>
      </c>
      <c r="J2189" s="115">
        <v>1</v>
      </c>
      <c r="K2189" s="211">
        <v>1</v>
      </c>
      <c r="L2189" s="115">
        <v>1</v>
      </c>
      <c r="M2189" s="115">
        <v>1</v>
      </c>
      <c r="N2189" s="115">
        <v>1</v>
      </c>
      <c r="O2189" s="115">
        <v>1</v>
      </c>
      <c r="P2189" s="115" t="s">
        <v>400</v>
      </c>
      <c r="Q2189" s="115" t="s">
        <v>400</v>
      </c>
      <c r="R2189" s="115">
        <v>1</v>
      </c>
      <c r="S2189" s="115">
        <v>0</v>
      </c>
      <c r="T2189" s="115">
        <v>0</v>
      </c>
      <c r="U2189" s="119"/>
      <c r="V2189" s="119"/>
      <c r="W2189" s="119"/>
      <c r="X2189" s="119"/>
      <c r="Y2189" s="119"/>
      <c r="Z2189" s="119"/>
      <c r="AA2189" s="119"/>
      <c r="AB2189" s="119"/>
      <c r="AC2189" s="119"/>
      <c r="AD2189" s="119"/>
      <c r="AE2189" s="119"/>
      <c r="AF2189" s="119"/>
      <c r="AG2189" s="119"/>
      <c r="AH2189" s="119"/>
      <c r="AI2189" s="119"/>
      <c r="AJ2189" s="119"/>
      <c r="AK2189" s="119"/>
      <c r="AL2189" s="119"/>
      <c r="AM2189" s="119"/>
      <c r="AN2189" s="119"/>
      <c r="AO2189" s="119"/>
      <c r="AP2189" s="119"/>
      <c r="AQ2189" s="119"/>
      <c r="AR2189" s="119"/>
      <c r="AS2189" s="119"/>
      <c r="AT2189" s="119"/>
      <c r="AU2189" s="119"/>
      <c r="AV2189" s="119"/>
      <c r="AW2189" s="119"/>
      <c r="AX2189" s="119"/>
      <c r="AY2189" s="119"/>
      <c r="AZ2189" s="119"/>
      <c r="BA2189" s="119"/>
      <c r="BB2189" s="107">
        <v>45884</v>
      </c>
    </row>
    <row r="2190" spans="1:54" s="207" customFormat="1" ht="13.95" customHeight="1" x14ac:dyDescent="0.25">
      <c r="A2190" s="208" t="s">
        <v>5230</v>
      </c>
      <c r="B2190" s="209" t="s">
        <v>20420</v>
      </c>
      <c r="C2190" s="113" t="s">
        <v>5231</v>
      </c>
      <c r="D2190" s="113" t="s">
        <v>23768</v>
      </c>
      <c r="E2190" s="210">
        <v>1975</v>
      </c>
      <c r="F2190" s="210">
        <v>4398</v>
      </c>
      <c r="G2190" s="113" t="s">
        <v>1</v>
      </c>
      <c r="H2190" s="113">
        <v>0</v>
      </c>
      <c r="I2190" s="113">
        <v>0</v>
      </c>
      <c r="J2190" s="115">
        <v>1</v>
      </c>
      <c r="K2190" s="116" t="s">
        <v>174</v>
      </c>
      <c r="L2190" s="115">
        <v>1</v>
      </c>
      <c r="M2190" s="115">
        <v>1</v>
      </c>
      <c r="N2190" s="115">
        <v>1</v>
      </c>
      <c r="O2190" s="115">
        <v>1</v>
      </c>
      <c r="P2190" s="115">
        <v>1</v>
      </c>
      <c r="Q2190" s="115" t="s">
        <v>400</v>
      </c>
      <c r="R2190" s="115">
        <v>1</v>
      </c>
      <c r="S2190" s="115">
        <v>0</v>
      </c>
      <c r="T2190" s="115">
        <v>0</v>
      </c>
      <c r="U2190" s="119"/>
      <c r="V2190" s="119"/>
      <c r="W2190" s="119"/>
      <c r="X2190" s="119"/>
      <c r="Y2190" s="119"/>
      <c r="Z2190" s="119"/>
      <c r="AA2190" s="119"/>
      <c r="AB2190" s="119"/>
      <c r="AC2190" s="119"/>
      <c r="AD2190" s="119"/>
      <c r="AE2190" s="119"/>
      <c r="AF2190" s="119"/>
      <c r="AG2190" s="119"/>
      <c r="AH2190" s="119"/>
      <c r="AI2190" s="119"/>
      <c r="AJ2190" s="119"/>
      <c r="AK2190" s="119"/>
      <c r="AL2190" s="119"/>
      <c r="AM2190" s="119"/>
      <c r="AN2190" s="119"/>
      <c r="AO2190" s="119"/>
      <c r="AP2190" s="119"/>
      <c r="AQ2190" s="119"/>
      <c r="AR2190" s="119"/>
      <c r="AS2190" s="119"/>
      <c r="AT2190" s="119"/>
      <c r="AU2190" s="119"/>
      <c r="AV2190" s="119"/>
      <c r="AW2190" s="119"/>
      <c r="AX2190" s="119"/>
      <c r="AY2190" s="119"/>
      <c r="AZ2190" s="119"/>
      <c r="BA2190" s="119"/>
      <c r="BB2190" s="107">
        <v>45884</v>
      </c>
    </row>
    <row r="2191" spans="1:54" s="207" customFormat="1" ht="13.95" customHeight="1" x14ac:dyDescent="0.25">
      <c r="A2191" s="208" t="s">
        <v>5232</v>
      </c>
      <c r="B2191" s="209" t="s">
        <v>20420</v>
      </c>
      <c r="C2191" s="113" t="s">
        <v>5233</v>
      </c>
      <c r="D2191" s="113" t="s">
        <v>5234</v>
      </c>
      <c r="E2191" s="210">
        <v>2003</v>
      </c>
      <c r="F2191" s="210">
        <v>4417</v>
      </c>
      <c r="G2191" s="113" t="s">
        <v>1</v>
      </c>
      <c r="H2191" s="113">
        <v>0</v>
      </c>
      <c r="I2191" s="113">
        <v>0</v>
      </c>
      <c r="J2191" s="115">
        <v>1</v>
      </c>
      <c r="K2191" s="116" t="s">
        <v>174</v>
      </c>
      <c r="L2191" s="115">
        <v>1</v>
      </c>
      <c r="M2191" s="115">
        <v>1</v>
      </c>
      <c r="N2191" s="115">
        <v>0</v>
      </c>
      <c r="O2191" s="115">
        <v>0</v>
      </c>
      <c r="P2191" s="115" t="s">
        <v>400</v>
      </c>
      <c r="Q2191" s="115" t="s">
        <v>400</v>
      </c>
      <c r="R2191" s="115">
        <v>1</v>
      </c>
      <c r="S2191" s="115">
        <v>0</v>
      </c>
      <c r="T2191" s="115">
        <v>0</v>
      </c>
      <c r="U2191" s="119"/>
      <c r="V2191" s="119"/>
      <c r="W2191" s="119"/>
      <c r="X2191" s="119"/>
      <c r="Y2191" s="119"/>
      <c r="Z2191" s="119"/>
      <c r="AA2191" s="119"/>
      <c r="AB2191" s="119"/>
      <c r="AC2191" s="119"/>
      <c r="AD2191" s="119"/>
      <c r="AE2191" s="119"/>
      <c r="AF2191" s="119"/>
      <c r="AG2191" s="119"/>
      <c r="AH2191" s="119"/>
      <c r="AI2191" s="119"/>
      <c r="AJ2191" s="119"/>
      <c r="AK2191" s="119"/>
      <c r="AL2191" s="119"/>
      <c r="AM2191" s="119"/>
      <c r="AN2191" s="119"/>
      <c r="AO2191" s="119"/>
      <c r="AP2191" s="119"/>
      <c r="AQ2191" s="119"/>
      <c r="AR2191" s="119"/>
      <c r="AS2191" s="119"/>
      <c r="AT2191" s="119"/>
      <c r="AU2191" s="119"/>
      <c r="AV2191" s="119"/>
      <c r="AW2191" s="119"/>
      <c r="AX2191" s="119"/>
      <c r="AY2191" s="119"/>
      <c r="AZ2191" s="119"/>
      <c r="BA2191" s="119"/>
      <c r="BB2191" s="107">
        <v>45884</v>
      </c>
    </row>
    <row r="2192" spans="1:54" s="207" customFormat="1" ht="13.95" customHeight="1" x14ac:dyDescent="0.25">
      <c r="A2192" s="208" t="s">
        <v>5235</v>
      </c>
      <c r="B2192" s="209" t="s">
        <v>20420</v>
      </c>
      <c r="C2192" s="113" t="s">
        <v>5236</v>
      </c>
      <c r="D2192" s="113" t="s">
        <v>5237</v>
      </c>
      <c r="E2192" s="210">
        <v>1972</v>
      </c>
      <c r="F2192" s="210">
        <v>4436</v>
      </c>
      <c r="G2192" s="113" t="s">
        <v>1</v>
      </c>
      <c r="H2192" s="113">
        <v>1</v>
      </c>
      <c r="I2192" s="113">
        <v>0</v>
      </c>
      <c r="J2192" s="115">
        <v>1</v>
      </c>
      <c r="K2192" s="211">
        <v>1</v>
      </c>
      <c r="L2192" s="115">
        <v>1</v>
      </c>
      <c r="M2192" s="115">
        <v>1</v>
      </c>
      <c r="N2192" s="115">
        <v>0</v>
      </c>
      <c r="O2192" s="115">
        <v>1</v>
      </c>
      <c r="P2192" s="115" t="s">
        <v>400</v>
      </c>
      <c r="Q2192" s="115" t="s">
        <v>400</v>
      </c>
      <c r="R2192" s="115">
        <v>0</v>
      </c>
      <c r="S2192" s="115">
        <v>0</v>
      </c>
      <c r="T2192" s="115">
        <v>0</v>
      </c>
      <c r="U2192" s="119"/>
      <c r="V2192" s="119"/>
      <c r="W2192" s="119"/>
      <c r="X2192" s="119"/>
      <c r="Y2192" s="119"/>
      <c r="Z2192" s="119"/>
      <c r="AA2192" s="119"/>
      <c r="AB2192" s="119"/>
      <c r="AC2192" s="119"/>
      <c r="AD2192" s="119"/>
      <c r="AE2192" s="119"/>
      <c r="AF2192" s="119"/>
      <c r="AG2192" s="119"/>
      <c r="AH2192" s="119"/>
      <c r="AI2192" s="119"/>
      <c r="AJ2192" s="119"/>
      <c r="AK2192" s="119"/>
      <c r="AL2192" s="119"/>
      <c r="AM2192" s="119"/>
      <c r="AN2192" s="119"/>
      <c r="AO2192" s="119"/>
      <c r="AP2192" s="119"/>
      <c r="AQ2192" s="119"/>
      <c r="AR2192" s="119"/>
      <c r="AS2192" s="119"/>
      <c r="AT2192" s="119"/>
      <c r="AU2192" s="119"/>
      <c r="AV2192" s="119"/>
      <c r="AW2192" s="119"/>
      <c r="AX2192" s="119"/>
      <c r="AY2192" s="119"/>
      <c r="AZ2192" s="119"/>
      <c r="BA2192" s="119"/>
      <c r="BB2192" s="107">
        <v>45884</v>
      </c>
    </row>
    <row r="2193" spans="1:54" s="207" customFormat="1" ht="13.95" customHeight="1" x14ac:dyDescent="0.25">
      <c r="A2193" s="208" t="s">
        <v>5238</v>
      </c>
      <c r="B2193" s="209" t="s">
        <v>20420</v>
      </c>
      <c r="C2193" s="113" t="s">
        <v>5239</v>
      </c>
      <c r="D2193" s="113" t="s">
        <v>5240</v>
      </c>
      <c r="E2193" s="210">
        <v>1996</v>
      </c>
      <c r="F2193" s="210">
        <v>4446</v>
      </c>
      <c r="G2193" s="113" t="s">
        <v>1</v>
      </c>
      <c r="H2193" s="113">
        <v>0</v>
      </c>
      <c r="I2193" s="113">
        <v>0</v>
      </c>
      <c r="J2193" s="115">
        <v>1</v>
      </c>
      <c r="K2193" s="116" t="s">
        <v>174</v>
      </c>
      <c r="L2193" s="115">
        <v>1</v>
      </c>
      <c r="M2193" s="115">
        <v>0</v>
      </c>
      <c r="N2193" s="115">
        <v>0</v>
      </c>
      <c r="O2193" s="115">
        <v>1</v>
      </c>
      <c r="P2193" s="115">
        <v>1</v>
      </c>
      <c r="Q2193" s="115" t="s">
        <v>400</v>
      </c>
      <c r="R2193" s="115">
        <v>0</v>
      </c>
      <c r="S2193" s="115">
        <v>0</v>
      </c>
      <c r="T2193" s="115">
        <v>0</v>
      </c>
      <c r="U2193" s="119"/>
      <c r="V2193" s="119"/>
      <c r="W2193" s="119"/>
      <c r="X2193" s="119"/>
      <c r="Y2193" s="119"/>
      <c r="Z2193" s="119"/>
      <c r="AA2193" s="119"/>
      <c r="AB2193" s="119"/>
      <c r="AC2193" s="119"/>
      <c r="AD2193" s="119"/>
      <c r="AE2193" s="119"/>
      <c r="AF2193" s="119"/>
      <c r="AG2193" s="119"/>
      <c r="AH2193" s="119"/>
      <c r="AI2193" s="119"/>
      <c r="AJ2193" s="119"/>
      <c r="AK2193" s="119"/>
      <c r="AL2193" s="119"/>
      <c r="AM2193" s="119"/>
      <c r="AN2193" s="119"/>
      <c r="AO2193" s="119"/>
      <c r="AP2193" s="119"/>
      <c r="AQ2193" s="119"/>
      <c r="AR2193" s="119"/>
      <c r="AS2193" s="119"/>
      <c r="AT2193" s="119"/>
      <c r="AU2193" s="119"/>
      <c r="AV2193" s="119"/>
      <c r="AW2193" s="119"/>
      <c r="AX2193" s="119"/>
      <c r="AY2193" s="119"/>
      <c r="AZ2193" s="119"/>
      <c r="BA2193" s="119"/>
      <c r="BB2193" s="107">
        <v>45884</v>
      </c>
    </row>
    <row r="2194" spans="1:54" s="207" customFormat="1" ht="13.95" customHeight="1" x14ac:dyDescent="0.25">
      <c r="A2194" s="208" t="s">
        <v>5241</v>
      </c>
      <c r="B2194" s="209" t="s">
        <v>20420</v>
      </c>
      <c r="C2194" s="113" t="s">
        <v>21932</v>
      </c>
      <c r="D2194" s="113" t="s">
        <v>5242</v>
      </c>
      <c r="E2194" s="210">
        <v>2014</v>
      </c>
      <c r="F2194" s="210">
        <v>4448</v>
      </c>
      <c r="G2194" s="113" t="s">
        <v>1</v>
      </c>
      <c r="H2194" s="113">
        <v>1</v>
      </c>
      <c r="I2194" s="113">
        <v>1</v>
      </c>
      <c r="J2194" s="115">
        <v>1</v>
      </c>
      <c r="K2194" s="116" t="s">
        <v>174</v>
      </c>
      <c r="L2194" s="115">
        <v>0</v>
      </c>
      <c r="M2194" s="115">
        <v>1</v>
      </c>
      <c r="N2194" s="115">
        <v>1</v>
      </c>
      <c r="O2194" s="115">
        <v>0</v>
      </c>
      <c r="P2194" s="115" t="s">
        <v>400</v>
      </c>
      <c r="Q2194" s="115">
        <v>1</v>
      </c>
      <c r="R2194" s="115">
        <v>0</v>
      </c>
      <c r="S2194" s="115">
        <v>0</v>
      </c>
      <c r="T2194" s="115">
        <v>0</v>
      </c>
      <c r="U2194" s="119"/>
      <c r="V2194" s="119"/>
      <c r="W2194" s="119"/>
      <c r="X2194" s="119"/>
      <c r="Y2194" s="119"/>
      <c r="Z2194" s="119"/>
      <c r="AA2194" s="119"/>
      <c r="AB2194" s="119"/>
      <c r="AC2194" s="119"/>
      <c r="AD2194" s="119"/>
      <c r="AE2194" s="119"/>
      <c r="AF2194" s="119"/>
      <c r="AG2194" s="119"/>
      <c r="AH2194" s="119"/>
      <c r="AI2194" s="119"/>
      <c r="AJ2194" s="119"/>
      <c r="AK2194" s="119"/>
      <c r="AL2194" s="119"/>
      <c r="AM2194" s="119"/>
      <c r="AN2194" s="119"/>
      <c r="AO2194" s="119"/>
      <c r="AP2194" s="119"/>
      <c r="AQ2194" s="119"/>
      <c r="AR2194" s="119"/>
      <c r="AS2194" s="119"/>
      <c r="AT2194" s="119"/>
      <c r="AU2194" s="119"/>
      <c r="AV2194" s="119"/>
      <c r="AW2194" s="119"/>
      <c r="AX2194" s="119"/>
      <c r="AY2194" s="119"/>
      <c r="AZ2194" s="119"/>
      <c r="BA2194" s="119"/>
      <c r="BB2194" s="107">
        <v>45884</v>
      </c>
    </row>
    <row r="2195" spans="1:54" s="207" customFormat="1" ht="13.95" customHeight="1" x14ac:dyDescent="0.25">
      <c r="A2195" s="208" t="s">
        <v>5243</v>
      </c>
      <c r="B2195" s="209" t="s">
        <v>20420</v>
      </c>
      <c r="C2195" s="113" t="s">
        <v>5244</v>
      </c>
      <c r="D2195" s="113" t="s">
        <v>5245</v>
      </c>
      <c r="E2195" s="210">
        <v>1984</v>
      </c>
      <c r="F2195" s="210">
        <v>4472</v>
      </c>
      <c r="G2195" s="113" t="s">
        <v>1</v>
      </c>
      <c r="H2195" s="113">
        <v>0</v>
      </c>
      <c r="I2195" s="113">
        <v>0</v>
      </c>
      <c r="J2195" s="115">
        <v>1</v>
      </c>
      <c r="K2195" s="116" t="s">
        <v>174</v>
      </c>
      <c r="L2195" s="115">
        <v>0</v>
      </c>
      <c r="M2195" s="115">
        <v>0</v>
      </c>
      <c r="N2195" s="115">
        <v>0</v>
      </c>
      <c r="O2195" s="115">
        <v>0</v>
      </c>
      <c r="P2195" s="115" t="s">
        <v>400</v>
      </c>
      <c r="Q2195" s="115" t="s">
        <v>400</v>
      </c>
      <c r="R2195" s="115">
        <v>0</v>
      </c>
      <c r="S2195" s="115">
        <v>0</v>
      </c>
      <c r="T2195" s="115">
        <v>0</v>
      </c>
      <c r="U2195" s="119"/>
      <c r="V2195" s="119"/>
      <c r="W2195" s="119"/>
      <c r="X2195" s="119"/>
      <c r="Y2195" s="119"/>
      <c r="Z2195" s="119"/>
      <c r="AA2195" s="119"/>
      <c r="AB2195" s="119"/>
      <c r="AC2195" s="119"/>
      <c r="AD2195" s="119"/>
      <c r="AE2195" s="119"/>
      <c r="AF2195" s="119"/>
      <c r="AG2195" s="119"/>
      <c r="AH2195" s="119"/>
      <c r="AI2195" s="119"/>
      <c r="AJ2195" s="119"/>
      <c r="AK2195" s="119"/>
      <c r="AL2195" s="119"/>
      <c r="AM2195" s="119"/>
      <c r="AN2195" s="119"/>
      <c r="AO2195" s="119"/>
      <c r="AP2195" s="119"/>
      <c r="AQ2195" s="119"/>
      <c r="AR2195" s="119"/>
      <c r="AS2195" s="119"/>
      <c r="AT2195" s="119"/>
      <c r="AU2195" s="119"/>
      <c r="AV2195" s="119"/>
      <c r="AW2195" s="119"/>
      <c r="AX2195" s="119"/>
      <c r="AY2195" s="119"/>
      <c r="AZ2195" s="119"/>
      <c r="BA2195" s="119"/>
      <c r="BB2195" s="107">
        <v>45884</v>
      </c>
    </row>
    <row r="2196" spans="1:54" s="207" customFormat="1" ht="13.95" customHeight="1" x14ac:dyDescent="0.25">
      <c r="A2196" s="208" t="s">
        <v>5246</v>
      </c>
      <c r="B2196" s="209" t="s">
        <v>20420</v>
      </c>
      <c r="C2196" s="113" t="s">
        <v>5247</v>
      </c>
      <c r="D2196" s="113" t="s">
        <v>5248</v>
      </c>
      <c r="E2196" s="210">
        <v>1993</v>
      </c>
      <c r="F2196" s="210">
        <v>4472</v>
      </c>
      <c r="G2196" s="113" t="s">
        <v>8</v>
      </c>
      <c r="H2196" s="113">
        <v>0</v>
      </c>
      <c r="I2196" s="113">
        <v>0</v>
      </c>
      <c r="J2196" s="115">
        <v>0</v>
      </c>
      <c r="K2196" s="116" t="s">
        <v>174</v>
      </c>
      <c r="L2196" s="115">
        <v>0</v>
      </c>
      <c r="M2196" s="115">
        <v>0</v>
      </c>
      <c r="N2196" s="115">
        <v>0</v>
      </c>
      <c r="O2196" s="115">
        <v>0</v>
      </c>
      <c r="P2196" s="115" t="s">
        <v>400</v>
      </c>
      <c r="Q2196" s="115" t="s">
        <v>400</v>
      </c>
      <c r="R2196" s="115">
        <v>0</v>
      </c>
      <c r="S2196" s="115">
        <v>0</v>
      </c>
      <c r="T2196" s="115">
        <v>0</v>
      </c>
      <c r="U2196" s="113" t="s">
        <v>174</v>
      </c>
      <c r="V2196" s="113" t="s">
        <v>174</v>
      </c>
      <c r="W2196" s="113" t="s">
        <v>174</v>
      </c>
      <c r="X2196" s="113" t="s">
        <v>174</v>
      </c>
      <c r="Y2196" s="113" t="s">
        <v>174</v>
      </c>
      <c r="Z2196" s="113" t="s">
        <v>174</v>
      </c>
      <c r="AA2196" s="113" t="s">
        <v>174</v>
      </c>
      <c r="AB2196" s="113" t="s">
        <v>174</v>
      </c>
      <c r="AC2196" s="113" t="s">
        <v>174</v>
      </c>
      <c r="AD2196" s="113" t="s">
        <v>174</v>
      </c>
      <c r="AE2196" s="113" t="s">
        <v>174</v>
      </c>
      <c r="AF2196" s="113" t="s">
        <v>174</v>
      </c>
      <c r="AG2196" s="113" t="s">
        <v>174</v>
      </c>
      <c r="AH2196" s="113" t="s">
        <v>174</v>
      </c>
      <c r="AI2196" s="113" t="s">
        <v>174</v>
      </c>
      <c r="AJ2196" s="113" t="s">
        <v>174</v>
      </c>
      <c r="AK2196" s="113" t="s">
        <v>174</v>
      </c>
      <c r="AL2196" s="113" t="s">
        <v>174</v>
      </c>
      <c r="AM2196" s="113" t="s">
        <v>174</v>
      </c>
      <c r="AN2196" s="113" t="s">
        <v>174</v>
      </c>
      <c r="AO2196" s="113" t="s">
        <v>174</v>
      </c>
      <c r="AP2196" s="113" t="s">
        <v>174</v>
      </c>
      <c r="AQ2196" s="113" t="s">
        <v>174</v>
      </c>
      <c r="AR2196" s="113" t="s">
        <v>174</v>
      </c>
      <c r="AS2196" s="113" t="s">
        <v>174</v>
      </c>
      <c r="AT2196" s="121" t="s">
        <v>174</v>
      </c>
      <c r="AU2196" s="113" t="s">
        <v>174</v>
      </c>
      <c r="AV2196" s="113" t="s">
        <v>174</v>
      </c>
      <c r="AW2196" s="113" t="s">
        <v>174</v>
      </c>
      <c r="AX2196" s="113"/>
      <c r="AY2196" s="113"/>
      <c r="AZ2196" s="113"/>
      <c r="BA2196" s="113"/>
      <c r="BB2196" s="107">
        <v>45884</v>
      </c>
    </row>
    <row r="2197" spans="1:54" s="207" customFormat="1" ht="13.95" customHeight="1" x14ac:dyDescent="0.25">
      <c r="A2197" s="208" t="s">
        <v>5249</v>
      </c>
      <c r="B2197" s="209" t="s">
        <v>20420</v>
      </c>
      <c r="C2197" s="113" t="s">
        <v>5250</v>
      </c>
      <c r="D2197" s="113" t="s">
        <v>5251</v>
      </c>
      <c r="E2197" s="210">
        <v>1990</v>
      </c>
      <c r="F2197" s="210">
        <v>4476</v>
      </c>
      <c r="G2197" s="113" t="s">
        <v>1</v>
      </c>
      <c r="H2197" s="113">
        <v>0</v>
      </c>
      <c r="I2197" s="113">
        <v>0</v>
      </c>
      <c r="J2197" s="115">
        <v>1</v>
      </c>
      <c r="K2197" s="116" t="s">
        <v>174</v>
      </c>
      <c r="L2197" s="115">
        <v>1</v>
      </c>
      <c r="M2197" s="115">
        <v>0</v>
      </c>
      <c r="N2197" s="115">
        <v>0</v>
      </c>
      <c r="O2197" s="115">
        <v>1</v>
      </c>
      <c r="P2197" s="115">
        <v>1</v>
      </c>
      <c r="Q2197" s="115" t="s">
        <v>400</v>
      </c>
      <c r="R2197" s="115">
        <v>1</v>
      </c>
      <c r="S2197" s="115">
        <v>0</v>
      </c>
      <c r="T2197" s="115">
        <v>0</v>
      </c>
      <c r="U2197" s="119"/>
      <c r="V2197" s="119"/>
      <c r="W2197" s="119"/>
      <c r="X2197" s="119"/>
      <c r="Y2197" s="119"/>
      <c r="Z2197" s="119"/>
      <c r="AA2197" s="119"/>
      <c r="AB2197" s="119"/>
      <c r="AC2197" s="119"/>
      <c r="AD2197" s="119"/>
      <c r="AE2197" s="119"/>
      <c r="AF2197" s="119"/>
      <c r="AG2197" s="119"/>
      <c r="AH2197" s="119"/>
      <c r="AI2197" s="119"/>
      <c r="AJ2197" s="119"/>
      <c r="AK2197" s="119"/>
      <c r="AL2197" s="119"/>
      <c r="AM2197" s="119"/>
      <c r="AN2197" s="119"/>
      <c r="AO2197" s="119"/>
      <c r="AP2197" s="119"/>
      <c r="AQ2197" s="119"/>
      <c r="AR2197" s="119"/>
      <c r="AS2197" s="119"/>
      <c r="AT2197" s="119"/>
      <c r="AU2197" s="119"/>
      <c r="AV2197" s="119"/>
      <c r="AW2197" s="119"/>
      <c r="AX2197" s="119"/>
      <c r="AY2197" s="119"/>
      <c r="AZ2197" s="119"/>
      <c r="BA2197" s="119"/>
      <c r="BB2197" s="107">
        <v>45884</v>
      </c>
    </row>
    <row r="2198" spans="1:54" s="207" customFormat="1" ht="13.95" customHeight="1" x14ac:dyDescent="0.25">
      <c r="A2198" s="208" t="s">
        <v>5252</v>
      </c>
      <c r="B2198" s="209" t="s">
        <v>20420</v>
      </c>
      <c r="C2198" s="113" t="s">
        <v>5253</v>
      </c>
      <c r="D2198" s="113" t="s">
        <v>5254</v>
      </c>
      <c r="E2198" s="210">
        <v>1987</v>
      </c>
      <c r="F2198" s="210">
        <v>4480</v>
      </c>
      <c r="G2198" s="113" t="s">
        <v>1</v>
      </c>
      <c r="H2198" s="113">
        <v>0</v>
      </c>
      <c r="I2198" s="113">
        <v>0</v>
      </c>
      <c r="J2198" s="115">
        <v>1</v>
      </c>
      <c r="K2198" s="211">
        <v>1</v>
      </c>
      <c r="L2198" s="115">
        <v>1</v>
      </c>
      <c r="M2198" s="115">
        <v>1</v>
      </c>
      <c r="N2198" s="115">
        <v>0</v>
      </c>
      <c r="O2198" s="115">
        <v>1</v>
      </c>
      <c r="P2198" s="115" t="s">
        <v>400</v>
      </c>
      <c r="Q2198" s="115" t="s">
        <v>400</v>
      </c>
      <c r="R2198" s="115">
        <v>0</v>
      </c>
      <c r="S2198" s="115">
        <v>0</v>
      </c>
      <c r="T2198" s="115">
        <v>0</v>
      </c>
      <c r="U2198" s="119"/>
      <c r="V2198" s="119"/>
      <c r="W2198" s="119"/>
      <c r="X2198" s="119"/>
      <c r="Y2198" s="119"/>
      <c r="Z2198" s="119"/>
      <c r="AA2198" s="119"/>
      <c r="AB2198" s="119"/>
      <c r="AC2198" s="119"/>
      <c r="AD2198" s="119"/>
      <c r="AE2198" s="119"/>
      <c r="AF2198" s="119"/>
      <c r="AG2198" s="119"/>
      <c r="AH2198" s="119"/>
      <c r="AI2198" s="119"/>
      <c r="AJ2198" s="119"/>
      <c r="AK2198" s="119"/>
      <c r="AL2198" s="119"/>
      <c r="AM2198" s="119"/>
      <c r="AN2198" s="119"/>
      <c r="AO2198" s="119"/>
      <c r="AP2198" s="119"/>
      <c r="AQ2198" s="119"/>
      <c r="AR2198" s="119"/>
      <c r="AS2198" s="119"/>
      <c r="AT2198" s="119"/>
      <c r="AU2198" s="119"/>
      <c r="AV2198" s="119"/>
      <c r="AW2198" s="119"/>
      <c r="AX2198" s="119"/>
      <c r="AY2198" s="119"/>
      <c r="AZ2198" s="119"/>
      <c r="BA2198" s="119"/>
      <c r="BB2198" s="107">
        <v>45884</v>
      </c>
    </row>
    <row r="2199" spans="1:54" s="207" customFormat="1" ht="13.95" customHeight="1" x14ac:dyDescent="0.25">
      <c r="A2199" s="208" t="s">
        <v>5255</v>
      </c>
      <c r="B2199" s="209" t="s">
        <v>20420</v>
      </c>
      <c r="C2199" s="113" t="s">
        <v>5256</v>
      </c>
      <c r="D2199" s="113" t="s">
        <v>23769</v>
      </c>
      <c r="E2199" s="210">
        <v>1980</v>
      </c>
      <c r="F2199" s="210">
        <v>4484</v>
      </c>
      <c r="G2199" s="113" t="s">
        <v>1</v>
      </c>
      <c r="H2199" s="113">
        <v>0</v>
      </c>
      <c r="I2199" s="113">
        <v>0</v>
      </c>
      <c r="J2199" s="115">
        <v>1</v>
      </c>
      <c r="K2199" s="116" t="s">
        <v>174</v>
      </c>
      <c r="L2199" s="115">
        <v>0</v>
      </c>
      <c r="M2199" s="115">
        <v>0</v>
      </c>
      <c r="N2199" s="115">
        <v>0</v>
      </c>
      <c r="O2199" s="115">
        <v>0</v>
      </c>
      <c r="P2199" s="115" t="s">
        <v>400</v>
      </c>
      <c r="Q2199" s="115" t="s">
        <v>400</v>
      </c>
      <c r="R2199" s="115">
        <v>0</v>
      </c>
      <c r="S2199" s="115">
        <v>0</v>
      </c>
      <c r="T2199" s="115">
        <v>0</v>
      </c>
      <c r="U2199" s="119"/>
      <c r="V2199" s="119"/>
      <c r="W2199" s="119"/>
      <c r="X2199" s="119"/>
      <c r="Y2199" s="119"/>
      <c r="Z2199" s="119"/>
      <c r="AA2199" s="119"/>
      <c r="AB2199" s="119"/>
      <c r="AC2199" s="119"/>
      <c r="AD2199" s="119"/>
      <c r="AE2199" s="119"/>
      <c r="AF2199" s="119"/>
      <c r="AG2199" s="119"/>
      <c r="AH2199" s="119"/>
      <c r="AI2199" s="119"/>
      <c r="AJ2199" s="119"/>
      <c r="AK2199" s="119"/>
      <c r="AL2199" s="119"/>
      <c r="AM2199" s="119"/>
      <c r="AN2199" s="119"/>
      <c r="AO2199" s="119"/>
      <c r="AP2199" s="119"/>
      <c r="AQ2199" s="119"/>
      <c r="AR2199" s="119"/>
      <c r="AS2199" s="119"/>
      <c r="AT2199" s="119"/>
      <c r="AU2199" s="119"/>
      <c r="AV2199" s="119"/>
      <c r="AW2199" s="119"/>
      <c r="AX2199" s="119"/>
      <c r="AY2199" s="119"/>
      <c r="AZ2199" s="119"/>
      <c r="BA2199" s="119"/>
      <c r="BB2199" s="107">
        <v>45884</v>
      </c>
    </row>
    <row r="2200" spans="1:54" s="207" customFormat="1" ht="13.95" customHeight="1" x14ac:dyDescent="0.25">
      <c r="A2200" s="208" t="s">
        <v>5257</v>
      </c>
      <c r="B2200" s="209" t="s">
        <v>20420</v>
      </c>
      <c r="C2200" s="113" t="s">
        <v>5258</v>
      </c>
      <c r="D2200" s="113" t="s">
        <v>5259</v>
      </c>
      <c r="E2200" s="210">
        <v>1976</v>
      </c>
      <c r="F2200" s="210">
        <v>4497</v>
      </c>
      <c r="G2200" s="113" t="s">
        <v>1</v>
      </c>
      <c r="H2200" s="113">
        <v>0</v>
      </c>
      <c r="I2200" s="113">
        <v>0</v>
      </c>
      <c r="J2200" s="115">
        <v>1</v>
      </c>
      <c r="K2200" s="116" t="s">
        <v>174</v>
      </c>
      <c r="L2200" s="115">
        <v>1</v>
      </c>
      <c r="M2200" s="115">
        <v>1</v>
      </c>
      <c r="N2200" s="115">
        <v>1</v>
      </c>
      <c r="O2200" s="115">
        <v>1</v>
      </c>
      <c r="P2200" s="115" t="s">
        <v>400</v>
      </c>
      <c r="Q2200" s="115" t="s">
        <v>400</v>
      </c>
      <c r="R2200" s="115">
        <v>1</v>
      </c>
      <c r="S2200" s="115">
        <v>0</v>
      </c>
      <c r="T2200" s="115">
        <v>0</v>
      </c>
      <c r="U2200" s="119"/>
      <c r="V2200" s="119"/>
      <c r="W2200" s="119"/>
      <c r="X2200" s="119"/>
      <c r="Y2200" s="119"/>
      <c r="Z2200" s="119"/>
      <c r="AA2200" s="119"/>
      <c r="AB2200" s="119"/>
      <c r="AC2200" s="119"/>
      <c r="AD2200" s="119"/>
      <c r="AE2200" s="119"/>
      <c r="AF2200" s="119"/>
      <c r="AG2200" s="119"/>
      <c r="AH2200" s="119"/>
      <c r="AI2200" s="119"/>
      <c r="AJ2200" s="119"/>
      <c r="AK2200" s="119"/>
      <c r="AL2200" s="119"/>
      <c r="AM2200" s="119"/>
      <c r="AN2200" s="119"/>
      <c r="AO2200" s="119"/>
      <c r="AP2200" s="119"/>
      <c r="AQ2200" s="119"/>
      <c r="AR2200" s="119"/>
      <c r="AS2200" s="119"/>
      <c r="AT2200" s="119"/>
      <c r="AU2200" s="119"/>
      <c r="AV2200" s="119"/>
      <c r="AW2200" s="119"/>
      <c r="AX2200" s="119"/>
      <c r="AY2200" s="119"/>
      <c r="AZ2200" s="119"/>
      <c r="BA2200" s="119"/>
      <c r="BB2200" s="107">
        <v>45884</v>
      </c>
    </row>
    <row r="2201" spans="1:54" s="207" customFormat="1" ht="13.95" customHeight="1" x14ac:dyDescent="0.25">
      <c r="A2201" s="208" t="s">
        <v>5260</v>
      </c>
      <c r="B2201" s="209" t="s">
        <v>20420</v>
      </c>
      <c r="C2201" s="113" t="s">
        <v>5261</v>
      </c>
      <c r="D2201" s="113" t="s">
        <v>23770</v>
      </c>
      <c r="E2201" s="210">
        <v>1993</v>
      </c>
      <c r="F2201" s="210">
        <v>4500</v>
      </c>
      <c r="G2201" s="113" t="s">
        <v>1</v>
      </c>
      <c r="H2201" s="113">
        <v>1</v>
      </c>
      <c r="I2201" s="113">
        <v>0</v>
      </c>
      <c r="J2201" s="115">
        <v>1</v>
      </c>
      <c r="K2201" s="211">
        <v>1</v>
      </c>
      <c r="L2201" s="115">
        <v>1</v>
      </c>
      <c r="M2201" s="115">
        <v>1</v>
      </c>
      <c r="N2201" s="115">
        <v>1</v>
      </c>
      <c r="O2201" s="115">
        <v>1</v>
      </c>
      <c r="P2201" s="115" t="s">
        <v>400</v>
      </c>
      <c r="Q2201" s="115" t="s">
        <v>400</v>
      </c>
      <c r="R2201" s="115">
        <v>1</v>
      </c>
      <c r="S2201" s="115">
        <v>0</v>
      </c>
      <c r="T2201" s="115">
        <v>0</v>
      </c>
      <c r="U2201" s="119"/>
      <c r="V2201" s="119"/>
      <c r="W2201" s="119"/>
      <c r="X2201" s="119"/>
      <c r="Y2201" s="119"/>
      <c r="Z2201" s="119"/>
      <c r="AA2201" s="119"/>
      <c r="AB2201" s="119"/>
      <c r="AC2201" s="119"/>
      <c r="AD2201" s="119"/>
      <c r="AE2201" s="119"/>
      <c r="AF2201" s="119"/>
      <c r="AG2201" s="119"/>
      <c r="AH2201" s="119"/>
      <c r="AI2201" s="119"/>
      <c r="AJ2201" s="119"/>
      <c r="AK2201" s="119"/>
      <c r="AL2201" s="119"/>
      <c r="AM2201" s="119"/>
      <c r="AN2201" s="119"/>
      <c r="AO2201" s="119"/>
      <c r="AP2201" s="119"/>
      <c r="AQ2201" s="119"/>
      <c r="AR2201" s="119"/>
      <c r="AS2201" s="119"/>
      <c r="AT2201" s="119"/>
      <c r="AU2201" s="119"/>
      <c r="AV2201" s="119"/>
      <c r="AW2201" s="119"/>
      <c r="AX2201" s="119"/>
      <c r="AY2201" s="119"/>
      <c r="AZ2201" s="119"/>
      <c r="BA2201" s="119"/>
      <c r="BB2201" s="107">
        <v>45884</v>
      </c>
    </row>
    <row r="2202" spans="1:54" s="207" customFormat="1" ht="13.95" customHeight="1" x14ac:dyDescent="0.25">
      <c r="A2202" s="208" t="s">
        <v>5262</v>
      </c>
      <c r="B2202" s="209" t="s">
        <v>20420</v>
      </c>
      <c r="C2202" s="113" t="s">
        <v>5263</v>
      </c>
      <c r="D2202" s="113" t="s">
        <v>5264</v>
      </c>
      <c r="E2202" s="210">
        <v>2002</v>
      </c>
      <c r="F2202" s="210">
        <v>5060</v>
      </c>
      <c r="G2202" s="113" t="s">
        <v>1</v>
      </c>
      <c r="H2202" s="113">
        <v>1</v>
      </c>
      <c r="I2202" s="113">
        <v>1</v>
      </c>
      <c r="J2202" s="115">
        <v>1</v>
      </c>
      <c r="K2202" s="116" t="s">
        <v>174</v>
      </c>
      <c r="L2202" s="115">
        <v>1</v>
      </c>
      <c r="M2202" s="115">
        <v>0</v>
      </c>
      <c r="N2202" s="115">
        <v>1</v>
      </c>
      <c r="O2202" s="115">
        <v>1</v>
      </c>
      <c r="P2202" s="115">
        <v>1</v>
      </c>
      <c r="Q2202" s="115">
        <v>1</v>
      </c>
      <c r="R2202" s="115">
        <v>1</v>
      </c>
      <c r="S2202" s="115">
        <v>0</v>
      </c>
      <c r="T2202" s="115">
        <v>0</v>
      </c>
      <c r="U2202" s="119"/>
      <c r="V2202" s="119"/>
      <c r="W2202" s="119"/>
      <c r="X2202" s="119"/>
      <c r="Y2202" s="119"/>
      <c r="Z2202" s="119"/>
      <c r="AA2202" s="119"/>
      <c r="AB2202" s="119"/>
      <c r="AC2202" s="119"/>
      <c r="AD2202" s="119"/>
      <c r="AE2202" s="119"/>
      <c r="AF2202" s="119"/>
      <c r="AG2202" s="119"/>
      <c r="AH2202" s="119"/>
      <c r="AI2202" s="119"/>
      <c r="AJ2202" s="119"/>
      <c r="AK2202" s="119"/>
      <c r="AL2202" s="119"/>
      <c r="AM2202" s="119"/>
      <c r="AN2202" s="119"/>
      <c r="AO2202" s="119"/>
      <c r="AP2202" s="119"/>
      <c r="AQ2202" s="119"/>
      <c r="AR2202" s="119"/>
      <c r="AS2202" s="119"/>
      <c r="AT2202" s="119"/>
      <c r="AU2202" s="119"/>
      <c r="AV2202" s="119"/>
      <c r="AW2202" s="119"/>
      <c r="AX2202" s="119"/>
      <c r="AY2202" s="119"/>
      <c r="AZ2202" s="119"/>
      <c r="BA2202" s="119"/>
      <c r="BB2202" s="107">
        <v>45884</v>
      </c>
    </row>
    <row r="2203" spans="1:54" s="207" customFormat="1" ht="13.95" customHeight="1" x14ac:dyDescent="0.25">
      <c r="A2203" s="208" t="s">
        <v>5265</v>
      </c>
      <c r="B2203" s="209" t="s">
        <v>20420</v>
      </c>
      <c r="C2203" s="113" t="s">
        <v>5266</v>
      </c>
      <c r="D2203" s="113" t="s">
        <v>23771</v>
      </c>
      <c r="E2203" s="210">
        <v>1973</v>
      </c>
      <c r="F2203" s="210">
        <v>4536</v>
      </c>
      <c r="G2203" s="113" t="s">
        <v>1</v>
      </c>
      <c r="H2203" s="113">
        <v>0</v>
      </c>
      <c r="I2203" s="113">
        <v>0</v>
      </c>
      <c r="J2203" s="115">
        <v>1</v>
      </c>
      <c r="K2203" s="116" t="s">
        <v>174</v>
      </c>
      <c r="L2203" s="115">
        <v>1</v>
      </c>
      <c r="M2203" s="115">
        <v>1</v>
      </c>
      <c r="N2203" s="115">
        <v>1</v>
      </c>
      <c r="O2203" s="115">
        <v>1</v>
      </c>
      <c r="P2203" s="115" t="s">
        <v>400</v>
      </c>
      <c r="Q2203" s="115" t="s">
        <v>400</v>
      </c>
      <c r="R2203" s="115">
        <v>1</v>
      </c>
      <c r="S2203" s="115">
        <v>0</v>
      </c>
      <c r="T2203" s="115">
        <v>0</v>
      </c>
      <c r="U2203" s="119"/>
      <c r="V2203" s="119"/>
      <c r="W2203" s="119"/>
      <c r="X2203" s="119"/>
      <c r="Y2203" s="119"/>
      <c r="Z2203" s="119"/>
      <c r="AA2203" s="119"/>
      <c r="AB2203" s="119"/>
      <c r="AC2203" s="119"/>
      <c r="AD2203" s="119"/>
      <c r="AE2203" s="119"/>
      <c r="AF2203" s="119"/>
      <c r="AG2203" s="119"/>
      <c r="AH2203" s="119"/>
      <c r="AI2203" s="119"/>
      <c r="AJ2203" s="119"/>
      <c r="AK2203" s="119"/>
      <c r="AL2203" s="119"/>
      <c r="AM2203" s="119"/>
      <c r="AN2203" s="119"/>
      <c r="AO2203" s="119"/>
      <c r="AP2203" s="119"/>
      <c r="AQ2203" s="119"/>
      <c r="AR2203" s="119"/>
      <c r="AS2203" s="119"/>
      <c r="AT2203" s="119"/>
      <c r="AU2203" s="119"/>
      <c r="AV2203" s="119"/>
      <c r="AW2203" s="119"/>
      <c r="AX2203" s="119"/>
      <c r="AY2203" s="119"/>
      <c r="AZ2203" s="119"/>
      <c r="BA2203" s="119"/>
      <c r="BB2203" s="107">
        <v>45884</v>
      </c>
    </row>
    <row r="2204" spans="1:54" s="207" customFormat="1" ht="13.95" customHeight="1" x14ac:dyDescent="0.25">
      <c r="A2204" s="208" t="s">
        <v>5267</v>
      </c>
      <c r="B2204" s="209" t="s">
        <v>20420</v>
      </c>
      <c r="C2204" s="113" t="s">
        <v>5268</v>
      </c>
      <c r="D2204" s="113" t="s">
        <v>23772</v>
      </c>
      <c r="E2204" s="210">
        <v>1977</v>
      </c>
      <c r="F2204" s="210">
        <v>4519</v>
      </c>
      <c r="G2204" s="113" t="s">
        <v>1</v>
      </c>
      <c r="H2204" s="113">
        <v>0</v>
      </c>
      <c r="I2204" s="113">
        <v>0</v>
      </c>
      <c r="J2204" s="115">
        <v>1</v>
      </c>
      <c r="K2204" s="211">
        <v>1</v>
      </c>
      <c r="L2204" s="115">
        <v>1</v>
      </c>
      <c r="M2204" s="115">
        <v>1</v>
      </c>
      <c r="N2204" s="115">
        <v>0</v>
      </c>
      <c r="O2204" s="115">
        <v>1</v>
      </c>
      <c r="P2204" s="115">
        <v>1</v>
      </c>
      <c r="Q2204" s="115">
        <v>1</v>
      </c>
      <c r="R2204" s="115">
        <v>1</v>
      </c>
      <c r="S2204" s="115">
        <v>0</v>
      </c>
      <c r="T2204" s="115">
        <v>0</v>
      </c>
      <c r="U2204" s="119"/>
      <c r="V2204" s="119"/>
      <c r="W2204" s="119"/>
      <c r="X2204" s="119"/>
      <c r="Y2204" s="119"/>
      <c r="Z2204" s="119"/>
      <c r="AA2204" s="119"/>
      <c r="AB2204" s="119"/>
      <c r="AC2204" s="119"/>
      <c r="AD2204" s="119"/>
      <c r="AE2204" s="119"/>
      <c r="AF2204" s="119"/>
      <c r="AG2204" s="119"/>
      <c r="AH2204" s="119"/>
      <c r="AI2204" s="119"/>
      <c r="AJ2204" s="119"/>
      <c r="AK2204" s="119"/>
      <c r="AL2204" s="119"/>
      <c r="AM2204" s="119"/>
      <c r="AN2204" s="119"/>
      <c r="AO2204" s="119"/>
      <c r="AP2204" s="119"/>
      <c r="AQ2204" s="119"/>
      <c r="AR2204" s="119"/>
      <c r="AS2204" s="119"/>
      <c r="AT2204" s="119"/>
      <c r="AU2204" s="119"/>
      <c r="AV2204" s="119"/>
      <c r="AW2204" s="119"/>
      <c r="AX2204" s="119"/>
      <c r="AY2204" s="119"/>
      <c r="AZ2204" s="119"/>
      <c r="BA2204" s="119"/>
      <c r="BB2204" s="107">
        <v>45884</v>
      </c>
    </row>
    <row r="2205" spans="1:54" s="207" customFormat="1" ht="13.95" customHeight="1" x14ac:dyDescent="0.25">
      <c r="A2205" s="208" t="s">
        <v>5269</v>
      </c>
      <c r="B2205" s="209" t="s">
        <v>20420</v>
      </c>
      <c r="C2205" s="113" t="s">
        <v>5270</v>
      </c>
      <c r="D2205" s="113" t="s">
        <v>5271</v>
      </c>
      <c r="E2205" s="210">
        <v>1976</v>
      </c>
      <c r="F2205" s="210">
        <v>4525</v>
      </c>
      <c r="G2205" s="113" t="s">
        <v>1</v>
      </c>
      <c r="H2205" s="113">
        <v>0</v>
      </c>
      <c r="I2205" s="113">
        <v>0</v>
      </c>
      <c r="J2205" s="115">
        <v>1</v>
      </c>
      <c r="K2205" s="116" t="s">
        <v>174</v>
      </c>
      <c r="L2205" s="115">
        <v>1</v>
      </c>
      <c r="M2205" s="115">
        <v>0</v>
      </c>
      <c r="N2205" s="115">
        <v>0</v>
      </c>
      <c r="O2205" s="115">
        <v>1</v>
      </c>
      <c r="P2205" s="115">
        <v>1</v>
      </c>
      <c r="Q2205" s="115">
        <v>1</v>
      </c>
      <c r="R2205" s="115">
        <v>1</v>
      </c>
      <c r="S2205" s="115">
        <v>0</v>
      </c>
      <c r="T2205" s="115">
        <v>0</v>
      </c>
      <c r="U2205" s="119"/>
      <c r="V2205" s="119"/>
      <c r="W2205" s="119"/>
      <c r="X2205" s="119"/>
      <c r="Y2205" s="119"/>
      <c r="Z2205" s="119"/>
      <c r="AA2205" s="119"/>
      <c r="AB2205" s="119"/>
      <c r="AC2205" s="119"/>
      <c r="AD2205" s="119"/>
      <c r="AE2205" s="119"/>
      <c r="AF2205" s="119"/>
      <c r="AG2205" s="119"/>
      <c r="AH2205" s="119"/>
      <c r="AI2205" s="119"/>
      <c r="AJ2205" s="119"/>
      <c r="AK2205" s="119"/>
      <c r="AL2205" s="119"/>
      <c r="AM2205" s="119"/>
      <c r="AN2205" s="119"/>
      <c r="AO2205" s="119"/>
      <c r="AP2205" s="119"/>
      <c r="AQ2205" s="119"/>
      <c r="AR2205" s="119"/>
      <c r="AS2205" s="119"/>
      <c r="AT2205" s="119"/>
      <c r="AU2205" s="119"/>
      <c r="AV2205" s="119"/>
      <c r="AW2205" s="119"/>
      <c r="AX2205" s="119"/>
      <c r="AY2205" s="119"/>
      <c r="AZ2205" s="119"/>
      <c r="BA2205" s="119"/>
      <c r="BB2205" s="107">
        <v>45884</v>
      </c>
    </row>
    <row r="2206" spans="1:54" s="207" customFormat="1" ht="13.95" customHeight="1" x14ac:dyDescent="0.25">
      <c r="A2206" s="208" t="s">
        <v>5272</v>
      </c>
      <c r="B2206" s="209" t="s">
        <v>20420</v>
      </c>
      <c r="C2206" s="113" t="s">
        <v>5273</v>
      </c>
      <c r="D2206" s="113" t="s">
        <v>5274</v>
      </c>
      <c r="E2206" s="210">
        <v>1968</v>
      </c>
      <c r="F2206" s="210">
        <v>4773</v>
      </c>
      <c r="G2206" s="113" t="s">
        <v>1</v>
      </c>
      <c r="H2206" s="113">
        <v>1</v>
      </c>
      <c r="I2206" s="113">
        <v>1</v>
      </c>
      <c r="J2206" s="115">
        <v>1</v>
      </c>
      <c r="K2206" s="116" t="s">
        <v>174</v>
      </c>
      <c r="L2206" s="115">
        <v>0</v>
      </c>
      <c r="M2206" s="115">
        <v>0</v>
      </c>
      <c r="N2206" s="115">
        <v>1</v>
      </c>
      <c r="O2206" s="115">
        <v>1</v>
      </c>
      <c r="P2206" s="115">
        <v>1</v>
      </c>
      <c r="Q2206" s="115" t="s">
        <v>400</v>
      </c>
      <c r="R2206" s="115">
        <v>1</v>
      </c>
      <c r="S2206" s="115">
        <v>0</v>
      </c>
      <c r="T2206" s="115">
        <v>0</v>
      </c>
      <c r="U2206" s="119"/>
      <c r="V2206" s="119"/>
      <c r="W2206" s="119"/>
      <c r="X2206" s="119"/>
      <c r="Y2206" s="119"/>
      <c r="Z2206" s="119"/>
      <c r="AA2206" s="119"/>
      <c r="AB2206" s="119"/>
      <c r="AC2206" s="119"/>
      <c r="AD2206" s="119"/>
      <c r="AE2206" s="119"/>
      <c r="AF2206" s="119"/>
      <c r="AG2206" s="119"/>
      <c r="AH2206" s="119"/>
      <c r="AI2206" s="119"/>
      <c r="AJ2206" s="119"/>
      <c r="AK2206" s="119"/>
      <c r="AL2206" s="119"/>
      <c r="AM2206" s="119"/>
      <c r="AN2206" s="119"/>
      <c r="AO2206" s="119"/>
      <c r="AP2206" s="119"/>
      <c r="AQ2206" s="119"/>
      <c r="AR2206" s="119"/>
      <c r="AS2206" s="119"/>
      <c r="AT2206" s="119"/>
      <c r="AU2206" s="119"/>
      <c r="AV2206" s="119"/>
      <c r="AW2206" s="119"/>
      <c r="AX2206" s="119"/>
      <c r="AY2206" s="119"/>
      <c r="AZ2206" s="119"/>
      <c r="BA2206" s="119"/>
      <c r="BB2206" s="107">
        <v>45884</v>
      </c>
    </row>
    <row r="2207" spans="1:54" s="207" customFormat="1" ht="13.95" customHeight="1" x14ac:dyDescent="0.25">
      <c r="A2207" s="208" t="s">
        <v>5275</v>
      </c>
      <c r="B2207" s="209" t="s">
        <v>20420</v>
      </c>
      <c r="C2207" s="113" t="s">
        <v>5276</v>
      </c>
      <c r="D2207" s="113" t="s">
        <v>5277</v>
      </c>
      <c r="E2207" s="210">
        <v>1977</v>
      </c>
      <c r="F2207" s="210">
        <v>4577</v>
      </c>
      <c r="G2207" s="113" t="s">
        <v>1</v>
      </c>
      <c r="H2207" s="113">
        <v>0</v>
      </c>
      <c r="I2207" s="113">
        <v>0</v>
      </c>
      <c r="J2207" s="115">
        <v>1</v>
      </c>
      <c r="K2207" s="116" t="s">
        <v>174</v>
      </c>
      <c r="L2207" s="115">
        <v>1</v>
      </c>
      <c r="M2207" s="115">
        <v>0</v>
      </c>
      <c r="N2207" s="115">
        <v>1</v>
      </c>
      <c r="O2207" s="115">
        <v>1</v>
      </c>
      <c r="P2207" s="115">
        <v>1</v>
      </c>
      <c r="Q2207" s="115">
        <v>1</v>
      </c>
      <c r="R2207" s="115">
        <v>1</v>
      </c>
      <c r="S2207" s="115">
        <v>0</v>
      </c>
      <c r="T2207" s="115">
        <v>0</v>
      </c>
      <c r="U2207" s="119"/>
      <c r="V2207" s="119"/>
      <c r="W2207" s="119"/>
      <c r="X2207" s="119"/>
      <c r="Y2207" s="119"/>
      <c r="Z2207" s="119"/>
      <c r="AA2207" s="119"/>
      <c r="AB2207" s="119"/>
      <c r="AC2207" s="119"/>
      <c r="AD2207" s="119"/>
      <c r="AE2207" s="119"/>
      <c r="AF2207" s="119"/>
      <c r="AG2207" s="119"/>
      <c r="AH2207" s="119"/>
      <c r="AI2207" s="119"/>
      <c r="AJ2207" s="119"/>
      <c r="AK2207" s="119"/>
      <c r="AL2207" s="119"/>
      <c r="AM2207" s="119"/>
      <c r="AN2207" s="119"/>
      <c r="AO2207" s="119"/>
      <c r="AP2207" s="119"/>
      <c r="AQ2207" s="119"/>
      <c r="AR2207" s="119"/>
      <c r="AS2207" s="119"/>
      <c r="AT2207" s="119"/>
      <c r="AU2207" s="119"/>
      <c r="AV2207" s="119"/>
      <c r="AW2207" s="119"/>
      <c r="AX2207" s="119"/>
      <c r="AY2207" s="119"/>
      <c r="AZ2207" s="119"/>
      <c r="BA2207" s="119"/>
      <c r="BB2207" s="107">
        <v>45884</v>
      </c>
    </row>
    <row r="2208" spans="1:54" s="207" customFormat="1" ht="13.95" customHeight="1" x14ac:dyDescent="0.25">
      <c r="A2208" s="208" t="s">
        <v>5278</v>
      </c>
      <c r="B2208" s="209" t="s">
        <v>20420</v>
      </c>
      <c r="C2208" s="113" t="s">
        <v>5279</v>
      </c>
      <c r="D2208" s="113" t="s">
        <v>23773</v>
      </c>
      <c r="E2208" s="210">
        <v>1977</v>
      </c>
      <c r="F2208" s="210">
        <v>4596</v>
      </c>
      <c r="G2208" s="113" t="s">
        <v>1</v>
      </c>
      <c r="H2208" s="113">
        <v>0</v>
      </c>
      <c r="I2208" s="113">
        <v>0</v>
      </c>
      <c r="J2208" s="115">
        <v>1</v>
      </c>
      <c r="K2208" s="116" t="s">
        <v>174</v>
      </c>
      <c r="L2208" s="115">
        <v>0</v>
      </c>
      <c r="M2208" s="115">
        <v>0</v>
      </c>
      <c r="N2208" s="115">
        <v>1</v>
      </c>
      <c r="O2208" s="115">
        <v>1</v>
      </c>
      <c r="P2208" s="115">
        <v>1</v>
      </c>
      <c r="Q2208" s="115" t="s">
        <v>400</v>
      </c>
      <c r="R2208" s="115">
        <v>1</v>
      </c>
      <c r="S2208" s="115">
        <v>0</v>
      </c>
      <c r="T2208" s="115">
        <v>0</v>
      </c>
      <c r="U2208" s="119"/>
      <c r="V2208" s="119"/>
      <c r="W2208" s="119"/>
      <c r="X2208" s="119"/>
      <c r="Y2208" s="119"/>
      <c r="Z2208" s="119"/>
      <c r="AA2208" s="119"/>
      <c r="AB2208" s="119"/>
      <c r="AC2208" s="119"/>
      <c r="AD2208" s="119"/>
      <c r="AE2208" s="119"/>
      <c r="AF2208" s="119"/>
      <c r="AG2208" s="119"/>
      <c r="AH2208" s="119"/>
      <c r="AI2208" s="119"/>
      <c r="AJ2208" s="119"/>
      <c r="AK2208" s="119"/>
      <c r="AL2208" s="119"/>
      <c r="AM2208" s="119"/>
      <c r="AN2208" s="119"/>
      <c r="AO2208" s="119"/>
      <c r="AP2208" s="119"/>
      <c r="AQ2208" s="119"/>
      <c r="AR2208" s="119"/>
      <c r="AS2208" s="119"/>
      <c r="AT2208" s="119"/>
      <c r="AU2208" s="119"/>
      <c r="AV2208" s="119"/>
      <c r="AW2208" s="119"/>
      <c r="AX2208" s="119"/>
      <c r="AY2208" s="119"/>
      <c r="AZ2208" s="119"/>
      <c r="BA2208" s="119"/>
      <c r="BB2208" s="107">
        <v>45884</v>
      </c>
    </row>
    <row r="2209" spans="1:54" s="207" customFormat="1" ht="13.95" customHeight="1" x14ac:dyDescent="0.25">
      <c r="A2209" s="208" t="s">
        <v>5280</v>
      </c>
      <c r="B2209" s="209" t="s">
        <v>20420</v>
      </c>
      <c r="C2209" s="113" t="s">
        <v>5281</v>
      </c>
      <c r="D2209" s="113" t="s">
        <v>23774</v>
      </c>
      <c r="E2209" s="210">
        <v>2008</v>
      </c>
      <c r="F2209" s="210">
        <v>12219</v>
      </c>
      <c r="G2209" s="113" t="s">
        <v>10</v>
      </c>
      <c r="H2209" s="113">
        <v>1</v>
      </c>
      <c r="I2209" s="113">
        <v>1</v>
      </c>
      <c r="J2209" s="115">
        <v>1</v>
      </c>
      <c r="K2209" s="116" t="s">
        <v>174</v>
      </c>
      <c r="L2209" s="115">
        <v>0</v>
      </c>
      <c r="M2209" s="115">
        <v>0</v>
      </c>
      <c r="N2209" s="115">
        <v>0</v>
      </c>
      <c r="O2209" s="115">
        <v>0</v>
      </c>
      <c r="P2209" s="115" t="s">
        <v>400</v>
      </c>
      <c r="Q2209" s="115" t="s">
        <v>400</v>
      </c>
      <c r="R2209" s="115">
        <v>0</v>
      </c>
      <c r="S2209" s="115">
        <v>0</v>
      </c>
      <c r="T2209" s="115">
        <v>0</v>
      </c>
      <c r="U2209" s="113" t="s">
        <v>174</v>
      </c>
      <c r="V2209" s="113" t="s">
        <v>174</v>
      </c>
      <c r="W2209" s="113" t="s">
        <v>174</v>
      </c>
      <c r="X2209" s="113" t="s">
        <v>174</v>
      </c>
      <c r="Y2209" s="113" t="s">
        <v>174</v>
      </c>
      <c r="Z2209" s="113" t="s">
        <v>174</v>
      </c>
      <c r="AA2209" s="113" t="s">
        <v>174</v>
      </c>
      <c r="AB2209" s="113" t="s">
        <v>174</v>
      </c>
      <c r="AC2209" s="113" t="s">
        <v>174</v>
      </c>
      <c r="AD2209" s="113" t="s">
        <v>174</v>
      </c>
      <c r="AE2209" s="113" t="s">
        <v>174</v>
      </c>
      <c r="AF2209" s="113" t="s">
        <v>174</v>
      </c>
      <c r="AG2209" s="113" t="s">
        <v>174</v>
      </c>
      <c r="AH2209" s="113" t="s">
        <v>174</v>
      </c>
      <c r="AI2209" s="113" t="s">
        <v>174</v>
      </c>
      <c r="AJ2209" s="113" t="s">
        <v>174</v>
      </c>
      <c r="AK2209" s="113" t="s">
        <v>174</v>
      </c>
      <c r="AL2209" s="113" t="s">
        <v>174</v>
      </c>
      <c r="AM2209" s="113" t="s">
        <v>174</v>
      </c>
      <c r="AN2209" s="113" t="s">
        <v>174</v>
      </c>
      <c r="AO2209" s="113" t="s">
        <v>174</v>
      </c>
      <c r="AP2209" s="113" t="s">
        <v>174</v>
      </c>
      <c r="AQ2209" s="113" t="s">
        <v>174</v>
      </c>
      <c r="AR2209" s="113" t="s">
        <v>174</v>
      </c>
      <c r="AS2209" s="113" t="s">
        <v>174</v>
      </c>
      <c r="AT2209" s="121" t="s">
        <v>174</v>
      </c>
      <c r="AU2209" s="113" t="s">
        <v>174</v>
      </c>
      <c r="AV2209" s="113" t="s">
        <v>174</v>
      </c>
      <c r="AW2209" s="113" t="s">
        <v>174</v>
      </c>
      <c r="AX2209" s="113"/>
      <c r="AY2209" s="113"/>
      <c r="AZ2209" s="113"/>
      <c r="BA2209" s="113"/>
      <c r="BB2209" s="107">
        <v>45884</v>
      </c>
    </row>
    <row r="2210" spans="1:54" s="207" customFormat="1" ht="13.95" customHeight="1" x14ac:dyDescent="0.25">
      <c r="A2210" s="208" t="s">
        <v>5282</v>
      </c>
      <c r="B2210" s="209" t="s">
        <v>20420</v>
      </c>
      <c r="C2210" s="113" t="s">
        <v>5283</v>
      </c>
      <c r="D2210" s="113" t="s">
        <v>23775</v>
      </c>
      <c r="E2210" s="210">
        <v>1989</v>
      </c>
      <c r="F2210" s="210">
        <v>4600</v>
      </c>
      <c r="G2210" s="113" t="s">
        <v>1</v>
      </c>
      <c r="H2210" s="113">
        <v>0</v>
      </c>
      <c r="I2210" s="113">
        <v>0</v>
      </c>
      <c r="J2210" s="115">
        <v>1</v>
      </c>
      <c r="K2210" s="116" t="s">
        <v>174</v>
      </c>
      <c r="L2210" s="115">
        <v>1</v>
      </c>
      <c r="M2210" s="115">
        <v>0</v>
      </c>
      <c r="N2210" s="115">
        <v>0</v>
      </c>
      <c r="O2210" s="115">
        <v>0</v>
      </c>
      <c r="P2210" s="115">
        <v>1</v>
      </c>
      <c r="Q2210" s="115">
        <v>1</v>
      </c>
      <c r="R2210" s="115">
        <v>0</v>
      </c>
      <c r="S2210" s="115">
        <v>0</v>
      </c>
      <c r="T2210" s="115">
        <v>0</v>
      </c>
      <c r="U2210" s="119"/>
      <c r="V2210" s="119"/>
      <c r="W2210" s="119"/>
      <c r="X2210" s="119"/>
      <c r="Y2210" s="119"/>
      <c r="Z2210" s="119"/>
      <c r="AA2210" s="119"/>
      <c r="AB2210" s="119"/>
      <c r="AC2210" s="119"/>
      <c r="AD2210" s="119"/>
      <c r="AE2210" s="119"/>
      <c r="AF2210" s="119"/>
      <c r="AG2210" s="119"/>
      <c r="AH2210" s="119"/>
      <c r="AI2210" s="119"/>
      <c r="AJ2210" s="119"/>
      <c r="AK2210" s="119"/>
      <c r="AL2210" s="119"/>
      <c r="AM2210" s="119"/>
      <c r="AN2210" s="119"/>
      <c r="AO2210" s="119"/>
      <c r="AP2210" s="119"/>
      <c r="AQ2210" s="119"/>
      <c r="AR2210" s="119"/>
      <c r="AS2210" s="119"/>
      <c r="AT2210" s="119"/>
      <c r="AU2210" s="119"/>
      <c r="AV2210" s="119"/>
      <c r="AW2210" s="119"/>
      <c r="AX2210" s="119"/>
      <c r="AY2210" s="119"/>
      <c r="AZ2210" s="119"/>
      <c r="BA2210" s="119"/>
      <c r="BB2210" s="107">
        <v>45884</v>
      </c>
    </row>
    <row r="2211" spans="1:54" s="207" customFormat="1" ht="13.95" customHeight="1" x14ac:dyDescent="0.25">
      <c r="A2211" s="208" t="s">
        <v>5284</v>
      </c>
      <c r="B2211" s="209" t="s">
        <v>20420</v>
      </c>
      <c r="C2211" s="113" t="s">
        <v>5285</v>
      </c>
      <c r="D2211" s="113" t="s">
        <v>23776</v>
      </c>
      <c r="E2211" s="210">
        <v>1978</v>
      </c>
      <c r="F2211" s="210">
        <v>4623</v>
      </c>
      <c r="G2211" s="113" t="s">
        <v>1</v>
      </c>
      <c r="H2211" s="113">
        <v>0</v>
      </c>
      <c r="I2211" s="113">
        <v>0</v>
      </c>
      <c r="J2211" s="115">
        <v>1</v>
      </c>
      <c r="K2211" s="116" t="s">
        <v>174</v>
      </c>
      <c r="L2211" s="115">
        <v>1</v>
      </c>
      <c r="M2211" s="115">
        <v>0</v>
      </c>
      <c r="N2211" s="115">
        <v>0</v>
      </c>
      <c r="O2211" s="115">
        <v>1</v>
      </c>
      <c r="P2211" s="115">
        <v>1</v>
      </c>
      <c r="Q2211" s="115" t="s">
        <v>400</v>
      </c>
      <c r="R2211" s="115">
        <v>1</v>
      </c>
      <c r="S2211" s="115">
        <v>0</v>
      </c>
      <c r="T2211" s="115">
        <v>0</v>
      </c>
      <c r="U2211" s="119"/>
      <c r="V2211" s="119"/>
      <c r="W2211" s="119"/>
      <c r="X2211" s="119"/>
      <c r="Y2211" s="119"/>
      <c r="Z2211" s="119"/>
      <c r="AA2211" s="119"/>
      <c r="AB2211" s="119"/>
      <c r="AC2211" s="119"/>
      <c r="AD2211" s="119"/>
      <c r="AE2211" s="119"/>
      <c r="AF2211" s="119"/>
      <c r="AG2211" s="119"/>
      <c r="AH2211" s="119"/>
      <c r="AI2211" s="119"/>
      <c r="AJ2211" s="119"/>
      <c r="AK2211" s="119"/>
      <c r="AL2211" s="119"/>
      <c r="AM2211" s="119"/>
      <c r="AN2211" s="119"/>
      <c r="AO2211" s="119"/>
      <c r="AP2211" s="119"/>
      <c r="AQ2211" s="119"/>
      <c r="AR2211" s="119"/>
      <c r="AS2211" s="119"/>
      <c r="AT2211" s="119"/>
      <c r="AU2211" s="119"/>
      <c r="AV2211" s="119"/>
      <c r="AW2211" s="119"/>
      <c r="AX2211" s="119"/>
      <c r="AY2211" s="119"/>
      <c r="AZ2211" s="119"/>
      <c r="BA2211" s="119"/>
      <c r="BB2211" s="107">
        <v>45884</v>
      </c>
    </row>
    <row r="2212" spans="1:54" s="207" customFormat="1" ht="13.95" customHeight="1" x14ac:dyDescent="0.25">
      <c r="A2212" s="208" t="s">
        <v>5286</v>
      </c>
      <c r="B2212" s="209" t="s">
        <v>20420</v>
      </c>
      <c r="C2212" s="113" t="s">
        <v>5287</v>
      </c>
      <c r="D2212" s="113" t="s">
        <v>23777</v>
      </c>
      <c r="E2212" s="210">
        <v>1998</v>
      </c>
      <c r="F2212" s="210">
        <v>4628</v>
      </c>
      <c r="G2212" s="113" t="s">
        <v>5</v>
      </c>
      <c r="H2212" s="113">
        <v>0</v>
      </c>
      <c r="I2212" s="113">
        <v>0</v>
      </c>
      <c r="J2212" s="115">
        <v>0</v>
      </c>
      <c r="K2212" s="116" t="s">
        <v>174</v>
      </c>
      <c r="L2212" s="115">
        <v>0</v>
      </c>
      <c r="M2212" s="115">
        <v>0</v>
      </c>
      <c r="N2212" s="115">
        <v>0</v>
      </c>
      <c r="O2212" s="115">
        <v>0</v>
      </c>
      <c r="P2212" s="115" t="s">
        <v>400</v>
      </c>
      <c r="Q2212" s="115" t="s">
        <v>400</v>
      </c>
      <c r="R2212" s="115">
        <v>0</v>
      </c>
      <c r="S2212" s="115">
        <v>0</v>
      </c>
      <c r="T2212" s="115">
        <v>0</v>
      </c>
      <c r="U2212" s="119"/>
      <c r="V2212" s="119"/>
      <c r="W2212" s="119"/>
      <c r="X2212" s="119"/>
      <c r="Y2212" s="119"/>
      <c r="Z2212" s="119"/>
      <c r="AA2212" s="119"/>
      <c r="AB2212" s="119"/>
      <c r="AC2212" s="119"/>
      <c r="AD2212" s="119"/>
      <c r="AE2212" s="119"/>
      <c r="AF2212" s="119"/>
      <c r="AG2212" s="119"/>
      <c r="AH2212" s="119"/>
      <c r="AI2212" s="119"/>
      <c r="AJ2212" s="119"/>
      <c r="AK2212" s="119"/>
      <c r="AL2212" s="119"/>
      <c r="AM2212" s="119"/>
      <c r="AN2212" s="119"/>
      <c r="AO2212" s="119"/>
      <c r="AP2212" s="119"/>
      <c r="AQ2212" s="119"/>
      <c r="AR2212" s="119"/>
      <c r="AS2212" s="119"/>
      <c r="AT2212" s="119"/>
      <c r="AU2212" s="119"/>
      <c r="AV2212" s="119"/>
      <c r="AW2212" s="119"/>
      <c r="AX2212" s="119"/>
      <c r="AY2212" s="119"/>
      <c r="AZ2212" s="119"/>
      <c r="BA2212" s="119"/>
      <c r="BB2212" s="107">
        <v>45884</v>
      </c>
    </row>
    <row r="2213" spans="1:54" s="207" customFormat="1" ht="13.95" customHeight="1" x14ac:dyDescent="0.25">
      <c r="A2213" s="208" t="s">
        <v>5288</v>
      </c>
      <c r="B2213" s="209" t="s">
        <v>20420</v>
      </c>
      <c r="C2213" s="113" t="s">
        <v>5289</v>
      </c>
      <c r="D2213" s="113" t="s">
        <v>23778</v>
      </c>
      <c r="E2213" s="210">
        <v>1976</v>
      </c>
      <c r="F2213" s="210">
        <v>4636</v>
      </c>
      <c r="G2213" s="113" t="s">
        <v>1</v>
      </c>
      <c r="H2213" s="113">
        <v>0</v>
      </c>
      <c r="I2213" s="113">
        <v>0</v>
      </c>
      <c r="J2213" s="115">
        <v>1</v>
      </c>
      <c r="K2213" s="116" t="s">
        <v>174</v>
      </c>
      <c r="L2213" s="115">
        <v>1</v>
      </c>
      <c r="M2213" s="115">
        <v>0</v>
      </c>
      <c r="N2213" s="115">
        <v>0</v>
      </c>
      <c r="O2213" s="115">
        <v>1</v>
      </c>
      <c r="P2213" s="115">
        <v>1</v>
      </c>
      <c r="Q2213" s="115">
        <v>1</v>
      </c>
      <c r="R2213" s="115">
        <v>1</v>
      </c>
      <c r="S2213" s="115">
        <v>0</v>
      </c>
      <c r="T2213" s="115">
        <v>0</v>
      </c>
      <c r="U2213" s="119"/>
      <c r="V2213" s="119"/>
      <c r="W2213" s="119"/>
      <c r="X2213" s="119"/>
      <c r="Y2213" s="119"/>
      <c r="Z2213" s="119"/>
      <c r="AA2213" s="119"/>
      <c r="AB2213" s="119"/>
      <c r="AC2213" s="119"/>
      <c r="AD2213" s="119"/>
      <c r="AE2213" s="119"/>
      <c r="AF2213" s="119"/>
      <c r="AG2213" s="119"/>
      <c r="AH2213" s="119"/>
      <c r="AI2213" s="119"/>
      <c r="AJ2213" s="119"/>
      <c r="AK2213" s="119"/>
      <c r="AL2213" s="119"/>
      <c r="AM2213" s="119"/>
      <c r="AN2213" s="119"/>
      <c r="AO2213" s="119"/>
      <c r="AP2213" s="119"/>
      <c r="AQ2213" s="119"/>
      <c r="AR2213" s="119"/>
      <c r="AS2213" s="119"/>
      <c r="AT2213" s="119"/>
      <c r="AU2213" s="119"/>
      <c r="AV2213" s="119"/>
      <c r="AW2213" s="119"/>
      <c r="AX2213" s="119"/>
      <c r="AY2213" s="119"/>
      <c r="AZ2213" s="119"/>
      <c r="BA2213" s="119"/>
      <c r="BB2213" s="107">
        <v>45884</v>
      </c>
    </row>
    <row r="2214" spans="1:54" s="207" customFormat="1" ht="13.95" customHeight="1" x14ac:dyDescent="0.25">
      <c r="A2214" s="208" t="s">
        <v>5290</v>
      </c>
      <c r="B2214" s="209" t="s">
        <v>20420</v>
      </c>
      <c r="C2214" s="113" t="s">
        <v>5291</v>
      </c>
      <c r="D2214" s="113" t="s">
        <v>5292</v>
      </c>
      <c r="E2214" s="210">
        <v>1963</v>
      </c>
      <c r="F2214" s="210">
        <v>4652</v>
      </c>
      <c r="G2214" s="113" t="s">
        <v>1</v>
      </c>
      <c r="H2214" s="113">
        <v>0</v>
      </c>
      <c r="I2214" s="113">
        <v>0</v>
      </c>
      <c r="J2214" s="115">
        <v>1</v>
      </c>
      <c r="K2214" s="116" t="s">
        <v>174</v>
      </c>
      <c r="L2214" s="115">
        <v>1</v>
      </c>
      <c r="M2214" s="115">
        <v>1</v>
      </c>
      <c r="N2214" s="115">
        <v>0</v>
      </c>
      <c r="O2214" s="115">
        <v>1</v>
      </c>
      <c r="P2214" s="115" t="s">
        <v>400</v>
      </c>
      <c r="Q2214" s="115">
        <v>1</v>
      </c>
      <c r="R2214" s="115">
        <v>1</v>
      </c>
      <c r="S2214" s="115">
        <v>0</v>
      </c>
      <c r="T2214" s="115">
        <v>0</v>
      </c>
      <c r="U2214" s="119"/>
      <c r="V2214" s="119"/>
      <c r="W2214" s="119"/>
      <c r="X2214" s="119"/>
      <c r="Y2214" s="119"/>
      <c r="Z2214" s="119"/>
      <c r="AA2214" s="119"/>
      <c r="AB2214" s="119"/>
      <c r="AC2214" s="119"/>
      <c r="AD2214" s="119"/>
      <c r="AE2214" s="119"/>
      <c r="AF2214" s="119"/>
      <c r="AG2214" s="119"/>
      <c r="AH2214" s="119"/>
      <c r="AI2214" s="119"/>
      <c r="AJ2214" s="119"/>
      <c r="AK2214" s="119"/>
      <c r="AL2214" s="119"/>
      <c r="AM2214" s="119"/>
      <c r="AN2214" s="119"/>
      <c r="AO2214" s="119"/>
      <c r="AP2214" s="119"/>
      <c r="AQ2214" s="119"/>
      <c r="AR2214" s="119"/>
      <c r="AS2214" s="119"/>
      <c r="AT2214" s="119"/>
      <c r="AU2214" s="119"/>
      <c r="AV2214" s="119"/>
      <c r="AW2214" s="119"/>
      <c r="AX2214" s="119"/>
      <c r="AY2214" s="119"/>
      <c r="AZ2214" s="119"/>
      <c r="BA2214" s="119"/>
      <c r="BB2214" s="107">
        <v>45884</v>
      </c>
    </row>
    <row r="2215" spans="1:54" s="207" customFormat="1" ht="13.95" customHeight="1" x14ac:dyDescent="0.25">
      <c r="A2215" s="208" t="s">
        <v>5293</v>
      </c>
      <c r="B2215" s="209" t="s">
        <v>20420</v>
      </c>
      <c r="C2215" s="113" t="s">
        <v>5294</v>
      </c>
      <c r="D2215" s="113" t="s">
        <v>5295</v>
      </c>
      <c r="E2215" s="210">
        <v>1998</v>
      </c>
      <c r="F2215" s="210">
        <v>4653</v>
      </c>
      <c r="G2215" s="113" t="s">
        <v>1</v>
      </c>
      <c r="H2215" s="113">
        <v>0</v>
      </c>
      <c r="I2215" s="113">
        <v>0</v>
      </c>
      <c r="J2215" s="115">
        <v>1</v>
      </c>
      <c r="K2215" s="211">
        <v>1</v>
      </c>
      <c r="L2215" s="115">
        <v>1</v>
      </c>
      <c r="M2215" s="115">
        <v>1</v>
      </c>
      <c r="N2215" s="115">
        <v>1</v>
      </c>
      <c r="O2215" s="115">
        <v>0</v>
      </c>
      <c r="P2215" s="115" t="s">
        <v>400</v>
      </c>
      <c r="Q2215" s="115" t="s">
        <v>400</v>
      </c>
      <c r="R2215" s="115">
        <v>1</v>
      </c>
      <c r="S2215" s="115">
        <v>0</v>
      </c>
      <c r="T2215" s="115">
        <v>0</v>
      </c>
      <c r="U2215" s="119"/>
      <c r="V2215" s="119"/>
      <c r="W2215" s="119"/>
      <c r="X2215" s="119"/>
      <c r="Y2215" s="119"/>
      <c r="Z2215" s="119"/>
      <c r="AA2215" s="119"/>
      <c r="AB2215" s="119"/>
      <c r="AC2215" s="119"/>
      <c r="AD2215" s="119"/>
      <c r="AE2215" s="119"/>
      <c r="AF2215" s="119"/>
      <c r="AG2215" s="119"/>
      <c r="AH2215" s="119"/>
      <c r="AI2215" s="119"/>
      <c r="AJ2215" s="119"/>
      <c r="AK2215" s="119"/>
      <c r="AL2215" s="119"/>
      <c r="AM2215" s="119"/>
      <c r="AN2215" s="119"/>
      <c r="AO2215" s="119"/>
      <c r="AP2215" s="119"/>
      <c r="AQ2215" s="119"/>
      <c r="AR2215" s="119"/>
      <c r="AS2215" s="119"/>
      <c r="AT2215" s="119"/>
      <c r="AU2215" s="119"/>
      <c r="AV2215" s="119"/>
      <c r="AW2215" s="119"/>
      <c r="AX2215" s="119"/>
      <c r="AY2215" s="119"/>
      <c r="AZ2215" s="119"/>
      <c r="BA2215" s="119"/>
      <c r="BB2215" s="107">
        <v>45884</v>
      </c>
    </row>
    <row r="2216" spans="1:54" s="207" customFormat="1" ht="13.95" customHeight="1" x14ac:dyDescent="0.25">
      <c r="A2216" s="208" t="s">
        <v>5296</v>
      </c>
      <c r="B2216" s="209" t="s">
        <v>20420</v>
      </c>
      <c r="C2216" s="113" t="s">
        <v>5297</v>
      </c>
      <c r="D2216" s="113" t="s">
        <v>23779</v>
      </c>
      <c r="E2216" s="210">
        <v>1956</v>
      </c>
      <c r="F2216" s="210">
        <v>4654</v>
      </c>
      <c r="G2216" s="113" t="s">
        <v>1</v>
      </c>
      <c r="H2216" s="113">
        <v>0</v>
      </c>
      <c r="I2216" s="113">
        <v>0</v>
      </c>
      <c r="J2216" s="115">
        <v>0</v>
      </c>
      <c r="K2216" s="211">
        <v>1</v>
      </c>
      <c r="L2216" s="115">
        <v>0</v>
      </c>
      <c r="M2216" s="115">
        <v>1</v>
      </c>
      <c r="N2216" s="115">
        <v>0</v>
      </c>
      <c r="O2216" s="115">
        <v>0</v>
      </c>
      <c r="P2216" s="115" t="s">
        <v>400</v>
      </c>
      <c r="Q2216" s="115" t="s">
        <v>400</v>
      </c>
      <c r="R2216" s="115">
        <v>0</v>
      </c>
      <c r="S2216" s="115">
        <v>0</v>
      </c>
      <c r="T2216" s="115">
        <v>0</v>
      </c>
      <c r="U2216" s="119"/>
      <c r="V2216" s="119"/>
      <c r="W2216" s="119"/>
      <c r="X2216" s="119"/>
      <c r="Y2216" s="119"/>
      <c r="Z2216" s="122">
        <v>1</v>
      </c>
      <c r="AA2216" s="119"/>
      <c r="AB2216" s="119"/>
      <c r="AC2216" s="119"/>
      <c r="AD2216" s="119"/>
      <c r="AE2216" s="119"/>
      <c r="AF2216" s="119"/>
      <c r="AG2216" s="119"/>
      <c r="AH2216" s="119"/>
      <c r="AI2216" s="119"/>
      <c r="AJ2216" s="119"/>
      <c r="AK2216" s="119"/>
      <c r="AL2216" s="119"/>
      <c r="AM2216" s="119"/>
      <c r="AN2216" s="119"/>
      <c r="AO2216" s="119"/>
      <c r="AP2216" s="119"/>
      <c r="AQ2216" s="119"/>
      <c r="AR2216" s="119"/>
      <c r="AS2216" s="119"/>
      <c r="AT2216" s="119"/>
      <c r="AU2216" s="119"/>
      <c r="AV2216" s="119"/>
      <c r="AW2216" s="119"/>
      <c r="AX2216" s="119"/>
      <c r="AY2216" s="119"/>
      <c r="AZ2216" s="123" t="s">
        <v>23203</v>
      </c>
      <c r="BA2216" s="122" t="s">
        <v>19478</v>
      </c>
      <c r="BB2216" s="107">
        <v>45884</v>
      </c>
    </row>
    <row r="2217" spans="1:54" s="207" customFormat="1" ht="13.95" customHeight="1" x14ac:dyDescent="0.25">
      <c r="A2217" s="208" t="s">
        <v>5298</v>
      </c>
      <c r="B2217" s="209" t="s">
        <v>20420</v>
      </c>
      <c r="C2217" s="113" t="s">
        <v>5299</v>
      </c>
      <c r="D2217" s="113" t="s">
        <v>5300</v>
      </c>
      <c r="E2217" s="210">
        <v>2009</v>
      </c>
      <c r="F2217" s="210">
        <v>4654</v>
      </c>
      <c r="G2217" s="113" t="s">
        <v>1</v>
      </c>
      <c r="H2217" s="113">
        <v>0</v>
      </c>
      <c r="I2217" s="113">
        <v>0</v>
      </c>
      <c r="J2217" s="115">
        <v>1</v>
      </c>
      <c r="K2217" s="116" t="s">
        <v>174</v>
      </c>
      <c r="L2217" s="115">
        <v>0</v>
      </c>
      <c r="M2217" s="115">
        <v>1</v>
      </c>
      <c r="N2217" s="115">
        <v>0</v>
      </c>
      <c r="O2217" s="115">
        <v>0</v>
      </c>
      <c r="P2217" s="115" t="s">
        <v>400</v>
      </c>
      <c r="Q2217" s="115" t="s">
        <v>400</v>
      </c>
      <c r="R2217" s="115">
        <v>0</v>
      </c>
      <c r="S2217" s="115">
        <v>0</v>
      </c>
      <c r="T2217" s="115">
        <v>0</v>
      </c>
      <c r="U2217" s="119"/>
      <c r="V2217" s="119"/>
      <c r="W2217" s="119"/>
      <c r="X2217" s="119"/>
      <c r="Y2217" s="119"/>
      <c r="Z2217" s="119"/>
      <c r="AA2217" s="119"/>
      <c r="AB2217" s="119"/>
      <c r="AC2217" s="119"/>
      <c r="AD2217" s="119"/>
      <c r="AE2217" s="119"/>
      <c r="AF2217" s="119"/>
      <c r="AG2217" s="119"/>
      <c r="AH2217" s="119"/>
      <c r="AI2217" s="119"/>
      <c r="AJ2217" s="119"/>
      <c r="AK2217" s="119"/>
      <c r="AL2217" s="119"/>
      <c r="AM2217" s="119"/>
      <c r="AN2217" s="119"/>
      <c r="AO2217" s="119"/>
      <c r="AP2217" s="119"/>
      <c r="AQ2217" s="119"/>
      <c r="AR2217" s="119"/>
      <c r="AS2217" s="119"/>
      <c r="AT2217" s="119"/>
      <c r="AU2217" s="119"/>
      <c r="AV2217" s="119"/>
      <c r="AW2217" s="119"/>
      <c r="AX2217" s="119"/>
      <c r="AY2217" s="119"/>
      <c r="AZ2217" s="119"/>
      <c r="BA2217" s="119"/>
      <c r="BB2217" s="107">
        <v>45884</v>
      </c>
    </row>
    <row r="2218" spans="1:54" s="207" customFormat="1" ht="13.95" customHeight="1" x14ac:dyDescent="0.25">
      <c r="A2218" s="208" t="s">
        <v>5301</v>
      </c>
      <c r="B2218" s="209" t="s">
        <v>20420</v>
      </c>
      <c r="C2218" s="113" t="s">
        <v>5302</v>
      </c>
      <c r="D2218" s="113" t="s">
        <v>23780</v>
      </c>
      <c r="E2218" s="210">
        <v>2006</v>
      </c>
      <c r="F2218" s="210">
        <v>4658</v>
      </c>
      <c r="G2218" s="113" t="s">
        <v>8</v>
      </c>
      <c r="H2218" s="113">
        <v>0</v>
      </c>
      <c r="I2218" s="113">
        <v>0</v>
      </c>
      <c r="J2218" s="115">
        <v>0</v>
      </c>
      <c r="K2218" s="116" t="s">
        <v>174</v>
      </c>
      <c r="L2218" s="115">
        <v>0</v>
      </c>
      <c r="M2218" s="115">
        <v>0</v>
      </c>
      <c r="N2218" s="115">
        <v>1</v>
      </c>
      <c r="O2218" s="115">
        <v>0</v>
      </c>
      <c r="P2218" s="115" t="s">
        <v>400</v>
      </c>
      <c r="Q2218" s="115" t="s">
        <v>400</v>
      </c>
      <c r="R2218" s="115">
        <v>0</v>
      </c>
      <c r="S2218" s="115">
        <v>0</v>
      </c>
      <c r="T2218" s="115">
        <v>0</v>
      </c>
      <c r="U2218" s="113" t="s">
        <v>174</v>
      </c>
      <c r="V2218" s="113" t="s">
        <v>174</v>
      </c>
      <c r="W2218" s="113" t="s">
        <v>174</v>
      </c>
      <c r="X2218" s="113" t="s">
        <v>174</v>
      </c>
      <c r="Y2218" s="113" t="s">
        <v>174</v>
      </c>
      <c r="Z2218" s="113" t="s">
        <v>174</v>
      </c>
      <c r="AA2218" s="113" t="s">
        <v>174</v>
      </c>
      <c r="AB2218" s="113" t="s">
        <v>174</v>
      </c>
      <c r="AC2218" s="113" t="s">
        <v>174</v>
      </c>
      <c r="AD2218" s="113" t="s">
        <v>174</v>
      </c>
      <c r="AE2218" s="113" t="s">
        <v>174</v>
      </c>
      <c r="AF2218" s="113" t="s">
        <v>174</v>
      </c>
      <c r="AG2218" s="113" t="s">
        <v>174</v>
      </c>
      <c r="AH2218" s="113" t="s">
        <v>174</v>
      </c>
      <c r="AI2218" s="113" t="s">
        <v>174</v>
      </c>
      <c r="AJ2218" s="113" t="s">
        <v>174</v>
      </c>
      <c r="AK2218" s="113" t="s">
        <v>174</v>
      </c>
      <c r="AL2218" s="113" t="s">
        <v>174</v>
      </c>
      <c r="AM2218" s="113" t="s">
        <v>174</v>
      </c>
      <c r="AN2218" s="113" t="s">
        <v>174</v>
      </c>
      <c r="AO2218" s="113" t="s">
        <v>174</v>
      </c>
      <c r="AP2218" s="113" t="s">
        <v>174</v>
      </c>
      <c r="AQ2218" s="113" t="s">
        <v>174</v>
      </c>
      <c r="AR2218" s="113" t="s">
        <v>174</v>
      </c>
      <c r="AS2218" s="113" t="s">
        <v>174</v>
      </c>
      <c r="AT2218" s="121" t="s">
        <v>174</v>
      </c>
      <c r="AU2218" s="113" t="s">
        <v>174</v>
      </c>
      <c r="AV2218" s="113" t="s">
        <v>174</v>
      </c>
      <c r="AW2218" s="113" t="s">
        <v>174</v>
      </c>
      <c r="AX2218" s="113"/>
      <c r="AY2218" s="113"/>
      <c r="AZ2218" s="113"/>
      <c r="BA2218" s="113"/>
      <c r="BB2218" s="107">
        <v>45884</v>
      </c>
    </row>
    <row r="2219" spans="1:54" s="207" customFormat="1" ht="13.95" customHeight="1" x14ac:dyDescent="0.25">
      <c r="A2219" s="208" t="s">
        <v>5303</v>
      </c>
      <c r="B2219" s="209" t="s">
        <v>20420</v>
      </c>
      <c r="C2219" s="113" t="s">
        <v>5304</v>
      </c>
      <c r="D2219" s="113" t="s">
        <v>23781</v>
      </c>
      <c r="E2219" s="210">
        <v>1989</v>
      </c>
      <c r="F2219" s="210">
        <v>4667</v>
      </c>
      <c r="G2219" s="113" t="s">
        <v>1</v>
      </c>
      <c r="H2219" s="113">
        <v>0</v>
      </c>
      <c r="I2219" s="113">
        <v>0</v>
      </c>
      <c r="J2219" s="115">
        <v>1</v>
      </c>
      <c r="K2219" s="211">
        <v>1</v>
      </c>
      <c r="L2219" s="115">
        <v>1</v>
      </c>
      <c r="M2219" s="115">
        <v>0</v>
      </c>
      <c r="N2219" s="115">
        <v>0</v>
      </c>
      <c r="O2219" s="115">
        <v>1</v>
      </c>
      <c r="P2219" s="115">
        <v>1</v>
      </c>
      <c r="Q2219" s="115" t="s">
        <v>400</v>
      </c>
      <c r="R2219" s="115">
        <v>0</v>
      </c>
      <c r="S2219" s="115">
        <v>0</v>
      </c>
      <c r="T2219" s="115">
        <v>0</v>
      </c>
      <c r="U2219" s="119"/>
      <c r="V2219" s="119"/>
      <c r="W2219" s="119"/>
      <c r="X2219" s="119"/>
      <c r="Y2219" s="119"/>
      <c r="Z2219" s="119"/>
      <c r="AA2219" s="119"/>
      <c r="AB2219" s="119"/>
      <c r="AC2219" s="119"/>
      <c r="AD2219" s="119"/>
      <c r="AE2219" s="119"/>
      <c r="AF2219" s="119"/>
      <c r="AG2219" s="119"/>
      <c r="AH2219" s="119"/>
      <c r="AI2219" s="119"/>
      <c r="AJ2219" s="119"/>
      <c r="AK2219" s="119"/>
      <c r="AL2219" s="119"/>
      <c r="AM2219" s="119"/>
      <c r="AN2219" s="119"/>
      <c r="AO2219" s="119"/>
      <c r="AP2219" s="119"/>
      <c r="AQ2219" s="119"/>
      <c r="AR2219" s="119"/>
      <c r="AS2219" s="119"/>
      <c r="AT2219" s="119"/>
      <c r="AU2219" s="119"/>
      <c r="AV2219" s="119"/>
      <c r="AW2219" s="119"/>
      <c r="AX2219" s="119"/>
      <c r="AY2219" s="119"/>
      <c r="AZ2219" s="119"/>
      <c r="BA2219" s="119"/>
      <c r="BB2219" s="107">
        <v>45884</v>
      </c>
    </row>
    <row r="2220" spans="1:54" s="207" customFormat="1" ht="13.95" customHeight="1" x14ac:dyDescent="0.25">
      <c r="A2220" s="208" t="s">
        <v>5305</v>
      </c>
      <c r="B2220" s="209" t="s">
        <v>20420</v>
      </c>
      <c r="C2220" s="113" t="s">
        <v>5306</v>
      </c>
      <c r="D2220" s="113" t="s">
        <v>23782</v>
      </c>
      <c r="E2220" s="210">
        <v>1994</v>
      </c>
      <c r="F2220" s="210">
        <v>4678</v>
      </c>
      <c r="G2220" s="113" t="s">
        <v>1</v>
      </c>
      <c r="H2220" s="113">
        <v>1</v>
      </c>
      <c r="I2220" s="113">
        <v>1</v>
      </c>
      <c r="J2220" s="115">
        <v>1</v>
      </c>
      <c r="K2220" s="211">
        <v>1</v>
      </c>
      <c r="L2220" s="115">
        <v>1</v>
      </c>
      <c r="M2220" s="115">
        <v>1</v>
      </c>
      <c r="N2220" s="115">
        <v>0</v>
      </c>
      <c r="O2220" s="115">
        <v>1</v>
      </c>
      <c r="P2220" s="115">
        <v>1</v>
      </c>
      <c r="Q2220" s="115" t="s">
        <v>400</v>
      </c>
      <c r="R2220" s="115">
        <v>0</v>
      </c>
      <c r="S2220" s="115">
        <v>0</v>
      </c>
      <c r="T2220" s="115">
        <v>0</v>
      </c>
      <c r="U2220" s="119"/>
      <c r="V2220" s="119"/>
      <c r="W2220" s="119"/>
      <c r="X2220" s="119"/>
      <c r="Y2220" s="119"/>
      <c r="Z2220" s="119"/>
      <c r="AA2220" s="119"/>
      <c r="AB2220" s="119"/>
      <c r="AC2220" s="119"/>
      <c r="AD2220" s="119"/>
      <c r="AE2220" s="119"/>
      <c r="AF2220" s="119"/>
      <c r="AG2220" s="119"/>
      <c r="AH2220" s="119"/>
      <c r="AI2220" s="119"/>
      <c r="AJ2220" s="119"/>
      <c r="AK2220" s="119"/>
      <c r="AL2220" s="119"/>
      <c r="AM2220" s="119"/>
      <c r="AN2220" s="119"/>
      <c r="AO2220" s="119"/>
      <c r="AP2220" s="119"/>
      <c r="AQ2220" s="119"/>
      <c r="AR2220" s="119"/>
      <c r="AS2220" s="119"/>
      <c r="AT2220" s="119"/>
      <c r="AU2220" s="119"/>
      <c r="AV2220" s="119"/>
      <c r="AW2220" s="119"/>
      <c r="AX2220" s="119"/>
      <c r="AY2220" s="119"/>
      <c r="AZ2220" s="119"/>
      <c r="BA2220" s="119"/>
      <c r="BB2220" s="107">
        <v>45884</v>
      </c>
    </row>
    <row r="2221" spans="1:54" s="207" customFormat="1" ht="13.95" customHeight="1" x14ac:dyDescent="0.25">
      <c r="A2221" s="208" t="s">
        <v>5307</v>
      </c>
      <c r="B2221" s="209" t="s">
        <v>20420</v>
      </c>
      <c r="C2221" s="113" t="s">
        <v>5308</v>
      </c>
      <c r="D2221" s="113" t="s">
        <v>5309</v>
      </c>
      <c r="E2221" s="210">
        <v>1992</v>
      </c>
      <c r="F2221" s="210">
        <v>4681</v>
      </c>
      <c r="G2221" s="113" t="s">
        <v>1</v>
      </c>
      <c r="H2221" s="113">
        <v>1</v>
      </c>
      <c r="I2221" s="113">
        <v>1</v>
      </c>
      <c r="J2221" s="115">
        <v>1</v>
      </c>
      <c r="K2221" s="116" t="s">
        <v>174</v>
      </c>
      <c r="L2221" s="115">
        <v>1</v>
      </c>
      <c r="M2221" s="115">
        <v>0</v>
      </c>
      <c r="N2221" s="115">
        <v>0</v>
      </c>
      <c r="O2221" s="115">
        <v>1</v>
      </c>
      <c r="P2221" s="115">
        <v>1</v>
      </c>
      <c r="Q2221" s="115">
        <v>1</v>
      </c>
      <c r="R2221" s="115">
        <v>1</v>
      </c>
      <c r="S2221" s="115">
        <v>0</v>
      </c>
      <c r="T2221" s="115">
        <v>0</v>
      </c>
      <c r="U2221" s="119"/>
      <c r="V2221" s="119"/>
      <c r="W2221" s="119"/>
      <c r="X2221" s="119"/>
      <c r="Y2221" s="119"/>
      <c r="Z2221" s="119"/>
      <c r="AA2221" s="119"/>
      <c r="AB2221" s="119"/>
      <c r="AC2221" s="119"/>
      <c r="AD2221" s="119"/>
      <c r="AE2221" s="119"/>
      <c r="AF2221" s="119"/>
      <c r="AG2221" s="119"/>
      <c r="AH2221" s="119"/>
      <c r="AI2221" s="119"/>
      <c r="AJ2221" s="119"/>
      <c r="AK2221" s="119"/>
      <c r="AL2221" s="119"/>
      <c r="AM2221" s="119"/>
      <c r="AN2221" s="119"/>
      <c r="AO2221" s="119"/>
      <c r="AP2221" s="119"/>
      <c r="AQ2221" s="119"/>
      <c r="AR2221" s="119"/>
      <c r="AS2221" s="119"/>
      <c r="AT2221" s="119"/>
      <c r="AU2221" s="119"/>
      <c r="AV2221" s="119"/>
      <c r="AW2221" s="119"/>
      <c r="AX2221" s="119"/>
      <c r="AY2221" s="119"/>
      <c r="AZ2221" s="119"/>
      <c r="BA2221" s="119"/>
      <c r="BB2221" s="107">
        <v>45884</v>
      </c>
    </row>
    <row r="2222" spans="1:54" s="207" customFormat="1" ht="13.95" customHeight="1" x14ac:dyDescent="0.25">
      <c r="A2222" s="208" t="s">
        <v>5310</v>
      </c>
      <c r="B2222" s="209" t="s">
        <v>20420</v>
      </c>
      <c r="C2222" s="113" t="s">
        <v>5311</v>
      </c>
      <c r="D2222" s="113" t="s">
        <v>5312</v>
      </c>
      <c r="E2222" s="210">
        <v>1961</v>
      </c>
      <c r="F2222" s="210">
        <v>4694</v>
      </c>
      <c r="G2222" s="113" t="s">
        <v>1</v>
      </c>
      <c r="H2222" s="113">
        <v>1</v>
      </c>
      <c r="I2222" s="113">
        <v>1</v>
      </c>
      <c r="J2222" s="115">
        <v>1</v>
      </c>
      <c r="K2222" s="116" t="s">
        <v>174</v>
      </c>
      <c r="L2222" s="115">
        <v>1</v>
      </c>
      <c r="M2222" s="115">
        <v>1</v>
      </c>
      <c r="N2222" s="115">
        <v>0</v>
      </c>
      <c r="O2222" s="115">
        <v>1</v>
      </c>
      <c r="P2222" s="115" t="s">
        <v>400</v>
      </c>
      <c r="Q2222" s="115" t="s">
        <v>400</v>
      </c>
      <c r="R2222" s="115">
        <v>1</v>
      </c>
      <c r="S2222" s="115">
        <v>0</v>
      </c>
      <c r="T2222" s="115">
        <v>0</v>
      </c>
      <c r="U2222" s="119"/>
      <c r="V2222" s="119"/>
      <c r="W2222" s="119"/>
      <c r="X2222" s="119"/>
      <c r="Y2222" s="119"/>
      <c r="Z2222" s="119"/>
      <c r="AA2222" s="119"/>
      <c r="AB2222" s="119"/>
      <c r="AC2222" s="119"/>
      <c r="AD2222" s="119"/>
      <c r="AE2222" s="119"/>
      <c r="AF2222" s="119"/>
      <c r="AG2222" s="119"/>
      <c r="AH2222" s="119"/>
      <c r="AI2222" s="119"/>
      <c r="AJ2222" s="119"/>
      <c r="AK2222" s="119"/>
      <c r="AL2222" s="119"/>
      <c r="AM2222" s="119"/>
      <c r="AN2222" s="119"/>
      <c r="AO2222" s="119"/>
      <c r="AP2222" s="119"/>
      <c r="AQ2222" s="119"/>
      <c r="AR2222" s="119"/>
      <c r="AS2222" s="119"/>
      <c r="AT2222" s="119"/>
      <c r="AU2222" s="119"/>
      <c r="AV2222" s="119"/>
      <c r="AW2222" s="119"/>
      <c r="AX2222" s="119"/>
      <c r="AY2222" s="119"/>
      <c r="AZ2222" s="119"/>
      <c r="BA2222" s="119"/>
      <c r="BB2222" s="107">
        <v>45884</v>
      </c>
    </row>
    <row r="2223" spans="1:54" s="207" customFormat="1" ht="13.95" customHeight="1" x14ac:dyDescent="0.25">
      <c r="A2223" s="208" t="s">
        <v>5313</v>
      </c>
      <c r="B2223" s="209" t="s">
        <v>20420</v>
      </c>
      <c r="C2223" s="113" t="s">
        <v>5314</v>
      </c>
      <c r="D2223" s="113" t="s">
        <v>23783</v>
      </c>
      <c r="E2223" s="210">
        <v>1978</v>
      </c>
      <c r="F2223" s="210">
        <v>4699</v>
      </c>
      <c r="G2223" s="113" t="s">
        <v>1</v>
      </c>
      <c r="H2223" s="113">
        <v>0</v>
      </c>
      <c r="I2223" s="113">
        <v>0</v>
      </c>
      <c r="J2223" s="115">
        <v>1</v>
      </c>
      <c r="K2223" s="116" t="s">
        <v>174</v>
      </c>
      <c r="L2223" s="115">
        <v>0</v>
      </c>
      <c r="M2223" s="115">
        <v>1</v>
      </c>
      <c r="N2223" s="115">
        <v>1</v>
      </c>
      <c r="O2223" s="115">
        <v>1</v>
      </c>
      <c r="P2223" s="115" t="s">
        <v>400</v>
      </c>
      <c r="Q2223" s="115" t="s">
        <v>400</v>
      </c>
      <c r="R2223" s="115">
        <v>0</v>
      </c>
      <c r="S2223" s="115">
        <v>0</v>
      </c>
      <c r="T2223" s="115">
        <v>0</v>
      </c>
      <c r="U2223" s="119"/>
      <c r="V2223" s="119"/>
      <c r="W2223" s="119"/>
      <c r="X2223" s="119"/>
      <c r="Y2223" s="119"/>
      <c r="Z2223" s="119"/>
      <c r="AA2223" s="119"/>
      <c r="AB2223" s="119"/>
      <c r="AC2223" s="119"/>
      <c r="AD2223" s="119"/>
      <c r="AE2223" s="119"/>
      <c r="AF2223" s="119"/>
      <c r="AG2223" s="119"/>
      <c r="AH2223" s="119"/>
      <c r="AI2223" s="119"/>
      <c r="AJ2223" s="119"/>
      <c r="AK2223" s="119"/>
      <c r="AL2223" s="119"/>
      <c r="AM2223" s="119"/>
      <c r="AN2223" s="119"/>
      <c r="AO2223" s="119"/>
      <c r="AP2223" s="119"/>
      <c r="AQ2223" s="119"/>
      <c r="AR2223" s="119"/>
      <c r="AS2223" s="119"/>
      <c r="AT2223" s="119"/>
      <c r="AU2223" s="119"/>
      <c r="AV2223" s="119"/>
      <c r="AW2223" s="119"/>
      <c r="AX2223" s="119"/>
      <c r="AY2223" s="119"/>
      <c r="AZ2223" s="119"/>
      <c r="BA2223" s="119"/>
      <c r="BB2223" s="107">
        <v>45884</v>
      </c>
    </row>
    <row r="2224" spans="1:54" s="207" customFormat="1" ht="13.95" customHeight="1" x14ac:dyDescent="0.25">
      <c r="A2224" s="208" t="s">
        <v>5315</v>
      </c>
      <c r="B2224" s="209" t="s">
        <v>20420</v>
      </c>
      <c r="C2224" s="113" t="s">
        <v>5316</v>
      </c>
      <c r="D2224" s="95" t="s">
        <v>24462</v>
      </c>
      <c r="E2224" s="210">
        <v>1973</v>
      </c>
      <c r="F2224" s="210">
        <v>4723</v>
      </c>
      <c r="G2224" s="113" t="s">
        <v>1</v>
      </c>
      <c r="H2224" s="113">
        <v>0</v>
      </c>
      <c r="I2224" s="113">
        <v>0</v>
      </c>
      <c r="J2224" s="115">
        <v>1</v>
      </c>
      <c r="K2224" s="116" t="s">
        <v>174</v>
      </c>
      <c r="L2224" s="115">
        <v>1</v>
      </c>
      <c r="M2224" s="115">
        <v>1</v>
      </c>
      <c r="N2224" s="115">
        <v>1</v>
      </c>
      <c r="O2224" s="115">
        <v>1</v>
      </c>
      <c r="P2224" s="115" t="s">
        <v>400</v>
      </c>
      <c r="Q2224" s="115" t="s">
        <v>400</v>
      </c>
      <c r="R2224" s="115">
        <v>1</v>
      </c>
      <c r="S2224" s="115">
        <v>0</v>
      </c>
      <c r="T2224" s="115">
        <v>0</v>
      </c>
      <c r="U2224" s="119"/>
      <c r="V2224" s="119"/>
      <c r="W2224" s="119"/>
      <c r="X2224" s="119"/>
      <c r="Y2224" s="119"/>
      <c r="Z2224" s="119"/>
      <c r="AA2224" s="119"/>
      <c r="AB2224" s="119"/>
      <c r="AC2224" s="119"/>
      <c r="AD2224" s="119"/>
      <c r="AE2224" s="119"/>
      <c r="AF2224" s="119"/>
      <c r="AG2224" s="119"/>
      <c r="AH2224" s="119"/>
      <c r="AI2224" s="119"/>
      <c r="AJ2224" s="119"/>
      <c r="AK2224" s="119"/>
      <c r="AL2224" s="119"/>
      <c r="AM2224" s="119"/>
      <c r="AN2224" s="119"/>
      <c r="AO2224" s="119"/>
      <c r="AP2224" s="119"/>
      <c r="AQ2224" s="119"/>
      <c r="AR2224" s="119"/>
      <c r="AS2224" s="119"/>
      <c r="AT2224" s="119"/>
      <c r="AU2224" s="119"/>
      <c r="AV2224" s="119"/>
      <c r="AW2224" s="119"/>
      <c r="AX2224" s="119"/>
      <c r="AY2224" s="119"/>
      <c r="AZ2224" s="119"/>
      <c r="BA2224" s="119"/>
      <c r="BB2224" s="107">
        <v>45884</v>
      </c>
    </row>
    <row r="2225" spans="1:54" s="207" customFormat="1" ht="13.95" customHeight="1" x14ac:dyDescent="0.25">
      <c r="A2225" s="208" t="s">
        <v>5317</v>
      </c>
      <c r="B2225" s="209" t="s">
        <v>20420</v>
      </c>
      <c r="C2225" s="113" t="s">
        <v>5318</v>
      </c>
      <c r="D2225" s="113" t="s">
        <v>23784</v>
      </c>
      <c r="E2225" s="210">
        <v>1975</v>
      </c>
      <c r="F2225" s="210">
        <v>4728</v>
      </c>
      <c r="G2225" s="113" t="s">
        <v>1</v>
      </c>
      <c r="H2225" s="113">
        <v>0</v>
      </c>
      <c r="I2225" s="113">
        <v>0</v>
      </c>
      <c r="J2225" s="115">
        <v>1</v>
      </c>
      <c r="K2225" s="116" t="s">
        <v>174</v>
      </c>
      <c r="L2225" s="115">
        <v>1</v>
      </c>
      <c r="M2225" s="115">
        <v>0</v>
      </c>
      <c r="N2225" s="115">
        <v>1</v>
      </c>
      <c r="O2225" s="115">
        <v>1</v>
      </c>
      <c r="P2225" s="115">
        <v>1</v>
      </c>
      <c r="Q2225" s="115" t="s">
        <v>400</v>
      </c>
      <c r="R2225" s="115">
        <v>1</v>
      </c>
      <c r="S2225" s="115">
        <v>0</v>
      </c>
      <c r="T2225" s="115">
        <v>0</v>
      </c>
      <c r="U2225" s="119"/>
      <c r="V2225" s="119"/>
      <c r="W2225" s="119"/>
      <c r="X2225" s="119"/>
      <c r="Y2225" s="119"/>
      <c r="Z2225" s="119"/>
      <c r="AA2225" s="119"/>
      <c r="AB2225" s="119"/>
      <c r="AC2225" s="119"/>
      <c r="AD2225" s="119"/>
      <c r="AE2225" s="119"/>
      <c r="AF2225" s="119"/>
      <c r="AG2225" s="119"/>
      <c r="AH2225" s="119"/>
      <c r="AI2225" s="119"/>
      <c r="AJ2225" s="119"/>
      <c r="AK2225" s="119"/>
      <c r="AL2225" s="119"/>
      <c r="AM2225" s="119"/>
      <c r="AN2225" s="119"/>
      <c r="AO2225" s="119"/>
      <c r="AP2225" s="119"/>
      <c r="AQ2225" s="119"/>
      <c r="AR2225" s="119"/>
      <c r="AS2225" s="119"/>
      <c r="AT2225" s="119"/>
      <c r="AU2225" s="119"/>
      <c r="AV2225" s="119"/>
      <c r="AW2225" s="119"/>
      <c r="AX2225" s="119"/>
      <c r="AY2225" s="119"/>
      <c r="AZ2225" s="119"/>
      <c r="BA2225" s="119"/>
      <c r="BB2225" s="107">
        <v>45884</v>
      </c>
    </row>
    <row r="2226" spans="1:54" s="207" customFormat="1" ht="13.95" customHeight="1" x14ac:dyDescent="0.25">
      <c r="A2226" s="208" t="s">
        <v>5319</v>
      </c>
      <c r="B2226" s="209" t="s">
        <v>20420</v>
      </c>
      <c r="C2226" s="113" t="s">
        <v>5320</v>
      </c>
      <c r="D2226" s="113" t="s">
        <v>5321</v>
      </c>
      <c r="E2226" s="210">
        <v>1975</v>
      </c>
      <c r="F2226" s="210">
        <v>4741</v>
      </c>
      <c r="G2226" s="113" t="s">
        <v>1</v>
      </c>
      <c r="H2226" s="113">
        <v>0</v>
      </c>
      <c r="I2226" s="113">
        <v>0</v>
      </c>
      <c r="J2226" s="115">
        <v>1</v>
      </c>
      <c r="K2226" s="116" t="s">
        <v>174</v>
      </c>
      <c r="L2226" s="115">
        <v>1</v>
      </c>
      <c r="M2226" s="115">
        <v>0</v>
      </c>
      <c r="N2226" s="115">
        <v>1</v>
      </c>
      <c r="O2226" s="115">
        <v>1</v>
      </c>
      <c r="P2226" s="115">
        <v>1</v>
      </c>
      <c r="Q2226" s="115" t="s">
        <v>400</v>
      </c>
      <c r="R2226" s="115">
        <v>0</v>
      </c>
      <c r="S2226" s="115">
        <v>0</v>
      </c>
      <c r="T2226" s="115">
        <v>0</v>
      </c>
      <c r="U2226" s="119"/>
      <c r="V2226" s="119"/>
      <c r="W2226" s="119"/>
      <c r="X2226" s="119"/>
      <c r="Y2226" s="119"/>
      <c r="Z2226" s="119"/>
      <c r="AA2226" s="119"/>
      <c r="AB2226" s="119"/>
      <c r="AC2226" s="119"/>
      <c r="AD2226" s="119"/>
      <c r="AE2226" s="119"/>
      <c r="AF2226" s="119"/>
      <c r="AG2226" s="119"/>
      <c r="AH2226" s="119"/>
      <c r="AI2226" s="119"/>
      <c r="AJ2226" s="119"/>
      <c r="AK2226" s="119"/>
      <c r="AL2226" s="119"/>
      <c r="AM2226" s="119"/>
      <c r="AN2226" s="119"/>
      <c r="AO2226" s="119"/>
      <c r="AP2226" s="119"/>
      <c r="AQ2226" s="119"/>
      <c r="AR2226" s="119"/>
      <c r="AS2226" s="119"/>
      <c r="AT2226" s="119"/>
      <c r="AU2226" s="119"/>
      <c r="AV2226" s="119"/>
      <c r="AW2226" s="119"/>
      <c r="AX2226" s="119"/>
      <c r="AY2226" s="119"/>
      <c r="AZ2226" s="119"/>
      <c r="BA2226" s="119"/>
      <c r="BB2226" s="107">
        <v>45884</v>
      </c>
    </row>
    <row r="2227" spans="1:54" s="207" customFormat="1" ht="13.95" customHeight="1" x14ac:dyDescent="0.25">
      <c r="A2227" s="208" t="s">
        <v>5322</v>
      </c>
      <c r="B2227" s="209" t="s">
        <v>20420</v>
      </c>
      <c r="C2227" s="113" t="s">
        <v>5323</v>
      </c>
      <c r="D2227" s="113" t="s">
        <v>23785</v>
      </c>
      <c r="E2227" s="210">
        <v>1985</v>
      </c>
      <c r="F2227" s="210">
        <v>5179</v>
      </c>
      <c r="G2227" s="113" t="s">
        <v>1</v>
      </c>
      <c r="H2227" s="113">
        <v>0</v>
      </c>
      <c r="I2227" s="113">
        <v>0</v>
      </c>
      <c r="J2227" s="115">
        <v>1</v>
      </c>
      <c r="K2227" s="211">
        <v>1</v>
      </c>
      <c r="L2227" s="115">
        <v>1</v>
      </c>
      <c r="M2227" s="115">
        <v>1</v>
      </c>
      <c r="N2227" s="115">
        <v>1</v>
      </c>
      <c r="O2227" s="115">
        <v>1</v>
      </c>
      <c r="P2227" s="115" t="s">
        <v>400</v>
      </c>
      <c r="Q2227" s="115" t="s">
        <v>400</v>
      </c>
      <c r="R2227" s="115">
        <v>1</v>
      </c>
      <c r="S2227" s="115">
        <v>0</v>
      </c>
      <c r="T2227" s="115">
        <v>0</v>
      </c>
      <c r="U2227" s="119"/>
      <c r="V2227" s="119"/>
      <c r="W2227" s="119"/>
      <c r="X2227" s="119"/>
      <c r="Y2227" s="119"/>
      <c r="Z2227" s="119"/>
      <c r="AA2227" s="119"/>
      <c r="AB2227" s="119"/>
      <c r="AC2227" s="119"/>
      <c r="AD2227" s="119"/>
      <c r="AE2227" s="119"/>
      <c r="AF2227" s="119"/>
      <c r="AG2227" s="119"/>
      <c r="AH2227" s="119"/>
      <c r="AI2227" s="119"/>
      <c r="AJ2227" s="119"/>
      <c r="AK2227" s="119"/>
      <c r="AL2227" s="119"/>
      <c r="AM2227" s="119"/>
      <c r="AN2227" s="119"/>
      <c r="AO2227" s="119"/>
      <c r="AP2227" s="119"/>
      <c r="AQ2227" s="119"/>
      <c r="AR2227" s="119"/>
      <c r="AS2227" s="119"/>
      <c r="AT2227" s="119"/>
      <c r="AU2227" s="119"/>
      <c r="AV2227" s="119"/>
      <c r="AW2227" s="119"/>
      <c r="AX2227" s="119"/>
      <c r="AY2227" s="119"/>
      <c r="AZ2227" s="119"/>
      <c r="BA2227" s="119"/>
      <c r="BB2227" s="107">
        <v>45884</v>
      </c>
    </row>
    <row r="2228" spans="1:54" s="207" customFormat="1" ht="13.95" customHeight="1" x14ac:dyDescent="0.25">
      <c r="A2228" s="208" t="s">
        <v>5324</v>
      </c>
      <c r="B2228" s="209" t="s">
        <v>20420</v>
      </c>
      <c r="C2228" s="113" t="s">
        <v>5325</v>
      </c>
      <c r="D2228" s="113" t="s">
        <v>23786</v>
      </c>
      <c r="E2228" s="210">
        <v>1990</v>
      </c>
      <c r="F2228" s="210">
        <v>4769</v>
      </c>
      <c r="G2228" s="113" t="s">
        <v>1</v>
      </c>
      <c r="H2228" s="113">
        <v>1</v>
      </c>
      <c r="I2228" s="113">
        <v>1</v>
      </c>
      <c r="J2228" s="115">
        <v>1</v>
      </c>
      <c r="K2228" s="116" t="s">
        <v>174</v>
      </c>
      <c r="L2228" s="115">
        <v>0</v>
      </c>
      <c r="M2228" s="115">
        <v>0</v>
      </c>
      <c r="N2228" s="115">
        <v>0</v>
      </c>
      <c r="O2228" s="115">
        <v>0</v>
      </c>
      <c r="P2228" s="115" t="s">
        <v>400</v>
      </c>
      <c r="Q2228" s="115" t="s">
        <v>400</v>
      </c>
      <c r="R2228" s="115">
        <v>0</v>
      </c>
      <c r="S2228" s="115">
        <v>0</v>
      </c>
      <c r="T2228" s="115">
        <v>0</v>
      </c>
      <c r="U2228" s="119"/>
      <c r="V2228" s="119"/>
      <c r="W2228" s="119"/>
      <c r="X2228" s="119"/>
      <c r="Y2228" s="119"/>
      <c r="Z2228" s="119"/>
      <c r="AA2228" s="119"/>
      <c r="AB2228" s="119"/>
      <c r="AC2228" s="119"/>
      <c r="AD2228" s="119"/>
      <c r="AE2228" s="119"/>
      <c r="AF2228" s="119"/>
      <c r="AG2228" s="119"/>
      <c r="AH2228" s="119"/>
      <c r="AI2228" s="119"/>
      <c r="AJ2228" s="119"/>
      <c r="AK2228" s="119"/>
      <c r="AL2228" s="119"/>
      <c r="AM2228" s="119"/>
      <c r="AN2228" s="119"/>
      <c r="AO2228" s="119"/>
      <c r="AP2228" s="119"/>
      <c r="AQ2228" s="119"/>
      <c r="AR2228" s="119"/>
      <c r="AS2228" s="119"/>
      <c r="AT2228" s="119"/>
      <c r="AU2228" s="119"/>
      <c r="AV2228" s="119"/>
      <c r="AW2228" s="119"/>
      <c r="AX2228" s="119"/>
      <c r="AY2228" s="119"/>
      <c r="AZ2228" s="119"/>
      <c r="BA2228" s="119"/>
      <c r="BB2228" s="107">
        <v>45884</v>
      </c>
    </row>
    <row r="2229" spans="1:54" s="207" customFormat="1" ht="13.95" customHeight="1" x14ac:dyDescent="0.25">
      <c r="A2229" s="208" t="s">
        <v>5326</v>
      </c>
      <c r="B2229" s="209" t="s">
        <v>20420</v>
      </c>
      <c r="C2229" s="113" t="s">
        <v>5327</v>
      </c>
      <c r="D2229" s="113" t="s">
        <v>23787</v>
      </c>
      <c r="E2229" s="210">
        <v>1966</v>
      </c>
      <c r="F2229" s="210">
        <v>4773</v>
      </c>
      <c r="G2229" s="113" t="s">
        <v>1</v>
      </c>
      <c r="H2229" s="113">
        <v>0</v>
      </c>
      <c r="I2229" s="113">
        <v>0</v>
      </c>
      <c r="J2229" s="115">
        <v>1</v>
      </c>
      <c r="K2229" s="116" t="s">
        <v>174</v>
      </c>
      <c r="L2229" s="115">
        <v>1</v>
      </c>
      <c r="M2229" s="115">
        <v>0</v>
      </c>
      <c r="N2229" s="115">
        <v>0</v>
      </c>
      <c r="O2229" s="115">
        <v>1</v>
      </c>
      <c r="P2229" s="115">
        <v>1</v>
      </c>
      <c r="Q2229" s="115" t="s">
        <v>400</v>
      </c>
      <c r="R2229" s="115">
        <v>1</v>
      </c>
      <c r="S2229" s="115">
        <v>0</v>
      </c>
      <c r="T2229" s="115">
        <v>0</v>
      </c>
      <c r="U2229" s="119"/>
      <c r="V2229" s="119"/>
      <c r="W2229" s="119"/>
      <c r="X2229" s="119"/>
      <c r="Y2229" s="119"/>
      <c r="Z2229" s="119"/>
      <c r="AA2229" s="119"/>
      <c r="AB2229" s="119"/>
      <c r="AC2229" s="119"/>
      <c r="AD2229" s="119"/>
      <c r="AE2229" s="119"/>
      <c r="AF2229" s="119"/>
      <c r="AG2229" s="119"/>
      <c r="AH2229" s="119"/>
      <c r="AI2229" s="119"/>
      <c r="AJ2229" s="119"/>
      <c r="AK2229" s="119"/>
      <c r="AL2229" s="119"/>
      <c r="AM2229" s="119"/>
      <c r="AN2229" s="119"/>
      <c r="AO2229" s="119"/>
      <c r="AP2229" s="119"/>
      <c r="AQ2229" s="119"/>
      <c r="AR2229" s="119"/>
      <c r="AS2229" s="119"/>
      <c r="AT2229" s="119"/>
      <c r="AU2229" s="119"/>
      <c r="AV2229" s="119"/>
      <c r="AW2229" s="119"/>
      <c r="AX2229" s="119"/>
      <c r="AY2229" s="119"/>
      <c r="AZ2229" s="119"/>
      <c r="BA2229" s="119"/>
      <c r="BB2229" s="107">
        <v>45884</v>
      </c>
    </row>
    <row r="2230" spans="1:54" s="207" customFormat="1" ht="13.95" customHeight="1" x14ac:dyDescent="0.25">
      <c r="A2230" s="208" t="s">
        <v>5328</v>
      </c>
      <c r="B2230" s="209" t="s">
        <v>20420</v>
      </c>
      <c r="C2230" s="113" t="s">
        <v>5329</v>
      </c>
      <c r="D2230" s="113" t="s">
        <v>23788</v>
      </c>
      <c r="E2230" s="210">
        <v>1978</v>
      </c>
      <c r="F2230" s="210">
        <v>4845</v>
      </c>
      <c r="G2230" s="113" t="s">
        <v>1</v>
      </c>
      <c r="H2230" s="113">
        <v>0</v>
      </c>
      <c r="I2230" s="113">
        <v>0</v>
      </c>
      <c r="J2230" s="115">
        <v>1</v>
      </c>
      <c r="K2230" s="211">
        <v>1</v>
      </c>
      <c r="L2230" s="115">
        <v>1</v>
      </c>
      <c r="M2230" s="115">
        <v>0</v>
      </c>
      <c r="N2230" s="115">
        <v>0</v>
      </c>
      <c r="O2230" s="115">
        <v>1</v>
      </c>
      <c r="P2230" s="115">
        <v>1</v>
      </c>
      <c r="Q2230" s="115" t="s">
        <v>400</v>
      </c>
      <c r="R2230" s="115">
        <v>1</v>
      </c>
      <c r="S2230" s="115">
        <v>0</v>
      </c>
      <c r="T2230" s="115">
        <v>0</v>
      </c>
      <c r="U2230" s="119"/>
      <c r="V2230" s="119"/>
      <c r="W2230" s="119"/>
      <c r="X2230" s="119"/>
      <c r="Y2230" s="119"/>
      <c r="Z2230" s="119"/>
      <c r="AA2230" s="119"/>
      <c r="AB2230" s="119"/>
      <c r="AC2230" s="119"/>
      <c r="AD2230" s="119"/>
      <c r="AE2230" s="119"/>
      <c r="AF2230" s="119"/>
      <c r="AG2230" s="119"/>
      <c r="AH2230" s="119"/>
      <c r="AI2230" s="119"/>
      <c r="AJ2230" s="119"/>
      <c r="AK2230" s="119"/>
      <c r="AL2230" s="119"/>
      <c r="AM2230" s="119"/>
      <c r="AN2230" s="119"/>
      <c r="AO2230" s="119"/>
      <c r="AP2230" s="119"/>
      <c r="AQ2230" s="119"/>
      <c r="AR2230" s="119"/>
      <c r="AS2230" s="119"/>
      <c r="AT2230" s="119"/>
      <c r="AU2230" s="119"/>
      <c r="AV2230" s="119"/>
      <c r="AW2230" s="119"/>
      <c r="AX2230" s="119"/>
      <c r="AY2230" s="119"/>
      <c r="AZ2230" s="119"/>
      <c r="BA2230" s="119"/>
      <c r="BB2230" s="107">
        <v>45884</v>
      </c>
    </row>
    <row r="2231" spans="1:54" s="207" customFormat="1" ht="13.95" customHeight="1" x14ac:dyDescent="0.25">
      <c r="A2231" s="208" t="s">
        <v>5330</v>
      </c>
      <c r="B2231" s="209" t="s">
        <v>20420</v>
      </c>
      <c r="C2231" s="113" t="s">
        <v>5331</v>
      </c>
      <c r="D2231" s="113" t="s">
        <v>23789</v>
      </c>
      <c r="E2231" s="210">
        <v>1978</v>
      </c>
      <c r="F2231" s="210">
        <v>4856</v>
      </c>
      <c r="G2231" s="113" t="s">
        <v>1</v>
      </c>
      <c r="H2231" s="113">
        <v>0</v>
      </c>
      <c r="I2231" s="113">
        <v>0</v>
      </c>
      <c r="J2231" s="115">
        <v>1</v>
      </c>
      <c r="K2231" s="211">
        <v>1</v>
      </c>
      <c r="L2231" s="115">
        <v>1</v>
      </c>
      <c r="M2231" s="115">
        <v>1</v>
      </c>
      <c r="N2231" s="115">
        <v>1</v>
      </c>
      <c r="O2231" s="115">
        <v>0</v>
      </c>
      <c r="P2231" s="115" t="s">
        <v>400</v>
      </c>
      <c r="Q2231" s="115" t="s">
        <v>400</v>
      </c>
      <c r="R2231" s="115">
        <v>0</v>
      </c>
      <c r="S2231" s="115">
        <v>0</v>
      </c>
      <c r="T2231" s="115">
        <v>0</v>
      </c>
      <c r="U2231" s="119"/>
      <c r="V2231" s="119"/>
      <c r="W2231" s="119"/>
      <c r="X2231" s="119"/>
      <c r="Y2231" s="119"/>
      <c r="Z2231" s="119"/>
      <c r="AA2231" s="119"/>
      <c r="AB2231" s="119"/>
      <c r="AC2231" s="119"/>
      <c r="AD2231" s="119"/>
      <c r="AE2231" s="119"/>
      <c r="AF2231" s="119"/>
      <c r="AG2231" s="119"/>
      <c r="AH2231" s="119"/>
      <c r="AI2231" s="119"/>
      <c r="AJ2231" s="119"/>
      <c r="AK2231" s="119"/>
      <c r="AL2231" s="119"/>
      <c r="AM2231" s="119"/>
      <c r="AN2231" s="119"/>
      <c r="AO2231" s="119"/>
      <c r="AP2231" s="119"/>
      <c r="AQ2231" s="119"/>
      <c r="AR2231" s="119"/>
      <c r="AS2231" s="119"/>
      <c r="AT2231" s="119"/>
      <c r="AU2231" s="119"/>
      <c r="AV2231" s="119"/>
      <c r="AW2231" s="119"/>
      <c r="AX2231" s="119"/>
      <c r="AY2231" s="119"/>
      <c r="AZ2231" s="119"/>
      <c r="BA2231" s="119"/>
      <c r="BB2231" s="107">
        <v>45884</v>
      </c>
    </row>
    <row r="2232" spans="1:54" s="207" customFormat="1" ht="13.95" customHeight="1" x14ac:dyDescent="0.25">
      <c r="A2232" s="208" t="s">
        <v>5332</v>
      </c>
      <c r="B2232" s="209" t="s">
        <v>20420</v>
      </c>
      <c r="C2232" s="113" t="s">
        <v>5333</v>
      </c>
      <c r="D2232" s="113" t="s">
        <v>5334</v>
      </c>
      <c r="E2232" s="210">
        <v>1969</v>
      </c>
      <c r="F2232" s="210">
        <v>4863</v>
      </c>
      <c r="G2232" s="113" t="s">
        <v>1</v>
      </c>
      <c r="H2232" s="113">
        <v>1</v>
      </c>
      <c r="I2232" s="113">
        <v>1</v>
      </c>
      <c r="J2232" s="115">
        <v>1</v>
      </c>
      <c r="K2232" s="116" t="s">
        <v>174</v>
      </c>
      <c r="L2232" s="115">
        <v>1</v>
      </c>
      <c r="M2232" s="115">
        <v>1</v>
      </c>
      <c r="N2232" s="115">
        <v>0</v>
      </c>
      <c r="O2232" s="115">
        <v>1</v>
      </c>
      <c r="P2232" s="115" t="s">
        <v>400</v>
      </c>
      <c r="Q2232" s="115" t="s">
        <v>400</v>
      </c>
      <c r="R2232" s="115">
        <v>1</v>
      </c>
      <c r="S2232" s="115">
        <v>0</v>
      </c>
      <c r="T2232" s="115">
        <v>0</v>
      </c>
      <c r="U2232" s="119"/>
      <c r="V2232" s="119"/>
      <c r="W2232" s="119"/>
      <c r="X2232" s="119"/>
      <c r="Y2232" s="119"/>
      <c r="Z2232" s="119"/>
      <c r="AA2232" s="119"/>
      <c r="AB2232" s="119"/>
      <c r="AC2232" s="119"/>
      <c r="AD2232" s="119"/>
      <c r="AE2232" s="119"/>
      <c r="AF2232" s="119"/>
      <c r="AG2232" s="119"/>
      <c r="AH2232" s="119"/>
      <c r="AI2232" s="119"/>
      <c r="AJ2232" s="119"/>
      <c r="AK2232" s="119"/>
      <c r="AL2232" s="119"/>
      <c r="AM2232" s="119"/>
      <c r="AN2232" s="119"/>
      <c r="AO2232" s="119"/>
      <c r="AP2232" s="119"/>
      <c r="AQ2232" s="119"/>
      <c r="AR2232" s="119"/>
      <c r="AS2232" s="119"/>
      <c r="AT2232" s="119"/>
      <c r="AU2232" s="119"/>
      <c r="AV2232" s="119"/>
      <c r="AW2232" s="119"/>
      <c r="AX2232" s="119"/>
      <c r="AY2232" s="119"/>
      <c r="AZ2232" s="119"/>
      <c r="BA2232" s="119"/>
      <c r="BB2232" s="107">
        <v>45884</v>
      </c>
    </row>
    <row r="2233" spans="1:54" s="207" customFormat="1" ht="13.95" customHeight="1" x14ac:dyDescent="0.25">
      <c r="A2233" s="208" t="s">
        <v>5335</v>
      </c>
      <c r="B2233" s="209" t="s">
        <v>20420</v>
      </c>
      <c r="C2233" s="113" t="s">
        <v>5336</v>
      </c>
      <c r="D2233" s="113" t="s">
        <v>23790</v>
      </c>
      <c r="E2233" s="210">
        <v>1980</v>
      </c>
      <c r="F2233" s="210">
        <v>4884</v>
      </c>
      <c r="G2233" s="113" t="s">
        <v>1</v>
      </c>
      <c r="H2233" s="113">
        <v>0</v>
      </c>
      <c r="I2233" s="113">
        <v>0</v>
      </c>
      <c r="J2233" s="115">
        <v>1</v>
      </c>
      <c r="K2233" s="211">
        <v>1</v>
      </c>
      <c r="L2233" s="115">
        <v>1</v>
      </c>
      <c r="M2233" s="115">
        <v>1</v>
      </c>
      <c r="N2233" s="115">
        <v>0</v>
      </c>
      <c r="O2233" s="115">
        <v>1</v>
      </c>
      <c r="P2233" s="115" t="s">
        <v>400</v>
      </c>
      <c r="Q2233" s="115" t="s">
        <v>400</v>
      </c>
      <c r="R2233" s="115">
        <v>1</v>
      </c>
      <c r="S2233" s="115">
        <v>0</v>
      </c>
      <c r="T2233" s="115">
        <v>0</v>
      </c>
      <c r="U2233" s="119"/>
      <c r="V2233" s="119"/>
      <c r="W2233" s="119"/>
      <c r="X2233" s="119"/>
      <c r="Y2233" s="119"/>
      <c r="Z2233" s="119"/>
      <c r="AA2233" s="119"/>
      <c r="AB2233" s="119"/>
      <c r="AC2233" s="119"/>
      <c r="AD2233" s="119"/>
      <c r="AE2233" s="119"/>
      <c r="AF2233" s="119"/>
      <c r="AG2233" s="119"/>
      <c r="AH2233" s="119"/>
      <c r="AI2233" s="119"/>
      <c r="AJ2233" s="119"/>
      <c r="AK2233" s="119"/>
      <c r="AL2233" s="119"/>
      <c r="AM2233" s="119"/>
      <c r="AN2233" s="119"/>
      <c r="AO2233" s="119"/>
      <c r="AP2233" s="119"/>
      <c r="AQ2233" s="119"/>
      <c r="AR2233" s="119"/>
      <c r="AS2233" s="119"/>
      <c r="AT2233" s="119"/>
      <c r="AU2233" s="119"/>
      <c r="AV2233" s="119"/>
      <c r="AW2233" s="119"/>
      <c r="AX2233" s="119"/>
      <c r="AY2233" s="119"/>
      <c r="AZ2233" s="119"/>
      <c r="BA2233" s="119"/>
      <c r="BB2233" s="107">
        <v>45884</v>
      </c>
    </row>
    <row r="2234" spans="1:54" s="207" customFormat="1" ht="13.95" customHeight="1" x14ac:dyDescent="0.25">
      <c r="A2234" s="208" t="s">
        <v>5337</v>
      </c>
      <c r="B2234" s="209" t="s">
        <v>20420</v>
      </c>
      <c r="C2234" s="113" t="s">
        <v>5338</v>
      </c>
      <c r="D2234" s="113" t="s">
        <v>23791</v>
      </c>
      <c r="E2234" s="210">
        <v>1977</v>
      </c>
      <c r="F2234" s="210">
        <v>4895</v>
      </c>
      <c r="G2234" s="113" t="s">
        <v>1</v>
      </c>
      <c r="H2234" s="113">
        <v>0</v>
      </c>
      <c r="I2234" s="113">
        <v>0</v>
      </c>
      <c r="J2234" s="115">
        <v>1</v>
      </c>
      <c r="K2234" s="211">
        <v>1</v>
      </c>
      <c r="L2234" s="115">
        <v>1</v>
      </c>
      <c r="M2234" s="115">
        <v>1</v>
      </c>
      <c r="N2234" s="115">
        <v>1</v>
      </c>
      <c r="O2234" s="115">
        <v>1</v>
      </c>
      <c r="P2234" s="115" t="s">
        <v>400</v>
      </c>
      <c r="Q2234" s="115" t="s">
        <v>400</v>
      </c>
      <c r="R2234" s="115">
        <v>1</v>
      </c>
      <c r="S2234" s="115">
        <v>0</v>
      </c>
      <c r="T2234" s="115">
        <v>0</v>
      </c>
      <c r="U2234" s="119"/>
      <c r="V2234" s="119"/>
      <c r="W2234" s="119"/>
      <c r="X2234" s="119"/>
      <c r="Y2234" s="119"/>
      <c r="Z2234" s="119"/>
      <c r="AA2234" s="119"/>
      <c r="AB2234" s="119"/>
      <c r="AC2234" s="119"/>
      <c r="AD2234" s="119"/>
      <c r="AE2234" s="119"/>
      <c r="AF2234" s="119"/>
      <c r="AG2234" s="119"/>
      <c r="AH2234" s="119"/>
      <c r="AI2234" s="119"/>
      <c r="AJ2234" s="119"/>
      <c r="AK2234" s="119"/>
      <c r="AL2234" s="119"/>
      <c r="AM2234" s="119"/>
      <c r="AN2234" s="119"/>
      <c r="AO2234" s="119"/>
      <c r="AP2234" s="119"/>
      <c r="AQ2234" s="119"/>
      <c r="AR2234" s="119"/>
      <c r="AS2234" s="119"/>
      <c r="AT2234" s="119"/>
      <c r="AU2234" s="119"/>
      <c r="AV2234" s="119"/>
      <c r="AW2234" s="119"/>
      <c r="AX2234" s="119"/>
      <c r="AY2234" s="119"/>
      <c r="AZ2234" s="119"/>
      <c r="BA2234" s="119"/>
      <c r="BB2234" s="107">
        <v>45884</v>
      </c>
    </row>
    <row r="2235" spans="1:54" s="207" customFormat="1" ht="13.95" customHeight="1" x14ac:dyDescent="0.25">
      <c r="A2235" s="208" t="s">
        <v>5339</v>
      </c>
      <c r="B2235" s="209" t="s">
        <v>20420</v>
      </c>
      <c r="C2235" s="113" t="s">
        <v>21933</v>
      </c>
      <c r="D2235" s="113" t="s">
        <v>23792</v>
      </c>
      <c r="E2235" s="210">
        <v>1960</v>
      </c>
      <c r="F2235" s="210">
        <v>4932</v>
      </c>
      <c r="G2235" s="113" t="s">
        <v>1</v>
      </c>
      <c r="H2235" s="113">
        <v>1</v>
      </c>
      <c r="I2235" s="113">
        <v>1</v>
      </c>
      <c r="J2235" s="115">
        <v>1</v>
      </c>
      <c r="K2235" s="116" t="s">
        <v>174</v>
      </c>
      <c r="L2235" s="115">
        <v>1</v>
      </c>
      <c r="M2235" s="115">
        <v>0</v>
      </c>
      <c r="N2235" s="115">
        <v>0</v>
      </c>
      <c r="O2235" s="115">
        <v>1</v>
      </c>
      <c r="P2235" s="115">
        <v>1</v>
      </c>
      <c r="Q2235" s="115">
        <v>1</v>
      </c>
      <c r="R2235" s="115">
        <v>1</v>
      </c>
      <c r="S2235" s="115">
        <v>0</v>
      </c>
      <c r="T2235" s="115">
        <v>0</v>
      </c>
      <c r="U2235" s="119"/>
      <c r="V2235" s="119"/>
      <c r="W2235" s="119"/>
      <c r="X2235" s="119"/>
      <c r="Y2235" s="119"/>
      <c r="Z2235" s="119"/>
      <c r="AA2235" s="119"/>
      <c r="AB2235" s="119"/>
      <c r="AC2235" s="119"/>
      <c r="AD2235" s="119"/>
      <c r="AE2235" s="119"/>
      <c r="AF2235" s="119"/>
      <c r="AG2235" s="119"/>
      <c r="AH2235" s="119"/>
      <c r="AI2235" s="119"/>
      <c r="AJ2235" s="119"/>
      <c r="AK2235" s="119"/>
      <c r="AL2235" s="119"/>
      <c r="AM2235" s="119"/>
      <c r="AN2235" s="119"/>
      <c r="AO2235" s="119"/>
      <c r="AP2235" s="119"/>
      <c r="AQ2235" s="119"/>
      <c r="AR2235" s="119"/>
      <c r="AS2235" s="119"/>
      <c r="AT2235" s="119" t="s">
        <v>174</v>
      </c>
      <c r="AU2235" s="119"/>
      <c r="AV2235" s="119"/>
      <c r="AW2235" s="119"/>
      <c r="AX2235" s="119"/>
      <c r="AY2235" s="119"/>
      <c r="AZ2235" s="119"/>
      <c r="BA2235" s="119"/>
      <c r="BB2235" s="107">
        <v>45884</v>
      </c>
    </row>
    <row r="2236" spans="1:54" s="207" customFormat="1" ht="13.95" customHeight="1" x14ac:dyDescent="0.25">
      <c r="A2236" s="208" t="s">
        <v>5341</v>
      </c>
      <c r="B2236" s="209" t="s">
        <v>20420</v>
      </c>
      <c r="C2236" s="113" t="s">
        <v>5342</v>
      </c>
      <c r="D2236" s="113" t="s">
        <v>23793</v>
      </c>
      <c r="E2236" s="210">
        <v>1979</v>
      </c>
      <c r="F2236" s="210">
        <v>4958</v>
      </c>
      <c r="G2236" s="113" t="s">
        <v>1</v>
      </c>
      <c r="H2236" s="113">
        <v>1</v>
      </c>
      <c r="I2236" s="113">
        <v>1</v>
      </c>
      <c r="J2236" s="115">
        <v>1</v>
      </c>
      <c r="K2236" s="116" t="s">
        <v>174</v>
      </c>
      <c r="L2236" s="115">
        <v>1</v>
      </c>
      <c r="M2236" s="115">
        <v>1</v>
      </c>
      <c r="N2236" s="115">
        <v>0</v>
      </c>
      <c r="O2236" s="115">
        <v>1</v>
      </c>
      <c r="P2236" s="115" t="s">
        <v>400</v>
      </c>
      <c r="Q2236" s="115" t="s">
        <v>400</v>
      </c>
      <c r="R2236" s="115">
        <v>0</v>
      </c>
      <c r="S2236" s="115">
        <v>0</v>
      </c>
      <c r="T2236" s="115">
        <v>0</v>
      </c>
      <c r="U2236" s="119"/>
      <c r="V2236" s="119"/>
      <c r="W2236" s="119"/>
      <c r="X2236" s="119"/>
      <c r="Y2236" s="119"/>
      <c r="Z2236" s="119"/>
      <c r="AA2236" s="119"/>
      <c r="AB2236" s="119"/>
      <c r="AC2236" s="119"/>
      <c r="AD2236" s="119"/>
      <c r="AE2236" s="119"/>
      <c r="AF2236" s="119"/>
      <c r="AG2236" s="119"/>
      <c r="AH2236" s="119"/>
      <c r="AI2236" s="119"/>
      <c r="AJ2236" s="119"/>
      <c r="AK2236" s="119"/>
      <c r="AL2236" s="119"/>
      <c r="AM2236" s="119"/>
      <c r="AN2236" s="119"/>
      <c r="AO2236" s="119"/>
      <c r="AP2236" s="119"/>
      <c r="AQ2236" s="119"/>
      <c r="AR2236" s="119"/>
      <c r="AS2236" s="119"/>
      <c r="AT2236" s="119"/>
      <c r="AU2236" s="119"/>
      <c r="AV2236" s="119"/>
      <c r="AW2236" s="119"/>
      <c r="AX2236" s="119"/>
      <c r="AY2236" s="119"/>
      <c r="AZ2236" s="119"/>
      <c r="BA2236" s="119"/>
      <c r="BB2236" s="107">
        <v>45884</v>
      </c>
    </row>
    <row r="2237" spans="1:54" s="207" customFormat="1" ht="13.95" customHeight="1" x14ac:dyDescent="0.25">
      <c r="A2237" s="208" t="s">
        <v>5343</v>
      </c>
      <c r="B2237" s="209" t="s">
        <v>20420</v>
      </c>
      <c r="C2237" s="113" t="s">
        <v>5344</v>
      </c>
      <c r="D2237" s="113" t="s">
        <v>5345</v>
      </c>
      <c r="E2237" s="210">
        <v>1975</v>
      </c>
      <c r="F2237" s="210">
        <v>4998</v>
      </c>
      <c r="G2237" s="113" t="s">
        <v>1</v>
      </c>
      <c r="H2237" s="113">
        <v>0</v>
      </c>
      <c r="I2237" s="113">
        <v>0</v>
      </c>
      <c r="J2237" s="115">
        <v>1</v>
      </c>
      <c r="K2237" s="116" t="s">
        <v>174</v>
      </c>
      <c r="L2237" s="115">
        <v>1</v>
      </c>
      <c r="M2237" s="115">
        <v>0</v>
      </c>
      <c r="N2237" s="115">
        <v>1</v>
      </c>
      <c r="O2237" s="115">
        <v>1</v>
      </c>
      <c r="P2237" s="115">
        <v>1</v>
      </c>
      <c r="Q2237" s="115" t="s">
        <v>400</v>
      </c>
      <c r="R2237" s="115">
        <v>1</v>
      </c>
      <c r="S2237" s="115">
        <v>0</v>
      </c>
      <c r="T2237" s="115">
        <v>0</v>
      </c>
      <c r="U2237" s="119"/>
      <c r="V2237" s="119"/>
      <c r="W2237" s="119"/>
      <c r="X2237" s="119"/>
      <c r="Y2237" s="119"/>
      <c r="Z2237" s="119"/>
      <c r="AA2237" s="119"/>
      <c r="AB2237" s="119"/>
      <c r="AC2237" s="119"/>
      <c r="AD2237" s="119"/>
      <c r="AE2237" s="119"/>
      <c r="AF2237" s="119"/>
      <c r="AG2237" s="119"/>
      <c r="AH2237" s="119"/>
      <c r="AI2237" s="119"/>
      <c r="AJ2237" s="119"/>
      <c r="AK2237" s="119"/>
      <c r="AL2237" s="119"/>
      <c r="AM2237" s="119"/>
      <c r="AN2237" s="119"/>
      <c r="AO2237" s="119"/>
      <c r="AP2237" s="119"/>
      <c r="AQ2237" s="119"/>
      <c r="AR2237" s="119"/>
      <c r="AS2237" s="119"/>
      <c r="AT2237" s="119"/>
      <c r="AU2237" s="119"/>
      <c r="AV2237" s="119"/>
      <c r="AW2237" s="119"/>
      <c r="AX2237" s="119"/>
      <c r="AY2237" s="119"/>
      <c r="AZ2237" s="119"/>
      <c r="BA2237" s="119"/>
      <c r="BB2237" s="107">
        <v>45884</v>
      </c>
    </row>
    <row r="2238" spans="1:54" s="207" customFormat="1" ht="13.95" customHeight="1" x14ac:dyDescent="0.25">
      <c r="A2238" s="208" t="s">
        <v>5346</v>
      </c>
      <c r="B2238" s="209" t="s">
        <v>20420</v>
      </c>
      <c r="C2238" s="113" t="s">
        <v>5347</v>
      </c>
      <c r="D2238" s="113" t="s">
        <v>23794</v>
      </c>
      <c r="E2238" s="210">
        <v>1984</v>
      </c>
      <c r="F2238" s="210">
        <v>5000</v>
      </c>
      <c r="G2238" s="113" t="s">
        <v>1</v>
      </c>
      <c r="H2238" s="113">
        <v>0</v>
      </c>
      <c r="I2238" s="113">
        <v>0</v>
      </c>
      <c r="J2238" s="115">
        <v>0</v>
      </c>
      <c r="K2238" s="116" t="s">
        <v>174</v>
      </c>
      <c r="L2238" s="115">
        <v>0</v>
      </c>
      <c r="M2238" s="115">
        <v>0</v>
      </c>
      <c r="N2238" s="115">
        <v>0</v>
      </c>
      <c r="O2238" s="115">
        <v>0</v>
      </c>
      <c r="P2238" s="115" t="s">
        <v>400</v>
      </c>
      <c r="Q2238" s="115" t="s">
        <v>400</v>
      </c>
      <c r="R2238" s="115">
        <v>0</v>
      </c>
      <c r="S2238" s="115">
        <v>0</v>
      </c>
      <c r="T2238" s="115">
        <v>0</v>
      </c>
      <c r="U2238" s="119"/>
      <c r="V2238" s="119"/>
      <c r="W2238" s="119"/>
      <c r="X2238" s="119"/>
      <c r="Y2238" s="119"/>
      <c r="Z2238" s="119"/>
      <c r="AA2238" s="119"/>
      <c r="AB2238" s="119"/>
      <c r="AC2238" s="119"/>
      <c r="AD2238" s="119"/>
      <c r="AE2238" s="119"/>
      <c r="AF2238" s="119"/>
      <c r="AG2238" s="119"/>
      <c r="AH2238" s="119"/>
      <c r="AI2238" s="119"/>
      <c r="AJ2238" s="119"/>
      <c r="AK2238" s="119"/>
      <c r="AL2238" s="119"/>
      <c r="AM2238" s="119"/>
      <c r="AN2238" s="119"/>
      <c r="AO2238" s="119"/>
      <c r="AP2238" s="119"/>
      <c r="AQ2238" s="119"/>
      <c r="AR2238" s="119"/>
      <c r="AS2238" s="119"/>
      <c r="AT2238" s="119"/>
      <c r="AU2238" s="119"/>
      <c r="AV2238" s="119"/>
      <c r="AW2238" s="119"/>
      <c r="AX2238" s="119"/>
      <c r="AY2238" s="119"/>
      <c r="AZ2238" s="119"/>
      <c r="BA2238" s="119"/>
      <c r="BB2238" s="107">
        <v>45884</v>
      </c>
    </row>
    <row r="2239" spans="1:54" s="207" customFormat="1" ht="13.95" customHeight="1" x14ac:dyDescent="0.25">
      <c r="A2239" s="208" t="s">
        <v>5348</v>
      </c>
      <c r="B2239" s="209" t="s">
        <v>20420</v>
      </c>
      <c r="C2239" s="113" t="s">
        <v>5349</v>
      </c>
      <c r="D2239" s="113" t="s">
        <v>23795</v>
      </c>
      <c r="E2239" s="210">
        <v>1984</v>
      </c>
      <c r="F2239" s="210">
        <v>5000</v>
      </c>
      <c r="G2239" s="113" t="s">
        <v>1</v>
      </c>
      <c r="H2239" s="113">
        <v>0</v>
      </c>
      <c r="I2239" s="113">
        <v>0</v>
      </c>
      <c r="J2239" s="115">
        <v>0</v>
      </c>
      <c r="K2239" s="116" t="s">
        <v>174</v>
      </c>
      <c r="L2239" s="115">
        <v>0</v>
      </c>
      <c r="M2239" s="115">
        <v>0</v>
      </c>
      <c r="N2239" s="115">
        <v>0</v>
      </c>
      <c r="O2239" s="115">
        <v>0</v>
      </c>
      <c r="P2239" s="115" t="s">
        <v>400</v>
      </c>
      <c r="Q2239" s="115" t="s">
        <v>400</v>
      </c>
      <c r="R2239" s="115">
        <v>0</v>
      </c>
      <c r="S2239" s="115">
        <v>0</v>
      </c>
      <c r="T2239" s="115">
        <v>0</v>
      </c>
      <c r="U2239" s="119"/>
      <c r="V2239" s="119"/>
      <c r="W2239" s="119"/>
      <c r="X2239" s="119"/>
      <c r="Y2239" s="119"/>
      <c r="Z2239" s="119"/>
      <c r="AA2239" s="119"/>
      <c r="AB2239" s="119"/>
      <c r="AC2239" s="119"/>
      <c r="AD2239" s="119"/>
      <c r="AE2239" s="119"/>
      <c r="AF2239" s="119"/>
      <c r="AG2239" s="119"/>
      <c r="AH2239" s="119"/>
      <c r="AI2239" s="119"/>
      <c r="AJ2239" s="119"/>
      <c r="AK2239" s="119"/>
      <c r="AL2239" s="119"/>
      <c r="AM2239" s="119"/>
      <c r="AN2239" s="119"/>
      <c r="AO2239" s="119"/>
      <c r="AP2239" s="119"/>
      <c r="AQ2239" s="119"/>
      <c r="AR2239" s="119"/>
      <c r="AS2239" s="119"/>
      <c r="AT2239" s="119"/>
      <c r="AU2239" s="119"/>
      <c r="AV2239" s="119"/>
      <c r="AW2239" s="119"/>
      <c r="AX2239" s="119"/>
      <c r="AY2239" s="119"/>
      <c r="AZ2239" s="119"/>
      <c r="BA2239" s="119"/>
      <c r="BB2239" s="107">
        <v>45884</v>
      </c>
    </row>
    <row r="2240" spans="1:54" s="207" customFormat="1" ht="13.95" customHeight="1" x14ac:dyDescent="0.25">
      <c r="A2240" s="208" t="s">
        <v>5350</v>
      </c>
      <c r="B2240" s="209" t="s">
        <v>20420</v>
      </c>
      <c r="C2240" s="113" t="s">
        <v>5351</v>
      </c>
      <c r="D2240" s="113" t="s">
        <v>23796</v>
      </c>
      <c r="E2240" s="210">
        <v>1999</v>
      </c>
      <c r="F2240" s="210">
        <v>5000</v>
      </c>
      <c r="G2240" s="113" t="s">
        <v>1</v>
      </c>
      <c r="H2240" s="113">
        <v>1</v>
      </c>
      <c r="I2240" s="113">
        <v>1</v>
      </c>
      <c r="J2240" s="115">
        <v>1</v>
      </c>
      <c r="K2240" s="116" t="s">
        <v>174</v>
      </c>
      <c r="L2240" s="115">
        <v>1</v>
      </c>
      <c r="M2240" s="115">
        <v>1</v>
      </c>
      <c r="N2240" s="115">
        <v>1</v>
      </c>
      <c r="O2240" s="115">
        <v>1</v>
      </c>
      <c r="P2240" s="115" t="s">
        <v>400</v>
      </c>
      <c r="Q2240" s="115" t="s">
        <v>400</v>
      </c>
      <c r="R2240" s="115">
        <v>1</v>
      </c>
      <c r="S2240" s="115">
        <v>0</v>
      </c>
      <c r="T2240" s="115">
        <v>0</v>
      </c>
      <c r="U2240" s="119"/>
      <c r="V2240" s="119"/>
      <c r="W2240" s="119"/>
      <c r="X2240" s="119"/>
      <c r="Y2240" s="119"/>
      <c r="Z2240" s="119"/>
      <c r="AA2240" s="119"/>
      <c r="AB2240" s="119"/>
      <c r="AC2240" s="119"/>
      <c r="AD2240" s="119"/>
      <c r="AE2240" s="119"/>
      <c r="AF2240" s="119"/>
      <c r="AG2240" s="119"/>
      <c r="AH2240" s="119"/>
      <c r="AI2240" s="119"/>
      <c r="AJ2240" s="119"/>
      <c r="AK2240" s="119"/>
      <c r="AL2240" s="119"/>
      <c r="AM2240" s="119"/>
      <c r="AN2240" s="119"/>
      <c r="AO2240" s="119"/>
      <c r="AP2240" s="119"/>
      <c r="AQ2240" s="119"/>
      <c r="AR2240" s="119"/>
      <c r="AS2240" s="119"/>
      <c r="AT2240" s="119"/>
      <c r="AU2240" s="119"/>
      <c r="AV2240" s="119"/>
      <c r="AW2240" s="119"/>
      <c r="AX2240" s="119"/>
      <c r="AY2240" s="119"/>
      <c r="AZ2240" s="119"/>
      <c r="BA2240" s="119"/>
      <c r="BB2240" s="107">
        <v>45884</v>
      </c>
    </row>
    <row r="2241" spans="1:54" s="207" customFormat="1" ht="13.95" customHeight="1" x14ac:dyDescent="0.25">
      <c r="A2241" s="208" t="s">
        <v>5352</v>
      </c>
      <c r="B2241" s="209" t="s">
        <v>20420</v>
      </c>
      <c r="C2241" s="113" t="s">
        <v>5353</v>
      </c>
      <c r="D2241" s="113" t="s">
        <v>23797</v>
      </c>
      <c r="E2241" s="210">
        <v>1985</v>
      </c>
      <c r="F2241" s="210">
        <v>5003</v>
      </c>
      <c r="G2241" s="113" t="s">
        <v>1</v>
      </c>
      <c r="H2241" s="113">
        <v>0</v>
      </c>
      <c r="I2241" s="113">
        <v>0</v>
      </c>
      <c r="J2241" s="115">
        <v>1</v>
      </c>
      <c r="K2241" s="116" t="s">
        <v>174</v>
      </c>
      <c r="L2241" s="115">
        <v>1</v>
      </c>
      <c r="M2241" s="115">
        <v>0</v>
      </c>
      <c r="N2241" s="115">
        <v>1</v>
      </c>
      <c r="O2241" s="115">
        <v>1</v>
      </c>
      <c r="P2241" s="115">
        <v>1</v>
      </c>
      <c r="Q2241" s="115" t="s">
        <v>400</v>
      </c>
      <c r="R2241" s="115">
        <v>1</v>
      </c>
      <c r="S2241" s="115">
        <v>0</v>
      </c>
      <c r="T2241" s="115">
        <v>0</v>
      </c>
      <c r="U2241" s="119"/>
      <c r="V2241" s="119"/>
      <c r="W2241" s="119"/>
      <c r="X2241" s="119"/>
      <c r="Y2241" s="119"/>
      <c r="Z2241" s="119"/>
      <c r="AA2241" s="119"/>
      <c r="AB2241" s="119"/>
      <c r="AC2241" s="119"/>
      <c r="AD2241" s="119"/>
      <c r="AE2241" s="119"/>
      <c r="AF2241" s="119"/>
      <c r="AG2241" s="119"/>
      <c r="AH2241" s="119"/>
      <c r="AI2241" s="119"/>
      <c r="AJ2241" s="119"/>
      <c r="AK2241" s="119"/>
      <c r="AL2241" s="119"/>
      <c r="AM2241" s="119"/>
      <c r="AN2241" s="119"/>
      <c r="AO2241" s="119"/>
      <c r="AP2241" s="119"/>
      <c r="AQ2241" s="119"/>
      <c r="AR2241" s="119"/>
      <c r="AS2241" s="119"/>
      <c r="AT2241" s="119"/>
      <c r="AU2241" s="119"/>
      <c r="AV2241" s="119"/>
      <c r="AW2241" s="119"/>
      <c r="AX2241" s="119"/>
      <c r="AY2241" s="119"/>
      <c r="AZ2241" s="119"/>
      <c r="BA2241" s="119"/>
      <c r="BB2241" s="107">
        <v>45884</v>
      </c>
    </row>
    <row r="2242" spans="1:54" s="207" customFormat="1" ht="13.95" customHeight="1" x14ac:dyDescent="0.25">
      <c r="A2242" s="208" t="s">
        <v>5354</v>
      </c>
      <c r="B2242" s="209" t="s">
        <v>20420</v>
      </c>
      <c r="C2242" s="113" t="s">
        <v>5355</v>
      </c>
      <c r="D2242" s="113" t="s">
        <v>5356</v>
      </c>
      <c r="E2242" s="210">
        <v>1990</v>
      </c>
      <c r="F2242" s="210">
        <v>5024</v>
      </c>
      <c r="G2242" s="113" t="s">
        <v>1</v>
      </c>
      <c r="H2242" s="113">
        <v>0</v>
      </c>
      <c r="I2242" s="113">
        <v>0</v>
      </c>
      <c r="J2242" s="115">
        <v>1</v>
      </c>
      <c r="K2242" s="116" t="s">
        <v>174</v>
      </c>
      <c r="L2242" s="115">
        <v>1</v>
      </c>
      <c r="M2242" s="115">
        <v>1</v>
      </c>
      <c r="N2242" s="115">
        <v>0</v>
      </c>
      <c r="O2242" s="115">
        <v>1</v>
      </c>
      <c r="P2242" s="115" t="s">
        <v>400</v>
      </c>
      <c r="Q2242" s="115" t="s">
        <v>400</v>
      </c>
      <c r="R2242" s="115">
        <v>0</v>
      </c>
      <c r="S2242" s="115">
        <v>0</v>
      </c>
      <c r="T2242" s="115">
        <v>0</v>
      </c>
      <c r="U2242" s="119"/>
      <c r="V2242" s="119"/>
      <c r="W2242" s="119"/>
      <c r="X2242" s="119"/>
      <c r="Y2242" s="119"/>
      <c r="Z2242" s="119"/>
      <c r="AA2242" s="119"/>
      <c r="AB2242" s="119"/>
      <c r="AC2242" s="119"/>
      <c r="AD2242" s="119"/>
      <c r="AE2242" s="119"/>
      <c r="AF2242" s="119"/>
      <c r="AG2242" s="119"/>
      <c r="AH2242" s="119"/>
      <c r="AI2242" s="119"/>
      <c r="AJ2242" s="119"/>
      <c r="AK2242" s="119"/>
      <c r="AL2242" s="119"/>
      <c r="AM2242" s="119"/>
      <c r="AN2242" s="119"/>
      <c r="AO2242" s="119"/>
      <c r="AP2242" s="119"/>
      <c r="AQ2242" s="119"/>
      <c r="AR2242" s="119"/>
      <c r="AS2242" s="119"/>
      <c r="AT2242" s="119"/>
      <c r="AU2242" s="119"/>
      <c r="AV2242" s="119"/>
      <c r="AW2242" s="119"/>
      <c r="AX2242" s="119"/>
      <c r="AY2242" s="119"/>
      <c r="AZ2242" s="119"/>
      <c r="BA2242" s="119"/>
      <c r="BB2242" s="107">
        <v>45884</v>
      </c>
    </row>
    <row r="2243" spans="1:54" s="207" customFormat="1" ht="13.95" customHeight="1" x14ac:dyDescent="0.25">
      <c r="A2243" s="208" t="s">
        <v>5357</v>
      </c>
      <c r="B2243" s="209" t="s">
        <v>20420</v>
      </c>
      <c r="C2243" s="113" t="s">
        <v>5358</v>
      </c>
      <c r="D2243" s="113" t="s">
        <v>23798</v>
      </c>
      <c r="E2243" s="210">
        <v>1989</v>
      </c>
      <c r="F2243" s="210">
        <v>5028</v>
      </c>
      <c r="G2243" s="113" t="s">
        <v>10</v>
      </c>
      <c r="H2243" s="113">
        <v>1</v>
      </c>
      <c r="I2243" s="113">
        <v>1</v>
      </c>
      <c r="J2243" s="115">
        <v>1</v>
      </c>
      <c r="K2243" s="116" t="s">
        <v>174</v>
      </c>
      <c r="L2243" s="115">
        <v>0</v>
      </c>
      <c r="M2243" s="115">
        <v>0</v>
      </c>
      <c r="N2243" s="115">
        <v>0</v>
      </c>
      <c r="O2243" s="115">
        <v>0</v>
      </c>
      <c r="P2243" s="115" t="s">
        <v>400</v>
      </c>
      <c r="Q2243" s="115" t="s">
        <v>400</v>
      </c>
      <c r="R2243" s="115">
        <v>0</v>
      </c>
      <c r="S2243" s="115">
        <v>0</v>
      </c>
      <c r="T2243" s="115">
        <v>0</v>
      </c>
      <c r="U2243" s="113" t="s">
        <v>174</v>
      </c>
      <c r="V2243" s="113" t="s">
        <v>174</v>
      </c>
      <c r="W2243" s="113" t="s">
        <v>174</v>
      </c>
      <c r="X2243" s="113" t="s">
        <v>174</v>
      </c>
      <c r="Y2243" s="113" t="s">
        <v>174</v>
      </c>
      <c r="Z2243" s="113" t="s">
        <v>174</v>
      </c>
      <c r="AA2243" s="113" t="s">
        <v>174</v>
      </c>
      <c r="AB2243" s="113" t="s">
        <v>174</v>
      </c>
      <c r="AC2243" s="113" t="s">
        <v>174</v>
      </c>
      <c r="AD2243" s="113" t="s">
        <v>174</v>
      </c>
      <c r="AE2243" s="113" t="s">
        <v>174</v>
      </c>
      <c r="AF2243" s="113" t="s">
        <v>174</v>
      </c>
      <c r="AG2243" s="113" t="s">
        <v>174</v>
      </c>
      <c r="AH2243" s="113" t="s">
        <v>174</v>
      </c>
      <c r="AI2243" s="113" t="s">
        <v>174</v>
      </c>
      <c r="AJ2243" s="113" t="s">
        <v>174</v>
      </c>
      <c r="AK2243" s="113" t="s">
        <v>174</v>
      </c>
      <c r="AL2243" s="113" t="s">
        <v>174</v>
      </c>
      <c r="AM2243" s="113" t="s">
        <v>174</v>
      </c>
      <c r="AN2243" s="113" t="s">
        <v>174</v>
      </c>
      <c r="AO2243" s="113" t="s">
        <v>174</v>
      </c>
      <c r="AP2243" s="113" t="s">
        <v>174</v>
      </c>
      <c r="AQ2243" s="113" t="s">
        <v>174</v>
      </c>
      <c r="AR2243" s="113" t="s">
        <v>174</v>
      </c>
      <c r="AS2243" s="113" t="s">
        <v>174</v>
      </c>
      <c r="AT2243" s="121" t="s">
        <v>174</v>
      </c>
      <c r="AU2243" s="113" t="s">
        <v>174</v>
      </c>
      <c r="AV2243" s="113" t="s">
        <v>174</v>
      </c>
      <c r="AW2243" s="113" t="s">
        <v>174</v>
      </c>
      <c r="AX2243" s="113"/>
      <c r="AY2243" s="113"/>
      <c r="AZ2243" s="113"/>
      <c r="BA2243" s="113"/>
      <c r="BB2243" s="107">
        <v>45884</v>
      </c>
    </row>
    <row r="2244" spans="1:54" s="207" customFormat="1" ht="13.95" customHeight="1" x14ac:dyDescent="0.25">
      <c r="A2244" s="208" t="s">
        <v>5359</v>
      </c>
      <c r="B2244" s="209" t="s">
        <v>20420</v>
      </c>
      <c r="C2244" s="113" t="s">
        <v>5360</v>
      </c>
      <c r="D2244" s="113" t="s">
        <v>23799</v>
      </c>
      <c r="E2244" s="210">
        <v>1984</v>
      </c>
      <c r="F2244" s="210">
        <v>5052</v>
      </c>
      <c r="G2244" s="113" t="s">
        <v>1</v>
      </c>
      <c r="H2244" s="113">
        <v>0</v>
      </c>
      <c r="I2244" s="113">
        <v>0</v>
      </c>
      <c r="J2244" s="115">
        <v>1</v>
      </c>
      <c r="K2244" s="116" t="s">
        <v>174</v>
      </c>
      <c r="L2244" s="115">
        <v>1</v>
      </c>
      <c r="M2244" s="115">
        <v>0</v>
      </c>
      <c r="N2244" s="115">
        <v>0</v>
      </c>
      <c r="O2244" s="115">
        <v>1</v>
      </c>
      <c r="P2244" s="115">
        <v>1</v>
      </c>
      <c r="Q2244" s="115" t="s">
        <v>400</v>
      </c>
      <c r="R2244" s="115">
        <v>1</v>
      </c>
      <c r="S2244" s="115">
        <v>0</v>
      </c>
      <c r="T2244" s="115">
        <v>0</v>
      </c>
      <c r="U2244" s="119"/>
      <c r="V2244" s="119"/>
      <c r="W2244" s="119"/>
      <c r="X2244" s="119"/>
      <c r="Y2244" s="119"/>
      <c r="Z2244" s="119"/>
      <c r="AA2244" s="119"/>
      <c r="AB2244" s="119"/>
      <c r="AC2244" s="119"/>
      <c r="AD2244" s="119"/>
      <c r="AE2244" s="119"/>
      <c r="AF2244" s="119"/>
      <c r="AG2244" s="119"/>
      <c r="AH2244" s="119"/>
      <c r="AI2244" s="119"/>
      <c r="AJ2244" s="119"/>
      <c r="AK2244" s="119"/>
      <c r="AL2244" s="119"/>
      <c r="AM2244" s="119"/>
      <c r="AN2244" s="119"/>
      <c r="AO2244" s="119"/>
      <c r="AP2244" s="119"/>
      <c r="AQ2244" s="119"/>
      <c r="AR2244" s="119"/>
      <c r="AS2244" s="119"/>
      <c r="AT2244" s="119"/>
      <c r="AU2244" s="119"/>
      <c r="AV2244" s="119"/>
      <c r="AW2244" s="119"/>
      <c r="AX2244" s="119"/>
      <c r="AY2244" s="119"/>
      <c r="AZ2244" s="119"/>
      <c r="BA2244" s="119"/>
      <c r="BB2244" s="107">
        <v>45884</v>
      </c>
    </row>
    <row r="2245" spans="1:54" s="207" customFormat="1" ht="13.95" customHeight="1" x14ac:dyDescent="0.25">
      <c r="A2245" s="208" t="s">
        <v>5361</v>
      </c>
      <c r="B2245" s="209" t="s">
        <v>20420</v>
      </c>
      <c r="C2245" s="113" t="s">
        <v>5362</v>
      </c>
      <c r="D2245" s="113" t="s">
        <v>5363</v>
      </c>
      <c r="E2245" s="210">
        <v>1984</v>
      </c>
      <c r="F2245" s="210">
        <v>5096</v>
      </c>
      <c r="G2245" s="113" t="s">
        <v>1</v>
      </c>
      <c r="H2245" s="113">
        <v>0</v>
      </c>
      <c r="I2245" s="113">
        <v>0</v>
      </c>
      <c r="J2245" s="115">
        <v>1</v>
      </c>
      <c r="K2245" s="116" t="s">
        <v>174</v>
      </c>
      <c r="L2245" s="115">
        <v>1</v>
      </c>
      <c r="M2245" s="115">
        <v>0</v>
      </c>
      <c r="N2245" s="115">
        <v>0</v>
      </c>
      <c r="O2245" s="115">
        <v>1</v>
      </c>
      <c r="P2245" s="115">
        <v>1</v>
      </c>
      <c r="Q2245" s="115" t="s">
        <v>400</v>
      </c>
      <c r="R2245" s="115">
        <v>1</v>
      </c>
      <c r="S2245" s="115">
        <v>0</v>
      </c>
      <c r="T2245" s="115">
        <v>0</v>
      </c>
      <c r="U2245" s="119"/>
      <c r="V2245" s="119"/>
      <c r="W2245" s="119"/>
      <c r="X2245" s="119"/>
      <c r="Y2245" s="119"/>
      <c r="Z2245" s="119"/>
      <c r="AA2245" s="119"/>
      <c r="AB2245" s="119"/>
      <c r="AC2245" s="119"/>
      <c r="AD2245" s="119"/>
      <c r="AE2245" s="119"/>
      <c r="AF2245" s="119"/>
      <c r="AG2245" s="119"/>
      <c r="AH2245" s="119"/>
      <c r="AI2245" s="119"/>
      <c r="AJ2245" s="119"/>
      <c r="AK2245" s="119"/>
      <c r="AL2245" s="119"/>
      <c r="AM2245" s="119"/>
      <c r="AN2245" s="119"/>
      <c r="AO2245" s="119"/>
      <c r="AP2245" s="119"/>
      <c r="AQ2245" s="119"/>
      <c r="AR2245" s="119"/>
      <c r="AS2245" s="119"/>
      <c r="AT2245" s="119"/>
      <c r="AU2245" s="119"/>
      <c r="AV2245" s="119"/>
      <c r="AW2245" s="119"/>
      <c r="AX2245" s="119"/>
      <c r="AY2245" s="119"/>
      <c r="AZ2245" s="119"/>
      <c r="BA2245" s="119"/>
      <c r="BB2245" s="107">
        <v>45884</v>
      </c>
    </row>
    <row r="2246" spans="1:54" s="207" customFormat="1" ht="13.95" customHeight="1" x14ac:dyDescent="0.25">
      <c r="A2246" s="208" t="s">
        <v>5364</v>
      </c>
      <c r="B2246" s="209" t="s">
        <v>20420</v>
      </c>
      <c r="C2246" s="113" t="s">
        <v>5365</v>
      </c>
      <c r="D2246" s="113" t="s">
        <v>5366</v>
      </c>
      <c r="E2246" s="210">
        <v>1987</v>
      </c>
      <c r="F2246" s="210">
        <v>5118</v>
      </c>
      <c r="G2246" s="113" t="s">
        <v>8</v>
      </c>
      <c r="H2246" s="113">
        <v>0</v>
      </c>
      <c r="I2246" s="113">
        <v>0</v>
      </c>
      <c r="J2246" s="115">
        <v>0</v>
      </c>
      <c r="K2246" s="116" t="s">
        <v>174</v>
      </c>
      <c r="L2246" s="115">
        <v>0</v>
      </c>
      <c r="M2246" s="115">
        <v>0</v>
      </c>
      <c r="N2246" s="115">
        <v>0</v>
      </c>
      <c r="O2246" s="115">
        <v>0</v>
      </c>
      <c r="P2246" s="115" t="s">
        <v>400</v>
      </c>
      <c r="Q2246" s="115" t="s">
        <v>400</v>
      </c>
      <c r="R2246" s="115">
        <v>0</v>
      </c>
      <c r="S2246" s="115">
        <v>0</v>
      </c>
      <c r="T2246" s="115">
        <v>0</v>
      </c>
      <c r="U2246" s="113" t="s">
        <v>174</v>
      </c>
      <c r="V2246" s="113" t="s">
        <v>174</v>
      </c>
      <c r="W2246" s="113" t="s">
        <v>174</v>
      </c>
      <c r="X2246" s="113" t="s">
        <v>174</v>
      </c>
      <c r="Y2246" s="113" t="s">
        <v>174</v>
      </c>
      <c r="Z2246" s="113" t="s">
        <v>174</v>
      </c>
      <c r="AA2246" s="113" t="s">
        <v>174</v>
      </c>
      <c r="AB2246" s="113" t="s">
        <v>174</v>
      </c>
      <c r="AC2246" s="113" t="s">
        <v>174</v>
      </c>
      <c r="AD2246" s="113" t="s">
        <v>174</v>
      </c>
      <c r="AE2246" s="113" t="s">
        <v>174</v>
      </c>
      <c r="AF2246" s="113" t="s">
        <v>174</v>
      </c>
      <c r="AG2246" s="113" t="s">
        <v>174</v>
      </c>
      <c r="AH2246" s="113" t="s">
        <v>174</v>
      </c>
      <c r="AI2246" s="113" t="s">
        <v>174</v>
      </c>
      <c r="AJ2246" s="113" t="s">
        <v>174</v>
      </c>
      <c r="AK2246" s="113" t="s">
        <v>174</v>
      </c>
      <c r="AL2246" s="113" t="s">
        <v>174</v>
      </c>
      <c r="AM2246" s="113" t="s">
        <v>174</v>
      </c>
      <c r="AN2246" s="113" t="s">
        <v>174</v>
      </c>
      <c r="AO2246" s="113" t="s">
        <v>174</v>
      </c>
      <c r="AP2246" s="113" t="s">
        <v>174</v>
      </c>
      <c r="AQ2246" s="113" t="s">
        <v>174</v>
      </c>
      <c r="AR2246" s="113" t="s">
        <v>174</v>
      </c>
      <c r="AS2246" s="113" t="s">
        <v>174</v>
      </c>
      <c r="AT2246" s="121" t="s">
        <v>174</v>
      </c>
      <c r="AU2246" s="113" t="s">
        <v>174</v>
      </c>
      <c r="AV2246" s="113" t="s">
        <v>174</v>
      </c>
      <c r="AW2246" s="113" t="s">
        <v>174</v>
      </c>
      <c r="AX2246" s="113"/>
      <c r="AY2246" s="113"/>
      <c r="AZ2246" s="113"/>
      <c r="BA2246" s="113"/>
      <c r="BB2246" s="107">
        <v>45884</v>
      </c>
    </row>
    <row r="2247" spans="1:54" s="207" customFormat="1" ht="13.95" customHeight="1" x14ac:dyDescent="0.25">
      <c r="A2247" s="208" t="s">
        <v>5367</v>
      </c>
      <c r="B2247" s="209" t="s">
        <v>20420</v>
      </c>
      <c r="C2247" s="113" t="s">
        <v>5368</v>
      </c>
      <c r="D2247" s="113" t="s">
        <v>5369</v>
      </c>
      <c r="E2247" s="210">
        <v>1993</v>
      </c>
      <c r="F2247" s="210">
        <v>5139</v>
      </c>
      <c r="G2247" s="113" t="s">
        <v>3</v>
      </c>
      <c r="H2247" s="113">
        <v>0</v>
      </c>
      <c r="I2247" s="113">
        <v>0</v>
      </c>
      <c r="J2247" s="115">
        <v>1</v>
      </c>
      <c r="K2247" s="116" t="s">
        <v>174</v>
      </c>
      <c r="L2247" s="115">
        <v>1</v>
      </c>
      <c r="M2247" s="115">
        <v>1</v>
      </c>
      <c r="N2247" s="115">
        <v>0</v>
      </c>
      <c r="O2247" s="115">
        <v>1</v>
      </c>
      <c r="P2247" s="115" t="s">
        <v>400</v>
      </c>
      <c r="Q2247" s="115" t="s">
        <v>400</v>
      </c>
      <c r="R2247" s="115">
        <v>1</v>
      </c>
      <c r="S2247" s="115">
        <v>0</v>
      </c>
      <c r="T2247" s="115">
        <v>0</v>
      </c>
      <c r="U2247" s="113" t="s">
        <v>174</v>
      </c>
      <c r="V2247" s="113" t="s">
        <v>174</v>
      </c>
      <c r="W2247" s="113" t="s">
        <v>174</v>
      </c>
      <c r="X2247" s="113" t="s">
        <v>174</v>
      </c>
      <c r="Y2247" s="113" t="s">
        <v>174</v>
      </c>
      <c r="Z2247" s="113" t="s">
        <v>174</v>
      </c>
      <c r="AA2247" s="113" t="s">
        <v>174</v>
      </c>
      <c r="AB2247" s="113" t="s">
        <v>174</v>
      </c>
      <c r="AC2247" s="113" t="s">
        <v>174</v>
      </c>
      <c r="AD2247" s="113" t="s">
        <v>174</v>
      </c>
      <c r="AE2247" s="113" t="s">
        <v>174</v>
      </c>
      <c r="AF2247" s="113" t="s">
        <v>174</v>
      </c>
      <c r="AG2247" s="113" t="s">
        <v>174</v>
      </c>
      <c r="AH2247" s="113" t="s">
        <v>174</v>
      </c>
      <c r="AI2247" s="113" t="s">
        <v>174</v>
      </c>
      <c r="AJ2247" s="113" t="s">
        <v>174</v>
      </c>
      <c r="AK2247" s="113" t="s">
        <v>174</v>
      </c>
      <c r="AL2247" s="113" t="s">
        <v>174</v>
      </c>
      <c r="AM2247" s="113" t="s">
        <v>174</v>
      </c>
      <c r="AN2247" s="113" t="s">
        <v>174</v>
      </c>
      <c r="AO2247" s="113" t="s">
        <v>174</v>
      </c>
      <c r="AP2247" s="113" t="s">
        <v>174</v>
      </c>
      <c r="AQ2247" s="113" t="s">
        <v>174</v>
      </c>
      <c r="AR2247" s="113" t="s">
        <v>174</v>
      </c>
      <c r="AS2247" s="113" t="s">
        <v>174</v>
      </c>
      <c r="AT2247" s="121" t="s">
        <v>174</v>
      </c>
      <c r="AU2247" s="113" t="s">
        <v>174</v>
      </c>
      <c r="AV2247" s="113" t="s">
        <v>174</v>
      </c>
      <c r="AW2247" s="113" t="s">
        <v>174</v>
      </c>
      <c r="AX2247" s="113"/>
      <c r="AY2247" s="113"/>
      <c r="AZ2247" s="113"/>
      <c r="BA2247" s="113"/>
      <c r="BB2247" s="107">
        <v>45884</v>
      </c>
    </row>
    <row r="2248" spans="1:54" s="207" customFormat="1" ht="13.95" customHeight="1" x14ac:dyDescent="0.25">
      <c r="A2248" s="208" t="s">
        <v>5370</v>
      </c>
      <c r="B2248" s="209" t="s">
        <v>20420</v>
      </c>
      <c r="C2248" s="113" t="s">
        <v>5371</v>
      </c>
      <c r="D2248" s="113" t="s">
        <v>23800</v>
      </c>
      <c r="E2248" s="210">
        <v>1983</v>
      </c>
      <c r="F2248" s="210">
        <v>5187</v>
      </c>
      <c r="G2248" s="113" t="s">
        <v>1</v>
      </c>
      <c r="H2248" s="113">
        <v>0</v>
      </c>
      <c r="I2248" s="113">
        <v>0</v>
      </c>
      <c r="J2248" s="115">
        <v>1</v>
      </c>
      <c r="K2248" s="116" t="s">
        <v>174</v>
      </c>
      <c r="L2248" s="115">
        <v>0</v>
      </c>
      <c r="M2248" s="115">
        <v>0</v>
      </c>
      <c r="N2248" s="115">
        <v>1</v>
      </c>
      <c r="O2248" s="115">
        <v>0</v>
      </c>
      <c r="P2248" s="115" t="s">
        <v>400</v>
      </c>
      <c r="Q2248" s="115" t="s">
        <v>400</v>
      </c>
      <c r="R2248" s="115">
        <v>0</v>
      </c>
      <c r="S2248" s="115">
        <v>0</v>
      </c>
      <c r="T2248" s="115">
        <v>0</v>
      </c>
      <c r="U2248" s="119"/>
      <c r="V2248" s="119"/>
      <c r="W2248" s="119"/>
      <c r="X2248" s="119"/>
      <c r="Y2248" s="119"/>
      <c r="Z2248" s="119"/>
      <c r="AA2248" s="119"/>
      <c r="AB2248" s="119"/>
      <c r="AC2248" s="119"/>
      <c r="AD2248" s="119"/>
      <c r="AE2248" s="119"/>
      <c r="AF2248" s="119"/>
      <c r="AG2248" s="119"/>
      <c r="AH2248" s="119"/>
      <c r="AI2248" s="119"/>
      <c r="AJ2248" s="119"/>
      <c r="AK2248" s="119"/>
      <c r="AL2248" s="119"/>
      <c r="AM2248" s="119"/>
      <c r="AN2248" s="119"/>
      <c r="AO2248" s="119"/>
      <c r="AP2248" s="119"/>
      <c r="AQ2248" s="119"/>
      <c r="AR2248" s="119"/>
      <c r="AS2248" s="119"/>
      <c r="AT2248" s="119"/>
      <c r="AU2248" s="119"/>
      <c r="AV2248" s="119"/>
      <c r="AW2248" s="119"/>
      <c r="AX2248" s="119"/>
      <c r="AY2248" s="119"/>
      <c r="AZ2248" s="119"/>
      <c r="BA2248" s="119"/>
      <c r="BB2248" s="107">
        <v>45884</v>
      </c>
    </row>
    <row r="2249" spans="1:54" s="207" customFormat="1" ht="13.95" customHeight="1" x14ac:dyDescent="0.25">
      <c r="A2249" s="208" t="s">
        <v>5372</v>
      </c>
      <c r="B2249" s="209" t="s">
        <v>20420</v>
      </c>
      <c r="C2249" s="113" t="s">
        <v>5373</v>
      </c>
      <c r="D2249" s="113" t="s">
        <v>5374</v>
      </c>
      <c r="E2249" s="210">
        <v>1988</v>
      </c>
      <c r="F2249" s="210">
        <v>5188</v>
      </c>
      <c r="G2249" s="113" t="s">
        <v>8</v>
      </c>
      <c r="H2249" s="113">
        <v>0</v>
      </c>
      <c r="I2249" s="113">
        <v>0</v>
      </c>
      <c r="J2249" s="115">
        <v>0</v>
      </c>
      <c r="K2249" s="116" t="s">
        <v>174</v>
      </c>
      <c r="L2249" s="115">
        <v>0</v>
      </c>
      <c r="M2249" s="115">
        <v>0</v>
      </c>
      <c r="N2249" s="115">
        <v>0</v>
      </c>
      <c r="O2249" s="115">
        <v>0</v>
      </c>
      <c r="P2249" s="115" t="s">
        <v>400</v>
      </c>
      <c r="Q2249" s="115" t="s">
        <v>400</v>
      </c>
      <c r="R2249" s="115">
        <v>0</v>
      </c>
      <c r="S2249" s="115">
        <v>0</v>
      </c>
      <c r="T2249" s="115">
        <v>0</v>
      </c>
      <c r="U2249" s="113" t="s">
        <v>174</v>
      </c>
      <c r="V2249" s="113" t="s">
        <v>174</v>
      </c>
      <c r="W2249" s="113" t="s">
        <v>174</v>
      </c>
      <c r="X2249" s="113" t="s">
        <v>174</v>
      </c>
      <c r="Y2249" s="113" t="s">
        <v>174</v>
      </c>
      <c r="Z2249" s="113" t="s">
        <v>174</v>
      </c>
      <c r="AA2249" s="113" t="s">
        <v>174</v>
      </c>
      <c r="AB2249" s="113" t="s">
        <v>174</v>
      </c>
      <c r="AC2249" s="113" t="s">
        <v>174</v>
      </c>
      <c r="AD2249" s="113" t="s">
        <v>174</v>
      </c>
      <c r="AE2249" s="113" t="s">
        <v>174</v>
      </c>
      <c r="AF2249" s="113" t="s">
        <v>174</v>
      </c>
      <c r="AG2249" s="113" t="s">
        <v>174</v>
      </c>
      <c r="AH2249" s="113" t="s">
        <v>174</v>
      </c>
      <c r="AI2249" s="113" t="s">
        <v>174</v>
      </c>
      <c r="AJ2249" s="113" t="s">
        <v>174</v>
      </c>
      <c r="AK2249" s="113" t="s">
        <v>174</v>
      </c>
      <c r="AL2249" s="113" t="s">
        <v>174</v>
      </c>
      <c r="AM2249" s="113" t="s">
        <v>174</v>
      </c>
      <c r="AN2249" s="113" t="s">
        <v>174</v>
      </c>
      <c r="AO2249" s="113" t="s">
        <v>174</v>
      </c>
      <c r="AP2249" s="113" t="s">
        <v>174</v>
      </c>
      <c r="AQ2249" s="113" t="s">
        <v>174</v>
      </c>
      <c r="AR2249" s="113" t="s">
        <v>174</v>
      </c>
      <c r="AS2249" s="113" t="s">
        <v>174</v>
      </c>
      <c r="AT2249" s="121" t="s">
        <v>174</v>
      </c>
      <c r="AU2249" s="113" t="s">
        <v>174</v>
      </c>
      <c r="AV2249" s="113" t="s">
        <v>174</v>
      </c>
      <c r="AW2249" s="113" t="s">
        <v>174</v>
      </c>
      <c r="AX2249" s="113"/>
      <c r="AY2249" s="113"/>
      <c r="AZ2249" s="113"/>
      <c r="BA2249" s="113"/>
      <c r="BB2249" s="107">
        <v>45884</v>
      </c>
    </row>
    <row r="2250" spans="1:54" s="207" customFormat="1" ht="13.95" customHeight="1" x14ac:dyDescent="0.25">
      <c r="A2250" s="208" t="s">
        <v>5375</v>
      </c>
      <c r="B2250" s="209" t="s">
        <v>20420</v>
      </c>
      <c r="C2250" s="113" t="s">
        <v>5376</v>
      </c>
      <c r="D2250" s="113" t="s">
        <v>23801</v>
      </c>
      <c r="E2250" s="210">
        <v>1970</v>
      </c>
      <c r="F2250" s="210">
        <v>12851</v>
      </c>
      <c r="G2250" s="113" t="s">
        <v>3</v>
      </c>
      <c r="H2250" s="113">
        <v>0</v>
      </c>
      <c r="I2250" s="113">
        <v>0</v>
      </c>
      <c r="J2250" s="115">
        <v>1</v>
      </c>
      <c r="K2250" s="116" t="s">
        <v>174</v>
      </c>
      <c r="L2250" s="115">
        <v>0</v>
      </c>
      <c r="M2250" s="115">
        <v>0</v>
      </c>
      <c r="N2250" s="115">
        <v>0</v>
      </c>
      <c r="O2250" s="115">
        <v>0</v>
      </c>
      <c r="P2250" s="115" t="s">
        <v>400</v>
      </c>
      <c r="Q2250" s="115" t="s">
        <v>400</v>
      </c>
      <c r="R2250" s="115">
        <v>0</v>
      </c>
      <c r="S2250" s="115">
        <v>0</v>
      </c>
      <c r="T2250" s="115">
        <v>0</v>
      </c>
      <c r="U2250" s="113"/>
      <c r="V2250" s="113"/>
      <c r="W2250" s="113"/>
      <c r="X2250" s="113"/>
      <c r="Y2250" s="113"/>
      <c r="Z2250" s="113"/>
      <c r="AA2250" s="113"/>
      <c r="AB2250" s="113"/>
      <c r="AC2250" s="113"/>
      <c r="AD2250" s="113"/>
      <c r="AE2250" s="113"/>
      <c r="AF2250" s="113"/>
      <c r="AG2250" s="113"/>
      <c r="AH2250" s="113"/>
      <c r="AI2250" s="113"/>
      <c r="AJ2250" s="113"/>
      <c r="AK2250" s="113"/>
      <c r="AL2250" s="113"/>
      <c r="AM2250" s="113"/>
      <c r="AN2250" s="113"/>
      <c r="AO2250" s="113"/>
      <c r="AP2250" s="113"/>
      <c r="AQ2250" s="113"/>
      <c r="AR2250" s="113"/>
      <c r="AS2250" s="113"/>
      <c r="AT2250" s="113"/>
      <c r="AU2250" s="113"/>
      <c r="AV2250" s="113"/>
      <c r="AW2250" s="113"/>
      <c r="AX2250" s="113"/>
      <c r="AY2250" s="113"/>
      <c r="AZ2250" s="113"/>
      <c r="BA2250" s="113"/>
      <c r="BB2250" s="107">
        <v>45884</v>
      </c>
    </row>
    <row r="2251" spans="1:54" s="207" customFormat="1" ht="13.95" customHeight="1" x14ac:dyDescent="0.25">
      <c r="A2251" s="208" t="s">
        <v>5377</v>
      </c>
      <c r="B2251" s="209" t="s">
        <v>20420</v>
      </c>
      <c r="C2251" s="113" t="s">
        <v>5378</v>
      </c>
      <c r="D2251" s="113" t="s">
        <v>23802</v>
      </c>
      <c r="E2251" s="210">
        <v>1972</v>
      </c>
      <c r="F2251" s="210">
        <v>5230</v>
      </c>
      <c r="G2251" s="113" t="s">
        <v>1</v>
      </c>
      <c r="H2251" s="113">
        <v>0</v>
      </c>
      <c r="I2251" s="113">
        <v>0</v>
      </c>
      <c r="J2251" s="115">
        <v>1</v>
      </c>
      <c r="K2251" s="116" t="s">
        <v>174</v>
      </c>
      <c r="L2251" s="115">
        <v>1</v>
      </c>
      <c r="M2251" s="115">
        <v>0</v>
      </c>
      <c r="N2251" s="115">
        <v>1</v>
      </c>
      <c r="O2251" s="115">
        <v>1</v>
      </c>
      <c r="P2251" s="115">
        <v>1</v>
      </c>
      <c r="Q2251" s="115" t="s">
        <v>400</v>
      </c>
      <c r="R2251" s="115">
        <v>1</v>
      </c>
      <c r="S2251" s="115">
        <v>0</v>
      </c>
      <c r="T2251" s="115">
        <v>0</v>
      </c>
      <c r="U2251" s="119"/>
      <c r="V2251" s="119"/>
      <c r="W2251" s="119"/>
      <c r="X2251" s="119"/>
      <c r="Y2251" s="119"/>
      <c r="Z2251" s="119"/>
      <c r="AA2251" s="119"/>
      <c r="AB2251" s="119"/>
      <c r="AC2251" s="119"/>
      <c r="AD2251" s="119"/>
      <c r="AE2251" s="119"/>
      <c r="AF2251" s="119"/>
      <c r="AG2251" s="119"/>
      <c r="AH2251" s="119"/>
      <c r="AI2251" s="119"/>
      <c r="AJ2251" s="119"/>
      <c r="AK2251" s="119"/>
      <c r="AL2251" s="119"/>
      <c r="AM2251" s="119"/>
      <c r="AN2251" s="119"/>
      <c r="AO2251" s="119"/>
      <c r="AP2251" s="119"/>
      <c r="AQ2251" s="119"/>
      <c r="AR2251" s="119"/>
      <c r="AS2251" s="119"/>
      <c r="AT2251" s="119"/>
      <c r="AU2251" s="119"/>
      <c r="AV2251" s="119"/>
      <c r="AW2251" s="119"/>
      <c r="AX2251" s="119"/>
      <c r="AY2251" s="119"/>
      <c r="AZ2251" s="119"/>
      <c r="BA2251" s="119"/>
      <c r="BB2251" s="107">
        <v>45884</v>
      </c>
    </row>
    <row r="2252" spans="1:54" s="207" customFormat="1" ht="13.95" customHeight="1" x14ac:dyDescent="0.25">
      <c r="A2252" s="208" t="s">
        <v>5379</v>
      </c>
      <c r="B2252" s="209" t="s">
        <v>20420</v>
      </c>
      <c r="C2252" s="113" t="s">
        <v>5380</v>
      </c>
      <c r="D2252" s="113" t="s">
        <v>5381</v>
      </c>
      <c r="E2252" s="210">
        <v>1975</v>
      </c>
      <c r="F2252" s="210">
        <v>5249</v>
      </c>
      <c r="G2252" s="113" t="s">
        <v>1</v>
      </c>
      <c r="H2252" s="113">
        <v>0</v>
      </c>
      <c r="I2252" s="113">
        <v>0</v>
      </c>
      <c r="J2252" s="115">
        <v>1</v>
      </c>
      <c r="K2252" s="116" t="s">
        <v>174</v>
      </c>
      <c r="L2252" s="115">
        <v>0</v>
      </c>
      <c r="M2252" s="115">
        <v>0</v>
      </c>
      <c r="N2252" s="115">
        <v>0</v>
      </c>
      <c r="O2252" s="115">
        <v>0</v>
      </c>
      <c r="P2252" s="115" t="s">
        <v>400</v>
      </c>
      <c r="Q2252" s="115" t="s">
        <v>400</v>
      </c>
      <c r="R2252" s="115">
        <v>0</v>
      </c>
      <c r="S2252" s="115">
        <v>0</v>
      </c>
      <c r="T2252" s="115">
        <v>0</v>
      </c>
      <c r="U2252" s="119"/>
      <c r="V2252" s="119"/>
      <c r="W2252" s="119"/>
      <c r="X2252" s="119"/>
      <c r="Y2252" s="119"/>
      <c r="Z2252" s="119"/>
      <c r="AA2252" s="119"/>
      <c r="AB2252" s="119"/>
      <c r="AC2252" s="119"/>
      <c r="AD2252" s="119"/>
      <c r="AE2252" s="119"/>
      <c r="AF2252" s="119"/>
      <c r="AG2252" s="119"/>
      <c r="AH2252" s="119"/>
      <c r="AI2252" s="119"/>
      <c r="AJ2252" s="119"/>
      <c r="AK2252" s="119"/>
      <c r="AL2252" s="119"/>
      <c r="AM2252" s="119"/>
      <c r="AN2252" s="119"/>
      <c r="AO2252" s="119"/>
      <c r="AP2252" s="119"/>
      <c r="AQ2252" s="119"/>
      <c r="AR2252" s="119"/>
      <c r="AS2252" s="119"/>
      <c r="AT2252" s="119"/>
      <c r="AU2252" s="119"/>
      <c r="AV2252" s="119"/>
      <c r="AW2252" s="119"/>
      <c r="AX2252" s="119"/>
      <c r="AY2252" s="119"/>
      <c r="AZ2252" s="119"/>
      <c r="BA2252" s="119"/>
      <c r="BB2252" s="107">
        <v>45884</v>
      </c>
    </row>
    <row r="2253" spans="1:54" s="207" customFormat="1" ht="13.95" customHeight="1" x14ac:dyDescent="0.25">
      <c r="A2253" s="208" t="s">
        <v>5382</v>
      </c>
      <c r="B2253" s="209" t="s">
        <v>20420</v>
      </c>
      <c r="C2253" s="113" t="s">
        <v>5383</v>
      </c>
      <c r="D2253" s="113" t="s">
        <v>5384</v>
      </c>
      <c r="E2253" s="210">
        <v>1982</v>
      </c>
      <c r="F2253" s="210">
        <v>5263</v>
      </c>
      <c r="G2253" s="113" t="s">
        <v>1</v>
      </c>
      <c r="H2253" s="113">
        <v>0</v>
      </c>
      <c r="I2253" s="113">
        <v>0</v>
      </c>
      <c r="J2253" s="115">
        <v>1</v>
      </c>
      <c r="K2253" s="116" t="s">
        <v>174</v>
      </c>
      <c r="L2253" s="115">
        <v>1</v>
      </c>
      <c r="M2253" s="115">
        <v>1</v>
      </c>
      <c r="N2253" s="115">
        <v>0</v>
      </c>
      <c r="O2253" s="115">
        <v>1</v>
      </c>
      <c r="P2253" s="115" t="s">
        <v>400</v>
      </c>
      <c r="Q2253" s="115">
        <v>1</v>
      </c>
      <c r="R2253" s="115">
        <v>1</v>
      </c>
      <c r="S2253" s="115">
        <v>0</v>
      </c>
      <c r="T2253" s="115">
        <v>0</v>
      </c>
      <c r="U2253" s="119"/>
      <c r="V2253" s="119"/>
      <c r="W2253" s="119"/>
      <c r="X2253" s="119"/>
      <c r="Y2253" s="119"/>
      <c r="Z2253" s="119"/>
      <c r="AA2253" s="119"/>
      <c r="AB2253" s="119"/>
      <c r="AC2253" s="119"/>
      <c r="AD2253" s="119"/>
      <c r="AE2253" s="119"/>
      <c r="AF2253" s="119"/>
      <c r="AG2253" s="119"/>
      <c r="AH2253" s="119"/>
      <c r="AI2253" s="119"/>
      <c r="AJ2253" s="119"/>
      <c r="AK2253" s="119"/>
      <c r="AL2253" s="119"/>
      <c r="AM2253" s="119"/>
      <c r="AN2253" s="119"/>
      <c r="AO2253" s="119"/>
      <c r="AP2253" s="119"/>
      <c r="AQ2253" s="119"/>
      <c r="AR2253" s="119"/>
      <c r="AS2253" s="119"/>
      <c r="AT2253" s="119"/>
      <c r="AU2253" s="119"/>
      <c r="AV2253" s="119"/>
      <c r="AW2253" s="119"/>
      <c r="AX2253" s="119"/>
      <c r="AY2253" s="119"/>
      <c r="AZ2253" s="119"/>
      <c r="BA2253" s="119"/>
      <c r="BB2253" s="107">
        <v>45884</v>
      </c>
    </row>
    <row r="2254" spans="1:54" s="207" customFormat="1" ht="13.95" customHeight="1" x14ac:dyDescent="0.25">
      <c r="A2254" s="208" t="s">
        <v>5385</v>
      </c>
      <c r="B2254" s="209" t="s">
        <v>20420</v>
      </c>
      <c r="C2254" s="113" t="s">
        <v>5386</v>
      </c>
      <c r="D2254" s="113" t="s">
        <v>5387</v>
      </c>
      <c r="E2254" s="210">
        <v>1989</v>
      </c>
      <c r="F2254" s="210">
        <v>5279</v>
      </c>
      <c r="G2254" s="113" t="s">
        <v>1</v>
      </c>
      <c r="H2254" s="113">
        <v>0</v>
      </c>
      <c r="I2254" s="113">
        <v>0</v>
      </c>
      <c r="J2254" s="115">
        <v>1</v>
      </c>
      <c r="K2254" s="116" t="s">
        <v>174</v>
      </c>
      <c r="L2254" s="115">
        <v>0</v>
      </c>
      <c r="M2254" s="115">
        <v>0</v>
      </c>
      <c r="N2254" s="115">
        <v>0</v>
      </c>
      <c r="O2254" s="115">
        <v>0</v>
      </c>
      <c r="P2254" s="115" t="s">
        <v>400</v>
      </c>
      <c r="Q2254" s="115" t="s">
        <v>400</v>
      </c>
      <c r="R2254" s="115">
        <v>0</v>
      </c>
      <c r="S2254" s="115">
        <v>0</v>
      </c>
      <c r="T2254" s="115">
        <v>0</v>
      </c>
      <c r="U2254" s="119"/>
      <c r="V2254" s="119"/>
      <c r="W2254" s="119"/>
      <c r="X2254" s="119"/>
      <c r="Y2254" s="119"/>
      <c r="Z2254" s="119"/>
      <c r="AA2254" s="119"/>
      <c r="AB2254" s="119"/>
      <c r="AC2254" s="119"/>
      <c r="AD2254" s="119"/>
      <c r="AE2254" s="119"/>
      <c r="AF2254" s="119"/>
      <c r="AG2254" s="119"/>
      <c r="AH2254" s="119"/>
      <c r="AI2254" s="119"/>
      <c r="AJ2254" s="119"/>
      <c r="AK2254" s="119"/>
      <c r="AL2254" s="119"/>
      <c r="AM2254" s="119"/>
      <c r="AN2254" s="119"/>
      <c r="AO2254" s="119"/>
      <c r="AP2254" s="119"/>
      <c r="AQ2254" s="119"/>
      <c r="AR2254" s="119"/>
      <c r="AS2254" s="119"/>
      <c r="AT2254" s="119"/>
      <c r="AU2254" s="119"/>
      <c r="AV2254" s="119"/>
      <c r="AW2254" s="119"/>
      <c r="AX2254" s="119"/>
      <c r="AY2254" s="119"/>
      <c r="AZ2254" s="119"/>
      <c r="BA2254" s="119"/>
      <c r="BB2254" s="107">
        <v>45884</v>
      </c>
    </row>
    <row r="2255" spans="1:54" s="207" customFormat="1" ht="13.95" customHeight="1" x14ac:dyDescent="0.25">
      <c r="A2255" s="208" t="s">
        <v>5388</v>
      </c>
      <c r="B2255" s="209" t="s">
        <v>20420</v>
      </c>
      <c r="C2255" s="113" t="s">
        <v>5389</v>
      </c>
      <c r="D2255" s="113" t="s">
        <v>5390</v>
      </c>
      <c r="E2255" s="210">
        <v>1992</v>
      </c>
      <c r="F2255" s="210">
        <v>5280</v>
      </c>
      <c r="G2255" s="113" t="s">
        <v>1</v>
      </c>
      <c r="H2255" s="113">
        <v>0</v>
      </c>
      <c r="I2255" s="113">
        <v>0</v>
      </c>
      <c r="J2255" s="115">
        <v>1</v>
      </c>
      <c r="K2255" s="116" t="s">
        <v>174</v>
      </c>
      <c r="L2255" s="115">
        <v>1</v>
      </c>
      <c r="M2255" s="115">
        <v>1</v>
      </c>
      <c r="N2255" s="115">
        <v>0</v>
      </c>
      <c r="O2255" s="115">
        <v>1</v>
      </c>
      <c r="P2255" s="115">
        <v>1</v>
      </c>
      <c r="Q2255" s="115" t="s">
        <v>400</v>
      </c>
      <c r="R2255" s="115">
        <v>1</v>
      </c>
      <c r="S2255" s="115">
        <v>0</v>
      </c>
      <c r="T2255" s="115">
        <v>0</v>
      </c>
      <c r="U2255" s="119"/>
      <c r="V2255" s="119"/>
      <c r="W2255" s="119"/>
      <c r="X2255" s="119"/>
      <c r="Y2255" s="119"/>
      <c r="Z2255" s="119"/>
      <c r="AA2255" s="119"/>
      <c r="AB2255" s="119"/>
      <c r="AC2255" s="119"/>
      <c r="AD2255" s="119"/>
      <c r="AE2255" s="119"/>
      <c r="AF2255" s="119"/>
      <c r="AG2255" s="119"/>
      <c r="AH2255" s="119"/>
      <c r="AI2255" s="119"/>
      <c r="AJ2255" s="119"/>
      <c r="AK2255" s="119"/>
      <c r="AL2255" s="119"/>
      <c r="AM2255" s="119"/>
      <c r="AN2255" s="119"/>
      <c r="AO2255" s="119"/>
      <c r="AP2255" s="119"/>
      <c r="AQ2255" s="119"/>
      <c r="AR2255" s="119"/>
      <c r="AS2255" s="119"/>
      <c r="AT2255" s="119"/>
      <c r="AU2255" s="119"/>
      <c r="AV2255" s="119"/>
      <c r="AW2255" s="119"/>
      <c r="AX2255" s="119"/>
      <c r="AY2255" s="119"/>
      <c r="AZ2255" s="119"/>
      <c r="BA2255" s="119"/>
      <c r="BB2255" s="107">
        <v>45884</v>
      </c>
    </row>
    <row r="2256" spans="1:54" s="207" customFormat="1" ht="13.95" customHeight="1" x14ac:dyDescent="0.25">
      <c r="A2256" s="208" t="s">
        <v>5391</v>
      </c>
      <c r="B2256" s="209" t="s">
        <v>20420</v>
      </c>
      <c r="C2256" s="113" t="s">
        <v>5392</v>
      </c>
      <c r="D2256" s="113" t="s">
        <v>23803</v>
      </c>
      <c r="E2256" s="210">
        <v>2004</v>
      </c>
      <c r="F2256" s="210">
        <v>5306</v>
      </c>
      <c r="G2256" s="113" t="s">
        <v>1</v>
      </c>
      <c r="H2256" s="113">
        <v>1</v>
      </c>
      <c r="I2256" s="113">
        <v>1</v>
      </c>
      <c r="J2256" s="115">
        <v>1</v>
      </c>
      <c r="K2256" s="116" t="s">
        <v>174</v>
      </c>
      <c r="L2256" s="115">
        <v>1</v>
      </c>
      <c r="M2256" s="115">
        <v>0</v>
      </c>
      <c r="N2256" s="115">
        <v>0</v>
      </c>
      <c r="O2256" s="115">
        <v>1</v>
      </c>
      <c r="P2256" s="115">
        <v>1</v>
      </c>
      <c r="Q2256" s="115" t="s">
        <v>400</v>
      </c>
      <c r="R2256" s="115">
        <v>1</v>
      </c>
      <c r="S2256" s="115">
        <v>0</v>
      </c>
      <c r="T2256" s="115">
        <v>0</v>
      </c>
      <c r="U2256" s="119"/>
      <c r="V2256" s="119"/>
      <c r="W2256" s="119"/>
      <c r="X2256" s="119"/>
      <c r="Y2256" s="119"/>
      <c r="Z2256" s="119"/>
      <c r="AA2256" s="119"/>
      <c r="AB2256" s="119"/>
      <c r="AC2256" s="119"/>
      <c r="AD2256" s="119"/>
      <c r="AE2256" s="119"/>
      <c r="AF2256" s="119"/>
      <c r="AG2256" s="119"/>
      <c r="AH2256" s="119"/>
      <c r="AI2256" s="119"/>
      <c r="AJ2256" s="119"/>
      <c r="AK2256" s="119"/>
      <c r="AL2256" s="119"/>
      <c r="AM2256" s="119"/>
      <c r="AN2256" s="119"/>
      <c r="AO2256" s="119"/>
      <c r="AP2256" s="119"/>
      <c r="AQ2256" s="119"/>
      <c r="AR2256" s="119"/>
      <c r="AS2256" s="119"/>
      <c r="AT2256" s="119"/>
      <c r="AU2256" s="119"/>
      <c r="AV2256" s="119"/>
      <c r="AW2256" s="119"/>
      <c r="AX2256" s="119"/>
      <c r="AY2256" s="119"/>
      <c r="AZ2256" s="119"/>
      <c r="BA2256" s="119"/>
      <c r="BB2256" s="107">
        <v>45884</v>
      </c>
    </row>
    <row r="2257" spans="1:54" s="207" customFormat="1" ht="13.95" customHeight="1" x14ac:dyDescent="0.25">
      <c r="A2257" s="208" t="s">
        <v>5393</v>
      </c>
      <c r="B2257" s="209" t="s">
        <v>20420</v>
      </c>
      <c r="C2257" s="113" t="s">
        <v>5394</v>
      </c>
      <c r="D2257" s="113" t="s">
        <v>23804</v>
      </c>
      <c r="E2257" s="210">
        <v>1971</v>
      </c>
      <c r="F2257" s="210">
        <v>5335</v>
      </c>
      <c r="G2257" s="113" t="s">
        <v>1</v>
      </c>
      <c r="H2257" s="113">
        <v>0</v>
      </c>
      <c r="I2257" s="113">
        <v>0</v>
      </c>
      <c r="J2257" s="115">
        <v>1</v>
      </c>
      <c r="K2257" s="116" t="s">
        <v>174</v>
      </c>
      <c r="L2257" s="115">
        <v>1</v>
      </c>
      <c r="M2257" s="115">
        <v>0</v>
      </c>
      <c r="N2257" s="115">
        <v>0</v>
      </c>
      <c r="O2257" s="115">
        <v>1</v>
      </c>
      <c r="P2257" s="115">
        <v>1</v>
      </c>
      <c r="Q2257" s="115" t="s">
        <v>400</v>
      </c>
      <c r="R2257" s="115">
        <v>1</v>
      </c>
      <c r="S2257" s="115">
        <v>0</v>
      </c>
      <c r="T2257" s="115">
        <v>0</v>
      </c>
      <c r="U2257" s="119"/>
      <c r="V2257" s="119"/>
      <c r="W2257" s="119"/>
      <c r="X2257" s="119"/>
      <c r="Y2257" s="119"/>
      <c r="Z2257" s="119"/>
      <c r="AA2257" s="119"/>
      <c r="AB2257" s="119"/>
      <c r="AC2257" s="119"/>
      <c r="AD2257" s="119"/>
      <c r="AE2257" s="119"/>
      <c r="AF2257" s="122">
        <v>1</v>
      </c>
      <c r="AG2257" s="119"/>
      <c r="AH2257" s="119"/>
      <c r="AI2257" s="119"/>
      <c r="AJ2257" s="119"/>
      <c r="AK2257" s="119"/>
      <c r="AL2257" s="119"/>
      <c r="AM2257" s="119"/>
      <c r="AN2257" s="119"/>
      <c r="AO2257" s="119"/>
      <c r="AP2257" s="119"/>
      <c r="AQ2257" s="119"/>
      <c r="AR2257" s="119"/>
      <c r="AS2257" s="119"/>
      <c r="AT2257" s="119"/>
      <c r="AU2257" s="119"/>
      <c r="AV2257" s="119"/>
      <c r="AW2257" s="119"/>
      <c r="AX2257" s="119"/>
      <c r="AY2257" s="119"/>
      <c r="AZ2257" s="123" t="s">
        <v>23203</v>
      </c>
      <c r="BA2257" s="122" t="s">
        <v>19478</v>
      </c>
      <c r="BB2257" s="107">
        <v>45884</v>
      </c>
    </row>
    <row r="2258" spans="1:54" s="207" customFormat="1" ht="13.95" customHeight="1" x14ac:dyDescent="0.25">
      <c r="A2258" s="208" t="s">
        <v>5395</v>
      </c>
      <c r="B2258" s="209" t="s">
        <v>20420</v>
      </c>
      <c r="C2258" s="113" t="s">
        <v>5396</v>
      </c>
      <c r="D2258" s="113" t="s">
        <v>5397</v>
      </c>
      <c r="E2258" s="210">
        <v>1966</v>
      </c>
      <c r="F2258" s="210">
        <v>5363</v>
      </c>
      <c r="G2258" s="113" t="s">
        <v>1</v>
      </c>
      <c r="H2258" s="113">
        <v>1</v>
      </c>
      <c r="I2258" s="113">
        <v>1</v>
      </c>
      <c r="J2258" s="115">
        <v>1</v>
      </c>
      <c r="K2258" s="116" t="s">
        <v>174</v>
      </c>
      <c r="L2258" s="115">
        <v>1</v>
      </c>
      <c r="M2258" s="115">
        <v>1</v>
      </c>
      <c r="N2258" s="115">
        <v>1</v>
      </c>
      <c r="O2258" s="115">
        <v>1</v>
      </c>
      <c r="P2258" s="115" t="s">
        <v>400</v>
      </c>
      <c r="Q2258" s="115" t="s">
        <v>400</v>
      </c>
      <c r="R2258" s="115">
        <v>0</v>
      </c>
      <c r="S2258" s="115">
        <v>0</v>
      </c>
      <c r="T2258" s="115">
        <v>0</v>
      </c>
      <c r="U2258" s="119"/>
      <c r="V2258" s="119"/>
      <c r="W2258" s="119"/>
      <c r="X2258" s="119"/>
      <c r="Y2258" s="119"/>
      <c r="Z2258" s="119"/>
      <c r="AA2258" s="119"/>
      <c r="AB2258" s="119"/>
      <c r="AC2258" s="119"/>
      <c r="AD2258" s="119"/>
      <c r="AE2258" s="119"/>
      <c r="AF2258" s="119"/>
      <c r="AG2258" s="119"/>
      <c r="AH2258" s="119"/>
      <c r="AI2258" s="119"/>
      <c r="AJ2258" s="119"/>
      <c r="AK2258" s="119"/>
      <c r="AL2258" s="119"/>
      <c r="AM2258" s="119"/>
      <c r="AN2258" s="119"/>
      <c r="AO2258" s="119"/>
      <c r="AP2258" s="119"/>
      <c r="AQ2258" s="119"/>
      <c r="AR2258" s="119"/>
      <c r="AS2258" s="119"/>
      <c r="AT2258" s="119"/>
      <c r="AU2258" s="119"/>
      <c r="AV2258" s="119"/>
      <c r="AW2258" s="119"/>
      <c r="AX2258" s="119"/>
      <c r="AY2258" s="119"/>
      <c r="AZ2258" s="119"/>
      <c r="BA2258" s="119"/>
      <c r="BB2258" s="107">
        <v>45884</v>
      </c>
    </row>
    <row r="2259" spans="1:54" s="207" customFormat="1" ht="13.95" customHeight="1" x14ac:dyDescent="0.25">
      <c r="A2259" s="208" t="s">
        <v>5398</v>
      </c>
      <c r="B2259" s="209" t="s">
        <v>20420</v>
      </c>
      <c r="C2259" s="113" t="s">
        <v>5399</v>
      </c>
      <c r="D2259" s="113" t="s">
        <v>5400</v>
      </c>
      <c r="E2259" s="210">
        <v>1986</v>
      </c>
      <c r="F2259" s="210">
        <v>5390</v>
      </c>
      <c r="G2259" s="113" t="s">
        <v>1</v>
      </c>
      <c r="H2259" s="113">
        <v>0</v>
      </c>
      <c r="I2259" s="113">
        <v>0</v>
      </c>
      <c r="J2259" s="115">
        <v>1</v>
      </c>
      <c r="K2259" s="116" t="s">
        <v>174</v>
      </c>
      <c r="L2259" s="115">
        <v>1</v>
      </c>
      <c r="M2259" s="115">
        <v>1</v>
      </c>
      <c r="N2259" s="115">
        <v>0</v>
      </c>
      <c r="O2259" s="115">
        <v>0</v>
      </c>
      <c r="P2259" s="115" t="s">
        <v>400</v>
      </c>
      <c r="Q2259" s="115" t="s">
        <v>400</v>
      </c>
      <c r="R2259" s="115">
        <v>0</v>
      </c>
      <c r="S2259" s="115">
        <v>0</v>
      </c>
      <c r="T2259" s="115">
        <v>0</v>
      </c>
      <c r="U2259" s="119"/>
      <c r="V2259" s="119"/>
      <c r="W2259" s="119"/>
      <c r="X2259" s="119"/>
      <c r="Y2259" s="119"/>
      <c r="Z2259" s="119"/>
      <c r="AA2259" s="119"/>
      <c r="AB2259" s="119"/>
      <c r="AC2259" s="119"/>
      <c r="AD2259" s="119"/>
      <c r="AE2259" s="119"/>
      <c r="AF2259" s="119"/>
      <c r="AG2259" s="119"/>
      <c r="AH2259" s="119"/>
      <c r="AI2259" s="119"/>
      <c r="AJ2259" s="119"/>
      <c r="AK2259" s="119"/>
      <c r="AL2259" s="119"/>
      <c r="AM2259" s="119"/>
      <c r="AN2259" s="119"/>
      <c r="AO2259" s="119"/>
      <c r="AP2259" s="119"/>
      <c r="AQ2259" s="119"/>
      <c r="AR2259" s="119"/>
      <c r="AS2259" s="119"/>
      <c r="AT2259" s="119"/>
      <c r="AU2259" s="119"/>
      <c r="AV2259" s="119"/>
      <c r="AW2259" s="119"/>
      <c r="AX2259" s="119"/>
      <c r="AY2259" s="119"/>
      <c r="AZ2259" s="119"/>
      <c r="BA2259" s="119"/>
      <c r="BB2259" s="107">
        <v>45884</v>
      </c>
    </row>
    <row r="2260" spans="1:54" s="207" customFormat="1" ht="13.95" customHeight="1" x14ac:dyDescent="0.25">
      <c r="A2260" s="208" t="s">
        <v>5401</v>
      </c>
      <c r="B2260" s="209" t="s">
        <v>20420</v>
      </c>
      <c r="C2260" s="113" t="s">
        <v>5402</v>
      </c>
      <c r="D2260" s="113" t="s">
        <v>23805</v>
      </c>
      <c r="E2260" s="210">
        <v>1983</v>
      </c>
      <c r="F2260" s="210">
        <v>5445</v>
      </c>
      <c r="G2260" s="113" t="s">
        <v>1</v>
      </c>
      <c r="H2260" s="113">
        <v>0</v>
      </c>
      <c r="I2260" s="113">
        <v>0</v>
      </c>
      <c r="J2260" s="115">
        <v>1</v>
      </c>
      <c r="K2260" s="116" t="s">
        <v>174</v>
      </c>
      <c r="L2260" s="115">
        <v>0</v>
      </c>
      <c r="M2260" s="115">
        <v>0</v>
      </c>
      <c r="N2260" s="115">
        <v>0</v>
      </c>
      <c r="O2260" s="115">
        <v>0</v>
      </c>
      <c r="P2260" s="115" t="s">
        <v>400</v>
      </c>
      <c r="Q2260" s="115" t="s">
        <v>400</v>
      </c>
      <c r="R2260" s="115">
        <v>0</v>
      </c>
      <c r="S2260" s="115">
        <v>0</v>
      </c>
      <c r="T2260" s="115">
        <v>0</v>
      </c>
      <c r="U2260" s="119"/>
      <c r="V2260" s="119"/>
      <c r="W2260" s="119"/>
      <c r="X2260" s="119"/>
      <c r="Y2260" s="119"/>
      <c r="Z2260" s="119"/>
      <c r="AA2260" s="119"/>
      <c r="AB2260" s="119"/>
      <c r="AC2260" s="119"/>
      <c r="AD2260" s="119"/>
      <c r="AE2260" s="119"/>
      <c r="AF2260" s="119"/>
      <c r="AG2260" s="119"/>
      <c r="AH2260" s="119"/>
      <c r="AI2260" s="119"/>
      <c r="AJ2260" s="119"/>
      <c r="AK2260" s="119"/>
      <c r="AL2260" s="119"/>
      <c r="AM2260" s="119"/>
      <c r="AN2260" s="119"/>
      <c r="AO2260" s="119"/>
      <c r="AP2260" s="119"/>
      <c r="AQ2260" s="119"/>
      <c r="AR2260" s="119"/>
      <c r="AS2260" s="119"/>
      <c r="AT2260" s="119"/>
      <c r="AU2260" s="119"/>
      <c r="AV2260" s="119"/>
      <c r="AW2260" s="119"/>
      <c r="AX2260" s="119"/>
      <c r="AY2260" s="119"/>
      <c r="AZ2260" s="119"/>
      <c r="BA2260" s="119"/>
      <c r="BB2260" s="107">
        <v>45884</v>
      </c>
    </row>
    <row r="2261" spans="1:54" s="207" customFormat="1" ht="13.95" customHeight="1" x14ac:dyDescent="0.25">
      <c r="A2261" s="208" t="s">
        <v>5403</v>
      </c>
      <c r="B2261" s="209" t="s">
        <v>20420</v>
      </c>
      <c r="C2261" s="113" t="s">
        <v>5404</v>
      </c>
      <c r="D2261" s="113" t="s">
        <v>5405</v>
      </c>
      <c r="E2261" s="210">
        <v>1977</v>
      </c>
      <c r="F2261" s="210">
        <v>5489</v>
      </c>
      <c r="G2261" s="113" t="s">
        <v>1</v>
      </c>
      <c r="H2261" s="113">
        <v>1</v>
      </c>
      <c r="I2261" s="113">
        <v>0</v>
      </c>
      <c r="J2261" s="115">
        <v>1</v>
      </c>
      <c r="K2261" s="116" t="s">
        <v>174</v>
      </c>
      <c r="L2261" s="115">
        <v>1</v>
      </c>
      <c r="M2261" s="115">
        <v>0</v>
      </c>
      <c r="N2261" s="115">
        <v>0</v>
      </c>
      <c r="O2261" s="115">
        <v>1</v>
      </c>
      <c r="P2261" s="115">
        <v>1</v>
      </c>
      <c r="Q2261" s="115" t="s">
        <v>400</v>
      </c>
      <c r="R2261" s="115">
        <v>1</v>
      </c>
      <c r="S2261" s="115">
        <v>1</v>
      </c>
      <c r="T2261" s="115">
        <v>0</v>
      </c>
      <c r="U2261" s="119"/>
      <c r="V2261" s="119"/>
      <c r="W2261" s="119"/>
      <c r="X2261" s="119"/>
      <c r="Y2261" s="119"/>
      <c r="Z2261" s="119"/>
      <c r="AA2261" s="119"/>
      <c r="AB2261" s="119"/>
      <c r="AC2261" s="119"/>
      <c r="AD2261" s="119"/>
      <c r="AE2261" s="119"/>
      <c r="AF2261" s="119"/>
      <c r="AG2261" s="119"/>
      <c r="AH2261" s="119"/>
      <c r="AI2261" s="119"/>
      <c r="AJ2261" s="119"/>
      <c r="AK2261" s="119"/>
      <c r="AL2261" s="119"/>
      <c r="AM2261" s="119"/>
      <c r="AN2261" s="119"/>
      <c r="AO2261" s="119"/>
      <c r="AP2261" s="119"/>
      <c r="AQ2261" s="119"/>
      <c r="AR2261" s="119"/>
      <c r="AS2261" s="119"/>
      <c r="AT2261" s="119"/>
      <c r="AU2261" s="119"/>
      <c r="AV2261" s="119"/>
      <c r="AW2261" s="119"/>
      <c r="AX2261" s="119"/>
      <c r="AY2261" s="119"/>
      <c r="AZ2261" s="119"/>
      <c r="BA2261" s="119"/>
      <c r="BB2261" s="107">
        <v>45884</v>
      </c>
    </row>
    <row r="2262" spans="1:54" s="207" customFormat="1" ht="13.95" customHeight="1" x14ac:dyDescent="0.25">
      <c r="A2262" s="208" t="s">
        <v>5406</v>
      </c>
      <c r="B2262" s="209" t="s">
        <v>20420</v>
      </c>
      <c r="C2262" s="113" t="s">
        <v>5407</v>
      </c>
      <c r="D2262" s="113" t="s">
        <v>5408</v>
      </c>
      <c r="E2262" s="210">
        <v>1998</v>
      </c>
      <c r="F2262" s="210">
        <v>5496</v>
      </c>
      <c r="G2262" s="113" t="s">
        <v>1</v>
      </c>
      <c r="H2262" s="113">
        <v>0</v>
      </c>
      <c r="I2262" s="113">
        <v>0</v>
      </c>
      <c r="J2262" s="115">
        <v>1</v>
      </c>
      <c r="K2262" s="116" t="s">
        <v>174</v>
      </c>
      <c r="L2262" s="115">
        <v>1</v>
      </c>
      <c r="M2262" s="115">
        <v>1</v>
      </c>
      <c r="N2262" s="115">
        <v>0</v>
      </c>
      <c r="O2262" s="115">
        <v>0</v>
      </c>
      <c r="P2262" s="115" t="s">
        <v>400</v>
      </c>
      <c r="Q2262" s="115" t="s">
        <v>400</v>
      </c>
      <c r="R2262" s="115">
        <v>0</v>
      </c>
      <c r="S2262" s="115">
        <v>0</v>
      </c>
      <c r="T2262" s="115">
        <v>0</v>
      </c>
      <c r="U2262" s="119"/>
      <c r="V2262" s="119"/>
      <c r="W2262" s="119"/>
      <c r="X2262" s="119"/>
      <c r="Y2262" s="119"/>
      <c r="Z2262" s="119"/>
      <c r="AA2262" s="119"/>
      <c r="AB2262" s="119"/>
      <c r="AC2262" s="119"/>
      <c r="AD2262" s="119"/>
      <c r="AE2262" s="119"/>
      <c r="AF2262" s="119"/>
      <c r="AG2262" s="119"/>
      <c r="AH2262" s="119"/>
      <c r="AI2262" s="119"/>
      <c r="AJ2262" s="119"/>
      <c r="AK2262" s="119"/>
      <c r="AL2262" s="119"/>
      <c r="AM2262" s="119"/>
      <c r="AN2262" s="119"/>
      <c r="AO2262" s="119"/>
      <c r="AP2262" s="119"/>
      <c r="AQ2262" s="119"/>
      <c r="AR2262" s="119"/>
      <c r="AS2262" s="119"/>
      <c r="AT2262" s="119"/>
      <c r="AU2262" s="119"/>
      <c r="AV2262" s="119"/>
      <c r="AW2262" s="119"/>
      <c r="AX2262" s="119"/>
      <c r="AY2262" s="119"/>
      <c r="AZ2262" s="119"/>
      <c r="BA2262" s="119"/>
      <c r="BB2262" s="107">
        <v>45884</v>
      </c>
    </row>
    <row r="2263" spans="1:54" s="207" customFormat="1" ht="13.95" customHeight="1" x14ac:dyDescent="0.25">
      <c r="A2263" s="208" t="s">
        <v>5409</v>
      </c>
      <c r="B2263" s="209" t="s">
        <v>20420</v>
      </c>
      <c r="C2263" s="113" t="s">
        <v>5410</v>
      </c>
      <c r="D2263" s="113" t="s">
        <v>23806</v>
      </c>
      <c r="E2263" s="210">
        <v>1996</v>
      </c>
      <c r="F2263" s="210">
        <v>5500</v>
      </c>
      <c r="G2263" s="113" t="s">
        <v>1</v>
      </c>
      <c r="H2263" s="113">
        <v>1</v>
      </c>
      <c r="I2263" s="113">
        <v>0</v>
      </c>
      <c r="J2263" s="115">
        <v>1</v>
      </c>
      <c r="K2263" s="116" t="s">
        <v>174</v>
      </c>
      <c r="L2263" s="115">
        <v>0</v>
      </c>
      <c r="M2263" s="115">
        <v>0</v>
      </c>
      <c r="N2263" s="115">
        <v>0</v>
      </c>
      <c r="O2263" s="115">
        <v>0</v>
      </c>
      <c r="P2263" s="115">
        <v>1</v>
      </c>
      <c r="Q2263" s="115" t="s">
        <v>400</v>
      </c>
      <c r="R2263" s="115">
        <v>1</v>
      </c>
      <c r="S2263" s="115">
        <v>0</v>
      </c>
      <c r="T2263" s="115">
        <v>0</v>
      </c>
      <c r="U2263" s="119"/>
      <c r="V2263" s="119"/>
      <c r="W2263" s="119"/>
      <c r="X2263" s="119"/>
      <c r="Y2263" s="119"/>
      <c r="Z2263" s="119"/>
      <c r="AA2263" s="119"/>
      <c r="AB2263" s="119"/>
      <c r="AC2263" s="119"/>
      <c r="AD2263" s="119"/>
      <c r="AE2263" s="119"/>
      <c r="AF2263" s="119"/>
      <c r="AG2263" s="119"/>
      <c r="AH2263" s="119"/>
      <c r="AI2263" s="119"/>
      <c r="AJ2263" s="119"/>
      <c r="AK2263" s="119"/>
      <c r="AL2263" s="119"/>
      <c r="AM2263" s="119"/>
      <c r="AN2263" s="119"/>
      <c r="AO2263" s="119"/>
      <c r="AP2263" s="119"/>
      <c r="AQ2263" s="119"/>
      <c r="AR2263" s="119"/>
      <c r="AS2263" s="119"/>
      <c r="AT2263" s="119"/>
      <c r="AU2263" s="119"/>
      <c r="AV2263" s="119"/>
      <c r="AW2263" s="119"/>
      <c r="AX2263" s="119"/>
      <c r="AY2263" s="119"/>
      <c r="AZ2263" s="119"/>
      <c r="BA2263" s="119"/>
      <c r="BB2263" s="107">
        <v>45884</v>
      </c>
    </row>
    <row r="2264" spans="1:54" s="207" customFormat="1" ht="13.95" customHeight="1" x14ac:dyDescent="0.25">
      <c r="A2264" s="208" t="s">
        <v>5411</v>
      </c>
      <c r="B2264" s="209" t="s">
        <v>20420</v>
      </c>
      <c r="C2264" s="113" t="s">
        <v>5412</v>
      </c>
      <c r="D2264" s="113" t="s">
        <v>23807</v>
      </c>
      <c r="E2264" s="210">
        <v>2009</v>
      </c>
      <c r="F2264" s="210">
        <v>5519</v>
      </c>
      <c r="G2264" s="113" t="s">
        <v>10</v>
      </c>
      <c r="H2264" s="113">
        <v>1</v>
      </c>
      <c r="I2264" s="113">
        <v>1</v>
      </c>
      <c r="J2264" s="115">
        <v>1</v>
      </c>
      <c r="K2264" s="116" t="s">
        <v>174</v>
      </c>
      <c r="L2264" s="115">
        <v>0</v>
      </c>
      <c r="M2264" s="115">
        <v>0</v>
      </c>
      <c r="N2264" s="115">
        <v>0</v>
      </c>
      <c r="O2264" s="115">
        <v>0</v>
      </c>
      <c r="P2264" s="115" t="s">
        <v>400</v>
      </c>
      <c r="Q2264" s="115" t="s">
        <v>400</v>
      </c>
      <c r="R2264" s="115">
        <v>0</v>
      </c>
      <c r="S2264" s="115">
        <v>0</v>
      </c>
      <c r="T2264" s="115">
        <v>0</v>
      </c>
      <c r="U2264" s="113" t="s">
        <v>174</v>
      </c>
      <c r="V2264" s="113" t="s">
        <v>174</v>
      </c>
      <c r="W2264" s="113" t="s">
        <v>174</v>
      </c>
      <c r="X2264" s="113" t="s">
        <v>174</v>
      </c>
      <c r="Y2264" s="113" t="s">
        <v>174</v>
      </c>
      <c r="Z2264" s="113" t="s">
        <v>174</v>
      </c>
      <c r="AA2264" s="113" t="s">
        <v>174</v>
      </c>
      <c r="AB2264" s="113" t="s">
        <v>174</v>
      </c>
      <c r="AC2264" s="113" t="s">
        <v>174</v>
      </c>
      <c r="AD2264" s="113" t="s">
        <v>174</v>
      </c>
      <c r="AE2264" s="113" t="s">
        <v>174</v>
      </c>
      <c r="AF2264" s="113" t="s">
        <v>174</v>
      </c>
      <c r="AG2264" s="113" t="s">
        <v>174</v>
      </c>
      <c r="AH2264" s="113" t="s">
        <v>174</v>
      </c>
      <c r="AI2264" s="113" t="s">
        <v>174</v>
      </c>
      <c r="AJ2264" s="113" t="s">
        <v>174</v>
      </c>
      <c r="AK2264" s="113" t="s">
        <v>174</v>
      </c>
      <c r="AL2264" s="113" t="s">
        <v>174</v>
      </c>
      <c r="AM2264" s="113" t="s">
        <v>174</v>
      </c>
      <c r="AN2264" s="113" t="s">
        <v>174</v>
      </c>
      <c r="AO2264" s="113" t="s">
        <v>174</v>
      </c>
      <c r="AP2264" s="113" t="s">
        <v>174</v>
      </c>
      <c r="AQ2264" s="113" t="s">
        <v>174</v>
      </c>
      <c r="AR2264" s="113" t="s">
        <v>174</v>
      </c>
      <c r="AS2264" s="113" t="s">
        <v>174</v>
      </c>
      <c r="AT2264" s="121" t="s">
        <v>174</v>
      </c>
      <c r="AU2264" s="113" t="s">
        <v>174</v>
      </c>
      <c r="AV2264" s="113" t="s">
        <v>174</v>
      </c>
      <c r="AW2264" s="113" t="s">
        <v>174</v>
      </c>
      <c r="AX2264" s="113"/>
      <c r="AY2264" s="113"/>
      <c r="AZ2264" s="113"/>
      <c r="BA2264" s="113"/>
      <c r="BB2264" s="107">
        <v>45884</v>
      </c>
    </row>
    <row r="2265" spans="1:54" s="207" customFormat="1" ht="13.95" customHeight="1" x14ac:dyDescent="0.25">
      <c r="A2265" s="208" t="s">
        <v>5413</v>
      </c>
      <c r="B2265" s="209" t="s">
        <v>20420</v>
      </c>
      <c r="C2265" s="113" t="s">
        <v>5414</v>
      </c>
      <c r="D2265" s="113" t="s">
        <v>23808</v>
      </c>
      <c r="E2265" s="210">
        <v>1987</v>
      </c>
      <c r="F2265" s="210">
        <v>5555</v>
      </c>
      <c r="G2265" s="113" t="s">
        <v>11</v>
      </c>
      <c r="H2265" s="113">
        <v>0</v>
      </c>
      <c r="I2265" s="113">
        <v>0</v>
      </c>
      <c r="J2265" s="115">
        <v>0</v>
      </c>
      <c r="K2265" s="116" t="s">
        <v>174</v>
      </c>
      <c r="L2265" s="115">
        <v>0</v>
      </c>
      <c r="M2265" s="115">
        <v>0</v>
      </c>
      <c r="N2265" s="115">
        <v>0</v>
      </c>
      <c r="O2265" s="115">
        <v>0</v>
      </c>
      <c r="P2265" s="115" t="s">
        <v>400</v>
      </c>
      <c r="Q2265" s="115" t="s">
        <v>400</v>
      </c>
      <c r="R2265" s="115">
        <v>0</v>
      </c>
      <c r="S2265" s="115">
        <v>0</v>
      </c>
      <c r="T2265" s="115">
        <v>0</v>
      </c>
      <c r="U2265" s="113" t="s">
        <v>174</v>
      </c>
      <c r="V2265" s="113" t="s">
        <v>174</v>
      </c>
      <c r="W2265" s="113" t="s">
        <v>174</v>
      </c>
      <c r="X2265" s="113" t="s">
        <v>174</v>
      </c>
      <c r="Y2265" s="113" t="s">
        <v>174</v>
      </c>
      <c r="Z2265" s="113" t="s">
        <v>174</v>
      </c>
      <c r="AA2265" s="113" t="s">
        <v>174</v>
      </c>
      <c r="AB2265" s="113" t="s">
        <v>174</v>
      </c>
      <c r="AC2265" s="113" t="s">
        <v>174</v>
      </c>
      <c r="AD2265" s="113" t="s">
        <v>174</v>
      </c>
      <c r="AE2265" s="113" t="s">
        <v>174</v>
      </c>
      <c r="AF2265" s="113" t="s">
        <v>174</v>
      </c>
      <c r="AG2265" s="113" t="s">
        <v>174</v>
      </c>
      <c r="AH2265" s="113" t="s">
        <v>174</v>
      </c>
      <c r="AI2265" s="113" t="s">
        <v>174</v>
      </c>
      <c r="AJ2265" s="113" t="s">
        <v>174</v>
      </c>
      <c r="AK2265" s="113" t="s">
        <v>174</v>
      </c>
      <c r="AL2265" s="113" t="s">
        <v>174</v>
      </c>
      <c r="AM2265" s="113" t="s">
        <v>174</v>
      </c>
      <c r="AN2265" s="113" t="s">
        <v>174</v>
      </c>
      <c r="AO2265" s="113" t="s">
        <v>174</v>
      </c>
      <c r="AP2265" s="113" t="s">
        <v>174</v>
      </c>
      <c r="AQ2265" s="113" t="s">
        <v>174</v>
      </c>
      <c r="AR2265" s="113" t="s">
        <v>174</v>
      </c>
      <c r="AS2265" s="113" t="s">
        <v>174</v>
      </c>
      <c r="AT2265" s="121" t="s">
        <v>174</v>
      </c>
      <c r="AU2265" s="113" t="s">
        <v>174</v>
      </c>
      <c r="AV2265" s="113" t="s">
        <v>174</v>
      </c>
      <c r="AW2265" s="113" t="s">
        <v>174</v>
      </c>
      <c r="AX2265" s="113"/>
      <c r="AY2265" s="113"/>
      <c r="AZ2265" s="113"/>
      <c r="BA2265" s="113"/>
      <c r="BB2265" s="107">
        <v>45884</v>
      </c>
    </row>
    <row r="2266" spans="1:54" s="207" customFormat="1" ht="13.95" customHeight="1" x14ac:dyDescent="0.25">
      <c r="A2266" s="208" t="s">
        <v>5415</v>
      </c>
      <c r="B2266" s="209" t="s">
        <v>20420</v>
      </c>
      <c r="C2266" s="113" t="s">
        <v>5416</v>
      </c>
      <c r="D2266" s="113" t="s">
        <v>5417</v>
      </c>
      <c r="E2266" s="210">
        <v>2000</v>
      </c>
      <c r="F2266" s="210">
        <v>5580</v>
      </c>
      <c r="G2266" s="113" t="s">
        <v>1</v>
      </c>
      <c r="H2266" s="113">
        <v>0</v>
      </c>
      <c r="I2266" s="113">
        <v>0</v>
      </c>
      <c r="J2266" s="115">
        <v>1</v>
      </c>
      <c r="K2266" s="116" t="s">
        <v>174</v>
      </c>
      <c r="L2266" s="115">
        <v>1</v>
      </c>
      <c r="M2266" s="115">
        <v>0</v>
      </c>
      <c r="N2266" s="115">
        <v>0</v>
      </c>
      <c r="O2266" s="115">
        <v>1</v>
      </c>
      <c r="P2266" s="115">
        <v>1</v>
      </c>
      <c r="Q2266" s="115" t="s">
        <v>400</v>
      </c>
      <c r="R2266" s="115">
        <v>1</v>
      </c>
      <c r="S2266" s="115">
        <v>0</v>
      </c>
      <c r="T2266" s="115">
        <v>0</v>
      </c>
      <c r="U2266" s="119"/>
      <c r="V2266" s="119"/>
      <c r="W2266" s="119"/>
      <c r="X2266" s="119"/>
      <c r="Y2266" s="119"/>
      <c r="Z2266" s="119"/>
      <c r="AA2266" s="119"/>
      <c r="AB2266" s="119"/>
      <c r="AC2266" s="119"/>
      <c r="AD2266" s="119"/>
      <c r="AE2266" s="119"/>
      <c r="AF2266" s="119"/>
      <c r="AG2266" s="119"/>
      <c r="AH2266" s="119"/>
      <c r="AI2266" s="119"/>
      <c r="AJ2266" s="119"/>
      <c r="AK2266" s="119"/>
      <c r="AL2266" s="119"/>
      <c r="AM2266" s="119"/>
      <c r="AN2266" s="119"/>
      <c r="AO2266" s="119"/>
      <c r="AP2266" s="119"/>
      <c r="AQ2266" s="119"/>
      <c r="AR2266" s="119"/>
      <c r="AS2266" s="119"/>
      <c r="AT2266" s="119"/>
      <c r="AU2266" s="119"/>
      <c r="AV2266" s="119"/>
      <c r="AW2266" s="119"/>
      <c r="AX2266" s="119"/>
      <c r="AY2266" s="119"/>
      <c r="AZ2266" s="119"/>
      <c r="BA2266" s="119"/>
      <c r="BB2266" s="107">
        <v>45884</v>
      </c>
    </row>
    <row r="2267" spans="1:54" s="207" customFormat="1" ht="13.95" customHeight="1" x14ac:dyDescent="0.25">
      <c r="A2267" s="208" t="s">
        <v>5418</v>
      </c>
      <c r="B2267" s="209" t="s">
        <v>20420</v>
      </c>
      <c r="C2267" s="113" t="s">
        <v>5419</v>
      </c>
      <c r="D2267" s="113" t="s">
        <v>23809</v>
      </c>
      <c r="E2267" s="210">
        <v>1987</v>
      </c>
      <c r="F2267" s="210">
        <v>5601</v>
      </c>
      <c r="G2267" s="113" t="s">
        <v>1</v>
      </c>
      <c r="H2267" s="113">
        <v>1</v>
      </c>
      <c r="I2267" s="113">
        <v>1</v>
      </c>
      <c r="J2267" s="115">
        <v>1</v>
      </c>
      <c r="K2267" s="116" t="s">
        <v>174</v>
      </c>
      <c r="L2267" s="115">
        <v>1</v>
      </c>
      <c r="M2267" s="115">
        <v>0</v>
      </c>
      <c r="N2267" s="115">
        <v>0</v>
      </c>
      <c r="O2267" s="115">
        <v>1</v>
      </c>
      <c r="P2267" s="115">
        <v>1</v>
      </c>
      <c r="Q2267" s="115" t="s">
        <v>400</v>
      </c>
      <c r="R2267" s="115">
        <v>1</v>
      </c>
      <c r="S2267" s="115">
        <v>0</v>
      </c>
      <c r="T2267" s="115">
        <v>0</v>
      </c>
      <c r="U2267" s="119"/>
      <c r="V2267" s="119"/>
      <c r="W2267" s="119"/>
      <c r="X2267" s="119"/>
      <c r="Y2267" s="119"/>
      <c r="Z2267" s="119"/>
      <c r="AA2267" s="119"/>
      <c r="AB2267" s="119"/>
      <c r="AC2267" s="119"/>
      <c r="AD2267" s="119"/>
      <c r="AE2267" s="119"/>
      <c r="AF2267" s="119"/>
      <c r="AG2267" s="119"/>
      <c r="AH2267" s="119"/>
      <c r="AI2267" s="119"/>
      <c r="AJ2267" s="119"/>
      <c r="AK2267" s="119"/>
      <c r="AL2267" s="119"/>
      <c r="AM2267" s="119"/>
      <c r="AN2267" s="119"/>
      <c r="AO2267" s="119"/>
      <c r="AP2267" s="119"/>
      <c r="AQ2267" s="119"/>
      <c r="AR2267" s="119"/>
      <c r="AS2267" s="119"/>
      <c r="AT2267" s="119"/>
      <c r="AU2267" s="119"/>
      <c r="AV2267" s="119"/>
      <c r="AW2267" s="119"/>
      <c r="AX2267" s="119"/>
      <c r="AY2267" s="119"/>
      <c r="AZ2267" s="119"/>
      <c r="BA2267" s="119"/>
      <c r="BB2267" s="107">
        <v>45884</v>
      </c>
    </row>
    <row r="2268" spans="1:54" s="207" customFormat="1" ht="13.95" customHeight="1" x14ac:dyDescent="0.25">
      <c r="A2268" s="208" t="s">
        <v>5420</v>
      </c>
      <c r="B2268" s="209" t="s">
        <v>20420</v>
      </c>
      <c r="C2268" s="113" t="s">
        <v>5421</v>
      </c>
      <c r="D2268" s="113" t="s">
        <v>23810</v>
      </c>
      <c r="E2268" s="210">
        <v>1985</v>
      </c>
      <c r="F2268" s="210">
        <v>5606</v>
      </c>
      <c r="G2268" s="113" t="s">
        <v>1</v>
      </c>
      <c r="H2268" s="113">
        <v>0</v>
      </c>
      <c r="I2268" s="113">
        <v>0</v>
      </c>
      <c r="J2268" s="115">
        <v>1</v>
      </c>
      <c r="K2268" s="116" t="s">
        <v>174</v>
      </c>
      <c r="L2268" s="115">
        <v>0</v>
      </c>
      <c r="M2268" s="115">
        <v>1</v>
      </c>
      <c r="N2268" s="115">
        <v>1</v>
      </c>
      <c r="O2268" s="115">
        <v>0</v>
      </c>
      <c r="P2268" s="115" t="s">
        <v>400</v>
      </c>
      <c r="Q2268" s="115" t="s">
        <v>400</v>
      </c>
      <c r="R2268" s="115">
        <v>0</v>
      </c>
      <c r="S2268" s="115">
        <v>0</v>
      </c>
      <c r="T2268" s="115">
        <v>0</v>
      </c>
      <c r="U2268" s="119"/>
      <c r="V2268" s="119"/>
      <c r="W2268" s="119"/>
      <c r="X2268" s="119"/>
      <c r="Y2268" s="119"/>
      <c r="Z2268" s="119"/>
      <c r="AA2268" s="119"/>
      <c r="AB2268" s="119"/>
      <c r="AC2268" s="119"/>
      <c r="AD2268" s="119"/>
      <c r="AE2268" s="119"/>
      <c r="AF2268" s="119"/>
      <c r="AG2268" s="119"/>
      <c r="AH2268" s="119"/>
      <c r="AI2268" s="119"/>
      <c r="AJ2268" s="119"/>
      <c r="AK2268" s="119"/>
      <c r="AL2268" s="119"/>
      <c r="AM2268" s="119"/>
      <c r="AN2268" s="119"/>
      <c r="AO2268" s="119"/>
      <c r="AP2268" s="119"/>
      <c r="AQ2268" s="119"/>
      <c r="AR2268" s="119"/>
      <c r="AS2268" s="119"/>
      <c r="AT2268" s="119"/>
      <c r="AU2268" s="119"/>
      <c r="AV2268" s="119"/>
      <c r="AW2268" s="119"/>
      <c r="AX2268" s="119"/>
      <c r="AY2268" s="119"/>
      <c r="AZ2268" s="119"/>
      <c r="BA2268" s="119"/>
      <c r="BB2268" s="107">
        <v>45884</v>
      </c>
    </row>
    <row r="2269" spans="1:54" s="207" customFormat="1" ht="13.95" customHeight="1" x14ac:dyDescent="0.25">
      <c r="A2269" s="208" t="s">
        <v>5422</v>
      </c>
      <c r="B2269" s="209" t="s">
        <v>20420</v>
      </c>
      <c r="C2269" s="113" t="s">
        <v>5423</v>
      </c>
      <c r="D2269" s="113" t="s">
        <v>5424</v>
      </c>
      <c r="E2269" s="210">
        <v>1981</v>
      </c>
      <c r="F2269" s="210">
        <v>5607</v>
      </c>
      <c r="G2269" s="113" t="s">
        <v>1</v>
      </c>
      <c r="H2269" s="113">
        <v>0</v>
      </c>
      <c r="I2269" s="113">
        <v>0</v>
      </c>
      <c r="J2269" s="115">
        <v>1</v>
      </c>
      <c r="K2269" s="116" t="s">
        <v>174</v>
      </c>
      <c r="L2269" s="115">
        <v>1</v>
      </c>
      <c r="M2269" s="115">
        <v>1</v>
      </c>
      <c r="N2269" s="115">
        <v>0</v>
      </c>
      <c r="O2269" s="115">
        <v>1</v>
      </c>
      <c r="P2269" s="115" t="s">
        <v>400</v>
      </c>
      <c r="Q2269" s="115" t="s">
        <v>400</v>
      </c>
      <c r="R2269" s="115">
        <v>1</v>
      </c>
      <c r="S2269" s="115">
        <v>0</v>
      </c>
      <c r="T2269" s="115">
        <v>0</v>
      </c>
      <c r="U2269" s="119"/>
      <c r="V2269" s="119"/>
      <c r="W2269" s="119"/>
      <c r="X2269" s="119"/>
      <c r="Y2269" s="119"/>
      <c r="Z2269" s="119"/>
      <c r="AA2269" s="119"/>
      <c r="AB2269" s="119"/>
      <c r="AC2269" s="119"/>
      <c r="AD2269" s="119"/>
      <c r="AE2269" s="119"/>
      <c r="AF2269" s="119"/>
      <c r="AG2269" s="119"/>
      <c r="AH2269" s="119"/>
      <c r="AI2269" s="119"/>
      <c r="AJ2269" s="119"/>
      <c r="AK2269" s="119"/>
      <c r="AL2269" s="119"/>
      <c r="AM2269" s="119"/>
      <c r="AN2269" s="119"/>
      <c r="AO2269" s="119"/>
      <c r="AP2269" s="119"/>
      <c r="AQ2269" s="119"/>
      <c r="AR2269" s="119"/>
      <c r="AS2269" s="119"/>
      <c r="AT2269" s="119"/>
      <c r="AU2269" s="119"/>
      <c r="AV2269" s="119"/>
      <c r="AW2269" s="119"/>
      <c r="AX2269" s="119"/>
      <c r="AY2269" s="119"/>
      <c r="AZ2269" s="119"/>
      <c r="BA2269" s="119"/>
      <c r="BB2269" s="107">
        <v>45884</v>
      </c>
    </row>
    <row r="2270" spans="1:54" s="207" customFormat="1" ht="13.95" customHeight="1" x14ac:dyDescent="0.25">
      <c r="A2270" s="208" t="s">
        <v>5425</v>
      </c>
      <c r="B2270" s="209" t="s">
        <v>20420</v>
      </c>
      <c r="C2270" s="113" t="s">
        <v>5426</v>
      </c>
      <c r="D2270" s="113" t="s">
        <v>5427</v>
      </c>
      <c r="E2270" s="210">
        <v>1992</v>
      </c>
      <c r="F2270" s="210">
        <v>5636</v>
      </c>
      <c r="G2270" s="113" t="s">
        <v>1</v>
      </c>
      <c r="H2270" s="113">
        <v>0</v>
      </c>
      <c r="I2270" s="113">
        <v>0</v>
      </c>
      <c r="J2270" s="115">
        <v>1</v>
      </c>
      <c r="K2270" s="116" t="s">
        <v>174</v>
      </c>
      <c r="L2270" s="115">
        <v>1</v>
      </c>
      <c r="M2270" s="115">
        <v>0</v>
      </c>
      <c r="N2270" s="115">
        <v>0</v>
      </c>
      <c r="O2270" s="115">
        <v>1</v>
      </c>
      <c r="P2270" s="115">
        <v>1</v>
      </c>
      <c r="Q2270" s="115">
        <v>1</v>
      </c>
      <c r="R2270" s="115">
        <v>1</v>
      </c>
      <c r="S2270" s="115">
        <v>0</v>
      </c>
      <c r="T2270" s="115">
        <v>0</v>
      </c>
      <c r="U2270" s="119"/>
      <c r="V2270" s="119"/>
      <c r="W2270" s="119"/>
      <c r="X2270" s="119"/>
      <c r="Y2270" s="119"/>
      <c r="Z2270" s="119"/>
      <c r="AA2270" s="119"/>
      <c r="AB2270" s="119"/>
      <c r="AC2270" s="119"/>
      <c r="AD2270" s="119"/>
      <c r="AE2270" s="119"/>
      <c r="AF2270" s="119"/>
      <c r="AG2270" s="119"/>
      <c r="AH2270" s="119"/>
      <c r="AI2270" s="119"/>
      <c r="AJ2270" s="119"/>
      <c r="AK2270" s="119"/>
      <c r="AL2270" s="119"/>
      <c r="AM2270" s="119"/>
      <c r="AN2270" s="119"/>
      <c r="AO2270" s="119"/>
      <c r="AP2270" s="119"/>
      <c r="AQ2270" s="119"/>
      <c r="AR2270" s="119"/>
      <c r="AS2270" s="119"/>
      <c r="AT2270" s="119"/>
      <c r="AU2270" s="119"/>
      <c r="AV2270" s="119"/>
      <c r="AW2270" s="119"/>
      <c r="AX2270" s="119"/>
      <c r="AY2270" s="119"/>
      <c r="AZ2270" s="119"/>
      <c r="BA2270" s="119"/>
      <c r="BB2270" s="107">
        <v>45884</v>
      </c>
    </row>
    <row r="2271" spans="1:54" s="207" customFormat="1" ht="13.95" customHeight="1" x14ac:dyDescent="0.25">
      <c r="A2271" s="208" t="s">
        <v>5428</v>
      </c>
      <c r="B2271" s="209" t="s">
        <v>20420</v>
      </c>
      <c r="C2271" s="113" t="s">
        <v>5429</v>
      </c>
      <c r="D2271" s="113" t="s">
        <v>23811</v>
      </c>
      <c r="E2271" s="210">
        <v>1988</v>
      </c>
      <c r="F2271" s="210">
        <v>5639</v>
      </c>
      <c r="G2271" s="113" t="s">
        <v>1</v>
      </c>
      <c r="H2271" s="113">
        <v>1</v>
      </c>
      <c r="I2271" s="113">
        <v>0</v>
      </c>
      <c r="J2271" s="115">
        <v>1</v>
      </c>
      <c r="K2271" s="116" t="s">
        <v>174</v>
      </c>
      <c r="L2271" s="115">
        <v>0</v>
      </c>
      <c r="M2271" s="115">
        <v>1</v>
      </c>
      <c r="N2271" s="115">
        <v>0</v>
      </c>
      <c r="O2271" s="115">
        <v>1</v>
      </c>
      <c r="P2271" s="115" t="s">
        <v>400</v>
      </c>
      <c r="Q2271" s="115" t="s">
        <v>400</v>
      </c>
      <c r="R2271" s="115">
        <v>0</v>
      </c>
      <c r="S2271" s="115">
        <v>0</v>
      </c>
      <c r="T2271" s="115">
        <v>0</v>
      </c>
      <c r="U2271" s="119"/>
      <c r="V2271" s="119"/>
      <c r="W2271" s="119"/>
      <c r="X2271" s="119"/>
      <c r="Y2271" s="119"/>
      <c r="Z2271" s="119"/>
      <c r="AA2271" s="119"/>
      <c r="AB2271" s="119"/>
      <c r="AC2271" s="119"/>
      <c r="AD2271" s="119"/>
      <c r="AE2271" s="119"/>
      <c r="AF2271" s="119"/>
      <c r="AG2271" s="119"/>
      <c r="AH2271" s="119"/>
      <c r="AI2271" s="119"/>
      <c r="AJ2271" s="119"/>
      <c r="AK2271" s="119"/>
      <c r="AL2271" s="119"/>
      <c r="AM2271" s="119"/>
      <c r="AN2271" s="119"/>
      <c r="AO2271" s="119"/>
      <c r="AP2271" s="119"/>
      <c r="AQ2271" s="119"/>
      <c r="AR2271" s="119"/>
      <c r="AS2271" s="119"/>
      <c r="AT2271" s="119"/>
      <c r="AU2271" s="119"/>
      <c r="AV2271" s="119"/>
      <c r="AW2271" s="119"/>
      <c r="AX2271" s="119"/>
      <c r="AY2271" s="119"/>
      <c r="AZ2271" s="119"/>
      <c r="BA2271" s="119"/>
      <c r="BB2271" s="107">
        <v>45884</v>
      </c>
    </row>
    <row r="2272" spans="1:54" s="207" customFormat="1" ht="13.95" customHeight="1" x14ac:dyDescent="0.25">
      <c r="A2272" s="208" t="s">
        <v>5430</v>
      </c>
      <c r="B2272" s="209" t="s">
        <v>20420</v>
      </c>
      <c r="C2272" s="113" t="s">
        <v>5431</v>
      </c>
      <c r="D2272" s="113" t="s">
        <v>23812</v>
      </c>
      <c r="E2272" s="210">
        <v>1988</v>
      </c>
      <c r="F2272" s="210">
        <v>5746</v>
      </c>
      <c r="G2272" s="113" t="s">
        <v>8</v>
      </c>
      <c r="H2272" s="113">
        <v>0</v>
      </c>
      <c r="I2272" s="113">
        <v>0</v>
      </c>
      <c r="J2272" s="115">
        <v>0</v>
      </c>
      <c r="K2272" s="116" t="s">
        <v>174</v>
      </c>
      <c r="L2272" s="115">
        <v>0</v>
      </c>
      <c r="M2272" s="115">
        <v>0</v>
      </c>
      <c r="N2272" s="115">
        <v>0</v>
      </c>
      <c r="O2272" s="115">
        <v>0</v>
      </c>
      <c r="P2272" s="115" t="s">
        <v>400</v>
      </c>
      <c r="Q2272" s="115" t="s">
        <v>400</v>
      </c>
      <c r="R2272" s="115">
        <v>0</v>
      </c>
      <c r="S2272" s="115">
        <v>0</v>
      </c>
      <c r="T2272" s="115">
        <v>0</v>
      </c>
      <c r="U2272" s="113" t="s">
        <v>174</v>
      </c>
      <c r="V2272" s="113" t="s">
        <v>174</v>
      </c>
      <c r="W2272" s="113" t="s">
        <v>174</v>
      </c>
      <c r="X2272" s="113" t="s">
        <v>174</v>
      </c>
      <c r="Y2272" s="113" t="s">
        <v>174</v>
      </c>
      <c r="Z2272" s="113" t="s">
        <v>174</v>
      </c>
      <c r="AA2272" s="113" t="s">
        <v>174</v>
      </c>
      <c r="AB2272" s="113" t="s">
        <v>174</v>
      </c>
      <c r="AC2272" s="113" t="s">
        <v>174</v>
      </c>
      <c r="AD2272" s="113" t="s">
        <v>174</v>
      </c>
      <c r="AE2272" s="113" t="s">
        <v>174</v>
      </c>
      <c r="AF2272" s="113" t="s">
        <v>174</v>
      </c>
      <c r="AG2272" s="113" t="s">
        <v>174</v>
      </c>
      <c r="AH2272" s="113" t="s">
        <v>174</v>
      </c>
      <c r="AI2272" s="113" t="s">
        <v>174</v>
      </c>
      <c r="AJ2272" s="113" t="s">
        <v>174</v>
      </c>
      <c r="AK2272" s="113" t="s">
        <v>174</v>
      </c>
      <c r="AL2272" s="113" t="s">
        <v>174</v>
      </c>
      <c r="AM2272" s="113" t="s">
        <v>174</v>
      </c>
      <c r="AN2272" s="113" t="s">
        <v>174</v>
      </c>
      <c r="AO2272" s="113" t="s">
        <v>174</v>
      </c>
      <c r="AP2272" s="113" t="s">
        <v>174</v>
      </c>
      <c r="AQ2272" s="113" t="s">
        <v>174</v>
      </c>
      <c r="AR2272" s="113" t="s">
        <v>174</v>
      </c>
      <c r="AS2272" s="113" t="s">
        <v>174</v>
      </c>
      <c r="AT2272" s="121" t="s">
        <v>174</v>
      </c>
      <c r="AU2272" s="113" t="s">
        <v>174</v>
      </c>
      <c r="AV2272" s="113" t="s">
        <v>174</v>
      </c>
      <c r="AW2272" s="113" t="s">
        <v>174</v>
      </c>
      <c r="AX2272" s="113"/>
      <c r="AY2272" s="113"/>
      <c r="AZ2272" s="113"/>
      <c r="BA2272" s="113"/>
      <c r="BB2272" s="107">
        <v>45884</v>
      </c>
    </row>
    <row r="2273" spans="1:54" s="207" customFormat="1" ht="13.95" customHeight="1" x14ac:dyDescent="0.25">
      <c r="A2273" s="208" t="s">
        <v>5432</v>
      </c>
      <c r="B2273" s="209" t="s">
        <v>20420</v>
      </c>
      <c r="C2273" s="113" t="s">
        <v>5433</v>
      </c>
      <c r="D2273" s="113" t="s">
        <v>23813</v>
      </c>
      <c r="E2273" s="210">
        <v>2009</v>
      </c>
      <c r="F2273" s="210">
        <v>5760</v>
      </c>
      <c r="G2273" s="113" t="s">
        <v>1</v>
      </c>
      <c r="H2273" s="113">
        <v>0</v>
      </c>
      <c r="I2273" s="113">
        <v>0</v>
      </c>
      <c r="J2273" s="115">
        <v>1</v>
      </c>
      <c r="K2273" s="116" t="s">
        <v>174</v>
      </c>
      <c r="L2273" s="115">
        <v>1</v>
      </c>
      <c r="M2273" s="115">
        <v>1</v>
      </c>
      <c r="N2273" s="115">
        <v>0</v>
      </c>
      <c r="O2273" s="115">
        <v>1</v>
      </c>
      <c r="P2273" s="115" t="s">
        <v>400</v>
      </c>
      <c r="Q2273" s="115" t="s">
        <v>400</v>
      </c>
      <c r="R2273" s="115">
        <v>1</v>
      </c>
      <c r="S2273" s="115">
        <v>0</v>
      </c>
      <c r="T2273" s="115">
        <v>0</v>
      </c>
      <c r="U2273" s="119"/>
      <c r="V2273" s="119"/>
      <c r="W2273" s="119"/>
      <c r="X2273" s="119"/>
      <c r="Y2273" s="119"/>
      <c r="Z2273" s="119"/>
      <c r="AA2273" s="119"/>
      <c r="AB2273" s="119"/>
      <c r="AC2273" s="119"/>
      <c r="AD2273" s="119"/>
      <c r="AE2273" s="119"/>
      <c r="AF2273" s="119"/>
      <c r="AG2273" s="119"/>
      <c r="AH2273" s="119"/>
      <c r="AI2273" s="119"/>
      <c r="AJ2273" s="119"/>
      <c r="AK2273" s="119"/>
      <c r="AL2273" s="119"/>
      <c r="AM2273" s="119"/>
      <c r="AN2273" s="119"/>
      <c r="AO2273" s="119"/>
      <c r="AP2273" s="119"/>
      <c r="AQ2273" s="119"/>
      <c r="AR2273" s="119"/>
      <c r="AS2273" s="119"/>
      <c r="AT2273" s="119"/>
      <c r="AU2273" s="119"/>
      <c r="AV2273" s="119"/>
      <c r="AW2273" s="119"/>
      <c r="AX2273" s="119"/>
      <c r="AY2273" s="119"/>
      <c r="AZ2273" s="119"/>
      <c r="BA2273" s="119"/>
      <c r="BB2273" s="107">
        <v>45884</v>
      </c>
    </row>
    <row r="2274" spans="1:54" s="207" customFormat="1" ht="13.95" customHeight="1" x14ac:dyDescent="0.25">
      <c r="A2274" s="208" t="s">
        <v>5434</v>
      </c>
      <c r="B2274" s="209" t="s">
        <v>20420</v>
      </c>
      <c r="C2274" s="113" t="s">
        <v>5435</v>
      </c>
      <c r="D2274" s="113" t="s">
        <v>23814</v>
      </c>
      <c r="E2274" s="210">
        <v>1968</v>
      </c>
      <c r="F2274" s="210">
        <v>5775</v>
      </c>
      <c r="G2274" s="113" t="s">
        <v>1</v>
      </c>
      <c r="H2274" s="113">
        <v>0</v>
      </c>
      <c r="I2274" s="113">
        <v>0</v>
      </c>
      <c r="J2274" s="115">
        <v>1</v>
      </c>
      <c r="K2274" s="211">
        <v>1</v>
      </c>
      <c r="L2274" s="115">
        <v>1</v>
      </c>
      <c r="M2274" s="115">
        <v>1</v>
      </c>
      <c r="N2274" s="115">
        <v>0</v>
      </c>
      <c r="O2274" s="115">
        <v>0</v>
      </c>
      <c r="P2274" s="115" t="s">
        <v>400</v>
      </c>
      <c r="Q2274" s="115" t="s">
        <v>400</v>
      </c>
      <c r="R2274" s="115">
        <v>0</v>
      </c>
      <c r="S2274" s="115">
        <v>0</v>
      </c>
      <c r="T2274" s="115">
        <v>0</v>
      </c>
      <c r="U2274" s="119"/>
      <c r="V2274" s="119"/>
      <c r="W2274" s="119"/>
      <c r="X2274" s="119"/>
      <c r="Y2274" s="119"/>
      <c r="Z2274" s="119"/>
      <c r="AA2274" s="119"/>
      <c r="AB2274" s="119"/>
      <c r="AC2274" s="119"/>
      <c r="AD2274" s="119"/>
      <c r="AE2274" s="119"/>
      <c r="AF2274" s="119"/>
      <c r="AG2274" s="119"/>
      <c r="AH2274" s="119"/>
      <c r="AI2274" s="119"/>
      <c r="AJ2274" s="119"/>
      <c r="AK2274" s="119"/>
      <c r="AL2274" s="119"/>
      <c r="AM2274" s="119"/>
      <c r="AN2274" s="119"/>
      <c r="AO2274" s="119"/>
      <c r="AP2274" s="119"/>
      <c r="AQ2274" s="119"/>
      <c r="AR2274" s="119"/>
      <c r="AS2274" s="119"/>
      <c r="AT2274" s="119"/>
      <c r="AU2274" s="119"/>
      <c r="AV2274" s="119"/>
      <c r="AW2274" s="119"/>
      <c r="AX2274" s="119"/>
      <c r="AY2274" s="119"/>
      <c r="AZ2274" s="119"/>
      <c r="BA2274" s="119"/>
      <c r="BB2274" s="107">
        <v>45884</v>
      </c>
    </row>
    <row r="2275" spans="1:54" s="207" customFormat="1" ht="13.95" customHeight="1" x14ac:dyDescent="0.25">
      <c r="A2275" s="208" t="s">
        <v>5436</v>
      </c>
      <c r="B2275" s="209" t="s">
        <v>20420</v>
      </c>
      <c r="C2275" s="113" t="s">
        <v>5437</v>
      </c>
      <c r="D2275" s="113" t="s">
        <v>23815</v>
      </c>
      <c r="E2275" s="210">
        <v>1978</v>
      </c>
      <c r="F2275" s="210">
        <v>5777</v>
      </c>
      <c r="G2275" s="113" t="s">
        <v>1</v>
      </c>
      <c r="H2275" s="113">
        <v>1</v>
      </c>
      <c r="I2275" s="113">
        <v>1</v>
      </c>
      <c r="J2275" s="115">
        <v>1</v>
      </c>
      <c r="K2275" s="116" t="s">
        <v>174</v>
      </c>
      <c r="L2275" s="115">
        <v>0</v>
      </c>
      <c r="M2275" s="115">
        <v>0</v>
      </c>
      <c r="N2275" s="115">
        <v>0</v>
      </c>
      <c r="O2275" s="115">
        <v>0</v>
      </c>
      <c r="P2275" s="115" t="s">
        <v>400</v>
      </c>
      <c r="Q2275" s="115" t="s">
        <v>400</v>
      </c>
      <c r="R2275" s="115">
        <v>0</v>
      </c>
      <c r="S2275" s="115">
        <v>0</v>
      </c>
      <c r="T2275" s="115">
        <v>0</v>
      </c>
      <c r="U2275" s="119"/>
      <c r="V2275" s="119"/>
      <c r="W2275" s="119"/>
      <c r="X2275" s="119"/>
      <c r="Y2275" s="119"/>
      <c r="Z2275" s="119"/>
      <c r="AA2275" s="119"/>
      <c r="AB2275" s="119"/>
      <c r="AC2275" s="119"/>
      <c r="AD2275" s="119"/>
      <c r="AE2275" s="119"/>
      <c r="AF2275" s="119"/>
      <c r="AG2275" s="119"/>
      <c r="AH2275" s="119"/>
      <c r="AI2275" s="119"/>
      <c r="AJ2275" s="119"/>
      <c r="AK2275" s="119"/>
      <c r="AL2275" s="119"/>
      <c r="AM2275" s="119"/>
      <c r="AN2275" s="119"/>
      <c r="AO2275" s="119"/>
      <c r="AP2275" s="119"/>
      <c r="AQ2275" s="119"/>
      <c r="AR2275" s="119"/>
      <c r="AS2275" s="119"/>
      <c r="AT2275" s="119"/>
      <c r="AU2275" s="119"/>
      <c r="AV2275" s="119"/>
      <c r="AW2275" s="119"/>
      <c r="AX2275" s="119"/>
      <c r="AY2275" s="119"/>
      <c r="AZ2275" s="119"/>
      <c r="BA2275" s="119"/>
      <c r="BB2275" s="107">
        <v>45884</v>
      </c>
    </row>
    <row r="2276" spans="1:54" s="207" customFormat="1" ht="13.95" customHeight="1" x14ac:dyDescent="0.25">
      <c r="A2276" s="208" t="s">
        <v>5438</v>
      </c>
      <c r="B2276" s="209" t="s">
        <v>20420</v>
      </c>
      <c r="C2276" s="113" t="s">
        <v>5439</v>
      </c>
      <c r="D2276" s="113" t="s">
        <v>23816</v>
      </c>
      <c r="E2276" s="210">
        <v>1984</v>
      </c>
      <c r="F2276" s="210">
        <v>5787</v>
      </c>
      <c r="G2276" s="113" t="s">
        <v>1</v>
      </c>
      <c r="H2276" s="113">
        <v>1</v>
      </c>
      <c r="I2276" s="113">
        <v>0</v>
      </c>
      <c r="J2276" s="115">
        <v>1</v>
      </c>
      <c r="K2276" s="211">
        <v>1</v>
      </c>
      <c r="L2276" s="115">
        <v>1</v>
      </c>
      <c r="M2276" s="115">
        <v>1</v>
      </c>
      <c r="N2276" s="115">
        <v>1</v>
      </c>
      <c r="O2276" s="115">
        <v>1</v>
      </c>
      <c r="P2276" s="115">
        <v>1</v>
      </c>
      <c r="Q2276" s="115" t="s">
        <v>400</v>
      </c>
      <c r="R2276" s="115">
        <v>1</v>
      </c>
      <c r="S2276" s="115">
        <v>0</v>
      </c>
      <c r="T2276" s="115">
        <v>0</v>
      </c>
      <c r="U2276" s="119"/>
      <c r="V2276" s="119"/>
      <c r="W2276" s="119"/>
      <c r="X2276" s="119"/>
      <c r="Y2276" s="119"/>
      <c r="Z2276" s="119"/>
      <c r="AA2276" s="119"/>
      <c r="AB2276" s="119"/>
      <c r="AC2276" s="119"/>
      <c r="AD2276" s="119"/>
      <c r="AE2276" s="119"/>
      <c r="AF2276" s="119"/>
      <c r="AG2276" s="119"/>
      <c r="AH2276" s="119"/>
      <c r="AI2276" s="119"/>
      <c r="AJ2276" s="119"/>
      <c r="AK2276" s="119"/>
      <c r="AL2276" s="119"/>
      <c r="AM2276" s="119"/>
      <c r="AN2276" s="119"/>
      <c r="AO2276" s="119"/>
      <c r="AP2276" s="119"/>
      <c r="AQ2276" s="119"/>
      <c r="AR2276" s="119"/>
      <c r="AS2276" s="119"/>
      <c r="AT2276" s="119"/>
      <c r="AU2276" s="119"/>
      <c r="AV2276" s="119"/>
      <c r="AW2276" s="119"/>
      <c r="AX2276" s="119"/>
      <c r="AY2276" s="119"/>
      <c r="AZ2276" s="119"/>
      <c r="BA2276" s="119"/>
      <c r="BB2276" s="107">
        <v>45884</v>
      </c>
    </row>
    <row r="2277" spans="1:54" s="207" customFormat="1" ht="13.95" customHeight="1" x14ac:dyDescent="0.25">
      <c r="A2277" s="208" t="s">
        <v>5440</v>
      </c>
      <c r="B2277" s="209" t="s">
        <v>20420</v>
      </c>
      <c r="C2277" s="113" t="s">
        <v>5441</v>
      </c>
      <c r="D2277" s="113" t="s">
        <v>23817</v>
      </c>
      <c r="E2277" s="210">
        <v>2009</v>
      </c>
      <c r="F2277" s="210">
        <v>5859</v>
      </c>
      <c r="G2277" s="113" t="s">
        <v>1</v>
      </c>
      <c r="H2277" s="113">
        <v>0</v>
      </c>
      <c r="I2277" s="113">
        <v>0</v>
      </c>
      <c r="J2277" s="115">
        <v>0</v>
      </c>
      <c r="K2277" s="116" t="s">
        <v>174</v>
      </c>
      <c r="L2277" s="115">
        <v>0</v>
      </c>
      <c r="M2277" s="115">
        <v>0</v>
      </c>
      <c r="N2277" s="115">
        <v>1</v>
      </c>
      <c r="O2277" s="115">
        <v>0</v>
      </c>
      <c r="P2277" s="115" t="s">
        <v>400</v>
      </c>
      <c r="Q2277" s="115" t="s">
        <v>400</v>
      </c>
      <c r="R2277" s="115">
        <v>0</v>
      </c>
      <c r="S2277" s="115">
        <v>0</v>
      </c>
      <c r="T2277" s="115">
        <v>0</v>
      </c>
      <c r="U2277" s="119"/>
      <c r="V2277" s="119"/>
      <c r="W2277" s="119"/>
      <c r="X2277" s="119"/>
      <c r="Y2277" s="119"/>
      <c r="Z2277" s="119"/>
      <c r="AA2277" s="119"/>
      <c r="AB2277" s="119"/>
      <c r="AC2277" s="119"/>
      <c r="AD2277" s="119"/>
      <c r="AE2277" s="119"/>
      <c r="AF2277" s="119"/>
      <c r="AG2277" s="119"/>
      <c r="AH2277" s="119"/>
      <c r="AI2277" s="119"/>
      <c r="AJ2277" s="119"/>
      <c r="AK2277" s="119"/>
      <c r="AL2277" s="119"/>
      <c r="AM2277" s="119"/>
      <c r="AN2277" s="119"/>
      <c r="AO2277" s="119"/>
      <c r="AP2277" s="119"/>
      <c r="AQ2277" s="119"/>
      <c r="AR2277" s="119"/>
      <c r="AS2277" s="119"/>
      <c r="AT2277" s="119"/>
      <c r="AU2277" s="119"/>
      <c r="AV2277" s="119"/>
      <c r="AW2277" s="119"/>
      <c r="AX2277" s="119"/>
      <c r="AY2277" s="119"/>
      <c r="AZ2277" s="119"/>
      <c r="BA2277" s="119"/>
      <c r="BB2277" s="107">
        <v>45884</v>
      </c>
    </row>
    <row r="2278" spans="1:54" s="207" customFormat="1" ht="13.95" customHeight="1" x14ac:dyDescent="0.25">
      <c r="A2278" s="208" t="s">
        <v>5442</v>
      </c>
      <c r="B2278" s="209" t="s">
        <v>20420</v>
      </c>
      <c r="C2278" s="113" t="s">
        <v>5443</v>
      </c>
      <c r="D2278" s="113" t="s">
        <v>5444</v>
      </c>
      <c r="E2278" s="210">
        <v>1990</v>
      </c>
      <c r="F2278" s="210">
        <v>5905</v>
      </c>
      <c r="G2278" s="113" t="s">
        <v>1</v>
      </c>
      <c r="H2278" s="113">
        <v>0</v>
      </c>
      <c r="I2278" s="113">
        <v>0</v>
      </c>
      <c r="J2278" s="115">
        <v>1</v>
      </c>
      <c r="K2278" s="116" t="s">
        <v>174</v>
      </c>
      <c r="L2278" s="115">
        <v>1</v>
      </c>
      <c r="M2278" s="115">
        <v>1</v>
      </c>
      <c r="N2278" s="115">
        <v>0</v>
      </c>
      <c r="O2278" s="115">
        <v>1</v>
      </c>
      <c r="P2278" s="115">
        <v>1</v>
      </c>
      <c r="Q2278" s="115" t="s">
        <v>400</v>
      </c>
      <c r="R2278" s="115">
        <v>1</v>
      </c>
      <c r="S2278" s="115">
        <v>0</v>
      </c>
      <c r="T2278" s="115">
        <v>0</v>
      </c>
      <c r="U2278" s="119"/>
      <c r="V2278" s="119"/>
      <c r="W2278" s="119"/>
      <c r="X2278" s="119"/>
      <c r="Y2278" s="119"/>
      <c r="Z2278" s="119"/>
      <c r="AA2278" s="119"/>
      <c r="AB2278" s="119"/>
      <c r="AC2278" s="119"/>
      <c r="AD2278" s="119"/>
      <c r="AE2278" s="119"/>
      <c r="AF2278" s="119"/>
      <c r="AG2278" s="119"/>
      <c r="AH2278" s="119"/>
      <c r="AI2278" s="119"/>
      <c r="AJ2278" s="119"/>
      <c r="AK2278" s="119"/>
      <c r="AL2278" s="119"/>
      <c r="AM2278" s="119"/>
      <c r="AN2278" s="119"/>
      <c r="AO2278" s="119"/>
      <c r="AP2278" s="119"/>
      <c r="AQ2278" s="119"/>
      <c r="AR2278" s="119"/>
      <c r="AS2278" s="119"/>
      <c r="AT2278" s="119"/>
      <c r="AU2278" s="119"/>
      <c r="AV2278" s="119"/>
      <c r="AW2278" s="119"/>
      <c r="AX2278" s="119"/>
      <c r="AY2278" s="119"/>
      <c r="AZ2278" s="119"/>
      <c r="BA2278" s="119"/>
      <c r="BB2278" s="107">
        <v>45884</v>
      </c>
    </row>
    <row r="2279" spans="1:54" s="207" customFormat="1" ht="13.95" customHeight="1" x14ac:dyDescent="0.25">
      <c r="A2279" s="208" t="s">
        <v>5445</v>
      </c>
      <c r="B2279" s="209" t="s">
        <v>20420</v>
      </c>
      <c r="C2279" s="113" t="s">
        <v>5446</v>
      </c>
      <c r="D2279" s="113" t="s">
        <v>5447</v>
      </c>
      <c r="E2279" s="210">
        <v>1996</v>
      </c>
      <c r="F2279" s="210">
        <v>5941</v>
      </c>
      <c r="G2279" s="113" t="s">
        <v>1</v>
      </c>
      <c r="H2279" s="113">
        <v>1</v>
      </c>
      <c r="I2279" s="113">
        <v>0</v>
      </c>
      <c r="J2279" s="115">
        <v>1</v>
      </c>
      <c r="K2279" s="116" t="s">
        <v>174</v>
      </c>
      <c r="L2279" s="115">
        <v>1</v>
      </c>
      <c r="M2279" s="115">
        <v>0</v>
      </c>
      <c r="N2279" s="115">
        <v>1</v>
      </c>
      <c r="O2279" s="115">
        <v>1</v>
      </c>
      <c r="P2279" s="115">
        <v>1</v>
      </c>
      <c r="Q2279" s="115" t="s">
        <v>400</v>
      </c>
      <c r="R2279" s="115">
        <v>1</v>
      </c>
      <c r="S2279" s="115">
        <v>0</v>
      </c>
      <c r="T2279" s="115">
        <v>0</v>
      </c>
      <c r="U2279" s="119"/>
      <c r="V2279" s="119"/>
      <c r="W2279" s="119"/>
      <c r="X2279" s="119"/>
      <c r="Y2279" s="119"/>
      <c r="Z2279" s="119"/>
      <c r="AA2279" s="119"/>
      <c r="AB2279" s="119"/>
      <c r="AC2279" s="119"/>
      <c r="AD2279" s="119"/>
      <c r="AE2279" s="119"/>
      <c r="AF2279" s="119"/>
      <c r="AG2279" s="119"/>
      <c r="AH2279" s="119"/>
      <c r="AI2279" s="119"/>
      <c r="AJ2279" s="119"/>
      <c r="AK2279" s="119"/>
      <c r="AL2279" s="119"/>
      <c r="AM2279" s="119"/>
      <c r="AN2279" s="119"/>
      <c r="AO2279" s="119"/>
      <c r="AP2279" s="119"/>
      <c r="AQ2279" s="119"/>
      <c r="AR2279" s="119"/>
      <c r="AS2279" s="119"/>
      <c r="AT2279" s="119"/>
      <c r="AU2279" s="119"/>
      <c r="AV2279" s="119"/>
      <c r="AW2279" s="119"/>
      <c r="AX2279" s="119"/>
      <c r="AY2279" s="119"/>
      <c r="AZ2279" s="119"/>
      <c r="BA2279" s="119"/>
      <c r="BB2279" s="107">
        <v>45884</v>
      </c>
    </row>
    <row r="2280" spans="1:54" s="207" customFormat="1" ht="13.95" customHeight="1" x14ac:dyDescent="0.25">
      <c r="A2280" s="208" t="s">
        <v>5448</v>
      </c>
      <c r="B2280" s="209" t="s">
        <v>20420</v>
      </c>
      <c r="C2280" s="113" t="s">
        <v>5449</v>
      </c>
      <c r="D2280" s="113" t="s">
        <v>5450</v>
      </c>
      <c r="E2280" s="210">
        <v>1969</v>
      </c>
      <c r="F2280" s="210">
        <v>5976</v>
      </c>
      <c r="G2280" s="113" t="s">
        <v>1</v>
      </c>
      <c r="H2280" s="113">
        <v>0</v>
      </c>
      <c r="I2280" s="113">
        <v>0</v>
      </c>
      <c r="J2280" s="115">
        <v>1</v>
      </c>
      <c r="K2280" s="116" t="s">
        <v>174</v>
      </c>
      <c r="L2280" s="115">
        <v>1</v>
      </c>
      <c r="M2280" s="115">
        <v>0</v>
      </c>
      <c r="N2280" s="115">
        <v>0</v>
      </c>
      <c r="O2280" s="115">
        <v>1</v>
      </c>
      <c r="P2280" s="115">
        <v>1</v>
      </c>
      <c r="Q2280" s="115">
        <v>1</v>
      </c>
      <c r="R2280" s="115">
        <v>1</v>
      </c>
      <c r="S2280" s="115">
        <v>0</v>
      </c>
      <c r="T2280" s="115">
        <v>0</v>
      </c>
      <c r="U2280" s="119"/>
      <c r="V2280" s="119"/>
      <c r="W2280" s="119"/>
      <c r="X2280" s="119"/>
      <c r="Y2280" s="119"/>
      <c r="Z2280" s="119"/>
      <c r="AA2280" s="119"/>
      <c r="AB2280" s="119"/>
      <c r="AC2280" s="119"/>
      <c r="AD2280" s="119"/>
      <c r="AE2280" s="119"/>
      <c r="AF2280" s="119"/>
      <c r="AG2280" s="119"/>
      <c r="AH2280" s="119"/>
      <c r="AI2280" s="119"/>
      <c r="AJ2280" s="119"/>
      <c r="AK2280" s="119"/>
      <c r="AL2280" s="119"/>
      <c r="AM2280" s="119"/>
      <c r="AN2280" s="119"/>
      <c r="AO2280" s="119"/>
      <c r="AP2280" s="119"/>
      <c r="AQ2280" s="119"/>
      <c r="AR2280" s="119"/>
      <c r="AS2280" s="119"/>
      <c r="AT2280" s="119"/>
      <c r="AU2280" s="119"/>
      <c r="AV2280" s="119"/>
      <c r="AW2280" s="119"/>
      <c r="AX2280" s="119"/>
      <c r="AY2280" s="119"/>
      <c r="AZ2280" s="119"/>
      <c r="BA2280" s="119"/>
      <c r="BB2280" s="107">
        <v>45884</v>
      </c>
    </row>
    <row r="2281" spans="1:54" s="207" customFormat="1" ht="13.95" customHeight="1" x14ac:dyDescent="0.25">
      <c r="A2281" s="208" t="s">
        <v>5451</v>
      </c>
      <c r="B2281" s="209" t="s">
        <v>20420</v>
      </c>
      <c r="C2281" s="113" t="s">
        <v>5452</v>
      </c>
      <c r="D2281" s="113" t="s">
        <v>5453</v>
      </c>
      <c r="E2281" s="210">
        <v>1952</v>
      </c>
      <c r="F2281" s="210">
        <v>5976</v>
      </c>
      <c r="G2281" s="113" t="s">
        <v>1</v>
      </c>
      <c r="H2281" s="113">
        <v>0</v>
      </c>
      <c r="I2281" s="113">
        <v>0</v>
      </c>
      <c r="J2281" s="115">
        <v>1</v>
      </c>
      <c r="K2281" s="116" t="s">
        <v>174</v>
      </c>
      <c r="L2281" s="115">
        <v>0</v>
      </c>
      <c r="M2281" s="115">
        <v>1</v>
      </c>
      <c r="N2281" s="115">
        <v>1</v>
      </c>
      <c r="O2281" s="115">
        <v>0</v>
      </c>
      <c r="P2281" s="115" t="s">
        <v>400</v>
      </c>
      <c r="Q2281" s="115" t="s">
        <v>400</v>
      </c>
      <c r="R2281" s="115">
        <v>0</v>
      </c>
      <c r="S2281" s="115">
        <v>0</v>
      </c>
      <c r="T2281" s="115">
        <v>0</v>
      </c>
      <c r="U2281" s="119"/>
      <c r="V2281" s="119"/>
      <c r="W2281" s="119"/>
      <c r="X2281" s="119"/>
      <c r="Y2281" s="119"/>
      <c r="Z2281" s="119"/>
      <c r="AA2281" s="119"/>
      <c r="AB2281" s="119"/>
      <c r="AC2281" s="119"/>
      <c r="AD2281" s="119"/>
      <c r="AE2281" s="119"/>
      <c r="AF2281" s="119"/>
      <c r="AG2281" s="119"/>
      <c r="AH2281" s="119"/>
      <c r="AI2281" s="119"/>
      <c r="AJ2281" s="119"/>
      <c r="AK2281" s="119"/>
      <c r="AL2281" s="119"/>
      <c r="AM2281" s="119"/>
      <c r="AN2281" s="119"/>
      <c r="AO2281" s="119"/>
      <c r="AP2281" s="119"/>
      <c r="AQ2281" s="119"/>
      <c r="AR2281" s="119"/>
      <c r="AS2281" s="119"/>
      <c r="AT2281" s="119"/>
      <c r="AU2281" s="119"/>
      <c r="AV2281" s="119"/>
      <c r="AW2281" s="119"/>
      <c r="AX2281" s="119"/>
      <c r="AY2281" s="119"/>
      <c r="AZ2281" s="119"/>
      <c r="BA2281" s="119"/>
      <c r="BB2281" s="107">
        <v>45884</v>
      </c>
    </row>
    <row r="2282" spans="1:54" s="207" customFormat="1" ht="13.95" customHeight="1" x14ac:dyDescent="0.25">
      <c r="A2282" s="208" t="s">
        <v>5454</v>
      </c>
      <c r="B2282" s="209" t="s">
        <v>20420</v>
      </c>
      <c r="C2282" s="113" t="s">
        <v>5455</v>
      </c>
      <c r="D2282" s="113" t="s">
        <v>23818</v>
      </c>
      <c r="E2282" s="210">
        <v>1988</v>
      </c>
      <c r="F2282" s="210">
        <v>5977</v>
      </c>
      <c r="G2282" s="113" t="s">
        <v>1</v>
      </c>
      <c r="H2282" s="113">
        <v>1</v>
      </c>
      <c r="I2282" s="113">
        <v>0</v>
      </c>
      <c r="J2282" s="115">
        <v>1</v>
      </c>
      <c r="K2282" s="211">
        <v>1</v>
      </c>
      <c r="L2282" s="115">
        <v>1</v>
      </c>
      <c r="M2282" s="115">
        <v>0</v>
      </c>
      <c r="N2282" s="115">
        <v>0</v>
      </c>
      <c r="O2282" s="115">
        <v>1</v>
      </c>
      <c r="P2282" s="115">
        <v>1</v>
      </c>
      <c r="Q2282" s="115" t="s">
        <v>400</v>
      </c>
      <c r="R2282" s="115">
        <v>1</v>
      </c>
      <c r="S2282" s="115">
        <v>0</v>
      </c>
      <c r="T2282" s="115">
        <v>0</v>
      </c>
      <c r="U2282" s="119"/>
      <c r="V2282" s="119"/>
      <c r="W2282" s="119"/>
      <c r="X2282" s="119"/>
      <c r="Y2282" s="119"/>
      <c r="Z2282" s="119"/>
      <c r="AA2282" s="119"/>
      <c r="AB2282" s="119"/>
      <c r="AC2282" s="119"/>
      <c r="AD2282" s="119"/>
      <c r="AE2282" s="119"/>
      <c r="AF2282" s="119"/>
      <c r="AG2282" s="119"/>
      <c r="AH2282" s="119"/>
      <c r="AI2282" s="119"/>
      <c r="AJ2282" s="119"/>
      <c r="AK2282" s="119"/>
      <c r="AL2282" s="119"/>
      <c r="AM2282" s="119"/>
      <c r="AN2282" s="119"/>
      <c r="AO2282" s="119"/>
      <c r="AP2282" s="119"/>
      <c r="AQ2282" s="119"/>
      <c r="AR2282" s="119"/>
      <c r="AS2282" s="119"/>
      <c r="AT2282" s="119"/>
      <c r="AU2282" s="119"/>
      <c r="AV2282" s="119"/>
      <c r="AW2282" s="119"/>
      <c r="AX2282" s="119"/>
      <c r="AY2282" s="119"/>
      <c r="AZ2282" s="119"/>
      <c r="BA2282" s="119"/>
      <c r="BB2282" s="107">
        <v>45884</v>
      </c>
    </row>
    <row r="2283" spans="1:54" s="207" customFormat="1" ht="13.95" customHeight="1" x14ac:dyDescent="0.25">
      <c r="A2283" s="208" t="s">
        <v>5456</v>
      </c>
      <c r="B2283" s="209" t="s">
        <v>20420</v>
      </c>
      <c r="C2283" s="113" t="s">
        <v>5457</v>
      </c>
      <c r="D2283" s="113" t="s">
        <v>23819</v>
      </c>
      <c r="E2283" s="210">
        <v>1982</v>
      </c>
      <c r="F2283" s="210">
        <v>6000</v>
      </c>
      <c r="G2283" s="113" t="s">
        <v>1</v>
      </c>
      <c r="H2283" s="113">
        <v>1</v>
      </c>
      <c r="I2283" s="113">
        <v>1</v>
      </c>
      <c r="J2283" s="115">
        <v>1</v>
      </c>
      <c r="K2283" s="116" t="s">
        <v>174</v>
      </c>
      <c r="L2283" s="115">
        <v>0</v>
      </c>
      <c r="M2283" s="115">
        <v>0</v>
      </c>
      <c r="N2283" s="115">
        <v>0</v>
      </c>
      <c r="O2283" s="115">
        <v>0</v>
      </c>
      <c r="P2283" s="115" t="s">
        <v>400</v>
      </c>
      <c r="Q2283" s="115" t="s">
        <v>400</v>
      </c>
      <c r="R2283" s="115">
        <v>0</v>
      </c>
      <c r="S2283" s="115">
        <v>0</v>
      </c>
      <c r="T2283" s="115">
        <v>0</v>
      </c>
      <c r="U2283" s="119"/>
      <c r="V2283" s="119"/>
      <c r="W2283" s="119"/>
      <c r="X2283" s="119"/>
      <c r="Y2283" s="119"/>
      <c r="Z2283" s="119"/>
      <c r="AA2283" s="119"/>
      <c r="AB2283" s="119"/>
      <c r="AC2283" s="119"/>
      <c r="AD2283" s="119"/>
      <c r="AE2283" s="119"/>
      <c r="AF2283" s="119"/>
      <c r="AG2283" s="119"/>
      <c r="AH2283" s="119"/>
      <c r="AI2283" s="119"/>
      <c r="AJ2283" s="119"/>
      <c r="AK2283" s="119"/>
      <c r="AL2283" s="119"/>
      <c r="AM2283" s="119"/>
      <c r="AN2283" s="119"/>
      <c r="AO2283" s="119"/>
      <c r="AP2283" s="119"/>
      <c r="AQ2283" s="119"/>
      <c r="AR2283" s="119"/>
      <c r="AS2283" s="119"/>
      <c r="AT2283" s="119"/>
      <c r="AU2283" s="119"/>
      <c r="AV2283" s="119"/>
      <c r="AW2283" s="119"/>
      <c r="AX2283" s="119"/>
      <c r="AY2283" s="119"/>
      <c r="AZ2283" s="119"/>
      <c r="BA2283" s="119"/>
      <c r="BB2283" s="107">
        <v>45884</v>
      </c>
    </row>
    <row r="2284" spans="1:54" s="207" customFormat="1" ht="13.95" customHeight="1" x14ac:dyDescent="0.25">
      <c r="A2284" s="208" t="s">
        <v>5458</v>
      </c>
      <c r="B2284" s="209" t="s">
        <v>20420</v>
      </c>
      <c r="C2284" s="113" t="s">
        <v>5459</v>
      </c>
      <c r="D2284" s="113" t="s">
        <v>23820</v>
      </c>
      <c r="E2284" s="210">
        <v>2013</v>
      </c>
      <c r="F2284" s="210">
        <v>6026</v>
      </c>
      <c r="G2284" s="113" t="s">
        <v>1</v>
      </c>
      <c r="H2284" s="113">
        <v>1</v>
      </c>
      <c r="I2284" s="113">
        <v>1</v>
      </c>
      <c r="J2284" s="115">
        <v>1</v>
      </c>
      <c r="K2284" s="116" t="s">
        <v>174</v>
      </c>
      <c r="L2284" s="115">
        <v>1</v>
      </c>
      <c r="M2284" s="115">
        <v>1</v>
      </c>
      <c r="N2284" s="115">
        <v>1</v>
      </c>
      <c r="O2284" s="115">
        <v>0</v>
      </c>
      <c r="P2284" s="115" t="s">
        <v>400</v>
      </c>
      <c r="Q2284" s="115" t="s">
        <v>400</v>
      </c>
      <c r="R2284" s="115">
        <v>0</v>
      </c>
      <c r="S2284" s="115">
        <v>0</v>
      </c>
      <c r="T2284" s="115">
        <v>0</v>
      </c>
      <c r="U2284" s="119"/>
      <c r="V2284" s="119"/>
      <c r="W2284" s="119"/>
      <c r="X2284" s="119"/>
      <c r="Y2284" s="119"/>
      <c r="Z2284" s="119"/>
      <c r="AA2284" s="119"/>
      <c r="AB2284" s="119"/>
      <c r="AC2284" s="119"/>
      <c r="AD2284" s="119"/>
      <c r="AE2284" s="119"/>
      <c r="AF2284" s="119"/>
      <c r="AG2284" s="119"/>
      <c r="AH2284" s="119"/>
      <c r="AI2284" s="119"/>
      <c r="AJ2284" s="119"/>
      <c r="AK2284" s="119"/>
      <c r="AL2284" s="119"/>
      <c r="AM2284" s="119"/>
      <c r="AN2284" s="119"/>
      <c r="AO2284" s="119"/>
      <c r="AP2284" s="119"/>
      <c r="AQ2284" s="119"/>
      <c r="AR2284" s="119"/>
      <c r="AS2284" s="119"/>
      <c r="AT2284" s="119"/>
      <c r="AU2284" s="119"/>
      <c r="AV2284" s="119"/>
      <c r="AW2284" s="119"/>
      <c r="AX2284" s="119"/>
      <c r="AY2284" s="119"/>
      <c r="AZ2284" s="119"/>
      <c r="BA2284" s="119"/>
      <c r="BB2284" s="107">
        <v>45884</v>
      </c>
    </row>
    <row r="2285" spans="1:54" s="207" customFormat="1" ht="13.95" customHeight="1" x14ac:dyDescent="0.25">
      <c r="A2285" s="208" t="s">
        <v>5460</v>
      </c>
      <c r="B2285" s="209" t="s">
        <v>20420</v>
      </c>
      <c r="C2285" s="113" t="s">
        <v>5461</v>
      </c>
      <c r="D2285" s="113" t="s">
        <v>23821</v>
      </c>
      <c r="E2285" s="210">
        <v>1977</v>
      </c>
      <c r="F2285" s="210">
        <v>6040</v>
      </c>
      <c r="G2285" s="113" t="s">
        <v>1</v>
      </c>
      <c r="H2285" s="113">
        <v>0</v>
      </c>
      <c r="I2285" s="113">
        <v>0</v>
      </c>
      <c r="J2285" s="115">
        <v>1</v>
      </c>
      <c r="K2285" s="211">
        <v>1</v>
      </c>
      <c r="L2285" s="115">
        <v>1</v>
      </c>
      <c r="M2285" s="115">
        <v>1</v>
      </c>
      <c r="N2285" s="115">
        <v>1</v>
      </c>
      <c r="O2285" s="115">
        <v>1</v>
      </c>
      <c r="P2285" s="115">
        <v>1</v>
      </c>
      <c r="Q2285" s="115">
        <v>1</v>
      </c>
      <c r="R2285" s="115">
        <v>1</v>
      </c>
      <c r="S2285" s="115">
        <v>0</v>
      </c>
      <c r="T2285" s="115">
        <v>0</v>
      </c>
      <c r="U2285" s="119"/>
      <c r="V2285" s="119"/>
      <c r="W2285" s="119"/>
      <c r="X2285" s="119"/>
      <c r="Y2285" s="119"/>
      <c r="Z2285" s="119"/>
      <c r="AA2285" s="119"/>
      <c r="AB2285" s="119"/>
      <c r="AC2285" s="119"/>
      <c r="AD2285" s="119"/>
      <c r="AE2285" s="119"/>
      <c r="AF2285" s="119"/>
      <c r="AG2285" s="119"/>
      <c r="AH2285" s="119"/>
      <c r="AI2285" s="119"/>
      <c r="AJ2285" s="119"/>
      <c r="AK2285" s="119"/>
      <c r="AL2285" s="119"/>
      <c r="AM2285" s="119"/>
      <c r="AN2285" s="119"/>
      <c r="AO2285" s="119"/>
      <c r="AP2285" s="119"/>
      <c r="AQ2285" s="119"/>
      <c r="AR2285" s="119"/>
      <c r="AS2285" s="119"/>
      <c r="AT2285" s="119"/>
      <c r="AU2285" s="119"/>
      <c r="AV2285" s="119"/>
      <c r="AW2285" s="119"/>
      <c r="AX2285" s="119"/>
      <c r="AY2285" s="119"/>
      <c r="AZ2285" s="119"/>
      <c r="BA2285" s="119"/>
      <c r="BB2285" s="107">
        <v>45884</v>
      </c>
    </row>
    <row r="2286" spans="1:54" s="207" customFormat="1" ht="13.95" customHeight="1" x14ac:dyDescent="0.25">
      <c r="A2286" s="208" t="s">
        <v>5462</v>
      </c>
      <c r="B2286" s="209" t="s">
        <v>20420</v>
      </c>
      <c r="C2286" s="113" t="s">
        <v>5463</v>
      </c>
      <c r="D2286" s="113" t="s">
        <v>23822</v>
      </c>
      <c r="E2286" s="210">
        <v>1985</v>
      </c>
      <c r="F2286" s="210">
        <v>6045</v>
      </c>
      <c r="G2286" s="113" t="s">
        <v>1</v>
      </c>
      <c r="H2286" s="113">
        <v>0</v>
      </c>
      <c r="I2286" s="113">
        <v>0</v>
      </c>
      <c r="J2286" s="115">
        <v>1</v>
      </c>
      <c r="K2286" s="211">
        <v>1</v>
      </c>
      <c r="L2286" s="115">
        <v>1</v>
      </c>
      <c r="M2286" s="115">
        <v>0</v>
      </c>
      <c r="N2286" s="115">
        <v>0</v>
      </c>
      <c r="O2286" s="115">
        <v>1</v>
      </c>
      <c r="P2286" s="115">
        <v>1</v>
      </c>
      <c r="Q2286" s="115">
        <v>1</v>
      </c>
      <c r="R2286" s="115">
        <v>0</v>
      </c>
      <c r="S2286" s="115">
        <v>0</v>
      </c>
      <c r="T2286" s="115">
        <v>0</v>
      </c>
      <c r="U2286" s="119"/>
      <c r="V2286" s="119"/>
      <c r="W2286" s="119"/>
      <c r="X2286" s="119"/>
      <c r="Y2286" s="119"/>
      <c r="Z2286" s="119"/>
      <c r="AA2286" s="119"/>
      <c r="AB2286" s="119"/>
      <c r="AC2286" s="119"/>
      <c r="AD2286" s="119"/>
      <c r="AE2286" s="119"/>
      <c r="AF2286" s="119"/>
      <c r="AG2286" s="119"/>
      <c r="AH2286" s="119"/>
      <c r="AI2286" s="119"/>
      <c r="AJ2286" s="119"/>
      <c r="AK2286" s="119"/>
      <c r="AL2286" s="119"/>
      <c r="AM2286" s="119"/>
      <c r="AN2286" s="119"/>
      <c r="AO2286" s="119"/>
      <c r="AP2286" s="119"/>
      <c r="AQ2286" s="119"/>
      <c r="AR2286" s="119"/>
      <c r="AS2286" s="119"/>
      <c r="AT2286" s="119"/>
      <c r="AU2286" s="119"/>
      <c r="AV2286" s="119"/>
      <c r="AW2286" s="119"/>
      <c r="AX2286" s="119"/>
      <c r="AY2286" s="119"/>
      <c r="AZ2286" s="119"/>
      <c r="BA2286" s="119"/>
      <c r="BB2286" s="107">
        <v>45884</v>
      </c>
    </row>
    <row r="2287" spans="1:54" s="207" customFormat="1" ht="13.95" customHeight="1" x14ac:dyDescent="0.25">
      <c r="A2287" s="208" t="s">
        <v>5464</v>
      </c>
      <c r="B2287" s="209" t="s">
        <v>20420</v>
      </c>
      <c r="C2287" s="113" t="s">
        <v>5465</v>
      </c>
      <c r="D2287" s="113" t="s">
        <v>5466</v>
      </c>
      <c r="E2287" s="210">
        <v>1987</v>
      </c>
      <c r="F2287" s="210">
        <v>6047</v>
      </c>
      <c r="G2287" s="113" t="s">
        <v>1</v>
      </c>
      <c r="H2287" s="113">
        <v>0</v>
      </c>
      <c r="I2287" s="113">
        <v>0</v>
      </c>
      <c r="J2287" s="115">
        <v>1</v>
      </c>
      <c r="K2287" s="116" t="s">
        <v>174</v>
      </c>
      <c r="L2287" s="115">
        <v>1</v>
      </c>
      <c r="M2287" s="115">
        <v>0</v>
      </c>
      <c r="N2287" s="115">
        <v>1</v>
      </c>
      <c r="O2287" s="115">
        <v>1</v>
      </c>
      <c r="P2287" s="115">
        <v>1</v>
      </c>
      <c r="Q2287" s="115" t="s">
        <v>400</v>
      </c>
      <c r="R2287" s="115">
        <v>1</v>
      </c>
      <c r="S2287" s="115">
        <v>0</v>
      </c>
      <c r="T2287" s="115">
        <v>0</v>
      </c>
      <c r="U2287" s="119"/>
      <c r="V2287" s="119"/>
      <c r="W2287" s="119"/>
      <c r="X2287" s="119"/>
      <c r="Y2287" s="119"/>
      <c r="Z2287" s="119"/>
      <c r="AA2287" s="119"/>
      <c r="AB2287" s="119"/>
      <c r="AC2287" s="119"/>
      <c r="AD2287" s="119"/>
      <c r="AE2287" s="119"/>
      <c r="AF2287" s="119"/>
      <c r="AG2287" s="119"/>
      <c r="AH2287" s="119"/>
      <c r="AI2287" s="119"/>
      <c r="AJ2287" s="119"/>
      <c r="AK2287" s="119"/>
      <c r="AL2287" s="119"/>
      <c r="AM2287" s="119"/>
      <c r="AN2287" s="119"/>
      <c r="AO2287" s="119"/>
      <c r="AP2287" s="119"/>
      <c r="AQ2287" s="119"/>
      <c r="AR2287" s="119"/>
      <c r="AS2287" s="119"/>
      <c r="AT2287" s="119"/>
      <c r="AU2287" s="119"/>
      <c r="AV2287" s="119"/>
      <c r="AW2287" s="119"/>
      <c r="AX2287" s="119"/>
      <c r="AY2287" s="119"/>
      <c r="AZ2287" s="119"/>
      <c r="BA2287" s="119"/>
      <c r="BB2287" s="107">
        <v>45884</v>
      </c>
    </row>
    <row r="2288" spans="1:54" s="207" customFormat="1" ht="13.95" customHeight="1" x14ac:dyDescent="0.25">
      <c r="A2288" s="208" t="s">
        <v>5467</v>
      </c>
      <c r="B2288" s="209" t="s">
        <v>20420</v>
      </c>
      <c r="C2288" s="113" t="s">
        <v>5468</v>
      </c>
      <c r="D2288" s="113" t="s">
        <v>5469</v>
      </c>
      <c r="E2288" s="210">
        <v>1976</v>
      </c>
      <c r="F2288" s="210">
        <v>6078</v>
      </c>
      <c r="G2288" s="113" t="s">
        <v>1</v>
      </c>
      <c r="H2288" s="113">
        <v>1</v>
      </c>
      <c r="I2288" s="113">
        <v>1</v>
      </c>
      <c r="J2288" s="115">
        <v>1</v>
      </c>
      <c r="K2288" s="116" t="s">
        <v>174</v>
      </c>
      <c r="L2288" s="115">
        <v>1</v>
      </c>
      <c r="M2288" s="115">
        <v>1</v>
      </c>
      <c r="N2288" s="115">
        <v>0</v>
      </c>
      <c r="O2288" s="115">
        <v>1</v>
      </c>
      <c r="P2288" s="115" t="s">
        <v>400</v>
      </c>
      <c r="Q2288" s="115" t="s">
        <v>400</v>
      </c>
      <c r="R2288" s="115">
        <v>1</v>
      </c>
      <c r="S2288" s="115">
        <v>0</v>
      </c>
      <c r="T2288" s="115">
        <v>0</v>
      </c>
      <c r="U2288" s="119"/>
      <c r="V2288" s="119"/>
      <c r="W2288" s="119"/>
      <c r="X2288" s="119"/>
      <c r="Y2288" s="119"/>
      <c r="Z2288" s="119"/>
      <c r="AA2288" s="119"/>
      <c r="AB2288" s="119"/>
      <c r="AC2288" s="119"/>
      <c r="AD2288" s="119"/>
      <c r="AE2288" s="119"/>
      <c r="AF2288" s="119"/>
      <c r="AG2288" s="119"/>
      <c r="AH2288" s="119"/>
      <c r="AI2288" s="119"/>
      <c r="AJ2288" s="119"/>
      <c r="AK2288" s="119"/>
      <c r="AL2288" s="119"/>
      <c r="AM2288" s="119"/>
      <c r="AN2288" s="119"/>
      <c r="AO2288" s="119"/>
      <c r="AP2288" s="119"/>
      <c r="AQ2288" s="119"/>
      <c r="AR2288" s="119"/>
      <c r="AS2288" s="119"/>
      <c r="AT2288" s="119"/>
      <c r="AU2288" s="119"/>
      <c r="AV2288" s="119"/>
      <c r="AW2288" s="119"/>
      <c r="AX2288" s="119"/>
      <c r="AY2288" s="119"/>
      <c r="AZ2288" s="119"/>
      <c r="BA2288" s="119"/>
      <c r="BB2288" s="107">
        <v>45884</v>
      </c>
    </row>
    <row r="2289" spans="1:54" s="207" customFormat="1" ht="13.95" customHeight="1" x14ac:dyDescent="0.25">
      <c r="A2289" s="208" t="s">
        <v>5470</v>
      </c>
      <c r="B2289" s="209" t="s">
        <v>20420</v>
      </c>
      <c r="C2289" s="113" t="s">
        <v>5471</v>
      </c>
      <c r="D2289" s="113" t="s">
        <v>5472</v>
      </c>
      <c r="E2289" s="210">
        <v>2003</v>
      </c>
      <c r="F2289" s="210">
        <v>6148</v>
      </c>
      <c r="G2289" s="113" t="s">
        <v>10</v>
      </c>
      <c r="H2289" s="113">
        <v>1</v>
      </c>
      <c r="I2289" s="113">
        <v>1</v>
      </c>
      <c r="J2289" s="115">
        <v>1</v>
      </c>
      <c r="K2289" s="116" t="s">
        <v>174</v>
      </c>
      <c r="L2289" s="115">
        <v>0</v>
      </c>
      <c r="M2289" s="115">
        <v>0</v>
      </c>
      <c r="N2289" s="115">
        <v>0</v>
      </c>
      <c r="O2289" s="115">
        <v>0</v>
      </c>
      <c r="P2289" s="115" t="s">
        <v>400</v>
      </c>
      <c r="Q2289" s="115" t="s">
        <v>400</v>
      </c>
      <c r="R2289" s="115">
        <v>0</v>
      </c>
      <c r="S2289" s="115">
        <v>0</v>
      </c>
      <c r="T2289" s="115">
        <v>0</v>
      </c>
      <c r="U2289" s="113" t="s">
        <v>174</v>
      </c>
      <c r="V2289" s="113" t="s">
        <v>174</v>
      </c>
      <c r="W2289" s="113" t="s">
        <v>174</v>
      </c>
      <c r="X2289" s="113" t="s">
        <v>174</v>
      </c>
      <c r="Y2289" s="113" t="s">
        <v>174</v>
      </c>
      <c r="Z2289" s="113" t="s">
        <v>174</v>
      </c>
      <c r="AA2289" s="113" t="s">
        <v>174</v>
      </c>
      <c r="AB2289" s="113" t="s">
        <v>174</v>
      </c>
      <c r="AC2289" s="113" t="s">
        <v>174</v>
      </c>
      <c r="AD2289" s="113" t="s">
        <v>174</v>
      </c>
      <c r="AE2289" s="113" t="s">
        <v>174</v>
      </c>
      <c r="AF2289" s="113" t="s">
        <v>174</v>
      </c>
      <c r="AG2289" s="113" t="s">
        <v>174</v>
      </c>
      <c r="AH2289" s="113" t="s">
        <v>174</v>
      </c>
      <c r="AI2289" s="113" t="s">
        <v>174</v>
      </c>
      <c r="AJ2289" s="113" t="s">
        <v>174</v>
      </c>
      <c r="AK2289" s="113" t="s">
        <v>174</v>
      </c>
      <c r="AL2289" s="113" t="s">
        <v>174</v>
      </c>
      <c r="AM2289" s="113" t="s">
        <v>174</v>
      </c>
      <c r="AN2289" s="113" t="s">
        <v>174</v>
      </c>
      <c r="AO2289" s="113" t="s">
        <v>174</v>
      </c>
      <c r="AP2289" s="113" t="s">
        <v>174</v>
      </c>
      <c r="AQ2289" s="113" t="s">
        <v>174</v>
      </c>
      <c r="AR2289" s="113" t="s">
        <v>174</v>
      </c>
      <c r="AS2289" s="113" t="s">
        <v>174</v>
      </c>
      <c r="AT2289" s="121" t="s">
        <v>174</v>
      </c>
      <c r="AU2289" s="113" t="s">
        <v>174</v>
      </c>
      <c r="AV2289" s="113" t="s">
        <v>174</v>
      </c>
      <c r="AW2289" s="113" t="s">
        <v>174</v>
      </c>
      <c r="AX2289" s="113"/>
      <c r="AY2289" s="113"/>
      <c r="AZ2289" s="113"/>
      <c r="BA2289" s="113"/>
      <c r="BB2289" s="107">
        <v>45884</v>
      </c>
    </row>
    <row r="2290" spans="1:54" s="207" customFormat="1" ht="13.95" customHeight="1" x14ac:dyDescent="0.25">
      <c r="A2290" s="208" t="s">
        <v>5473</v>
      </c>
      <c r="B2290" s="209" t="s">
        <v>20420</v>
      </c>
      <c r="C2290" s="113" t="s">
        <v>5474</v>
      </c>
      <c r="D2290" s="113" t="s">
        <v>5475</v>
      </c>
      <c r="E2290" s="210">
        <v>1998</v>
      </c>
      <c r="F2290" s="210">
        <v>6215</v>
      </c>
      <c r="G2290" s="113" t="s">
        <v>1</v>
      </c>
      <c r="H2290" s="113">
        <v>1</v>
      </c>
      <c r="I2290" s="113">
        <v>1</v>
      </c>
      <c r="J2290" s="115">
        <v>1</v>
      </c>
      <c r="K2290" s="116" t="s">
        <v>174</v>
      </c>
      <c r="L2290" s="115">
        <v>1</v>
      </c>
      <c r="M2290" s="115">
        <v>1</v>
      </c>
      <c r="N2290" s="115">
        <v>1</v>
      </c>
      <c r="O2290" s="115">
        <v>1</v>
      </c>
      <c r="P2290" s="115" t="s">
        <v>400</v>
      </c>
      <c r="Q2290" s="115" t="s">
        <v>400</v>
      </c>
      <c r="R2290" s="115">
        <v>0</v>
      </c>
      <c r="S2290" s="115">
        <v>0</v>
      </c>
      <c r="T2290" s="115">
        <v>0</v>
      </c>
      <c r="U2290" s="119"/>
      <c r="V2290" s="119"/>
      <c r="W2290" s="119"/>
      <c r="X2290" s="119"/>
      <c r="Y2290" s="119"/>
      <c r="Z2290" s="119"/>
      <c r="AA2290" s="119"/>
      <c r="AB2290" s="119"/>
      <c r="AC2290" s="119"/>
      <c r="AD2290" s="119"/>
      <c r="AE2290" s="119"/>
      <c r="AF2290" s="119"/>
      <c r="AG2290" s="119"/>
      <c r="AH2290" s="119"/>
      <c r="AI2290" s="119"/>
      <c r="AJ2290" s="119"/>
      <c r="AK2290" s="119"/>
      <c r="AL2290" s="119"/>
      <c r="AM2290" s="119"/>
      <c r="AN2290" s="119"/>
      <c r="AO2290" s="119"/>
      <c r="AP2290" s="119"/>
      <c r="AQ2290" s="119"/>
      <c r="AR2290" s="119"/>
      <c r="AS2290" s="119"/>
      <c r="AT2290" s="119"/>
      <c r="AU2290" s="119"/>
      <c r="AV2290" s="119"/>
      <c r="AW2290" s="119"/>
      <c r="AX2290" s="119"/>
      <c r="AY2290" s="119"/>
      <c r="AZ2290" s="119"/>
      <c r="BA2290" s="119"/>
      <c r="BB2290" s="107">
        <v>45884</v>
      </c>
    </row>
    <row r="2291" spans="1:54" s="207" customFormat="1" ht="13.95" customHeight="1" x14ac:dyDescent="0.25">
      <c r="A2291" s="208" t="s">
        <v>5476</v>
      </c>
      <c r="B2291" s="209" t="s">
        <v>20420</v>
      </c>
      <c r="C2291" s="113" t="s">
        <v>5477</v>
      </c>
      <c r="D2291" s="113" t="s">
        <v>5478</v>
      </c>
      <c r="E2291" s="210">
        <v>2013</v>
      </c>
      <c r="F2291" s="210">
        <v>6233</v>
      </c>
      <c r="G2291" s="113" t="s">
        <v>1</v>
      </c>
      <c r="H2291" s="113">
        <v>0</v>
      </c>
      <c r="I2291" s="113">
        <v>0</v>
      </c>
      <c r="J2291" s="115">
        <v>1</v>
      </c>
      <c r="K2291" s="116" t="s">
        <v>174</v>
      </c>
      <c r="L2291" s="115">
        <v>1</v>
      </c>
      <c r="M2291" s="115">
        <v>0</v>
      </c>
      <c r="N2291" s="115">
        <v>0</v>
      </c>
      <c r="O2291" s="115">
        <v>1</v>
      </c>
      <c r="P2291" s="115">
        <v>1</v>
      </c>
      <c r="Q2291" s="115">
        <v>1</v>
      </c>
      <c r="R2291" s="115">
        <v>1</v>
      </c>
      <c r="S2291" s="115">
        <v>0</v>
      </c>
      <c r="T2291" s="115">
        <v>0</v>
      </c>
      <c r="U2291" s="119"/>
      <c r="V2291" s="119"/>
      <c r="W2291" s="119"/>
      <c r="X2291" s="119"/>
      <c r="Y2291" s="119"/>
      <c r="Z2291" s="119"/>
      <c r="AA2291" s="119"/>
      <c r="AB2291" s="119"/>
      <c r="AC2291" s="119"/>
      <c r="AD2291" s="119"/>
      <c r="AE2291" s="119"/>
      <c r="AF2291" s="119"/>
      <c r="AG2291" s="119"/>
      <c r="AH2291" s="119"/>
      <c r="AI2291" s="119"/>
      <c r="AJ2291" s="119"/>
      <c r="AK2291" s="119"/>
      <c r="AL2291" s="119"/>
      <c r="AM2291" s="119"/>
      <c r="AN2291" s="119"/>
      <c r="AO2291" s="119"/>
      <c r="AP2291" s="119"/>
      <c r="AQ2291" s="119"/>
      <c r="AR2291" s="119"/>
      <c r="AS2291" s="119"/>
      <c r="AT2291" s="119"/>
      <c r="AU2291" s="119"/>
      <c r="AV2291" s="119"/>
      <c r="AW2291" s="119"/>
      <c r="AX2291" s="119"/>
      <c r="AY2291" s="119"/>
      <c r="AZ2291" s="119"/>
      <c r="BA2291" s="119"/>
      <c r="BB2291" s="107">
        <v>45884</v>
      </c>
    </row>
    <row r="2292" spans="1:54" s="207" customFormat="1" ht="13.95" customHeight="1" x14ac:dyDescent="0.25">
      <c r="A2292" s="208" t="s">
        <v>5479</v>
      </c>
      <c r="B2292" s="209" t="s">
        <v>20420</v>
      </c>
      <c r="C2292" s="113" t="s">
        <v>5480</v>
      </c>
      <c r="D2292" s="113" t="s">
        <v>23823</v>
      </c>
      <c r="E2292" s="210">
        <v>1958</v>
      </c>
      <c r="F2292" s="210">
        <v>6266</v>
      </c>
      <c r="G2292" s="113" t="s">
        <v>1</v>
      </c>
      <c r="H2292" s="113">
        <v>1</v>
      </c>
      <c r="I2292" s="113">
        <v>1</v>
      </c>
      <c r="J2292" s="115">
        <v>1</v>
      </c>
      <c r="K2292" s="211">
        <v>1</v>
      </c>
      <c r="L2292" s="115">
        <v>1</v>
      </c>
      <c r="M2292" s="115">
        <v>1</v>
      </c>
      <c r="N2292" s="115">
        <v>0</v>
      </c>
      <c r="O2292" s="115">
        <v>1</v>
      </c>
      <c r="P2292" s="115" t="s">
        <v>400</v>
      </c>
      <c r="Q2292" s="115" t="s">
        <v>400</v>
      </c>
      <c r="R2292" s="115">
        <v>0</v>
      </c>
      <c r="S2292" s="115">
        <v>0</v>
      </c>
      <c r="T2292" s="115">
        <v>0</v>
      </c>
      <c r="U2292" s="119"/>
      <c r="V2292" s="119"/>
      <c r="W2292" s="119"/>
      <c r="X2292" s="119"/>
      <c r="Y2292" s="119"/>
      <c r="Z2292" s="119"/>
      <c r="AA2292" s="119"/>
      <c r="AB2292" s="119"/>
      <c r="AC2292" s="119"/>
      <c r="AD2292" s="119"/>
      <c r="AE2292" s="119"/>
      <c r="AF2292" s="119"/>
      <c r="AG2292" s="119"/>
      <c r="AH2292" s="119"/>
      <c r="AI2292" s="119"/>
      <c r="AJ2292" s="119"/>
      <c r="AK2292" s="119"/>
      <c r="AL2292" s="119"/>
      <c r="AM2292" s="119"/>
      <c r="AN2292" s="119"/>
      <c r="AO2292" s="119"/>
      <c r="AP2292" s="119"/>
      <c r="AQ2292" s="119"/>
      <c r="AR2292" s="119"/>
      <c r="AS2292" s="119"/>
      <c r="AT2292" s="119"/>
      <c r="AU2292" s="119"/>
      <c r="AV2292" s="119"/>
      <c r="AW2292" s="119"/>
      <c r="AX2292" s="119"/>
      <c r="AY2292" s="119"/>
      <c r="AZ2292" s="119"/>
      <c r="BA2292" s="119"/>
      <c r="BB2292" s="107">
        <v>45884</v>
      </c>
    </row>
    <row r="2293" spans="1:54" s="207" customFormat="1" ht="13.95" customHeight="1" x14ac:dyDescent="0.25">
      <c r="A2293" s="208" t="s">
        <v>5481</v>
      </c>
      <c r="B2293" s="209" t="s">
        <v>20420</v>
      </c>
      <c r="C2293" s="113" t="s">
        <v>5482</v>
      </c>
      <c r="D2293" s="113" t="s">
        <v>5483</v>
      </c>
      <c r="E2293" s="210">
        <v>1988</v>
      </c>
      <c r="F2293" s="210">
        <v>6270</v>
      </c>
      <c r="G2293" s="113" t="s">
        <v>1</v>
      </c>
      <c r="H2293" s="113">
        <v>0</v>
      </c>
      <c r="I2293" s="113">
        <v>0</v>
      </c>
      <c r="J2293" s="115">
        <v>1</v>
      </c>
      <c r="K2293" s="116" t="s">
        <v>174</v>
      </c>
      <c r="L2293" s="115">
        <v>1</v>
      </c>
      <c r="M2293" s="115">
        <v>0</v>
      </c>
      <c r="N2293" s="115">
        <v>0</v>
      </c>
      <c r="O2293" s="115">
        <v>1</v>
      </c>
      <c r="P2293" s="115">
        <v>1</v>
      </c>
      <c r="Q2293" s="115" t="s">
        <v>400</v>
      </c>
      <c r="R2293" s="115">
        <v>0</v>
      </c>
      <c r="S2293" s="115">
        <v>0</v>
      </c>
      <c r="T2293" s="115">
        <v>0</v>
      </c>
      <c r="U2293" s="119"/>
      <c r="V2293" s="119"/>
      <c r="W2293" s="119"/>
      <c r="X2293" s="119"/>
      <c r="Y2293" s="119"/>
      <c r="Z2293" s="119"/>
      <c r="AA2293" s="119"/>
      <c r="AB2293" s="119"/>
      <c r="AC2293" s="119"/>
      <c r="AD2293" s="119"/>
      <c r="AE2293" s="119"/>
      <c r="AF2293" s="119"/>
      <c r="AG2293" s="119"/>
      <c r="AH2293" s="119"/>
      <c r="AI2293" s="119"/>
      <c r="AJ2293" s="119"/>
      <c r="AK2293" s="119"/>
      <c r="AL2293" s="119"/>
      <c r="AM2293" s="119"/>
      <c r="AN2293" s="119"/>
      <c r="AO2293" s="119"/>
      <c r="AP2293" s="119"/>
      <c r="AQ2293" s="119"/>
      <c r="AR2293" s="119"/>
      <c r="AS2293" s="119"/>
      <c r="AT2293" s="119"/>
      <c r="AU2293" s="119"/>
      <c r="AV2293" s="119"/>
      <c r="AW2293" s="119"/>
      <c r="AX2293" s="119"/>
      <c r="AY2293" s="119"/>
      <c r="AZ2293" s="119"/>
      <c r="BA2293" s="119"/>
      <c r="BB2293" s="107">
        <v>45884</v>
      </c>
    </row>
    <row r="2294" spans="1:54" s="207" customFormat="1" ht="13.95" customHeight="1" x14ac:dyDescent="0.25">
      <c r="A2294" s="208" t="s">
        <v>5484</v>
      </c>
      <c r="B2294" s="209" t="s">
        <v>20420</v>
      </c>
      <c r="C2294" s="113" t="s">
        <v>5485</v>
      </c>
      <c r="D2294" s="113" t="s">
        <v>5486</v>
      </c>
      <c r="E2294" s="210">
        <v>1953</v>
      </c>
      <c r="F2294" s="210">
        <v>6287</v>
      </c>
      <c r="G2294" s="113" t="s">
        <v>1</v>
      </c>
      <c r="H2294" s="113">
        <v>0</v>
      </c>
      <c r="I2294" s="113">
        <v>0</v>
      </c>
      <c r="J2294" s="115">
        <v>1</v>
      </c>
      <c r="K2294" s="116" t="s">
        <v>174</v>
      </c>
      <c r="L2294" s="115">
        <v>1</v>
      </c>
      <c r="M2294" s="115">
        <v>1</v>
      </c>
      <c r="N2294" s="115">
        <v>1</v>
      </c>
      <c r="O2294" s="115">
        <v>1</v>
      </c>
      <c r="P2294" s="115" t="s">
        <v>400</v>
      </c>
      <c r="Q2294" s="115" t="s">
        <v>400</v>
      </c>
      <c r="R2294" s="115">
        <v>1</v>
      </c>
      <c r="S2294" s="115">
        <v>0</v>
      </c>
      <c r="T2294" s="115">
        <v>0</v>
      </c>
      <c r="U2294" s="119"/>
      <c r="V2294" s="119"/>
      <c r="W2294" s="119"/>
      <c r="X2294" s="119"/>
      <c r="Y2294" s="119"/>
      <c r="Z2294" s="119"/>
      <c r="AA2294" s="119"/>
      <c r="AB2294" s="119"/>
      <c r="AC2294" s="119"/>
      <c r="AD2294" s="119"/>
      <c r="AE2294" s="119"/>
      <c r="AF2294" s="119"/>
      <c r="AG2294" s="119"/>
      <c r="AH2294" s="119"/>
      <c r="AI2294" s="119"/>
      <c r="AJ2294" s="119"/>
      <c r="AK2294" s="119"/>
      <c r="AL2294" s="119"/>
      <c r="AM2294" s="119"/>
      <c r="AN2294" s="119"/>
      <c r="AO2294" s="119"/>
      <c r="AP2294" s="119"/>
      <c r="AQ2294" s="119"/>
      <c r="AR2294" s="119"/>
      <c r="AS2294" s="119"/>
      <c r="AT2294" s="119"/>
      <c r="AU2294" s="119"/>
      <c r="AV2294" s="119"/>
      <c r="AW2294" s="119"/>
      <c r="AX2294" s="119"/>
      <c r="AY2294" s="119"/>
      <c r="AZ2294" s="119"/>
      <c r="BA2294" s="119"/>
      <c r="BB2294" s="107">
        <v>45884</v>
      </c>
    </row>
    <row r="2295" spans="1:54" s="207" customFormat="1" ht="13.95" customHeight="1" x14ac:dyDescent="0.25">
      <c r="A2295" s="208" t="s">
        <v>5487</v>
      </c>
      <c r="B2295" s="209" t="s">
        <v>20420</v>
      </c>
      <c r="C2295" s="113" t="s">
        <v>5488</v>
      </c>
      <c r="D2295" s="113" t="s">
        <v>5489</v>
      </c>
      <c r="E2295" s="210">
        <v>1994</v>
      </c>
      <c r="F2295" s="210">
        <v>6293</v>
      </c>
      <c r="G2295" s="113" t="s">
        <v>1</v>
      </c>
      <c r="H2295" s="113">
        <v>1</v>
      </c>
      <c r="I2295" s="113">
        <v>0</v>
      </c>
      <c r="J2295" s="115">
        <v>1</v>
      </c>
      <c r="K2295" s="116" t="s">
        <v>174</v>
      </c>
      <c r="L2295" s="115">
        <v>0</v>
      </c>
      <c r="M2295" s="115">
        <v>0</v>
      </c>
      <c r="N2295" s="115">
        <v>0</v>
      </c>
      <c r="O2295" s="115">
        <v>0</v>
      </c>
      <c r="P2295" s="115">
        <v>1</v>
      </c>
      <c r="Q2295" s="115" t="s">
        <v>400</v>
      </c>
      <c r="R2295" s="115">
        <v>0</v>
      </c>
      <c r="S2295" s="115">
        <v>0</v>
      </c>
      <c r="T2295" s="115">
        <v>0</v>
      </c>
      <c r="U2295" s="119"/>
      <c r="V2295" s="119"/>
      <c r="W2295" s="119"/>
      <c r="X2295" s="119"/>
      <c r="Y2295" s="119"/>
      <c r="Z2295" s="119"/>
      <c r="AA2295" s="119"/>
      <c r="AB2295" s="119"/>
      <c r="AC2295" s="119"/>
      <c r="AD2295" s="119"/>
      <c r="AE2295" s="119"/>
      <c r="AF2295" s="119"/>
      <c r="AG2295" s="119"/>
      <c r="AH2295" s="119"/>
      <c r="AI2295" s="119"/>
      <c r="AJ2295" s="119"/>
      <c r="AK2295" s="119"/>
      <c r="AL2295" s="119"/>
      <c r="AM2295" s="119"/>
      <c r="AN2295" s="119"/>
      <c r="AO2295" s="119"/>
      <c r="AP2295" s="119"/>
      <c r="AQ2295" s="119"/>
      <c r="AR2295" s="119"/>
      <c r="AS2295" s="119"/>
      <c r="AT2295" s="119"/>
      <c r="AU2295" s="119"/>
      <c r="AV2295" s="119"/>
      <c r="AW2295" s="119"/>
      <c r="AX2295" s="119"/>
      <c r="AY2295" s="119"/>
      <c r="AZ2295" s="119"/>
      <c r="BA2295" s="119"/>
      <c r="BB2295" s="107">
        <v>45884</v>
      </c>
    </row>
    <row r="2296" spans="1:54" s="207" customFormat="1" ht="13.95" customHeight="1" x14ac:dyDescent="0.25">
      <c r="A2296" s="208" t="s">
        <v>5490</v>
      </c>
      <c r="B2296" s="209" t="s">
        <v>20420</v>
      </c>
      <c r="C2296" s="113" t="s">
        <v>5491</v>
      </c>
      <c r="D2296" s="113" t="s">
        <v>23824</v>
      </c>
      <c r="E2296" s="210">
        <v>1936</v>
      </c>
      <c r="F2296" s="210">
        <v>6303</v>
      </c>
      <c r="G2296" s="113" t="s">
        <v>1</v>
      </c>
      <c r="H2296" s="113">
        <v>1</v>
      </c>
      <c r="I2296" s="113">
        <v>1</v>
      </c>
      <c r="J2296" s="115">
        <v>1</v>
      </c>
      <c r="K2296" s="116" t="s">
        <v>174</v>
      </c>
      <c r="L2296" s="115">
        <v>1</v>
      </c>
      <c r="M2296" s="115">
        <v>1</v>
      </c>
      <c r="N2296" s="115">
        <v>1</v>
      </c>
      <c r="O2296" s="115">
        <v>1</v>
      </c>
      <c r="P2296" s="115">
        <v>1</v>
      </c>
      <c r="Q2296" s="115" t="s">
        <v>400</v>
      </c>
      <c r="R2296" s="115">
        <v>1</v>
      </c>
      <c r="S2296" s="115">
        <v>0</v>
      </c>
      <c r="T2296" s="115">
        <v>0</v>
      </c>
      <c r="U2296" s="119"/>
      <c r="V2296" s="119"/>
      <c r="W2296" s="119"/>
      <c r="X2296" s="119"/>
      <c r="Y2296" s="119"/>
      <c r="Z2296" s="119"/>
      <c r="AA2296" s="119"/>
      <c r="AB2296" s="119"/>
      <c r="AC2296" s="119"/>
      <c r="AD2296" s="119"/>
      <c r="AE2296" s="119"/>
      <c r="AF2296" s="122">
        <v>1</v>
      </c>
      <c r="AG2296" s="119"/>
      <c r="AH2296" s="119"/>
      <c r="AI2296" s="119"/>
      <c r="AJ2296" s="119"/>
      <c r="AK2296" s="119"/>
      <c r="AL2296" s="119"/>
      <c r="AM2296" s="119"/>
      <c r="AN2296" s="119"/>
      <c r="AO2296" s="119"/>
      <c r="AP2296" s="119"/>
      <c r="AQ2296" s="119"/>
      <c r="AR2296" s="119"/>
      <c r="AS2296" s="119"/>
      <c r="AT2296" s="119"/>
      <c r="AU2296" s="119"/>
      <c r="AV2296" s="119"/>
      <c r="AW2296" s="119"/>
      <c r="AX2296" s="119"/>
      <c r="AY2296" s="119"/>
      <c r="AZ2296" s="123" t="s">
        <v>23203</v>
      </c>
      <c r="BA2296" s="122" t="s">
        <v>19478</v>
      </c>
      <c r="BB2296" s="107">
        <v>45884</v>
      </c>
    </row>
    <row r="2297" spans="1:54" s="207" customFormat="1" ht="13.95" customHeight="1" x14ac:dyDescent="0.25">
      <c r="A2297" s="208" t="s">
        <v>5492</v>
      </c>
      <c r="B2297" s="209" t="s">
        <v>20420</v>
      </c>
      <c r="C2297" s="113" t="s">
        <v>5493</v>
      </c>
      <c r="D2297" s="113" t="s">
        <v>23825</v>
      </c>
      <c r="E2297" s="210">
        <v>1999</v>
      </c>
      <c r="F2297" s="210">
        <v>6306</v>
      </c>
      <c r="G2297" s="113" t="s">
        <v>11</v>
      </c>
      <c r="H2297" s="113">
        <v>0</v>
      </c>
      <c r="I2297" s="113">
        <v>0</v>
      </c>
      <c r="J2297" s="115" t="s">
        <v>400</v>
      </c>
      <c r="K2297" s="116" t="s">
        <v>174</v>
      </c>
      <c r="L2297" s="115">
        <v>0</v>
      </c>
      <c r="M2297" s="115">
        <v>0</v>
      </c>
      <c r="N2297" s="115">
        <v>0</v>
      </c>
      <c r="O2297" s="115">
        <v>0</v>
      </c>
      <c r="P2297" s="115" t="s">
        <v>400</v>
      </c>
      <c r="Q2297" s="115" t="s">
        <v>400</v>
      </c>
      <c r="R2297" s="115">
        <v>0</v>
      </c>
      <c r="S2297" s="115">
        <v>0</v>
      </c>
      <c r="T2297" s="115">
        <v>0</v>
      </c>
      <c r="U2297" s="113" t="s">
        <v>174</v>
      </c>
      <c r="V2297" s="113" t="s">
        <v>174</v>
      </c>
      <c r="W2297" s="113" t="s">
        <v>174</v>
      </c>
      <c r="X2297" s="113" t="s">
        <v>174</v>
      </c>
      <c r="Y2297" s="113" t="s">
        <v>174</v>
      </c>
      <c r="Z2297" s="113" t="s">
        <v>174</v>
      </c>
      <c r="AA2297" s="113" t="s">
        <v>174</v>
      </c>
      <c r="AB2297" s="113" t="s">
        <v>174</v>
      </c>
      <c r="AC2297" s="113" t="s">
        <v>174</v>
      </c>
      <c r="AD2297" s="113" t="s">
        <v>174</v>
      </c>
      <c r="AE2297" s="113" t="s">
        <v>174</v>
      </c>
      <c r="AF2297" s="113" t="s">
        <v>174</v>
      </c>
      <c r="AG2297" s="113" t="s">
        <v>174</v>
      </c>
      <c r="AH2297" s="113" t="s">
        <v>174</v>
      </c>
      <c r="AI2297" s="113" t="s">
        <v>174</v>
      </c>
      <c r="AJ2297" s="113" t="s">
        <v>174</v>
      </c>
      <c r="AK2297" s="113" t="s">
        <v>174</v>
      </c>
      <c r="AL2297" s="113" t="s">
        <v>174</v>
      </c>
      <c r="AM2297" s="113" t="s">
        <v>174</v>
      </c>
      <c r="AN2297" s="113" t="s">
        <v>174</v>
      </c>
      <c r="AO2297" s="113" t="s">
        <v>174</v>
      </c>
      <c r="AP2297" s="113" t="s">
        <v>174</v>
      </c>
      <c r="AQ2297" s="113" t="s">
        <v>174</v>
      </c>
      <c r="AR2297" s="113" t="s">
        <v>174</v>
      </c>
      <c r="AS2297" s="113" t="s">
        <v>174</v>
      </c>
      <c r="AT2297" s="121" t="s">
        <v>174</v>
      </c>
      <c r="AU2297" s="113" t="s">
        <v>174</v>
      </c>
      <c r="AV2297" s="113" t="s">
        <v>174</v>
      </c>
      <c r="AW2297" s="113" t="s">
        <v>174</v>
      </c>
      <c r="AX2297" s="113"/>
      <c r="AY2297" s="113"/>
      <c r="AZ2297" s="113"/>
      <c r="BA2297" s="113"/>
      <c r="BB2297" s="107">
        <v>45884</v>
      </c>
    </row>
    <row r="2298" spans="1:54" s="207" customFormat="1" ht="13.95" customHeight="1" x14ac:dyDescent="0.25">
      <c r="A2298" s="208" t="s">
        <v>5494</v>
      </c>
      <c r="B2298" s="209" t="s">
        <v>20420</v>
      </c>
      <c r="C2298" s="113" t="s">
        <v>5495</v>
      </c>
      <c r="D2298" s="113" t="s">
        <v>5496</v>
      </c>
      <c r="E2298" s="210">
        <v>1996</v>
      </c>
      <c r="F2298" s="210">
        <v>6357</v>
      </c>
      <c r="G2298" s="113" t="s">
        <v>1</v>
      </c>
      <c r="H2298" s="113">
        <v>1</v>
      </c>
      <c r="I2298" s="113">
        <v>0</v>
      </c>
      <c r="J2298" s="115">
        <v>1</v>
      </c>
      <c r="K2298" s="211">
        <v>1</v>
      </c>
      <c r="L2298" s="115">
        <v>1</v>
      </c>
      <c r="M2298" s="115">
        <v>0</v>
      </c>
      <c r="N2298" s="115">
        <v>0</v>
      </c>
      <c r="O2298" s="115">
        <v>1</v>
      </c>
      <c r="P2298" s="115">
        <v>1</v>
      </c>
      <c r="Q2298" s="115" t="s">
        <v>400</v>
      </c>
      <c r="R2298" s="115">
        <v>0</v>
      </c>
      <c r="S2298" s="115">
        <v>0</v>
      </c>
      <c r="T2298" s="115">
        <v>1</v>
      </c>
      <c r="U2298" s="119"/>
      <c r="V2298" s="119"/>
      <c r="W2298" s="119"/>
      <c r="X2298" s="119"/>
      <c r="Y2298" s="119"/>
      <c r="Z2298" s="119"/>
      <c r="AA2298" s="119"/>
      <c r="AB2298" s="119"/>
      <c r="AC2298" s="119"/>
      <c r="AD2298" s="119"/>
      <c r="AE2298" s="119"/>
      <c r="AF2298" s="119"/>
      <c r="AG2298" s="119"/>
      <c r="AH2298" s="119"/>
      <c r="AI2298" s="119"/>
      <c r="AJ2298" s="119"/>
      <c r="AK2298" s="119"/>
      <c r="AL2298" s="119"/>
      <c r="AM2298" s="119"/>
      <c r="AN2298" s="119"/>
      <c r="AO2298" s="119"/>
      <c r="AP2298" s="119"/>
      <c r="AQ2298" s="119"/>
      <c r="AR2298" s="119"/>
      <c r="AS2298" s="119"/>
      <c r="AT2298" s="119"/>
      <c r="AU2298" s="119"/>
      <c r="AV2298" s="119"/>
      <c r="AW2298" s="119"/>
      <c r="AX2298" s="119"/>
      <c r="AY2298" s="119"/>
      <c r="AZ2298" s="119"/>
      <c r="BA2298" s="119"/>
      <c r="BB2298" s="107">
        <v>45884</v>
      </c>
    </row>
    <row r="2299" spans="1:54" s="207" customFormat="1" ht="13.95" customHeight="1" x14ac:dyDescent="0.25">
      <c r="A2299" s="208" t="s">
        <v>5497</v>
      </c>
      <c r="B2299" s="209" t="s">
        <v>20420</v>
      </c>
      <c r="C2299" s="113" t="s">
        <v>5498</v>
      </c>
      <c r="D2299" s="113" t="s">
        <v>23826</v>
      </c>
      <c r="E2299" s="210">
        <v>1956</v>
      </c>
      <c r="F2299" s="210">
        <v>6351</v>
      </c>
      <c r="G2299" s="113" t="s">
        <v>1</v>
      </c>
      <c r="H2299" s="113">
        <v>0</v>
      </c>
      <c r="I2299" s="113">
        <v>0</v>
      </c>
      <c r="J2299" s="115">
        <v>1</v>
      </c>
      <c r="K2299" s="211">
        <v>1</v>
      </c>
      <c r="L2299" s="115">
        <v>1</v>
      </c>
      <c r="M2299" s="115">
        <v>1</v>
      </c>
      <c r="N2299" s="115">
        <v>0</v>
      </c>
      <c r="O2299" s="115">
        <v>1</v>
      </c>
      <c r="P2299" s="115" t="s">
        <v>400</v>
      </c>
      <c r="Q2299" s="115" t="s">
        <v>400</v>
      </c>
      <c r="R2299" s="115">
        <v>1</v>
      </c>
      <c r="S2299" s="115">
        <v>0</v>
      </c>
      <c r="T2299" s="115">
        <v>0</v>
      </c>
      <c r="U2299" s="119"/>
      <c r="V2299" s="119"/>
      <c r="W2299" s="119"/>
      <c r="X2299" s="119"/>
      <c r="Y2299" s="119"/>
      <c r="Z2299" s="119"/>
      <c r="AA2299" s="119"/>
      <c r="AB2299" s="119"/>
      <c r="AC2299" s="119"/>
      <c r="AD2299" s="119"/>
      <c r="AE2299" s="119"/>
      <c r="AF2299" s="122">
        <v>1</v>
      </c>
      <c r="AG2299" s="119"/>
      <c r="AH2299" s="119"/>
      <c r="AI2299" s="119"/>
      <c r="AJ2299" s="119"/>
      <c r="AK2299" s="119"/>
      <c r="AL2299" s="119"/>
      <c r="AM2299" s="119"/>
      <c r="AN2299" s="119"/>
      <c r="AO2299" s="119"/>
      <c r="AP2299" s="119"/>
      <c r="AQ2299" s="119"/>
      <c r="AR2299" s="119"/>
      <c r="AS2299" s="119"/>
      <c r="AT2299" s="119"/>
      <c r="AU2299" s="119"/>
      <c r="AV2299" s="119"/>
      <c r="AW2299" s="119"/>
      <c r="AX2299" s="119"/>
      <c r="AY2299" s="119"/>
      <c r="AZ2299" s="123" t="s">
        <v>23203</v>
      </c>
      <c r="BA2299" s="122" t="s">
        <v>19478</v>
      </c>
      <c r="BB2299" s="107">
        <v>45884</v>
      </c>
    </row>
    <row r="2300" spans="1:54" s="207" customFormat="1" ht="13.95" customHeight="1" x14ac:dyDescent="0.25">
      <c r="A2300" s="208" t="s">
        <v>5499</v>
      </c>
      <c r="B2300" s="209" t="s">
        <v>20420</v>
      </c>
      <c r="C2300" s="113" t="s">
        <v>5500</v>
      </c>
      <c r="D2300" s="113" t="s">
        <v>5501</v>
      </c>
      <c r="E2300" s="210">
        <v>1991</v>
      </c>
      <c r="F2300" s="210">
        <v>6351</v>
      </c>
      <c r="G2300" s="113" t="s">
        <v>1</v>
      </c>
      <c r="H2300" s="113">
        <v>1</v>
      </c>
      <c r="I2300" s="113">
        <v>0</v>
      </c>
      <c r="J2300" s="115">
        <v>1</v>
      </c>
      <c r="K2300" s="116" t="s">
        <v>174</v>
      </c>
      <c r="L2300" s="115">
        <v>1</v>
      </c>
      <c r="M2300" s="115">
        <v>1</v>
      </c>
      <c r="N2300" s="115">
        <v>0</v>
      </c>
      <c r="O2300" s="115">
        <v>1</v>
      </c>
      <c r="P2300" s="115">
        <v>1</v>
      </c>
      <c r="Q2300" s="115" t="s">
        <v>400</v>
      </c>
      <c r="R2300" s="115">
        <v>1</v>
      </c>
      <c r="S2300" s="115">
        <v>0</v>
      </c>
      <c r="T2300" s="115">
        <v>0</v>
      </c>
      <c r="U2300" s="119"/>
      <c r="V2300" s="119"/>
      <c r="W2300" s="119"/>
      <c r="X2300" s="119"/>
      <c r="Y2300" s="119"/>
      <c r="Z2300" s="119"/>
      <c r="AA2300" s="119"/>
      <c r="AB2300" s="119"/>
      <c r="AC2300" s="119"/>
      <c r="AD2300" s="119"/>
      <c r="AE2300" s="119"/>
      <c r="AF2300" s="119"/>
      <c r="AG2300" s="119"/>
      <c r="AH2300" s="119"/>
      <c r="AI2300" s="119"/>
      <c r="AJ2300" s="119"/>
      <c r="AK2300" s="119"/>
      <c r="AL2300" s="119"/>
      <c r="AM2300" s="119"/>
      <c r="AN2300" s="119"/>
      <c r="AO2300" s="119"/>
      <c r="AP2300" s="119"/>
      <c r="AQ2300" s="119"/>
      <c r="AR2300" s="119"/>
      <c r="AS2300" s="119"/>
      <c r="AT2300" s="119"/>
      <c r="AU2300" s="119"/>
      <c r="AV2300" s="119"/>
      <c r="AW2300" s="119"/>
      <c r="AX2300" s="119"/>
      <c r="AY2300" s="119"/>
      <c r="AZ2300" s="119"/>
      <c r="BA2300" s="119"/>
      <c r="BB2300" s="107">
        <v>45884</v>
      </c>
    </row>
    <row r="2301" spans="1:54" s="207" customFormat="1" ht="13.95" customHeight="1" x14ac:dyDescent="0.25">
      <c r="A2301" s="208" t="s">
        <v>5502</v>
      </c>
      <c r="B2301" s="209" t="s">
        <v>20420</v>
      </c>
      <c r="C2301" s="113" t="s">
        <v>5503</v>
      </c>
      <c r="D2301" s="113" t="s">
        <v>5504</v>
      </c>
      <c r="E2301" s="210">
        <v>2000</v>
      </c>
      <c r="F2301" s="210">
        <v>7170</v>
      </c>
      <c r="G2301" s="113" t="s">
        <v>1</v>
      </c>
      <c r="H2301" s="113">
        <v>0</v>
      </c>
      <c r="I2301" s="113">
        <v>0</v>
      </c>
      <c r="J2301" s="115">
        <v>1</v>
      </c>
      <c r="K2301" s="116" t="s">
        <v>174</v>
      </c>
      <c r="L2301" s="115">
        <v>0</v>
      </c>
      <c r="M2301" s="115">
        <v>0</v>
      </c>
      <c r="N2301" s="115">
        <v>0</v>
      </c>
      <c r="O2301" s="115">
        <v>0</v>
      </c>
      <c r="P2301" s="115" t="s">
        <v>400</v>
      </c>
      <c r="Q2301" s="115" t="s">
        <v>400</v>
      </c>
      <c r="R2301" s="115">
        <v>0</v>
      </c>
      <c r="S2301" s="115">
        <v>0</v>
      </c>
      <c r="T2301" s="115">
        <v>0</v>
      </c>
      <c r="U2301" s="119"/>
      <c r="V2301" s="119"/>
      <c r="W2301" s="119"/>
      <c r="X2301" s="119"/>
      <c r="Y2301" s="119"/>
      <c r="Z2301" s="119"/>
      <c r="AA2301" s="119"/>
      <c r="AB2301" s="119"/>
      <c r="AC2301" s="119"/>
      <c r="AD2301" s="119"/>
      <c r="AE2301" s="119"/>
      <c r="AF2301" s="119"/>
      <c r="AG2301" s="119"/>
      <c r="AH2301" s="119"/>
      <c r="AI2301" s="119"/>
      <c r="AJ2301" s="119"/>
      <c r="AK2301" s="119"/>
      <c r="AL2301" s="119"/>
      <c r="AM2301" s="119"/>
      <c r="AN2301" s="119"/>
      <c r="AO2301" s="119"/>
      <c r="AP2301" s="119"/>
      <c r="AQ2301" s="119"/>
      <c r="AR2301" s="119"/>
      <c r="AS2301" s="119"/>
      <c r="AT2301" s="119"/>
      <c r="AU2301" s="119"/>
      <c r="AV2301" s="119"/>
      <c r="AW2301" s="119"/>
      <c r="AX2301" s="119"/>
      <c r="AY2301" s="119"/>
      <c r="AZ2301" s="119"/>
      <c r="BA2301" s="119"/>
      <c r="BB2301" s="107">
        <v>45884</v>
      </c>
    </row>
    <row r="2302" spans="1:54" s="207" customFormat="1" ht="13.95" customHeight="1" x14ac:dyDescent="0.25">
      <c r="A2302" s="208" t="s">
        <v>5505</v>
      </c>
      <c r="B2302" s="209" t="s">
        <v>20420</v>
      </c>
      <c r="C2302" s="113" t="s">
        <v>5506</v>
      </c>
      <c r="D2302" s="113" t="s">
        <v>23827</v>
      </c>
      <c r="E2302" s="210">
        <v>1977</v>
      </c>
      <c r="F2302" s="210">
        <v>6424</v>
      </c>
      <c r="G2302" s="113" t="s">
        <v>1</v>
      </c>
      <c r="H2302" s="113">
        <v>0</v>
      </c>
      <c r="I2302" s="113">
        <v>0</v>
      </c>
      <c r="J2302" s="115">
        <v>1</v>
      </c>
      <c r="K2302" s="116" t="s">
        <v>174</v>
      </c>
      <c r="L2302" s="115">
        <v>1</v>
      </c>
      <c r="M2302" s="115">
        <v>1</v>
      </c>
      <c r="N2302" s="115">
        <v>1</v>
      </c>
      <c r="O2302" s="115">
        <v>1</v>
      </c>
      <c r="P2302" s="115">
        <v>1</v>
      </c>
      <c r="Q2302" s="115" t="s">
        <v>400</v>
      </c>
      <c r="R2302" s="115">
        <v>1</v>
      </c>
      <c r="S2302" s="115">
        <v>0</v>
      </c>
      <c r="T2302" s="115">
        <v>0</v>
      </c>
      <c r="U2302" s="119"/>
      <c r="V2302" s="119"/>
      <c r="W2302" s="119"/>
      <c r="X2302" s="119"/>
      <c r="Y2302" s="119"/>
      <c r="Z2302" s="119"/>
      <c r="AA2302" s="119"/>
      <c r="AB2302" s="119"/>
      <c r="AC2302" s="119"/>
      <c r="AD2302" s="119"/>
      <c r="AE2302" s="119"/>
      <c r="AF2302" s="119"/>
      <c r="AG2302" s="119"/>
      <c r="AH2302" s="119"/>
      <c r="AI2302" s="119"/>
      <c r="AJ2302" s="119"/>
      <c r="AK2302" s="119"/>
      <c r="AL2302" s="119"/>
      <c r="AM2302" s="119"/>
      <c r="AN2302" s="119"/>
      <c r="AO2302" s="119"/>
      <c r="AP2302" s="119"/>
      <c r="AQ2302" s="119"/>
      <c r="AR2302" s="119"/>
      <c r="AS2302" s="119"/>
      <c r="AT2302" s="119"/>
      <c r="AU2302" s="119"/>
      <c r="AV2302" s="119"/>
      <c r="AW2302" s="119"/>
      <c r="AX2302" s="119"/>
      <c r="AY2302" s="119"/>
      <c r="AZ2302" s="119"/>
      <c r="BA2302" s="119"/>
      <c r="BB2302" s="107">
        <v>45884</v>
      </c>
    </row>
    <row r="2303" spans="1:54" s="207" customFormat="1" ht="13.95" customHeight="1" x14ac:dyDescent="0.25">
      <c r="A2303" s="208" t="s">
        <v>5507</v>
      </c>
      <c r="B2303" s="209" t="s">
        <v>20420</v>
      </c>
      <c r="C2303" s="113" t="s">
        <v>5508</v>
      </c>
      <c r="D2303" s="113" t="s">
        <v>5509</v>
      </c>
      <c r="E2303" s="210">
        <v>1969</v>
      </c>
      <c r="F2303" s="210">
        <v>6468</v>
      </c>
      <c r="G2303" s="113" t="s">
        <v>1</v>
      </c>
      <c r="H2303" s="113">
        <v>1</v>
      </c>
      <c r="I2303" s="113">
        <v>0</v>
      </c>
      <c r="J2303" s="115">
        <v>1</v>
      </c>
      <c r="K2303" s="116" t="s">
        <v>174</v>
      </c>
      <c r="L2303" s="115">
        <v>1</v>
      </c>
      <c r="M2303" s="115">
        <v>1</v>
      </c>
      <c r="N2303" s="115">
        <v>0</v>
      </c>
      <c r="O2303" s="115">
        <v>1</v>
      </c>
      <c r="P2303" s="115">
        <v>1</v>
      </c>
      <c r="Q2303" s="115" t="s">
        <v>400</v>
      </c>
      <c r="R2303" s="115">
        <v>1</v>
      </c>
      <c r="S2303" s="115">
        <v>0</v>
      </c>
      <c r="T2303" s="115">
        <v>0</v>
      </c>
      <c r="U2303" s="119"/>
      <c r="V2303" s="119"/>
      <c r="W2303" s="119"/>
      <c r="X2303" s="119"/>
      <c r="Y2303" s="119"/>
      <c r="Z2303" s="119"/>
      <c r="AA2303" s="119"/>
      <c r="AB2303" s="119"/>
      <c r="AC2303" s="119"/>
      <c r="AD2303" s="119"/>
      <c r="AE2303" s="119"/>
      <c r="AF2303" s="119"/>
      <c r="AG2303" s="119"/>
      <c r="AH2303" s="119"/>
      <c r="AI2303" s="119"/>
      <c r="AJ2303" s="119"/>
      <c r="AK2303" s="119"/>
      <c r="AL2303" s="119"/>
      <c r="AM2303" s="119"/>
      <c r="AN2303" s="119"/>
      <c r="AO2303" s="119"/>
      <c r="AP2303" s="119"/>
      <c r="AQ2303" s="119"/>
      <c r="AR2303" s="119"/>
      <c r="AS2303" s="119"/>
      <c r="AT2303" s="119"/>
      <c r="AU2303" s="119"/>
      <c r="AV2303" s="119"/>
      <c r="AW2303" s="119"/>
      <c r="AX2303" s="119"/>
      <c r="AY2303" s="119"/>
      <c r="AZ2303" s="119"/>
      <c r="BA2303" s="119"/>
      <c r="BB2303" s="107">
        <v>45884</v>
      </c>
    </row>
    <row r="2304" spans="1:54" s="207" customFormat="1" ht="13.95" customHeight="1" x14ac:dyDescent="0.25">
      <c r="A2304" s="208" t="s">
        <v>5510</v>
      </c>
      <c r="B2304" s="209" t="s">
        <v>20420</v>
      </c>
      <c r="C2304" s="113" t="s">
        <v>5511</v>
      </c>
      <c r="D2304" s="113" t="s">
        <v>5512</v>
      </c>
      <c r="E2304" s="210">
        <v>1973</v>
      </c>
      <c r="F2304" s="210">
        <v>6488</v>
      </c>
      <c r="G2304" s="113" t="s">
        <v>1</v>
      </c>
      <c r="H2304" s="113">
        <v>1</v>
      </c>
      <c r="I2304" s="113">
        <v>0</v>
      </c>
      <c r="J2304" s="115">
        <v>1</v>
      </c>
      <c r="K2304" s="116" t="s">
        <v>174</v>
      </c>
      <c r="L2304" s="115">
        <v>1</v>
      </c>
      <c r="M2304" s="115">
        <v>1</v>
      </c>
      <c r="N2304" s="115">
        <v>0</v>
      </c>
      <c r="O2304" s="115">
        <v>1</v>
      </c>
      <c r="P2304" s="115" t="s">
        <v>400</v>
      </c>
      <c r="Q2304" s="115">
        <v>1</v>
      </c>
      <c r="R2304" s="115">
        <v>1</v>
      </c>
      <c r="S2304" s="115">
        <v>0</v>
      </c>
      <c r="T2304" s="115">
        <v>0</v>
      </c>
      <c r="U2304" s="119"/>
      <c r="V2304" s="119"/>
      <c r="W2304" s="119"/>
      <c r="X2304" s="119"/>
      <c r="Y2304" s="119"/>
      <c r="Z2304" s="119"/>
      <c r="AA2304" s="119"/>
      <c r="AB2304" s="119"/>
      <c r="AC2304" s="119"/>
      <c r="AD2304" s="119"/>
      <c r="AE2304" s="119"/>
      <c r="AF2304" s="119"/>
      <c r="AG2304" s="119"/>
      <c r="AH2304" s="119"/>
      <c r="AI2304" s="119"/>
      <c r="AJ2304" s="119"/>
      <c r="AK2304" s="119"/>
      <c r="AL2304" s="119"/>
      <c r="AM2304" s="119"/>
      <c r="AN2304" s="119"/>
      <c r="AO2304" s="119"/>
      <c r="AP2304" s="119"/>
      <c r="AQ2304" s="119"/>
      <c r="AR2304" s="119"/>
      <c r="AS2304" s="119"/>
      <c r="AT2304" s="119"/>
      <c r="AU2304" s="119"/>
      <c r="AV2304" s="119"/>
      <c r="AW2304" s="119"/>
      <c r="AX2304" s="119"/>
      <c r="AY2304" s="119"/>
      <c r="AZ2304" s="119"/>
      <c r="BA2304" s="119"/>
      <c r="BB2304" s="107">
        <v>45884</v>
      </c>
    </row>
    <row r="2305" spans="1:54" s="207" customFormat="1" ht="13.95" customHeight="1" x14ac:dyDescent="0.25">
      <c r="A2305" s="208" t="s">
        <v>5513</v>
      </c>
      <c r="B2305" s="209" t="s">
        <v>20420</v>
      </c>
      <c r="C2305" s="113" t="s">
        <v>5514</v>
      </c>
      <c r="D2305" s="113" t="s">
        <v>23828</v>
      </c>
      <c r="E2305" s="210">
        <v>2010</v>
      </c>
      <c r="F2305" s="210">
        <v>6496</v>
      </c>
      <c r="G2305" s="113" t="s">
        <v>8</v>
      </c>
      <c r="H2305" s="113">
        <v>0</v>
      </c>
      <c r="I2305" s="113">
        <v>0</v>
      </c>
      <c r="J2305" s="115">
        <v>0</v>
      </c>
      <c r="K2305" s="116" t="s">
        <v>174</v>
      </c>
      <c r="L2305" s="115">
        <v>0</v>
      </c>
      <c r="M2305" s="115">
        <v>0</v>
      </c>
      <c r="N2305" s="115">
        <v>0</v>
      </c>
      <c r="O2305" s="115">
        <v>0</v>
      </c>
      <c r="P2305" s="115" t="s">
        <v>400</v>
      </c>
      <c r="Q2305" s="115" t="s">
        <v>400</v>
      </c>
      <c r="R2305" s="115">
        <v>0</v>
      </c>
      <c r="S2305" s="115">
        <v>0</v>
      </c>
      <c r="T2305" s="115">
        <v>0</v>
      </c>
      <c r="U2305" s="113" t="s">
        <v>174</v>
      </c>
      <c r="V2305" s="113" t="s">
        <v>174</v>
      </c>
      <c r="W2305" s="113" t="s">
        <v>174</v>
      </c>
      <c r="X2305" s="113" t="s">
        <v>174</v>
      </c>
      <c r="Y2305" s="113" t="s">
        <v>174</v>
      </c>
      <c r="Z2305" s="113" t="s">
        <v>174</v>
      </c>
      <c r="AA2305" s="113" t="s">
        <v>174</v>
      </c>
      <c r="AB2305" s="113" t="s">
        <v>174</v>
      </c>
      <c r="AC2305" s="113" t="s">
        <v>174</v>
      </c>
      <c r="AD2305" s="113" t="s">
        <v>174</v>
      </c>
      <c r="AE2305" s="113" t="s">
        <v>174</v>
      </c>
      <c r="AF2305" s="113" t="s">
        <v>174</v>
      </c>
      <c r="AG2305" s="113" t="s">
        <v>174</v>
      </c>
      <c r="AH2305" s="113" t="s">
        <v>174</v>
      </c>
      <c r="AI2305" s="113" t="s">
        <v>174</v>
      </c>
      <c r="AJ2305" s="113" t="s">
        <v>174</v>
      </c>
      <c r="AK2305" s="113" t="s">
        <v>174</v>
      </c>
      <c r="AL2305" s="113" t="s">
        <v>174</v>
      </c>
      <c r="AM2305" s="113" t="s">
        <v>174</v>
      </c>
      <c r="AN2305" s="113" t="s">
        <v>174</v>
      </c>
      <c r="AO2305" s="113" t="s">
        <v>174</v>
      </c>
      <c r="AP2305" s="113" t="s">
        <v>174</v>
      </c>
      <c r="AQ2305" s="113" t="s">
        <v>174</v>
      </c>
      <c r="AR2305" s="113" t="s">
        <v>174</v>
      </c>
      <c r="AS2305" s="113" t="s">
        <v>174</v>
      </c>
      <c r="AT2305" s="121" t="s">
        <v>174</v>
      </c>
      <c r="AU2305" s="113" t="s">
        <v>174</v>
      </c>
      <c r="AV2305" s="113" t="s">
        <v>174</v>
      </c>
      <c r="AW2305" s="113" t="s">
        <v>174</v>
      </c>
      <c r="AX2305" s="113"/>
      <c r="AY2305" s="113"/>
      <c r="AZ2305" s="113"/>
      <c r="BA2305" s="113"/>
      <c r="BB2305" s="107">
        <v>45884</v>
      </c>
    </row>
    <row r="2306" spans="1:54" s="207" customFormat="1" ht="13.95" customHeight="1" x14ac:dyDescent="0.25">
      <c r="A2306" s="208" t="s">
        <v>5515</v>
      </c>
      <c r="B2306" s="209" t="s">
        <v>20420</v>
      </c>
      <c r="C2306" s="113" t="s">
        <v>5516</v>
      </c>
      <c r="D2306" s="113" t="s">
        <v>23829</v>
      </c>
      <c r="E2306" s="210">
        <v>2006</v>
      </c>
      <c r="F2306" s="210">
        <v>6520</v>
      </c>
      <c r="G2306" s="113" t="s">
        <v>1</v>
      </c>
      <c r="H2306" s="113">
        <v>1</v>
      </c>
      <c r="I2306" s="113">
        <v>0</v>
      </c>
      <c r="J2306" s="115">
        <v>1</v>
      </c>
      <c r="K2306" s="116" t="s">
        <v>174</v>
      </c>
      <c r="L2306" s="115">
        <v>1</v>
      </c>
      <c r="M2306" s="115">
        <v>0</v>
      </c>
      <c r="N2306" s="115">
        <v>1</v>
      </c>
      <c r="O2306" s="115">
        <v>1</v>
      </c>
      <c r="P2306" s="115">
        <v>1</v>
      </c>
      <c r="Q2306" s="115" t="s">
        <v>400</v>
      </c>
      <c r="R2306" s="115">
        <v>1</v>
      </c>
      <c r="S2306" s="115">
        <v>0</v>
      </c>
      <c r="T2306" s="115">
        <v>0</v>
      </c>
      <c r="U2306" s="119"/>
      <c r="V2306" s="119"/>
      <c r="W2306" s="119"/>
      <c r="X2306" s="119"/>
      <c r="Y2306" s="119"/>
      <c r="Z2306" s="119"/>
      <c r="AA2306" s="119"/>
      <c r="AB2306" s="119"/>
      <c r="AC2306" s="119"/>
      <c r="AD2306" s="119"/>
      <c r="AE2306" s="119"/>
      <c r="AF2306" s="119"/>
      <c r="AG2306" s="119"/>
      <c r="AH2306" s="119"/>
      <c r="AI2306" s="119"/>
      <c r="AJ2306" s="119"/>
      <c r="AK2306" s="119"/>
      <c r="AL2306" s="119"/>
      <c r="AM2306" s="119"/>
      <c r="AN2306" s="119"/>
      <c r="AO2306" s="119"/>
      <c r="AP2306" s="119"/>
      <c r="AQ2306" s="119"/>
      <c r="AR2306" s="119"/>
      <c r="AS2306" s="119"/>
      <c r="AT2306" s="119"/>
      <c r="AU2306" s="119"/>
      <c r="AV2306" s="119"/>
      <c r="AW2306" s="119"/>
      <c r="AX2306" s="119"/>
      <c r="AY2306" s="119"/>
      <c r="AZ2306" s="119"/>
      <c r="BA2306" s="119"/>
      <c r="BB2306" s="107">
        <v>45884</v>
      </c>
    </row>
    <row r="2307" spans="1:54" s="207" customFormat="1" ht="13.95" customHeight="1" x14ac:dyDescent="0.25">
      <c r="A2307" s="208" t="s">
        <v>5517</v>
      </c>
      <c r="B2307" s="209" t="s">
        <v>20420</v>
      </c>
      <c r="C2307" s="113" t="s">
        <v>5518</v>
      </c>
      <c r="D2307" s="113" t="s">
        <v>5519</v>
      </c>
      <c r="E2307" s="210">
        <v>1978</v>
      </c>
      <c r="F2307" s="210">
        <v>6599</v>
      </c>
      <c r="G2307" s="113" t="s">
        <v>1</v>
      </c>
      <c r="H2307" s="113">
        <v>1</v>
      </c>
      <c r="I2307" s="113">
        <v>0</v>
      </c>
      <c r="J2307" s="115">
        <v>1</v>
      </c>
      <c r="K2307" s="211">
        <v>1</v>
      </c>
      <c r="L2307" s="115">
        <v>1</v>
      </c>
      <c r="M2307" s="115">
        <v>0</v>
      </c>
      <c r="N2307" s="115">
        <v>0</v>
      </c>
      <c r="O2307" s="115">
        <v>1</v>
      </c>
      <c r="P2307" s="115" t="s">
        <v>400</v>
      </c>
      <c r="Q2307" s="115" t="s">
        <v>400</v>
      </c>
      <c r="R2307" s="115">
        <v>1</v>
      </c>
      <c r="S2307" s="115">
        <v>0</v>
      </c>
      <c r="T2307" s="115">
        <v>0</v>
      </c>
      <c r="U2307" s="119"/>
      <c r="V2307" s="119"/>
      <c r="W2307" s="119"/>
      <c r="X2307" s="119"/>
      <c r="Y2307" s="119"/>
      <c r="Z2307" s="119"/>
      <c r="AA2307" s="119"/>
      <c r="AB2307" s="119"/>
      <c r="AC2307" s="119"/>
      <c r="AD2307" s="119"/>
      <c r="AE2307" s="119"/>
      <c r="AF2307" s="119"/>
      <c r="AG2307" s="119"/>
      <c r="AH2307" s="119"/>
      <c r="AI2307" s="119"/>
      <c r="AJ2307" s="119"/>
      <c r="AK2307" s="119"/>
      <c r="AL2307" s="119"/>
      <c r="AM2307" s="119"/>
      <c r="AN2307" s="119"/>
      <c r="AO2307" s="119"/>
      <c r="AP2307" s="119"/>
      <c r="AQ2307" s="119"/>
      <c r="AR2307" s="119"/>
      <c r="AS2307" s="119"/>
      <c r="AT2307" s="119"/>
      <c r="AU2307" s="119"/>
      <c r="AV2307" s="119"/>
      <c r="AW2307" s="119"/>
      <c r="AX2307" s="119"/>
      <c r="AY2307" s="119"/>
      <c r="AZ2307" s="119"/>
      <c r="BA2307" s="119"/>
      <c r="BB2307" s="107">
        <v>45884</v>
      </c>
    </row>
    <row r="2308" spans="1:54" s="207" customFormat="1" ht="13.95" customHeight="1" x14ac:dyDescent="0.25">
      <c r="A2308" s="208" t="s">
        <v>5520</v>
      </c>
      <c r="B2308" s="209" t="s">
        <v>20420</v>
      </c>
      <c r="C2308" s="113" t="s">
        <v>5521</v>
      </c>
      <c r="D2308" s="113" t="s">
        <v>23830</v>
      </c>
      <c r="E2308" s="210">
        <v>1977</v>
      </c>
      <c r="F2308" s="210">
        <v>6657</v>
      </c>
      <c r="G2308" s="113" t="s">
        <v>1</v>
      </c>
      <c r="H2308" s="113">
        <v>0</v>
      </c>
      <c r="I2308" s="113">
        <v>0</v>
      </c>
      <c r="J2308" s="115">
        <v>1</v>
      </c>
      <c r="K2308" s="116" t="s">
        <v>174</v>
      </c>
      <c r="L2308" s="115">
        <v>1</v>
      </c>
      <c r="M2308" s="115">
        <v>0</v>
      </c>
      <c r="N2308" s="115">
        <v>1</v>
      </c>
      <c r="O2308" s="115">
        <v>1</v>
      </c>
      <c r="P2308" s="115">
        <v>1</v>
      </c>
      <c r="Q2308" s="115" t="s">
        <v>400</v>
      </c>
      <c r="R2308" s="115">
        <v>1</v>
      </c>
      <c r="S2308" s="115">
        <v>0</v>
      </c>
      <c r="T2308" s="115">
        <v>0</v>
      </c>
      <c r="U2308" s="119"/>
      <c r="V2308" s="119"/>
      <c r="W2308" s="119"/>
      <c r="X2308" s="119"/>
      <c r="Y2308" s="119"/>
      <c r="Z2308" s="119"/>
      <c r="AA2308" s="119"/>
      <c r="AB2308" s="119"/>
      <c r="AC2308" s="119"/>
      <c r="AD2308" s="119"/>
      <c r="AE2308" s="119"/>
      <c r="AF2308" s="119"/>
      <c r="AG2308" s="119"/>
      <c r="AH2308" s="119"/>
      <c r="AI2308" s="119"/>
      <c r="AJ2308" s="119"/>
      <c r="AK2308" s="119"/>
      <c r="AL2308" s="119"/>
      <c r="AM2308" s="119"/>
      <c r="AN2308" s="119"/>
      <c r="AO2308" s="119"/>
      <c r="AP2308" s="119"/>
      <c r="AQ2308" s="119"/>
      <c r="AR2308" s="119"/>
      <c r="AS2308" s="119"/>
      <c r="AT2308" s="119"/>
      <c r="AU2308" s="119"/>
      <c r="AV2308" s="119"/>
      <c r="AW2308" s="119"/>
      <c r="AX2308" s="119"/>
      <c r="AY2308" s="119"/>
      <c r="AZ2308" s="119"/>
      <c r="BA2308" s="119"/>
      <c r="BB2308" s="107">
        <v>45884</v>
      </c>
    </row>
    <row r="2309" spans="1:54" s="207" customFormat="1" ht="13.95" customHeight="1" x14ac:dyDescent="0.25">
      <c r="A2309" s="208" t="s">
        <v>5522</v>
      </c>
      <c r="B2309" s="209" t="s">
        <v>20420</v>
      </c>
      <c r="C2309" s="113" t="s">
        <v>5523</v>
      </c>
      <c r="D2309" s="113" t="s">
        <v>23831</v>
      </c>
      <c r="E2309" s="210">
        <v>1977</v>
      </c>
      <c r="F2309" s="210">
        <v>6672</v>
      </c>
      <c r="G2309" s="113" t="s">
        <v>1</v>
      </c>
      <c r="H2309" s="113">
        <v>1</v>
      </c>
      <c r="I2309" s="113">
        <v>1</v>
      </c>
      <c r="J2309" s="115">
        <v>1</v>
      </c>
      <c r="K2309" s="116" t="s">
        <v>174</v>
      </c>
      <c r="L2309" s="115">
        <v>0</v>
      </c>
      <c r="M2309" s="115">
        <v>0</v>
      </c>
      <c r="N2309" s="115">
        <v>1</v>
      </c>
      <c r="O2309" s="115">
        <v>1</v>
      </c>
      <c r="P2309" s="115">
        <v>1</v>
      </c>
      <c r="Q2309" s="115" t="s">
        <v>400</v>
      </c>
      <c r="R2309" s="115">
        <v>1</v>
      </c>
      <c r="S2309" s="115">
        <v>0</v>
      </c>
      <c r="T2309" s="115">
        <v>0</v>
      </c>
      <c r="U2309" s="119"/>
      <c r="V2309" s="119"/>
      <c r="W2309" s="119"/>
      <c r="X2309" s="119"/>
      <c r="Y2309" s="119"/>
      <c r="Z2309" s="119"/>
      <c r="AA2309" s="119"/>
      <c r="AB2309" s="119"/>
      <c r="AC2309" s="119"/>
      <c r="AD2309" s="119"/>
      <c r="AE2309" s="119"/>
      <c r="AF2309" s="119"/>
      <c r="AG2309" s="119"/>
      <c r="AH2309" s="119"/>
      <c r="AI2309" s="119"/>
      <c r="AJ2309" s="119"/>
      <c r="AK2309" s="119"/>
      <c r="AL2309" s="119"/>
      <c r="AM2309" s="119"/>
      <c r="AN2309" s="119"/>
      <c r="AO2309" s="119"/>
      <c r="AP2309" s="119"/>
      <c r="AQ2309" s="119"/>
      <c r="AR2309" s="119"/>
      <c r="AS2309" s="119"/>
      <c r="AT2309" s="119"/>
      <c r="AU2309" s="119"/>
      <c r="AV2309" s="119"/>
      <c r="AW2309" s="119"/>
      <c r="AX2309" s="119"/>
      <c r="AY2309" s="119"/>
      <c r="AZ2309" s="119"/>
      <c r="BA2309" s="119"/>
      <c r="BB2309" s="107">
        <v>45884</v>
      </c>
    </row>
    <row r="2310" spans="1:54" s="207" customFormat="1" ht="13.95" customHeight="1" x14ac:dyDescent="0.25">
      <c r="A2310" s="208" t="s">
        <v>5524</v>
      </c>
      <c r="B2310" s="209" t="s">
        <v>20420</v>
      </c>
      <c r="C2310" s="113" t="s">
        <v>24463</v>
      </c>
      <c r="D2310" s="113" t="s">
        <v>23832</v>
      </c>
      <c r="E2310" s="210">
        <v>1975</v>
      </c>
      <c r="F2310" s="210">
        <v>6708</v>
      </c>
      <c r="G2310" s="113" t="s">
        <v>1</v>
      </c>
      <c r="H2310" s="113">
        <v>0</v>
      </c>
      <c r="I2310" s="113">
        <v>0</v>
      </c>
      <c r="J2310" s="115">
        <v>1</v>
      </c>
      <c r="K2310" s="116" t="s">
        <v>174</v>
      </c>
      <c r="L2310" s="115">
        <v>1</v>
      </c>
      <c r="M2310" s="115">
        <v>0</v>
      </c>
      <c r="N2310" s="115">
        <v>0</v>
      </c>
      <c r="O2310" s="115">
        <v>1</v>
      </c>
      <c r="P2310" s="115">
        <v>1</v>
      </c>
      <c r="Q2310" s="115" t="s">
        <v>400</v>
      </c>
      <c r="R2310" s="115">
        <v>1</v>
      </c>
      <c r="S2310" s="115">
        <v>0</v>
      </c>
      <c r="T2310" s="115">
        <v>0</v>
      </c>
      <c r="U2310" s="119"/>
      <c r="V2310" s="119"/>
      <c r="W2310" s="119"/>
      <c r="X2310" s="119"/>
      <c r="Y2310" s="119"/>
      <c r="Z2310" s="119"/>
      <c r="AA2310" s="119"/>
      <c r="AB2310" s="119"/>
      <c r="AC2310" s="119"/>
      <c r="AD2310" s="119"/>
      <c r="AE2310" s="119"/>
      <c r="AF2310" s="119"/>
      <c r="AG2310" s="119"/>
      <c r="AH2310" s="119"/>
      <c r="AI2310" s="119"/>
      <c r="AJ2310" s="119"/>
      <c r="AK2310" s="119"/>
      <c r="AL2310" s="119"/>
      <c r="AM2310" s="119"/>
      <c r="AN2310" s="119"/>
      <c r="AO2310" s="119"/>
      <c r="AP2310" s="119"/>
      <c r="AQ2310" s="119"/>
      <c r="AR2310" s="119"/>
      <c r="AS2310" s="119"/>
      <c r="AT2310" s="119"/>
      <c r="AU2310" s="119"/>
      <c r="AV2310" s="119"/>
      <c r="AW2310" s="119"/>
      <c r="AX2310" s="119"/>
      <c r="AY2310" s="119"/>
      <c r="AZ2310" s="119"/>
      <c r="BA2310" s="119"/>
      <c r="BB2310" s="107">
        <v>45884</v>
      </c>
    </row>
    <row r="2311" spans="1:54" s="207" customFormat="1" ht="13.95" customHeight="1" x14ac:dyDescent="0.25">
      <c r="A2311" s="208" t="s">
        <v>5525</v>
      </c>
      <c r="B2311" s="209" t="s">
        <v>20420</v>
      </c>
      <c r="C2311" s="113" t="s">
        <v>5526</v>
      </c>
      <c r="D2311" s="113" t="s">
        <v>5527</v>
      </c>
      <c r="E2311" s="210">
        <v>1996</v>
      </c>
      <c r="F2311" s="210">
        <v>6713</v>
      </c>
      <c r="G2311" s="113" t="s">
        <v>1</v>
      </c>
      <c r="H2311" s="113">
        <v>1</v>
      </c>
      <c r="I2311" s="113">
        <v>1</v>
      </c>
      <c r="J2311" s="115">
        <v>1</v>
      </c>
      <c r="K2311" s="211">
        <v>1</v>
      </c>
      <c r="L2311" s="115">
        <v>1</v>
      </c>
      <c r="M2311" s="115">
        <v>1</v>
      </c>
      <c r="N2311" s="115">
        <v>1</v>
      </c>
      <c r="O2311" s="115">
        <v>1</v>
      </c>
      <c r="P2311" s="115" t="s">
        <v>400</v>
      </c>
      <c r="Q2311" s="115" t="s">
        <v>400</v>
      </c>
      <c r="R2311" s="115">
        <v>0</v>
      </c>
      <c r="S2311" s="115">
        <v>0</v>
      </c>
      <c r="T2311" s="115">
        <v>0</v>
      </c>
      <c r="U2311" s="119"/>
      <c r="V2311" s="119"/>
      <c r="W2311" s="119"/>
      <c r="X2311" s="119"/>
      <c r="Y2311" s="119"/>
      <c r="Z2311" s="119"/>
      <c r="AA2311" s="119"/>
      <c r="AB2311" s="119"/>
      <c r="AC2311" s="119"/>
      <c r="AD2311" s="119"/>
      <c r="AE2311" s="119"/>
      <c r="AF2311" s="119"/>
      <c r="AG2311" s="119"/>
      <c r="AH2311" s="119"/>
      <c r="AI2311" s="119"/>
      <c r="AJ2311" s="119"/>
      <c r="AK2311" s="119"/>
      <c r="AL2311" s="119"/>
      <c r="AM2311" s="119"/>
      <c r="AN2311" s="119"/>
      <c r="AO2311" s="119"/>
      <c r="AP2311" s="119"/>
      <c r="AQ2311" s="119"/>
      <c r="AR2311" s="119"/>
      <c r="AS2311" s="119"/>
      <c r="AT2311" s="119"/>
      <c r="AU2311" s="119"/>
      <c r="AV2311" s="119"/>
      <c r="AW2311" s="119"/>
      <c r="AX2311" s="119"/>
      <c r="AY2311" s="119"/>
      <c r="AZ2311" s="119"/>
      <c r="BA2311" s="119"/>
      <c r="BB2311" s="107">
        <v>45884</v>
      </c>
    </row>
    <row r="2312" spans="1:54" s="207" customFormat="1" ht="13.95" customHeight="1" x14ac:dyDescent="0.25">
      <c r="A2312" s="208" t="s">
        <v>5528</v>
      </c>
      <c r="B2312" s="209" t="s">
        <v>20420</v>
      </c>
      <c r="C2312" s="113" t="s">
        <v>5529</v>
      </c>
      <c r="D2312" s="113" t="s">
        <v>23833</v>
      </c>
      <c r="E2312" s="210">
        <v>1991</v>
      </c>
      <c r="F2312" s="210">
        <v>6720</v>
      </c>
      <c r="G2312" s="113" t="s">
        <v>1</v>
      </c>
      <c r="H2312" s="113">
        <v>0</v>
      </c>
      <c r="I2312" s="113">
        <v>0</v>
      </c>
      <c r="J2312" s="115">
        <v>1</v>
      </c>
      <c r="K2312" s="116" t="s">
        <v>174</v>
      </c>
      <c r="L2312" s="115">
        <v>1</v>
      </c>
      <c r="M2312" s="115">
        <v>1</v>
      </c>
      <c r="N2312" s="115">
        <v>0</v>
      </c>
      <c r="O2312" s="115">
        <v>1</v>
      </c>
      <c r="P2312" s="115" t="s">
        <v>400</v>
      </c>
      <c r="Q2312" s="115" t="s">
        <v>400</v>
      </c>
      <c r="R2312" s="115">
        <v>1</v>
      </c>
      <c r="S2312" s="115">
        <v>0</v>
      </c>
      <c r="T2312" s="115">
        <v>0</v>
      </c>
      <c r="U2312" s="119"/>
      <c r="V2312" s="119"/>
      <c r="W2312" s="119"/>
      <c r="X2312" s="119"/>
      <c r="Y2312" s="119"/>
      <c r="Z2312" s="119"/>
      <c r="AA2312" s="119"/>
      <c r="AB2312" s="119"/>
      <c r="AC2312" s="119"/>
      <c r="AD2312" s="119"/>
      <c r="AE2312" s="119"/>
      <c r="AF2312" s="119"/>
      <c r="AG2312" s="119"/>
      <c r="AH2312" s="119"/>
      <c r="AI2312" s="119"/>
      <c r="AJ2312" s="119"/>
      <c r="AK2312" s="119"/>
      <c r="AL2312" s="119"/>
      <c r="AM2312" s="119"/>
      <c r="AN2312" s="119"/>
      <c r="AO2312" s="119"/>
      <c r="AP2312" s="119"/>
      <c r="AQ2312" s="119"/>
      <c r="AR2312" s="119"/>
      <c r="AS2312" s="119"/>
      <c r="AT2312" s="119"/>
      <c r="AU2312" s="119"/>
      <c r="AV2312" s="119"/>
      <c r="AW2312" s="119"/>
      <c r="AX2312" s="119"/>
      <c r="AY2312" s="119"/>
      <c r="AZ2312" s="119"/>
      <c r="BA2312" s="119"/>
      <c r="BB2312" s="107">
        <v>45884</v>
      </c>
    </row>
    <row r="2313" spans="1:54" s="207" customFormat="1" ht="13.95" customHeight="1" x14ac:dyDescent="0.25">
      <c r="A2313" s="208" t="s">
        <v>5530</v>
      </c>
      <c r="B2313" s="209" t="s">
        <v>20420</v>
      </c>
      <c r="C2313" s="113" t="s">
        <v>5531</v>
      </c>
      <c r="D2313" s="113" t="s">
        <v>5532</v>
      </c>
      <c r="E2313" s="210">
        <v>1977</v>
      </c>
      <c r="F2313" s="210">
        <v>6736</v>
      </c>
      <c r="G2313" s="113" t="s">
        <v>1</v>
      </c>
      <c r="H2313" s="113">
        <v>0</v>
      </c>
      <c r="I2313" s="113">
        <v>0</v>
      </c>
      <c r="J2313" s="115">
        <v>1</v>
      </c>
      <c r="K2313" s="116" t="s">
        <v>174</v>
      </c>
      <c r="L2313" s="115">
        <v>1</v>
      </c>
      <c r="M2313" s="115">
        <v>0</v>
      </c>
      <c r="N2313" s="115">
        <v>0</v>
      </c>
      <c r="O2313" s="115">
        <v>1</v>
      </c>
      <c r="P2313" s="115">
        <v>1</v>
      </c>
      <c r="Q2313" s="115">
        <v>1</v>
      </c>
      <c r="R2313" s="115">
        <v>1</v>
      </c>
      <c r="S2313" s="115">
        <v>0</v>
      </c>
      <c r="T2313" s="115">
        <v>0</v>
      </c>
      <c r="U2313" s="119"/>
      <c r="V2313" s="119"/>
      <c r="W2313" s="119"/>
      <c r="X2313" s="119"/>
      <c r="Y2313" s="119"/>
      <c r="Z2313" s="119"/>
      <c r="AA2313" s="119"/>
      <c r="AB2313" s="119"/>
      <c r="AC2313" s="119"/>
      <c r="AD2313" s="119"/>
      <c r="AE2313" s="119"/>
      <c r="AF2313" s="119"/>
      <c r="AG2313" s="119"/>
      <c r="AH2313" s="119"/>
      <c r="AI2313" s="119"/>
      <c r="AJ2313" s="119"/>
      <c r="AK2313" s="119"/>
      <c r="AL2313" s="119"/>
      <c r="AM2313" s="119"/>
      <c r="AN2313" s="119"/>
      <c r="AO2313" s="119"/>
      <c r="AP2313" s="119"/>
      <c r="AQ2313" s="119"/>
      <c r="AR2313" s="119"/>
      <c r="AS2313" s="119"/>
      <c r="AT2313" s="119"/>
      <c r="AU2313" s="119"/>
      <c r="AV2313" s="119"/>
      <c r="AW2313" s="119"/>
      <c r="AX2313" s="119"/>
      <c r="AY2313" s="119"/>
      <c r="AZ2313" s="119"/>
      <c r="BA2313" s="119"/>
      <c r="BB2313" s="107">
        <v>45884</v>
      </c>
    </row>
    <row r="2314" spans="1:54" s="207" customFormat="1" ht="13.95" customHeight="1" x14ac:dyDescent="0.25">
      <c r="A2314" s="208" t="s">
        <v>5533</v>
      </c>
      <c r="B2314" s="209" t="s">
        <v>20420</v>
      </c>
      <c r="C2314" s="113" t="s">
        <v>5534</v>
      </c>
      <c r="D2314" s="113" t="s">
        <v>23834</v>
      </c>
      <c r="E2314" s="210">
        <v>1977</v>
      </c>
      <c r="F2314" s="210">
        <v>6738</v>
      </c>
      <c r="G2314" s="113" t="s">
        <v>1</v>
      </c>
      <c r="H2314" s="113">
        <v>0</v>
      </c>
      <c r="I2314" s="113">
        <v>0</v>
      </c>
      <c r="J2314" s="115">
        <v>1</v>
      </c>
      <c r="K2314" s="211">
        <v>1</v>
      </c>
      <c r="L2314" s="115">
        <v>0</v>
      </c>
      <c r="M2314" s="115">
        <v>1</v>
      </c>
      <c r="N2314" s="115">
        <v>1</v>
      </c>
      <c r="O2314" s="115">
        <v>0</v>
      </c>
      <c r="P2314" s="115" t="s">
        <v>400</v>
      </c>
      <c r="Q2314" s="115" t="s">
        <v>400</v>
      </c>
      <c r="R2314" s="115">
        <v>0</v>
      </c>
      <c r="S2314" s="115">
        <v>0</v>
      </c>
      <c r="T2314" s="115">
        <v>0</v>
      </c>
      <c r="U2314" s="119"/>
      <c r="V2314" s="119"/>
      <c r="W2314" s="119"/>
      <c r="X2314" s="119"/>
      <c r="Y2314" s="119"/>
      <c r="Z2314" s="119"/>
      <c r="AA2314" s="119"/>
      <c r="AB2314" s="119"/>
      <c r="AC2314" s="119"/>
      <c r="AD2314" s="119"/>
      <c r="AE2314" s="119"/>
      <c r="AF2314" s="119"/>
      <c r="AG2314" s="119"/>
      <c r="AH2314" s="119"/>
      <c r="AI2314" s="119"/>
      <c r="AJ2314" s="119"/>
      <c r="AK2314" s="119"/>
      <c r="AL2314" s="119"/>
      <c r="AM2314" s="119"/>
      <c r="AN2314" s="119"/>
      <c r="AO2314" s="119"/>
      <c r="AP2314" s="119"/>
      <c r="AQ2314" s="119"/>
      <c r="AR2314" s="119"/>
      <c r="AS2314" s="119"/>
      <c r="AT2314" s="119"/>
      <c r="AU2314" s="119"/>
      <c r="AV2314" s="119"/>
      <c r="AW2314" s="119"/>
      <c r="AX2314" s="119"/>
      <c r="AY2314" s="119"/>
      <c r="AZ2314" s="119"/>
      <c r="BA2314" s="119"/>
      <c r="BB2314" s="107">
        <v>45884</v>
      </c>
    </row>
    <row r="2315" spans="1:54" s="207" customFormat="1" ht="13.95" customHeight="1" x14ac:dyDescent="0.25">
      <c r="A2315" s="208" t="s">
        <v>5535</v>
      </c>
      <c r="B2315" s="209" t="s">
        <v>20420</v>
      </c>
      <c r="C2315" s="113" t="s">
        <v>5536</v>
      </c>
      <c r="D2315" s="113" t="s">
        <v>23835</v>
      </c>
      <c r="E2315" s="210">
        <v>1976</v>
      </c>
      <c r="F2315" s="210">
        <v>6750</v>
      </c>
      <c r="G2315" s="113" t="s">
        <v>1</v>
      </c>
      <c r="H2315" s="113">
        <v>1</v>
      </c>
      <c r="I2315" s="113">
        <v>1</v>
      </c>
      <c r="J2315" s="115">
        <v>1</v>
      </c>
      <c r="K2315" s="116" t="s">
        <v>174</v>
      </c>
      <c r="L2315" s="115">
        <v>1</v>
      </c>
      <c r="M2315" s="115">
        <v>1</v>
      </c>
      <c r="N2315" s="115">
        <v>1</v>
      </c>
      <c r="O2315" s="115">
        <v>1</v>
      </c>
      <c r="P2315" s="115" t="s">
        <v>400</v>
      </c>
      <c r="Q2315" s="115" t="s">
        <v>400</v>
      </c>
      <c r="R2315" s="115">
        <v>1</v>
      </c>
      <c r="S2315" s="115">
        <v>0</v>
      </c>
      <c r="T2315" s="115">
        <v>0</v>
      </c>
      <c r="U2315" s="119"/>
      <c r="V2315" s="119"/>
      <c r="W2315" s="119"/>
      <c r="X2315" s="119"/>
      <c r="Y2315" s="119"/>
      <c r="Z2315" s="119"/>
      <c r="AA2315" s="119"/>
      <c r="AB2315" s="119"/>
      <c r="AC2315" s="119"/>
      <c r="AD2315" s="119"/>
      <c r="AE2315" s="119"/>
      <c r="AF2315" s="119"/>
      <c r="AG2315" s="119"/>
      <c r="AH2315" s="119"/>
      <c r="AI2315" s="119"/>
      <c r="AJ2315" s="119"/>
      <c r="AK2315" s="119"/>
      <c r="AL2315" s="119"/>
      <c r="AM2315" s="119"/>
      <c r="AN2315" s="119"/>
      <c r="AO2315" s="119"/>
      <c r="AP2315" s="119"/>
      <c r="AQ2315" s="119"/>
      <c r="AR2315" s="119"/>
      <c r="AS2315" s="119"/>
      <c r="AT2315" s="119"/>
      <c r="AU2315" s="119"/>
      <c r="AV2315" s="119"/>
      <c r="AW2315" s="119"/>
      <c r="AX2315" s="119"/>
      <c r="AY2315" s="119"/>
      <c r="AZ2315" s="119"/>
      <c r="BA2315" s="119"/>
      <c r="BB2315" s="107">
        <v>45884</v>
      </c>
    </row>
    <row r="2316" spans="1:54" s="207" customFormat="1" ht="13.95" customHeight="1" x14ac:dyDescent="0.25">
      <c r="A2316" s="208" t="s">
        <v>5537</v>
      </c>
      <c r="B2316" s="209" t="s">
        <v>20420</v>
      </c>
      <c r="C2316" s="113" t="s">
        <v>5538</v>
      </c>
      <c r="D2316" s="113" t="s">
        <v>5539</v>
      </c>
      <c r="E2316" s="210">
        <v>1994</v>
      </c>
      <c r="F2316" s="210">
        <v>6755</v>
      </c>
      <c r="G2316" s="113" t="s">
        <v>1</v>
      </c>
      <c r="H2316" s="113">
        <v>1</v>
      </c>
      <c r="I2316" s="113">
        <v>0</v>
      </c>
      <c r="J2316" s="115">
        <v>1</v>
      </c>
      <c r="K2316" s="116" t="s">
        <v>174</v>
      </c>
      <c r="L2316" s="115">
        <v>1</v>
      </c>
      <c r="M2316" s="115">
        <v>1</v>
      </c>
      <c r="N2316" s="115">
        <v>0</v>
      </c>
      <c r="O2316" s="115">
        <v>1</v>
      </c>
      <c r="P2316" s="115" t="s">
        <v>400</v>
      </c>
      <c r="Q2316" s="115" t="s">
        <v>400</v>
      </c>
      <c r="R2316" s="115">
        <v>1</v>
      </c>
      <c r="S2316" s="115">
        <v>0</v>
      </c>
      <c r="T2316" s="115">
        <v>0</v>
      </c>
      <c r="U2316" s="119"/>
      <c r="V2316" s="119"/>
      <c r="W2316" s="119"/>
      <c r="X2316" s="119"/>
      <c r="Y2316" s="119"/>
      <c r="Z2316" s="119"/>
      <c r="AA2316" s="119"/>
      <c r="AB2316" s="119"/>
      <c r="AC2316" s="119"/>
      <c r="AD2316" s="119"/>
      <c r="AE2316" s="119"/>
      <c r="AF2316" s="119"/>
      <c r="AG2316" s="119"/>
      <c r="AH2316" s="119"/>
      <c r="AI2316" s="119"/>
      <c r="AJ2316" s="119"/>
      <c r="AK2316" s="119"/>
      <c r="AL2316" s="119"/>
      <c r="AM2316" s="119"/>
      <c r="AN2316" s="119"/>
      <c r="AO2316" s="119"/>
      <c r="AP2316" s="119"/>
      <c r="AQ2316" s="119"/>
      <c r="AR2316" s="119"/>
      <c r="AS2316" s="119"/>
      <c r="AT2316" s="119"/>
      <c r="AU2316" s="119"/>
      <c r="AV2316" s="119"/>
      <c r="AW2316" s="119"/>
      <c r="AX2316" s="119"/>
      <c r="AY2316" s="119"/>
      <c r="AZ2316" s="119"/>
      <c r="BA2316" s="119"/>
      <c r="BB2316" s="107">
        <v>45884</v>
      </c>
    </row>
    <row r="2317" spans="1:54" s="207" customFormat="1" ht="13.95" customHeight="1" x14ac:dyDescent="0.25">
      <c r="A2317" s="208" t="s">
        <v>5540</v>
      </c>
      <c r="B2317" s="209" t="s">
        <v>20420</v>
      </c>
      <c r="C2317" s="113" t="s">
        <v>5541</v>
      </c>
      <c r="D2317" s="113" t="s">
        <v>23836</v>
      </c>
      <c r="E2317" s="210">
        <v>2015</v>
      </c>
      <c r="F2317" s="210">
        <v>6767</v>
      </c>
      <c r="G2317" s="113" t="s">
        <v>8</v>
      </c>
      <c r="H2317" s="113">
        <v>0</v>
      </c>
      <c r="I2317" s="113">
        <v>0</v>
      </c>
      <c r="J2317" s="115">
        <v>0</v>
      </c>
      <c r="K2317" s="116" t="s">
        <v>174</v>
      </c>
      <c r="L2317" s="115">
        <v>0</v>
      </c>
      <c r="M2317" s="115">
        <v>0</v>
      </c>
      <c r="N2317" s="115">
        <v>0</v>
      </c>
      <c r="O2317" s="115">
        <v>0</v>
      </c>
      <c r="P2317" s="115" t="s">
        <v>400</v>
      </c>
      <c r="Q2317" s="115" t="s">
        <v>400</v>
      </c>
      <c r="R2317" s="115">
        <v>0</v>
      </c>
      <c r="S2317" s="115">
        <v>0</v>
      </c>
      <c r="T2317" s="115">
        <v>0</v>
      </c>
      <c r="U2317" s="113" t="s">
        <v>174</v>
      </c>
      <c r="V2317" s="113" t="s">
        <v>174</v>
      </c>
      <c r="W2317" s="113" t="s">
        <v>174</v>
      </c>
      <c r="X2317" s="113" t="s">
        <v>174</v>
      </c>
      <c r="Y2317" s="113" t="s">
        <v>174</v>
      </c>
      <c r="Z2317" s="113" t="s">
        <v>174</v>
      </c>
      <c r="AA2317" s="113" t="s">
        <v>174</v>
      </c>
      <c r="AB2317" s="113" t="s">
        <v>174</v>
      </c>
      <c r="AC2317" s="113" t="s">
        <v>174</v>
      </c>
      <c r="AD2317" s="113" t="s">
        <v>174</v>
      </c>
      <c r="AE2317" s="113" t="s">
        <v>174</v>
      </c>
      <c r="AF2317" s="113" t="s">
        <v>174</v>
      </c>
      <c r="AG2317" s="113" t="s">
        <v>174</v>
      </c>
      <c r="AH2317" s="113" t="s">
        <v>174</v>
      </c>
      <c r="AI2317" s="113" t="s">
        <v>174</v>
      </c>
      <c r="AJ2317" s="113" t="s">
        <v>174</v>
      </c>
      <c r="AK2317" s="113" t="s">
        <v>174</v>
      </c>
      <c r="AL2317" s="113" t="s">
        <v>174</v>
      </c>
      <c r="AM2317" s="113" t="s">
        <v>174</v>
      </c>
      <c r="AN2317" s="113" t="s">
        <v>174</v>
      </c>
      <c r="AO2317" s="113" t="s">
        <v>174</v>
      </c>
      <c r="AP2317" s="113" t="s">
        <v>174</v>
      </c>
      <c r="AQ2317" s="113" t="s">
        <v>174</v>
      </c>
      <c r="AR2317" s="113" t="s">
        <v>174</v>
      </c>
      <c r="AS2317" s="113" t="s">
        <v>174</v>
      </c>
      <c r="AT2317" s="121" t="s">
        <v>174</v>
      </c>
      <c r="AU2317" s="113" t="s">
        <v>174</v>
      </c>
      <c r="AV2317" s="113" t="s">
        <v>174</v>
      </c>
      <c r="AW2317" s="113" t="s">
        <v>174</v>
      </c>
      <c r="AX2317" s="113"/>
      <c r="AY2317" s="113"/>
      <c r="AZ2317" s="113"/>
      <c r="BA2317" s="113"/>
      <c r="BB2317" s="107">
        <v>45884</v>
      </c>
    </row>
    <row r="2318" spans="1:54" s="207" customFormat="1" ht="13.95" customHeight="1" x14ac:dyDescent="0.25">
      <c r="A2318" s="208" t="s">
        <v>5542</v>
      </c>
      <c r="B2318" s="209" t="s">
        <v>20420</v>
      </c>
      <c r="C2318" s="113" t="s">
        <v>5543</v>
      </c>
      <c r="D2318" s="113" t="s">
        <v>5544</v>
      </c>
      <c r="E2318" s="210">
        <v>1976</v>
      </c>
      <c r="F2318" s="210">
        <v>6801</v>
      </c>
      <c r="G2318" s="113" t="s">
        <v>1</v>
      </c>
      <c r="H2318" s="113">
        <v>1</v>
      </c>
      <c r="I2318" s="113">
        <v>0</v>
      </c>
      <c r="J2318" s="115">
        <v>1</v>
      </c>
      <c r="K2318" s="116" t="s">
        <v>174</v>
      </c>
      <c r="L2318" s="115">
        <v>1</v>
      </c>
      <c r="M2318" s="115">
        <v>0</v>
      </c>
      <c r="N2318" s="115">
        <v>0</v>
      </c>
      <c r="O2318" s="115">
        <v>1</v>
      </c>
      <c r="P2318" s="115">
        <v>1</v>
      </c>
      <c r="Q2318" s="115">
        <v>1</v>
      </c>
      <c r="R2318" s="115">
        <v>1</v>
      </c>
      <c r="S2318" s="115">
        <v>1</v>
      </c>
      <c r="T2318" s="115">
        <v>0</v>
      </c>
      <c r="U2318" s="119"/>
      <c r="V2318" s="119"/>
      <c r="W2318" s="119"/>
      <c r="X2318" s="119"/>
      <c r="Y2318" s="119"/>
      <c r="Z2318" s="119"/>
      <c r="AA2318" s="119"/>
      <c r="AB2318" s="119"/>
      <c r="AC2318" s="119"/>
      <c r="AD2318" s="119"/>
      <c r="AE2318" s="119"/>
      <c r="AF2318" s="119"/>
      <c r="AG2318" s="119"/>
      <c r="AH2318" s="119"/>
      <c r="AI2318" s="119"/>
      <c r="AJ2318" s="119"/>
      <c r="AK2318" s="119"/>
      <c r="AL2318" s="119"/>
      <c r="AM2318" s="119"/>
      <c r="AN2318" s="119"/>
      <c r="AO2318" s="119"/>
      <c r="AP2318" s="119"/>
      <c r="AQ2318" s="119"/>
      <c r="AR2318" s="119"/>
      <c r="AS2318" s="119"/>
      <c r="AT2318" s="119"/>
      <c r="AU2318" s="119"/>
      <c r="AV2318" s="119"/>
      <c r="AW2318" s="119"/>
      <c r="AX2318" s="119"/>
      <c r="AY2318" s="119"/>
      <c r="AZ2318" s="119"/>
      <c r="BA2318" s="119"/>
      <c r="BB2318" s="107">
        <v>45884</v>
      </c>
    </row>
    <row r="2319" spans="1:54" s="207" customFormat="1" ht="13.95" customHeight="1" x14ac:dyDescent="0.25">
      <c r="A2319" s="208" t="s">
        <v>5545</v>
      </c>
      <c r="B2319" s="209" t="s">
        <v>20420</v>
      </c>
      <c r="C2319" s="113" t="s">
        <v>5546</v>
      </c>
      <c r="D2319" s="113" t="s">
        <v>23837</v>
      </c>
      <c r="E2319" s="210">
        <v>1977</v>
      </c>
      <c r="F2319" s="210">
        <v>6836</v>
      </c>
      <c r="G2319" s="113" t="s">
        <v>1</v>
      </c>
      <c r="H2319" s="113">
        <v>0</v>
      </c>
      <c r="I2319" s="113">
        <v>0</v>
      </c>
      <c r="J2319" s="115">
        <v>1</v>
      </c>
      <c r="K2319" s="211">
        <v>1</v>
      </c>
      <c r="L2319" s="115">
        <v>1</v>
      </c>
      <c r="M2319" s="115">
        <v>1</v>
      </c>
      <c r="N2319" s="115">
        <v>1</v>
      </c>
      <c r="O2319" s="115">
        <v>1</v>
      </c>
      <c r="P2319" s="120">
        <v>1</v>
      </c>
      <c r="Q2319" s="120">
        <v>1</v>
      </c>
      <c r="R2319" s="115">
        <v>1</v>
      </c>
      <c r="S2319" s="115">
        <v>0</v>
      </c>
      <c r="T2319" s="115">
        <v>0</v>
      </c>
      <c r="U2319" s="119"/>
      <c r="V2319" s="119"/>
      <c r="W2319" s="119"/>
      <c r="X2319" s="119"/>
      <c r="Y2319" s="119"/>
      <c r="Z2319" s="119"/>
      <c r="AA2319" s="119"/>
      <c r="AB2319" s="119"/>
      <c r="AC2319" s="119"/>
      <c r="AD2319" s="119"/>
      <c r="AE2319" s="119"/>
      <c r="AF2319" s="119"/>
      <c r="AG2319" s="119"/>
      <c r="AH2319" s="119"/>
      <c r="AI2319" s="119"/>
      <c r="AJ2319" s="119"/>
      <c r="AK2319" s="119"/>
      <c r="AL2319" s="119"/>
      <c r="AM2319" s="119"/>
      <c r="AN2319" s="119"/>
      <c r="AO2319" s="119"/>
      <c r="AP2319" s="119"/>
      <c r="AQ2319" s="119"/>
      <c r="AR2319" s="119"/>
      <c r="AS2319" s="119"/>
      <c r="AT2319" s="119"/>
      <c r="AU2319" s="119"/>
      <c r="AV2319" s="119"/>
      <c r="AW2319" s="119"/>
      <c r="AX2319" s="119"/>
      <c r="AY2319" s="119"/>
      <c r="AZ2319" s="119"/>
      <c r="BA2319" s="119"/>
      <c r="BB2319" s="107">
        <v>45884</v>
      </c>
    </row>
    <row r="2320" spans="1:54" s="207" customFormat="1" ht="13.95" customHeight="1" x14ac:dyDescent="0.25">
      <c r="A2320" s="208" t="s">
        <v>5547</v>
      </c>
      <c r="B2320" s="209" t="s">
        <v>20420</v>
      </c>
      <c r="C2320" s="113" t="s">
        <v>5548</v>
      </c>
      <c r="D2320" s="113" t="s">
        <v>5549</v>
      </c>
      <c r="E2320" s="210">
        <v>1974</v>
      </c>
      <c r="F2320" s="210">
        <v>6850</v>
      </c>
      <c r="G2320" s="113" t="s">
        <v>1</v>
      </c>
      <c r="H2320" s="113">
        <v>0</v>
      </c>
      <c r="I2320" s="113">
        <v>0</v>
      </c>
      <c r="J2320" s="115">
        <v>1</v>
      </c>
      <c r="K2320" s="116" t="s">
        <v>174</v>
      </c>
      <c r="L2320" s="115">
        <v>1</v>
      </c>
      <c r="M2320" s="115">
        <v>1</v>
      </c>
      <c r="N2320" s="115">
        <v>0</v>
      </c>
      <c r="O2320" s="115">
        <v>1</v>
      </c>
      <c r="P2320" s="115" t="s">
        <v>400</v>
      </c>
      <c r="Q2320" s="115" t="s">
        <v>400</v>
      </c>
      <c r="R2320" s="115">
        <v>1</v>
      </c>
      <c r="S2320" s="115">
        <v>0</v>
      </c>
      <c r="T2320" s="115">
        <v>0</v>
      </c>
      <c r="U2320" s="119"/>
      <c r="V2320" s="119"/>
      <c r="W2320" s="119"/>
      <c r="X2320" s="119"/>
      <c r="Y2320" s="119"/>
      <c r="Z2320" s="119"/>
      <c r="AA2320" s="119"/>
      <c r="AB2320" s="119"/>
      <c r="AC2320" s="119"/>
      <c r="AD2320" s="119"/>
      <c r="AE2320" s="119"/>
      <c r="AF2320" s="119"/>
      <c r="AG2320" s="119"/>
      <c r="AH2320" s="119"/>
      <c r="AI2320" s="119"/>
      <c r="AJ2320" s="119"/>
      <c r="AK2320" s="119"/>
      <c r="AL2320" s="119"/>
      <c r="AM2320" s="119"/>
      <c r="AN2320" s="119"/>
      <c r="AO2320" s="119"/>
      <c r="AP2320" s="119"/>
      <c r="AQ2320" s="119"/>
      <c r="AR2320" s="119"/>
      <c r="AS2320" s="119"/>
      <c r="AT2320" s="119"/>
      <c r="AU2320" s="119"/>
      <c r="AV2320" s="119"/>
      <c r="AW2320" s="119"/>
      <c r="AX2320" s="119"/>
      <c r="AY2320" s="119"/>
      <c r="AZ2320" s="119"/>
      <c r="BA2320" s="119"/>
      <c r="BB2320" s="107">
        <v>45884</v>
      </c>
    </row>
    <row r="2321" spans="1:54" s="207" customFormat="1" ht="13.95" customHeight="1" x14ac:dyDescent="0.25">
      <c r="A2321" s="208" t="s">
        <v>5550</v>
      </c>
      <c r="B2321" s="209" t="s">
        <v>20420</v>
      </c>
      <c r="C2321" s="113" t="s">
        <v>5551</v>
      </c>
      <c r="D2321" s="113" t="s">
        <v>5552</v>
      </c>
      <c r="E2321" s="210">
        <v>1965</v>
      </c>
      <c r="F2321" s="210">
        <v>6863</v>
      </c>
      <c r="G2321" s="113" t="s">
        <v>1</v>
      </c>
      <c r="H2321" s="113">
        <v>0</v>
      </c>
      <c r="I2321" s="113">
        <v>0</v>
      </c>
      <c r="J2321" s="115">
        <v>1</v>
      </c>
      <c r="K2321" s="116" t="s">
        <v>174</v>
      </c>
      <c r="L2321" s="115">
        <v>1</v>
      </c>
      <c r="M2321" s="115">
        <v>0</v>
      </c>
      <c r="N2321" s="115">
        <v>0</v>
      </c>
      <c r="O2321" s="115">
        <v>1</v>
      </c>
      <c r="P2321" s="115">
        <v>1</v>
      </c>
      <c r="Q2321" s="115">
        <v>1</v>
      </c>
      <c r="R2321" s="115">
        <v>1</v>
      </c>
      <c r="S2321" s="115">
        <v>0</v>
      </c>
      <c r="T2321" s="115">
        <v>0</v>
      </c>
      <c r="U2321" s="119"/>
      <c r="V2321" s="119"/>
      <c r="W2321" s="119"/>
      <c r="X2321" s="119"/>
      <c r="Y2321" s="119"/>
      <c r="Z2321" s="119"/>
      <c r="AA2321" s="119"/>
      <c r="AB2321" s="119"/>
      <c r="AC2321" s="119"/>
      <c r="AD2321" s="119"/>
      <c r="AE2321" s="119"/>
      <c r="AF2321" s="119"/>
      <c r="AG2321" s="119"/>
      <c r="AH2321" s="119"/>
      <c r="AI2321" s="119"/>
      <c r="AJ2321" s="119"/>
      <c r="AK2321" s="119"/>
      <c r="AL2321" s="119"/>
      <c r="AM2321" s="119"/>
      <c r="AN2321" s="119"/>
      <c r="AO2321" s="119"/>
      <c r="AP2321" s="119"/>
      <c r="AQ2321" s="119"/>
      <c r="AR2321" s="119"/>
      <c r="AS2321" s="119"/>
      <c r="AT2321" s="119"/>
      <c r="AU2321" s="119"/>
      <c r="AV2321" s="119"/>
      <c r="AW2321" s="119"/>
      <c r="AX2321" s="119"/>
      <c r="AY2321" s="119"/>
      <c r="AZ2321" s="119"/>
      <c r="BA2321" s="119"/>
      <c r="BB2321" s="107">
        <v>45884</v>
      </c>
    </row>
    <row r="2322" spans="1:54" s="207" customFormat="1" ht="13.95" customHeight="1" x14ac:dyDescent="0.25">
      <c r="A2322" s="208" t="s">
        <v>5553</v>
      </c>
      <c r="B2322" s="209" t="s">
        <v>20420</v>
      </c>
      <c r="C2322" s="113" t="s">
        <v>5554</v>
      </c>
      <c r="D2322" s="113" t="s">
        <v>5555</v>
      </c>
      <c r="E2322" s="210">
        <v>2000</v>
      </c>
      <c r="F2322" s="210">
        <v>6910</v>
      </c>
      <c r="G2322" s="113" t="s">
        <v>1</v>
      </c>
      <c r="H2322" s="113">
        <v>1</v>
      </c>
      <c r="I2322" s="113">
        <v>1</v>
      </c>
      <c r="J2322" s="115">
        <v>1</v>
      </c>
      <c r="K2322" s="211">
        <v>1</v>
      </c>
      <c r="L2322" s="115">
        <v>1</v>
      </c>
      <c r="M2322" s="115">
        <v>0</v>
      </c>
      <c r="N2322" s="115">
        <v>0</v>
      </c>
      <c r="O2322" s="115">
        <v>1</v>
      </c>
      <c r="P2322" s="115">
        <v>1</v>
      </c>
      <c r="Q2322" s="115" t="s">
        <v>400</v>
      </c>
      <c r="R2322" s="115">
        <v>0</v>
      </c>
      <c r="S2322" s="115">
        <v>0</v>
      </c>
      <c r="T2322" s="115">
        <v>0</v>
      </c>
      <c r="U2322" s="119"/>
      <c r="V2322" s="119"/>
      <c r="W2322" s="119"/>
      <c r="X2322" s="119"/>
      <c r="Y2322" s="119"/>
      <c r="Z2322" s="119"/>
      <c r="AA2322" s="119"/>
      <c r="AB2322" s="119"/>
      <c r="AC2322" s="119"/>
      <c r="AD2322" s="119"/>
      <c r="AE2322" s="119"/>
      <c r="AF2322" s="119"/>
      <c r="AG2322" s="119"/>
      <c r="AH2322" s="119"/>
      <c r="AI2322" s="119"/>
      <c r="AJ2322" s="119"/>
      <c r="AK2322" s="119"/>
      <c r="AL2322" s="119"/>
      <c r="AM2322" s="119"/>
      <c r="AN2322" s="119"/>
      <c r="AO2322" s="119"/>
      <c r="AP2322" s="119"/>
      <c r="AQ2322" s="119"/>
      <c r="AR2322" s="119"/>
      <c r="AS2322" s="119"/>
      <c r="AT2322" s="119"/>
      <c r="AU2322" s="119"/>
      <c r="AV2322" s="119"/>
      <c r="AW2322" s="119"/>
      <c r="AX2322" s="119"/>
      <c r="AY2322" s="119"/>
      <c r="AZ2322" s="119"/>
      <c r="BA2322" s="119"/>
      <c r="BB2322" s="107">
        <v>45884</v>
      </c>
    </row>
    <row r="2323" spans="1:54" s="207" customFormat="1" ht="13.95" customHeight="1" x14ac:dyDescent="0.25">
      <c r="A2323" s="208" t="s">
        <v>5556</v>
      </c>
      <c r="B2323" s="209" t="s">
        <v>20420</v>
      </c>
      <c r="C2323" s="113" t="s">
        <v>5557</v>
      </c>
      <c r="D2323" s="113" t="s">
        <v>23838</v>
      </c>
      <c r="E2323" s="210">
        <v>2009</v>
      </c>
      <c r="F2323" s="210">
        <v>98760</v>
      </c>
      <c r="G2323" s="113" t="s">
        <v>10</v>
      </c>
      <c r="H2323" s="113">
        <v>1</v>
      </c>
      <c r="I2323" s="113">
        <v>1</v>
      </c>
      <c r="J2323" s="115">
        <v>1</v>
      </c>
      <c r="K2323" s="116" t="s">
        <v>174</v>
      </c>
      <c r="L2323" s="115">
        <v>0</v>
      </c>
      <c r="M2323" s="115">
        <v>0</v>
      </c>
      <c r="N2323" s="115">
        <v>0</v>
      </c>
      <c r="O2323" s="115">
        <v>0</v>
      </c>
      <c r="P2323" s="115">
        <v>1</v>
      </c>
      <c r="Q2323" s="115" t="s">
        <v>400</v>
      </c>
      <c r="R2323" s="115">
        <v>0</v>
      </c>
      <c r="S2323" s="115">
        <v>0</v>
      </c>
      <c r="T2323" s="115">
        <v>0</v>
      </c>
      <c r="U2323" s="113" t="s">
        <v>174</v>
      </c>
      <c r="V2323" s="113" t="s">
        <v>174</v>
      </c>
      <c r="W2323" s="113" t="s">
        <v>174</v>
      </c>
      <c r="X2323" s="113" t="s">
        <v>174</v>
      </c>
      <c r="Y2323" s="113" t="s">
        <v>174</v>
      </c>
      <c r="Z2323" s="113" t="s">
        <v>174</v>
      </c>
      <c r="AA2323" s="113" t="s">
        <v>174</v>
      </c>
      <c r="AB2323" s="113" t="s">
        <v>174</v>
      </c>
      <c r="AC2323" s="113" t="s">
        <v>174</v>
      </c>
      <c r="AD2323" s="113" t="s">
        <v>174</v>
      </c>
      <c r="AE2323" s="113" t="s">
        <v>174</v>
      </c>
      <c r="AF2323" s="113" t="s">
        <v>174</v>
      </c>
      <c r="AG2323" s="113" t="s">
        <v>174</v>
      </c>
      <c r="AH2323" s="113" t="s">
        <v>174</v>
      </c>
      <c r="AI2323" s="113" t="s">
        <v>174</v>
      </c>
      <c r="AJ2323" s="113" t="s">
        <v>174</v>
      </c>
      <c r="AK2323" s="113" t="s">
        <v>174</v>
      </c>
      <c r="AL2323" s="113" t="s">
        <v>174</v>
      </c>
      <c r="AM2323" s="113" t="s">
        <v>174</v>
      </c>
      <c r="AN2323" s="113" t="s">
        <v>174</v>
      </c>
      <c r="AO2323" s="113" t="s">
        <v>174</v>
      </c>
      <c r="AP2323" s="113" t="s">
        <v>174</v>
      </c>
      <c r="AQ2323" s="113" t="s">
        <v>174</v>
      </c>
      <c r="AR2323" s="113" t="s">
        <v>174</v>
      </c>
      <c r="AS2323" s="113" t="s">
        <v>174</v>
      </c>
      <c r="AT2323" s="121" t="s">
        <v>174</v>
      </c>
      <c r="AU2323" s="113" t="s">
        <v>174</v>
      </c>
      <c r="AV2323" s="113">
        <v>1</v>
      </c>
      <c r="AW2323" s="113" t="s">
        <v>174</v>
      </c>
      <c r="AX2323" s="113"/>
      <c r="AY2323" s="113"/>
      <c r="AZ2323" s="113"/>
      <c r="BA2323" s="113"/>
      <c r="BB2323" s="107">
        <v>45884</v>
      </c>
    </row>
    <row r="2324" spans="1:54" s="207" customFormat="1" ht="13.95" customHeight="1" x14ac:dyDescent="0.25">
      <c r="A2324" s="208" t="s">
        <v>5558</v>
      </c>
      <c r="B2324" s="209" t="s">
        <v>20420</v>
      </c>
      <c r="C2324" s="113" t="s">
        <v>5559</v>
      </c>
      <c r="D2324" s="113" t="s">
        <v>23839</v>
      </c>
      <c r="E2324" s="210">
        <v>1987</v>
      </c>
      <c r="F2324" s="210">
        <v>6760</v>
      </c>
      <c r="G2324" s="113" t="s">
        <v>1</v>
      </c>
      <c r="H2324" s="113">
        <v>1</v>
      </c>
      <c r="I2324" s="113">
        <v>0</v>
      </c>
      <c r="J2324" s="115">
        <v>1</v>
      </c>
      <c r="K2324" s="116" t="s">
        <v>174</v>
      </c>
      <c r="L2324" s="115">
        <v>1</v>
      </c>
      <c r="M2324" s="115">
        <v>0</v>
      </c>
      <c r="N2324" s="115">
        <v>0</v>
      </c>
      <c r="O2324" s="115">
        <v>1</v>
      </c>
      <c r="P2324" s="115">
        <v>1</v>
      </c>
      <c r="Q2324" s="115" t="s">
        <v>400</v>
      </c>
      <c r="R2324" s="115">
        <v>1</v>
      </c>
      <c r="S2324" s="115">
        <v>0</v>
      </c>
      <c r="T2324" s="115">
        <v>0</v>
      </c>
      <c r="U2324" s="119"/>
      <c r="V2324" s="119"/>
      <c r="W2324" s="119"/>
      <c r="X2324" s="119"/>
      <c r="Y2324" s="119"/>
      <c r="Z2324" s="119"/>
      <c r="AA2324" s="119"/>
      <c r="AB2324" s="119"/>
      <c r="AC2324" s="119"/>
      <c r="AD2324" s="119"/>
      <c r="AE2324" s="119"/>
      <c r="AF2324" s="119"/>
      <c r="AG2324" s="119"/>
      <c r="AH2324" s="119"/>
      <c r="AI2324" s="119"/>
      <c r="AJ2324" s="119"/>
      <c r="AK2324" s="119"/>
      <c r="AL2324" s="119"/>
      <c r="AM2324" s="119"/>
      <c r="AN2324" s="119"/>
      <c r="AO2324" s="119"/>
      <c r="AP2324" s="119"/>
      <c r="AQ2324" s="119"/>
      <c r="AR2324" s="119"/>
      <c r="AS2324" s="119"/>
      <c r="AT2324" s="119"/>
      <c r="AU2324" s="119"/>
      <c r="AV2324" s="119"/>
      <c r="AW2324" s="119"/>
      <c r="AX2324" s="119"/>
      <c r="AY2324" s="119"/>
      <c r="AZ2324" s="119"/>
      <c r="BA2324" s="119"/>
      <c r="BB2324" s="107">
        <v>45884</v>
      </c>
    </row>
    <row r="2325" spans="1:54" s="207" customFormat="1" ht="13.95" customHeight="1" x14ac:dyDescent="0.25">
      <c r="A2325" s="208" t="s">
        <v>5560</v>
      </c>
      <c r="B2325" s="209" t="s">
        <v>20420</v>
      </c>
      <c r="C2325" s="113" t="s">
        <v>5561</v>
      </c>
      <c r="D2325" s="113" t="s">
        <v>23840</v>
      </c>
      <c r="E2325" s="210">
        <v>1973</v>
      </c>
      <c r="F2325" s="210">
        <v>7063</v>
      </c>
      <c r="G2325" s="113" t="s">
        <v>1</v>
      </c>
      <c r="H2325" s="113">
        <v>0</v>
      </c>
      <c r="I2325" s="113">
        <v>0</v>
      </c>
      <c r="J2325" s="115">
        <v>1</v>
      </c>
      <c r="K2325" s="211">
        <v>1</v>
      </c>
      <c r="L2325" s="115">
        <v>1</v>
      </c>
      <c r="M2325" s="115">
        <v>0</v>
      </c>
      <c r="N2325" s="115">
        <v>1</v>
      </c>
      <c r="O2325" s="115">
        <v>1</v>
      </c>
      <c r="P2325" s="115">
        <v>1</v>
      </c>
      <c r="Q2325" s="115" t="s">
        <v>400</v>
      </c>
      <c r="R2325" s="115">
        <v>1</v>
      </c>
      <c r="S2325" s="115">
        <v>0</v>
      </c>
      <c r="T2325" s="115">
        <v>0</v>
      </c>
      <c r="U2325" s="119"/>
      <c r="V2325" s="119"/>
      <c r="W2325" s="119"/>
      <c r="X2325" s="119"/>
      <c r="Y2325" s="119"/>
      <c r="Z2325" s="119"/>
      <c r="AA2325" s="119"/>
      <c r="AB2325" s="119"/>
      <c r="AC2325" s="119"/>
      <c r="AD2325" s="119"/>
      <c r="AE2325" s="119"/>
      <c r="AF2325" s="119"/>
      <c r="AG2325" s="119"/>
      <c r="AH2325" s="119"/>
      <c r="AI2325" s="119"/>
      <c r="AJ2325" s="119"/>
      <c r="AK2325" s="119"/>
      <c r="AL2325" s="119"/>
      <c r="AM2325" s="119"/>
      <c r="AN2325" s="119"/>
      <c r="AO2325" s="119"/>
      <c r="AP2325" s="119"/>
      <c r="AQ2325" s="119"/>
      <c r="AR2325" s="119"/>
      <c r="AS2325" s="119"/>
      <c r="AT2325" s="119"/>
      <c r="AU2325" s="119"/>
      <c r="AV2325" s="119"/>
      <c r="AW2325" s="119"/>
      <c r="AX2325" s="119"/>
      <c r="AY2325" s="119"/>
      <c r="AZ2325" s="119"/>
      <c r="BA2325" s="119"/>
      <c r="BB2325" s="107">
        <v>45884</v>
      </c>
    </row>
    <row r="2326" spans="1:54" s="207" customFormat="1" ht="13.95" customHeight="1" x14ac:dyDescent="0.25">
      <c r="A2326" s="208" t="s">
        <v>5562</v>
      </c>
      <c r="B2326" s="209" t="s">
        <v>20420</v>
      </c>
      <c r="C2326" s="113" t="s">
        <v>5563</v>
      </c>
      <c r="D2326" s="113" t="s">
        <v>5564</v>
      </c>
      <c r="E2326" s="210">
        <v>2001</v>
      </c>
      <c r="F2326" s="210">
        <v>7073</v>
      </c>
      <c r="G2326" s="113" t="s">
        <v>1</v>
      </c>
      <c r="H2326" s="113">
        <v>1</v>
      </c>
      <c r="I2326" s="113">
        <v>1</v>
      </c>
      <c r="J2326" s="115">
        <v>1</v>
      </c>
      <c r="K2326" s="116" t="s">
        <v>174</v>
      </c>
      <c r="L2326" s="115">
        <v>0</v>
      </c>
      <c r="M2326" s="115">
        <v>1</v>
      </c>
      <c r="N2326" s="115">
        <v>1</v>
      </c>
      <c r="O2326" s="115">
        <v>1</v>
      </c>
      <c r="P2326" s="115" t="s">
        <v>400</v>
      </c>
      <c r="Q2326" s="115" t="s">
        <v>400</v>
      </c>
      <c r="R2326" s="115">
        <v>0</v>
      </c>
      <c r="S2326" s="115">
        <v>0</v>
      </c>
      <c r="T2326" s="115">
        <v>1</v>
      </c>
      <c r="U2326" s="119"/>
      <c r="V2326" s="119"/>
      <c r="W2326" s="119"/>
      <c r="X2326" s="119"/>
      <c r="Y2326" s="119"/>
      <c r="Z2326" s="119"/>
      <c r="AA2326" s="119"/>
      <c r="AB2326" s="119"/>
      <c r="AC2326" s="119"/>
      <c r="AD2326" s="119"/>
      <c r="AE2326" s="119"/>
      <c r="AF2326" s="119"/>
      <c r="AG2326" s="119"/>
      <c r="AH2326" s="119"/>
      <c r="AI2326" s="119"/>
      <c r="AJ2326" s="119"/>
      <c r="AK2326" s="119"/>
      <c r="AL2326" s="119"/>
      <c r="AM2326" s="119"/>
      <c r="AN2326" s="119"/>
      <c r="AO2326" s="119"/>
      <c r="AP2326" s="119"/>
      <c r="AQ2326" s="119"/>
      <c r="AR2326" s="119"/>
      <c r="AS2326" s="119"/>
      <c r="AT2326" s="119"/>
      <c r="AU2326" s="119"/>
      <c r="AV2326" s="119"/>
      <c r="AW2326" s="119"/>
      <c r="AX2326" s="119"/>
      <c r="AY2326" s="119"/>
      <c r="AZ2326" s="119"/>
      <c r="BA2326" s="119"/>
      <c r="BB2326" s="107">
        <v>45884</v>
      </c>
    </row>
    <row r="2327" spans="1:54" s="207" customFormat="1" ht="13.95" customHeight="1" x14ac:dyDescent="0.25">
      <c r="A2327" s="208" t="s">
        <v>5565</v>
      </c>
      <c r="B2327" s="209" t="s">
        <v>20420</v>
      </c>
      <c r="C2327" s="113" t="s">
        <v>5566</v>
      </c>
      <c r="D2327" s="113" t="s">
        <v>23841</v>
      </c>
      <c r="E2327" s="210">
        <v>1970</v>
      </c>
      <c r="F2327" s="210">
        <v>7097</v>
      </c>
      <c r="G2327" s="113" t="s">
        <v>1</v>
      </c>
      <c r="H2327" s="113">
        <v>1</v>
      </c>
      <c r="I2327" s="113">
        <v>0</v>
      </c>
      <c r="J2327" s="115">
        <v>1</v>
      </c>
      <c r="K2327" s="211">
        <v>1</v>
      </c>
      <c r="L2327" s="115">
        <v>1</v>
      </c>
      <c r="M2327" s="115">
        <v>1</v>
      </c>
      <c r="N2327" s="115">
        <v>0</v>
      </c>
      <c r="O2327" s="115">
        <v>1</v>
      </c>
      <c r="P2327" s="115" t="s">
        <v>400</v>
      </c>
      <c r="Q2327" s="115" t="s">
        <v>400</v>
      </c>
      <c r="R2327" s="115">
        <v>1</v>
      </c>
      <c r="S2327" s="115">
        <v>0</v>
      </c>
      <c r="T2327" s="115">
        <v>0</v>
      </c>
      <c r="U2327" s="119"/>
      <c r="V2327" s="119"/>
      <c r="W2327" s="119"/>
      <c r="X2327" s="119"/>
      <c r="Y2327" s="119"/>
      <c r="Z2327" s="119"/>
      <c r="AA2327" s="119"/>
      <c r="AB2327" s="119"/>
      <c r="AC2327" s="119"/>
      <c r="AD2327" s="119"/>
      <c r="AE2327" s="119"/>
      <c r="AF2327" s="119"/>
      <c r="AG2327" s="119"/>
      <c r="AH2327" s="119"/>
      <c r="AI2327" s="119"/>
      <c r="AJ2327" s="119"/>
      <c r="AK2327" s="119"/>
      <c r="AL2327" s="119"/>
      <c r="AM2327" s="119"/>
      <c r="AN2327" s="119"/>
      <c r="AO2327" s="119"/>
      <c r="AP2327" s="119"/>
      <c r="AQ2327" s="119"/>
      <c r="AR2327" s="119"/>
      <c r="AS2327" s="119"/>
      <c r="AT2327" s="119"/>
      <c r="AU2327" s="119"/>
      <c r="AV2327" s="119"/>
      <c r="AW2327" s="119"/>
      <c r="AX2327" s="119"/>
      <c r="AY2327" s="119"/>
      <c r="AZ2327" s="119"/>
      <c r="BA2327" s="119"/>
      <c r="BB2327" s="107">
        <v>45884</v>
      </c>
    </row>
    <row r="2328" spans="1:54" s="207" customFormat="1" ht="13.95" customHeight="1" x14ac:dyDescent="0.25">
      <c r="A2328" s="208" t="s">
        <v>5567</v>
      </c>
      <c r="B2328" s="209" t="s">
        <v>20420</v>
      </c>
      <c r="C2328" s="113" t="s">
        <v>5568</v>
      </c>
      <c r="D2328" s="113" t="s">
        <v>23842</v>
      </c>
      <c r="E2328" s="210">
        <v>1979</v>
      </c>
      <c r="F2328" s="210">
        <v>7143</v>
      </c>
      <c r="G2328" s="113" t="s">
        <v>1</v>
      </c>
      <c r="H2328" s="113">
        <v>0</v>
      </c>
      <c r="I2328" s="113">
        <v>0</v>
      </c>
      <c r="J2328" s="115">
        <v>1</v>
      </c>
      <c r="K2328" s="211">
        <v>1</v>
      </c>
      <c r="L2328" s="115">
        <v>0</v>
      </c>
      <c r="M2328" s="115">
        <v>1</v>
      </c>
      <c r="N2328" s="115">
        <v>1</v>
      </c>
      <c r="O2328" s="115">
        <v>0</v>
      </c>
      <c r="P2328" s="115" t="s">
        <v>400</v>
      </c>
      <c r="Q2328" s="115" t="s">
        <v>400</v>
      </c>
      <c r="R2328" s="115">
        <v>0</v>
      </c>
      <c r="S2328" s="115">
        <v>0</v>
      </c>
      <c r="T2328" s="115">
        <v>0</v>
      </c>
      <c r="U2328" s="119"/>
      <c r="V2328" s="119"/>
      <c r="W2328" s="119"/>
      <c r="X2328" s="119"/>
      <c r="Y2328" s="119"/>
      <c r="Z2328" s="119"/>
      <c r="AA2328" s="119"/>
      <c r="AB2328" s="119"/>
      <c r="AC2328" s="119"/>
      <c r="AD2328" s="119"/>
      <c r="AE2328" s="119"/>
      <c r="AF2328" s="119"/>
      <c r="AG2328" s="119"/>
      <c r="AH2328" s="119"/>
      <c r="AI2328" s="119"/>
      <c r="AJ2328" s="119"/>
      <c r="AK2328" s="119"/>
      <c r="AL2328" s="119"/>
      <c r="AM2328" s="119"/>
      <c r="AN2328" s="119"/>
      <c r="AO2328" s="119"/>
      <c r="AP2328" s="119"/>
      <c r="AQ2328" s="119"/>
      <c r="AR2328" s="119"/>
      <c r="AS2328" s="119"/>
      <c r="AT2328" s="119"/>
      <c r="AU2328" s="119"/>
      <c r="AV2328" s="119"/>
      <c r="AW2328" s="119"/>
      <c r="AX2328" s="119"/>
      <c r="AY2328" s="119"/>
      <c r="AZ2328" s="119"/>
      <c r="BA2328" s="119"/>
      <c r="BB2328" s="107">
        <v>45884</v>
      </c>
    </row>
    <row r="2329" spans="1:54" s="207" customFormat="1" ht="13.95" customHeight="1" x14ac:dyDescent="0.25">
      <c r="A2329" s="208" t="s">
        <v>5569</v>
      </c>
      <c r="B2329" s="209" t="s">
        <v>20420</v>
      </c>
      <c r="C2329" s="113" t="s">
        <v>5570</v>
      </c>
      <c r="D2329" s="113" t="s">
        <v>5571</v>
      </c>
      <c r="E2329" s="210">
        <v>1988</v>
      </c>
      <c r="F2329" s="210">
        <v>7150</v>
      </c>
      <c r="G2329" s="113" t="s">
        <v>1</v>
      </c>
      <c r="H2329" s="113">
        <v>0</v>
      </c>
      <c r="I2329" s="113">
        <v>0</v>
      </c>
      <c r="J2329" s="115">
        <v>1</v>
      </c>
      <c r="K2329" s="116" t="s">
        <v>174</v>
      </c>
      <c r="L2329" s="115">
        <v>0</v>
      </c>
      <c r="M2329" s="115">
        <v>0</v>
      </c>
      <c r="N2329" s="115">
        <v>0</v>
      </c>
      <c r="O2329" s="115">
        <v>0</v>
      </c>
      <c r="P2329" s="115" t="s">
        <v>400</v>
      </c>
      <c r="Q2329" s="115" t="s">
        <v>400</v>
      </c>
      <c r="R2329" s="115">
        <v>0</v>
      </c>
      <c r="S2329" s="115">
        <v>0</v>
      </c>
      <c r="T2329" s="115">
        <v>0</v>
      </c>
      <c r="U2329" s="119"/>
      <c r="V2329" s="119"/>
      <c r="W2329" s="119"/>
      <c r="X2329" s="119"/>
      <c r="Y2329" s="119"/>
      <c r="Z2329" s="119"/>
      <c r="AA2329" s="119"/>
      <c r="AB2329" s="119"/>
      <c r="AC2329" s="119"/>
      <c r="AD2329" s="119"/>
      <c r="AE2329" s="119"/>
      <c r="AF2329" s="119"/>
      <c r="AG2329" s="119"/>
      <c r="AH2329" s="119"/>
      <c r="AI2329" s="119"/>
      <c r="AJ2329" s="119"/>
      <c r="AK2329" s="119"/>
      <c r="AL2329" s="119"/>
      <c r="AM2329" s="119"/>
      <c r="AN2329" s="119"/>
      <c r="AO2329" s="119"/>
      <c r="AP2329" s="119"/>
      <c r="AQ2329" s="119"/>
      <c r="AR2329" s="119"/>
      <c r="AS2329" s="119"/>
      <c r="AT2329" s="119"/>
      <c r="AU2329" s="119"/>
      <c r="AV2329" s="119"/>
      <c r="AW2329" s="119"/>
      <c r="AX2329" s="119"/>
      <c r="AY2329" s="119"/>
      <c r="AZ2329" s="119"/>
      <c r="BA2329" s="119"/>
      <c r="BB2329" s="107">
        <v>45884</v>
      </c>
    </row>
    <row r="2330" spans="1:54" s="207" customFormat="1" ht="13.95" customHeight="1" x14ac:dyDescent="0.25">
      <c r="A2330" s="208" t="s">
        <v>5572</v>
      </c>
      <c r="B2330" s="209" t="s">
        <v>20420</v>
      </c>
      <c r="C2330" s="113" t="s">
        <v>5573</v>
      </c>
      <c r="D2330" s="113" t="s">
        <v>23843</v>
      </c>
      <c r="E2330" s="210">
        <v>1998</v>
      </c>
      <c r="F2330" s="210">
        <v>7163</v>
      </c>
      <c r="G2330" s="113" t="s">
        <v>1</v>
      </c>
      <c r="H2330" s="113">
        <v>0</v>
      </c>
      <c r="I2330" s="113">
        <v>0</v>
      </c>
      <c r="J2330" s="115">
        <v>1</v>
      </c>
      <c r="K2330" s="116" t="s">
        <v>174</v>
      </c>
      <c r="L2330" s="115">
        <v>0</v>
      </c>
      <c r="M2330" s="120">
        <v>0</v>
      </c>
      <c r="N2330" s="115">
        <v>0</v>
      </c>
      <c r="O2330" s="115">
        <v>1</v>
      </c>
      <c r="P2330" s="120">
        <v>1</v>
      </c>
      <c r="Q2330" s="115" t="s">
        <v>400</v>
      </c>
      <c r="R2330" s="120">
        <v>1</v>
      </c>
      <c r="S2330" s="115">
        <v>0</v>
      </c>
      <c r="T2330" s="115">
        <v>0</v>
      </c>
      <c r="U2330" s="119"/>
      <c r="V2330" s="119"/>
      <c r="W2330" s="119"/>
      <c r="X2330" s="119"/>
      <c r="Y2330" s="119"/>
      <c r="Z2330" s="119"/>
      <c r="AA2330" s="119"/>
      <c r="AB2330" s="119"/>
      <c r="AC2330" s="119"/>
      <c r="AD2330" s="119"/>
      <c r="AE2330" s="119"/>
      <c r="AF2330" s="119"/>
      <c r="AG2330" s="119"/>
      <c r="AH2330" s="119"/>
      <c r="AI2330" s="119"/>
      <c r="AJ2330" s="119"/>
      <c r="AK2330" s="119"/>
      <c r="AL2330" s="119"/>
      <c r="AM2330" s="119"/>
      <c r="AN2330" s="119"/>
      <c r="AO2330" s="119"/>
      <c r="AP2330" s="119"/>
      <c r="AQ2330" s="119"/>
      <c r="AR2330" s="119"/>
      <c r="AS2330" s="119"/>
      <c r="AT2330" s="119"/>
      <c r="AU2330" s="119"/>
      <c r="AV2330" s="119"/>
      <c r="AW2330" s="119"/>
      <c r="AX2330" s="119"/>
      <c r="AY2330" s="119"/>
      <c r="AZ2330" s="119"/>
      <c r="BA2330" s="119"/>
      <c r="BB2330" s="107">
        <v>45884</v>
      </c>
    </row>
    <row r="2331" spans="1:54" s="207" customFormat="1" ht="13.95" customHeight="1" x14ac:dyDescent="0.25">
      <c r="A2331" s="208" t="s">
        <v>5574</v>
      </c>
      <c r="B2331" s="209" t="s">
        <v>20420</v>
      </c>
      <c r="C2331" s="113" t="s">
        <v>5575</v>
      </c>
      <c r="D2331" s="113" t="s">
        <v>5576</v>
      </c>
      <c r="E2331" s="210">
        <v>1995</v>
      </c>
      <c r="F2331" s="210">
        <v>7229</v>
      </c>
      <c r="G2331" s="113" t="s">
        <v>1</v>
      </c>
      <c r="H2331" s="113">
        <v>0</v>
      </c>
      <c r="I2331" s="113">
        <v>0</v>
      </c>
      <c r="J2331" s="115">
        <v>1</v>
      </c>
      <c r="K2331" s="116" t="s">
        <v>174</v>
      </c>
      <c r="L2331" s="115">
        <v>1</v>
      </c>
      <c r="M2331" s="115">
        <v>1</v>
      </c>
      <c r="N2331" s="115">
        <v>0</v>
      </c>
      <c r="O2331" s="115">
        <v>1</v>
      </c>
      <c r="P2331" s="115" t="s">
        <v>400</v>
      </c>
      <c r="Q2331" s="115" t="s">
        <v>400</v>
      </c>
      <c r="R2331" s="115">
        <v>0</v>
      </c>
      <c r="S2331" s="115">
        <v>0</v>
      </c>
      <c r="T2331" s="115">
        <v>0</v>
      </c>
      <c r="U2331" s="119"/>
      <c r="V2331" s="119"/>
      <c r="W2331" s="119"/>
      <c r="X2331" s="119"/>
      <c r="Y2331" s="119"/>
      <c r="Z2331" s="119"/>
      <c r="AA2331" s="119"/>
      <c r="AB2331" s="119"/>
      <c r="AC2331" s="119"/>
      <c r="AD2331" s="119"/>
      <c r="AE2331" s="119"/>
      <c r="AF2331" s="119"/>
      <c r="AG2331" s="119"/>
      <c r="AH2331" s="119"/>
      <c r="AI2331" s="119"/>
      <c r="AJ2331" s="119"/>
      <c r="AK2331" s="119"/>
      <c r="AL2331" s="119"/>
      <c r="AM2331" s="119"/>
      <c r="AN2331" s="119"/>
      <c r="AO2331" s="119"/>
      <c r="AP2331" s="119"/>
      <c r="AQ2331" s="119"/>
      <c r="AR2331" s="119"/>
      <c r="AS2331" s="119"/>
      <c r="AT2331" s="119"/>
      <c r="AU2331" s="119"/>
      <c r="AV2331" s="119"/>
      <c r="AW2331" s="119"/>
      <c r="AX2331" s="119"/>
      <c r="AY2331" s="119"/>
      <c r="AZ2331" s="119"/>
      <c r="BA2331" s="119"/>
      <c r="BB2331" s="107">
        <v>45884</v>
      </c>
    </row>
    <row r="2332" spans="1:54" s="207" customFormat="1" ht="13.95" customHeight="1" x14ac:dyDescent="0.25">
      <c r="A2332" s="208" t="s">
        <v>5577</v>
      </c>
      <c r="B2332" s="209" t="s">
        <v>20420</v>
      </c>
      <c r="C2332" s="113" t="s">
        <v>5578</v>
      </c>
      <c r="D2332" s="113" t="s">
        <v>23844</v>
      </c>
      <c r="E2332" s="210">
        <v>1997</v>
      </c>
      <c r="F2332" s="210">
        <v>7248</v>
      </c>
      <c r="G2332" s="113" t="s">
        <v>1</v>
      </c>
      <c r="H2332" s="113">
        <v>1</v>
      </c>
      <c r="I2332" s="113">
        <v>1</v>
      </c>
      <c r="J2332" s="115">
        <v>1</v>
      </c>
      <c r="K2332" s="116" t="s">
        <v>174</v>
      </c>
      <c r="L2332" s="115">
        <v>1</v>
      </c>
      <c r="M2332" s="115">
        <v>1</v>
      </c>
      <c r="N2332" s="115">
        <v>1</v>
      </c>
      <c r="O2332" s="115">
        <v>1</v>
      </c>
      <c r="P2332" s="115" t="s">
        <v>400</v>
      </c>
      <c r="Q2332" s="115" t="s">
        <v>400</v>
      </c>
      <c r="R2332" s="115">
        <v>1</v>
      </c>
      <c r="S2332" s="115">
        <v>0</v>
      </c>
      <c r="T2332" s="115">
        <v>0</v>
      </c>
      <c r="U2332" s="119"/>
      <c r="V2332" s="119"/>
      <c r="W2332" s="119"/>
      <c r="X2332" s="119"/>
      <c r="Y2332" s="119"/>
      <c r="Z2332" s="119"/>
      <c r="AA2332" s="119"/>
      <c r="AB2332" s="119"/>
      <c r="AC2332" s="119"/>
      <c r="AD2332" s="119"/>
      <c r="AE2332" s="119"/>
      <c r="AF2332" s="119"/>
      <c r="AG2332" s="119"/>
      <c r="AH2332" s="119"/>
      <c r="AI2332" s="119"/>
      <c r="AJ2332" s="119"/>
      <c r="AK2332" s="119"/>
      <c r="AL2332" s="119"/>
      <c r="AM2332" s="119"/>
      <c r="AN2332" s="119"/>
      <c r="AO2332" s="119"/>
      <c r="AP2332" s="119"/>
      <c r="AQ2332" s="119"/>
      <c r="AR2332" s="119"/>
      <c r="AS2332" s="119"/>
      <c r="AT2332" s="119"/>
      <c r="AU2332" s="119"/>
      <c r="AV2332" s="119"/>
      <c r="AW2332" s="119"/>
      <c r="AX2332" s="119"/>
      <c r="AY2332" s="119"/>
      <c r="AZ2332" s="119"/>
      <c r="BA2332" s="119"/>
      <c r="BB2332" s="107">
        <v>45884</v>
      </c>
    </row>
    <row r="2333" spans="1:54" s="207" customFormat="1" ht="13.95" customHeight="1" x14ac:dyDescent="0.25">
      <c r="A2333" s="208" t="s">
        <v>5579</v>
      </c>
      <c r="B2333" s="209" t="s">
        <v>20420</v>
      </c>
      <c r="C2333" s="113" t="s">
        <v>5580</v>
      </c>
      <c r="D2333" s="113" t="s">
        <v>5581</v>
      </c>
      <c r="E2333" s="210">
        <v>1993</v>
      </c>
      <c r="F2333" s="210">
        <v>7250</v>
      </c>
      <c r="G2333" s="113" t="s">
        <v>1</v>
      </c>
      <c r="H2333" s="113">
        <v>0</v>
      </c>
      <c r="I2333" s="113">
        <v>0</v>
      </c>
      <c r="J2333" s="115">
        <v>1</v>
      </c>
      <c r="K2333" s="116" t="s">
        <v>174</v>
      </c>
      <c r="L2333" s="115">
        <v>0</v>
      </c>
      <c r="M2333" s="115">
        <v>0</v>
      </c>
      <c r="N2333" s="115">
        <v>0</v>
      </c>
      <c r="O2333" s="115">
        <v>0</v>
      </c>
      <c r="P2333" s="115" t="s">
        <v>400</v>
      </c>
      <c r="Q2333" s="115" t="s">
        <v>400</v>
      </c>
      <c r="R2333" s="115">
        <v>0</v>
      </c>
      <c r="S2333" s="115">
        <v>0</v>
      </c>
      <c r="T2333" s="115">
        <v>0</v>
      </c>
      <c r="U2333" s="119"/>
      <c r="V2333" s="119"/>
      <c r="W2333" s="119"/>
      <c r="X2333" s="119"/>
      <c r="Y2333" s="119"/>
      <c r="Z2333" s="119"/>
      <c r="AA2333" s="119"/>
      <c r="AB2333" s="119"/>
      <c r="AC2333" s="119"/>
      <c r="AD2333" s="119"/>
      <c r="AE2333" s="119"/>
      <c r="AF2333" s="119"/>
      <c r="AG2333" s="119"/>
      <c r="AH2333" s="119"/>
      <c r="AI2333" s="119"/>
      <c r="AJ2333" s="119"/>
      <c r="AK2333" s="119"/>
      <c r="AL2333" s="119"/>
      <c r="AM2333" s="119"/>
      <c r="AN2333" s="119"/>
      <c r="AO2333" s="119"/>
      <c r="AP2333" s="119"/>
      <c r="AQ2333" s="119"/>
      <c r="AR2333" s="119"/>
      <c r="AS2333" s="119"/>
      <c r="AT2333" s="119"/>
      <c r="AU2333" s="119"/>
      <c r="AV2333" s="119"/>
      <c r="AW2333" s="119"/>
      <c r="AX2333" s="119"/>
      <c r="AY2333" s="119"/>
      <c r="AZ2333" s="119"/>
      <c r="BA2333" s="119"/>
      <c r="BB2333" s="107">
        <v>45884</v>
      </c>
    </row>
    <row r="2334" spans="1:54" s="207" customFormat="1" ht="13.95" customHeight="1" x14ac:dyDescent="0.25">
      <c r="A2334" s="208" t="s">
        <v>5582</v>
      </c>
      <c r="B2334" s="209" t="s">
        <v>20420</v>
      </c>
      <c r="C2334" s="113" t="s">
        <v>5583</v>
      </c>
      <c r="D2334" s="113" t="s">
        <v>23845</v>
      </c>
      <c r="E2334" s="210">
        <v>1985</v>
      </c>
      <c r="F2334" s="210">
        <v>7350</v>
      </c>
      <c r="G2334" s="113" t="s">
        <v>1</v>
      </c>
      <c r="H2334" s="113">
        <v>0</v>
      </c>
      <c r="I2334" s="113">
        <v>0</v>
      </c>
      <c r="J2334" s="115">
        <v>1</v>
      </c>
      <c r="K2334" s="116" t="s">
        <v>174</v>
      </c>
      <c r="L2334" s="115">
        <v>0</v>
      </c>
      <c r="M2334" s="115">
        <v>1</v>
      </c>
      <c r="N2334" s="115">
        <v>0</v>
      </c>
      <c r="O2334" s="115">
        <v>0</v>
      </c>
      <c r="P2334" s="115" t="s">
        <v>400</v>
      </c>
      <c r="Q2334" s="115" t="s">
        <v>400</v>
      </c>
      <c r="R2334" s="115">
        <v>0</v>
      </c>
      <c r="S2334" s="115">
        <v>0</v>
      </c>
      <c r="T2334" s="115">
        <v>0</v>
      </c>
      <c r="U2334" s="119"/>
      <c r="V2334" s="119"/>
      <c r="W2334" s="119"/>
      <c r="X2334" s="119"/>
      <c r="Y2334" s="119"/>
      <c r="Z2334" s="119"/>
      <c r="AA2334" s="119"/>
      <c r="AB2334" s="119"/>
      <c r="AC2334" s="119"/>
      <c r="AD2334" s="119"/>
      <c r="AE2334" s="119"/>
      <c r="AF2334" s="119"/>
      <c r="AG2334" s="119"/>
      <c r="AH2334" s="119"/>
      <c r="AI2334" s="119"/>
      <c r="AJ2334" s="119"/>
      <c r="AK2334" s="119"/>
      <c r="AL2334" s="119"/>
      <c r="AM2334" s="119"/>
      <c r="AN2334" s="119"/>
      <c r="AO2334" s="119"/>
      <c r="AP2334" s="119"/>
      <c r="AQ2334" s="119"/>
      <c r="AR2334" s="119"/>
      <c r="AS2334" s="119"/>
      <c r="AT2334" s="119"/>
      <c r="AU2334" s="119"/>
      <c r="AV2334" s="119"/>
      <c r="AW2334" s="119"/>
      <c r="AX2334" s="119"/>
      <c r="AY2334" s="119"/>
      <c r="AZ2334" s="119"/>
      <c r="BA2334" s="119"/>
      <c r="BB2334" s="107">
        <v>45884</v>
      </c>
    </row>
    <row r="2335" spans="1:54" s="207" customFormat="1" ht="13.95" customHeight="1" x14ac:dyDescent="0.25">
      <c r="A2335" s="208" t="s">
        <v>5584</v>
      </c>
      <c r="B2335" s="209" t="s">
        <v>20420</v>
      </c>
      <c r="C2335" s="113" t="s">
        <v>5585</v>
      </c>
      <c r="D2335" s="113" t="s">
        <v>5586</v>
      </c>
      <c r="E2335" s="210">
        <v>1987</v>
      </c>
      <c r="F2335" s="210">
        <v>7363</v>
      </c>
      <c r="G2335" s="113" t="s">
        <v>8</v>
      </c>
      <c r="H2335" s="113">
        <v>0</v>
      </c>
      <c r="I2335" s="113">
        <v>0</v>
      </c>
      <c r="J2335" s="115">
        <v>0</v>
      </c>
      <c r="K2335" s="116" t="s">
        <v>174</v>
      </c>
      <c r="L2335" s="115">
        <v>0</v>
      </c>
      <c r="M2335" s="115">
        <v>0</v>
      </c>
      <c r="N2335" s="115">
        <v>0</v>
      </c>
      <c r="O2335" s="115">
        <v>0</v>
      </c>
      <c r="P2335" s="115" t="s">
        <v>400</v>
      </c>
      <c r="Q2335" s="115" t="s">
        <v>400</v>
      </c>
      <c r="R2335" s="115">
        <v>0</v>
      </c>
      <c r="S2335" s="115">
        <v>0</v>
      </c>
      <c r="T2335" s="115">
        <v>0</v>
      </c>
      <c r="U2335" s="113" t="s">
        <v>174</v>
      </c>
      <c r="V2335" s="113" t="s">
        <v>174</v>
      </c>
      <c r="W2335" s="113" t="s">
        <v>174</v>
      </c>
      <c r="X2335" s="113" t="s">
        <v>174</v>
      </c>
      <c r="Y2335" s="113" t="s">
        <v>174</v>
      </c>
      <c r="Z2335" s="113" t="s">
        <v>174</v>
      </c>
      <c r="AA2335" s="113" t="s">
        <v>174</v>
      </c>
      <c r="AB2335" s="113" t="s">
        <v>174</v>
      </c>
      <c r="AC2335" s="113" t="s">
        <v>174</v>
      </c>
      <c r="AD2335" s="113" t="s">
        <v>174</v>
      </c>
      <c r="AE2335" s="113" t="s">
        <v>174</v>
      </c>
      <c r="AF2335" s="113" t="s">
        <v>174</v>
      </c>
      <c r="AG2335" s="113" t="s">
        <v>174</v>
      </c>
      <c r="AH2335" s="113" t="s">
        <v>174</v>
      </c>
      <c r="AI2335" s="113" t="s">
        <v>174</v>
      </c>
      <c r="AJ2335" s="113" t="s">
        <v>174</v>
      </c>
      <c r="AK2335" s="113" t="s">
        <v>174</v>
      </c>
      <c r="AL2335" s="113" t="s">
        <v>174</v>
      </c>
      <c r="AM2335" s="113" t="s">
        <v>174</v>
      </c>
      <c r="AN2335" s="113" t="s">
        <v>174</v>
      </c>
      <c r="AO2335" s="113" t="s">
        <v>174</v>
      </c>
      <c r="AP2335" s="113" t="s">
        <v>174</v>
      </c>
      <c r="AQ2335" s="113" t="s">
        <v>174</v>
      </c>
      <c r="AR2335" s="113" t="s">
        <v>174</v>
      </c>
      <c r="AS2335" s="113" t="s">
        <v>174</v>
      </c>
      <c r="AT2335" s="121" t="s">
        <v>174</v>
      </c>
      <c r="AU2335" s="113" t="s">
        <v>174</v>
      </c>
      <c r="AV2335" s="113" t="s">
        <v>174</v>
      </c>
      <c r="AW2335" s="113" t="s">
        <v>174</v>
      </c>
      <c r="AX2335" s="113"/>
      <c r="AY2335" s="113"/>
      <c r="AZ2335" s="113"/>
      <c r="BA2335" s="113"/>
      <c r="BB2335" s="107">
        <v>45884</v>
      </c>
    </row>
    <row r="2336" spans="1:54" s="207" customFormat="1" ht="13.95" customHeight="1" x14ac:dyDescent="0.25">
      <c r="A2336" s="208" t="s">
        <v>5587</v>
      </c>
      <c r="B2336" s="209" t="s">
        <v>20420</v>
      </c>
      <c r="C2336" s="113" t="s">
        <v>5588</v>
      </c>
      <c r="D2336" s="113" t="s">
        <v>5589</v>
      </c>
      <c r="E2336" s="210">
        <v>1988</v>
      </c>
      <c r="F2336" s="210">
        <v>7369</v>
      </c>
      <c r="G2336" s="113" t="s">
        <v>1</v>
      </c>
      <c r="H2336" s="113">
        <v>0</v>
      </c>
      <c r="I2336" s="113">
        <v>0</v>
      </c>
      <c r="J2336" s="115">
        <v>1</v>
      </c>
      <c r="K2336" s="211">
        <v>1</v>
      </c>
      <c r="L2336" s="115">
        <v>1</v>
      </c>
      <c r="M2336" s="115">
        <v>1</v>
      </c>
      <c r="N2336" s="115">
        <v>0</v>
      </c>
      <c r="O2336" s="115">
        <v>0</v>
      </c>
      <c r="P2336" s="115" t="s">
        <v>400</v>
      </c>
      <c r="Q2336" s="115" t="s">
        <v>400</v>
      </c>
      <c r="R2336" s="115">
        <v>1</v>
      </c>
      <c r="S2336" s="115">
        <v>0</v>
      </c>
      <c r="T2336" s="115">
        <v>0</v>
      </c>
      <c r="U2336" s="119"/>
      <c r="V2336" s="119"/>
      <c r="W2336" s="119"/>
      <c r="X2336" s="119"/>
      <c r="Y2336" s="119"/>
      <c r="Z2336" s="119"/>
      <c r="AA2336" s="119"/>
      <c r="AB2336" s="119"/>
      <c r="AC2336" s="119"/>
      <c r="AD2336" s="119"/>
      <c r="AE2336" s="119"/>
      <c r="AF2336" s="119"/>
      <c r="AG2336" s="119"/>
      <c r="AH2336" s="119"/>
      <c r="AI2336" s="119"/>
      <c r="AJ2336" s="119"/>
      <c r="AK2336" s="119"/>
      <c r="AL2336" s="119"/>
      <c r="AM2336" s="119"/>
      <c r="AN2336" s="119"/>
      <c r="AO2336" s="119"/>
      <c r="AP2336" s="119"/>
      <c r="AQ2336" s="119"/>
      <c r="AR2336" s="119"/>
      <c r="AS2336" s="119"/>
      <c r="AT2336" s="119"/>
      <c r="AU2336" s="119"/>
      <c r="AV2336" s="119"/>
      <c r="AW2336" s="119"/>
      <c r="AX2336" s="119"/>
      <c r="AY2336" s="119"/>
      <c r="AZ2336" s="119"/>
      <c r="BA2336" s="119"/>
      <c r="BB2336" s="107">
        <v>45884</v>
      </c>
    </row>
    <row r="2337" spans="1:54" s="207" customFormat="1" ht="13.95" customHeight="1" x14ac:dyDescent="0.25">
      <c r="A2337" s="208" t="s">
        <v>5590</v>
      </c>
      <c r="B2337" s="209" t="s">
        <v>20420</v>
      </c>
      <c r="C2337" s="113" t="s">
        <v>5591</v>
      </c>
      <c r="D2337" s="113" t="s">
        <v>23846</v>
      </c>
      <c r="E2337" s="210">
        <v>1996</v>
      </c>
      <c r="F2337" s="210">
        <v>7384</v>
      </c>
      <c r="G2337" s="113" t="s">
        <v>3</v>
      </c>
      <c r="H2337" s="113">
        <v>1</v>
      </c>
      <c r="I2337" s="113">
        <v>1</v>
      </c>
      <c r="J2337" s="115">
        <v>1</v>
      </c>
      <c r="K2337" s="116" t="s">
        <v>174</v>
      </c>
      <c r="L2337" s="115">
        <v>1</v>
      </c>
      <c r="M2337" s="115">
        <v>1</v>
      </c>
      <c r="N2337" s="115">
        <v>0</v>
      </c>
      <c r="O2337" s="115">
        <v>1</v>
      </c>
      <c r="P2337" s="115" t="s">
        <v>400</v>
      </c>
      <c r="Q2337" s="115" t="s">
        <v>400</v>
      </c>
      <c r="R2337" s="115">
        <v>1</v>
      </c>
      <c r="S2337" s="115">
        <v>0</v>
      </c>
      <c r="T2337" s="115">
        <v>0</v>
      </c>
      <c r="U2337" s="113" t="s">
        <v>174</v>
      </c>
      <c r="V2337" s="113" t="s">
        <v>174</v>
      </c>
      <c r="W2337" s="113" t="s">
        <v>174</v>
      </c>
      <c r="X2337" s="113" t="s">
        <v>174</v>
      </c>
      <c r="Y2337" s="113" t="s">
        <v>174</v>
      </c>
      <c r="Z2337" s="113" t="s">
        <v>174</v>
      </c>
      <c r="AA2337" s="113" t="s">
        <v>174</v>
      </c>
      <c r="AB2337" s="113" t="s">
        <v>174</v>
      </c>
      <c r="AC2337" s="113" t="s">
        <v>174</v>
      </c>
      <c r="AD2337" s="113" t="s">
        <v>174</v>
      </c>
      <c r="AE2337" s="113" t="s">
        <v>174</v>
      </c>
      <c r="AF2337" s="113" t="s">
        <v>174</v>
      </c>
      <c r="AG2337" s="113" t="s">
        <v>174</v>
      </c>
      <c r="AH2337" s="113" t="s">
        <v>174</v>
      </c>
      <c r="AI2337" s="113" t="s">
        <v>174</v>
      </c>
      <c r="AJ2337" s="113" t="s">
        <v>174</v>
      </c>
      <c r="AK2337" s="113" t="s">
        <v>174</v>
      </c>
      <c r="AL2337" s="113" t="s">
        <v>174</v>
      </c>
      <c r="AM2337" s="113" t="s">
        <v>174</v>
      </c>
      <c r="AN2337" s="113" t="s">
        <v>174</v>
      </c>
      <c r="AO2337" s="113" t="s">
        <v>174</v>
      </c>
      <c r="AP2337" s="113" t="s">
        <v>174</v>
      </c>
      <c r="AQ2337" s="113" t="s">
        <v>174</v>
      </c>
      <c r="AR2337" s="113" t="s">
        <v>174</v>
      </c>
      <c r="AS2337" s="113" t="s">
        <v>174</v>
      </c>
      <c r="AT2337" s="121" t="s">
        <v>174</v>
      </c>
      <c r="AU2337" s="113" t="s">
        <v>174</v>
      </c>
      <c r="AV2337" s="113" t="s">
        <v>174</v>
      </c>
      <c r="AW2337" s="113" t="s">
        <v>174</v>
      </c>
      <c r="AX2337" s="113"/>
      <c r="AY2337" s="113"/>
      <c r="AZ2337" s="113"/>
      <c r="BA2337" s="113"/>
      <c r="BB2337" s="107">
        <v>45884</v>
      </c>
    </row>
    <row r="2338" spans="1:54" s="207" customFormat="1" ht="13.95" customHeight="1" x14ac:dyDescent="0.25">
      <c r="A2338" s="208" t="s">
        <v>5592</v>
      </c>
      <c r="B2338" s="209" t="s">
        <v>20420</v>
      </c>
      <c r="C2338" s="113" t="s">
        <v>5593</v>
      </c>
      <c r="D2338" s="113" t="s">
        <v>5594</v>
      </c>
      <c r="E2338" s="210">
        <v>1981</v>
      </c>
      <c r="F2338" s="210">
        <v>7393</v>
      </c>
      <c r="G2338" s="113" t="s">
        <v>1</v>
      </c>
      <c r="H2338" s="113">
        <v>1</v>
      </c>
      <c r="I2338" s="113">
        <v>1</v>
      </c>
      <c r="J2338" s="115">
        <v>1</v>
      </c>
      <c r="K2338" s="116" t="s">
        <v>174</v>
      </c>
      <c r="L2338" s="115">
        <v>1</v>
      </c>
      <c r="M2338" s="115">
        <v>1</v>
      </c>
      <c r="N2338" s="115">
        <v>0</v>
      </c>
      <c r="O2338" s="115">
        <v>1</v>
      </c>
      <c r="P2338" s="115" t="s">
        <v>400</v>
      </c>
      <c r="Q2338" s="115" t="s">
        <v>400</v>
      </c>
      <c r="R2338" s="120">
        <v>1</v>
      </c>
      <c r="S2338" s="115">
        <v>0</v>
      </c>
      <c r="T2338" s="115">
        <v>0</v>
      </c>
      <c r="U2338" s="119"/>
      <c r="V2338" s="119"/>
      <c r="W2338" s="119"/>
      <c r="X2338" s="119"/>
      <c r="Y2338" s="119"/>
      <c r="Z2338" s="119"/>
      <c r="AA2338" s="119"/>
      <c r="AB2338" s="119"/>
      <c r="AC2338" s="119"/>
      <c r="AD2338" s="119"/>
      <c r="AE2338" s="119"/>
      <c r="AF2338" s="119"/>
      <c r="AG2338" s="119"/>
      <c r="AH2338" s="119"/>
      <c r="AI2338" s="119"/>
      <c r="AJ2338" s="119"/>
      <c r="AK2338" s="119"/>
      <c r="AL2338" s="119"/>
      <c r="AM2338" s="119"/>
      <c r="AN2338" s="119"/>
      <c r="AO2338" s="119"/>
      <c r="AP2338" s="119"/>
      <c r="AQ2338" s="119"/>
      <c r="AR2338" s="119"/>
      <c r="AS2338" s="119"/>
      <c r="AT2338" s="119"/>
      <c r="AU2338" s="119"/>
      <c r="AV2338" s="119"/>
      <c r="AW2338" s="119"/>
      <c r="AX2338" s="119"/>
      <c r="AY2338" s="119"/>
      <c r="AZ2338" s="119"/>
      <c r="BA2338" s="119"/>
      <c r="BB2338" s="107">
        <v>45884</v>
      </c>
    </row>
    <row r="2339" spans="1:54" s="207" customFormat="1" ht="13.95" customHeight="1" x14ac:dyDescent="0.25">
      <c r="A2339" s="208" t="s">
        <v>5595</v>
      </c>
      <c r="B2339" s="209" t="s">
        <v>20420</v>
      </c>
      <c r="C2339" s="113" t="s">
        <v>5596</v>
      </c>
      <c r="D2339" s="113" t="s">
        <v>23847</v>
      </c>
      <c r="E2339" s="210">
        <v>1999</v>
      </c>
      <c r="F2339" s="210">
        <v>7396</v>
      </c>
      <c r="G2339" s="113" t="s">
        <v>1</v>
      </c>
      <c r="H2339" s="113">
        <v>1</v>
      </c>
      <c r="I2339" s="113">
        <v>1</v>
      </c>
      <c r="J2339" s="115">
        <v>1</v>
      </c>
      <c r="K2339" s="116" t="s">
        <v>174</v>
      </c>
      <c r="L2339" s="115">
        <v>0</v>
      </c>
      <c r="M2339" s="115">
        <v>0</v>
      </c>
      <c r="N2339" s="115">
        <v>0</v>
      </c>
      <c r="O2339" s="115">
        <v>0</v>
      </c>
      <c r="P2339" s="115" t="s">
        <v>400</v>
      </c>
      <c r="Q2339" s="115" t="s">
        <v>400</v>
      </c>
      <c r="R2339" s="115">
        <v>0</v>
      </c>
      <c r="S2339" s="115">
        <v>0</v>
      </c>
      <c r="T2339" s="115">
        <v>0</v>
      </c>
      <c r="U2339" s="119"/>
      <c r="V2339" s="119"/>
      <c r="W2339" s="119"/>
      <c r="X2339" s="119"/>
      <c r="Y2339" s="119"/>
      <c r="Z2339" s="119"/>
      <c r="AA2339" s="119"/>
      <c r="AB2339" s="119"/>
      <c r="AC2339" s="119"/>
      <c r="AD2339" s="119"/>
      <c r="AE2339" s="119"/>
      <c r="AF2339" s="119"/>
      <c r="AG2339" s="119"/>
      <c r="AH2339" s="119"/>
      <c r="AI2339" s="119"/>
      <c r="AJ2339" s="119"/>
      <c r="AK2339" s="119"/>
      <c r="AL2339" s="119"/>
      <c r="AM2339" s="119"/>
      <c r="AN2339" s="119"/>
      <c r="AO2339" s="119"/>
      <c r="AP2339" s="119"/>
      <c r="AQ2339" s="119"/>
      <c r="AR2339" s="119"/>
      <c r="AS2339" s="119"/>
      <c r="AT2339" s="119"/>
      <c r="AU2339" s="119"/>
      <c r="AV2339" s="119"/>
      <c r="AW2339" s="119"/>
      <c r="AX2339" s="119"/>
      <c r="AY2339" s="119"/>
      <c r="AZ2339" s="119"/>
      <c r="BA2339" s="119"/>
      <c r="BB2339" s="107">
        <v>45884</v>
      </c>
    </row>
    <row r="2340" spans="1:54" s="207" customFormat="1" ht="13.95" customHeight="1" x14ac:dyDescent="0.25">
      <c r="A2340" s="208" t="s">
        <v>5597</v>
      </c>
      <c r="B2340" s="209" t="s">
        <v>20420</v>
      </c>
      <c r="C2340" s="113" t="s">
        <v>5598</v>
      </c>
      <c r="D2340" s="113" t="s">
        <v>5599</v>
      </c>
      <c r="E2340" s="210">
        <v>1982</v>
      </c>
      <c r="F2340" s="210">
        <v>7490</v>
      </c>
      <c r="G2340" s="113" t="s">
        <v>1</v>
      </c>
      <c r="H2340" s="113">
        <v>0</v>
      </c>
      <c r="I2340" s="113">
        <v>0</v>
      </c>
      <c r="J2340" s="115">
        <v>1</v>
      </c>
      <c r="K2340" s="211">
        <v>1</v>
      </c>
      <c r="L2340" s="115">
        <v>1</v>
      </c>
      <c r="M2340" s="115">
        <v>0</v>
      </c>
      <c r="N2340" s="115">
        <v>1</v>
      </c>
      <c r="O2340" s="115">
        <v>1</v>
      </c>
      <c r="P2340" s="115">
        <v>1</v>
      </c>
      <c r="Q2340" s="115" t="s">
        <v>400</v>
      </c>
      <c r="R2340" s="115">
        <v>1</v>
      </c>
      <c r="S2340" s="115">
        <v>0</v>
      </c>
      <c r="T2340" s="115">
        <v>0</v>
      </c>
      <c r="U2340" s="119"/>
      <c r="V2340" s="119"/>
      <c r="W2340" s="119"/>
      <c r="X2340" s="119"/>
      <c r="Y2340" s="119"/>
      <c r="Z2340" s="119"/>
      <c r="AA2340" s="119"/>
      <c r="AB2340" s="119"/>
      <c r="AC2340" s="119"/>
      <c r="AD2340" s="119"/>
      <c r="AE2340" s="119"/>
      <c r="AF2340" s="119"/>
      <c r="AG2340" s="119"/>
      <c r="AH2340" s="119"/>
      <c r="AI2340" s="119"/>
      <c r="AJ2340" s="119"/>
      <c r="AK2340" s="119"/>
      <c r="AL2340" s="119"/>
      <c r="AM2340" s="119"/>
      <c r="AN2340" s="119"/>
      <c r="AO2340" s="119"/>
      <c r="AP2340" s="119"/>
      <c r="AQ2340" s="119"/>
      <c r="AR2340" s="119"/>
      <c r="AS2340" s="119"/>
      <c r="AT2340" s="119"/>
      <c r="AU2340" s="119"/>
      <c r="AV2340" s="119"/>
      <c r="AW2340" s="119"/>
      <c r="AX2340" s="119"/>
      <c r="AY2340" s="119"/>
      <c r="AZ2340" s="119"/>
      <c r="BA2340" s="119"/>
      <c r="BB2340" s="107">
        <v>45884</v>
      </c>
    </row>
    <row r="2341" spans="1:54" s="207" customFormat="1" ht="13.95" customHeight="1" x14ac:dyDescent="0.25">
      <c r="A2341" s="208" t="s">
        <v>5600</v>
      </c>
      <c r="B2341" s="209" t="s">
        <v>20420</v>
      </c>
      <c r="C2341" s="113" t="s">
        <v>5601</v>
      </c>
      <c r="D2341" s="113" t="s">
        <v>23848</v>
      </c>
      <c r="E2341" s="210">
        <v>2009</v>
      </c>
      <c r="F2341" s="210">
        <v>7514</v>
      </c>
      <c r="G2341" s="113" t="s">
        <v>1</v>
      </c>
      <c r="H2341" s="113">
        <v>1</v>
      </c>
      <c r="I2341" s="113">
        <v>1</v>
      </c>
      <c r="J2341" s="115">
        <v>1</v>
      </c>
      <c r="K2341" s="116" t="s">
        <v>174</v>
      </c>
      <c r="L2341" s="115">
        <v>0</v>
      </c>
      <c r="M2341" s="115">
        <v>0</v>
      </c>
      <c r="N2341" s="115">
        <v>0</v>
      </c>
      <c r="O2341" s="115">
        <v>0</v>
      </c>
      <c r="P2341" s="115" t="s">
        <v>400</v>
      </c>
      <c r="Q2341" s="115" t="s">
        <v>400</v>
      </c>
      <c r="R2341" s="115">
        <v>0</v>
      </c>
      <c r="S2341" s="115">
        <v>0</v>
      </c>
      <c r="T2341" s="115">
        <v>0</v>
      </c>
      <c r="U2341" s="119"/>
      <c r="V2341" s="119"/>
      <c r="W2341" s="119"/>
      <c r="X2341" s="119"/>
      <c r="Y2341" s="119"/>
      <c r="Z2341" s="119"/>
      <c r="AA2341" s="119"/>
      <c r="AB2341" s="119"/>
      <c r="AC2341" s="119"/>
      <c r="AD2341" s="119"/>
      <c r="AE2341" s="119"/>
      <c r="AF2341" s="119"/>
      <c r="AG2341" s="119"/>
      <c r="AH2341" s="119"/>
      <c r="AI2341" s="119"/>
      <c r="AJ2341" s="119"/>
      <c r="AK2341" s="119"/>
      <c r="AL2341" s="119"/>
      <c r="AM2341" s="119"/>
      <c r="AN2341" s="119"/>
      <c r="AO2341" s="119"/>
      <c r="AP2341" s="119"/>
      <c r="AQ2341" s="119"/>
      <c r="AR2341" s="119"/>
      <c r="AS2341" s="119"/>
      <c r="AT2341" s="119"/>
      <c r="AU2341" s="119"/>
      <c r="AV2341" s="119"/>
      <c r="AW2341" s="119"/>
      <c r="AX2341" s="119"/>
      <c r="AY2341" s="119"/>
      <c r="AZ2341" s="119"/>
      <c r="BA2341" s="119"/>
      <c r="BB2341" s="107">
        <v>45884</v>
      </c>
    </row>
    <row r="2342" spans="1:54" s="207" customFormat="1" ht="13.95" customHeight="1" x14ac:dyDescent="0.25">
      <c r="A2342" s="208" t="s">
        <v>5602</v>
      </c>
      <c r="B2342" s="209" t="s">
        <v>20420</v>
      </c>
      <c r="C2342" s="113" t="s">
        <v>5603</v>
      </c>
      <c r="D2342" s="113" t="s">
        <v>23849</v>
      </c>
      <c r="E2342" s="210">
        <v>1990</v>
      </c>
      <c r="F2342" s="210">
        <v>7519</v>
      </c>
      <c r="G2342" s="113" t="s">
        <v>1</v>
      </c>
      <c r="H2342" s="113">
        <v>0</v>
      </c>
      <c r="I2342" s="113">
        <v>0</v>
      </c>
      <c r="J2342" s="115">
        <v>1</v>
      </c>
      <c r="K2342" s="116" t="s">
        <v>174</v>
      </c>
      <c r="L2342" s="115">
        <v>1</v>
      </c>
      <c r="M2342" s="115">
        <v>1</v>
      </c>
      <c r="N2342" s="115">
        <v>0</v>
      </c>
      <c r="O2342" s="115">
        <v>1</v>
      </c>
      <c r="P2342" s="115">
        <v>1</v>
      </c>
      <c r="Q2342" s="115" t="s">
        <v>400</v>
      </c>
      <c r="R2342" s="115">
        <v>0</v>
      </c>
      <c r="S2342" s="115">
        <v>0</v>
      </c>
      <c r="T2342" s="115">
        <v>0</v>
      </c>
      <c r="U2342" s="119"/>
      <c r="V2342" s="119"/>
      <c r="W2342" s="119"/>
      <c r="X2342" s="119"/>
      <c r="Y2342" s="119"/>
      <c r="Z2342" s="119"/>
      <c r="AA2342" s="119"/>
      <c r="AB2342" s="119"/>
      <c r="AC2342" s="119"/>
      <c r="AD2342" s="119"/>
      <c r="AE2342" s="119"/>
      <c r="AF2342" s="119"/>
      <c r="AG2342" s="119"/>
      <c r="AH2342" s="119"/>
      <c r="AI2342" s="119"/>
      <c r="AJ2342" s="119"/>
      <c r="AK2342" s="119"/>
      <c r="AL2342" s="119"/>
      <c r="AM2342" s="119"/>
      <c r="AN2342" s="119"/>
      <c r="AO2342" s="119"/>
      <c r="AP2342" s="119"/>
      <c r="AQ2342" s="119"/>
      <c r="AR2342" s="119"/>
      <c r="AS2342" s="119"/>
      <c r="AT2342" s="119"/>
      <c r="AU2342" s="119"/>
      <c r="AV2342" s="119"/>
      <c r="AW2342" s="119"/>
      <c r="AX2342" s="119"/>
      <c r="AY2342" s="119"/>
      <c r="AZ2342" s="119"/>
      <c r="BA2342" s="119"/>
      <c r="BB2342" s="107">
        <v>45884</v>
      </c>
    </row>
    <row r="2343" spans="1:54" s="207" customFormat="1" ht="13.95" customHeight="1" x14ac:dyDescent="0.25">
      <c r="A2343" s="208" t="s">
        <v>5604</v>
      </c>
      <c r="B2343" s="209" t="s">
        <v>20420</v>
      </c>
      <c r="C2343" s="113" t="s">
        <v>5605</v>
      </c>
      <c r="D2343" s="113" t="s">
        <v>23850</v>
      </c>
      <c r="E2343" s="210">
        <v>1977</v>
      </c>
      <c r="F2343" s="210">
        <v>7576</v>
      </c>
      <c r="G2343" s="113" t="s">
        <v>1</v>
      </c>
      <c r="H2343" s="113">
        <v>0</v>
      </c>
      <c r="I2343" s="113">
        <v>0</v>
      </c>
      <c r="J2343" s="115">
        <v>1</v>
      </c>
      <c r="K2343" s="116" t="s">
        <v>174</v>
      </c>
      <c r="L2343" s="115">
        <v>1</v>
      </c>
      <c r="M2343" s="115">
        <v>0</v>
      </c>
      <c r="N2343" s="115">
        <v>0</v>
      </c>
      <c r="O2343" s="115">
        <v>1</v>
      </c>
      <c r="P2343" s="115">
        <v>1</v>
      </c>
      <c r="Q2343" s="115" t="s">
        <v>400</v>
      </c>
      <c r="R2343" s="115">
        <v>1</v>
      </c>
      <c r="S2343" s="115">
        <v>0</v>
      </c>
      <c r="T2343" s="115">
        <v>0</v>
      </c>
      <c r="U2343" s="119"/>
      <c r="V2343" s="119"/>
      <c r="W2343" s="119"/>
      <c r="X2343" s="119"/>
      <c r="Y2343" s="119"/>
      <c r="Z2343" s="119"/>
      <c r="AA2343" s="119"/>
      <c r="AB2343" s="119"/>
      <c r="AC2343" s="119"/>
      <c r="AD2343" s="119"/>
      <c r="AE2343" s="119"/>
      <c r="AF2343" s="119"/>
      <c r="AG2343" s="119"/>
      <c r="AH2343" s="119"/>
      <c r="AI2343" s="119"/>
      <c r="AJ2343" s="119"/>
      <c r="AK2343" s="119"/>
      <c r="AL2343" s="119"/>
      <c r="AM2343" s="119"/>
      <c r="AN2343" s="119"/>
      <c r="AO2343" s="119"/>
      <c r="AP2343" s="119"/>
      <c r="AQ2343" s="119"/>
      <c r="AR2343" s="119"/>
      <c r="AS2343" s="119"/>
      <c r="AT2343" s="119"/>
      <c r="AU2343" s="119"/>
      <c r="AV2343" s="119"/>
      <c r="AW2343" s="119"/>
      <c r="AX2343" s="119"/>
      <c r="AY2343" s="119"/>
      <c r="AZ2343" s="119"/>
      <c r="BA2343" s="119"/>
      <c r="BB2343" s="107">
        <v>45884</v>
      </c>
    </row>
    <row r="2344" spans="1:54" s="207" customFormat="1" ht="13.95" customHeight="1" x14ac:dyDescent="0.25">
      <c r="A2344" s="208" t="s">
        <v>5606</v>
      </c>
      <c r="B2344" s="209" t="s">
        <v>20420</v>
      </c>
      <c r="C2344" s="113" t="s">
        <v>5607</v>
      </c>
      <c r="D2344" s="113" t="s">
        <v>23851</v>
      </c>
      <c r="E2344" s="210">
        <v>1979</v>
      </c>
      <c r="F2344" s="210">
        <v>7582</v>
      </c>
      <c r="G2344" s="113" t="s">
        <v>1</v>
      </c>
      <c r="H2344" s="113">
        <v>0</v>
      </c>
      <c r="I2344" s="113">
        <v>0</v>
      </c>
      <c r="J2344" s="115">
        <v>1</v>
      </c>
      <c r="K2344" s="211">
        <v>1</v>
      </c>
      <c r="L2344" s="115">
        <v>1</v>
      </c>
      <c r="M2344" s="115">
        <v>1</v>
      </c>
      <c r="N2344" s="115">
        <v>1</v>
      </c>
      <c r="O2344" s="115">
        <v>1</v>
      </c>
      <c r="P2344" s="115" t="s">
        <v>400</v>
      </c>
      <c r="Q2344" s="115" t="s">
        <v>400</v>
      </c>
      <c r="R2344" s="115">
        <v>1</v>
      </c>
      <c r="S2344" s="115">
        <v>1</v>
      </c>
      <c r="T2344" s="115">
        <v>0</v>
      </c>
      <c r="U2344" s="119"/>
      <c r="V2344" s="119"/>
      <c r="W2344" s="119"/>
      <c r="X2344" s="119"/>
      <c r="Y2344" s="119"/>
      <c r="Z2344" s="119"/>
      <c r="AA2344" s="119"/>
      <c r="AB2344" s="119"/>
      <c r="AC2344" s="119"/>
      <c r="AD2344" s="119"/>
      <c r="AE2344" s="119"/>
      <c r="AF2344" s="119"/>
      <c r="AG2344" s="119"/>
      <c r="AH2344" s="119"/>
      <c r="AI2344" s="119"/>
      <c r="AJ2344" s="119"/>
      <c r="AK2344" s="119"/>
      <c r="AL2344" s="119"/>
      <c r="AM2344" s="119"/>
      <c r="AN2344" s="119"/>
      <c r="AO2344" s="119"/>
      <c r="AP2344" s="119"/>
      <c r="AQ2344" s="119"/>
      <c r="AR2344" s="119"/>
      <c r="AS2344" s="119"/>
      <c r="AT2344" s="119"/>
      <c r="AU2344" s="119"/>
      <c r="AV2344" s="119"/>
      <c r="AW2344" s="119"/>
      <c r="AX2344" s="119"/>
      <c r="AY2344" s="119"/>
      <c r="AZ2344" s="119"/>
      <c r="BA2344" s="119"/>
      <c r="BB2344" s="107">
        <v>45884</v>
      </c>
    </row>
    <row r="2345" spans="1:54" s="207" customFormat="1" ht="13.95" customHeight="1" x14ac:dyDescent="0.25">
      <c r="A2345" s="208" t="s">
        <v>5608</v>
      </c>
      <c r="B2345" s="209" t="s">
        <v>20420</v>
      </c>
      <c r="C2345" s="113" t="s">
        <v>5609</v>
      </c>
      <c r="D2345" s="113" t="s">
        <v>23852</v>
      </c>
      <c r="E2345" s="210">
        <v>1989</v>
      </c>
      <c r="F2345" s="210">
        <v>7700</v>
      </c>
      <c r="G2345" s="113" t="s">
        <v>1</v>
      </c>
      <c r="H2345" s="113">
        <v>0</v>
      </c>
      <c r="I2345" s="113">
        <v>0</v>
      </c>
      <c r="J2345" s="115">
        <v>1</v>
      </c>
      <c r="K2345" s="211">
        <v>1</v>
      </c>
      <c r="L2345" s="115">
        <v>1</v>
      </c>
      <c r="M2345" s="115">
        <v>1</v>
      </c>
      <c r="N2345" s="115">
        <v>0</v>
      </c>
      <c r="O2345" s="115">
        <v>1</v>
      </c>
      <c r="P2345" s="115">
        <v>1</v>
      </c>
      <c r="Q2345" s="115" t="s">
        <v>400</v>
      </c>
      <c r="R2345" s="115">
        <v>0</v>
      </c>
      <c r="S2345" s="115">
        <v>0</v>
      </c>
      <c r="T2345" s="115">
        <v>0</v>
      </c>
      <c r="U2345" s="119"/>
      <c r="V2345" s="119"/>
      <c r="W2345" s="119"/>
      <c r="X2345" s="119"/>
      <c r="Y2345" s="119"/>
      <c r="Z2345" s="119"/>
      <c r="AA2345" s="119"/>
      <c r="AB2345" s="119"/>
      <c r="AC2345" s="119"/>
      <c r="AD2345" s="119"/>
      <c r="AE2345" s="119"/>
      <c r="AF2345" s="119"/>
      <c r="AG2345" s="119"/>
      <c r="AH2345" s="119"/>
      <c r="AI2345" s="119"/>
      <c r="AJ2345" s="119"/>
      <c r="AK2345" s="119"/>
      <c r="AL2345" s="119"/>
      <c r="AM2345" s="119"/>
      <c r="AN2345" s="119"/>
      <c r="AO2345" s="119"/>
      <c r="AP2345" s="119"/>
      <c r="AQ2345" s="119"/>
      <c r="AR2345" s="119"/>
      <c r="AS2345" s="119"/>
      <c r="AT2345" s="119"/>
      <c r="AU2345" s="119"/>
      <c r="AV2345" s="119"/>
      <c r="AW2345" s="119"/>
      <c r="AX2345" s="119"/>
      <c r="AY2345" s="119"/>
      <c r="AZ2345" s="119"/>
      <c r="BA2345" s="119"/>
      <c r="BB2345" s="107">
        <v>45884</v>
      </c>
    </row>
    <row r="2346" spans="1:54" s="207" customFormat="1" ht="13.95" customHeight="1" x14ac:dyDescent="0.25">
      <c r="A2346" s="208" t="s">
        <v>5610</v>
      </c>
      <c r="B2346" s="209" t="s">
        <v>20420</v>
      </c>
      <c r="C2346" s="113" t="s">
        <v>5611</v>
      </c>
      <c r="D2346" s="113" t="s">
        <v>23853</v>
      </c>
      <c r="E2346" s="210">
        <v>1986</v>
      </c>
      <c r="F2346" s="210">
        <v>7765</v>
      </c>
      <c r="G2346" s="113" t="s">
        <v>1</v>
      </c>
      <c r="H2346" s="113">
        <v>1</v>
      </c>
      <c r="I2346" s="113">
        <v>0</v>
      </c>
      <c r="J2346" s="115">
        <v>1</v>
      </c>
      <c r="K2346" s="116" t="s">
        <v>174</v>
      </c>
      <c r="L2346" s="115">
        <v>1</v>
      </c>
      <c r="M2346" s="115">
        <v>1</v>
      </c>
      <c r="N2346" s="115">
        <v>1</v>
      </c>
      <c r="O2346" s="115">
        <v>0</v>
      </c>
      <c r="P2346" s="115" t="s">
        <v>400</v>
      </c>
      <c r="Q2346" s="115" t="s">
        <v>400</v>
      </c>
      <c r="R2346" s="115">
        <v>0</v>
      </c>
      <c r="S2346" s="115">
        <v>0</v>
      </c>
      <c r="T2346" s="115">
        <v>0</v>
      </c>
      <c r="U2346" s="119"/>
      <c r="V2346" s="119"/>
      <c r="W2346" s="119"/>
      <c r="X2346" s="119"/>
      <c r="Y2346" s="119"/>
      <c r="Z2346" s="119"/>
      <c r="AA2346" s="119"/>
      <c r="AB2346" s="119"/>
      <c r="AC2346" s="119"/>
      <c r="AD2346" s="119"/>
      <c r="AE2346" s="119"/>
      <c r="AF2346" s="119"/>
      <c r="AG2346" s="119"/>
      <c r="AH2346" s="119"/>
      <c r="AI2346" s="119"/>
      <c r="AJ2346" s="119"/>
      <c r="AK2346" s="119"/>
      <c r="AL2346" s="119"/>
      <c r="AM2346" s="119"/>
      <c r="AN2346" s="119"/>
      <c r="AO2346" s="119"/>
      <c r="AP2346" s="119"/>
      <c r="AQ2346" s="119"/>
      <c r="AR2346" s="119"/>
      <c r="AS2346" s="119"/>
      <c r="AT2346" s="119"/>
      <c r="AU2346" s="119"/>
      <c r="AV2346" s="119"/>
      <c r="AW2346" s="119"/>
      <c r="AX2346" s="119"/>
      <c r="AY2346" s="119"/>
      <c r="AZ2346" s="119"/>
      <c r="BA2346" s="119"/>
      <c r="BB2346" s="107">
        <v>45884</v>
      </c>
    </row>
    <row r="2347" spans="1:54" s="207" customFormat="1" ht="13.95" customHeight="1" x14ac:dyDescent="0.25">
      <c r="A2347" s="208" t="s">
        <v>5612</v>
      </c>
      <c r="B2347" s="209" t="s">
        <v>20420</v>
      </c>
      <c r="C2347" s="113" t="s">
        <v>5613</v>
      </c>
      <c r="D2347" s="113" t="s">
        <v>5614</v>
      </c>
      <c r="E2347" s="210">
        <v>1997</v>
      </c>
      <c r="F2347" s="210">
        <v>7773</v>
      </c>
      <c r="G2347" s="113" t="s">
        <v>8</v>
      </c>
      <c r="H2347" s="113">
        <v>0</v>
      </c>
      <c r="I2347" s="113">
        <v>0</v>
      </c>
      <c r="J2347" s="115">
        <v>0</v>
      </c>
      <c r="K2347" s="116" t="s">
        <v>174</v>
      </c>
      <c r="L2347" s="115">
        <v>0</v>
      </c>
      <c r="M2347" s="115">
        <v>0</v>
      </c>
      <c r="N2347" s="115">
        <v>0</v>
      </c>
      <c r="O2347" s="115">
        <v>0</v>
      </c>
      <c r="P2347" s="115" t="s">
        <v>400</v>
      </c>
      <c r="Q2347" s="115" t="s">
        <v>400</v>
      </c>
      <c r="R2347" s="115">
        <v>0</v>
      </c>
      <c r="S2347" s="115">
        <v>0</v>
      </c>
      <c r="T2347" s="115">
        <v>0</v>
      </c>
      <c r="U2347" s="113" t="s">
        <v>174</v>
      </c>
      <c r="V2347" s="113" t="s">
        <v>174</v>
      </c>
      <c r="W2347" s="113" t="s">
        <v>174</v>
      </c>
      <c r="X2347" s="113" t="s">
        <v>174</v>
      </c>
      <c r="Y2347" s="113" t="s">
        <v>174</v>
      </c>
      <c r="Z2347" s="113" t="s">
        <v>174</v>
      </c>
      <c r="AA2347" s="113" t="s">
        <v>174</v>
      </c>
      <c r="AB2347" s="113" t="s">
        <v>174</v>
      </c>
      <c r="AC2347" s="113" t="s">
        <v>174</v>
      </c>
      <c r="AD2347" s="113" t="s">
        <v>174</v>
      </c>
      <c r="AE2347" s="113" t="s">
        <v>174</v>
      </c>
      <c r="AF2347" s="113" t="s">
        <v>174</v>
      </c>
      <c r="AG2347" s="113" t="s">
        <v>174</v>
      </c>
      <c r="AH2347" s="113" t="s">
        <v>174</v>
      </c>
      <c r="AI2347" s="113" t="s">
        <v>174</v>
      </c>
      <c r="AJ2347" s="113" t="s">
        <v>174</v>
      </c>
      <c r="AK2347" s="113" t="s">
        <v>174</v>
      </c>
      <c r="AL2347" s="113" t="s">
        <v>174</v>
      </c>
      <c r="AM2347" s="113" t="s">
        <v>174</v>
      </c>
      <c r="AN2347" s="113" t="s">
        <v>174</v>
      </c>
      <c r="AO2347" s="113" t="s">
        <v>174</v>
      </c>
      <c r="AP2347" s="113" t="s">
        <v>174</v>
      </c>
      <c r="AQ2347" s="113" t="s">
        <v>174</v>
      </c>
      <c r="AR2347" s="113" t="s">
        <v>174</v>
      </c>
      <c r="AS2347" s="113" t="s">
        <v>174</v>
      </c>
      <c r="AT2347" s="121" t="s">
        <v>174</v>
      </c>
      <c r="AU2347" s="113" t="s">
        <v>174</v>
      </c>
      <c r="AV2347" s="113" t="s">
        <v>174</v>
      </c>
      <c r="AW2347" s="113" t="s">
        <v>174</v>
      </c>
      <c r="AX2347" s="113"/>
      <c r="AY2347" s="113"/>
      <c r="AZ2347" s="113"/>
      <c r="BA2347" s="113"/>
      <c r="BB2347" s="107">
        <v>45884</v>
      </c>
    </row>
    <row r="2348" spans="1:54" s="207" customFormat="1" ht="13.95" customHeight="1" x14ac:dyDescent="0.25">
      <c r="A2348" s="208" t="s">
        <v>23854</v>
      </c>
      <c r="B2348" s="209" t="s">
        <v>20420</v>
      </c>
      <c r="C2348" s="113" t="s">
        <v>5615</v>
      </c>
      <c r="D2348" s="113" t="s">
        <v>23855</v>
      </c>
      <c r="E2348" s="210">
        <v>1969</v>
      </c>
      <c r="F2348" s="210">
        <v>7776</v>
      </c>
      <c r="G2348" s="113" t="s">
        <v>1</v>
      </c>
      <c r="H2348" s="113">
        <v>1</v>
      </c>
      <c r="I2348" s="113">
        <v>1</v>
      </c>
      <c r="J2348" s="115">
        <v>1</v>
      </c>
      <c r="K2348" s="116" t="s">
        <v>174</v>
      </c>
      <c r="L2348" s="115">
        <v>0</v>
      </c>
      <c r="M2348" s="115">
        <v>1</v>
      </c>
      <c r="N2348" s="115">
        <v>0</v>
      </c>
      <c r="O2348" s="115">
        <v>0</v>
      </c>
      <c r="P2348" s="115" t="s">
        <v>400</v>
      </c>
      <c r="Q2348" s="115" t="s">
        <v>400</v>
      </c>
      <c r="R2348" s="115">
        <v>0</v>
      </c>
      <c r="S2348" s="115">
        <v>0</v>
      </c>
      <c r="T2348" s="115">
        <v>0</v>
      </c>
      <c r="U2348" s="119"/>
      <c r="V2348" s="119"/>
      <c r="W2348" s="119"/>
      <c r="X2348" s="119"/>
      <c r="Y2348" s="119"/>
      <c r="Z2348" s="119"/>
      <c r="AA2348" s="119"/>
      <c r="AB2348" s="119"/>
      <c r="AC2348" s="119"/>
      <c r="AD2348" s="119"/>
      <c r="AE2348" s="119"/>
      <c r="AF2348" s="119"/>
      <c r="AG2348" s="119"/>
      <c r="AH2348" s="119"/>
      <c r="AI2348" s="119"/>
      <c r="AJ2348" s="119"/>
      <c r="AK2348" s="119"/>
      <c r="AL2348" s="119"/>
      <c r="AM2348" s="119"/>
      <c r="AN2348" s="119"/>
      <c r="AO2348" s="119"/>
      <c r="AP2348" s="119"/>
      <c r="AQ2348" s="119"/>
      <c r="AR2348" s="119"/>
      <c r="AS2348" s="119"/>
      <c r="AT2348" s="119"/>
      <c r="AU2348" s="119"/>
      <c r="AV2348" s="119"/>
      <c r="AW2348" s="119"/>
      <c r="AX2348" s="119"/>
      <c r="AY2348" s="119"/>
      <c r="AZ2348" s="119"/>
      <c r="BA2348" s="119"/>
      <c r="BB2348" s="107">
        <v>45884</v>
      </c>
    </row>
    <row r="2349" spans="1:54" s="207" customFormat="1" ht="13.95" customHeight="1" x14ac:dyDescent="0.25">
      <c r="A2349" s="208" t="s">
        <v>5616</v>
      </c>
      <c r="B2349" s="209" t="s">
        <v>20420</v>
      </c>
      <c r="C2349" s="113" t="s">
        <v>5617</v>
      </c>
      <c r="D2349" s="113" t="s">
        <v>5618</v>
      </c>
      <c r="E2349" s="210">
        <v>1966</v>
      </c>
      <c r="F2349" s="210">
        <v>7787</v>
      </c>
      <c r="G2349" s="113" t="s">
        <v>1</v>
      </c>
      <c r="H2349" s="113">
        <v>1</v>
      </c>
      <c r="I2349" s="113">
        <v>0</v>
      </c>
      <c r="J2349" s="115">
        <v>1</v>
      </c>
      <c r="K2349" s="211">
        <v>1</v>
      </c>
      <c r="L2349" s="115">
        <v>1</v>
      </c>
      <c r="M2349" s="115">
        <v>0</v>
      </c>
      <c r="N2349" s="115">
        <v>0</v>
      </c>
      <c r="O2349" s="115">
        <v>1</v>
      </c>
      <c r="P2349" s="115">
        <v>1</v>
      </c>
      <c r="Q2349" s="115" t="s">
        <v>400</v>
      </c>
      <c r="R2349" s="115">
        <v>1</v>
      </c>
      <c r="S2349" s="115">
        <v>0</v>
      </c>
      <c r="T2349" s="115">
        <v>0</v>
      </c>
      <c r="U2349" s="119"/>
      <c r="V2349" s="119"/>
      <c r="W2349" s="119"/>
      <c r="X2349" s="119"/>
      <c r="Y2349" s="119"/>
      <c r="Z2349" s="119"/>
      <c r="AA2349" s="119"/>
      <c r="AB2349" s="119"/>
      <c r="AC2349" s="119"/>
      <c r="AD2349" s="119"/>
      <c r="AE2349" s="119"/>
      <c r="AF2349" s="119"/>
      <c r="AG2349" s="119"/>
      <c r="AH2349" s="119"/>
      <c r="AI2349" s="119"/>
      <c r="AJ2349" s="119"/>
      <c r="AK2349" s="119"/>
      <c r="AL2349" s="119"/>
      <c r="AM2349" s="119"/>
      <c r="AN2349" s="119"/>
      <c r="AO2349" s="119"/>
      <c r="AP2349" s="119"/>
      <c r="AQ2349" s="119"/>
      <c r="AR2349" s="119"/>
      <c r="AS2349" s="119"/>
      <c r="AT2349" s="119"/>
      <c r="AU2349" s="119"/>
      <c r="AV2349" s="119"/>
      <c r="AW2349" s="119"/>
      <c r="AX2349" s="119"/>
      <c r="AY2349" s="119"/>
      <c r="AZ2349" s="119"/>
      <c r="BA2349" s="119"/>
      <c r="BB2349" s="107">
        <v>45884</v>
      </c>
    </row>
    <row r="2350" spans="1:54" s="207" customFormat="1" ht="13.95" customHeight="1" x14ac:dyDescent="0.25">
      <c r="A2350" s="208" t="s">
        <v>5619</v>
      </c>
      <c r="B2350" s="209" t="s">
        <v>20420</v>
      </c>
      <c r="C2350" s="113" t="s">
        <v>5620</v>
      </c>
      <c r="D2350" s="113" t="s">
        <v>23856</v>
      </c>
      <c r="E2350" s="210">
        <v>1978</v>
      </c>
      <c r="F2350" s="210">
        <v>7818</v>
      </c>
      <c r="G2350" s="113" t="s">
        <v>1</v>
      </c>
      <c r="H2350" s="113">
        <v>1</v>
      </c>
      <c r="I2350" s="113">
        <v>1</v>
      </c>
      <c r="J2350" s="115">
        <v>1</v>
      </c>
      <c r="K2350" s="116" t="s">
        <v>174</v>
      </c>
      <c r="L2350" s="115">
        <v>1</v>
      </c>
      <c r="M2350" s="115">
        <v>0</v>
      </c>
      <c r="N2350" s="115">
        <v>0</v>
      </c>
      <c r="O2350" s="115">
        <v>1</v>
      </c>
      <c r="P2350" s="115">
        <v>1</v>
      </c>
      <c r="Q2350" s="115" t="s">
        <v>400</v>
      </c>
      <c r="R2350" s="115">
        <v>0</v>
      </c>
      <c r="S2350" s="115">
        <v>0</v>
      </c>
      <c r="T2350" s="115">
        <v>0</v>
      </c>
      <c r="U2350" s="119"/>
      <c r="V2350" s="119"/>
      <c r="W2350" s="119"/>
      <c r="X2350" s="119"/>
      <c r="Y2350" s="119"/>
      <c r="Z2350" s="119"/>
      <c r="AA2350" s="119"/>
      <c r="AB2350" s="119"/>
      <c r="AC2350" s="119"/>
      <c r="AD2350" s="119"/>
      <c r="AE2350" s="119"/>
      <c r="AF2350" s="119"/>
      <c r="AG2350" s="119"/>
      <c r="AH2350" s="119"/>
      <c r="AI2350" s="119"/>
      <c r="AJ2350" s="119"/>
      <c r="AK2350" s="119"/>
      <c r="AL2350" s="119"/>
      <c r="AM2350" s="119"/>
      <c r="AN2350" s="119"/>
      <c r="AO2350" s="119"/>
      <c r="AP2350" s="119"/>
      <c r="AQ2350" s="119"/>
      <c r="AR2350" s="119"/>
      <c r="AS2350" s="119"/>
      <c r="AT2350" s="119"/>
      <c r="AU2350" s="119"/>
      <c r="AV2350" s="119"/>
      <c r="AW2350" s="119"/>
      <c r="AX2350" s="119"/>
      <c r="AY2350" s="119"/>
      <c r="AZ2350" s="119"/>
      <c r="BA2350" s="119"/>
      <c r="BB2350" s="107">
        <v>45884</v>
      </c>
    </row>
    <row r="2351" spans="1:54" s="207" customFormat="1" ht="13.95" customHeight="1" x14ac:dyDescent="0.25">
      <c r="A2351" s="208" t="s">
        <v>5621</v>
      </c>
      <c r="B2351" s="209" t="s">
        <v>20420</v>
      </c>
      <c r="C2351" s="113" t="s">
        <v>5622</v>
      </c>
      <c r="D2351" s="113" t="s">
        <v>23857</v>
      </c>
      <c r="E2351" s="210">
        <v>1995</v>
      </c>
      <c r="F2351" s="210">
        <v>7844</v>
      </c>
      <c r="G2351" s="113" t="s">
        <v>1</v>
      </c>
      <c r="H2351" s="113">
        <v>1</v>
      </c>
      <c r="I2351" s="113">
        <v>1</v>
      </c>
      <c r="J2351" s="115">
        <v>1</v>
      </c>
      <c r="K2351" s="116" t="s">
        <v>174</v>
      </c>
      <c r="L2351" s="115">
        <v>1</v>
      </c>
      <c r="M2351" s="115">
        <v>1</v>
      </c>
      <c r="N2351" s="115">
        <v>0</v>
      </c>
      <c r="O2351" s="115">
        <v>1</v>
      </c>
      <c r="P2351" s="115">
        <v>1</v>
      </c>
      <c r="Q2351" s="115" t="s">
        <v>400</v>
      </c>
      <c r="R2351" s="115">
        <v>1</v>
      </c>
      <c r="S2351" s="115">
        <v>0</v>
      </c>
      <c r="T2351" s="115">
        <v>0</v>
      </c>
      <c r="U2351" s="119"/>
      <c r="V2351" s="119"/>
      <c r="W2351" s="119"/>
      <c r="X2351" s="119"/>
      <c r="Y2351" s="119"/>
      <c r="Z2351" s="119"/>
      <c r="AA2351" s="119"/>
      <c r="AB2351" s="119"/>
      <c r="AC2351" s="119"/>
      <c r="AD2351" s="119"/>
      <c r="AE2351" s="119"/>
      <c r="AF2351" s="119"/>
      <c r="AG2351" s="119"/>
      <c r="AH2351" s="119"/>
      <c r="AI2351" s="119"/>
      <c r="AJ2351" s="119"/>
      <c r="AK2351" s="119"/>
      <c r="AL2351" s="119"/>
      <c r="AM2351" s="119"/>
      <c r="AN2351" s="119"/>
      <c r="AO2351" s="119"/>
      <c r="AP2351" s="119"/>
      <c r="AQ2351" s="119"/>
      <c r="AR2351" s="119"/>
      <c r="AS2351" s="119"/>
      <c r="AT2351" s="119"/>
      <c r="AU2351" s="119"/>
      <c r="AV2351" s="119"/>
      <c r="AW2351" s="119"/>
      <c r="AX2351" s="119"/>
      <c r="AY2351" s="119"/>
      <c r="AZ2351" s="119"/>
      <c r="BA2351" s="119"/>
      <c r="BB2351" s="107">
        <v>45884</v>
      </c>
    </row>
    <row r="2352" spans="1:54" s="207" customFormat="1" ht="13.95" customHeight="1" x14ac:dyDescent="0.25">
      <c r="A2352" s="208" t="s">
        <v>5623</v>
      </c>
      <c r="B2352" s="209" t="s">
        <v>20420</v>
      </c>
      <c r="C2352" s="113" t="s">
        <v>5624</v>
      </c>
      <c r="D2352" s="113" t="s">
        <v>23858</v>
      </c>
      <c r="E2352" s="210">
        <v>1973</v>
      </c>
      <c r="F2352" s="210">
        <v>7942</v>
      </c>
      <c r="G2352" s="113" t="s">
        <v>1</v>
      </c>
      <c r="H2352" s="113">
        <v>1</v>
      </c>
      <c r="I2352" s="113">
        <v>1</v>
      </c>
      <c r="J2352" s="115">
        <v>1</v>
      </c>
      <c r="K2352" s="116" t="s">
        <v>174</v>
      </c>
      <c r="L2352" s="115">
        <v>0</v>
      </c>
      <c r="M2352" s="115">
        <v>0</v>
      </c>
      <c r="N2352" s="115">
        <v>0</v>
      </c>
      <c r="O2352" s="115">
        <v>1</v>
      </c>
      <c r="P2352" s="115">
        <v>1</v>
      </c>
      <c r="Q2352" s="115" t="s">
        <v>400</v>
      </c>
      <c r="R2352" s="115">
        <v>1</v>
      </c>
      <c r="S2352" s="115">
        <v>0</v>
      </c>
      <c r="T2352" s="115">
        <v>0</v>
      </c>
      <c r="U2352" s="119"/>
      <c r="V2352" s="119"/>
      <c r="W2352" s="119"/>
      <c r="X2352" s="119"/>
      <c r="Y2352" s="119"/>
      <c r="Z2352" s="119"/>
      <c r="AA2352" s="119"/>
      <c r="AB2352" s="119"/>
      <c r="AC2352" s="119"/>
      <c r="AD2352" s="119"/>
      <c r="AE2352" s="119"/>
      <c r="AF2352" s="119"/>
      <c r="AG2352" s="119"/>
      <c r="AH2352" s="119"/>
      <c r="AI2352" s="119"/>
      <c r="AJ2352" s="119"/>
      <c r="AK2352" s="119"/>
      <c r="AL2352" s="119"/>
      <c r="AM2352" s="119"/>
      <c r="AN2352" s="119"/>
      <c r="AO2352" s="119"/>
      <c r="AP2352" s="119"/>
      <c r="AQ2352" s="119"/>
      <c r="AR2352" s="119"/>
      <c r="AS2352" s="119"/>
      <c r="AT2352" s="119"/>
      <c r="AU2352" s="119"/>
      <c r="AV2352" s="119"/>
      <c r="AW2352" s="119"/>
      <c r="AX2352" s="119"/>
      <c r="AY2352" s="119"/>
      <c r="AZ2352" s="119"/>
      <c r="BA2352" s="119"/>
      <c r="BB2352" s="107">
        <v>45884</v>
      </c>
    </row>
    <row r="2353" spans="1:54" s="207" customFormat="1" ht="13.95" customHeight="1" x14ac:dyDescent="0.25">
      <c r="A2353" s="208" t="s">
        <v>5625</v>
      </c>
      <c r="B2353" s="209" t="s">
        <v>20420</v>
      </c>
      <c r="C2353" s="113" t="s">
        <v>5626</v>
      </c>
      <c r="D2353" s="113" t="s">
        <v>23859</v>
      </c>
      <c r="E2353" s="210">
        <v>1993</v>
      </c>
      <c r="F2353" s="210">
        <v>7953</v>
      </c>
      <c r="G2353" s="113" t="s">
        <v>3</v>
      </c>
      <c r="H2353" s="113">
        <v>1</v>
      </c>
      <c r="I2353" s="113">
        <v>1</v>
      </c>
      <c r="J2353" s="115">
        <v>1</v>
      </c>
      <c r="K2353" s="116" t="s">
        <v>174</v>
      </c>
      <c r="L2353" s="115">
        <v>1</v>
      </c>
      <c r="M2353" s="115">
        <v>1</v>
      </c>
      <c r="N2353" s="115">
        <v>0</v>
      </c>
      <c r="O2353" s="115">
        <v>1</v>
      </c>
      <c r="P2353" s="115">
        <v>1</v>
      </c>
      <c r="Q2353" s="115" t="s">
        <v>400</v>
      </c>
      <c r="R2353" s="115">
        <v>1</v>
      </c>
      <c r="S2353" s="115">
        <v>0</v>
      </c>
      <c r="T2353" s="115">
        <v>0</v>
      </c>
      <c r="U2353" s="113" t="s">
        <v>174</v>
      </c>
      <c r="V2353" s="113" t="s">
        <v>174</v>
      </c>
      <c r="W2353" s="113" t="s">
        <v>174</v>
      </c>
      <c r="X2353" s="113" t="s">
        <v>174</v>
      </c>
      <c r="Y2353" s="113" t="s">
        <v>174</v>
      </c>
      <c r="Z2353" s="113" t="s">
        <v>174</v>
      </c>
      <c r="AA2353" s="113" t="s">
        <v>174</v>
      </c>
      <c r="AB2353" s="113" t="s">
        <v>174</v>
      </c>
      <c r="AC2353" s="113" t="s">
        <v>174</v>
      </c>
      <c r="AD2353" s="113" t="s">
        <v>174</v>
      </c>
      <c r="AE2353" s="113" t="s">
        <v>174</v>
      </c>
      <c r="AF2353" s="113" t="s">
        <v>174</v>
      </c>
      <c r="AG2353" s="113" t="s">
        <v>174</v>
      </c>
      <c r="AH2353" s="113" t="s">
        <v>174</v>
      </c>
      <c r="AI2353" s="113" t="s">
        <v>174</v>
      </c>
      <c r="AJ2353" s="113" t="s">
        <v>174</v>
      </c>
      <c r="AK2353" s="113" t="s">
        <v>174</v>
      </c>
      <c r="AL2353" s="113" t="s">
        <v>174</v>
      </c>
      <c r="AM2353" s="113" t="s">
        <v>174</v>
      </c>
      <c r="AN2353" s="113" t="s">
        <v>174</v>
      </c>
      <c r="AO2353" s="113" t="s">
        <v>174</v>
      </c>
      <c r="AP2353" s="113" t="s">
        <v>174</v>
      </c>
      <c r="AQ2353" s="113" t="s">
        <v>174</v>
      </c>
      <c r="AR2353" s="113" t="s">
        <v>174</v>
      </c>
      <c r="AS2353" s="113" t="s">
        <v>174</v>
      </c>
      <c r="AT2353" s="121" t="s">
        <v>174</v>
      </c>
      <c r="AU2353" s="113" t="s">
        <v>174</v>
      </c>
      <c r="AV2353" s="113" t="s">
        <v>174</v>
      </c>
      <c r="AW2353" s="113" t="s">
        <v>174</v>
      </c>
      <c r="AX2353" s="113"/>
      <c r="AY2353" s="113"/>
      <c r="AZ2353" s="113"/>
      <c r="BA2353" s="113"/>
      <c r="BB2353" s="107">
        <v>45884</v>
      </c>
    </row>
    <row r="2354" spans="1:54" s="207" customFormat="1" ht="13.95" customHeight="1" x14ac:dyDescent="0.25">
      <c r="A2354" s="208" t="s">
        <v>5627</v>
      </c>
      <c r="B2354" s="209" t="s">
        <v>20420</v>
      </c>
      <c r="C2354" s="113" t="s">
        <v>5628</v>
      </c>
      <c r="D2354" s="113" t="s">
        <v>23860</v>
      </c>
      <c r="E2354" s="210">
        <v>1989</v>
      </c>
      <c r="F2354" s="210">
        <v>8020</v>
      </c>
      <c r="G2354" s="113" t="s">
        <v>1</v>
      </c>
      <c r="H2354" s="113">
        <v>0</v>
      </c>
      <c r="I2354" s="113">
        <v>0</v>
      </c>
      <c r="J2354" s="115">
        <v>1</v>
      </c>
      <c r="K2354" s="116" t="s">
        <v>174</v>
      </c>
      <c r="L2354" s="115">
        <v>1</v>
      </c>
      <c r="M2354" s="115">
        <v>1</v>
      </c>
      <c r="N2354" s="115">
        <v>0</v>
      </c>
      <c r="O2354" s="115">
        <v>1</v>
      </c>
      <c r="P2354" s="115">
        <v>1</v>
      </c>
      <c r="Q2354" s="115" t="s">
        <v>400</v>
      </c>
      <c r="R2354" s="115">
        <v>1</v>
      </c>
      <c r="S2354" s="115">
        <v>0</v>
      </c>
      <c r="T2354" s="115">
        <v>0</v>
      </c>
      <c r="U2354" s="119"/>
      <c r="V2354" s="119"/>
      <c r="W2354" s="119"/>
      <c r="X2354" s="119"/>
      <c r="Y2354" s="119"/>
      <c r="Z2354" s="119"/>
      <c r="AA2354" s="119"/>
      <c r="AB2354" s="119"/>
      <c r="AC2354" s="119"/>
      <c r="AD2354" s="119"/>
      <c r="AE2354" s="119"/>
      <c r="AF2354" s="119"/>
      <c r="AG2354" s="119"/>
      <c r="AH2354" s="119"/>
      <c r="AI2354" s="119"/>
      <c r="AJ2354" s="119"/>
      <c r="AK2354" s="119"/>
      <c r="AL2354" s="119"/>
      <c r="AM2354" s="119"/>
      <c r="AN2354" s="119"/>
      <c r="AO2354" s="119"/>
      <c r="AP2354" s="119"/>
      <c r="AQ2354" s="119"/>
      <c r="AR2354" s="119"/>
      <c r="AS2354" s="119"/>
      <c r="AT2354" s="119"/>
      <c r="AU2354" s="119"/>
      <c r="AV2354" s="119"/>
      <c r="AW2354" s="119"/>
      <c r="AX2354" s="119"/>
      <c r="AY2354" s="119"/>
      <c r="AZ2354" s="119"/>
      <c r="BA2354" s="119"/>
      <c r="BB2354" s="107">
        <v>45884</v>
      </c>
    </row>
    <row r="2355" spans="1:54" s="207" customFormat="1" ht="13.95" customHeight="1" x14ac:dyDescent="0.25">
      <c r="A2355" s="208" t="s">
        <v>5629</v>
      </c>
      <c r="B2355" s="209" t="s">
        <v>20420</v>
      </c>
      <c r="C2355" s="113" t="s">
        <v>19481</v>
      </c>
      <c r="D2355" s="113" t="s">
        <v>5630</v>
      </c>
      <c r="E2355" s="210">
        <v>2009</v>
      </c>
      <c r="F2355" s="210">
        <v>15497</v>
      </c>
      <c r="G2355" s="113" t="s">
        <v>6</v>
      </c>
      <c r="H2355" s="113">
        <v>1</v>
      </c>
      <c r="I2355" s="113">
        <v>1</v>
      </c>
      <c r="J2355" s="115">
        <v>1</v>
      </c>
      <c r="K2355" s="116">
        <v>0</v>
      </c>
      <c r="L2355" s="115">
        <v>0</v>
      </c>
      <c r="M2355" s="115">
        <v>0</v>
      </c>
      <c r="N2355" s="115">
        <v>0</v>
      </c>
      <c r="O2355" s="115">
        <v>0</v>
      </c>
      <c r="P2355" s="115">
        <v>0</v>
      </c>
      <c r="Q2355" s="115">
        <v>0</v>
      </c>
      <c r="R2355" s="115">
        <v>0</v>
      </c>
      <c r="S2355" s="115">
        <v>0</v>
      </c>
      <c r="T2355" s="115">
        <v>0</v>
      </c>
      <c r="U2355" s="116">
        <v>0</v>
      </c>
      <c r="V2355" s="116">
        <v>0</v>
      </c>
      <c r="W2355" s="116">
        <v>1</v>
      </c>
      <c r="X2355" s="116">
        <v>0</v>
      </c>
      <c r="Y2355" s="116">
        <v>0</v>
      </c>
      <c r="Z2355" s="116">
        <v>0</v>
      </c>
      <c r="AA2355" s="116">
        <v>0</v>
      </c>
      <c r="AB2355" s="116">
        <v>0</v>
      </c>
      <c r="AC2355" s="116">
        <v>0</v>
      </c>
      <c r="AD2355" s="116">
        <v>0</v>
      </c>
      <c r="AE2355" s="116">
        <v>0</v>
      </c>
      <c r="AF2355" s="116">
        <v>0</v>
      </c>
      <c r="AG2355" s="116">
        <v>0</v>
      </c>
      <c r="AH2355" s="116">
        <v>0</v>
      </c>
      <c r="AI2355" s="116">
        <v>0</v>
      </c>
      <c r="AJ2355" s="116">
        <v>0</v>
      </c>
      <c r="AK2355" s="116">
        <v>0</v>
      </c>
      <c r="AL2355" s="116">
        <v>0</v>
      </c>
      <c r="AM2355" s="116">
        <v>0</v>
      </c>
      <c r="AN2355" s="116">
        <v>0</v>
      </c>
      <c r="AO2355" s="116">
        <v>0</v>
      </c>
      <c r="AP2355" s="116">
        <v>0</v>
      </c>
      <c r="AQ2355" s="116">
        <v>0</v>
      </c>
      <c r="AR2355" s="116">
        <v>0</v>
      </c>
      <c r="AS2355" s="116">
        <v>0</v>
      </c>
      <c r="AT2355" s="121" t="s">
        <v>174</v>
      </c>
      <c r="AU2355" s="116">
        <v>0</v>
      </c>
      <c r="AV2355" s="116">
        <v>0</v>
      </c>
      <c r="AW2355" s="116">
        <v>0</v>
      </c>
      <c r="AX2355" s="116" t="s">
        <v>22141</v>
      </c>
      <c r="AY2355" s="116" t="s">
        <v>21934</v>
      </c>
      <c r="AZ2355" s="124" t="s">
        <v>21935</v>
      </c>
      <c r="BA2355" s="113" t="s">
        <v>19482</v>
      </c>
      <c r="BB2355" s="107">
        <v>45884</v>
      </c>
    </row>
    <row r="2356" spans="1:54" s="207" customFormat="1" ht="13.95" customHeight="1" x14ac:dyDescent="0.25">
      <c r="A2356" s="208" t="s">
        <v>5631</v>
      </c>
      <c r="B2356" s="209" t="s">
        <v>20420</v>
      </c>
      <c r="C2356" s="113" t="s">
        <v>5632</v>
      </c>
      <c r="D2356" s="113" t="s">
        <v>5633</v>
      </c>
      <c r="E2356" s="210">
        <v>1989</v>
      </c>
      <c r="F2356" s="210">
        <v>8171</v>
      </c>
      <c r="G2356" s="113" t="s">
        <v>1</v>
      </c>
      <c r="H2356" s="113">
        <v>0</v>
      </c>
      <c r="I2356" s="113">
        <v>0</v>
      </c>
      <c r="J2356" s="115">
        <v>1</v>
      </c>
      <c r="K2356" s="116" t="s">
        <v>174</v>
      </c>
      <c r="L2356" s="115">
        <v>0</v>
      </c>
      <c r="M2356" s="115">
        <v>1</v>
      </c>
      <c r="N2356" s="115">
        <v>0</v>
      </c>
      <c r="O2356" s="115">
        <v>0</v>
      </c>
      <c r="P2356" s="115" t="s">
        <v>400</v>
      </c>
      <c r="Q2356" s="115" t="s">
        <v>400</v>
      </c>
      <c r="R2356" s="115">
        <v>0</v>
      </c>
      <c r="S2356" s="115">
        <v>0</v>
      </c>
      <c r="T2356" s="115">
        <v>0</v>
      </c>
      <c r="U2356" s="119"/>
      <c r="V2356" s="119"/>
      <c r="W2356" s="119"/>
      <c r="X2356" s="119"/>
      <c r="Y2356" s="119"/>
      <c r="Z2356" s="119"/>
      <c r="AA2356" s="119"/>
      <c r="AB2356" s="119"/>
      <c r="AC2356" s="119"/>
      <c r="AD2356" s="119"/>
      <c r="AE2356" s="119"/>
      <c r="AF2356" s="119"/>
      <c r="AG2356" s="119"/>
      <c r="AH2356" s="119"/>
      <c r="AI2356" s="119"/>
      <c r="AJ2356" s="119"/>
      <c r="AK2356" s="119"/>
      <c r="AL2356" s="119"/>
      <c r="AM2356" s="119"/>
      <c r="AN2356" s="119"/>
      <c r="AO2356" s="119"/>
      <c r="AP2356" s="119"/>
      <c r="AQ2356" s="119"/>
      <c r="AR2356" s="119"/>
      <c r="AS2356" s="119"/>
      <c r="AT2356" s="119"/>
      <c r="AU2356" s="119"/>
      <c r="AV2356" s="119"/>
      <c r="AW2356" s="119"/>
      <c r="AX2356" s="119"/>
      <c r="AY2356" s="119"/>
      <c r="AZ2356" s="119"/>
      <c r="BA2356" s="119"/>
      <c r="BB2356" s="107">
        <v>45884</v>
      </c>
    </row>
    <row r="2357" spans="1:54" s="207" customFormat="1" ht="13.95" customHeight="1" x14ac:dyDescent="0.25">
      <c r="A2357" s="208" t="s">
        <v>5634</v>
      </c>
      <c r="B2357" s="209" t="s">
        <v>20420</v>
      </c>
      <c r="C2357" s="113" t="s">
        <v>5635</v>
      </c>
      <c r="D2357" s="113" t="s">
        <v>5636</v>
      </c>
      <c r="E2357" s="210">
        <v>1992</v>
      </c>
      <c r="F2357" s="210">
        <v>8229</v>
      </c>
      <c r="G2357" s="113" t="s">
        <v>1</v>
      </c>
      <c r="H2357" s="113">
        <v>1</v>
      </c>
      <c r="I2357" s="113">
        <v>1</v>
      </c>
      <c r="J2357" s="115">
        <v>1</v>
      </c>
      <c r="K2357" s="116" t="s">
        <v>174</v>
      </c>
      <c r="L2357" s="115">
        <v>0</v>
      </c>
      <c r="M2357" s="115">
        <v>0</v>
      </c>
      <c r="N2357" s="115">
        <v>0</v>
      </c>
      <c r="O2357" s="115">
        <v>0</v>
      </c>
      <c r="P2357" s="115" t="s">
        <v>400</v>
      </c>
      <c r="Q2357" s="115" t="s">
        <v>400</v>
      </c>
      <c r="R2357" s="115">
        <v>0</v>
      </c>
      <c r="S2357" s="115">
        <v>0</v>
      </c>
      <c r="T2357" s="115">
        <v>0</v>
      </c>
      <c r="U2357" s="119"/>
      <c r="V2357" s="119"/>
      <c r="W2357" s="119"/>
      <c r="X2357" s="119"/>
      <c r="Y2357" s="119"/>
      <c r="Z2357" s="119"/>
      <c r="AA2357" s="119"/>
      <c r="AB2357" s="119"/>
      <c r="AC2357" s="119"/>
      <c r="AD2357" s="119"/>
      <c r="AE2357" s="119"/>
      <c r="AF2357" s="119"/>
      <c r="AG2357" s="119"/>
      <c r="AH2357" s="119"/>
      <c r="AI2357" s="119"/>
      <c r="AJ2357" s="119"/>
      <c r="AK2357" s="119"/>
      <c r="AL2357" s="119"/>
      <c r="AM2357" s="119"/>
      <c r="AN2357" s="119"/>
      <c r="AO2357" s="119"/>
      <c r="AP2357" s="119"/>
      <c r="AQ2357" s="119"/>
      <c r="AR2357" s="119"/>
      <c r="AS2357" s="119"/>
      <c r="AT2357" s="119"/>
      <c r="AU2357" s="119"/>
      <c r="AV2357" s="119"/>
      <c r="AW2357" s="119"/>
      <c r="AX2357" s="119"/>
      <c r="AY2357" s="119"/>
      <c r="AZ2357" s="119"/>
      <c r="BA2357" s="119"/>
      <c r="BB2357" s="107">
        <v>45884</v>
      </c>
    </row>
    <row r="2358" spans="1:54" s="207" customFormat="1" ht="13.95" customHeight="1" x14ac:dyDescent="0.25">
      <c r="A2358" s="208" t="s">
        <v>5637</v>
      </c>
      <c r="B2358" s="209" t="s">
        <v>20420</v>
      </c>
      <c r="C2358" s="113" t="s">
        <v>5638</v>
      </c>
      <c r="D2358" s="113" t="s">
        <v>5639</v>
      </c>
      <c r="E2358" s="210">
        <v>1991</v>
      </c>
      <c r="F2358" s="210">
        <v>8239</v>
      </c>
      <c r="G2358" s="113" t="s">
        <v>1</v>
      </c>
      <c r="H2358" s="113">
        <v>0</v>
      </c>
      <c r="I2358" s="113">
        <v>0</v>
      </c>
      <c r="J2358" s="115">
        <v>1</v>
      </c>
      <c r="K2358" s="116" t="s">
        <v>174</v>
      </c>
      <c r="L2358" s="115">
        <v>1</v>
      </c>
      <c r="M2358" s="115">
        <v>0</v>
      </c>
      <c r="N2358" s="115">
        <v>0</v>
      </c>
      <c r="O2358" s="115">
        <v>1</v>
      </c>
      <c r="P2358" s="115">
        <v>1</v>
      </c>
      <c r="Q2358" s="115" t="s">
        <v>400</v>
      </c>
      <c r="R2358" s="115">
        <v>0</v>
      </c>
      <c r="S2358" s="115">
        <v>0</v>
      </c>
      <c r="T2358" s="115">
        <v>0</v>
      </c>
      <c r="U2358" s="119"/>
      <c r="V2358" s="119"/>
      <c r="W2358" s="119"/>
      <c r="X2358" s="119"/>
      <c r="Y2358" s="119"/>
      <c r="Z2358" s="119"/>
      <c r="AA2358" s="119"/>
      <c r="AB2358" s="119"/>
      <c r="AC2358" s="119"/>
      <c r="AD2358" s="119"/>
      <c r="AE2358" s="119"/>
      <c r="AF2358" s="119"/>
      <c r="AG2358" s="119"/>
      <c r="AH2358" s="119"/>
      <c r="AI2358" s="119"/>
      <c r="AJ2358" s="119"/>
      <c r="AK2358" s="119"/>
      <c r="AL2358" s="119"/>
      <c r="AM2358" s="119"/>
      <c r="AN2358" s="119"/>
      <c r="AO2358" s="119"/>
      <c r="AP2358" s="119"/>
      <c r="AQ2358" s="119"/>
      <c r="AR2358" s="119"/>
      <c r="AS2358" s="119"/>
      <c r="AT2358" s="119"/>
      <c r="AU2358" s="119"/>
      <c r="AV2358" s="119"/>
      <c r="AW2358" s="119"/>
      <c r="AX2358" s="119"/>
      <c r="AY2358" s="119"/>
      <c r="AZ2358" s="119"/>
      <c r="BA2358" s="119"/>
      <c r="BB2358" s="107">
        <v>45884</v>
      </c>
    </row>
    <row r="2359" spans="1:54" s="207" customFormat="1" ht="13.95" customHeight="1" x14ac:dyDescent="0.25">
      <c r="A2359" s="208" t="s">
        <v>5640</v>
      </c>
      <c r="B2359" s="209" t="s">
        <v>20420</v>
      </c>
      <c r="C2359" s="113" t="s">
        <v>5641</v>
      </c>
      <c r="D2359" s="113" t="s">
        <v>23861</v>
      </c>
      <c r="E2359" s="210">
        <v>2007</v>
      </c>
      <c r="F2359" s="210">
        <v>8306</v>
      </c>
      <c r="G2359" s="113" t="s">
        <v>3</v>
      </c>
      <c r="H2359" s="113">
        <v>1</v>
      </c>
      <c r="I2359" s="113">
        <v>1</v>
      </c>
      <c r="J2359" s="115">
        <v>1</v>
      </c>
      <c r="K2359" s="116" t="s">
        <v>174</v>
      </c>
      <c r="L2359" s="115">
        <v>1</v>
      </c>
      <c r="M2359" s="115">
        <v>1</v>
      </c>
      <c r="N2359" s="115">
        <v>1</v>
      </c>
      <c r="O2359" s="115">
        <v>0</v>
      </c>
      <c r="P2359" s="115" t="s">
        <v>400</v>
      </c>
      <c r="Q2359" s="115" t="s">
        <v>400</v>
      </c>
      <c r="R2359" s="115">
        <v>0</v>
      </c>
      <c r="S2359" s="115">
        <v>0</v>
      </c>
      <c r="T2359" s="115">
        <v>0</v>
      </c>
      <c r="U2359" s="113" t="s">
        <v>174</v>
      </c>
      <c r="V2359" s="113" t="s">
        <v>174</v>
      </c>
      <c r="W2359" s="113" t="s">
        <v>174</v>
      </c>
      <c r="X2359" s="113" t="s">
        <v>174</v>
      </c>
      <c r="Y2359" s="113" t="s">
        <v>174</v>
      </c>
      <c r="Z2359" s="113" t="s">
        <v>174</v>
      </c>
      <c r="AA2359" s="113" t="s">
        <v>174</v>
      </c>
      <c r="AB2359" s="113" t="s">
        <v>174</v>
      </c>
      <c r="AC2359" s="113" t="s">
        <v>174</v>
      </c>
      <c r="AD2359" s="113" t="s">
        <v>174</v>
      </c>
      <c r="AE2359" s="113" t="s">
        <v>174</v>
      </c>
      <c r="AF2359" s="113" t="s">
        <v>174</v>
      </c>
      <c r="AG2359" s="113" t="s">
        <v>174</v>
      </c>
      <c r="AH2359" s="113" t="s">
        <v>174</v>
      </c>
      <c r="AI2359" s="113" t="s">
        <v>174</v>
      </c>
      <c r="AJ2359" s="113" t="s">
        <v>174</v>
      </c>
      <c r="AK2359" s="113" t="s">
        <v>174</v>
      </c>
      <c r="AL2359" s="113" t="s">
        <v>174</v>
      </c>
      <c r="AM2359" s="113" t="s">
        <v>174</v>
      </c>
      <c r="AN2359" s="113" t="s">
        <v>174</v>
      </c>
      <c r="AO2359" s="113" t="s">
        <v>174</v>
      </c>
      <c r="AP2359" s="113" t="s">
        <v>174</v>
      </c>
      <c r="AQ2359" s="113" t="s">
        <v>174</v>
      </c>
      <c r="AR2359" s="113" t="s">
        <v>174</v>
      </c>
      <c r="AS2359" s="113" t="s">
        <v>174</v>
      </c>
      <c r="AT2359" s="121" t="s">
        <v>174</v>
      </c>
      <c r="AU2359" s="113" t="s">
        <v>174</v>
      </c>
      <c r="AV2359" s="113" t="s">
        <v>174</v>
      </c>
      <c r="AW2359" s="113" t="s">
        <v>174</v>
      </c>
      <c r="AX2359" s="113"/>
      <c r="AY2359" s="113"/>
      <c r="AZ2359" s="113"/>
      <c r="BA2359" s="113"/>
      <c r="BB2359" s="107">
        <v>45884</v>
      </c>
    </row>
    <row r="2360" spans="1:54" s="207" customFormat="1" ht="13.95" customHeight="1" x14ac:dyDescent="0.25">
      <c r="A2360" s="208" t="s">
        <v>5642</v>
      </c>
      <c r="B2360" s="209" t="s">
        <v>20420</v>
      </c>
      <c r="C2360" s="113" t="s">
        <v>5643</v>
      </c>
      <c r="D2360" s="113" t="s">
        <v>23862</v>
      </c>
      <c r="E2360" s="210">
        <v>1982</v>
      </c>
      <c r="F2360" s="210">
        <v>8380</v>
      </c>
      <c r="G2360" s="113" t="s">
        <v>3</v>
      </c>
      <c r="H2360" s="113">
        <v>1</v>
      </c>
      <c r="I2360" s="113">
        <v>1</v>
      </c>
      <c r="J2360" s="115">
        <v>1</v>
      </c>
      <c r="K2360" s="116" t="s">
        <v>174</v>
      </c>
      <c r="L2360" s="115">
        <v>1</v>
      </c>
      <c r="M2360" s="115">
        <v>1</v>
      </c>
      <c r="N2360" s="115">
        <v>0</v>
      </c>
      <c r="O2360" s="115">
        <v>1</v>
      </c>
      <c r="P2360" s="115" t="s">
        <v>400</v>
      </c>
      <c r="Q2360" s="115" t="s">
        <v>400</v>
      </c>
      <c r="R2360" s="115">
        <v>1</v>
      </c>
      <c r="S2360" s="115">
        <v>0</v>
      </c>
      <c r="T2360" s="115">
        <v>0</v>
      </c>
      <c r="U2360" s="113" t="s">
        <v>174</v>
      </c>
      <c r="V2360" s="113" t="s">
        <v>174</v>
      </c>
      <c r="W2360" s="113" t="s">
        <v>174</v>
      </c>
      <c r="X2360" s="113" t="s">
        <v>174</v>
      </c>
      <c r="Y2360" s="113" t="s">
        <v>174</v>
      </c>
      <c r="Z2360" s="113" t="s">
        <v>174</v>
      </c>
      <c r="AA2360" s="113" t="s">
        <v>174</v>
      </c>
      <c r="AB2360" s="113" t="s">
        <v>174</v>
      </c>
      <c r="AC2360" s="113" t="s">
        <v>174</v>
      </c>
      <c r="AD2360" s="113" t="s">
        <v>174</v>
      </c>
      <c r="AE2360" s="113" t="s">
        <v>174</v>
      </c>
      <c r="AF2360" s="113" t="s">
        <v>174</v>
      </c>
      <c r="AG2360" s="113" t="s">
        <v>174</v>
      </c>
      <c r="AH2360" s="113" t="s">
        <v>174</v>
      </c>
      <c r="AI2360" s="113" t="s">
        <v>174</v>
      </c>
      <c r="AJ2360" s="113" t="s">
        <v>174</v>
      </c>
      <c r="AK2360" s="113" t="s">
        <v>174</v>
      </c>
      <c r="AL2360" s="113" t="s">
        <v>174</v>
      </c>
      <c r="AM2360" s="113" t="s">
        <v>174</v>
      </c>
      <c r="AN2360" s="113" t="s">
        <v>174</v>
      </c>
      <c r="AO2360" s="113" t="s">
        <v>174</v>
      </c>
      <c r="AP2360" s="113" t="s">
        <v>174</v>
      </c>
      <c r="AQ2360" s="113" t="s">
        <v>174</v>
      </c>
      <c r="AR2360" s="113" t="s">
        <v>174</v>
      </c>
      <c r="AS2360" s="113" t="s">
        <v>174</v>
      </c>
      <c r="AT2360" s="121" t="s">
        <v>174</v>
      </c>
      <c r="AU2360" s="113" t="s">
        <v>174</v>
      </c>
      <c r="AV2360" s="113" t="s">
        <v>174</v>
      </c>
      <c r="AW2360" s="113" t="s">
        <v>174</v>
      </c>
      <c r="AX2360" s="113"/>
      <c r="AY2360" s="113"/>
      <c r="AZ2360" s="113"/>
      <c r="BA2360" s="113"/>
      <c r="BB2360" s="107">
        <v>45884</v>
      </c>
    </row>
    <row r="2361" spans="1:54" s="207" customFormat="1" ht="13.95" customHeight="1" x14ac:dyDescent="0.25">
      <c r="A2361" s="208" t="s">
        <v>5644</v>
      </c>
      <c r="B2361" s="209" t="s">
        <v>20420</v>
      </c>
      <c r="C2361" s="113" t="s">
        <v>5645</v>
      </c>
      <c r="D2361" s="113" t="s">
        <v>5646</v>
      </c>
      <c r="E2361" s="210">
        <v>1976</v>
      </c>
      <c r="F2361" s="210">
        <v>8426</v>
      </c>
      <c r="G2361" s="113" t="s">
        <v>1</v>
      </c>
      <c r="H2361" s="113">
        <v>0</v>
      </c>
      <c r="I2361" s="113">
        <v>0</v>
      </c>
      <c r="J2361" s="115">
        <v>1</v>
      </c>
      <c r="K2361" s="211">
        <v>1</v>
      </c>
      <c r="L2361" s="115">
        <v>1</v>
      </c>
      <c r="M2361" s="115">
        <v>1</v>
      </c>
      <c r="N2361" s="115">
        <v>1</v>
      </c>
      <c r="O2361" s="115">
        <v>1</v>
      </c>
      <c r="P2361" s="115">
        <v>1</v>
      </c>
      <c r="Q2361" s="115">
        <v>1</v>
      </c>
      <c r="R2361" s="115">
        <v>1</v>
      </c>
      <c r="S2361" s="115">
        <v>0</v>
      </c>
      <c r="T2361" s="115">
        <v>0</v>
      </c>
      <c r="U2361" s="119"/>
      <c r="V2361" s="119"/>
      <c r="W2361" s="119"/>
      <c r="X2361" s="119"/>
      <c r="Y2361" s="119"/>
      <c r="Z2361" s="119"/>
      <c r="AA2361" s="119"/>
      <c r="AB2361" s="119"/>
      <c r="AC2361" s="119"/>
      <c r="AD2361" s="119"/>
      <c r="AE2361" s="119"/>
      <c r="AF2361" s="119"/>
      <c r="AG2361" s="119"/>
      <c r="AH2361" s="119"/>
      <c r="AI2361" s="119"/>
      <c r="AJ2361" s="119"/>
      <c r="AK2361" s="119"/>
      <c r="AL2361" s="119"/>
      <c r="AM2361" s="119"/>
      <c r="AN2361" s="119"/>
      <c r="AO2361" s="119"/>
      <c r="AP2361" s="119"/>
      <c r="AQ2361" s="119"/>
      <c r="AR2361" s="119"/>
      <c r="AS2361" s="119"/>
      <c r="AT2361" s="119"/>
      <c r="AU2361" s="119"/>
      <c r="AV2361" s="119"/>
      <c r="AW2361" s="119"/>
      <c r="AX2361" s="119"/>
      <c r="AY2361" s="119"/>
      <c r="AZ2361" s="119"/>
      <c r="BA2361" s="119"/>
      <c r="BB2361" s="107">
        <v>45884</v>
      </c>
    </row>
    <row r="2362" spans="1:54" s="207" customFormat="1" ht="13.95" customHeight="1" x14ac:dyDescent="0.25">
      <c r="A2362" s="208" t="s">
        <v>5647</v>
      </c>
      <c r="B2362" s="209" t="s">
        <v>20420</v>
      </c>
      <c r="C2362" s="113" t="s">
        <v>5648</v>
      </c>
      <c r="D2362" s="113" t="s">
        <v>5649</v>
      </c>
      <c r="E2362" s="210">
        <v>1976</v>
      </c>
      <c r="F2362" s="210">
        <v>8471</v>
      </c>
      <c r="G2362" s="113" t="s">
        <v>3</v>
      </c>
      <c r="H2362" s="113">
        <v>1</v>
      </c>
      <c r="I2362" s="113">
        <v>1</v>
      </c>
      <c r="J2362" s="115">
        <v>1</v>
      </c>
      <c r="K2362" s="211">
        <v>1</v>
      </c>
      <c r="L2362" s="115">
        <v>1</v>
      </c>
      <c r="M2362" s="115">
        <v>1</v>
      </c>
      <c r="N2362" s="115">
        <v>1</v>
      </c>
      <c r="O2362" s="115">
        <v>1</v>
      </c>
      <c r="P2362" s="115">
        <v>1</v>
      </c>
      <c r="Q2362" s="115" t="s">
        <v>400</v>
      </c>
      <c r="R2362" s="115">
        <v>1</v>
      </c>
      <c r="S2362" s="115">
        <v>0</v>
      </c>
      <c r="T2362" s="115">
        <v>0</v>
      </c>
      <c r="U2362" s="113" t="s">
        <v>174</v>
      </c>
      <c r="V2362" s="113" t="s">
        <v>174</v>
      </c>
      <c r="W2362" s="113" t="s">
        <v>174</v>
      </c>
      <c r="X2362" s="113" t="s">
        <v>174</v>
      </c>
      <c r="Y2362" s="113" t="s">
        <v>174</v>
      </c>
      <c r="Z2362" s="113" t="s">
        <v>174</v>
      </c>
      <c r="AA2362" s="113" t="s">
        <v>174</v>
      </c>
      <c r="AB2362" s="113" t="s">
        <v>174</v>
      </c>
      <c r="AC2362" s="113" t="s">
        <v>174</v>
      </c>
      <c r="AD2362" s="113" t="s">
        <v>174</v>
      </c>
      <c r="AE2362" s="113" t="s">
        <v>174</v>
      </c>
      <c r="AF2362" s="113" t="s">
        <v>174</v>
      </c>
      <c r="AG2362" s="113" t="s">
        <v>174</v>
      </c>
      <c r="AH2362" s="113" t="s">
        <v>174</v>
      </c>
      <c r="AI2362" s="113" t="s">
        <v>174</v>
      </c>
      <c r="AJ2362" s="113" t="s">
        <v>174</v>
      </c>
      <c r="AK2362" s="113" t="s">
        <v>174</v>
      </c>
      <c r="AL2362" s="113" t="s">
        <v>174</v>
      </c>
      <c r="AM2362" s="113" t="s">
        <v>174</v>
      </c>
      <c r="AN2362" s="113" t="s">
        <v>174</v>
      </c>
      <c r="AO2362" s="113" t="s">
        <v>174</v>
      </c>
      <c r="AP2362" s="113" t="s">
        <v>174</v>
      </c>
      <c r="AQ2362" s="113" t="s">
        <v>174</v>
      </c>
      <c r="AR2362" s="113" t="s">
        <v>174</v>
      </c>
      <c r="AS2362" s="113" t="s">
        <v>174</v>
      </c>
      <c r="AT2362" s="121" t="s">
        <v>174</v>
      </c>
      <c r="AU2362" s="113" t="s">
        <v>174</v>
      </c>
      <c r="AV2362" s="113" t="s">
        <v>174</v>
      </c>
      <c r="AW2362" s="113" t="s">
        <v>174</v>
      </c>
      <c r="AX2362" s="113"/>
      <c r="AY2362" s="113"/>
      <c r="AZ2362" s="113"/>
      <c r="BA2362" s="113"/>
      <c r="BB2362" s="107">
        <v>45884</v>
      </c>
    </row>
    <row r="2363" spans="1:54" s="207" customFormat="1" ht="13.95" customHeight="1" x14ac:dyDescent="0.25">
      <c r="A2363" s="208" t="s">
        <v>5650</v>
      </c>
      <c r="B2363" s="209" t="s">
        <v>20420</v>
      </c>
      <c r="C2363" s="113" t="s">
        <v>5651</v>
      </c>
      <c r="D2363" s="113" t="s">
        <v>23863</v>
      </c>
      <c r="E2363" s="210">
        <v>2000</v>
      </c>
      <c r="F2363" s="210">
        <v>8477</v>
      </c>
      <c r="G2363" s="113" t="s">
        <v>3</v>
      </c>
      <c r="H2363" s="113">
        <v>0</v>
      </c>
      <c r="I2363" s="113">
        <v>0</v>
      </c>
      <c r="J2363" s="115">
        <v>1</v>
      </c>
      <c r="K2363" s="116" t="s">
        <v>174</v>
      </c>
      <c r="L2363" s="115">
        <v>1</v>
      </c>
      <c r="M2363" s="115">
        <v>1</v>
      </c>
      <c r="N2363" s="115">
        <v>0</v>
      </c>
      <c r="O2363" s="115">
        <v>1</v>
      </c>
      <c r="P2363" s="115" t="s">
        <v>400</v>
      </c>
      <c r="Q2363" s="115" t="s">
        <v>400</v>
      </c>
      <c r="R2363" s="115">
        <v>1</v>
      </c>
      <c r="S2363" s="115">
        <v>0</v>
      </c>
      <c r="T2363" s="115">
        <v>0</v>
      </c>
      <c r="U2363" s="113" t="s">
        <v>174</v>
      </c>
      <c r="V2363" s="113" t="s">
        <v>174</v>
      </c>
      <c r="W2363" s="113" t="s">
        <v>174</v>
      </c>
      <c r="X2363" s="113" t="s">
        <v>174</v>
      </c>
      <c r="Y2363" s="113" t="s">
        <v>174</v>
      </c>
      <c r="Z2363" s="113" t="s">
        <v>174</v>
      </c>
      <c r="AA2363" s="113" t="s">
        <v>174</v>
      </c>
      <c r="AB2363" s="113" t="s">
        <v>174</v>
      </c>
      <c r="AC2363" s="113" t="s">
        <v>174</v>
      </c>
      <c r="AD2363" s="113" t="s">
        <v>174</v>
      </c>
      <c r="AE2363" s="113" t="s">
        <v>174</v>
      </c>
      <c r="AF2363" s="113" t="s">
        <v>174</v>
      </c>
      <c r="AG2363" s="113" t="s">
        <v>174</v>
      </c>
      <c r="AH2363" s="113" t="s">
        <v>174</v>
      </c>
      <c r="AI2363" s="113" t="s">
        <v>174</v>
      </c>
      <c r="AJ2363" s="113" t="s">
        <v>174</v>
      </c>
      <c r="AK2363" s="113" t="s">
        <v>174</v>
      </c>
      <c r="AL2363" s="113" t="s">
        <v>174</v>
      </c>
      <c r="AM2363" s="113" t="s">
        <v>174</v>
      </c>
      <c r="AN2363" s="113" t="s">
        <v>174</v>
      </c>
      <c r="AO2363" s="113" t="s">
        <v>174</v>
      </c>
      <c r="AP2363" s="113" t="s">
        <v>174</v>
      </c>
      <c r="AQ2363" s="113" t="s">
        <v>174</v>
      </c>
      <c r="AR2363" s="113" t="s">
        <v>174</v>
      </c>
      <c r="AS2363" s="113" t="s">
        <v>174</v>
      </c>
      <c r="AT2363" s="121" t="s">
        <v>174</v>
      </c>
      <c r="AU2363" s="113" t="s">
        <v>174</v>
      </c>
      <c r="AV2363" s="113" t="s">
        <v>174</v>
      </c>
      <c r="AW2363" s="113" t="s">
        <v>174</v>
      </c>
      <c r="AX2363" s="113"/>
      <c r="AY2363" s="113"/>
      <c r="AZ2363" s="113"/>
      <c r="BA2363" s="113"/>
      <c r="BB2363" s="107">
        <v>45884</v>
      </c>
    </row>
    <row r="2364" spans="1:54" s="207" customFormat="1" ht="13.95" customHeight="1" x14ac:dyDescent="0.25">
      <c r="A2364" s="208" t="s">
        <v>5652</v>
      </c>
      <c r="B2364" s="209" t="s">
        <v>20420</v>
      </c>
      <c r="C2364" s="113" t="s">
        <v>5653</v>
      </c>
      <c r="D2364" s="113" t="s">
        <v>5654</v>
      </c>
      <c r="E2364" s="210">
        <v>1990</v>
      </c>
      <c r="F2364" s="210">
        <v>8486</v>
      </c>
      <c r="G2364" s="113" t="s">
        <v>1</v>
      </c>
      <c r="H2364" s="113">
        <v>1</v>
      </c>
      <c r="I2364" s="113">
        <v>0</v>
      </c>
      <c r="J2364" s="115">
        <v>1</v>
      </c>
      <c r="K2364" s="116" t="s">
        <v>174</v>
      </c>
      <c r="L2364" s="115">
        <v>1</v>
      </c>
      <c r="M2364" s="115">
        <v>1</v>
      </c>
      <c r="N2364" s="115">
        <v>1</v>
      </c>
      <c r="O2364" s="115">
        <v>0</v>
      </c>
      <c r="P2364" s="115" t="s">
        <v>400</v>
      </c>
      <c r="Q2364" s="115" t="s">
        <v>400</v>
      </c>
      <c r="R2364" s="115">
        <v>0</v>
      </c>
      <c r="S2364" s="115">
        <v>0</v>
      </c>
      <c r="T2364" s="115">
        <v>0</v>
      </c>
      <c r="U2364" s="119"/>
      <c r="V2364" s="119"/>
      <c r="W2364" s="119"/>
      <c r="X2364" s="119"/>
      <c r="Y2364" s="119"/>
      <c r="Z2364" s="119"/>
      <c r="AA2364" s="119"/>
      <c r="AB2364" s="119"/>
      <c r="AC2364" s="119"/>
      <c r="AD2364" s="119"/>
      <c r="AE2364" s="119"/>
      <c r="AF2364" s="119"/>
      <c r="AG2364" s="119"/>
      <c r="AH2364" s="119"/>
      <c r="AI2364" s="119"/>
      <c r="AJ2364" s="119"/>
      <c r="AK2364" s="119"/>
      <c r="AL2364" s="119"/>
      <c r="AM2364" s="119"/>
      <c r="AN2364" s="119"/>
      <c r="AO2364" s="119"/>
      <c r="AP2364" s="119"/>
      <c r="AQ2364" s="119"/>
      <c r="AR2364" s="119"/>
      <c r="AS2364" s="119"/>
      <c r="AT2364" s="119"/>
      <c r="AU2364" s="119"/>
      <c r="AV2364" s="119"/>
      <c r="AW2364" s="119"/>
      <c r="AX2364" s="119"/>
      <c r="AY2364" s="119"/>
      <c r="AZ2364" s="119"/>
      <c r="BA2364" s="119"/>
      <c r="BB2364" s="107">
        <v>45884</v>
      </c>
    </row>
    <row r="2365" spans="1:54" s="207" customFormat="1" ht="13.95" customHeight="1" x14ac:dyDescent="0.25">
      <c r="A2365" s="208" t="s">
        <v>5655</v>
      </c>
      <c r="B2365" s="209" t="s">
        <v>20420</v>
      </c>
      <c r="C2365" s="113" t="s">
        <v>5656</v>
      </c>
      <c r="D2365" s="113" t="s">
        <v>23864</v>
      </c>
      <c r="E2365" s="210">
        <v>1975</v>
      </c>
      <c r="F2365" s="210">
        <v>8504</v>
      </c>
      <c r="G2365" s="113" t="s">
        <v>1</v>
      </c>
      <c r="H2365" s="113">
        <v>1</v>
      </c>
      <c r="I2365" s="113">
        <v>1</v>
      </c>
      <c r="J2365" s="115">
        <v>1</v>
      </c>
      <c r="K2365" s="211">
        <v>1</v>
      </c>
      <c r="L2365" s="115">
        <v>1</v>
      </c>
      <c r="M2365" s="115">
        <v>1</v>
      </c>
      <c r="N2365" s="115">
        <v>1</v>
      </c>
      <c r="O2365" s="115">
        <v>1</v>
      </c>
      <c r="P2365" s="115" t="s">
        <v>400</v>
      </c>
      <c r="Q2365" s="115" t="s">
        <v>400</v>
      </c>
      <c r="R2365" s="115">
        <v>1</v>
      </c>
      <c r="S2365" s="115">
        <v>0</v>
      </c>
      <c r="T2365" s="115">
        <v>0</v>
      </c>
      <c r="U2365" s="119"/>
      <c r="V2365" s="119"/>
      <c r="W2365" s="119"/>
      <c r="X2365" s="119"/>
      <c r="Y2365" s="119"/>
      <c r="Z2365" s="119"/>
      <c r="AA2365" s="119"/>
      <c r="AB2365" s="119"/>
      <c r="AC2365" s="119"/>
      <c r="AD2365" s="119"/>
      <c r="AE2365" s="119"/>
      <c r="AF2365" s="119"/>
      <c r="AG2365" s="119"/>
      <c r="AH2365" s="119"/>
      <c r="AI2365" s="119"/>
      <c r="AJ2365" s="119"/>
      <c r="AK2365" s="119"/>
      <c r="AL2365" s="119"/>
      <c r="AM2365" s="119"/>
      <c r="AN2365" s="119"/>
      <c r="AO2365" s="119"/>
      <c r="AP2365" s="119"/>
      <c r="AQ2365" s="119"/>
      <c r="AR2365" s="119"/>
      <c r="AS2365" s="119"/>
      <c r="AT2365" s="119"/>
      <c r="AU2365" s="119"/>
      <c r="AV2365" s="119"/>
      <c r="AW2365" s="119"/>
      <c r="AX2365" s="119"/>
      <c r="AY2365" s="119"/>
      <c r="AZ2365" s="119"/>
      <c r="BA2365" s="119"/>
      <c r="BB2365" s="107">
        <v>45884</v>
      </c>
    </row>
    <row r="2366" spans="1:54" s="207" customFormat="1" ht="13.95" customHeight="1" x14ac:dyDescent="0.25">
      <c r="A2366" s="208" t="s">
        <v>5657</v>
      </c>
      <c r="B2366" s="209" t="s">
        <v>20420</v>
      </c>
      <c r="C2366" s="113" t="s">
        <v>19479</v>
      </c>
      <c r="D2366" s="113" t="s">
        <v>23865</v>
      </c>
      <c r="E2366" s="210">
        <v>1963</v>
      </c>
      <c r="F2366" s="210">
        <v>8570</v>
      </c>
      <c r="G2366" s="113" t="s">
        <v>1</v>
      </c>
      <c r="H2366" s="113">
        <v>1</v>
      </c>
      <c r="I2366" s="113">
        <v>1</v>
      </c>
      <c r="J2366" s="115">
        <v>1</v>
      </c>
      <c r="K2366" s="116" t="s">
        <v>174</v>
      </c>
      <c r="L2366" s="115">
        <v>1</v>
      </c>
      <c r="M2366" s="115">
        <v>1</v>
      </c>
      <c r="N2366" s="115">
        <v>0</v>
      </c>
      <c r="O2366" s="115">
        <v>1</v>
      </c>
      <c r="P2366" s="115">
        <v>1</v>
      </c>
      <c r="Q2366" s="115" t="s">
        <v>400</v>
      </c>
      <c r="R2366" s="115">
        <v>1</v>
      </c>
      <c r="S2366" s="115">
        <v>0</v>
      </c>
      <c r="T2366" s="115">
        <v>0</v>
      </c>
      <c r="U2366" s="119"/>
      <c r="V2366" s="119"/>
      <c r="W2366" s="119"/>
      <c r="X2366" s="119"/>
      <c r="Y2366" s="119"/>
      <c r="Z2366" s="119"/>
      <c r="AA2366" s="119"/>
      <c r="AB2366" s="119"/>
      <c r="AC2366" s="119"/>
      <c r="AD2366" s="119"/>
      <c r="AE2366" s="119"/>
      <c r="AF2366" s="122">
        <v>1</v>
      </c>
      <c r="AG2366" s="119"/>
      <c r="AH2366" s="119"/>
      <c r="AI2366" s="119"/>
      <c r="AJ2366" s="119"/>
      <c r="AK2366" s="119"/>
      <c r="AL2366" s="119"/>
      <c r="AM2366" s="119"/>
      <c r="AN2366" s="119"/>
      <c r="AO2366" s="119"/>
      <c r="AP2366" s="119"/>
      <c r="AQ2366" s="119"/>
      <c r="AR2366" s="119"/>
      <c r="AS2366" s="119"/>
      <c r="AT2366" s="122">
        <v>1</v>
      </c>
      <c r="AU2366" s="119"/>
      <c r="AV2366" s="119"/>
      <c r="AW2366" s="119"/>
      <c r="AX2366" s="119"/>
      <c r="AY2366" s="119"/>
      <c r="AZ2366" s="123" t="s">
        <v>23203</v>
      </c>
      <c r="BA2366" s="122" t="s">
        <v>19478</v>
      </c>
      <c r="BB2366" s="107">
        <v>45884</v>
      </c>
    </row>
    <row r="2367" spans="1:54" s="207" customFormat="1" ht="13.95" customHeight="1" x14ac:dyDescent="0.25">
      <c r="A2367" s="208" t="s">
        <v>5658</v>
      </c>
      <c r="B2367" s="209" t="s">
        <v>20420</v>
      </c>
      <c r="C2367" s="113" t="s">
        <v>5659</v>
      </c>
      <c r="D2367" s="113" t="s">
        <v>23866</v>
      </c>
      <c r="E2367" s="210">
        <v>1987</v>
      </c>
      <c r="F2367" s="210">
        <v>8595</v>
      </c>
      <c r="G2367" s="113" t="s">
        <v>1</v>
      </c>
      <c r="H2367" s="113">
        <v>1</v>
      </c>
      <c r="I2367" s="113">
        <v>1</v>
      </c>
      <c r="J2367" s="115">
        <v>1</v>
      </c>
      <c r="K2367" s="116" t="s">
        <v>174</v>
      </c>
      <c r="L2367" s="115">
        <v>1</v>
      </c>
      <c r="M2367" s="115">
        <v>0</v>
      </c>
      <c r="N2367" s="115">
        <v>1</v>
      </c>
      <c r="O2367" s="115">
        <v>1</v>
      </c>
      <c r="P2367" s="115">
        <v>1</v>
      </c>
      <c r="Q2367" s="115" t="s">
        <v>400</v>
      </c>
      <c r="R2367" s="115">
        <v>1</v>
      </c>
      <c r="S2367" s="115">
        <v>0</v>
      </c>
      <c r="T2367" s="115">
        <v>0</v>
      </c>
      <c r="U2367" s="119"/>
      <c r="V2367" s="119"/>
      <c r="W2367" s="119"/>
      <c r="X2367" s="119"/>
      <c r="Y2367" s="119"/>
      <c r="Z2367" s="119"/>
      <c r="AA2367" s="119"/>
      <c r="AB2367" s="119"/>
      <c r="AC2367" s="119"/>
      <c r="AD2367" s="119"/>
      <c r="AE2367" s="119"/>
      <c r="AF2367" s="119"/>
      <c r="AG2367" s="119"/>
      <c r="AH2367" s="119"/>
      <c r="AI2367" s="119"/>
      <c r="AJ2367" s="119"/>
      <c r="AK2367" s="119"/>
      <c r="AL2367" s="119"/>
      <c r="AM2367" s="119"/>
      <c r="AN2367" s="119"/>
      <c r="AO2367" s="119"/>
      <c r="AP2367" s="119"/>
      <c r="AQ2367" s="119"/>
      <c r="AR2367" s="119"/>
      <c r="AS2367" s="119"/>
      <c r="AT2367" s="119"/>
      <c r="AU2367" s="119"/>
      <c r="AV2367" s="119"/>
      <c r="AW2367" s="119"/>
      <c r="AX2367" s="119"/>
      <c r="AY2367" s="119"/>
      <c r="AZ2367" s="119"/>
      <c r="BA2367" s="119"/>
      <c r="BB2367" s="107">
        <v>45884</v>
      </c>
    </row>
    <row r="2368" spans="1:54" s="207" customFormat="1" ht="13.95" customHeight="1" x14ac:dyDescent="0.25">
      <c r="A2368" s="208" t="s">
        <v>5660</v>
      </c>
      <c r="B2368" s="209" t="s">
        <v>20420</v>
      </c>
      <c r="C2368" s="113" t="s">
        <v>5661</v>
      </c>
      <c r="D2368" s="113" t="s">
        <v>5662</v>
      </c>
      <c r="E2368" s="210">
        <v>1996</v>
      </c>
      <c r="F2368" s="210">
        <v>8733</v>
      </c>
      <c r="G2368" s="113" t="s">
        <v>10</v>
      </c>
      <c r="H2368" s="113">
        <v>1</v>
      </c>
      <c r="I2368" s="113">
        <v>0</v>
      </c>
      <c r="J2368" s="115">
        <v>1</v>
      </c>
      <c r="K2368" s="116" t="s">
        <v>174</v>
      </c>
      <c r="L2368" s="115">
        <v>0</v>
      </c>
      <c r="M2368" s="115">
        <v>0</v>
      </c>
      <c r="N2368" s="115">
        <v>0</v>
      </c>
      <c r="O2368" s="115">
        <v>0</v>
      </c>
      <c r="P2368" s="115" t="s">
        <v>400</v>
      </c>
      <c r="Q2368" s="115" t="s">
        <v>400</v>
      </c>
      <c r="R2368" s="115">
        <v>0</v>
      </c>
      <c r="S2368" s="115">
        <v>0</v>
      </c>
      <c r="T2368" s="115">
        <v>0</v>
      </c>
      <c r="U2368" s="113" t="s">
        <v>174</v>
      </c>
      <c r="V2368" s="113" t="s">
        <v>174</v>
      </c>
      <c r="W2368" s="113" t="s">
        <v>174</v>
      </c>
      <c r="X2368" s="113" t="s">
        <v>174</v>
      </c>
      <c r="Y2368" s="113" t="s">
        <v>174</v>
      </c>
      <c r="Z2368" s="113" t="s">
        <v>174</v>
      </c>
      <c r="AA2368" s="113" t="s">
        <v>174</v>
      </c>
      <c r="AB2368" s="113" t="s">
        <v>174</v>
      </c>
      <c r="AC2368" s="113" t="s">
        <v>174</v>
      </c>
      <c r="AD2368" s="113" t="s">
        <v>174</v>
      </c>
      <c r="AE2368" s="113" t="s">
        <v>174</v>
      </c>
      <c r="AF2368" s="113" t="s">
        <v>174</v>
      </c>
      <c r="AG2368" s="113" t="s">
        <v>174</v>
      </c>
      <c r="AH2368" s="113" t="s">
        <v>174</v>
      </c>
      <c r="AI2368" s="113" t="s">
        <v>174</v>
      </c>
      <c r="AJ2368" s="113" t="s">
        <v>174</v>
      </c>
      <c r="AK2368" s="113" t="s">
        <v>174</v>
      </c>
      <c r="AL2368" s="113" t="s">
        <v>174</v>
      </c>
      <c r="AM2368" s="113" t="s">
        <v>174</v>
      </c>
      <c r="AN2368" s="113" t="s">
        <v>174</v>
      </c>
      <c r="AO2368" s="113" t="s">
        <v>174</v>
      </c>
      <c r="AP2368" s="113" t="s">
        <v>174</v>
      </c>
      <c r="AQ2368" s="113" t="s">
        <v>174</v>
      </c>
      <c r="AR2368" s="113" t="s">
        <v>174</v>
      </c>
      <c r="AS2368" s="113" t="s">
        <v>174</v>
      </c>
      <c r="AT2368" s="121" t="s">
        <v>174</v>
      </c>
      <c r="AU2368" s="113" t="s">
        <v>174</v>
      </c>
      <c r="AV2368" s="113" t="s">
        <v>174</v>
      </c>
      <c r="AW2368" s="113" t="s">
        <v>174</v>
      </c>
      <c r="AX2368" s="113"/>
      <c r="AY2368" s="113"/>
      <c r="AZ2368" s="113"/>
      <c r="BA2368" s="113"/>
      <c r="BB2368" s="107">
        <v>45884</v>
      </c>
    </row>
    <row r="2369" spans="1:54" s="207" customFormat="1" ht="13.95" customHeight="1" x14ac:dyDescent="0.25">
      <c r="A2369" s="208" t="s">
        <v>5663</v>
      </c>
      <c r="B2369" s="209" t="s">
        <v>20420</v>
      </c>
      <c r="C2369" s="113" t="s">
        <v>5664</v>
      </c>
      <c r="D2369" s="113" t="s">
        <v>23867</v>
      </c>
      <c r="E2369" s="210">
        <v>1981</v>
      </c>
      <c r="F2369" s="210">
        <v>8735</v>
      </c>
      <c r="G2369" s="113" t="s">
        <v>1</v>
      </c>
      <c r="H2369" s="113">
        <v>0</v>
      </c>
      <c r="I2369" s="113">
        <v>0</v>
      </c>
      <c r="J2369" s="115">
        <v>1</v>
      </c>
      <c r="K2369" s="211">
        <v>1</v>
      </c>
      <c r="L2369" s="115">
        <v>1</v>
      </c>
      <c r="M2369" s="115">
        <v>0</v>
      </c>
      <c r="N2369" s="115">
        <v>0</v>
      </c>
      <c r="O2369" s="115">
        <v>1</v>
      </c>
      <c r="P2369" s="115">
        <v>1</v>
      </c>
      <c r="Q2369" s="115" t="s">
        <v>400</v>
      </c>
      <c r="R2369" s="115">
        <v>1</v>
      </c>
      <c r="S2369" s="115">
        <v>0</v>
      </c>
      <c r="T2369" s="115">
        <v>0</v>
      </c>
      <c r="U2369" s="119"/>
      <c r="V2369" s="119"/>
      <c r="W2369" s="119"/>
      <c r="X2369" s="119"/>
      <c r="Y2369" s="119"/>
      <c r="Z2369" s="119"/>
      <c r="AA2369" s="119"/>
      <c r="AB2369" s="119"/>
      <c r="AC2369" s="119"/>
      <c r="AD2369" s="119"/>
      <c r="AE2369" s="119"/>
      <c r="AF2369" s="119"/>
      <c r="AG2369" s="119"/>
      <c r="AH2369" s="119"/>
      <c r="AI2369" s="119"/>
      <c r="AJ2369" s="119"/>
      <c r="AK2369" s="119"/>
      <c r="AL2369" s="119"/>
      <c r="AM2369" s="119"/>
      <c r="AN2369" s="119"/>
      <c r="AO2369" s="119"/>
      <c r="AP2369" s="119"/>
      <c r="AQ2369" s="119"/>
      <c r="AR2369" s="119"/>
      <c r="AS2369" s="119"/>
      <c r="AT2369" s="119"/>
      <c r="AU2369" s="119"/>
      <c r="AV2369" s="119"/>
      <c r="AW2369" s="119"/>
      <c r="AX2369" s="119"/>
      <c r="AY2369" s="119"/>
      <c r="AZ2369" s="119"/>
      <c r="BA2369" s="119"/>
      <c r="BB2369" s="107">
        <v>45884</v>
      </c>
    </row>
    <row r="2370" spans="1:54" s="207" customFormat="1" ht="13.95" customHeight="1" x14ac:dyDescent="0.25">
      <c r="A2370" s="208" t="s">
        <v>5665</v>
      </c>
      <c r="B2370" s="209" t="s">
        <v>20420</v>
      </c>
      <c r="C2370" s="113" t="s">
        <v>5666</v>
      </c>
      <c r="D2370" s="113" t="s">
        <v>23868</v>
      </c>
      <c r="E2370" s="210">
        <v>1976</v>
      </c>
      <c r="F2370" s="210">
        <v>8751</v>
      </c>
      <c r="G2370" s="113" t="s">
        <v>1</v>
      </c>
      <c r="H2370" s="113">
        <v>0</v>
      </c>
      <c r="I2370" s="113">
        <v>0</v>
      </c>
      <c r="J2370" s="115">
        <v>1</v>
      </c>
      <c r="K2370" s="116" t="s">
        <v>174</v>
      </c>
      <c r="L2370" s="115">
        <v>1</v>
      </c>
      <c r="M2370" s="115">
        <v>0</v>
      </c>
      <c r="N2370" s="115">
        <v>0</v>
      </c>
      <c r="O2370" s="115">
        <v>1</v>
      </c>
      <c r="P2370" s="115">
        <v>1</v>
      </c>
      <c r="Q2370" s="115">
        <v>1</v>
      </c>
      <c r="R2370" s="115">
        <v>0</v>
      </c>
      <c r="S2370" s="115">
        <v>0</v>
      </c>
      <c r="T2370" s="115">
        <v>0</v>
      </c>
      <c r="U2370" s="119"/>
      <c r="V2370" s="119"/>
      <c r="W2370" s="119"/>
      <c r="X2370" s="119"/>
      <c r="Y2370" s="119"/>
      <c r="Z2370" s="119"/>
      <c r="AA2370" s="119"/>
      <c r="AB2370" s="119"/>
      <c r="AC2370" s="119"/>
      <c r="AD2370" s="119"/>
      <c r="AE2370" s="119"/>
      <c r="AF2370" s="119"/>
      <c r="AG2370" s="119"/>
      <c r="AH2370" s="119"/>
      <c r="AI2370" s="119"/>
      <c r="AJ2370" s="119"/>
      <c r="AK2370" s="119"/>
      <c r="AL2370" s="119"/>
      <c r="AM2370" s="119"/>
      <c r="AN2370" s="119"/>
      <c r="AO2370" s="119"/>
      <c r="AP2370" s="119"/>
      <c r="AQ2370" s="119"/>
      <c r="AR2370" s="119"/>
      <c r="AS2370" s="119"/>
      <c r="AT2370" s="119"/>
      <c r="AU2370" s="119"/>
      <c r="AV2370" s="119"/>
      <c r="AW2370" s="119"/>
      <c r="AX2370" s="119"/>
      <c r="AY2370" s="119"/>
      <c r="AZ2370" s="119"/>
      <c r="BA2370" s="119"/>
      <c r="BB2370" s="107">
        <v>45884</v>
      </c>
    </row>
    <row r="2371" spans="1:54" s="207" customFormat="1" ht="13.95" customHeight="1" x14ac:dyDescent="0.25">
      <c r="A2371" s="208" t="s">
        <v>5667</v>
      </c>
      <c r="B2371" s="209" t="s">
        <v>20420</v>
      </c>
      <c r="C2371" s="113" t="s">
        <v>5668</v>
      </c>
      <c r="D2371" s="113" t="s">
        <v>23869</v>
      </c>
      <c r="E2371" s="210">
        <v>1997</v>
      </c>
      <c r="F2371" s="210">
        <v>8817</v>
      </c>
      <c r="G2371" s="113" t="s">
        <v>1</v>
      </c>
      <c r="H2371" s="113">
        <v>1</v>
      </c>
      <c r="I2371" s="113">
        <v>0</v>
      </c>
      <c r="J2371" s="115">
        <v>1</v>
      </c>
      <c r="K2371" s="211">
        <v>1</v>
      </c>
      <c r="L2371" s="115">
        <v>1</v>
      </c>
      <c r="M2371" s="115">
        <v>1</v>
      </c>
      <c r="N2371" s="115">
        <v>0</v>
      </c>
      <c r="O2371" s="115">
        <v>1</v>
      </c>
      <c r="P2371" s="115">
        <v>1</v>
      </c>
      <c r="Q2371" s="115" t="s">
        <v>400</v>
      </c>
      <c r="R2371" s="115">
        <v>1</v>
      </c>
      <c r="S2371" s="115">
        <v>0</v>
      </c>
      <c r="T2371" s="115">
        <v>0</v>
      </c>
      <c r="U2371" s="119"/>
      <c r="V2371" s="119"/>
      <c r="W2371" s="119"/>
      <c r="X2371" s="119"/>
      <c r="Y2371" s="119"/>
      <c r="Z2371" s="119"/>
      <c r="AA2371" s="119"/>
      <c r="AB2371" s="119"/>
      <c r="AC2371" s="119"/>
      <c r="AD2371" s="119"/>
      <c r="AE2371" s="119"/>
      <c r="AF2371" s="119"/>
      <c r="AG2371" s="119"/>
      <c r="AH2371" s="119"/>
      <c r="AI2371" s="119"/>
      <c r="AJ2371" s="119"/>
      <c r="AK2371" s="119"/>
      <c r="AL2371" s="119"/>
      <c r="AM2371" s="119"/>
      <c r="AN2371" s="119"/>
      <c r="AO2371" s="119"/>
      <c r="AP2371" s="119"/>
      <c r="AQ2371" s="119"/>
      <c r="AR2371" s="119"/>
      <c r="AS2371" s="119"/>
      <c r="AT2371" s="119"/>
      <c r="AU2371" s="119"/>
      <c r="AV2371" s="119"/>
      <c r="AW2371" s="119"/>
      <c r="AX2371" s="119"/>
      <c r="AY2371" s="119"/>
      <c r="AZ2371" s="119"/>
      <c r="BA2371" s="119"/>
      <c r="BB2371" s="107">
        <v>45884</v>
      </c>
    </row>
    <row r="2372" spans="1:54" s="207" customFormat="1" ht="13.95" customHeight="1" x14ac:dyDescent="0.25">
      <c r="A2372" s="208" t="s">
        <v>5669</v>
      </c>
      <c r="B2372" s="209" t="s">
        <v>20420</v>
      </c>
      <c r="C2372" s="113" t="s">
        <v>5670</v>
      </c>
      <c r="D2372" s="113" t="s">
        <v>5671</v>
      </c>
      <c r="E2372" s="210">
        <v>2001</v>
      </c>
      <c r="F2372" s="210">
        <v>8944</v>
      </c>
      <c r="G2372" s="113" t="s">
        <v>3</v>
      </c>
      <c r="H2372" s="113">
        <v>1</v>
      </c>
      <c r="I2372" s="113">
        <v>1</v>
      </c>
      <c r="J2372" s="115">
        <v>1</v>
      </c>
      <c r="K2372" s="116" t="s">
        <v>174</v>
      </c>
      <c r="L2372" s="115">
        <v>1</v>
      </c>
      <c r="M2372" s="115">
        <v>1</v>
      </c>
      <c r="N2372" s="115">
        <v>0</v>
      </c>
      <c r="O2372" s="115">
        <v>1</v>
      </c>
      <c r="P2372" s="115" t="s">
        <v>400</v>
      </c>
      <c r="Q2372" s="115" t="s">
        <v>400</v>
      </c>
      <c r="R2372" s="115">
        <v>1</v>
      </c>
      <c r="S2372" s="115">
        <v>0</v>
      </c>
      <c r="T2372" s="115">
        <v>0</v>
      </c>
      <c r="U2372" s="113" t="s">
        <v>174</v>
      </c>
      <c r="V2372" s="113" t="s">
        <v>174</v>
      </c>
      <c r="W2372" s="113" t="s">
        <v>174</v>
      </c>
      <c r="X2372" s="113" t="s">
        <v>174</v>
      </c>
      <c r="Y2372" s="113" t="s">
        <v>174</v>
      </c>
      <c r="Z2372" s="113" t="s">
        <v>174</v>
      </c>
      <c r="AA2372" s="113" t="s">
        <v>174</v>
      </c>
      <c r="AB2372" s="113" t="s">
        <v>174</v>
      </c>
      <c r="AC2372" s="113" t="s">
        <v>174</v>
      </c>
      <c r="AD2372" s="113" t="s">
        <v>174</v>
      </c>
      <c r="AE2372" s="113" t="s">
        <v>174</v>
      </c>
      <c r="AF2372" s="113" t="s">
        <v>174</v>
      </c>
      <c r="AG2372" s="113" t="s">
        <v>174</v>
      </c>
      <c r="AH2372" s="113" t="s">
        <v>174</v>
      </c>
      <c r="AI2372" s="113" t="s">
        <v>174</v>
      </c>
      <c r="AJ2372" s="113" t="s">
        <v>174</v>
      </c>
      <c r="AK2372" s="113" t="s">
        <v>174</v>
      </c>
      <c r="AL2372" s="113" t="s">
        <v>174</v>
      </c>
      <c r="AM2372" s="113" t="s">
        <v>174</v>
      </c>
      <c r="AN2372" s="113" t="s">
        <v>174</v>
      </c>
      <c r="AO2372" s="113" t="s">
        <v>174</v>
      </c>
      <c r="AP2372" s="113" t="s">
        <v>174</v>
      </c>
      <c r="AQ2372" s="113" t="s">
        <v>174</v>
      </c>
      <c r="AR2372" s="113" t="s">
        <v>174</v>
      </c>
      <c r="AS2372" s="113" t="s">
        <v>174</v>
      </c>
      <c r="AT2372" s="121" t="s">
        <v>174</v>
      </c>
      <c r="AU2372" s="113" t="s">
        <v>174</v>
      </c>
      <c r="AV2372" s="113" t="s">
        <v>174</v>
      </c>
      <c r="AW2372" s="113" t="s">
        <v>174</v>
      </c>
      <c r="AX2372" s="113"/>
      <c r="AY2372" s="113"/>
      <c r="AZ2372" s="113"/>
      <c r="BA2372" s="113"/>
      <c r="BB2372" s="107">
        <v>45884</v>
      </c>
    </row>
    <row r="2373" spans="1:54" s="207" customFormat="1" ht="13.95" customHeight="1" x14ac:dyDescent="0.25">
      <c r="A2373" s="208" t="s">
        <v>5672</v>
      </c>
      <c r="B2373" s="209" t="s">
        <v>20420</v>
      </c>
      <c r="C2373" s="113" t="s">
        <v>5673</v>
      </c>
      <c r="D2373" s="113" t="s">
        <v>5674</v>
      </c>
      <c r="E2373" s="210">
        <v>1978</v>
      </c>
      <c r="F2373" s="210">
        <v>8988</v>
      </c>
      <c r="G2373" s="113" t="s">
        <v>1</v>
      </c>
      <c r="H2373" s="113">
        <v>0</v>
      </c>
      <c r="I2373" s="113">
        <v>0</v>
      </c>
      <c r="J2373" s="115">
        <v>1</v>
      </c>
      <c r="K2373" s="116" t="s">
        <v>174</v>
      </c>
      <c r="L2373" s="115">
        <v>1</v>
      </c>
      <c r="M2373" s="115">
        <v>0</v>
      </c>
      <c r="N2373" s="115">
        <v>0</v>
      </c>
      <c r="O2373" s="115">
        <v>1</v>
      </c>
      <c r="P2373" s="115">
        <v>1</v>
      </c>
      <c r="Q2373" s="115" t="s">
        <v>400</v>
      </c>
      <c r="R2373" s="115">
        <v>1</v>
      </c>
      <c r="S2373" s="115">
        <v>0</v>
      </c>
      <c r="T2373" s="115">
        <v>1</v>
      </c>
      <c r="U2373" s="119"/>
      <c r="V2373" s="119"/>
      <c r="W2373" s="119"/>
      <c r="X2373" s="119"/>
      <c r="Y2373" s="119"/>
      <c r="Z2373" s="119"/>
      <c r="AA2373" s="119"/>
      <c r="AB2373" s="119"/>
      <c r="AC2373" s="119"/>
      <c r="AD2373" s="119"/>
      <c r="AE2373" s="119"/>
      <c r="AF2373" s="119"/>
      <c r="AG2373" s="119"/>
      <c r="AH2373" s="119"/>
      <c r="AI2373" s="119"/>
      <c r="AJ2373" s="119"/>
      <c r="AK2373" s="119"/>
      <c r="AL2373" s="119"/>
      <c r="AM2373" s="119"/>
      <c r="AN2373" s="119"/>
      <c r="AO2373" s="119"/>
      <c r="AP2373" s="119"/>
      <c r="AQ2373" s="119"/>
      <c r="AR2373" s="119"/>
      <c r="AS2373" s="119"/>
      <c r="AT2373" s="119"/>
      <c r="AU2373" s="119"/>
      <c r="AV2373" s="119"/>
      <c r="AW2373" s="119"/>
      <c r="AX2373" s="119"/>
      <c r="AY2373" s="119"/>
      <c r="AZ2373" s="119"/>
      <c r="BA2373" s="119"/>
      <c r="BB2373" s="107">
        <v>45884</v>
      </c>
    </row>
    <row r="2374" spans="1:54" s="207" customFormat="1" ht="13.95" customHeight="1" x14ac:dyDescent="0.25">
      <c r="A2374" s="208" t="s">
        <v>5675</v>
      </c>
      <c r="B2374" s="209" t="s">
        <v>20420</v>
      </c>
      <c r="C2374" s="113" t="s">
        <v>5676</v>
      </c>
      <c r="D2374" s="113" t="s">
        <v>23870</v>
      </c>
      <c r="E2374" s="210">
        <v>1988</v>
      </c>
      <c r="F2374" s="210">
        <v>9000</v>
      </c>
      <c r="G2374" s="113" t="s">
        <v>3</v>
      </c>
      <c r="H2374" s="113">
        <v>1</v>
      </c>
      <c r="I2374" s="95">
        <v>1</v>
      </c>
      <c r="J2374" s="115">
        <v>1</v>
      </c>
      <c r="K2374" s="116" t="s">
        <v>174</v>
      </c>
      <c r="L2374" s="115">
        <v>1</v>
      </c>
      <c r="M2374" s="115">
        <v>0</v>
      </c>
      <c r="N2374" s="115">
        <v>1</v>
      </c>
      <c r="O2374" s="115">
        <v>1</v>
      </c>
      <c r="P2374" s="115">
        <v>1</v>
      </c>
      <c r="Q2374" s="115" t="s">
        <v>400</v>
      </c>
      <c r="R2374" s="115">
        <v>0</v>
      </c>
      <c r="S2374" s="115">
        <v>0</v>
      </c>
      <c r="T2374" s="115">
        <v>0</v>
      </c>
      <c r="U2374" s="113" t="s">
        <v>174</v>
      </c>
      <c r="V2374" s="113" t="s">
        <v>174</v>
      </c>
      <c r="W2374" s="113" t="s">
        <v>174</v>
      </c>
      <c r="X2374" s="113" t="s">
        <v>174</v>
      </c>
      <c r="Y2374" s="113" t="s">
        <v>174</v>
      </c>
      <c r="Z2374" s="113" t="s">
        <v>174</v>
      </c>
      <c r="AA2374" s="113" t="s">
        <v>174</v>
      </c>
      <c r="AB2374" s="113" t="s">
        <v>174</v>
      </c>
      <c r="AC2374" s="113" t="s">
        <v>174</v>
      </c>
      <c r="AD2374" s="113" t="s">
        <v>174</v>
      </c>
      <c r="AE2374" s="113" t="s">
        <v>174</v>
      </c>
      <c r="AF2374" s="113" t="s">
        <v>174</v>
      </c>
      <c r="AG2374" s="113" t="s">
        <v>174</v>
      </c>
      <c r="AH2374" s="113" t="s">
        <v>174</v>
      </c>
      <c r="AI2374" s="113" t="s">
        <v>174</v>
      </c>
      <c r="AJ2374" s="113" t="s">
        <v>174</v>
      </c>
      <c r="AK2374" s="113" t="s">
        <v>174</v>
      </c>
      <c r="AL2374" s="113" t="s">
        <v>174</v>
      </c>
      <c r="AM2374" s="113" t="s">
        <v>174</v>
      </c>
      <c r="AN2374" s="113" t="s">
        <v>174</v>
      </c>
      <c r="AO2374" s="113" t="s">
        <v>174</v>
      </c>
      <c r="AP2374" s="113" t="s">
        <v>174</v>
      </c>
      <c r="AQ2374" s="113" t="s">
        <v>174</v>
      </c>
      <c r="AR2374" s="113" t="s">
        <v>174</v>
      </c>
      <c r="AS2374" s="113" t="s">
        <v>174</v>
      </c>
      <c r="AT2374" s="121" t="s">
        <v>174</v>
      </c>
      <c r="AU2374" s="113" t="s">
        <v>174</v>
      </c>
      <c r="AV2374" s="113" t="s">
        <v>174</v>
      </c>
      <c r="AW2374" s="113" t="s">
        <v>174</v>
      </c>
      <c r="AX2374" s="113"/>
      <c r="AY2374" s="113"/>
      <c r="AZ2374" s="113"/>
      <c r="BA2374" s="113"/>
      <c r="BB2374" s="107">
        <v>45884</v>
      </c>
    </row>
    <row r="2375" spans="1:54" s="207" customFormat="1" ht="13.95" customHeight="1" x14ac:dyDescent="0.25">
      <c r="A2375" s="208" t="s">
        <v>5677</v>
      </c>
      <c r="B2375" s="209" t="s">
        <v>20420</v>
      </c>
      <c r="C2375" s="113" t="s">
        <v>5678</v>
      </c>
      <c r="D2375" s="113" t="s">
        <v>23871</v>
      </c>
      <c r="E2375" s="210">
        <v>1999</v>
      </c>
      <c r="F2375" s="210">
        <v>16351</v>
      </c>
      <c r="G2375" s="113" t="s">
        <v>3</v>
      </c>
      <c r="H2375" s="113">
        <v>1</v>
      </c>
      <c r="I2375" s="113">
        <v>1</v>
      </c>
      <c r="J2375" s="115">
        <v>1</v>
      </c>
      <c r="K2375" s="116" t="s">
        <v>174</v>
      </c>
      <c r="L2375" s="115">
        <v>0</v>
      </c>
      <c r="M2375" s="115">
        <v>0</v>
      </c>
      <c r="N2375" s="115">
        <v>1</v>
      </c>
      <c r="O2375" s="115">
        <v>1</v>
      </c>
      <c r="P2375" s="115">
        <v>1</v>
      </c>
      <c r="Q2375" s="115" t="s">
        <v>400</v>
      </c>
      <c r="R2375" s="115">
        <v>0</v>
      </c>
      <c r="S2375" s="115">
        <v>0</v>
      </c>
      <c r="T2375" s="115">
        <v>0</v>
      </c>
      <c r="U2375" s="113" t="s">
        <v>174</v>
      </c>
      <c r="V2375" s="113" t="s">
        <v>174</v>
      </c>
      <c r="W2375" s="113" t="s">
        <v>174</v>
      </c>
      <c r="X2375" s="113" t="s">
        <v>174</v>
      </c>
      <c r="Y2375" s="113" t="s">
        <v>174</v>
      </c>
      <c r="Z2375" s="113" t="s">
        <v>174</v>
      </c>
      <c r="AA2375" s="113" t="s">
        <v>174</v>
      </c>
      <c r="AB2375" s="113" t="s">
        <v>174</v>
      </c>
      <c r="AC2375" s="113" t="s">
        <v>174</v>
      </c>
      <c r="AD2375" s="113" t="s">
        <v>174</v>
      </c>
      <c r="AE2375" s="113" t="s">
        <v>174</v>
      </c>
      <c r="AF2375" s="113" t="s">
        <v>174</v>
      </c>
      <c r="AG2375" s="113" t="s">
        <v>174</v>
      </c>
      <c r="AH2375" s="113" t="s">
        <v>174</v>
      </c>
      <c r="AI2375" s="113" t="s">
        <v>174</v>
      </c>
      <c r="AJ2375" s="113" t="s">
        <v>174</v>
      </c>
      <c r="AK2375" s="113" t="s">
        <v>174</v>
      </c>
      <c r="AL2375" s="113" t="s">
        <v>174</v>
      </c>
      <c r="AM2375" s="113" t="s">
        <v>174</v>
      </c>
      <c r="AN2375" s="113" t="s">
        <v>174</v>
      </c>
      <c r="AO2375" s="113" t="s">
        <v>174</v>
      </c>
      <c r="AP2375" s="113" t="s">
        <v>174</v>
      </c>
      <c r="AQ2375" s="113" t="s">
        <v>174</v>
      </c>
      <c r="AR2375" s="113" t="s">
        <v>174</v>
      </c>
      <c r="AS2375" s="113" t="s">
        <v>174</v>
      </c>
      <c r="AT2375" s="121" t="s">
        <v>174</v>
      </c>
      <c r="AU2375" s="113" t="s">
        <v>174</v>
      </c>
      <c r="AV2375" s="113" t="s">
        <v>174</v>
      </c>
      <c r="AW2375" s="113" t="s">
        <v>174</v>
      </c>
      <c r="AX2375" s="113"/>
      <c r="AY2375" s="113"/>
      <c r="AZ2375" s="113"/>
      <c r="BA2375" s="113"/>
      <c r="BB2375" s="107">
        <v>45884</v>
      </c>
    </row>
    <row r="2376" spans="1:54" s="207" customFormat="1" ht="13.95" customHeight="1" x14ac:dyDescent="0.25">
      <c r="A2376" s="208" t="s">
        <v>5679</v>
      </c>
      <c r="B2376" s="209" t="s">
        <v>20420</v>
      </c>
      <c r="C2376" s="113" t="s">
        <v>5680</v>
      </c>
      <c r="D2376" s="113" t="s">
        <v>5681</v>
      </c>
      <c r="E2376" s="210">
        <v>2004</v>
      </c>
      <c r="F2376" s="210">
        <v>9002</v>
      </c>
      <c r="G2376" s="113" t="s">
        <v>1</v>
      </c>
      <c r="H2376" s="113">
        <v>1</v>
      </c>
      <c r="I2376" s="113">
        <v>1</v>
      </c>
      <c r="J2376" s="115">
        <v>1</v>
      </c>
      <c r="K2376" s="211">
        <v>1</v>
      </c>
      <c r="L2376" s="115">
        <v>1</v>
      </c>
      <c r="M2376" s="115">
        <v>1</v>
      </c>
      <c r="N2376" s="115">
        <v>0</v>
      </c>
      <c r="O2376" s="115">
        <v>1</v>
      </c>
      <c r="P2376" s="115" t="s">
        <v>400</v>
      </c>
      <c r="Q2376" s="115" t="s">
        <v>400</v>
      </c>
      <c r="R2376" s="115">
        <v>1</v>
      </c>
      <c r="S2376" s="115">
        <v>0</v>
      </c>
      <c r="T2376" s="115">
        <v>0</v>
      </c>
      <c r="U2376" s="119"/>
      <c r="V2376" s="119"/>
      <c r="W2376" s="119"/>
      <c r="X2376" s="119"/>
      <c r="Y2376" s="119"/>
      <c r="Z2376" s="119"/>
      <c r="AA2376" s="119"/>
      <c r="AB2376" s="119"/>
      <c r="AC2376" s="119"/>
      <c r="AD2376" s="119"/>
      <c r="AE2376" s="119"/>
      <c r="AF2376" s="119"/>
      <c r="AG2376" s="119"/>
      <c r="AH2376" s="119"/>
      <c r="AI2376" s="119"/>
      <c r="AJ2376" s="119"/>
      <c r="AK2376" s="119"/>
      <c r="AL2376" s="119"/>
      <c r="AM2376" s="119"/>
      <c r="AN2376" s="119"/>
      <c r="AO2376" s="119"/>
      <c r="AP2376" s="119"/>
      <c r="AQ2376" s="119"/>
      <c r="AR2376" s="119"/>
      <c r="AS2376" s="119"/>
      <c r="AT2376" s="119"/>
      <c r="AU2376" s="119"/>
      <c r="AV2376" s="119"/>
      <c r="AW2376" s="119"/>
      <c r="AX2376" s="119"/>
      <c r="AY2376" s="119"/>
      <c r="AZ2376" s="119"/>
      <c r="BA2376" s="119"/>
      <c r="BB2376" s="107">
        <v>45884</v>
      </c>
    </row>
    <row r="2377" spans="1:54" s="207" customFormat="1" ht="13.95" customHeight="1" x14ac:dyDescent="0.25">
      <c r="A2377" s="208" t="s">
        <v>5682</v>
      </c>
      <c r="B2377" s="209" t="s">
        <v>20420</v>
      </c>
      <c r="C2377" s="113" t="s">
        <v>5683</v>
      </c>
      <c r="D2377" s="113" t="s">
        <v>5684</v>
      </c>
      <c r="E2377" s="210">
        <v>1998</v>
      </c>
      <c r="F2377" s="210">
        <v>9046</v>
      </c>
      <c r="G2377" s="113" t="s">
        <v>1</v>
      </c>
      <c r="H2377" s="113">
        <v>0</v>
      </c>
      <c r="I2377" s="113">
        <v>0</v>
      </c>
      <c r="J2377" s="115">
        <v>1</v>
      </c>
      <c r="K2377" s="116" t="s">
        <v>174</v>
      </c>
      <c r="L2377" s="115">
        <v>0</v>
      </c>
      <c r="M2377" s="115">
        <v>0</v>
      </c>
      <c r="N2377" s="115">
        <v>0</v>
      </c>
      <c r="O2377" s="115">
        <v>0</v>
      </c>
      <c r="P2377" s="115" t="s">
        <v>400</v>
      </c>
      <c r="Q2377" s="115" t="s">
        <v>400</v>
      </c>
      <c r="R2377" s="115">
        <v>0</v>
      </c>
      <c r="S2377" s="115">
        <v>0</v>
      </c>
      <c r="T2377" s="115">
        <v>0</v>
      </c>
      <c r="U2377" s="119"/>
      <c r="V2377" s="119"/>
      <c r="W2377" s="119"/>
      <c r="X2377" s="119"/>
      <c r="Y2377" s="119"/>
      <c r="Z2377" s="119"/>
      <c r="AA2377" s="119"/>
      <c r="AB2377" s="119"/>
      <c r="AC2377" s="119"/>
      <c r="AD2377" s="119"/>
      <c r="AE2377" s="119"/>
      <c r="AF2377" s="119"/>
      <c r="AG2377" s="119"/>
      <c r="AH2377" s="119"/>
      <c r="AI2377" s="119"/>
      <c r="AJ2377" s="119"/>
      <c r="AK2377" s="119"/>
      <c r="AL2377" s="119"/>
      <c r="AM2377" s="119"/>
      <c r="AN2377" s="119"/>
      <c r="AO2377" s="119"/>
      <c r="AP2377" s="119"/>
      <c r="AQ2377" s="119"/>
      <c r="AR2377" s="119"/>
      <c r="AS2377" s="119"/>
      <c r="AT2377" s="119"/>
      <c r="AU2377" s="119"/>
      <c r="AV2377" s="119"/>
      <c r="AW2377" s="119"/>
      <c r="AX2377" s="119"/>
      <c r="AY2377" s="119"/>
      <c r="AZ2377" s="119"/>
      <c r="BA2377" s="119"/>
      <c r="BB2377" s="107">
        <v>45884</v>
      </c>
    </row>
    <row r="2378" spans="1:54" s="207" customFormat="1" ht="13.95" customHeight="1" x14ac:dyDescent="0.25">
      <c r="A2378" s="208" t="s">
        <v>5685</v>
      </c>
      <c r="B2378" s="209" t="s">
        <v>20420</v>
      </c>
      <c r="C2378" s="113" t="s">
        <v>5686</v>
      </c>
      <c r="D2378" s="113" t="s">
        <v>23872</v>
      </c>
      <c r="E2378" s="210">
        <v>2004</v>
      </c>
      <c r="F2378" s="210">
        <v>9083</v>
      </c>
      <c r="G2378" s="113" t="s">
        <v>3</v>
      </c>
      <c r="H2378" s="113">
        <v>0</v>
      </c>
      <c r="I2378" s="113">
        <v>0</v>
      </c>
      <c r="J2378" s="115">
        <v>1</v>
      </c>
      <c r="K2378" s="116" t="s">
        <v>174</v>
      </c>
      <c r="L2378" s="115">
        <v>1</v>
      </c>
      <c r="M2378" s="115">
        <v>1</v>
      </c>
      <c r="N2378" s="115">
        <v>1</v>
      </c>
      <c r="O2378" s="115">
        <v>0</v>
      </c>
      <c r="P2378" s="115" t="s">
        <v>400</v>
      </c>
      <c r="Q2378" s="115" t="s">
        <v>400</v>
      </c>
      <c r="R2378" s="115">
        <v>1</v>
      </c>
      <c r="S2378" s="115">
        <v>0</v>
      </c>
      <c r="T2378" s="115">
        <v>0</v>
      </c>
      <c r="U2378" s="113" t="s">
        <v>174</v>
      </c>
      <c r="V2378" s="113" t="s">
        <v>174</v>
      </c>
      <c r="W2378" s="113" t="s">
        <v>174</v>
      </c>
      <c r="X2378" s="113" t="s">
        <v>174</v>
      </c>
      <c r="Y2378" s="113" t="s">
        <v>174</v>
      </c>
      <c r="Z2378" s="113" t="s">
        <v>174</v>
      </c>
      <c r="AA2378" s="113" t="s">
        <v>174</v>
      </c>
      <c r="AB2378" s="113" t="s">
        <v>174</v>
      </c>
      <c r="AC2378" s="113" t="s">
        <v>174</v>
      </c>
      <c r="AD2378" s="113" t="s">
        <v>174</v>
      </c>
      <c r="AE2378" s="113" t="s">
        <v>174</v>
      </c>
      <c r="AF2378" s="113" t="s">
        <v>174</v>
      </c>
      <c r="AG2378" s="113" t="s">
        <v>174</v>
      </c>
      <c r="AH2378" s="113" t="s">
        <v>174</v>
      </c>
      <c r="AI2378" s="113" t="s">
        <v>174</v>
      </c>
      <c r="AJ2378" s="113" t="s">
        <v>174</v>
      </c>
      <c r="AK2378" s="113" t="s">
        <v>174</v>
      </c>
      <c r="AL2378" s="113" t="s">
        <v>174</v>
      </c>
      <c r="AM2378" s="113" t="s">
        <v>174</v>
      </c>
      <c r="AN2378" s="113" t="s">
        <v>174</v>
      </c>
      <c r="AO2378" s="113" t="s">
        <v>174</v>
      </c>
      <c r="AP2378" s="113" t="s">
        <v>174</v>
      </c>
      <c r="AQ2378" s="113" t="s">
        <v>174</v>
      </c>
      <c r="AR2378" s="113" t="s">
        <v>174</v>
      </c>
      <c r="AS2378" s="113" t="s">
        <v>174</v>
      </c>
      <c r="AT2378" s="121" t="s">
        <v>174</v>
      </c>
      <c r="AU2378" s="113" t="s">
        <v>174</v>
      </c>
      <c r="AV2378" s="113" t="s">
        <v>174</v>
      </c>
      <c r="AW2378" s="113" t="s">
        <v>174</v>
      </c>
      <c r="AX2378" s="113"/>
      <c r="AY2378" s="113"/>
      <c r="AZ2378" s="113"/>
      <c r="BA2378" s="113"/>
      <c r="BB2378" s="107">
        <v>45884</v>
      </c>
    </row>
    <row r="2379" spans="1:54" s="207" customFormat="1" ht="13.95" customHeight="1" x14ac:dyDescent="0.25">
      <c r="A2379" s="208" t="s">
        <v>5687</v>
      </c>
      <c r="B2379" s="209" t="s">
        <v>20420</v>
      </c>
      <c r="C2379" s="113" t="s">
        <v>5688</v>
      </c>
      <c r="D2379" s="113" t="s">
        <v>23873</v>
      </c>
      <c r="E2379" s="210">
        <v>1990</v>
      </c>
      <c r="F2379" s="210">
        <v>9105</v>
      </c>
      <c r="G2379" s="113" t="s">
        <v>3</v>
      </c>
      <c r="H2379" s="113">
        <v>1</v>
      </c>
      <c r="I2379" s="113">
        <v>0</v>
      </c>
      <c r="J2379" s="115">
        <v>1</v>
      </c>
      <c r="K2379" s="211">
        <v>1</v>
      </c>
      <c r="L2379" s="115">
        <v>1</v>
      </c>
      <c r="M2379" s="115">
        <v>1</v>
      </c>
      <c r="N2379" s="115">
        <v>0</v>
      </c>
      <c r="O2379" s="115">
        <v>0</v>
      </c>
      <c r="P2379" s="115" t="s">
        <v>400</v>
      </c>
      <c r="Q2379" s="115" t="s">
        <v>400</v>
      </c>
      <c r="R2379" s="115">
        <v>0</v>
      </c>
      <c r="S2379" s="115">
        <v>1</v>
      </c>
      <c r="T2379" s="115">
        <v>0</v>
      </c>
      <c r="U2379" s="113" t="s">
        <v>174</v>
      </c>
      <c r="V2379" s="113" t="s">
        <v>174</v>
      </c>
      <c r="W2379" s="113" t="s">
        <v>174</v>
      </c>
      <c r="X2379" s="113" t="s">
        <v>174</v>
      </c>
      <c r="Y2379" s="113" t="s">
        <v>174</v>
      </c>
      <c r="Z2379" s="113" t="s">
        <v>174</v>
      </c>
      <c r="AA2379" s="113" t="s">
        <v>174</v>
      </c>
      <c r="AB2379" s="113" t="s">
        <v>174</v>
      </c>
      <c r="AC2379" s="113" t="s">
        <v>174</v>
      </c>
      <c r="AD2379" s="113" t="s">
        <v>174</v>
      </c>
      <c r="AE2379" s="113" t="s">
        <v>174</v>
      </c>
      <c r="AF2379" s="113" t="s">
        <v>174</v>
      </c>
      <c r="AG2379" s="113" t="s">
        <v>174</v>
      </c>
      <c r="AH2379" s="113" t="s">
        <v>174</v>
      </c>
      <c r="AI2379" s="113" t="s">
        <v>174</v>
      </c>
      <c r="AJ2379" s="113" t="s">
        <v>174</v>
      </c>
      <c r="AK2379" s="113" t="s">
        <v>174</v>
      </c>
      <c r="AL2379" s="113" t="s">
        <v>174</v>
      </c>
      <c r="AM2379" s="113" t="s">
        <v>174</v>
      </c>
      <c r="AN2379" s="113" t="s">
        <v>174</v>
      </c>
      <c r="AO2379" s="113" t="s">
        <v>174</v>
      </c>
      <c r="AP2379" s="113" t="s">
        <v>174</v>
      </c>
      <c r="AQ2379" s="113" t="s">
        <v>174</v>
      </c>
      <c r="AR2379" s="113" t="s">
        <v>174</v>
      </c>
      <c r="AS2379" s="113" t="s">
        <v>174</v>
      </c>
      <c r="AT2379" s="121" t="s">
        <v>174</v>
      </c>
      <c r="AU2379" s="113" t="s">
        <v>174</v>
      </c>
      <c r="AV2379" s="113" t="s">
        <v>174</v>
      </c>
      <c r="AW2379" s="113" t="s">
        <v>174</v>
      </c>
      <c r="AX2379" s="113"/>
      <c r="AY2379" s="113"/>
      <c r="AZ2379" s="113"/>
      <c r="BA2379" s="113"/>
      <c r="BB2379" s="107">
        <v>45884</v>
      </c>
    </row>
    <row r="2380" spans="1:54" s="207" customFormat="1" ht="13.95" customHeight="1" x14ac:dyDescent="0.25">
      <c r="A2380" s="208" t="s">
        <v>5689</v>
      </c>
      <c r="B2380" s="209" t="s">
        <v>20420</v>
      </c>
      <c r="C2380" s="113" t="s">
        <v>5690</v>
      </c>
      <c r="D2380" s="113" t="s">
        <v>23874</v>
      </c>
      <c r="E2380" s="210">
        <v>2001</v>
      </c>
      <c r="F2380" s="210">
        <v>9105</v>
      </c>
      <c r="G2380" s="113" t="s">
        <v>3</v>
      </c>
      <c r="H2380" s="113">
        <v>1</v>
      </c>
      <c r="I2380" s="113">
        <v>1</v>
      </c>
      <c r="J2380" s="115">
        <v>1</v>
      </c>
      <c r="K2380" s="116" t="s">
        <v>174</v>
      </c>
      <c r="L2380" s="115">
        <v>1</v>
      </c>
      <c r="M2380" s="115">
        <v>1</v>
      </c>
      <c r="N2380" s="115">
        <v>0</v>
      </c>
      <c r="O2380" s="115">
        <v>0</v>
      </c>
      <c r="P2380" s="115" t="s">
        <v>400</v>
      </c>
      <c r="Q2380" s="115" t="s">
        <v>400</v>
      </c>
      <c r="R2380" s="115">
        <v>0</v>
      </c>
      <c r="S2380" s="115">
        <v>0</v>
      </c>
      <c r="T2380" s="115">
        <v>0</v>
      </c>
      <c r="U2380" s="113" t="s">
        <v>174</v>
      </c>
      <c r="V2380" s="113" t="s">
        <v>174</v>
      </c>
      <c r="W2380" s="113" t="s">
        <v>174</v>
      </c>
      <c r="X2380" s="113" t="s">
        <v>174</v>
      </c>
      <c r="Y2380" s="113" t="s">
        <v>174</v>
      </c>
      <c r="Z2380" s="113" t="s">
        <v>174</v>
      </c>
      <c r="AA2380" s="113" t="s">
        <v>174</v>
      </c>
      <c r="AB2380" s="113" t="s">
        <v>174</v>
      </c>
      <c r="AC2380" s="113" t="s">
        <v>174</v>
      </c>
      <c r="AD2380" s="113" t="s">
        <v>174</v>
      </c>
      <c r="AE2380" s="113" t="s">
        <v>174</v>
      </c>
      <c r="AF2380" s="113" t="s">
        <v>174</v>
      </c>
      <c r="AG2380" s="113" t="s">
        <v>174</v>
      </c>
      <c r="AH2380" s="113" t="s">
        <v>174</v>
      </c>
      <c r="AI2380" s="113" t="s">
        <v>174</v>
      </c>
      <c r="AJ2380" s="113" t="s">
        <v>174</v>
      </c>
      <c r="AK2380" s="113" t="s">
        <v>174</v>
      </c>
      <c r="AL2380" s="113" t="s">
        <v>174</v>
      </c>
      <c r="AM2380" s="113" t="s">
        <v>174</v>
      </c>
      <c r="AN2380" s="113" t="s">
        <v>174</v>
      </c>
      <c r="AO2380" s="113" t="s">
        <v>174</v>
      </c>
      <c r="AP2380" s="113" t="s">
        <v>174</v>
      </c>
      <c r="AQ2380" s="113" t="s">
        <v>174</v>
      </c>
      <c r="AR2380" s="113" t="s">
        <v>174</v>
      </c>
      <c r="AS2380" s="113" t="s">
        <v>174</v>
      </c>
      <c r="AT2380" s="121" t="s">
        <v>174</v>
      </c>
      <c r="AU2380" s="113" t="s">
        <v>174</v>
      </c>
      <c r="AV2380" s="113" t="s">
        <v>174</v>
      </c>
      <c r="AW2380" s="113" t="s">
        <v>174</v>
      </c>
      <c r="AX2380" s="113"/>
      <c r="AY2380" s="113"/>
      <c r="AZ2380" s="113"/>
      <c r="BA2380" s="113"/>
      <c r="BB2380" s="107">
        <v>45884</v>
      </c>
    </row>
    <row r="2381" spans="1:54" s="207" customFormat="1" ht="13.95" customHeight="1" x14ac:dyDescent="0.25">
      <c r="A2381" s="208" t="s">
        <v>5691</v>
      </c>
      <c r="B2381" s="209" t="s">
        <v>20420</v>
      </c>
      <c r="C2381" s="113" t="s">
        <v>5692</v>
      </c>
      <c r="D2381" s="113" t="s">
        <v>5693</v>
      </c>
      <c r="E2381" s="210">
        <v>1986</v>
      </c>
      <c r="F2381" s="210">
        <v>9215</v>
      </c>
      <c r="G2381" s="113" t="s">
        <v>3</v>
      </c>
      <c r="H2381" s="113">
        <v>0</v>
      </c>
      <c r="I2381" s="113">
        <v>0</v>
      </c>
      <c r="J2381" s="115">
        <v>1</v>
      </c>
      <c r="K2381" s="116" t="s">
        <v>174</v>
      </c>
      <c r="L2381" s="115">
        <v>0</v>
      </c>
      <c r="M2381" s="115">
        <v>0</v>
      </c>
      <c r="N2381" s="115">
        <v>0</v>
      </c>
      <c r="O2381" s="115">
        <v>0</v>
      </c>
      <c r="P2381" s="115" t="s">
        <v>400</v>
      </c>
      <c r="Q2381" s="115" t="s">
        <v>400</v>
      </c>
      <c r="R2381" s="115">
        <v>0</v>
      </c>
      <c r="S2381" s="115">
        <v>0</v>
      </c>
      <c r="T2381" s="115">
        <v>0</v>
      </c>
      <c r="U2381" s="113" t="s">
        <v>174</v>
      </c>
      <c r="V2381" s="113" t="s">
        <v>174</v>
      </c>
      <c r="W2381" s="113" t="s">
        <v>174</v>
      </c>
      <c r="X2381" s="113" t="s">
        <v>174</v>
      </c>
      <c r="Y2381" s="113" t="s">
        <v>174</v>
      </c>
      <c r="Z2381" s="113" t="s">
        <v>174</v>
      </c>
      <c r="AA2381" s="113" t="s">
        <v>174</v>
      </c>
      <c r="AB2381" s="113" t="s">
        <v>174</v>
      </c>
      <c r="AC2381" s="113" t="s">
        <v>174</v>
      </c>
      <c r="AD2381" s="113" t="s">
        <v>174</v>
      </c>
      <c r="AE2381" s="113" t="s">
        <v>174</v>
      </c>
      <c r="AF2381" s="113" t="s">
        <v>174</v>
      </c>
      <c r="AG2381" s="113" t="s">
        <v>174</v>
      </c>
      <c r="AH2381" s="113" t="s">
        <v>174</v>
      </c>
      <c r="AI2381" s="113" t="s">
        <v>174</v>
      </c>
      <c r="AJ2381" s="113" t="s">
        <v>174</v>
      </c>
      <c r="AK2381" s="113" t="s">
        <v>174</v>
      </c>
      <c r="AL2381" s="113" t="s">
        <v>174</v>
      </c>
      <c r="AM2381" s="113" t="s">
        <v>174</v>
      </c>
      <c r="AN2381" s="113" t="s">
        <v>174</v>
      </c>
      <c r="AO2381" s="113" t="s">
        <v>174</v>
      </c>
      <c r="AP2381" s="113" t="s">
        <v>174</v>
      </c>
      <c r="AQ2381" s="113" t="s">
        <v>174</v>
      </c>
      <c r="AR2381" s="113" t="s">
        <v>174</v>
      </c>
      <c r="AS2381" s="113" t="s">
        <v>174</v>
      </c>
      <c r="AT2381" s="121" t="s">
        <v>174</v>
      </c>
      <c r="AU2381" s="113" t="s">
        <v>174</v>
      </c>
      <c r="AV2381" s="113" t="s">
        <v>174</v>
      </c>
      <c r="AW2381" s="113" t="s">
        <v>174</v>
      </c>
      <c r="AX2381" s="113"/>
      <c r="AY2381" s="113"/>
      <c r="AZ2381" s="113"/>
      <c r="BA2381" s="113"/>
      <c r="BB2381" s="107">
        <v>45884</v>
      </c>
    </row>
    <row r="2382" spans="1:54" s="207" customFormat="1" ht="13.95" customHeight="1" x14ac:dyDescent="0.25">
      <c r="A2382" s="208" t="s">
        <v>5694</v>
      </c>
      <c r="B2382" s="209" t="s">
        <v>20420</v>
      </c>
      <c r="C2382" s="113" t="s">
        <v>5695</v>
      </c>
      <c r="D2382" s="113" t="s">
        <v>23875</v>
      </c>
      <c r="E2382" s="210">
        <v>2006</v>
      </c>
      <c r="F2382" s="210">
        <v>9260</v>
      </c>
      <c r="G2382" s="113" t="s">
        <v>3</v>
      </c>
      <c r="H2382" s="113">
        <v>1</v>
      </c>
      <c r="I2382" s="113">
        <v>1</v>
      </c>
      <c r="J2382" s="115">
        <v>1</v>
      </c>
      <c r="K2382" s="116" t="s">
        <v>174</v>
      </c>
      <c r="L2382" s="115">
        <v>0</v>
      </c>
      <c r="M2382" s="115">
        <v>0</v>
      </c>
      <c r="N2382" s="115">
        <v>0</v>
      </c>
      <c r="O2382" s="115">
        <v>0</v>
      </c>
      <c r="P2382" s="115" t="s">
        <v>400</v>
      </c>
      <c r="Q2382" s="115" t="s">
        <v>400</v>
      </c>
      <c r="R2382" s="115">
        <v>0</v>
      </c>
      <c r="S2382" s="115">
        <v>0</v>
      </c>
      <c r="T2382" s="115">
        <v>0</v>
      </c>
      <c r="U2382" s="113" t="s">
        <v>174</v>
      </c>
      <c r="V2382" s="113" t="s">
        <v>174</v>
      </c>
      <c r="W2382" s="113" t="s">
        <v>174</v>
      </c>
      <c r="X2382" s="113" t="s">
        <v>174</v>
      </c>
      <c r="Y2382" s="113" t="s">
        <v>174</v>
      </c>
      <c r="Z2382" s="113" t="s">
        <v>174</v>
      </c>
      <c r="AA2382" s="113" t="s">
        <v>174</v>
      </c>
      <c r="AB2382" s="113" t="s">
        <v>174</v>
      </c>
      <c r="AC2382" s="113" t="s">
        <v>174</v>
      </c>
      <c r="AD2382" s="113" t="s">
        <v>174</v>
      </c>
      <c r="AE2382" s="113" t="s">
        <v>174</v>
      </c>
      <c r="AF2382" s="113" t="s">
        <v>174</v>
      </c>
      <c r="AG2382" s="113" t="s">
        <v>174</v>
      </c>
      <c r="AH2382" s="113" t="s">
        <v>174</v>
      </c>
      <c r="AI2382" s="113" t="s">
        <v>174</v>
      </c>
      <c r="AJ2382" s="113" t="s">
        <v>174</v>
      </c>
      <c r="AK2382" s="113" t="s">
        <v>174</v>
      </c>
      <c r="AL2382" s="113" t="s">
        <v>174</v>
      </c>
      <c r="AM2382" s="113" t="s">
        <v>174</v>
      </c>
      <c r="AN2382" s="113" t="s">
        <v>174</v>
      </c>
      <c r="AO2382" s="113" t="s">
        <v>174</v>
      </c>
      <c r="AP2382" s="113" t="s">
        <v>174</v>
      </c>
      <c r="AQ2382" s="113" t="s">
        <v>174</v>
      </c>
      <c r="AR2382" s="113" t="s">
        <v>174</v>
      </c>
      <c r="AS2382" s="113" t="s">
        <v>174</v>
      </c>
      <c r="AT2382" s="121" t="s">
        <v>174</v>
      </c>
      <c r="AU2382" s="113" t="s">
        <v>174</v>
      </c>
      <c r="AV2382" s="113" t="s">
        <v>174</v>
      </c>
      <c r="AW2382" s="113" t="s">
        <v>174</v>
      </c>
      <c r="AX2382" s="113"/>
      <c r="AY2382" s="113"/>
      <c r="AZ2382" s="113"/>
      <c r="BA2382" s="113"/>
      <c r="BB2382" s="107">
        <v>45884</v>
      </c>
    </row>
    <row r="2383" spans="1:54" s="207" customFormat="1" ht="13.95" customHeight="1" x14ac:dyDescent="0.25">
      <c r="A2383" s="208" t="s">
        <v>5696</v>
      </c>
      <c r="B2383" s="209" t="s">
        <v>20420</v>
      </c>
      <c r="C2383" s="113" t="s">
        <v>5697</v>
      </c>
      <c r="D2383" s="113" t="s">
        <v>5698</v>
      </c>
      <c r="E2383" s="210">
        <v>1976</v>
      </c>
      <c r="F2383" s="210">
        <v>10679</v>
      </c>
      <c r="G2383" s="113" t="s">
        <v>3</v>
      </c>
      <c r="H2383" s="113">
        <v>0</v>
      </c>
      <c r="I2383" s="113">
        <v>0</v>
      </c>
      <c r="J2383" s="115">
        <v>1</v>
      </c>
      <c r="K2383" s="116" t="s">
        <v>174</v>
      </c>
      <c r="L2383" s="115">
        <v>1</v>
      </c>
      <c r="M2383" s="115">
        <v>1</v>
      </c>
      <c r="N2383" s="115">
        <v>1</v>
      </c>
      <c r="O2383" s="115">
        <v>1</v>
      </c>
      <c r="P2383" s="115">
        <v>1</v>
      </c>
      <c r="Q2383" s="115" t="s">
        <v>400</v>
      </c>
      <c r="R2383" s="115">
        <v>1</v>
      </c>
      <c r="S2383" s="115">
        <v>0</v>
      </c>
      <c r="T2383" s="115">
        <v>0</v>
      </c>
      <c r="U2383" s="113" t="s">
        <v>174</v>
      </c>
      <c r="V2383" s="113" t="s">
        <v>174</v>
      </c>
      <c r="W2383" s="113" t="s">
        <v>174</v>
      </c>
      <c r="X2383" s="113" t="s">
        <v>174</v>
      </c>
      <c r="Y2383" s="113" t="s">
        <v>174</v>
      </c>
      <c r="Z2383" s="113" t="s">
        <v>174</v>
      </c>
      <c r="AA2383" s="113" t="s">
        <v>174</v>
      </c>
      <c r="AB2383" s="113" t="s">
        <v>174</v>
      </c>
      <c r="AC2383" s="113" t="s">
        <v>174</v>
      </c>
      <c r="AD2383" s="113" t="s">
        <v>174</v>
      </c>
      <c r="AE2383" s="113" t="s">
        <v>174</v>
      </c>
      <c r="AF2383" s="113" t="s">
        <v>174</v>
      </c>
      <c r="AG2383" s="113" t="s">
        <v>174</v>
      </c>
      <c r="AH2383" s="113" t="s">
        <v>174</v>
      </c>
      <c r="AI2383" s="113" t="s">
        <v>174</v>
      </c>
      <c r="AJ2383" s="113" t="s">
        <v>174</v>
      </c>
      <c r="AK2383" s="113" t="s">
        <v>174</v>
      </c>
      <c r="AL2383" s="113" t="s">
        <v>174</v>
      </c>
      <c r="AM2383" s="113" t="s">
        <v>174</v>
      </c>
      <c r="AN2383" s="113" t="s">
        <v>174</v>
      </c>
      <c r="AO2383" s="113" t="s">
        <v>174</v>
      </c>
      <c r="AP2383" s="113" t="s">
        <v>174</v>
      </c>
      <c r="AQ2383" s="113" t="s">
        <v>174</v>
      </c>
      <c r="AR2383" s="113" t="s">
        <v>174</v>
      </c>
      <c r="AS2383" s="113" t="s">
        <v>174</v>
      </c>
      <c r="AT2383" s="121" t="s">
        <v>174</v>
      </c>
      <c r="AU2383" s="113" t="s">
        <v>174</v>
      </c>
      <c r="AV2383" s="113" t="s">
        <v>174</v>
      </c>
      <c r="AW2383" s="113" t="s">
        <v>174</v>
      </c>
      <c r="AX2383" s="113"/>
      <c r="AY2383" s="113"/>
      <c r="AZ2383" s="113"/>
      <c r="BA2383" s="113"/>
      <c r="BB2383" s="107">
        <v>45884</v>
      </c>
    </row>
    <row r="2384" spans="1:54" s="207" customFormat="1" ht="13.95" customHeight="1" x14ac:dyDescent="0.25">
      <c r="A2384" s="208" t="s">
        <v>5699</v>
      </c>
      <c r="B2384" s="209" t="s">
        <v>20420</v>
      </c>
      <c r="C2384" s="113" t="s">
        <v>5700</v>
      </c>
      <c r="D2384" s="113" t="s">
        <v>23876</v>
      </c>
      <c r="E2384" s="210">
        <v>2007</v>
      </c>
      <c r="F2384" s="210">
        <v>9388</v>
      </c>
      <c r="G2384" s="113" t="s">
        <v>3</v>
      </c>
      <c r="H2384" s="113">
        <v>0</v>
      </c>
      <c r="I2384" s="113">
        <v>0</v>
      </c>
      <c r="J2384" s="115">
        <v>1</v>
      </c>
      <c r="K2384" s="116" t="s">
        <v>174</v>
      </c>
      <c r="L2384" s="115">
        <v>1</v>
      </c>
      <c r="M2384" s="115">
        <v>0</v>
      </c>
      <c r="N2384" s="115">
        <v>1</v>
      </c>
      <c r="O2384" s="115">
        <v>1</v>
      </c>
      <c r="P2384" s="115">
        <v>1</v>
      </c>
      <c r="Q2384" s="115" t="s">
        <v>400</v>
      </c>
      <c r="R2384" s="115">
        <v>1</v>
      </c>
      <c r="S2384" s="115">
        <v>0</v>
      </c>
      <c r="T2384" s="115">
        <v>0</v>
      </c>
      <c r="U2384" s="113" t="s">
        <v>174</v>
      </c>
      <c r="V2384" s="113" t="s">
        <v>174</v>
      </c>
      <c r="W2384" s="113" t="s">
        <v>174</v>
      </c>
      <c r="X2384" s="113" t="s">
        <v>174</v>
      </c>
      <c r="Y2384" s="113" t="s">
        <v>174</v>
      </c>
      <c r="Z2384" s="113" t="s">
        <v>174</v>
      </c>
      <c r="AA2384" s="113" t="s">
        <v>174</v>
      </c>
      <c r="AB2384" s="113" t="s">
        <v>174</v>
      </c>
      <c r="AC2384" s="113" t="s">
        <v>174</v>
      </c>
      <c r="AD2384" s="113" t="s">
        <v>174</v>
      </c>
      <c r="AE2384" s="113" t="s">
        <v>174</v>
      </c>
      <c r="AF2384" s="113" t="s">
        <v>174</v>
      </c>
      <c r="AG2384" s="113" t="s">
        <v>174</v>
      </c>
      <c r="AH2384" s="113" t="s">
        <v>174</v>
      </c>
      <c r="AI2384" s="113" t="s">
        <v>174</v>
      </c>
      <c r="AJ2384" s="113" t="s">
        <v>174</v>
      </c>
      <c r="AK2384" s="113" t="s">
        <v>174</v>
      </c>
      <c r="AL2384" s="113" t="s">
        <v>174</v>
      </c>
      <c r="AM2384" s="113" t="s">
        <v>174</v>
      </c>
      <c r="AN2384" s="113" t="s">
        <v>174</v>
      </c>
      <c r="AO2384" s="113" t="s">
        <v>174</v>
      </c>
      <c r="AP2384" s="113" t="s">
        <v>174</v>
      </c>
      <c r="AQ2384" s="113" t="s">
        <v>174</v>
      </c>
      <c r="AR2384" s="113" t="s">
        <v>174</v>
      </c>
      <c r="AS2384" s="113" t="s">
        <v>174</v>
      </c>
      <c r="AT2384" s="121" t="s">
        <v>174</v>
      </c>
      <c r="AU2384" s="113" t="s">
        <v>174</v>
      </c>
      <c r="AV2384" s="113" t="s">
        <v>174</v>
      </c>
      <c r="AW2384" s="113" t="s">
        <v>174</v>
      </c>
      <c r="AX2384" s="113"/>
      <c r="AY2384" s="113"/>
      <c r="AZ2384" s="113"/>
      <c r="BA2384" s="113"/>
      <c r="BB2384" s="107">
        <v>45884</v>
      </c>
    </row>
    <row r="2385" spans="1:54" s="207" customFormat="1" ht="13.95" customHeight="1" x14ac:dyDescent="0.25">
      <c r="A2385" s="208" t="s">
        <v>5701</v>
      </c>
      <c r="B2385" s="209" t="s">
        <v>20420</v>
      </c>
      <c r="C2385" s="113" t="s">
        <v>5702</v>
      </c>
      <c r="D2385" s="113" t="s">
        <v>5703</v>
      </c>
      <c r="E2385" s="210">
        <v>1997</v>
      </c>
      <c r="F2385" s="210">
        <v>9461</v>
      </c>
      <c r="G2385" s="113" t="s">
        <v>3</v>
      </c>
      <c r="H2385" s="113">
        <v>0</v>
      </c>
      <c r="I2385" s="113">
        <v>0</v>
      </c>
      <c r="J2385" s="115">
        <v>1</v>
      </c>
      <c r="K2385" s="211">
        <v>1</v>
      </c>
      <c r="L2385" s="115">
        <v>0</v>
      </c>
      <c r="M2385" s="115">
        <v>1</v>
      </c>
      <c r="N2385" s="115">
        <v>0</v>
      </c>
      <c r="O2385" s="115">
        <v>1</v>
      </c>
      <c r="P2385" s="115" t="s">
        <v>400</v>
      </c>
      <c r="Q2385" s="115" t="s">
        <v>400</v>
      </c>
      <c r="R2385" s="115">
        <v>0</v>
      </c>
      <c r="S2385" s="115">
        <v>0</v>
      </c>
      <c r="T2385" s="115">
        <v>0</v>
      </c>
      <c r="U2385" s="113" t="s">
        <v>174</v>
      </c>
      <c r="V2385" s="113" t="s">
        <v>174</v>
      </c>
      <c r="W2385" s="113" t="s">
        <v>174</v>
      </c>
      <c r="X2385" s="113" t="s">
        <v>174</v>
      </c>
      <c r="Y2385" s="113" t="s">
        <v>174</v>
      </c>
      <c r="Z2385" s="113" t="s">
        <v>174</v>
      </c>
      <c r="AA2385" s="113" t="s">
        <v>174</v>
      </c>
      <c r="AB2385" s="113" t="s">
        <v>174</v>
      </c>
      <c r="AC2385" s="113" t="s">
        <v>174</v>
      </c>
      <c r="AD2385" s="113" t="s">
        <v>174</v>
      </c>
      <c r="AE2385" s="113" t="s">
        <v>174</v>
      </c>
      <c r="AF2385" s="113" t="s">
        <v>174</v>
      </c>
      <c r="AG2385" s="113" t="s">
        <v>174</v>
      </c>
      <c r="AH2385" s="113" t="s">
        <v>174</v>
      </c>
      <c r="AI2385" s="113" t="s">
        <v>174</v>
      </c>
      <c r="AJ2385" s="113" t="s">
        <v>174</v>
      </c>
      <c r="AK2385" s="113" t="s">
        <v>174</v>
      </c>
      <c r="AL2385" s="113" t="s">
        <v>174</v>
      </c>
      <c r="AM2385" s="113" t="s">
        <v>174</v>
      </c>
      <c r="AN2385" s="113" t="s">
        <v>174</v>
      </c>
      <c r="AO2385" s="113" t="s">
        <v>174</v>
      </c>
      <c r="AP2385" s="113" t="s">
        <v>174</v>
      </c>
      <c r="AQ2385" s="113" t="s">
        <v>174</v>
      </c>
      <c r="AR2385" s="113" t="s">
        <v>174</v>
      </c>
      <c r="AS2385" s="113" t="s">
        <v>174</v>
      </c>
      <c r="AT2385" s="121" t="s">
        <v>174</v>
      </c>
      <c r="AU2385" s="113" t="s">
        <v>174</v>
      </c>
      <c r="AV2385" s="113" t="s">
        <v>174</v>
      </c>
      <c r="AW2385" s="113" t="s">
        <v>174</v>
      </c>
      <c r="AX2385" s="113"/>
      <c r="AY2385" s="113"/>
      <c r="AZ2385" s="113"/>
      <c r="BA2385" s="113"/>
      <c r="BB2385" s="107">
        <v>45884</v>
      </c>
    </row>
    <row r="2386" spans="1:54" s="207" customFormat="1" ht="13.95" customHeight="1" x14ac:dyDescent="0.25">
      <c r="A2386" s="208" t="s">
        <v>5704</v>
      </c>
      <c r="B2386" s="209" t="s">
        <v>20420</v>
      </c>
      <c r="C2386" s="113" t="s">
        <v>5705</v>
      </c>
      <c r="D2386" s="113" t="s">
        <v>5706</v>
      </c>
      <c r="E2386" s="210">
        <v>2000</v>
      </c>
      <c r="F2386" s="210">
        <v>10245</v>
      </c>
      <c r="G2386" s="113" t="s">
        <v>3</v>
      </c>
      <c r="H2386" s="113">
        <v>1</v>
      </c>
      <c r="I2386" s="113">
        <v>1</v>
      </c>
      <c r="J2386" s="115">
        <v>1</v>
      </c>
      <c r="K2386" s="211">
        <v>1</v>
      </c>
      <c r="L2386" s="115">
        <v>1</v>
      </c>
      <c r="M2386" s="115">
        <v>0</v>
      </c>
      <c r="N2386" s="115">
        <v>1</v>
      </c>
      <c r="O2386" s="115">
        <v>1</v>
      </c>
      <c r="P2386" s="115">
        <v>1</v>
      </c>
      <c r="Q2386" s="115" t="s">
        <v>400</v>
      </c>
      <c r="R2386" s="115">
        <v>0</v>
      </c>
      <c r="S2386" s="115">
        <v>0</v>
      </c>
      <c r="T2386" s="115">
        <v>0</v>
      </c>
      <c r="U2386" s="113" t="s">
        <v>174</v>
      </c>
      <c r="V2386" s="113" t="s">
        <v>174</v>
      </c>
      <c r="W2386" s="113" t="s">
        <v>174</v>
      </c>
      <c r="X2386" s="113" t="s">
        <v>174</v>
      </c>
      <c r="Y2386" s="113" t="s">
        <v>174</v>
      </c>
      <c r="Z2386" s="113" t="s">
        <v>174</v>
      </c>
      <c r="AA2386" s="113" t="s">
        <v>174</v>
      </c>
      <c r="AB2386" s="113" t="s">
        <v>174</v>
      </c>
      <c r="AC2386" s="113" t="s">
        <v>174</v>
      </c>
      <c r="AD2386" s="113" t="s">
        <v>174</v>
      </c>
      <c r="AE2386" s="113" t="s">
        <v>174</v>
      </c>
      <c r="AF2386" s="113" t="s">
        <v>174</v>
      </c>
      <c r="AG2386" s="113" t="s">
        <v>174</v>
      </c>
      <c r="AH2386" s="113" t="s">
        <v>174</v>
      </c>
      <c r="AI2386" s="113" t="s">
        <v>174</v>
      </c>
      <c r="AJ2386" s="113" t="s">
        <v>174</v>
      </c>
      <c r="AK2386" s="113" t="s">
        <v>174</v>
      </c>
      <c r="AL2386" s="113" t="s">
        <v>174</v>
      </c>
      <c r="AM2386" s="113" t="s">
        <v>174</v>
      </c>
      <c r="AN2386" s="113" t="s">
        <v>174</v>
      </c>
      <c r="AO2386" s="113" t="s">
        <v>174</v>
      </c>
      <c r="AP2386" s="113" t="s">
        <v>174</v>
      </c>
      <c r="AQ2386" s="113" t="s">
        <v>174</v>
      </c>
      <c r="AR2386" s="113" t="s">
        <v>174</v>
      </c>
      <c r="AS2386" s="113" t="s">
        <v>174</v>
      </c>
      <c r="AT2386" s="121" t="s">
        <v>174</v>
      </c>
      <c r="AU2386" s="113" t="s">
        <v>174</v>
      </c>
      <c r="AV2386" s="113" t="s">
        <v>174</v>
      </c>
      <c r="AW2386" s="113" t="s">
        <v>174</v>
      </c>
      <c r="AX2386" s="113"/>
      <c r="AY2386" s="113"/>
      <c r="AZ2386" s="113"/>
      <c r="BA2386" s="113"/>
      <c r="BB2386" s="107">
        <v>45884</v>
      </c>
    </row>
    <row r="2387" spans="1:54" s="207" customFormat="1" ht="13.95" customHeight="1" x14ac:dyDescent="0.25">
      <c r="A2387" s="208" t="s">
        <v>5707</v>
      </c>
      <c r="B2387" s="209" t="s">
        <v>20420</v>
      </c>
      <c r="C2387" s="113" t="s">
        <v>5708</v>
      </c>
      <c r="D2387" s="113" t="s">
        <v>23877</v>
      </c>
      <c r="E2387" s="210">
        <v>1994</v>
      </c>
      <c r="F2387" s="210">
        <v>9556</v>
      </c>
      <c r="G2387" s="113" t="s">
        <v>3</v>
      </c>
      <c r="H2387" s="113">
        <v>0</v>
      </c>
      <c r="I2387" s="113">
        <v>0</v>
      </c>
      <c r="J2387" s="115">
        <v>1</v>
      </c>
      <c r="K2387" s="116" t="s">
        <v>174</v>
      </c>
      <c r="L2387" s="115">
        <v>1</v>
      </c>
      <c r="M2387" s="115">
        <v>0</v>
      </c>
      <c r="N2387" s="115">
        <v>0</v>
      </c>
      <c r="O2387" s="115">
        <v>1</v>
      </c>
      <c r="P2387" s="115">
        <v>1</v>
      </c>
      <c r="Q2387" s="115">
        <v>1</v>
      </c>
      <c r="R2387" s="115">
        <v>0</v>
      </c>
      <c r="S2387" s="115">
        <v>0</v>
      </c>
      <c r="T2387" s="115">
        <v>0</v>
      </c>
      <c r="U2387" s="113" t="s">
        <v>174</v>
      </c>
      <c r="V2387" s="113" t="s">
        <v>174</v>
      </c>
      <c r="W2387" s="113" t="s">
        <v>174</v>
      </c>
      <c r="X2387" s="113" t="s">
        <v>174</v>
      </c>
      <c r="Y2387" s="113" t="s">
        <v>174</v>
      </c>
      <c r="Z2387" s="113" t="s">
        <v>174</v>
      </c>
      <c r="AA2387" s="113" t="s">
        <v>174</v>
      </c>
      <c r="AB2387" s="113" t="s">
        <v>174</v>
      </c>
      <c r="AC2387" s="113" t="s">
        <v>174</v>
      </c>
      <c r="AD2387" s="113" t="s">
        <v>174</v>
      </c>
      <c r="AE2387" s="113" t="s">
        <v>174</v>
      </c>
      <c r="AF2387" s="113" t="s">
        <v>174</v>
      </c>
      <c r="AG2387" s="113" t="s">
        <v>174</v>
      </c>
      <c r="AH2387" s="113" t="s">
        <v>174</v>
      </c>
      <c r="AI2387" s="113" t="s">
        <v>174</v>
      </c>
      <c r="AJ2387" s="113" t="s">
        <v>174</v>
      </c>
      <c r="AK2387" s="113" t="s">
        <v>174</v>
      </c>
      <c r="AL2387" s="113" t="s">
        <v>174</v>
      </c>
      <c r="AM2387" s="113" t="s">
        <v>174</v>
      </c>
      <c r="AN2387" s="113" t="s">
        <v>174</v>
      </c>
      <c r="AO2387" s="113" t="s">
        <v>174</v>
      </c>
      <c r="AP2387" s="113" t="s">
        <v>174</v>
      </c>
      <c r="AQ2387" s="113" t="s">
        <v>174</v>
      </c>
      <c r="AR2387" s="113" t="s">
        <v>174</v>
      </c>
      <c r="AS2387" s="113" t="s">
        <v>174</v>
      </c>
      <c r="AT2387" s="121" t="s">
        <v>174</v>
      </c>
      <c r="AU2387" s="113" t="s">
        <v>174</v>
      </c>
      <c r="AV2387" s="113" t="s">
        <v>174</v>
      </c>
      <c r="AW2387" s="113" t="s">
        <v>174</v>
      </c>
      <c r="AX2387" s="113"/>
      <c r="AY2387" s="113"/>
      <c r="AZ2387" s="113"/>
      <c r="BA2387" s="113"/>
      <c r="BB2387" s="107">
        <v>45884</v>
      </c>
    </row>
    <row r="2388" spans="1:54" s="207" customFormat="1" ht="13.95" customHeight="1" x14ac:dyDescent="0.25">
      <c r="A2388" s="208" t="s">
        <v>5709</v>
      </c>
      <c r="B2388" s="209" t="s">
        <v>20420</v>
      </c>
      <c r="C2388" s="113" t="s">
        <v>5710</v>
      </c>
      <c r="D2388" s="113" t="s">
        <v>5711</v>
      </c>
      <c r="E2388" s="210">
        <v>1975</v>
      </c>
      <c r="F2388" s="210">
        <v>9621</v>
      </c>
      <c r="G2388" s="113" t="s">
        <v>3</v>
      </c>
      <c r="H2388" s="113">
        <v>0</v>
      </c>
      <c r="I2388" s="113">
        <v>0</v>
      </c>
      <c r="J2388" s="115">
        <v>1</v>
      </c>
      <c r="K2388" s="116" t="s">
        <v>174</v>
      </c>
      <c r="L2388" s="115">
        <v>0</v>
      </c>
      <c r="M2388" s="115">
        <v>0</v>
      </c>
      <c r="N2388" s="115">
        <v>0</v>
      </c>
      <c r="O2388" s="115">
        <v>1</v>
      </c>
      <c r="P2388" s="115">
        <v>1</v>
      </c>
      <c r="Q2388" s="115" t="s">
        <v>400</v>
      </c>
      <c r="R2388" s="115">
        <v>1</v>
      </c>
      <c r="S2388" s="115">
        <v>0</v>
      </c>
      <c r="T2388" s="115">
        <v>0</v>
      </c>
      <c r="U2388" s="113" t="s">
        <v>174</v>
      </c>
      <c r="V2388" s="113" t="s">
        <v>174</v>
      </c>
      <c r="W2388" s="113" t="s">
        <v>174</v>
      </c>
      <c r="X2388" s="113" t="s">
        <v>174</v>
      </c>
      <c r="Y2388" s="113" t="s">
        <v>174</v>
      </c>
      <c r="Z2388" s="113" t="s">
        <v>174</v>
      </c>
      <c r="AA2388" s="113" t="s">
        <v>174</v>
      </c>
      <c r="AB2388" s="113" t="s">
        <v>174</v>
      </c>
      <c r="AC2388" s="113" t="s">
        <v>174</v>
      </c>
      <c r="AD2388" s="113" t="s">
        <v>174</v>
      </c>
      <c r="AE2388" s="113" t="s">
        <v>174</v>
      </c>
      <c r="AF2388" s="113" t="s">
        <v>174</v>
      </c>
      <c r="AG2388" s="113" t="s">
        <v>174</v>
      </c>
      <c r="AH2388" s="113" t="s">
        <v>174</v>
      </c>
      <c r="AI2388" s="113" t="s">
        <v>174</v>
      </c>
      <c r="AJ2388" s="113" t="s">
        <v>174</v>
      </c>
      <c r="AK2388" s="113" t="s">
        <v>174</v>
      </c>
      <c r="AL2388" s="113" t="s">
        <v>174</v>
      </c>
      <c r="AM2388" s="113" t="s">
        <v>174</v>
      </c>
      <c r="AN2388" s="113" t="s">
        <v>174</v>
      </c>
      <c r="AO2388" s="113" t="s">
        <v>174</v>
      </c>
      <c r="AP2388" s="113" t="s">
        <v>174</v>
      </c>
      <c r="AQ2388" s="113" t="s">
        <v>174</v>
      </c>
      <c r="AR2388" s="113" t="s">
        <v>174</v>
      </c>
      <c r="AS2388" s="113" t="s">
        <v>174</v>
      </c>
      <c r="AT2388" s="121" t="s">
        <v>174</v>
      </c>
      <c r="AU2388" s="113" t="s">
        <v>174</v>
      </c>
      <c r="AV2388" s="113" t="s">
        <v>174</v>
      </c>
      <c r="AW2388" s="113" t="s">
        <v>174</v>
      </c>
      <c r="AX2388" s="113"/>
      <c r="AY2388" s="113"/>
      <c r="AZ2388" s="113"/>
      <c r="BA2388" s="113"/>
      <c r="BB2388" s="107">
        <v>45884</v>
      </c>
    </row>
    <row r="2389" spans="1:54" s="207" customFormat="1" ht="13.95" customHeight="1" x14ac:dyDescent="0.25">
      <c r="A2389" s="208" t="s">
        <v>5712</v>
      </c>
      <c r="B2389" s="209" t="s">
        <v>20420</v>
      </c>
      <c r="C2389" s="113" t="s">
        <v>5713</v>
      </c>
      <c r="D2389" s="113" t="s">
        <v>23878</v>
      </c>
      <c r="E2389" s="210">
        <v>2001</v>
      </c>
      <c r="F2389" s="210">
        <v>9632</v>
      </c>
      <c r="G2389" s="113" t="s">
        <v>3</v>
      </c>
      <c r="H2389" s="113">
        <v>1</v>
      </c>
      <c r="I2389" s="113">
        <v>1</v>
      </c>
      <c r="J2389" s="115">
        <v>1</v>
      </c>
      <c r="K2389" s="116" t="s">
        <v>174</v>
      </c>
      <c r="L2389" s="115">
        <v>1</v>
      </c>
      <c r="M2389" s="115">
        <v>1</v>
      </c>
      <c r="N2389" s="115">
        <v>0</v>
      </c>
      <c r="O2389" s="115">
        <v>0</v>
      </c>
      <c r="P2389" s="115" t="s">
        <v>400</v>
      </c>
      <c r="Q2389" s="115" t="s">
        <v>400</v>
      </c>
      <c r="R2389" s="115">
        <v>0</v>
      </c>
      <c r="S2389" s="115">
        <v>0</v>
      </c>
      <c r="T2389" s="115">
        <v>0</v>
      </c>
      <c r="U2389" s="113" t="s">
        <v>174</v>
      </c>
      <c r="V2389" s="113" t="s">
        <v>174</v>
      </c>
      <c r="W2389" s="113" t="s">
        <v>174</v>
      </c>
      <c r="X2389" s="113" t="s">
        <v>174</v>
      </c>
      <c r="Y2389" s="113" t="s">
        <v>174</v>
      </c>
      <c r="Z2389" s="113" t="s">
        <v>174</v>
      </c>
      <c r="AA2389" s="113" t="s">
        <v>174</v>
      </c>
      <c r="AB2389" s="113" t="s">
        <v>174</v>
      </c>
      <c r="AC2389" s="113" t="s">
        <v>174</v>
      </c>
      <c r="AD2389" s="113" t="s">
        <v>174</v>
      </c>
      <c r="AE2389" s="113" t="s">
        <v>174</v>
      </c>
      <c r="AF2389" s="113" t="s">
        <v>174</v>
      </c>
      <c r="AG2389" s="113" t="s">
        <v>174</v>
      </c>
      <c r="AH2389" s="113" t="s">
        <v>174</v>
      </c>
      <c r="AI2389" s="113" t="s">
        <v>174</v>
      </c>
      <c r="AJ2389" s="113" t="s">
        <v>174</v>
      </c>
      <c r="AK2389" s="113" t="s">
        <v>174</v>
      </c>
      <c r="AL2389" s="113" t="s">
        <v>174</v>
      </c>
      <c r="AM2389" s="113" t="s">
        <v>174</v>
      </c>
      <c r="AN2389" s="113" t="s">
        <v>174</v>
      </c>
      <c r="AO2389" s="113" t="s">
        <v>174</v>
      </c>
      <c r="AP2389" s="113" t="s">
        <v>174</v>
      </c>
      <c r="AQ2389" s="113" t="s">
        <v>174</v>
      </c>
      <c r="AR2389" s="113" t="s">
        <v>174</v>
      </c>
      <c r="AS2389" s="113" t="s">
        <v>174</v>
      </c>
      <c r="AT2389" s="121" t="s">
        <v>174</v>
      </c>
      <c r="AU2389" s="113" t="s">
        <v>174</v>
      </c>
      <c r="AV2389" s="113" t="s">
        <v>174</v>
      </c>
      <c r="AW2389" s="113" t="s">
        <v>174</v>
      </c>
      <c r="AX2389" s="113"/>
      <c r="AY2389" s="113"/>
      <c r="AZ2389" s="113"/>
      <c r="BA2389" s="113"/>
      <c r="BB2389" s="107">
        <v>45884</v>
      </c>
    </row>
    <row r="2390" spans="1:54" s="207" customFormat="1" ht="13.95" customHeight="1" x14ac:dyDescent="0.25">
      <c r="A2390" s="208" t="s">
        <v>5714</v>
      </c>
      <c r="B2390" s="209" t="s">
        <v>20420</v>
      </c>
      <c r="C2390" s="113" t="s">
        <v>5715</v>
      </c>
      <c r="D2390" s="113" t="s">
        <v>5716</v>
      </c>
      <c r="E2390" s="210">
        <v>1987</v>
      </c>
      <c r="F2390" s="210">
        <v>9677</v>
      </c>
      <c r="G2390" s="113" t="s">
        <v>8</v>
      </c>
      <c r="H2390" s="113">
        <v>0</v>
      </c>
      <c r="I2390" s="113">
        <v>0</v>
      </c>
      <c r="J2390" s="115">
        <v>0</v>
      </c>
      <c r="K2390" s="116" t="s">
        <v>174</v>
      </c>
      <c r="L2390" s="115">
        <v>0</v>
      </c>
      <c r="M2390" s="115">
        <v>0</v>
      </c>
      <c r="N2390" s="115">
        <v>0</v>
      </c>
      <c r="O2390" s="115">
        <v>0</v>
      </c>
      <c r="P2390" s="115" t="s">
        <v>400</v>
      </c>
      <c r="Q2390" s="115" t="s">
        <v>400</v>
      </c>
      <c r="R2390" s="115">
        <v>0</v>
      </c>
      <c r="S2390" s="115">
        <v>0</v>
      </c>
      <c r="T2390" s="115">
        <v>0</v>
      </c>
      <c r="U2390" s="113" t="s">
        <v>174</v>
      </c>
      <c r="V2390" s="113" t="s">
        <v>174</v>
      </c>
      <c r="W2390" s="113" t="s">
        <v>174</v>
      </c>
      <c r="X2390" s="113" t="s">
        <v>174</v>
      </c>
      <c r="Y2390" s="113" t="s">
        <v>174</v>
      </c>
      <c r="Z2390" s="113" t="s">
        <v>174</v>
      </c>
      <c r="AA2390" s="113" t="s">
        <v>174</v>
      </c>
      <c r="AB2390" s="113" t="s">
        <v>174</v>
      </c>
      <c r="AC2390" s="113" t="s">
        <v>174</v>
      </c>
      <c r="AD2390" s="113" t="s">
        <v>174</v>
      </c>
      <c r="AE2390" s="113" t="s">
        <v>174</v>
      </c>
      <c r="AF2390" s="113" t="s">
        <v>174</v>
      </c>
      <c r="AG2390" s="113" t="s">
        <v>174</v>
      </c>
      <c r="AH2390" s="113" t="s">
        <v>174</v>
      </c>
      <c r="AI2390" s="113" t="s">
        <v>174</v>
      </c>
      <c r="AJ2390" s="113" t="s">
        <v>174</v>
      </c>
      <c r="AK2390" s="113" t="s">
        <v>174</v>
      </c>
      <c r="AL2390" s="113" t="s">
        <v>174</v>
      </c>
      <c r="AM2390" s="113" t="s">
        <v>174</v>
      </c>
      <c r="AN2390" s="113" t="s">
        <v>174</v>
      </c>
      <c r="AO2390" s="113" t="s">
        <v>174</v>
      </c>
      <c r="AP2390" s="113" t="s">
        <v>174</v>
      </c>
      <c r="AQ2390" s="113" t="s">
        <v>174</v>
      </c>
      <c r="AR2390" s="113" t="s">
        <v>174</v>
      </c>
      <c r="AS2390" s="113" t="s">
        <v>174</v>
      </c>
      <c r="AT2390" s="121" t="s">
        <v>174</v>
      </c>
      <c r="AU2390" s="113" t="s">
        <v>174</v>
      </c>
      <c r="AV2390" s="113" t="s">
        <v>174</v>
      </c>
      <c r="AW2390" s="113" t="s">
        <v>174</v>
      </c>
      <c r="AX2390" s="113"/>
      <c r="AY2390" s="113"/>
      <c r="AZ2390" s="113"/>
      <c r="BA2390" s="113"/>
      <c r="BB2390" s="107">
        <v>45884</v>
      </c>
    </row>
    <row r="2391" spans="1:54" s="207" customFormat="1" ht="13.95" customHeight="1" x14ac:dyDescent="0.25">
      <c r="A2391" s="208" t="s">
        <v>5717</v>
      </c>
      <c r="B2391" s="209" t="s">
        <v>20420</v>
      </c>
      <c r="C2391" s="113" t="s">
        <v>5718</v>
      </c>
      <c r="D2391" s="113" t="s">
        <v>23879</v>
      </c>
      <c r="E2391" s="210">
        <v>2002</v>
      </c>
      <c r="F2391" s="210">
        <v>9701</v>
      </c>
      <c r="G2391" s="113" t="s">
        <v>3</v>
      </c>
      <c r="H2391" s="113">
        <v>1</v>
      </c>
      <c r="I2391" s="113">
        <v>1</v>
      </c>
      <c r="J2391" s="115">
        <v>1</v>
      </c>
      <c r="K2391" s="116" t="s">
        <v>174</v>
      </c>
      <c r="L2391" s="115">
        <v>1</v>
      </c>
      <c r="M2391" s="115">
        <v>1</v>
      </c>
      <c r="N2391" s="115">
        <v>1</v>
      </c>
      <c r="O2391" s="115">
        <v>0</v>
      </c>
      <c r="P2391" s="115" t="s">
        <v>400</v>
      </c>
      <c r="Q2391" s="115" t="s">
        <v>400</v>
      </c>
      <c r="R2391" s="115">
        <v>0</v>
      </c>
      <c r="S2391" s="115">
        <v>0</v>
      </c>
      <c r="T2391" s="115">
        <v>0</v>
      </c>
      <c r="U2391" s="113" t="s">
        <v>174</v>
      </c>
      <c r="V2391" s="113" t="s">
        <v>174</v>
      </c>
      <c r="W2391" s="113" t="s">
        <v>174</v>
      </c>
      <c r="X2391" s="113" t="s">
        <v>174</v>
      </c>
      <c r="Y2391" s="113" t="s">
        <v>174</v>
      </c>
      <c r="Z2391" s="113" t="s">
        <v>174</v>
      </c>
      <c r="AA2391" s="113" t="s">
        <v>174</v>
      </c>
      <c r="AB2391" s="113" t="s">
        <v>174</v>
      </c>
      <c r="AC2391" s="113" t="s">
        <v>174</v>
      </c>
      <c r="AD2391" s="113" t="s">
        <v>174</v>
      </c>
      <c r="AE2391" s="113" t="s">
        <v>174</v>
      </c>
      <c r="AF2391" s="113" t="s">
        <v>174</v>
      </c>
      <c r="AG2391" s="113" t="s">
        <v>174</v>
      </c>
      <c r="AH2391" s="113" t="s">
        <v>174</v>
      </c>
      <c r="AI2391" s="113" t="s">
        <v>174</v>
      </c>
      <c r="AJ2391" s="113" t="s">
        <v>174</v>
      </c>
      <c r="AK2391" s="113" t="s">
        <v>174</v>
      </c>
      <c r="AL2391" s="113" t="s">
        <v>174</v>
      </c>
      <c r="AM2391" s="113" t="s">
        <v>174</v>
      </c>
      <c r="AN2391" s="113" t="s">
        <v>174</v>
      </c>
      <c r="AO2391" s="113" t="s">
        <v>174</v>
      </c>
      <c r="AP2391" s="113" t="s">
        <v>174</v>
      </c>
      <c r="AQ2391" s="113" t="s">
        <v>174</v>
      </c>
      <c r="AR2391" s="113" t="s">
        <v>174</v>
      </c>
      <c r="AS2391" s="113" t="s">
        <v>174</v>
      </c>
      <c r="AT2391" s="121" t="s">
        <v>174</v>
      </c>
      <c r="AU2391" s="113" t="s">
        <v>174</v>
      </c>
      <c r="AV2391" s="113" t="s">
        <v>174</v>
      </c>
      <c r="AW2391" s="113" t="s">
        <v>174</v>
      </c>
      <c r="AX2391" s="113"/>
      <c r="AY2391" s="113"/>
      <c r="AZ2391" s="113"/>
      <c r="BA2391" s="113"/>
      <c r="BB2391" s="107">
        <v>45884</v>
      </c>
    </row>
    <row r="2392" spans="1:54" s="207" customFormat="1" ht="13.95" customHeight="1" x14ac:dyDescent="0.25">
      <c r="A2392" s="208" t="s">
        <v>5719</v>
      </c>
      <c r="B2392" s="209" t="s">
        <v>20420</v>
      </c>
      <c r="C2392" s="113" t="s">
        <v>5720</v>
      </c>
      <c r="D2392" s="113" t="s">
        <v>5721</v>
      </c>
      <c r="E2392" s="210">
        <v>1988</v>
      </c>
      <c r="F2392" s="210">
        <v>9716</v>
      </c>
      <c r="G2392" s="113" t="s">
        <v>1</v>
      </c>
      <c r="H2392" s="113">
        <v>0</v>
      </c>
      <c r="I2392" s="113">
        <v>0</v>
      </c>
      <c r="J2392" s="115">
        <v>1</v>
      </c>
      <c r="K2392" s="116" t="s">
        <v>174</v>
      </c>
      <c r="L2392" s="115">
        <v>1</v>
      </c>
      <c r="M2392" s="115">
        <v>0</v>
      </c>
      <c r="N2392" s="115">
        <v>0</v>
      </c>
      <c r="O2392" s="115">
        <v>1</v>
      </c>
      <c r="P2392" s="115">
        <v>1</v>
      </c>
      <c r="Q2392" s="115" t="s">
        <v>400</v>
      </c>
      <c r="R2392" s="115">
        <v>0</v>
      </c>
      <c r="S2392" s="115">
        <v>0</v>
      </c>
      <c r="T2392" s="115">
        <v>0</v>
      </c>
      <c r="U2392" s="119"/>
      <c r="V2392" s="119"/>
      <c r="W2392" s="119"/>
      <c r="X2392" s="119"/>
      <c r="Y2392" s="119"/>
      <c r="Z2392" s="119"/>
      <c r="AA2392" s="119"/>
      <c r="AB2392" s="119"/>
      <c r="AC2392" s="119"/>
      <c r="AD2392" s="119"/>
      <c r="AE2392" s="119"/>
      <c r="AF2392" s="119"/>
      <c r="AG2392" s="119"/>
      <c r="AH2392" s="119"/>
      <c r="AI2392" s="119"/>
      <c r="AJ2392" s="119"/>
      <c r="AK2392" s="119"/>
      <c r="AL2392" s="119"/>
      <c r="AM2392" s="119"/>
      <c r="AN2392" s="119"/>
      <c r="AO2392" s="119"/>
      <c r="AP2392" s="119"/>
      <c r="AQ2392" s="119"/>
      <c r="AR2392" s="119"/>
      <c r="AS2392" s="119"/>
      <c r="AT2392" s="119"/>
      <c r="AU2392" s="119"/>
      <c r="AV2392" s="119"/>
      <c r="AW2392" s="119"/>
      <c r="AX2392" s="119"/>
      <c r="AY2392" s="119"/>
      <c r="AZ2392" s="119"/>
      <c r="BA2392" s="119"/>
      <c r="BB2392" s="107">
        <v>45884</v>
      </c>
    </row>
    <row r="2393" spans="1:54" s="207" customFormat="1" ht="13.95" customHeight="1" x14ac:dyDescent="0.25">
      <c r="A2393" s="208" t="s">
        <v>5722</v>
      </c>
      <c r="B2393" s="209" t="s">
        <v>20420</v>
      </c>
      <c r="C2393" s="113" t="s">
        <v>5723</v>
      </c>
      <c r="D2393" s="113" t="s">
        <v>23880</v>
      </c>
      <c r="E2393" s="210">
        <v>1995</v>
      </c>
      <c r="F2393" s="210">
        <v>9716</v>
      </c>
      <c r="G2393" s="113" t="s">
        <v>3</v>
      </c>
      <c r="H2393" s="113">
        <v>1</v>
      </c>
      <c r="I2393" s="113">
        <v>0</v>
      </c>
      <c r="J2393" s="115">
        <v>1</v>
      </c>
      <c r="K2393" s="116" t="s">
        <v>174</v>
      </c>
      <c r="L2393" s="115">
        <v>0</v>
      </c>
      <c r="M2393" s="115">
        <v>1</v>
      </c>
      <c r="N2393" s="115">
        <v>1</v>
      </c>
      <c r="O2393" s="115">
        <v>1</v>
      </c>
      <c r="P2393" s="115" t="s">
        <v>400</v>
      </c>
      <c r="Q2393" s="115" t="s">
        <v>400</v>
      </c>
      <c r="R2393" s="115">
        <v>1</v>
      </c>
      <c r="S2393" s="115">
        <v>0</v>
      </c>
      <c r="T2393" s="115">
        <v>0</v>
      </c>
      <c r="U2393" s="113" t="s">
        <v>174</v>
      </c>
      <c r="V2393" s="113" t="s">
        <v>174</v>
      </c>
      <c r="W2393" s="113" t="s">
        <v>174</v>
      </c>
      <c r="X2393" s="113" t="s">
        <v>174</v>
      </c>
      <c r="Y2393" s="113" t="s">
        <v>174</v>
      </c>
      <c r="Z2393" s="113" t="s">
        <v>174</v>
      </c>
      <c r="AA2393" s="113" t="s">
        <v>174</v>
      </c>
      <c r="AB2393" s="113" t="s">
        <v>174</v>
      </c>
      <c r="AC2393" s="113" t="s">
        <v>174</v>
      </c>
      <c r="AD2393" s="113" t="s">
        <v>174</v>
      </c>
      <c r="AE2393" s="113" t="s">
        <v>174</v>
      </c>
      <c r="AF2393" s="113" t="s">
        <v>174</v>
      </c>
      <c r="AG2393" s="113" t="s">
        <v>174</v>
      </c>
      <c r="AH2393" s="113" t="s">
        <v>174</v>
      </c>
      <c r="AI2393" s="113" t="s">
        <v>174</v>
      </c>
      <c r="AJ2393" s="113" t="s">
        <v>174</v>
      </c>
      <c r="AK2393" s="113" t="s">
        <v>174</v>
      </c>
      <c r="AL2393" s="113" t="s">
        <v>174</v>
      </c>
      <c r="AM2393" s="113" t="s">
        <v>174</v>
      </c>
      <c r="AN2393" s="113" t="s">
        <v>174</v>
      </c>
      <c r="AO2393" s="113" t="s">
        <v>174</v>
      </c>
      <c r="AP2393" s="113" t="s">
        <v>174</v>
      </c>
      <c r="AQ2393" s="113" t="s">
        <v>174</v>
      </c>
      <c r="AR2393" s="113" t="s">
        <v>174</v>
      </c>
      <c r="AS2393" s="113" t="s">
        <v>174</v>
      </c>
      <c r="AT2393" s="121" t="s">
        <v>174</v>
      </c>
      <c r="AU2393" s="113" t="s">
        <v>174</v>
      </c>
      <c r="AV2393" s="113" t="s">
        <v>174</v>
      </c>
      <c r="AW2393" s="113" t="s">
        <v>174</v>
      </c>
      <c r="AX2393" s="113"/>
      <c r="AY2393" s="113"/>
      <c r="AZ2393" s="113"/>
      <c r="BA2393" s="113"/>
      <c r="BB2393" s="107">
        <v>45884</v>
      </c>
    </row>
    <row r="2394" spans="1:54" s="207" customFormat="1" ht="13.95" customHeight="1" x14ac:dyDescent="0.25">
      <c r="A2394" s="208" t="s">
        <v>5724</v>
      </c>
      <c r="B2394" s="209" t="s">
        <v>20420</v>
      </c>
      <c r="C2394" s="113" t="s">
        <v>5725</v>
      </c>
      <c r="D2394" s="113" t="s">
        <v>23881</v>
      </c>
      <c r="E2394" s="210">
        <v>1975</v>
      </c>
      <c r="F2394" s="210">
        <v>9760</v>
      </c>
      <c r="G2394" s="113" t="s">
        <v>1</v>
      </c>
      <c r="H2394" s="113">
        <v>1</v>
      </c>
      <c r="I2394" s="113">
        <v>1</v>
      </c>
      <c r="J2394" s="115">
        <v>1</v>
      </c>
      <c r="K2394" s="116" t="s">
        <v>174</v>
      </c>
      <c r="L2394" s="115">
        <v>1</v>
      </c>
      <c r="M2394" s="115">
        <v>0</v>
      </c>
      <c r="N2394" s="115">
        <v>1</v>
      </c>
      <c r="O2394" s="115">
        <v>1</v>
      </c>
      <c r="P2394" s="115">
        <v>1</v>
      </c>
      <c r="Q2394" s="115" t="s">
        <v>400</v>
      </c>
      <c r="R2394" s="115">
        <v>1</v>
      </c>
      <c r="S2394" s="115">
        <v>0</v>
      </c>
      <c r="T2394" s="115">
        <v>0</v>
      </c>
      <c r="U2394" s="119"/>
      <c r="V2394" s="119"/>
      <c r="W2394" s="119"/>
      <c r="X2394" s="119"/>
      <c r="Y2394" s="119"/>
      <c r="Z2394" s="119"/>
      <c r="AA2394" s="119"/>
      <c r="AB2394" s="119"/>
      <c r="AC2394" s="119"/>
      <c r="AD2394" s="119"/>
      <c r="AE2394" s="119"/>
      <c r="AF2394" s="119"/>
      <c r="AG2394" s="119"/>
      <c r="AH2394" s="119"/>
      <c r="AI2394" s="119"/>
      <c r="AJ2394" s="119"/>
      <c r="AK2394" s="119"/>
      <c r="AL2394" s="119"/>
      <c r="AM2394" s="119"/>
      <c r="AN2394" s="119"/>
      <c r="AO2394" s="119"/>
      <c r="AP2394" s="119"/>
      <c r="AQ2394" s="119"/>
      <c r="AR2394" s="119"/>
      <c r="AS2394" s="119"/>
      <c r="AT2394" s="119"/>
      <c r="AU2394" s="119"/>
      <c r="AV2394" s="119"/>
      <c r="AW2394" s="119"/>
      <c r="AX2394" s="119"/>
      <c r="AY2394" s="119"/>
      <c r="AZ2394" s="119"/>
      <c r="BA2394" s="119"/>
      <c r="BB2394" s="107">
        <v>45884</v>
      </c>
    </row>
    <row r="2395" spans="1:54" s="207" customFormat="1" ht="13.95" customHeight="1" x14ac:dyDescent="0.25">
      <c r="A2395" s="208" t="s">
        <v>5726</v>
      </c>
      <c r="B2395" s="209" t="s">
        <v>20420</v>
      </c>
      <c r="C2395" s="113" t="s">
        <v>5727</v>
      </c>
      <c r="D2395" s="113" t="s">
        <v>5728</v>
      </c>
      <c r="E2395" s="210">
        <v>1985</v>
      </c>
      <c r="F2395" s="210">
        <v>9816</v>
      </c>
      <c r="G2395" s="113" t="s">
        <v>3</v>
      </c>
      <c r="H2395" s="113">
        <v>0</v>
      </c>
      <c r="I2395" s="113">
        <v>0</v>
      </c>
      <c r="J2395" s="115">
        <v>1</v>
      </c>
      <c r="K2395" s="116" t="s">
        <v>174</v>
      </c>
      <c r="L2395" s="115">
        <v>1</v>
      </c>
      <c r="M2395" s="115">
        <v>0</v>
      </c>
      <c r="N2395" s="115">
        <v>1</v>
      </c>
      <c r="O2395" s="115">
        <v>1</v>
      </c>
      <c r="P2395" s="115">
        <v>1</v>
      </c>
      <c r="Q2395" s="115" t="s">
        <v>400</v>
      </c>
      <c r="R2395" s="115">
        <v>1</v>
      </c>
      <c r="S2395" s="115">
        <v>0</v>
      </c>
      <c r="T2395" s="115">
        <v>0</v>
      </c>
      <c r="U2395" s="113" t="s">
        <v>174</v>
      </c>
      <c r="V2395" s="113" t="s">
        <v>174</v>
      </c>
      <c r="W2395" s="113" t="s">
        <v>174</v>
      </c>
      <c r="X2395" s="113" t="s">
        <v>174</v>
      </c>
      <c r="Y2395" s="113" t="s">
        <v>174</v>
      </c>
      <c r="Z2395" s="113" t="s">
        <v>174</v>
      </c>
      <c r="AA2395" s="113" t="s">
        <v>174</v>
      </c>
      <c r="AB2395" s="113" t="s">
        <v>174</v>
      </c>
      <c r="AC2395" s="113" t="s">
        <v>174</v>
      </c>
      <c r="AD2395" s="113" t="s">
        <v>174</v>
      </c>
      <c r="AE2395" s="113" t="s">
        <v>174</v>
      </c>
      <c r="AF2395" s="113" t="s">
        <v>174</v>
      </c>
      <c r="AG2395" s="113" t="s">
        <v>174</v>
      </c>
      <c r="AH2395" s="113" t="s">
        <v>174</v>
      </c>
      <c r="AI2395" s="113" t="s">
        <v>174</v>
      </c>
      <c r="AJ2395" s="113" t="s">
        <v>174</v>
      </c>
      <c r="AK2395" s="113" t="s">
        <v>174</v>
      </c>
      <c r="AL2395" s="113" t="s">
        <v>174</v>
      </c>
      <c r="AM2395" s="113" t="s">
        <v>174</v>
      </c>
      <c r="AN2395" s="113" t="s">
        <v>174</v>
      </c>
      <c r="AO2395" s="113" t="s">
        <v>174</v>
      </c>
      <c r="AP2395" s="113" t="s">
        <v>174</v>
      </c>
      <c r="AQ2395" s="113" t="s">
        <v>174</v>
      </c>
      <c r="AR2395" s="113" t="s">
        <v>174</v>
      </c>
      <c r="AS2395" s="113" t="s">
        <v>174</v>
      </c>
      <c r="AT2395" s="121" t="s">
        <v>174</v>
      </c>
      <c r="AU2395" s="113" t="s">
        <v>174</v>
      </c>
      <c r="AV2395" s="113" t="s">
        <v>174</v>
      </c>
      <c r="AW2395" s="113" t="s">
        <v>174</v>
      </c>
      <c r="AX2395" s="113"/>
      <c r="AY2395" s="113"/>
      <c r="AZ2395" s="113"/>
      <c r="BA2395" s="113"/>
      <c r="BB2395" s="107">
        <v>45884</v>
      </c>
    </row>
    <row r="2396" spans="1:54" s="207" customFormat="1" ht="13.95" customHeight="1" x14ac:dyDescent="0.25">
      <c r="A2396" s="208" t="s">
        <v>5729</v>
      </c>
      <c r="B2396" s="209" t="s">
        <v>20420</v>
      </c>
      <c r="C2396" s="113" t="s">
        <v>5730</v>
      </c>
      <c r="D2396" s="113" t="s">
        <v>5731</v>
      </c>
      <c r="E2396" s="210">
        <v>1999</v>
      </c>
      <c r="F2396" s="210">
        <v>9824</v>
      </c>
      <c r="G2396" s="113" t="s">
        <v>1</v>
      </c>
      <c r="H2396" s="113">
        <v>1</v>
      </c>
      <c r="I2396" s="113">
        <v>1</v>
      </c>
      <c r="J2396" s="115">
        <v>1</v>
      </c>
      <c r="K2396" s="116" t="s">
        <v>174</v>
      </c>
      <c r="L2396" s="115">
        <v>1</v>
      </c>
      <c r="M2396" s="115">
        <v>1</v>
      </c>
      <c r="N2396" s="115">
        <v>0</v>
      </c>
      <c r="O2396" s="115">
        <v>0</v>
      </c>
      <c r="P2396" s="115" t="s">
        <v>400</v>
      </c>
      <c r="Q2396" s="115" t="s">
        <v>400</v>
      </c>
      <c r="R2396" s="115">
        <v>0</v>
      </c>
      <c r="S2396" s="115">
        <v>0</v>
      </c>
      <c r="T2396" s="115">
        <v>0</v>
      </c>
      <c r="U2396" s="119"/>
      <c r="V2396" s="119"/>
      <c r="W2396" s="119"/>
      <c r="X2396" s="119"/>
      <c r="Y2396" s="119"/>
      <c r="Z2396" s="119"/>
      <c r="AA2396" s="119"/>
      <c r="AB2396" s="119"/>
      <c r="AC2396" s="119"/>
      <c r="AD2396" s="119"/>
      <c r="AE2396" s="119"/>
      <c r="AF2396" s="119"/>
      <c r="AG2396" s="119"/>
      <c r="AH2396" s="119"/>
      <c r="AI2396" s="119"/>
      <c r="AJ2396" s="119"/>
      <c r="AK2396" s="119"/>
      <c r="AL2396" s="119"/>
      <c r="AM2396" s="119"/>
      <c r="AN2396" s="119"/>
      <c r="AO2396" s="119"/>
      <c r="AP2396" s="119"/>
      <c r="AQ2396" s="119"/>
      <c r="AR2396" s="119"/>
      <c r="AS2396" s="119"/>
      <c r="AT2396" s="119"/>
      <c r="AU2396" s="119"/>
      <c r="AV2396" s="119"/>
      <c r="AW2396" s="119"/>
      <c r="AX2396" s="119"/>
      <c r="AY2396" s="119"/>
      <c r="AZ2396" s="119"/>
      <c r="BA2396" s="119"/>
      <c r="BB2396" s="107">
        <v>45884</v>
      </c>
    </row>
    <row r="2397" spans="1:54" s="207" customFormat="1" ht="13.95" customHeight="1" x14ac:dyDescent="0.25">
      <c r="A2397" s="208" t="s">
        <v>5732</v>
      </c>
      <c r="B2397" s="209" t="s">
        <v>20420</v>
      </c>
      <c r="C2397" s="113" t="s">
        <v>5733</v>
      </c>
      <c r="D2397" s="113" t="s">
        <v>23882</v>
      </c>
      <c r="E2397" s="210">
        <v>1994</v>
      </c>
      <c r="F2397" s="210">
        <v>9845</v>
      </c>
      <c r="G2397" s="113" t="s">
        <v>11</v>
      </c>
      <c r="H2397" s="113">
        <v>0</v>
      </c>
      <c r="I2397" s="113">
        <v>0</v>
      </c>
      <c r="J2397" s="115">
        <v>1</v>
      </c>
      <c r="K2397" s="116" t="s">
        <v>174</v>
      </c>
      <c r="L2397" s="115">
        <v>0</v>
      </c>
      <c r="M2397" s="115">
        <v>0</v>
      </c>
      <c r="N2397" s="115">
        <v>0</v>
      </c>
      <c r="O2397" s="115">
        <v>0</v>
      </c>
      <c r="P2397" s="115" t="s">
        <v>400</v>
      </c>
      <c r="Q2397" s="115" t="s">
        <v>400</v>
      </c>
      <c r="R2397" s="115">
        <v>0</v>
      </c>
      <c r="S2397" s="115">
        <v>0</v>
      </c>
      <c r="T2397" s="115">
        <v>0</v>
      </c>
      <c r="U2397" s="113" t="s">
        <v>174</v>
      </c>
      <c r="V2397" s="113" t="s">
        <v>174</v>
      </c>
      <c r="W2397" s="113" t="s">
        <v>174</v>
      </c>
      <c r="X2397" s="113" t="s">
        <v>174</v>
      </c>
      <c r="Y2397" s="113" t="s">
        <v>174</v>
      </c>
      <c r="Z2397" s="113" t="s">
        <v>174</v>
      </c>
      <c r="AA2397" s="113" t="s">
        <v>174</v>
      </c>
      <c r="AB2397" s="113" t="s">
        <v>174</v>
      </c>
      <c r="AC2397" s="113" t="s">
        <v>174</v>
      </c>
      <c r="AD2397" s="113" t="s">
        <v>174</v>
      </c>
      <c r="AE2397" s="113" t="s">
        <v>174</v>
      </c>
      <c r="AF2397" s="113" t="s">
        <v>174</v>
      </c>
      <c r="AG2397" s="113" t="s">
        <v>174</v>
      </c>
      <c r="AH2397" s="113" t="s">
        <v>174</v>
      </c>
      <c r="AI2397" s="113" t="s">
        <v>174</v>
      </c>
      <c r="AJ2397" s="113" t="s">
        <v>174</v>
      </c>
      <c r="AK2397" s="113" t="s">
        <v>174</v>
      </c>
      <c r="AL2397" s="113" t="s">
        <v>174</v>
      </c>
      <c r="AM2397" s="113" t="s">
        <v>174</v>
      </c>
      <c r="AN2397" s="113" t="s">
        <v>174</v>
      </c>
      <c r="AO2397" s="113" t="s">
        <v>174</v>
      </c>
      <c r="AP2397" s="113" t="s">
        <v>174</v>
      </c>
      <c r="AQ2397" s="113" t="s">
        <v>174</v>
      </c>
      <c r="AR2397" s="113" t="s">
        <v>174</v>
      </c>
      <c r="AS2397" s="113" t="s">
        <v>174</v>
      </c>
      <c r="AT2397" s="121" t="s">
        <v>174</v>
      </c>
      <c r="AU2397" s="113" t="s">
        <v>174</v>
      </c>
      <c r="AV2397" s="113" t="s">
        <v>174</v>
      </c>
      <c r="AW2397" s="113" t="s">
        <v>174</v>
      </c>
      <c r="AX2397" s="113"/>
      <c r="AY2397" s="113"/>
      <c r="AZ2397" s="113"/>
      <c r="BA2397" s="113"/>
      <c r="BB2397" s="107">
        <v>45884</v>
      </c>
    </row>
    <row r="2398" spans="1:54" s="207" customFormat="1" ht="13.95" customHeight="1" x14ac:dyDescent="0.25">
      <c r="A2398" s="208" t="s">
        <v>5734</v>
      </c>
      <c r="B2398" s="209" t="s">
        <v>20420</v>
      </c>
      <c r="C2398" s="113" t="s">
        <v>5735</v>
      </c>
      <c r="D2398" s="113" t="s">
        <v>23883</v>
      </c>
      <c r="E2398" s="210">
        <v>1989</v>
      </c>
      <c r="F2398" s="210">
        <v>9879</v>
      </c>
      <c r="G2398" s="113" t="s">
        <v>3</v>
      </c>
      <c r="H2398" s="113">
        <v>1</v>
      </c>
      <c r="I2398" s="95">
        <v>1</v>
      </c>
      <c r="J2398" s="115">
        <v>1</v>
      </c>
      <c r="K2398" s="211">
        <v>1</v>
      </c>
      <c r="L2398" s="115">
        <v>1</v>
      </c>
      <c r="M2398" s="115">
        <v>1</v>
      </c>
      <c r="N2398" s="115">
        <v>0</v>
      </c>
      <c r="O2398" s="115">
        <v>0</v>
      </c>
      <c r="P2398" s="115" t="s">
        <v>400</v>
      </c>
      <c r="Q2398" s="115" t="s">
        <v>400</v>
      </c>
      <c r="R2398" s="115">
        <v>0</v>
      </c>
      <c r="S2398" s="115">
        <v>0</v>
      </c>
      <c r="T2398" s="115">
        <v>0</v>
      </c>
      <c r="U2398" s="113" t="s">
        <v>174</v>
      </c>
      <c r="V2398" s="113" t="s">
        <v>174</v>
      </c>
      <c r="W2398" s="113" t="s">
        <v>174</v>
      </c>
      <c r="X2398" s="113" t="s">
        <v>174</v>
      </c>
      <c r="Y2398" s="113" t="s">
        <v>174</v>
      </c>
      <c r="Z2398" s="113" t="s">
        <v>174</v>
      </c>
      <c r="AA2398" s="113" t="s">
        <v>174</v>
      </c>
      <c r="AB2398" s="113" t="s">
        <v>174</v>
      </c>
      <c r="AC2398" s="113" t="s">
        <v>174</v>
      </c>
      <c r="AD2398" s="113" t="s">
        <v>174</v>
      </c>
      <c r="AE2398" s="113" t="s">
        <v>174</v>
      </c>
      <c r="AF2398" s="113" t="s">
        <v>174</v>
      </c>
      <c r="AG2398" s="113" t="s">
        <v>174</v>
      </c>
      <c r="AH2398" s="113" t="s">
        <v>174</v>
      </c>
      <c r="AI2398" s="113" t="s">
        <v>174</v>
      </c>
      <c r="AJ2398" s="113" t="s">
        <v>174</v>
      </c>
      <c r="AK2398" s="113" t="s">
        <v>174</v>
      </c>
      <c r="AL2398" s="113" t="s">
        <v>174</v>
      </c>
      <c r="AM2398" s="113" t="s">
        <v>174</v>
      </c>
      <c r="AN2398" s="113" t="s">
        <v>174</v>
      </c>
      <c r="AO2398" s="113" t="s">
        <v>174</v>
      </c>
      <c r="AP2398" s="113" t="s">
        <v>174</v>
      </c>
      <c r="AQ2398" s="113" t="s">
        <v>174</v>
      </c>
      <c r="AR2398" s="113" t="s">
        <v>174</v>
      </c>
      <c r="AS2398" s="113" t="s">
        <v>174</v>
      </c>
      <c r="AT2398" s="121" t="s">
        <v>174</v>
      </c>
      <c r="AU2398" s="113" t="s">
        <v>174</v>
      </c>
      <c r="AV2398" s="113" t="s">
        <v>174</v>
      </c>
      <c r="AW2398" s="113" t="s">
        <v>174</v>
      </c>
      <c r="AX2398" s="113"/>
      <c r="AY2398" s="113"/>
      <c r="AZ2398" s="113"/>
      <c r="BA2398" s="113"/>
      <c r="BB2398" s="107">
        <v>45884</v>
      </c>
    </row>
    <row r="2399" spans="1:54" s="207" customFormat="1" ht="13.95" customHeight="1" x14ac:dyDescent="0.25">
      <c r="A2399" s="208" t="s">
        <v>5736</v>
      </c>
      <c r="B2399" s="209" t="s">
        <v>20420</v>
      </c>
      <c r="C2399" s="113" t="s">
        <v>5737</v>
      </c>
      <c r="D2399" s="113" t="s">
        <v>23884</v>
      </c>
      <c r="E2399" s="210">
        <v>2006</v>
      </c>
      <c r="F2399" s="210">
        <v>9950</v>
      </c>
      <c r="G2399" s="113" t="s">
        <v>3</v>
      </c>
      <c r="H2399" s="113">
        <v>1</v>
      </c>
      <c r="I2399" s="113">
        <v>1</v>
      </c>
      <c r="J2399" s="115">
        <v>1</v>
      </c>
      <c r="K2399" s="211">
        <v>1</v>
      </c>
      <c r="L2399" s="115">
        <v>1</v>
      </c>
      <c r="M2399" s="115">
        <v>1</v>
      </c>
      <c r="N2399" s="115">
        <v>0</v>
      </c>
      <c r="O2399" s="115">
        <v>0</v>
      </c>
      <c r="P2399" s="115" t="s">
        <v>400</v>
      </c>
      <c r="Q2399" s="115" t="s">
        <v>400</v>
      </c>
      <c r="R2399" s="115">
        <v>1</v>
      </c>
      <c r="S2399" s="115">
        <v>0</v>
      </c>
      <c r="T2399" s="115">
        <v>0</v>
      </c>
      <c r="U2399" s="113" t="s">
        <v>174</v>
      </c>
      <c r="V2399" s="113" t="s">
        <v>174</v>
      </c>
      <c r="W2399" s="113" t="s">
        <v>174</v>
      </c>
      <c r="X2399" s="113" t="s">
        <v>174</v>
      </c>
      <c r="Y2399" s="113" t="s">
        <v>174</v>
      </c>
      <c r="Z2399" s="113" t="s">
        <v>174</v>
      </c>
      <c r="AA2399" s="113" t="s">
        <v>174</v>
      </c>
      <c r="AB2399" s="113" t="s">
        <v>174</v>
      </c>
      <c r="AC2399" s="113" t="s">
        <v>174</v>
      </c>
      <c r="AD2399" s="113" t="s">
        <v>174</v>
      </c>
      <c r="AE2399" s="113" t="s">
        <v>174</v>
      </c>
      <c r="AF2399" s="113" t="s">
        <v>174</v>
      </c>
      <c r="AG2399" s="113" t="s">
        <v>174</v>
      </c>
      <c r="AH2399" s="113" t="s">
        <v>174</v>
      </c>
      <c r="AI2399" s="113" t="s">
        <v>174</v>
      </c>
      <c r="AJ2399" s="113" t="s">
        <v>174</v>
      </c>
      <c r="AK2399" s="113" t="s">
        <v>174</v>
      </c>
      <c r="AL2399" s="113" t="s">
        <v>174</v>
      </c>
      <c r="AM2399" s="113" t="s">
        <v>174</v>
      </c>
      <c r="AN2399" s="113" t="s">
        <v>174</v>
      </c>
      <c r="AO2399" s="113" t="s">
        <v>174</v>
      </c>
      <c r="AP2399" s="113" t="s">
        <v>174</v>
      </c>
      <c r="AQ2399" s="113" t="s">
        <v>174</v>
      </c>
      <c r="AR2399" s="113" t="s">
        <v>174</v>
      </c>
      <c r="AS2399" s="113" t="s">
        <v>174</v>
      </c>
      <c r="AT2399" s="121" t="s">
        <v>174</v>
      </c>
      <c r="AU2399" s="113" t="s">
        <v>174</v>
      </c>
      <c r="AV2399" s="113" t="s">
        <v>174</v>
      </c>
      <c r="AW2399" s="113" t="s">
        <v>174</v>
      </c>
      <c r="AX2399" s="113"/>
      <c r="AY2399" s="113"/>
      <c r="AZ2399" s="113"/>
      <c r="BA2399" s="113"/>
      <c r="BB2399" s="107">
        <v>45884</v>
      </c>
    </row>
    <row r="2400" spans="1:54" s="207" customFormat="1" ht="13.95" customHeight="1" x14ac:dyDescent="0.25">
      <c r="A2400" s="208" t="s">
        <v>5738</v>
      </c>
      <c r="B2400" s="209" t="s">
        <v>20420</v>
      </c>
      <c r="C2400" s="113" t="s">
        <v>5739</v>
      </c>
      <c r="D2400" s="113" t="s">
        <v>23885</v>
      </c>
      <c r="E2400" s="210">
        <v>2014</v>
      </c>
      <c r="F2400" s="210">
        <v>13480</v>
      </c>
      <c r="G2400" s="113" t="s">
        <v>3</v>
      </c>
      <c r="H2400" s="113">
        <v>1</v>
      </c>
      <c r="I2400" s="113">
        <v>1</v>
      </c>
      <c r="J2400" s="115">
        <v>1</v>
      </c>
      <c r="K2400" s="116" t="s">
        <v>174</v>
      </c>
      <c r="L2400" s="115">
        <v>0</v>
      </c>
      <c r="M2400" s="115">
        <v>1</v>
      </c>
      <c r="N2400" s="115">
        <v>1</v>
      </c>
      <c r="O2400" s="115">
        <v>0</v>
      </c>
      <c r="P2400" s="115" t="s">
        <v>400</v>
      </c>
      <c r="Q2400" s="115" t="s">
        <v>400</v>
      </c>
      <c r="R2400" s="115">
        <v>1</v>
      </c>
      <c r="S2400" s="115">
        <v>0</v>
      </c>
      <c r="T2400" s="115">
        <v>0</v>
      </c>
      <c r="U2400" s="116" t="s">
        <v>174</v>
      </c>
      <c r="V2400" s="116" t="s">
        <v>174</v>
      </c>
      <c r="W2400" s="116" t="s">
        <v>174</v>
      </c>
      <c r="X2400" s="116" t="s">
        <v>174</v>
      </c>
      <c r="Y2400" s="116" t="s">
        <v>174</v>
      </c>
      <c r="Z2400" s="116" t="s">
        <v>174</v>
      </c>
      <c r="AA2400" s="116" t="s">
        <v>174</v>
      </c>
      <c r="AB2400" s="116" t="s">
        <v>174</v>
      </c>
      <c r="AC2400" s="116" t="s">
        <v>174</v>
      </c>
      <c r="AD2400" s="116" t="s">
        <v>174</v>
      </c>
      <c r="AE2400" s="116" t="s">
        <v>174</v>
      </c>
      <c r="AF2400" s="116" t="s">
        <v>174</v>
      </c>
      <c r="AG2400" s="116" t="s">
        <v>174</v>
      </c>
      <c r="AH2400" s="116" t="s">
        <v>174</v>
      </c>
      <c r="AI2400" s="116" t="s">
        <v>174</v>
      </c>
      <c r="AJ2400" s="116" t="s">
        <v>174</v>
      </c>
      <c r="AK2400" s="116" t="s">
        <v>174</v>
      </c>
      <c r="AL2400" s="116" t="s">
        <v>174</v>
      </c>
      <c r="AM2400" s="116" t="s">
        <v>174</v>
      </c>
      <c r="AN2400" s="116" t="s">
        <v>174</v>
      </c>
      <c r="AO2400" s="116" t="s">
        <v>174</v>
      </c>
      <c r="AP2400" s="116" t="s">
        <v>174</v>
      </c>
      <c r="AQ2400" s="116" t="s">
        <v>174</v>
      </c>
      <c r="AR2400" s="116" t="s">
        <v>174</v>
      </c>
      <c r="AS2400" s="116" t="s">
        <v>174</v>
      </c>
      <c r="AT2400" s="125" t="s">
        <v>174</v>
      </c>
      <c r="AU2400" s="116" t="s">
        <v>174</v>
      </c>
      <c r="AV2400" s="116" t="s">
        <v>174</v>
      </c>
      <c r="AW2400" s="116" t="s">
        <v>174</v>
      </c>
      <c r="AX2400" s="113"/>
      <c r="AY2400" s="113"/>
      <c r="AZ2400" s="113"/>
      <c r="BA2400" s="113"/>
      <c r="BB2400" s="107">
        <v>45884</v>
      </c>
    </row>
    <row r="2401" spans="1:54" s="207" customFormat="1" ht="13.95" customHeight="1" x14ac:dyDescent="0.25">
      <c r="A2401" s="208" t="s">
        <v>5740</v>
      </c>
      <c r="B2401" s="209" t="s">
        <v>20420</v>
      </c>
      <c r="C2401" s="113" t="s">
        <v>5741</v>
      </c>
      <c r="D2401" s="113" t="s">
        <v>23886</v>
      </c>
      <c r="E2401" s="210">
        <v>2012</v>
      </c>
      <c r="F2401" s="210">
        <v>10507</v>
      </c>
      <c r="G2401" s="113" t="s">
        <v>3</v>
      </c>
      <c r="H2401" s="113">
        <v>1</v>
      </c>
      <c r="I2401" s="113">
        <v>1</v>
      </c>
      <c r="J2401" s="115">
        <v>1</v>
      </c>
      <c r="K2401" s="211">
        <v>1</v>
      </c>
      <c r="L2401" s="115">
        <v>1</v>
      </c>
      <c r="M2401" s="115">
        <v>0</v>
      </c>
      <c r="N2401" s="115">
        <v>1</v>
      </c>
      <c r="O2401" s="115">
        <v>1</v>
      </c>
      <c r="P2401" s="115">
        <v>1</v>
      </c>
      <c r="Q2401" s="115" t="s">
        <v>400</v>
      </c>
      <c r="R2401" s="115">
        <v>1</v>
      </c>
      <c r="S2401" s="115">
        <v>0</v>
      </c>
      <c r="T2401" s="115">
        <v>0</v>
      </c>
      <c r="U2401" s="116" t="s">
        <v>174</v>
      </c>
      <c r="V2401" s="116" t="s">
        <v>174</v>
      </c>
      <c r="W2401" s="116" t="s">
        <v>174</v>
      </c>
      <c r="X2401" s="116" t="s">
        <v>174</v>
      </c>
      <c r="Y2401" s="116" t="s">
        <v>174</v>
      </c>
      <c r="Z2401" s="116" t="s">
        <v>174</v>
      </c>
      <c r="AA2401" s="116" t="s">
        <v>174</v>
      </c>
      <c r="AB2401" s="116" t="s">
        <v>174</v>
      </c>
      <c r="AC2401" s="116" t="s">
        <v>174</v>
      </c>
      <c r="AD2401" s="116" t="s">
        <v>174</v>
      </c>
      <c r="AE2401" s="116" t="s">
        <v>174</v>
      </c>
      <c r="AF2401" s="116" t="s">
        <v>174</v>
      </c>
      <c r="AG2401" s="116" t="s">
        <v>174</v>
      </c>
      <c r="AH2401" s="116" t="s">
        <v>174</v>
      </c>
      <c r="AI2401" s="116" t="s">
        <v>174</v>
      </c>
      <c r="AJ2401" s="116" t="s">
        <v>174</v>
      </c>
      <c r="AK2401" s="116" t="s">
        <v>174</v>
      </c>
      <c r="AL2401" s="116" t="s">
        <v>174</v>
      </c>
      <c r="AM2401" s="116" t="s">
        <v>174</v>
      </c>
      <c r="AN2401" s="116" t="s">
        <v>174</v>
      </c>
      <c r="AO2401" s="116" t="s">
        <v>174</v>
      </c>
      <c r="AP2401" s="116" t="s">
        <v>174</v>
      </c>
      <c r="AQ2401" s="116" t="s">
        <v>174</v>
      </c>
      <c r="AR2401" s="116" t="s">
        <v>174</v>
      </c>
      <c r="AS2401" s="116" t="s">
        <v>174</v>
      </c>
      <c r="AT2401" s="125" t="s">
        <v>174</v>
      </c>
      <c r="AU2401" s="116" t="s">
        <v>174</v>
      </c>
      <c r="AV2401" s="116" t="s">
        <v>174</v>
      </c>
      <c r="AW2401" s="116" t="s">
        <v>174</v>
      </c>
      <c r="AX2401" s="113"/>
      <c r="AY2401" s="113"/>
      <c r="AZ2401" s="113"/>
      <c r="BA2401" s="113"/>
      <c r="BB2401" s="107">
        <v>45884</v>
      </c>
    </row>
    <row r="2402" spans="1:54" s="207" customFormat="1" ht="13.95" customHeight="1" x14ac:dyDescent="0.25">
      <c r="A2402" s="208" t="s">
        <v>5742</v>
      </c>
      <c r="B2402" s="209" t="s">
        <v>20420</v>
      </c>
      <c r="C2402" s="113" t="s">
        <v>5743</v>
      </c>
      <c r="D2402" s="113" t="s">
        <v>5744</v>
      </c>
      <c r="E2402" s="210">
        <v>1982</v>
      </c>
      <c r="F2402" s="210">
        <v>10000</v>
      </c>
      <c r="G2402" s="113" t="s">
        <v>3</v>
      </c>
      <c r="H2402" s="113">
        <v>1</v>
      </c>
      <c r="I2402" s="113">
        <v>0</v>
      </c>
      <c r="J2402" s="115">
        <v>1</v>
      </c>
      <c r="K2402" s="116" t="s">
        <v>174</v>
      </c>
      <c r="L2402" s="115">
        <v>0</v>
      </c>
      <c r="M2402" s="115">
        <v>0</v>
      </c>
      <c r="N2402" s="115">
        <v>0</v>
      </c>
      <c r="O2402" s="115">
        <v>0</v>
      </c>
      <c r="P2402" s="115" t="s">
        <v>400</v>
      </c>
      <c r="Q2402" s="115" t="s">
        <v>400</v>
      </c>
      <c r="R2402" s="115">
        <v>0</v>
      </c>
      <c r="S2402" s="115">
        <v>0</v>
      </c>
      <c r="T2402" s="115">
        <v>0</v>
      </c>
      <c r="U2402" s="116" t="s">
        <v>174</v>
      </c>
      <c r="V2402" s="116" t="s">
        <v>174</v>
      </c>
      <c r="W2402" s="116" t="s">
        <v>174</v>
      </c>
      <c r="X2402" s="116" t="s">
        <v>174</v>
      </c>
      <c r="Y2402" s="116" t="s">
        <v>174</v>
      </c>
      <c r="Z2402" s="116" t="s">
        <v>174</v>
      </c>
      <c r="AA2402" s="116" t="s">
        <v>174</v>
      </c>
      <c r="AB2402" s="116" t="s">
        <v>174</v>
      </c>
      <c r="AC2402" s="116" t="s">
        <v>174</v>
      </c>
      <c r="AD2402" s="116" t="s">
        <v>174</v>
      </c>
      <c r="AE2402" s="116" t="s">
        <v>174</v>
      </c>
      <c r="AF2402" s="116" t="s">
        <v>174</v>
      </c>
      <c r="AG2402" s="116" t="s">
        <v>174</v>
      </c>
      <c r="AH2402" s="116" t="s">
        <v>174</v>
      </c>
      <c r="AI2402" s="116" t="s">
        <v>174</v>
      </c>
      <c r="AJ2402" s="116" t="s">
        <v>174</v>
      </c>
      <c r="AK2402" s="116" t="s">
        <v>174</v>
      </c>
      <c r="AL2402" s="116" t="s">
        <v>174</v>
      </c>
      <c r="AM2402" s="116" t="s">
        <v>174</v>
      </c>
      <c r="AN2402" s="116" t="s">
        <v>174</v>
      </c>
      <c r="AO2402" s="116" t="s">
        <v>174</v>
      </c>
      <c r="AP2402" s="116" t="s">
        <v>174</v>
      </c>
      <c r="AQ2402" s="116" t="s">
        <v>174</v>
      </c>
      <c r="AR2402" s="116" t="s">
        <v>174</v>
      </c>
      <c r="AS2402" s="116" t="s">
        <v>174</v>
      </c>
      <c r="AT2402" s="125" t="s">
        <v>174</v>
      </c>
      <c r="AU2402" s="116" t="s">
        <v>174</v>
      </c>
      <c r="AV2402" s="116" t="s">
        <v>174</v>
      </c>
      <c r="AW2402" s="116" t="s">
        <v>174</v>
      </c>
      <c r="AX2402" s="113"/>
      <c r="AY2402" s="113"/>
      <c r="AZ2402" s="113"/>
      <c r="BA2402" s="113"/>
      <c r="BB2402" s="107">
        <v>45884</v>
      </c>
    </row>
    <row r="2403" spans="1:54" s="207" customFormat="1" ht="13.95" customHeight="1" x14ac:dyDescent="0.25">
      <c r="A2403" s="208" t="s">
        <v>5745</v>
      </c>
      <c r="B2403" s="209" t="s">
        <v>20420</v>
      </c>
      <c r="C2403" s="113" t="s">
        <v>5746</v>
      </c>
      <c r="D2403" s="113" t="s">
        <v>5747</v>
      </c>
      <c r="E2403" s="210">
        <v>1996</v>
      </c>
      <c r="F2403" s="210">
        <v>10000</v>
      </c>
      <c r="G2403" s="113" t="s">
        <v>3</v>
      </c>
      <c r="H2403" s="113">
        <v>1</v>
      </c>
      <c r="I2403" s="113">
        <v>1</v>
      </c>
      <c r="J2403" s="115">
        <v>1</v>
      </c>
      <c r="K2403" s="211">
        <v>1</v>
      </c>
      <c r="L2403" s="115">
        <v>1</v>
      </c>
      <c r="M2403" s="115">
        <v>1</v>
      </c>
      <c r="N2403" s="115">
        <v>0</v>
      </c>
      <c r="O2403" s="115">
        <v>1</v>
      </c>
      <c r="P2403" s="115">
        <v>1</v>
      </c>
      <c r="Q2403" s="115" t="s">
        <v>400</v>
      </c>
      <c r="R2403" s="115">
        <v>1</v>
      </c>
      <c r="S2403" s="115">
        <v>0</v>
      </c>
      <c r="T2403" s="115">
        <v>0</v>
      </c>
      <c r="U2403" s="116" t="s">
        <v>174</v>
      </c>
      <c r="V2403" s="116" t="s">
        <v>174</v>
      </c>
      <c r="W2403" s="116" t="s">
        <v>174</v>
      </c>
      <c r="X2403" s="116" t="s">
        <v>174</v>
      </c>
      <c r="Y2403" s="116" t="s">
        <v>174</v>
      </c>
      <c r="Z2403" s="116" t="s">
        <v>174</v>
      </c>
      <c r="AA2403" s="116" t="s">
        <v>174</v>
      </c>
      <c r="AB2403" s="116" t="s">
        <v>174</v>
      </c>
      <c r="AC2403" s="116" t="s">
        <v>174</v>
      </c>
      <c r="AD2403" s="116" t="s">
        <v>174</v>
      </c>
      <c r="AE2403" s="116" t="s">
        <v>174</v>
      </c>
      <c r="AF2403" s="116" t="s">
        <v>174</v>
      </c>
      <c r="AG2403" s="116" t="s">
        <v>174</v>
      </c>
      <c r="AH2403" s="116" t="s">
        <v>174</v>
      </c>
      <c r="AI2403" s="116" t="s">
        <v>174</v>
      </c>
      <c r="AJ2403" s="116" t="s">
        <v>174</v>
      </c>
      <c r="AK2403" s="116" t="s">
        <v>174</v>
      </c>
      <c r="AL2403" s="116" t="s">
        <v>174</v>
      </c>
      <c r="AM2403" s="116" t="s">
        <v>174</v>
      </c>
      <c r="AN2403" s="116" t="s">
        <v>174</v>
      </c>
      <c r="AO2403" s="116" t="s">
        <v>174</v>
      </c>
      <c r="AP2403" s="116" t="s">
        <v>174</v>
      </c>
      <c r="AQ2403" s="116" t="s">
        <v>174</v>
      </c>
      <c r="AR2403" s="116" t="s">
        <v>174</v>
      </c>
      <c r="AS2403" s="116" t="s">
        <v>174</v>
      </c>
      <c r="AT2403" s="125" t="s">
        <v>174</v>
      </c>
      <c r="AU2403" s="116" t="s">
        <v>174</v>
      </c>
      <c r="AV2403" s="116" t="s">
        <v>174</v>
      </c>
      <c r="AW2403" s="116" t="s">
        <v>174</v>
      </c>
      <c r="AX2403" s="113"/>
      <c r="AY2403" s="113"/>
      <c r="AZ2403" s="113"/>
      <c r="BA2403" s="113"/>
      <c r="BB2403" s="107">
        <v>45884</v>
      </c>
    </row>
    <row r="2404" spans="1:54" s="207" customFormat="1" ht="13.95" customHeight="1" x14ac:dyDescent="0.25">
      <c r="A2404" s="208" t="s">
        <v>5748</v>
      </c>
      <c r="B2404" s="209" t="s">
        <v>20420</v>
      </c>
      <c r="C2404" s="113" t="s">
        <v>5749</v>
      </c>
      <c r="D2404" s="113" t="s">
        <v>23887</v>
      </c>
      <c r="E2404" s="210">
        <v>1990</v>
      </c>
      <c r="F2404" s="210">
        <v>10000</v>
      </c>
      <c r="G2404" s="113" t="s">
        <v>3</v>
      </c>
      <c r="H2404" s="113">
        <v>1</v>
      </c>
      <c r="I2404" s="113">
        <v>0</v>
      </c>
      <c r="J2404" s="115">
        <v>1</v>
      </c>
      <c r="K2404" s="116" t="s">
        <v>174</v>
      </c>
      <c r="L2404" s="115">
        <v>0</v>
      </c>
      <c r="M2404" s="115">
        <v>0</v>
      </c>
      <c r="N2404" s="115">
        <v>0</v>
      </c>
      <c r="O2404" s="115">
        <v>0</v>
      </c>
      <c r="P2404" s="115" t="s">
        <v>400</v>
      </c>
      <c r="Q2404" s="115" t="s">
        <v>400</v>
      </c>
      <c r="R2404" s="115">
        <v>0</v>
      </c>
      <c r="S2404" s="115">
        <v>0</v>
      </c>
      <c r="T2404" s="115">
        <v>0</v>
      </c>
      <c r="U2404" s="116" t="s">
        <v>174</v>
      </c>
      <c r="V2404" s="116" t="s">
        <v>174</v>
      </c>
      <c r="W2404" s="116" t="s">
        <v>174</v>
      </c>
      <c r="X2404" s="116" t="s">
        <v>174</v>
      </c>
      <c r="Y2404" s="116" t="s">
        <v>174</v>
      </c>
      <c r="Z2404" s="116" t="s">
        <v>174</v>
      </c>
      <c r="AA2404" s="116" t="s">
        <v>174</v>
      </c>
      <c r="AB2404" s="116" t="s">
        <v>174</v>
      </c>
      <c r="AC2404" s="116" t="s">
        <v>174</v>
      </c>
      <c r="AD2404" s="116" t="s">
        <v>174</v>
      </c>
      <c r="AE2404" s="116" t="s">
        <v>174</v>
      </c>
      <c r="AF2404" s="116" t="s">
        <v>174</v>
      </c>
      <c r="AG2404" s="116" t="s">
        <v>174</v>
      </c>
      <c r="AH2404" s="116" t="s">
        <v>174</v>
      </c>
      <c r="AI2404" s="116" t="s">
        <v>174</v>
      </c>
      <c r="AJ2404" s="116" t="s">
        <v>174</v>
      </c>
      <c r="AK2404" s="116" t="s">
        <v>174</v>
      </c>
      <c r="AL2404" s="116" t="s">
        <v>174</v>
      </c>
      <c r="AM2404" s="116" t="s">
        <v>174</v>
      </c>
      <c r="AN2404" s="116" t="s">
        <v>174</v>
      </c>
      <c r="AO2404" s="116" t="s">
        <v>174</v>
      </c>
      <c r="AP2404" s="116" t="s">
        <v>174</v>
      </c>
      <c r="AQ2404" s="116" t="s">
        <v>174</v>
      </c>
      <c r="AR2404" s="116" t="s">
        <v>174</v>
      </c>
      <c r="AS2404" s="116" t="s">
        <v>174</v>
      </c>
      <c r="AT2404" s="125" t="s">
        <v>174</v>
      </c>
      <c r="AU2404" s="116" t="s">
        <v>174</v>
      </c>
      <c r="AV2404" s="116" t="s">
        <v>174</v>
      </c>
      <c r="AW2404" s="116" t="s">
        <v>174</v>
      </c>
      <c r="AX2404" s="113"/>
      <c r="AY2404" s="113"/>
      <c r="AZ2404" s="113"/>
      <c r="BA2404" s="113"/>
      <c r="BB2404" s="107">
        <v>45884</v>
      </c>
    </row>
    <row r="2405" spans="1:54" s="207" customFormat="1" ht="13.95" customHeight="1" x14ac:dyDescent="0.25">
      <c r="A2405" s="208" t="s">
        <v>5750</v>
      </c>
      <c r="B2405" s="209" t="s">
        <v>20420</v>
      </c>
      <c r="C2405" s="113" t="s">
        <v>5751</v>
      </c>
      <c r="D2405" s="113" t="s">
        <v>23888</v>
      </c>
      <c r="E2405" s="210">
        <v>1988</v>
      </c>
      <c r="F2405" s="210">
        <v>10001</v>
      </c>
      <c r="G2405" s="113" t="s">
        <v>3</v>
      </c>
      <c r="H2405" s="113">
        <v>1</v>
      </c>
      <c r="I2405" s="113">
        <v>1</v>
      </c>
      <c r="J2405" s="115">
        <v>1</v>
      </c>
      <c r="K2405" s="116" t="s">
        <v>174</v>
      </c>
      <c r="L2405" s="115">
        <v>0</v>
      </c>
      <c r="M2405" s="115">
        <v>0</v>
      </c>
      <c r="N2405" s="115">
        <v>0</v>
      </c>
      <c r="O2405" s="115">
        <v>0</v>
      </c>
      <c r="P2405" s="115" t="s">
        <v>400</v>
      </c>
      <c r="Q2405" s="115" t="s">
        <v>400</v>
      </c>
      <c r="R2405" s="115">
        <v>0</v>
      </c>
      <c r="S2405" s="115">
        <v>0</v>
      </c>
      <c r="T2405" s="115">
        <v>0</v>
      </c>
      <c r="U2405" s="113" t="s">
        <v>174</v>
      </c>
      <c r="V2405" s="113" t="s">
        <v>174</v>
      </c>
      <c r="W2405" s="113" t="s">
        <v>174</v>
      </c>
      <c r="X2405" s="113" t="s">
        <v>174</v>
      </c>
      <c r="Y2405" s="113" t="s">
        <v>174</v>
      </c>
      <c r="Z2405" s="113" t="s">
        <v>174</v>
      </c>
      <c r="AA2405" s="113" t="s">
        <v>174</v>
      </c>
      <c r="AB2405" s="113" t="s">
        <v>174</v>
      </c>
      <c r="AC2405" s="113" t="s">
        <v>174</v>
      </c>
      <c r="AD2405" s="113" t="s">
        <v>174</v>
      </c>
      <c r="AE2405" s="113" t="s">
        <v>174</v>
      </c>
      <c r="AF2405" s="113" t="s">
        <v>174</v>
      </c>
      <c r="AG2405" s="113" t="s">
        <v>174</v>
      </c>
      <c r="AH2405" s="113" t="s">
        <v>174</v>
      </c>
      <c r="AI2405" s="113" t="s">
        <v>174</v>
      </c>
      <c r="AJ2405" s="113" t="s">
        <v>174</v>
      </c>
      <c r="AK2405" s="113" t="s">
        <v>174</v>
      </c>
      <c r="AL2405" s="113" t="s">
        <v>174</v>
      </c>
      <c r="AM2405" s="113" t="s">
        <v>174</v>
      </c>
      <c r="AN2405" s="113" t="s">
        <v>174</v>
      </c>
      <c r="AO2405" s="113" t="s">
        <v>174</v>
      </c>
      <c r="AP2405" s="113" t="s">
        <v>174</v>
      </c>
      <c r="AQ2405" s="113" t="s">
        <v>174</v>
      </c>
      <c r="AR2405" s="113" t="s">
        <v>174</v>
      </c>
      <c r="AS2405" s="113" t="s">
        <v>174</v>
      </c>
      <c r="AT2405" s="121" t="s">
        <v>174</v>
      </c>
      <c r="AU2405" s="113" t="s">
        <v>174</v>
      </c>
      <c r="AV2405" s="113" t="s">
        <v>174</v>
      </c>
      <c r="AW2405" s="113" t="s">
        <v>174</v>
      </c>
      <c r="AX2405" s="113"/>
      <c r="AY2405" s="113"/>
      <c r="AZ2405" s="113"/>
      <c r="BA2405" s="113"/>
      <c r="BB2405" s="107">
        <v>45884</v>
      </c>
    </row>
    <row r="2406" spans="1:54" s="207" customFormat="1" ht="13.95" customHeight="1" x14ac:dyDescent="0.25">
      <c r="A2406" s="208" t="s">
        <v>5752</v>
      </c>
      <c r="B2406" s="209" t="s">
        <v>20420</v>
      </c>
      <c r="C2406" s="113" t="s">
        <v>5753</v>
      </c>
      <c r="D2406" s="113" t="s">
        <v>23889</v>
      </c>
      <c r="E2406" s="210">
        <v>2015</v>
      </c>
      <c r="F2406" s="210">
        <v>10089</v>
      </c>
      <c r="G2406" s="113" t="s">
        <v>3</v>
      </c>
      <c r="H2406" s="113">
        <v>1</v>
      </c>
      <c r="I2406" s="113">
        <v>1</v>
      </c>
      <c r="J2406" s="115">
        <v>1</v>
      </c>
      <c r="K2406" s="116" t="s">
        <v>174</v>
      </c>
      <c r="L2406" s="115">
        <v>0</v>
      </c>
      <c r="M2406" s="115">
        <v>0</v>
      </c>
      <c r="N2406" s="115">
        <v>0</v>
      </c>
      <c r="O2406" s="115">
        <v>0</v>
      </c>
      <c r="P2406" s="115" t="s">
        <v>400</v>
      </c>
      <c r="Q2406" s="115" t="s">
        <v>400</v>
      </c>
      <c r="R2406" s="115">
        <v>0</v>
      </c>
      <c r="S2406" s="115">
        <v>0</v>
      </c>
      <c r="T2406" s="115">
        <v>0</v>
      </c>
      <c r="U2406" s="113" t="s">
        <v>174</v>
      </c>
      <c r="V2406" s="113" t="s">
        <v>174</v>
      </c>
      <c r="W2406" s="113" t="s">
        <v>174</v>
      </c>
      <c r="X2406" s="113" t="s">
        <v>174</v>
      </c>
      <c r="Y2406" s="113" t="s">
        <v>174</v>
      </c>
      <c r="Z2406" s="113" t="s">
        <v>174</v>
      </c>
      <c r="AA2406" s="113" t="s">
        <v>174</v>
      </c>
      <c r="AB2406" s="113" t="s">
        <v>174</v>
      </c>
      <c r="AC2406" s="113" t="s">
        <v>174</v>
      </c>
      <c r="AD2406" s="113" t="s">
        <v>174</v>
      </c>
      <c r="AE2406" s="113" t="s">
        <v>174</v>
      </c>
      <c r="AF2406" s="113" t="s">
        <v>174</v>
      </c>
      <c r="AG2406" s="113" t="s">
        <v>174</v>
      </c>
      <c r="AH2406" s="113" t="s">
        <v>174</v>
      </c>
      <c r="AI2406" s="113" t="s">
        <v>174</v>
      </c>
      <c r="AJ2406" s="113" t="s">
        <v>174</v>
      </c>
      <c r="AK2406" s="113" t="s">
        <v>174</v>
      </c>
      <c r="AL2406" s="113" t="s">
        <v>174</v>
      </c>
      <c r="AM2406" s="113" t="s">
        <v>174</v>
      </c>
      <c r="AN2406" s="113" t="s">
        <v>174</v>
      </c>
      <c r="AO2406" s="113" t="s">
        <v>174</v>
      </c>
      <c r="AP2406" s="113" t="s">
        <v>174</v>
      </c>
      <c r="AQ2406" s="113" t="s">
        <v>174</v>
      </c>
      <c r="AR2406" s="113" t="s">
        <v>174</v>
      </c>
      <c r="AS2406" s="113" t="s">
        <v>174</v>
      </c>
      <c r="AT2406" s="121" t="s">
        <v>174</v>
      </c>
      <c r="AU2406" s="113" t="s">
        <v>174</v>
      </c>
      <c r="AV2406" s="113" t="s">
        <v>174</v>
      </c>
      <c r="AW2406" s="113" t="s">
        <v>174</v>
      </c>
      <c r="AX2406" s="113"/>
      <c r="AY2406" s="113"/>
      <c r="AZ2406" s="113"/>
      <c r="BA2406" s="113"/>
      <c r="BB2406" s="107">
        <v>45884</v>
      </c>
    </row>
    <row r="2407" spans="1:54" s="207" customFormat="1" ht="13.95" customHeight="1" x14ac:dyDescent="0.25">
      <c r="A2407" s="208" t="s">
        <v>5754</v>
      </c>
      <c r="B2407" s="209" t="s">
        <v>20420</v>
      </c>
      <c r="C2407" s="113" t="s">
        <v>5755</v>
      </c>
      <c r="D2407" s="113" t="s">
        <v>23890</v>
      </c>
      <c r="E2407" s="210">
        <v>1989</v>
      </c>
      <c r="F2407" s="210">
        <v>15380</v>
      </c>
      <c r="G2407" s="113" t="s">
        <v>3</v>
      </c>
      <c r="H2407" s="113">
        <v>1</v>
      </c>
      <c r="I2407" s="113">
        <v>0</v>
      </c>
      <c r="J2407" s="115">
        <v>1</v>
      </c>
      <c r="K2407" s="116" t="s">
        <v>174</v>
      </c>
      <c r="L2407" s="115">
        <v>0</v>
      </c>
      <c r="M2407" s="115">
        <v>1</v>
      </c>
      <c r="N2407" s="115">
        <v>0</v>
      </c>
      <c r="O2407" s="115">
        <v>0</v>
      </c>
      <c r="P2407" s="115" t="s">
        <v>400</v>
      </c>
      <c r="Q2407" s="115" t="s">
        <v>400</v>
      </c>
      <c r="R2407" s="115">
        <v>0</v>
      </c>
      <c r="S2407" s="115">
        <v>0</v>
      </c>
      <c r="T2407" s="115">
        <v>0</v>
      </c>
      <c r="U2407" s="113" t="s">
        <v>174</v>
      </c>
      <c r="V2407" s="113" t="s">
        <v>174</v>
      </c>
      <c r="W2407" s="113" t="s">
        <v>174</v>
      </c>
      <c r="X2407" s="113" t="s">
        <v>174</v>
      </c>
      <c r="Y2407" s="113" t="s">
        <v>174</v>
      </c>
      <c r="Z2407" s="113" t="s">
        <v>174</v>
      </c>
      <c r="AA2407" s="113" t="s">
        <v>174</v>
      </c>
      <c r="AB2407" s="113" t="s">
        <v>174</v>
      </c>
      <c r="AC2407" s="113" t="s">
        <v>174</v>
      </c>
      <c r="AD2407" s="113" t="s">
        <v>174</v>
      </c>
      <c r="AE2407" s="113" t="s">
        <v>174</v>
      </c>
      <c r="AF2407" s="113" t="s">
        <v>174</v>
      </c>
      <c r="AG2407" s="113" t="s">
        <v>174</v>
      </c>
      <c r="AH2407" s="113" t="s">
        <v>174</v>
      </c>
      <c r="AI2407" s="113" t="s">
        <v>174</v>
      </c>
      <c r="AJ2407" s="113" t="s">
        <v>174</v>
      </c>
      <c r="AK2407" s="113" t="s">
        <v>174</v>
      </c>
      <c r="AL2407" s="113" t="s">
        <v>174</v>
      </c>
      <c r="AM2407" s="113" t="s">
        <v>174</v>
      </c>
      <c r="AN2407" s="113" t="s">
        <v>174</v>
      </c>
      <c r="AO2407" s="113" t="s">
        <v>174</v>
      </c>
      <c r="AP2407" s="113" t="s">
        <v>174</v>
      </c>
      <c r="AQ2407" s="113" t="s">
        <v>174</v>
      </c>
      <c r="AR2407" s="113" t="s">
        <v>174</v>
      </c>
      <c r="AS2407" s="113" t="s">
        <v>174</v>
      </c>
      <c r="AT2407" s="121" t="s">
        <v>174</v>
      </c>
      <c r="AU2407" s="113" t="s">
        <v>174</v>
      </c>
      <c r="AV2407" s="113" t="s">
        <v>174</v>
      </c>
      <c r="AW2407" s="113" t="s">
        <v>174</v>
      </c>
      <c r="AX2407" s="113"/>
      <c r="AY2407" s="113"/>
      <c r="AZ2407" s="113"/>
      <c r="BA2407" s="113"/>
      <c r="BB2407" s="107">
        <v>45884</v>
      </c>
    </row>
    <row r="2408" spans="1:54" s="207" customFormat="1" ht="13.95" customHeight="1" x14ac:dyDescent="0.25">
      <c r="A2408" s="208" t="s">
        <v>5756</v>
      </c>
      <c r="B2408" s="209" t="s">
        <v>20420</v>
      </c>
      <c r="C2408" s="113" t="s">
        <v>5757</v>
      </c>
      <c r="D2408" s="113" t="s">
        <v>5758</v>
      </c>
      <c r="E2408" s="210">
        <v>1986</v>
      </c>
      <c r="F2408" s="210">
        <v>10403</v>
      </c>
      <c r="G2408" s="113" t="s">
        <v>3</v>
      </c>
      <c r="H2408" s="113">
        <v>0</v>
      </c>
      <c r="I2408" s="113">
        <v>0</v>
      </c>
      <c r="J2408" s="115">
        <v>1</v>
      </c>
      <c r="K2408" s="116" t="s">
        <v>174</v>
      </c>
      <c r="L2408" s="115">
        <v>1</v>
      </c>
      <c r="M2408" s="115">
        <v>0</v>
      </c>
      <c r="N2408" s="115">
        <v>0</v>
      </c>
      <c r="O2408" s="115">
        <v>1</v>
      </c>
      <c r="P2408" s="115">
        <v>1</v>
      </c>
      <c r="Q2408" s="115">
        <v>1</v>
      </c>
      <c r="R2408" s="115">
        <v>1</v>
      </c>
      <c r="S2408" s="115">
        <v>0</v>
      </c>
      <c r="T2408" s="115">
        <v>0</v>
      </c>
      <c r="U2408" s="113" t="s">
        <v>174</v>
      </c>
      <c r="V2408" s="113" t="s">
        <v>174</v>
      </c>
      <c r="W2408" s="113" t="s">
        <v>174</v>
      </c>
      <c r="X2408" s="113" t="s">
        <v>174</v>
      </c>
      <c r="Y2408" s="113" t="s">
        <v>174</v>
      </c>
      <c r="Z2408" s="113" t="s">
        <v>174</v>
      </c>
      <c r="AA2408" s="113" t="s">
        <v>174</v>
      </c>
      <c r="AB2408" s="113" t="s">
        <v>174</v>
      </c>
      <c r="AC2408" s="113" t="s">
        <v>174</v>
      </c>
      <c r="AD2408" s="113" t="s">
        <v>174</v>
      </c>
      <c r="AE2408" s="113" t="s">
        <v>174</v>
      </c>
      <c r="AF2408" s="113" t="s">
        <v>174</v>
      </c>
      <c r="AG2408" s="113" t="s">
        <v>174</v>
      </c>
      <c r="AH2408" s="113" t="s">
        <v>174</v>
      </c>
      <c r="AI2408" s="113" t="s">
        <v>174</v>
      </c>
      <c r="AJ2408" s="113" t="s">
        <v>174</v>
      </c>
      <c r="AK2408" s="113" t="s">
        <v>174</v>
      </c>
      <c r="AL2408" s="113" t="s">
        <v>174</v>
      </c>
      <c r="AM2408" s="113" t="s">
        <v>174</v>
      </c>
      <c r="AN2408" s="113" t="s">
        <v>174</v>
      </c>
      <c r="AO2408" s="113" t="s">
        <v>174</v>
      </c>
      <c r="AP2408" s="113" t="s">
        <v>174</v>
      </c>
      <c r="AQ2408" s="113" t="s">
        <v>174</v>
      </c>
      <c r="AR2408" s="113" t="s">
        <v>174</v>
      </c>
      <c r="AS2408" s="113" t="s">
        <v>174</v>
      </c>
      <c r="AT2408" s="121" t="s">
        <v>174</v>
      </c>
      <c r="AU2408" s="113" t="s">
        <v>174</v>
      </c>
      <c r="AV2408" s="113" t="s">
        <v>174</v>
      </c>
      <c r="AW2408" s="113" t="s">
        <v>174</v>
      </c>
      <c r="AX2408" s="113"/>
      <c r="AY2408" s="113"/>
      <c r="AZ2408" s="113"/>
      <c r="BA2408" s="113"/>
      <c r="BB2408" s="107">
        <v>45884</v>
      </c>
    </row>
    <row r="2409" spans="1:54" s="207" customFormat="1" ht="13.95" customHeight="1" x14ac:dyDescent="0.25">
      <c r="A2409" s="208" t="s">
        <v>5759</v>
      </c>
      <c r="B2409" s="209" t="s">
        <v>20420</v>
      </c>
      <c r="C2409" s="113" t="s">
        <v>5760</v>
      </c>
      <c r="D2409" s="113" t="s">
        <v>5761</v>
      </c>
      <c r="E2409" s="210">
        <v>1994</v>
      </c>
      <c r="F2409" s="210">
        <v>10412</v>
      </c>
      <c r="G2409" s="113" t="s">
        <v>3</v>
      </c>
      <c r="H2409" s="113">
        <v>0</v>
      </c>
      <c r="I2409" s="113">
        <v>0</v>
      </c>
      <c r="J2409" s="115">
        <v>1</v>
      </c>
      <c r="K2409" s="116" t="s">
        <v>174</v>
      </c>
      <c r="L2409" s="115">
        <v>1</v>
      </c>
      <c r="M2409" s="115">
        <v>0</v>
      </c>
      <c r="N2409" s="115">
        <v>1</v>
      </c>
      <c r="O2409" s="115">
        <v>0</v>
      </c>
      <c r="P2409" s="115">
        <v>1</v>
      </c>
      <c r="Q2409" s="115" t="s">
        <v>400</v>
      </c>
      <c r="R2409" s="115">
        <v>0</v>
      </c>
      <c r="S2409" s="115">
        <v>0</v>
      </c>
      <c r="T2409" s="115">
        <v>0</v>
      </c>
      <c r="U2409" s="113" t="s">
        <v>174</v>
      </c>
      <c r="V2409" s="113" t="s">
        <v>174</v>
      </c>
      <c r="W2409" s="113" t="s">
        <v>174</v>
      </c>
      <c r="X2409" s="113" t="s">
        <v>174</v>
      </c>
      <c r="Y2409" s="113" t="s">
        <v>174</v>
      </c>
      <c r="Z2409" s="113" t="s">
        <v>174</v>
      </c>
      <c r="AA2409" s="113" t="s">
        <v>174</v>
      </c>
      <c r="AB2409" s="113" t="s">
        <v>174</v>
      </c>
      <c r="AC2409" s="113" t="s">
        <v>174</v>
      </c>
      <c r="AD2409" s="113" t="s">
        <v>174</v>
      </c>
      <c r="AE2409" s="113" t="s">
        <v>174</v>
      </c>
      <c r="AF2409" s="113" t="s">
        <v>174</v>
      </c>
      <c r="AG2409" s="113" t="s">
        <v>174</v>
      </c>
      <c r="AH2409" s="113" t="s">
        <v>174</v>
      </c>
      <c r="AI2409" s="113" t="s">
        <v>174</v>
      </c>
      <c r="AJ2409" s="113" t="s">
        <v>174</v>
      </c>
      <c r="AK2409" s="113" t="s">
        <v>174</v>
      </c>
      <c r="AL2409" s="113" t="s">
        <v>174</v>
      </c>
      <c r="AM2409" s="113" t="s">
        <v>174</v>
      </c>
      <c r="AN2409" s="113" t="s">
        <v>174</v>
      </c>
      <c r="AO2409" s="113" t="s">
        <v>174</v>
      </c>
      <c r="AP2409" s="113" t="s">
        <v>174</v>
      </c>
      <c r="AQ2409" s="113" t="s">
        <v>174</v>
      </c>
      <c r="AR2409" s="113" t="s">
        <v>174</v>
      </c>
      <c r="AS2409" s="113" t="s">
        <v>174</v>
      </c>
      <c r="AT2409" s="121" t="s">
        <v>174</v>
      </c>
      <c r="AU2409" s="113" t="s">
        <v>174</v>
      </c>
      <c r="AV2409" s="113" t="s">
        <v>174</v>
      </c>
      <c r="AW2409" s="113" t="s">
        <v>174</v>
      </c>
      <c r="AX2409" s="113"/>
      <c r="AY2409" s="113"/>
      <c r="AZ2409" s="113"/>
      <c r="BA2409" s="113"/>
      <c r="BB2409" s="107">
        <v>45884</v>
      </c>
    </row>
    <row r="2410" spans="1:54" s="207" customFormat="1" ht="13.95" customHeight="1" x14ac:dyDescent="0.25">
      <c r="A2410" s="208" t="s">
        <v>5762</v>
      </c>
      <c r="B2410" s="209" t="s">
        <v>20420</v>
      </c>
      <c r="C2410" s="113" t="s">
        <v>5763</v>
      </c>
      <c r="D2410" s="113" t="s">
        <v>23891</v>
      </c>
      <c r="E2410" s="210">
        <v>1976</v>
      </c>
      <c r="F2410" s="210">
        <v>10483</v>
      </c>
      <c r="G2410" s="113" t="s">
        <v>3</v>
      </c>
      <c r="H2410" s="113">
        <v>0</v>
      </c>
      <c r="I2410" s="113">
        <v>0</v>
      </c>
      <c r="J2410" s="115">
        <v>1</v>
      </c>
      <c r="K2410" s="116" t="s">
        <v>174</v>
      </c>
      <c r="L2410" s="115">
        <v>1</v>
      </c>
      <c r="M2410" s="115">
        <v>1</v>
      </c>
      <c r="N2410" s="115">
        <v>1</v>
      </c>
      <c r="O2410" s="115">
        <v>1</v>
      </c>
      <c r="P2410" s="115" t="s">
        <v>400</v>
      </c>
      <c r="Q2410" s="115" t="s">
        <v>400</v>
      </c>
      <c r="R2410" s="115">
        <v>1</v>
      </c>
      <c r="S2410" s="115">
        <v>0</v>
      </c>
      <c r="T2410" s="115">
        <v>0</v>
      </c>
      <c r="U2410" s="113" t="s">
        <v>174</v>
      </c>
      <c r="V2410" s="113" t="s">
        <v>174</v>
      </c>
      <c r="W2410" s="113" t="s">
        <v>174</v>
      </c>
      <c r="X2410" s="113" t="s">
        <v>174</v>
      </c>
      <c r="Y2410" s="113" t="s">
        <v>174</v>
      </c>
      <c r="Z2410" s="113" t="s">
        <v>174</v>
      </c>
      <c r="AA2410" s="113" t="s">
        <v>174</v>
      </c>
      <c r="AB2410" s="113" t="s">
        <v>174</v>
      </c>
      <c r="AC2410" s="113" t="s">
        <v>174</v>
      </c>
      <c r="AD2410" s="113" t="s">
        <v>174</v>
      </c>
      <c r="AE2410" s="113" t="s">
        <v>174</v>
      </c>
      <c r="AF2410" s="113" t="s">
        <v>174</v>
      </c>
      <c r="AG2410" s="113" t="s">
        <v>174</v>
      </c>
      <c r="AH2410" s="113" t="s">
        <v>174</v>
      </c>
      <c r="AI2410" s="113" t="s">
        <v>174</v>
      </c>
      <c r="AJ2410" s="113" t="s">
        <v>174</v>
      </c>
      <c r="AK2410" s="113" t="s">
        <v>174</v>
      </c>
      <c r="AL2410" s="113" t="s">
        <v>174</v>
      </c>
      <c r="AM2410" s="113" t="s">
        <v>174</v>
      </c>
      <c r="AN2410" s="113" t="s">
        <v>174</v>
      </c>
      <c r="AO2410" s="113" t="s">
        <v>174</v>
      </c>
      <c r="AP2410" s="113" t="s">
        <v>174</v>
      </c>
      <c r="AQ2410" s="113" t="s">
        <v>174</v>
      </c>
      <c r="AR2410" s="113" t="s">
        <v>174</v>
      </c>
      <c r="AS2410" s="113" t="s">
        <v>174</v>
      </c>
      <c r="AT2410" s="121" t="s">
        <v>174</v>
      </c>
      <c r="AU2410" s="113" t="s">
        <v>174</v>
      </c>
      <c r="AV2410" s="113" t="s">
        <v>174</v>
      </c>
      <c r="AW2410" s="113" t="s">
        <v>174</v>
      </c>
      <c r="AX2410" s="113"/>
      <c r="AY2410" s="113"/>
      <c r="AZ2410" s="113"/>
      <c r="BA2410" s="113"/>
      <c r="BB2410" s="107">
        <v>45884</v>
      </c>
    </row>
    <row r="2411" spans="1:54" s="207" customFormat="1" ht="13.95" customHeight="1" x14ac:dyDescent="0.25">
      <c r="A2411" s="208" t="s">
        <v>5764</v>
      </c>
      <c r="B2411" s="209" t="s">
        <v>20420</v>
      </c>
      <c r="C2411" s="113" t="s">
        <v>5765</v>
      </c>
      <c r="D2411" s="113" t="s">
        <v>23892</v>
      </c>
      <c r="E2411" s="210">
        <v>1991</v>
      </c>
      <c r="F2411" s="210">
        <v>10551</v>
      </c>
      <c r="G2411" s="113" t="s">
        <v>3</v>
      </c>
      <c r="H2411" s="113">
        <v>1</v>
      </c>
      <c r="I2411" s="113">
        <v>0</v>
      </c>
      <c r="J2411" s="115">
        <v>1</v>
      </c>
      <c r="K2411" s="116" t="s">
        <v>174</v>
      </c>
      <c r="L2411" s="115">
        <v>1</v>
      </c>
      <c r="M2411" s="115">
        <v>1</v>
      </c>
      <c r="N2411" s="115">
        <v>0</v>
      </c>
      <c r="O2411" s="115">
        <v>0</v>
      </c>
      <c r="P2411" s="115" t="s">
        <v>400</v>
      </c>
      <c r="Q2411" s="115" t="s">
        <v>400</v>
      </c>
      <c r="R2411" s="115">
        <v>0</v>
      </c>
      <c r="S2411" s="115">
        <v>0</v>
      </c>
      <c r="T2411" s="115">
        <v>0</v>
      </c>
      <c r="U2411" s="113" t="s">
        <v>174</v>
      </c>
      <c r="V2411" s="113" t="s">
        <v>174</v>
      </c>
      <c r="W2411" s="113" t="s">
        <v>174</v>
      </c>
      <c r="X2411" s="113" t="s">
        <v>174</v>
      </c>
      <c r="Y2411" s="113" t="s">
        <v>174</v>
      </c>
      <c r="Z2411" s="113" t="s">
        <v>174</v>
      </c>
      <c r="AA2411" s="113" t="s">
        <v>174</v>
      </c>
      <c r="AB2411" s="113" t="s">
        <v>174</v>
      </c>
      <c r="AC2411" s="113" t="s">
        <v>174</v>
      </c>
      <c r="AD2411" s="113" t="s">
        <v>174</v>
      </c>
      <c r="AE2411" s="113" t="s">
        <v>174</v>
      </c>
      <c r="AF2411" s="113" t="s">
        <v>174</v>
      </c>
      <c r="AG2411" s="113" t="s">
        <v>174</v>
      </c>
      <c r="AH2411" s="113" t="s">
        <v>174</v>
      </c>
      <c r="AI2411" s="113" t="s">
        <v>174</v>
      </c>
      <c r="AJ2411" s="113" t="s">
        <v>174</v>
      </c>
      <c r="AK2411" s="113" t="s">
        <v>174</v>
      </c>
      <c r="AL2411" s="113" t="s">
        <v>174</v>
      </c>
      <c r="AM2411" s="113" t="s">
        <v>174</v>
      </c>
      <c r="AN2411" s="113" t="s">
        <v>174</v>
      </c>
      <c r="AO2411" s="113" t="s">
        <v>174</v>
      </c>
      <c r="AP2411" s="113" t="s">
        <v>174</v>
      </c>
      <c r="AQ2411" s="113" t="s">
        <v>174</v>
      </c>
      <c r="AR2411" s="113" t="s">
        <v>174</v>
      </c>
      <c r="AS2411" s="113" t="s">
        <v>174</v>
      </c>
      <c r="AT2411" s="121" t="s">
        <v>174</v>
      </c>
      <c r="AU2411" s="113" t="s">
        <v>174</v>
      </c>
      <c r="AV2411" s="113" t="s">
        <v>174</v>
      </c>
      <c r="AW2411" s="113" t="s">
        <v>174</v>
      </c>
      <c r="AX2411" s="113"/>
      <c r="AY2411" s="113"/>
      <c r="AZ2411" s="113"/>
      <c r="BA2411" s="113"/>
      <c r="BB2411" s="107">
        <v>45884</v>
      </c>
    </row>
    <row r="2412" spans="1:54" s="207" customFormat="1" ht="13.95" customHeight="1" x14ac:dyDescent="0.25">
      <c r="A2412" s="208" t="s">
        <v>5766</v>
      </c>
      <c r="B2412" s="209" t="s">
        <v>20420</v>
      </c>
      <c r="C2412" s="113" t="s">
        <v>5767</v>
      </c>
      <c r="D2412" s="113" t="s">
        <v>23893</v>
      </c>
      <c r="E2412" s="210">
        <v>1977</v>
      </c>
      <c r="F2412" s="210">
        <v>10576</v>
      </c>
      <c r="G2412" s="113" t="s">
        <v>3</v>
      </c>
      <c r="H2412" s="113">
        <v>0</v>
      </c>
      <c r="I2412" s="113">
        <v>0</v>
      </c>
      <c r="J2412" s="115">
        <v>1</v>
      </c>
      <c r="K2412" s="116" t="s">
        <v>174</v>
      </c>
      <c r="L2412" s="115">
        <v>1</v>
      </c>
      <c r="M2412" s="115">
        <v>1</v>
      </c>
      <c r="N2412" s="115">
        <v>1</v>
      </c>
      <c r="O2412" s="115">
        <v>1</v>
      </c>
      <c r="P2412" s="115" t="s">
        <v>400</v>
      </c>
      <c r="Q2412" s="115" t="s">
        <v>400</v>
      </c>
      <c r="R2412" s="115">
        <v>1</v>
      </c>
      <c r="S2412" s="115">
        <v>0</v>
      </c>
      <c r="T2412" s="115">
        <v>0</v>
      </c>
      <c r="U2412" s="113" t="s">
        <v>174</v>
      </c>
      <c r="V2412" s="113" t="s">
        <v>174</v>
      </c>
      <c r="W2412" s="113" t="s">
        <v>174</v>
      </c>
      <c r="X2412" s="113" t="s">
        <v>174</v>
      </c>
      <c r="Y2412" s="113" t="s">
        <v>174</v>
      </c>
      <c r="Z2412" s="113" t="s">
        <v>174</v>
      </c>
      <c r="AA2412" s="113" t="s">
        <v>174</v>
      </c>
      <c r="AB2412" s="113" t="s">
        <v>174</v>
      </c>
      <c r="AC2412" s="113" t="s">
        <v>174</v>
      </c>
      <c r="AD2412" s="113" t="s">
        <v>174</v>
      </c>
      <c r="AE2412" s="113" t="s">
        <v>174</v>
      </c>
      <c r="AF2412" s="113" t="s">
        <v>174</v>
      </c>
      <c r="AG2412" s="113" t="s">
        <v>174</v>
      </c>
      <c r="AH2412" s="113" t="s">
        <v>174</v>
      </c>
      <c r="AI2412" s="113" t="s">
        <v>174</v>
      </c>
      <c r="AJ2412" s="113" t="s">
        <v>174</v>
      </c>
      <c r="AK2412" s="113" t="s">
        <v>174</v>
      </c>
      <c r="AL2412" s="113" t="s">
        <v>174</v>
      </c>
      <c r="AM2412" s="113" t="s">
        <v>174</v>
      </c>
      <c r="AN2412" s="113" t="s">
        <v>174</v>
      </c>
      <c r="AO2412" s="113" t="s">
        <v>174</v>
      </c>
      <c r="AP2412" s="113" t="s">
        <v>174</v>
      </c>
      <c r="AQ2412" s="113" t="s">
        <v>174</v>
      </c>
      <c r="AR2412" s="113" t="s">
        <v>174</v>
      </c>
      <c r="AS2412" s="113" t="s">
        <v>174</v>
      </c>
      <c r="AT2412" s="121" t="s">
        <v>174</v>
      </c>
      <c r="AU2412" s="113" t="s">
        <v>174</v>
      </c>
      <c r="AV2412" s="113" t="s">
        <v>174</v>
      </c>
      <c r="AW2412" s="113" t="s">
        <v>174</v>
      </c>
      <c r="AX2412" s="113"/>
      <c r="AY2412" s="113"/>
      <c r="AZ2412" s="113"/>
      <c r="BA2412" s="113"/>
      <c r="BB2412" s="107">
        <v>45884</v>
      </c>
    </row>
    <row r="2413" spans="1:54" s="207" customFormat="1" ht="13.95" customHeight="1" x14ac:dyDescent="0.25">
      <c r="A2413" s="208" t="s">
        <v>5768</v>
      </c>
      <c r="B2413" s="209" t="s">
        <v>20420</v>
      </c>
      <c r="C2413" s="113" t="s">
        <v>5769</v>
      </c>
      <c r="D2413" s="113" t="s">
        <v>23894</v>
      </c>
      <c r="E2413" s="210">
        <v>1977</v>
      </c>
      <c r="F2413" s="210">
        <v>10581</v>
      </c>
      <c r="G2413" s="113" t="s">
        <v>3</v>
      </c>
      <c r="H2413" s="113">
        <v>1</v>
      </c>
      <c r="I2413" s="113">
        <v>1</v>
      </c>
      <c r="J2413" s="115">
        <v>1</v>
      </c>
      <c r="K2413" s="211">
        <v>1</v>
      </c>
      <c r="L2413" s="115">
        <v>1</v>
      </c>
      <c r="M2413" s="115">
        <v>1</v>
      </c>
      <c r="N2413" s="115">
        <v>1</v>
      </c>
      <c r="O2413" s="115">
        <v>1</v>
      </c>
      <c r="P2413" s="115">
        <v>1</v>
      </c>
      <c r="Q2413" s="115" t="s">
        <v>400</v>
      </c>
      <c r="R2413" s="115">
        <v>0</v>
      </c>
      <c r="S2413" s="115">
        <v>0</v>
      </c>
      <c r="T2413" s="115">
        <v>0</v>
      </c>
      <c r="U2413" s="113" t="s">
        <v>174</v>
      </c>
      <c r="V2413" s="113" t="s">
        <v>174</v>
      </c>
      <c r="W2413" s="113" t="s">
        <v>174</v>
      </c>
      <c r="X2413" s="113" t="s">
        <v>174</v>
      </c>
      <c r="Y2413" s="113" t="s">
        <v>174</v>
      </c>
      <c r="Z2413" s="113" t="s">
        <v>174</v>
      </c>
      <c r="AA2413" s="113" t="s">
        <v>174</v>
      </c>
      <c r="AB2413" s="113" t="s">
        <v>174</v>
      </c>
      <c r="AC2413" s="113" t="s">
        <v>174</v>
      </c>
      <c r="AD2413" s="113" t="s">
        <v>174</v>
      </c>
      <c r="AE2413" s="113" t="s">
        <v>174</v>
      </c>
      <c r="AF2413" s="113" t="s">
        <v>174</v>
      </c>
      <c r="AG2413" s="113" t="s">
        <v>174</v>
      </c>
      <c r="AH2413" s="113" t="s">
        <v>174</v>
      </c>
      <c r="AI2413" s="113" t="s">
        <v>174</v>
      </c>
      <c r="AJ2413" s="113" t="s">
        <v>174</v>
      </c>
      <c r="AK2413" s="113" t="s">
        <v>174</v>
      </c>
      <c r="AL2413" s="113" t="s">
        <v>174</v>
      </c>
      <c r="AM2413" s="113" t="s">
        <v>174</v>
      </c>
      <c r="AN2413" s="113" t="s">
        <v>174</v>
      </c>
      <c r="AO2413" s="113" t="s">
        <v>174</v>
      </c>
      <c r="AP2413" s="113" t="s">
        <v>174</v>
      </c>
      <c r="AQ2413" s="113" t="s">
        <v>174</v>
      </c>
      <c r="AR2413" s="113" t="s">
        <v>174</v>
      </c>
      <c r="AS2413" s="113" t="s">
        <v>174</v>
      </c>
      <c r="AT2413" s="121" t="s">
        <v>174</v>
      </c>
      <c r="AU2413" s="113" t="s">
        <v>174</v>
      </c>
      <c r="AV2413" s="113" t="s">
        <v>174</v>
      </c>
      <c r="AW2413" s="113" t="s">
        <v>174</v>
      </c>
      <c r="AX2413" s="113"/>
      <c r="AY2413" s="113"/>
      <c r="AZ2413" s="113"/>
      <c r="BA2413" s="113"/>
      <c r="BB2413" s="107">
        <v>45884</v>
      </c>
    </row>
    <row r="2414" spans="1:54" s="207" customFormat="1" ht="13.95" customHeight="1" x14ac:dyDescent="0.25">
      <c r="A2414" s="208" t="s">
        <v>5770</v>
      </c>
      <c r="B2414" s="209" t="s">
        <v>20420</v>
      </c>
      <c r="C2414" s="113" t="s">
        <v>5771</v>
      </c>
      <c r="D2414" s="113" t="s">
        <v>23895</v>
      </c>
      <c r="E2414" s="210">
        <v>1976</v>
      </c>
      <c r="F2414" s="210">
        <v>10676</v>
      </c>
      <c r="G2414" s="113" t="s">
        <v>3</v>
      </c>
      <c r="H2414" s="113">
        <v>0</v>
      </c>
      <c r="I2414" s="113">
        <v>0</v>
      </c>
      <c r="J2414" s="115">
        <v>1</v>
      </c>
      <c r="K2414" s="211">
        <v>1</v>
      </c>
      <c r="L2414" s="115">
        <v>1</v>
      </c>
      <c r="M2414" s="115">
        <v>1</v>
      </c>
      <c r="N2414" s="115">
        <v>1</v>
      </c>
      <c r="O2414" s="115">
        <v>1</v>
      </c>
      <c r="P2414" s="115" t="s">
        <v>400</v>
      </c>
      <c r="Q2414" s="115" t="s">
        <v>400</v>
      </c>
      <c r="R2414" s="115">
        <v>1</v>
      </c>
      <c r="S2414" s="115">
        <v>1</v>
      </c>
      <c r="T2414" s="115">
        <v>0</v>
      </c>
      <c r="U2414" s="113" t="s">
        <v>174</v>
      </c>
      <c r="V2414" s="113" t="s">
        <v>174</v>
      </c>
      <c r="W2414" s="113" t="s">
        <v>174</v>
      </c>
      <c r="X2414" s="113" t="s">
        <v>174</v>
      </c>
      <c r="Y2414" s="113" t="s">
        <v>174</v>
      </c>
      <c r="Z2414" s="113" t="s">
        <v>174</v>
      </c>
      <c r="AA2414" s="113" t="s">
        <v>174</v>
      </c>
      <c r="AB2414" s="113" t="s">
        <v>174</v>
      </c>
      <c r="AC2414" s="113" t="s">
        <v>174</v>
      </c>
      <c r="AD2414" s="113" t="s">
        <v>174</v>
      </c>
      <c r="AE2414" s="113" t="s">
        <v>174</v>
      </c>
      <c r="AF2414" s="113" t="s">
        <v>174</v>
      </c>
      <c r="AG2414" s="113" t="s">
        <v>174</v>
      </c>
      <c r="AH2414" s="113" t="s">
        <v>174</v>
      </c>
      <c r="AI2414" s="113" t="s">
        <v>174</v>
      </c>
      <c r="AJ2414" s="113" t="s">
        <v>174</v>
      </c>
      <c r="AK2414" s="113" t="s">
        <v>174</v>
      </c>
      <c r="AL2414" s="113" t="s">
        <v>174</v>
      </c>
      <c r="AM2414" s="113" t="s">
        <v>174</v>
      </c>
      <c r="AN2414" s="113" t="s">
        <v>174</v>
      </c>
      <c r="AO2414" s="113" t="s">
        <v>174</v>
      </c>
      <c r="AP2414" s="113" t="s">
        <v>174</v>
      </c>
      <c r="AQ2414" s="113" t="s">
        <v>174</v>
      </c>
      <c r="AR2414" s="113" t="s">
        <v>174</v>
      </c>
      <c r="AS2414" s="113" t="s">
        <v>174</v>
      </c>
      <c r="AT2414" s="121" t="s">
        <v>174</v>
      </c>
      <c r="AU2414" s="113" t="s">
        <v>174</v>
      </c>
      <c r="AV2414" s="113" t="s">
        <v>174</v>
      </c>
      <c r="AW2414" s="113" t="s">
        <v>174</v>
      </c>
      <c r="AX2414" s="113"/>
      <c r="AY2414" s="113"/>
      <c r="AZ2414" s="113"/>
      <c r="BA2414" s="113"/>
      <c r="BB2414" s="107">
        <v>45884</v>
      </c>
    </row>
    <row r="2415" spans="1:54" s="207" customFormat="1" ht="13.95" customHeight="1" x14ac:dyDescent="0.25">
      <c r="A2415" s="208" t="s">
        <v>5772</v>
      </c>
      <c r="B2415" s="209" t="s">
        <v>20420</v>
      </c>
      <c r="C2415" s="113" t="s">
        <v>5773</v>
      </c>
      <c r="D2415" s="113" t="s">
        <v>5774</v>
      </c>
      <c r="E2415" s="210">
        <v>1975</v>
      </c>
      <c r="F2415" s="210">
        <v>10679</v>
      </c>
      <c r="G2415" s="113" t="s">
        <v>3</v>
      </c>
      <c r="H2415" s="113">
        <v>0</v>
      </c>
      <c r="I2415" s="113">
        <v>0</v>
      </c>
      <c r="J2415" s="115">
        <v>1</v>
      </c>
      <c r="K2415" s="116" t="s">
        <v>174</v>
      </c>
      <c r="L2415" s="115">
        <v>0</v>
      </c>
      <c r="M2415" s="115">
        <v>0</v>
      </c>
      <c r="N2415" s="115">
        <v>1</v>
      </c>
      <c r="O2415" s="115">
        <v>0</v>
      </c>
      <c r="P2415" s="115" t="s">
        <v>400</v>
      </c>
      <c r="Q2415" s="115" t="s">
        <v>400</v>
      </c>
      <c r="R2415" s="115">
        <v>0</v>
      </c>
      <c r="S2415" s="115">
        <v>0</v>
      </c>
      <c r="T2415" s="115">
        <v>0</v>
      </c>
      <c r="U2415" s="113" t="s">
        <v>174</v>
      </c>
      <c r="V2415" s="113" t="s">
        <v>174</v>
      </c>
      <c r="W2415" s="113" t="s">
        <v>174</v>
      </c>
      <c r="X2415" s="113" t="s">
        <v>174</v>
      </c>
      <c r="Y2415" s="113" t="s">
        <v>174</v>
      </c>
      <c r="Z2415" s="113" t="s">
        <v>174</v>
      </c>
      <c r="AA2415" s="113" t="s">
        <v>174</v>
      </c>
      <c r="AB2415" s="113" t="s">
        <v>174</v>
      </c>
      <c r="AC2415" s="113" t="s">
        <v>174</v>
      </c>
      <c r="AD2415" s="113" t="s">
        <v>174</v>
      </c>
      <c r="AE2415" s="113" t="s">
        <v>174</v>
      </c>
      <c r="AF2415" s="113" t="s">
        <v>174</v>
      </c>
      <c r="AG2415" s="113" t="s">
        <v>174</v>
      </c>
      <c r="AH2415" s="113" t="s">
        <v>174</v>
      </c>
      <c r="AI2415" s="113" t="s">
        <v>174</v>
      </c>
      <c r="AJ2415" s="113" t="s">
        <v>174</v>
      </c>
      <c r="AK2415" s="113" t="s">
        <v>174</v>
      </c>
      <c r="AL2415" s="113" t="s">
        <v>174</v>
      </c>
      <c r="AM2415" s="113" t="s">
        <v>174</v>
      </c>
      <c r="AN2415" s="113" t="s">
        <v>174</v>
      </c>
      <c r="AO2415" s="113" t="s">
        <v>174</v>
      </c>
      <c r="AP2415" s="113" t="s">
        <v>174</v>
      </c>
      <c r="AQ2415" s="113" t="s">
        <v>174</v>
      </c>
      <c r="AR2415" s="113" t="s">
        <v>174</v>
      </c>
      <c r="AS2415" s="113" t="s">
        <v>174</v>
      </c>
      <c r="AT2415" s="121" t="s">
        <v>174</v>
      </c>
      <c r="AU2415" s="113" t="s">
        <v>174</v>
      </c>
      <c r="AV2415" s="113" t="s">
        <v>174</v>
      </c>
      <c r="AW2415" s="113" t="s">
        <v>174</v>
      </c>
      <c r="AX2415" s="113"/>
      <c r="AY2415" s="113"/>
      <c r="AZ2415" s="113"/>
      <c r="BA2415" s="113"/>
      <c r="BB2415" s="107">
        <v>45884</v>
      </c>
    </row>
    <row r="2416" spans="1:54" s="207" customFormat="1" ht="13.95" customHeight="1" x14ac:dyDescent="0.25">
      <c r="A2416" s="208" t="s">
        <v>5775</v>
      </c>
      <c r="B2416" s="209" t="s">
        <v>20420</v>
      </c>
      <c r="C2416" s="113" t="s">
        <v>5776</v>
      </c>
      <c r="D2416" s="113" t="s">
        <v>23896</v>
      </c>
      <c r="E2416" s="210">
        <v>1991</v>
      </c>
      <c r="F2416" s="210">
        <v>10717</v>
      </c>
      <c r="G2416" s="113" t="s">
        <v>3</v>
      </c>
      <c r="H2416" s="113">
        <v>1</v>
      </c>
      <c r="I2416" s="113">
        <v>0</v>
      </c>
      <c r="J2416" s="115">
        <v>1</v>
      </c>
      <c r="K2416" s="116" t="s">
        <v>174</v>
      </c>
      <c r="L2416" s="115">
        <v>1</v>
      </c>
      <c r="M2416" s="115">
        <v>1</v>
      </c>
      <c r="N2416" s="115">
        <v>0</v>
      </c>
      <c r="O2416" s="115">
        <v>0</v>
      </c>
      <c r="P2416" s="115" t="s">
        <v>400</v>
      </c>
      <c r="Q2416" s="115">
        <v>1</v>
      </c>
      <c r="R2416" s="115">
        <v>0</v>
      </c>
      <c r="S2416" s="115">
        <v>0</v>
      </c>
      <c r="T2416" s="115">
        <v>0</v>
      </c>
      <c r="U2416" s="113" t="s">
        <v>174</v>
      </c>
      <c r="V2416" s="113" t="s">
        <v>174</v>
      </c>
      <c r="W2416" s="113" t="s">
        <v>174</v>
      </c>
      <c r="X2416" s="113" t="s">
        <v>174</v>
      </c>
      <c r="Y2416" s="113" t="s">
        <v>174</v>
      </c>
      <c r="Z2416" s="113" t="s">
        <v>174</v>
      </c>
      <c r="AA2416" s="113" t="s">
        <v>174</v>
      </c>
      <c r="AB2416" s="113" t="s">
        <v>174</v>
      </c>
      <c r="AC2416" s="113" t="s">
        <v>174</v>
      </c>
      <c r="AD2416" s="113" t="s">
        <v>174</v>
      </c>
      <c r="AE2416" s="113" t="s">
        <v>174</v>
      </c>
      <c r="AF2416" s="113" t="s">
        <v>174</v>
      </c>
      <c r="AG2416" s="113" t="s">
        <v>174</v>
      </c>
      <c r="AH2416" s="113" t="s">
        <v>174</v>
      </c>
      <c r="AI2416" s="113" t="s">
        <v>174</v>
      </c>
      <c r="AJ2416" s="113" t="s">
        <v>174</v>
      </c>
      <c r="AK2416" s="113" t="s">
        <v>174</v>
      </c>
      <c r="AL2416" s="113" t="s">
        <v>174</v>
      </c>
      <c r="AM2416" s="113" t="s">
        <v>174</v>
      </c>
      <c r="AN2416" s="113" t="s">
        <v>174</v>
      </c>
      <c r="AO2416" s="113" t="s">
        <v>174</v>
      </c>
      <c r="AP2416" s="113" t="s">
        <v>174</v>
      </c>
      <c r="AQ2416" s="113" t="s">
        <v>174</v>
      </c>
      <c r="AR2416" s="113" t="s">
        <v>174</v>
      </c>
      <c r="AS2416" s="113" t="s">
        <v>174</v>
      </c>
      <c r="AT2416" s="121" t="s">
        <v>174</v>
      </c>
      <c r="AU2416" s="113" t="s">
        <v>174</v>
      </c>
      <c r="AV2416" s="113" t="s">
        <v>174</v>
      </c>
      <c r="AW2416" s="113" t="s">
        <v>174</v>
      </c>
      <c r="AX2416" s="113"/>
      <c r="AY2416" s="113"/>
      <c r="AZ2416" s="113"/>
      <c r="BA2416" s="113"/>
      <c r="BB2416" s="107">
        <v>45884</v>
      </c>
    </row>
    <row r="2417" spans="1:54" s="207" customFormat="1" ht="13.95" customHeight="1" x14ac:dyDescent="0.25">
      <c r="A2417" s="208" t="s">
        <v>5777</v>
      </c>
      <c r="B2417" s="209" t="s">
        <v>20420</v>
      </c>
      <c r="C2417" s="113" t="s">
        <v>5778</v>
      </c>
      <c r="D2417" s="113" t="s">
        <v>5779</v>
      </c>
      <c r="E2417" s="210">
        <v>2007</v>
      </c>
      <c r="F2417" s="210">
        <v>10796</v>
      </c>
      <c r="G2417" s="113" t="s">
        <v>3</v>
      </c>
      <c r="H2417" s="113">
        <v>0</v>
      </c>
      <c r="I2417" s="113">
        <v>0</v>
      </c>
      <c r="J2417" s="115">
        <v>1</v>
      </c>
      <c r="K2417" s="211">
        <v>1</v>
      </c>
      <c r="L2417" s="115">
        <v>1</v>
      </c>
      <c r="M2417" s="115">
        <v>1</v>
      </c>
      <c r="N2417" s="115">
        <v>1</v>
      </c>
      <c r="O2417" s="115">
        <v>0</v>
      </c>
      <c r="P2417" s="115">
        <v>1</v>
      </c>
      <c r="Q2417" s="115" t="s">
        <v>400</v>
      </c>
      <c r="R2417" s="115">
        <v>0</v>
      </c>
      <c r="S2417" s="115">
        <v>0</v>
      </c>
      <c r="T2417" s="115">
        <v>1</v>
      </c>
      <c r="U2417" s="113" t="s">
        <v>174</v>
      </c>
      <c r="V2417" s="113" t="s">
        <v>174</v>
      </c>
      <c r="W2417" s="113" t="s">
        <v>174</v>
      </c>
      <c r="X2417" s="113" t="s">
        <v>174</v>
      </c>
      <c r="Y2417" s="113" t="s">
        <v>174</v>
      </c>
      <c r="Z2417" s="113" t="s">
        <v>174</v>
      </c>
      <c r="AA2417" s="113" t="s">
        <v>174</v>
      </c>
      <c r="AB2417" s="113" t="s">
        <v>174</v>
      </c>
      <c r="AC2417" s="113" t="s">
        <v>174</v>
      </c>
      <c r="AD2417" s="113" t="s">
        <v>174</v>
      </c>
      <c r="AE2417" s="113" t="s">
        <v>174</v>
      </c>
      <c r="AF2417" s="113" t="s">
        <v>174</v>
      </c>
      <c r="AG2417" s="113" t="s">
        <v>174</v>
      </c>
      <c r="AH2417" s="113" t="s">
        <v>174</v>
      </c>
      <c r="AI2417" s="113" t="s">
        <v>174</v>
      </c>
      <c r="AJ2417" s="113" t="s">
        <v>174</v>
      </c>
      <c r="AK2417" s="113" t="s">
        <v>174</v>
      </c>
      <c r="AL2417" s="113" t="s">
        <v>174</v>
      </c>
      <c r="AM2417" s="113" t="s">
        <v>174</v>
      </c>
      <c r="AN2417" s="113" t="s">
        <v>174</v>
      </c>
      <c r="AO2417" s="113" t="s">
        <v>174</v>
      </c>
      <c r="AP2417" s="113" t="s">
        <v>174</v>
      </c>
      <c r="AQ2417" s="113" t="s">
        <v>174</v>
      </c>
      <c r="AR2417" s="113" t="s">
        <v>174</v>
      </c>
      <c r="AS2417" s="113" t="s">
        <v>174</v>
      </c>
      <c r="AT2417" s="121" t="s">
        <v>174</v>
      </c>
      <c r="AU2417" s="113" t="s">
        <v>174</v>
      </c>
      <c r="AV2417" s="113" t="s">
        <v>174</v>
      </c>
      <c r="AW2417" s="113" t="s">
        <v>174</v>
      </c>
      <c r="AX2417" s="113"/>
      <c r="AY2417" s="113"/>
      <c r="AZ2417" s="113"/>
      <c r="BA2417" s="113"/>
      <c r="BB2417" s="107">
        <v>45884</v>
      </c>
    </row>
    <row r="2418" spans="1:54" s="207" customFormat="1" ht="13.95" customHeight="1" x14ac:dyDescent="0.25">
      <c r="A2418" s="208" t="s">
        <v>5780</v>
      </c>
      <c r="B2418" s="209" t="s">
        <v>20420</v>
      </c>
      <c r="C2418" s="113" t="s">
        <v>5781</v>
      </c>
      <c r="D2418" s="113" t="s">
        <v>23897</v>
      </c>
      <c r="E2418" s="210">
        <v>1989</v>
      </c>
      <c r="F2418" s="210">
        <v>11476</v>
      </c>
      <c r="G2418" s="113" t="s">
        <v>3</v>
      </c>
      <c r="H2418" s="113">
        <v>0</v>
      </c>
      <c r="I2418" s="113">
        <v>0</v>
      </c>
      <c r="J2418" s="115">
        <v>1</v>
      </c>
      <c r="K2418" s="116" t="s">
        <v>174</v>
      </c>
      <c r="L2418" s="115">
        <v>1</v>
      </c>
      <c r="M2418" s="115">
        <v>1</v>
      </c>
      <c r="N2418" s="115">
        <v>0</v>
      </c>
      <c r="O2418" s="115">
        <v>0</v>
      </c>
      <c r="P2418" s="115" t="s">
        <v>400</v>
      </c>
      <c r="Q2418" s="115" t="s">
        <v>400</v>
      </c>
      <c r="R2418" s="115">
        <v>0</v>
      </c>
      <c r="S2418" s="115">
        <v>0</v>
      </c>
      <c r="T2418" s="115">
        <v>0</v>
      </c>
      <c r="U2418" s="113" t="s">
        <v>174</v>
      </c>
      <c r="V2418" s="113" t="s">
        <v>174</v>
      </c>
      <c r="W2418" s="113" t="s">
        <v>174</v>
      </c>
      <c r="X2418" s="113" t="s">
        <v>174</v>
      </c>
      <c r="Y2418" s="113" t="s">
        <v>174</v>
      </c>
      <c r="Z2418" s="113" t="s">
        <v>174</v>
      </c>
      <c r="AA2418" s="113" t="s">
        <v>174</v>
      </c>
      <c r="AB2418" s="113" t="s">
        <v>174</v>
      </c>
      <c r="AC2418" s="113" t="s">
        <v>174</v>
      </c>
      <c r="AD2418" s="113" t="s">
        <v>174</v>
      </c>
      <c r="AE2418" s="113" t="s">
        <v>174</v>
      </c>
      <c r="AF2418" s="113" t="s">
        <v>174</v>
      </c>
      <c r="AG2418" s="113" t="s">
        <v>174</v>
      </c>
      <c r="AH2418" s="113" t="s">
        <v>174</v>
      </c>
      <c r="AI2418" s="113" t="s">
        <v>174</v>
      </c>
      <c r="AJ2418" s="113" t="s">
        <v>174</v>
      </c>
      <c r="AK2418" s="113" t="s">
        <v>174</v>
      </c>
      <c r="AL2418" s="113" t="s">
        <v>174</v>
      </c>
      <c r="AM2418" s="113" t="s">
        <v>174</v>
      </c>
      <c r="AN2418" s="113" t="s">
        <v>174</v>
      </c>
      <c r="AO2418" s="113" t="s">
        <v>174</v>
      </c>
      <c r="AP2418" s="113" t="s">
        <v>174</v>
      </c>
      <c r="AQ2418" s="113" t="s">
        <v>174</v>
      </c>
      <c r="AR2418" s="113" t="s">
        <v>174</v>
      </c>
      <c r="AS2418" s="113" t="s">
        <v>174</v>
      </c>
      <c r="AT2418" s="121" t="s">
        <v>174</v>
      </c>
      <c r="AU2418" s="113" t="s">
        <v>174</v>
      </c>
      <c r="AV2418" s="113" t="s">
        <v>174</v>
      </c>
      <c r="AW2418" s="113" t="s">
        <v>174</v>
      </c>
      <c r="AX2418" s="113"/>
      <c r="AY2418" s="113"/>
      <c r="AZ2418" s="113"/>
      <c r="BA2418" s="113"/>
      <c r="BB2418" s="107">
        <v>45884</v>
      </c>
    </row>
    <row r="2419" spans="1:54" s="207" customFormat="1" ht="13.95" customHeight="1" x14ac:dyDescent="0.25">
      <c r="A2419" s="208" t="s">
        <v>5782</v>
      </c>
      <c r="B2419" s="209" t="s">
        <v>20420</v>
      </c>
      <c r="C2419" s="113" t="s">
        <v>5783</v>
      </c>
      <c r="D2419" s="113" t="s">
        <v>23898</v>
      </c>
      <c r="E2419" s="210">
        <v>1973</v>
      </c>
      <c r="F2419" s="210">
        <v>10971</v>
      </c>
      <c r="G2419" s="113" t="s">
        <v>3</v>
      </c>
      <c r="H2419" s="113">
        <v>1</v>
      </c>
      <c r="I2419" s="113">
        <v>1</v>
      </c>
      <c r="J2419" s="115">
        <v>1</v>
      </c>
      <c r="K2419" s="116" t="s">
        <v>174</v>
      </c>
      <c r="L2419" s="115">
        <v>1</v>
      </c>
      <c r="M2419" s="115">
        <v>0</v>
      </c>
      <c r="N2419" s="115">
        <v>1</v>
      </c>
      <c r="O2419" s="115">
        <v>1</v>
      </c>
      <c r="P2419" s="115">
        <v>1</v>
      </c>
      <c r="Q2419" s="115" t="s">
        <v>400</v>
      </c>
      <c r="R2419" s="115">
        <v>1</v>
      </c>
      <c r="S2419" s="115">
        <v>0</v>
      </c>
      <c r="T2419" s="115">
        <v>0</v>
      </c>
      <c r="U2419" s="113" t="s">
        <v>174</v>
      </c>
      <c r="V2419" s="113" t="s">
        <v>174</v>
      </c>
      <c r="W2419" s="113" t="s">
        <v>174</v>
      </c>
      <c r="X2419" s="113" t="s">
        <v>174</v>
      </c>
      <c r="Y2419" s="113" t="s">
        <v>174</v>
      </c>
      <c r="Z2419" s="113" t="s">
        <v>174</v>
      </c>
      <c r="AA2419" s="113" t="s">
        <v>174</v>
      </c>
      <c r="AB2419" s="113" t="s">
        <v>174</v>
      </c>
      <c r="AC2419" s="113" t="s">
        <v>174</v>
      </c>
      <c r="AD2419" s="113" t="s">
        <v>174</v>
      </c>
      <c r="AE2419" s="113" t="s">
        <v>174</v>
      </c>
      <c r="AF2419" s="113" t="s">
        <v>174</v>
      </c>
      <c r="AG2419" s="113" t="s">
        <v>174</v>
      </c>
      <c r="AH2419" s="113" t="s">
        <v>174</v>
      </c>
      <c r="AI2419" s="113" t="s">
        <v>174</v>
      </c>
      <c r="AJ2419" s="113" t="s">
        <v>174</v>
      </c>
      <c r="AK2419" s="113" t="s">
        <v>174</v>
      </c>
      <c r="AL2419" s="113" t="s">
        <v>174</v>
      </c>
      <c r="AM2419" s="113" t="s">
        <v>174</v>
      </c>
      <c r="AN2419" s="113" t="s">
        <v>174</v>
      </c>
      <c r="AO2419" s="113" t="s">
        <v>174</v>
      </c>
      <c r="AP2419" s="113" t="s">
        <v>174</v>
      </c>
      <c r="AQ2419" s="113" t="s">
        <v>174</v>
      </c>
      <c r="AR2419" s="113" t="s">
        <v>174</v>
      </c>
      <c r="AS2419" s="113" t="s">
        <v>174</v>
      </c>
      <c r="AT2419" s="121" t="s">
        <v>174</v>
      </c>
      <c r="AU2419" s="113" t="s">
        <v>174</v>
      </c>
      <c r="AV2419" s="113" t="s">
        <v>174</v>
      </c>
      <c r="AW2419" s="113" t="s">
        <v>174</v>
      </c>
      <c r="AX2419" s="113"/>
      <c r="AY2419" s="113"/>
      <c r="AZ2419" s="113"/>
      <c r="BA2419" s="113"/>
      <c r="BB2419" s="107">
        <v>45884</v>
      </c>
    </row>
    <row r="2420" spans="1:54" s="207" customFormat="1" ht="13.95" customHeight="1" x14ac:dyDescent="0.25">
      <c r="A2420" s="208" t="s">
        <v>5784</v>
      </c>
      <c r="B2420" s="209" t="s">
        <v>20420</v>
      </c>
      <c r="C2420" s="113" t="s">
        <v>5785</v>
      </c>
      <c r="D2420" s="113" t="s">
        <v>5786</v>
      </c>
      <c r="E2420" s="210">
        <v>1969</v>
      </c>
      <c r="F2420" s="210">
        <v>11096</v>
      </c>
      <c r="G2420" s="113" t="s">
        <v>3</v>
      </c>
      <c r="H2420" s="113">
        <v>1</v>
      </c>
      <c r="I2420" s="113">
        <v>0</v>
      </c>
      <c r="J2420" s="115">
        <v>1</v>
      </c>
      <c r="K2420" s="116" t="s">
        <v>174</v>
      </c>
      <c r="L2420" s="115">
        <v>1</v>
      </c>
      <c r="M2420" s="115">
        <v>1</v>
      </c>
      <c r="N2420" s="115">
        <v>1</v>
      </c>
      <c r="O2420" s="115">
        <v>1</v>
      </c>
      <c r="P2420" s="115" t="s">
        <v>400</v>
      </c>
      <c r="Q2420" s="115" t="s">
        <v>400</v>
      </c>
      <c r="R2420" s="115">
        <v>1</v>
      </c>
      <c r="S2420" s="115">
        <v>0</v>
      </c>
      <c r="T2420" s="115">
        <v>0</v>
      </c>
      <c r="U2420" s="113" t="s">
        <v>174</v>
      </c>
      <c r="V2420" s="113" t="s">
        <v>174</v>
      </c>
      <c r="W2420" s="113" t="s">
        <v>174</v>
      </c>
      <c r="X2420" s="113" t="s">
        <v>174</v>
      </c>
      <c r="Y2420" s="113" t="s">
        <v>174</v>
      </c>
      <c r="Z2420" s="113" t="s">
        <v>174</v>
      </c>
      <c r="AA2420" s="113" t="s">
        <v>174</v>
      </c>
      <c r="AB2420" s="113" t="s">
        <v>174</v>
      </c>
      <c r="AC2420" s="113" t="s">
        <v>174</v>
      </c>
      <c r="AD2420" s="113" t="s">
        <v>174</v>
      </c>
      <c r="AE2420" s="113" t="s">
        <v>174</v>
      </c>
      <c r="AF2420" s="113">
        <v>1</v>
      </c>
      <c r="AG2420" s="113" t="s">
        <v>174</v>
      </c>
      <c r="AH2420" s="113" t="s">
        <v>174</v>
      </c>
      <c r="AI2420" s="113" t="s">
        <v>174</v>
      </c>
      <c r="AJ2420" s="113" t="s">
        <v>174</v>
      </c>
      <c r="AK2420" s="113" t="s">
        <v>174</v>
      </c>
      <c r="AL2420" s="113" t="s">
        <v>174</v>
      </c>
      <c r="AM2420" s="113" t="s">
        <v>174</v>
      </c>
      <c r="AN2420" s="113" t="s">
        <v>174</v>
      </c>
      <c r="AO2420" s="113" t="s">
        <v>174</v>
      </c>
      <c r="AP2420" s="113" t="s">
        <v>174</v>
      </c>
      <c r="AQ2420" s="113" t="s">
        <v>174</v>
      </c>
      <c r="AR2420" s="113" t="s">
        <v>174</v>
      </c>
      <c r="AS2420" s="113" t="s">
        <v>174</v>
      </c>
      <c r="AT2420" s="121" t="s">
        <v>174</v>
      </c>
      <c r="AU2420" s="113" t="s">
        <v>174</v>
      </c>
      <c r="AV2420" s="113" t="s">
        <v>174</v>
      </c>
      <c r="AW2420" s="113" t="s">
        <v>174</v>
      </c>
      <c r="AX2420" s="113"/>
      <c r="AY2420" s="113"/>
      <c r="AZ2420" s="124" t="s">
        <v>23203</v>
      </c>
      <c r="BA2420" s="113" t="s">
        <v>19478</v>
      </c>
      <c r="BB2420" s="107">
        <v>45884</v>
      </c>
    </row>
    <row r="2421" spans="1:54" s="207" customFormat="1" ht="13.95" customHeight="1" x14ac:dyDescent="0.25">
      <c r="A2421" s="208" t="s">
        <v>5787</v>
      </c>
      <c r="B2421" s="209" t="s">
        <v>20420</v>
      </c>
      <c r="C2421" s="113" t="s">
        <v>5788</v>
      </c>
      <c r="D2421" s="113" t="s">
        <v>23899</v>
      </c>
      <c r="E2421" s="210">
        <v>1995</v>
      </c>
      <c r="F2421" s="210">
        <v>11113</v>
      </c>
      <c r="G2421" s="113" t="s">
        <v>3</v>
      </c>
      <c r="H2421" s="113">
        <v>1</v>
      </c>
      <c r="I2421" s="113">
        <v>0</v>
      </c>
      <c r="J2421" s="115">
        <v>1</v>
      </c>
      <c r="K2421" s="116" t="s">
        <v>174</v>
      </c>
      <c r="L2421" s="115">
        <v>1</v>
      </c>
      <c r="M2421" s="115">
        <v>0</v>
      </c>
      <c r="N2421" s="115">
        <v>0</v>
      </c>
      <c r="O2421" s="115">
        <v>1</v>
      </c>
      <c r="P2421" s="115">
        <v>1</v>
      </c>
      <c r="Q2421" s="115" t="s">
        <v>400</v>
      </c>
      <c r="R2421" s="115">
        <v>1</v>
      </c>
      <c r="S2421" s="115">
        <v>0</v>
      </c>
      <c r="T2421" s="115">
        <v>0</v>
      </c>
      <c r="U2421" s="113" t="s">
        <v>174</v>
      </c>
      <c r="V2421" s="113" t="s">
        <v>174</v>
      </c>
      <c r="W2421" s="113" t="s">
        <v>174</v>
      </c>
      <c r="X2421" s="113" t="s">
        <v>174</v>
      </c>
      <c r="Y2421" s="113" t="s">
        <v>174</v>
      </c>
      <c r="Z2421" s="113" t="s">
        <v>174</v>
      </c>
      <c r="AA2421" s="113" t="s">
        <v>174</v>
      </c>
      <c r="AB2421" s="113" t="s">
        <v>174</v>
      </c>
      <c r="AC2421" s="113" t="s">
        <v>174</v>
      </c>
      <c r="AD2421" s="113" t="s">
        <v>174</v>
      </c>
      <c r="AE2421" s="113" t="s">
        <v>174</v>
      </c>
      <c r="AF2421" s="113" t="s">
        <v>174</v>
      </c>
      <c r="AG2421" s="113" t="s">
        <v>174</v>
      </c>
      <c r="AH2421" s="113" t="s">
        <v>174</v>
      </c>
      <c r="AI2421" s="113" t="s">
        <v>174</v>
      </c>
      <c r="AJ2421" s="113" t="s">
        <v>174</v>
      </c>
      <c r="AK2421" s="113" t="s">
        <v>174</v>
      </c>
      <c r="AL2421" s="113" t="s">
        <v>174</v>
      </c>
      <c r="AM2421" s="113" t="s">
        <v>174</v>
      </c>
      <c r="AN2421" s="113" t="s">
        <v>174</v>
      </c>
      <c r="AO2421" s="113" t="s">
        <v>174</v>
      </c>
      <c r="AP2421" s="113" t="s">
        <v>174</v>
      </c>
      <c r="AQ2421" s="113" t="s">
        <v>174</v>
      </c>
      <c r="AR2421" s="113" t="s">
        <v>174</v>
      </c>
      <c r="AS2421" s="113" t="s">
        <v>174</v>
      </c>
      <c r="AT2421" s="121" t="s">
        <v>174</v>
      </c>
      <c r="AU2421" s="113" t="s">
        <v>174</v>
      </c>
      <c r="AV2421" s="113" t="s">
        <v>174</v>
      </c>
      <c r="AW2421" s="113" t="s">
        <v>174</v>
      </c>
      <c r="AX2421" s="113"/>
      <c r="AY2421" s="113"/>
      <c r="AZ2421" s="113"/>
      <c r="BA2421" s="113"/>
      <c r="BB2421" s="107">
        <v>45884</v>
      </c>
    </row>
    <row r="2422" spans="1:54" s="207" customFormat="1" ht="13.95" customHeight="1" x14ac:dyDescent="0.25">
      <c r="A2422" s="208" t="s">
        <v>5789</v>
      </c>
      <c r="B2422" s="209" t="s">
        <v>20420</v>
      </c>
      <c r="C2422" s="113" t="s">
        <v>5790</v>
      </c>
      <c r="D2422" s="113" t="s">
        <v>23900</v>
      </c>
      <c r="E2422" s="210">
        <v>1983</v>
      </c>
      <c r="F2422" s="210">
        <v>11140</v>
      </c>
      <c r="G2422" s="113" t="s">
        <v>3</v>
      </c>
      <c r="H2422" s="113">
        <v>0</v>
      </c>
      <c r="I2422" s="113">
        <v>0</v>
      </c>
      <c r="J2422" s="115">
        <v>1</v>
      </c>
      <c r="K2422" s="116" t="s">
        <v>174</v>
      </c>
      <c r="L2422" s="115">
        <v>0</v>
      </c>
      <c r="M2422" s="115">
        <v>0</v>
      </c>
      <c r="N2422" s="115">
        <v>1</v>
      </c>
      <c r="O2422" s="115">
        <v>0</v>
      </c>
      <c r="P2422" s="115" t="s">
        <v>400</v>
      </c>
      <c r="Q2422" s="115" t="s">
        <v>400</v>
      </c>
      <c r="R2422" s="115">
        <v>0</v>
      </c>
      <c r="S2422" s="115">
        <v>0</v>
      </c>
      <c r="T2422" s="115">
        <v>0</v>
      </c>
      <c r="U2422" s="113" t="s">
        <v>174</v>
      </c>
      <c r="V2422" s="113" t="s">
        <v>174</v>
      </c>
      <c r="W2422" s="113" t="s">
        <v>174</v>
      </c>
      <c r="X2422" s="113" t="s">
        <v>174</v>
      </c>
      <c r="Y2422" s="113" t="s">
        <v>174</v>
      </c>
      <c r="Z2422" s="113" t="s">
        <v>174</v>
      </c>
      <c r="AA2422" s="113" t="s">
        <v>174</v>
      </c>
      <c r="AB2422" s="113" t="s">
        <v>174</v>
      </c>
      <c r="AC2422" s="113" t="s">
        <v>174</v>
      </c>
      <c r="AD2422" s="113" t="s">
        <v>174</v>
      </c>
      <c r="AE2422" s="113" t="s">
        <v>174</v>
      </c>
      <c r="AF2422" s="113" t="s">
        <v>174</v>
      </c>
      <c r="AG2422" s="113" t="s">
        <v>174</v>
      </c>
      <c r="AH2422" s="113" t="s">
        <v>174</v>
      </c>
      <c r="AI2422" s="113" t="s">
        <v>174</v>
      </c>
      <c r="AJ2422" s="113" t="s">
        <v>174</v>
      </c>
      <c r="AK2422" s="113" t="s">
        <v>174</v>
      </c>
      <c r="AL2422" s="113" t="s">
        <v>174</v>
      </c>
      <c r="AM2422" s="113" t="s">
        <v>174</v>
      </c>
      <c r="AN2422" s="113" t="s">
        <v>174</v>
      </c>
      <c r="AO2422" s="113" t="s">
        <v>174</v>
      </c>
      <c r="AP2422" s="113" t="s">
        <v>174</v>
      </c>
      <c r="AQ2422" s="113" t="s">
        <v>174</v>
      </c>
      <c r="AR2422" s="113" t="s">
        <v>174</v>
      </c>
      <c r="AS2422" s="113" t="s">
        <v>174</v>
      </c>
      <c r="AT2422" s="121" t="s">
        <v>174</v>
      </c>
      <c r="AU2422" s="113" t="s">
        <v>174</v>
      </c>
      <c r="AV2422" s="113" t="s">
        <v>174</v>
      </c>
      <c r="AW2422" s="113" t="s">
        <v>174</v>
      </c>
      <c r="AX2422" s="113"/>
      <c r="AY2422" s="113"/>
      <c r="AZ2422" s="113"/>
      <c r="BA2422" s="113"/>
      <c r="BB2422" s="107">
        <v>45884</v>
      </c>
    </row>
    <row r="2423" spans="1:54" s="207" customFormat="1" ht="13.95" customHeight="1" x14ac:dyDescent="0.25">
      <c r="A2423" s="208" t="s">
        <v>5791</v>
      </c>
      <c r="B2423" s="209" t="s">
        <v>20420</v>
      </c>
      <c r="C2423" s="113" t="s">
        <v>5792</v>
      </c>
      <c r="D2423" s="113" t="s">
        <v>23901</v>
      </c>
      <c r="E2423" s="210">
        <v>2003</v>
      </c>
      <c r="F2423" s="210">
        <v>11163</v>
      </c>
      <c r="G2423" s="113" t="s">
        <v>3</v>
      </c>
      <c r="H2423" s="113">
        <v>1</v>
      </c>
      <c r="I2423" s="113">
        <v>1</v>
      </c>
      <c r="J2423" s="115">
        <v>1</v>
      </c>
      <c r="K2423" s="116" t="s">
        <v>174</v>
      </c>
      <c r="L2423" s="115">
        <v>1</v>
      </c>
      <c r="M2423" s="115">
        <v>1</v>
      </c>
      <c r="N2423" s="115">
        <v>1</v>
      </c>
      <c r="O2423" s="115">
        <v>0</v>
      </c>
      <c r="P2423" s="115" t="s">
        <v>400</v>
      </c>
      <c r="Q2423" s="115" t="s">
        <v>400</v>
      </c>
      <c r="R2423" s="115">
        <v>0</v>
      </c>
      <c r="S2423" s="115">
        <v>0</v>
      </c>
      <c r="T2423" s="115">
        <v>0</v>
      </c>
      <c r="U2423" s="113" t="s">
        <v>174</v>
      </c>
      <c r="V2423" s="113" t="s">
        <v>174</v>
      </c>
      <c r="W2423" s="113" t="s">
        <v>174</v>
      </c>
      <c r="X2423" s="113" t="s">
        <v>174</v>
      </c>
      <c r="Y2423" s="113" t="s">
        <v>174</v>
      </c>
      <c r="Z2423" s="113" t="s">
        <v>174</v>
      </c>
      <c r="AA2423" s="113" t="s">
        <v>174</v>
      </c>
      <c r="AB2423" s="113" t="s">
        <v>174</v>
      </c>
      <c r="AC2423" s="113" t="s">
        <v>174</v>
      </c>
      <c r="AD2423" s="113" t="s">
        <v>174</v>
      </c>
      <c r="AE2423" s="113" t="s">
        <v>174</v>
      </c>
      <c r="AF2423" s="113" t="s">
        <v>174</v>
      </c>
      <c r="AG2423" s="113" t="s">
        <v>174</v>
      </c>
      <c r="AH2423" s="113" t="s">
        <v>174</v>
      </c>
      <c r="AI2423" s="113" t="s">
        <v>174</v>
      </c>
      <c r="AJ2423" s="113" t="s">
        <v>174</v>
      </c>
      <c r="AK2423" s="113" t="s">
        <v>174</v>
      </c>
      <c r="AL2423" s="113" t="s">
        <v>174</v>
      </c>
      <c r="AM2423" s="113" t="s">
        <v>174</v>
      </c>
      <c r="AN2423" s="113" t="s">
        <v>174</v>
      </c>
      <c r="AO2423" s="113" t="s">
        <v>174</v>
      </c>
      <c r="AP2423" s="113" t="s">
        <v>174</v>
      </c>
      <c r="AQ2423" s="113" t="s">
        <v>174</v>
      </c>
      <c r="AR2423" s="113" t="s">
        <v>174</v>
      </c>
      <c r="AS2423" s="113" t="s">
        <v>174</v>
      </c>
      <c r="AT2423" s="121" t="s">
        <v>174</v>
      </c>
      <c r="AU2423" s="113" t="s">
        <v>174</v>
      </c>
      <c r="AV2423" s="113" t="s">
        <v>174</v>
      </c>
      <c r="AW2423" s="113" t="s">
        <v>174</v>
      </c>
      <c r="AX2423" s="113"/>
      <c r="AY2423" s="113"/>
      <c r="AZ2423" s="113"/>
      <c r="BA2423" s="113"/>
      <c r="BB2423" s="107">
        <v>45884</v>
      </c>
    </row>
    <row r="2424" spans="1:54" s="207" customFormat="1" ht="13.95" customHeight="1" x14ac:dyDescent="0.25">
      <c r="A2424" s="208" t="s">
        <v>5793</v>
      </c>
      <c r="B2424" s="209" t="s">
        <v>20420</v>
      </c>
      <c r="C2424" s="113" t="s">
        <v>5794</v>
      </c>
      <c r="D2424" s="113" t="s">
        <v>23902</v>
      </c>
      <c r="E2424" s="210">
        <v>1978</v>
      </c>
      <c r="F2424" s="210">
        <v>11168</v>
      </c>
      <c r="G2424" s="113" t="s">
        <v>3</v>
      </c>
      <c r="H2424" s="113">
        <v>0</v>
      </c>
      <c r="I2424" s="113">
        <v>0</v>
      </c>
      <c r="J2424" s="115">
        <v>1</v>
      </c>
      <c r="K2424" s="116" t="s">
        <v>174</v>
      </c>
      <c r="L2424" s="115">
        <v>1</v>
      </c>
      <c r="M2424" s="115">
        <v>1</v>
      </c>
      <c r="N2424" s="115">
        <v>0</v>
      </c>
      <c r="O2424" s="115">
        <v>1</v>
      </c>
      <c r="P2424" s="115" t="s">
        <v>400</v>
      </c>
      <c r="Q2424" s="115" t="s">
        <v>400</v>
      </c>
      <c r="R2424" s="115">
        <v>0</v>
      </c>
      <c r="S2424" s="115">
        <v>0</v>
      </c>
      <c r="T2424" s="115">
        <v>0</v>
      </c>
      <c r="U2424" s="113" t="s">
        <v>174</v>
      </c>
      <c r="V2424" s="113" t="s">
        <v>174</v>
      </c>
      <c r="W2424" s="113" t="s">
        <v>174</v>
      </c>
      <c r="X2424" s="113" t="s">
        <v>174</v>
      </c>
      <c r="Y2424" s="113" t="s">
        <v>174</v>
      </c>
      <c r="Z2424" s="113" t="s">
        <v>174</v>
      </c>
      <c r="AA2424" s="113" t="s">
        <v>174</v>
      </c>
      <c r="AB2424" s="113" t="s">
        <v>174</v>
      </c>
      <c r="AC2424" s="113" t="s">
        <v>174</v>
      </c>
      <c r="AD2424" s="113" t="s">
        <v>174</v>
      </c>
      <c r="AE2424" s="113" t="s">
        <v>174</v>
      </c>
      <c r="AF2424" s="113" t="s">
        <v>174</v>
      </c>
      <c r="AG2424" s="113" t="s">
        <v>174</v>
      </c>
      <c r="AH2424" s="113" t="s">
        <v>174</v>
      </c>
      <c r="AI2424" s="113" t="s">
        <v>174</v>
      </c>
      <c r="AJ2424" s="113" t="s">
        <v>174</v>
      </c>
      <c r="AK2424" s="113" t="s">
        <v>174</v>
      </c>
      <c r="AL2424" s="113" t="s">
        <v>174</v>
      </c>
      <c r="AM2424" s="113" t="s">
        <v>174</v>
      </c>
      <c r="AN2424" s="113" t="s">
        <v>174</v>
      </c>
      <c r="AO2424" s="113" t="s">
        <v>174</v>
      </c>
      <c r="AP2424" s="113" t="s">
        <v>174</v>
      </c>
      <c r="AQ2424" s="113" t="s">
        <v>174</v>
      </c>
      <c r="AR2424" s="113" t="s">
        <v>174</v>
      </c>
      <c r="AS2424" s="113" t="s">
        <v>174</v>
      </c>
      <c r="AT2424" s="121" t="s">
        <v>174</v>
      </c>
      <c r="AU2424" s="113" t="s">
        <v>174</v>
      </c>
      <c r="AV2424" s="113" t="s">
        <v>174</v>
      </c>
      <c r="AW2424" s="113" t="s">
        <v>174</v>
      </c>
      <c r="AX2424" s="113"/>
      <c r="AY2424" s="113"/>
      <c r="AZ2424" s="113"/>
      <c r="BA2424" s="113"/>
      <c r="BB2424" s="107">
        <v>45884</v>
      </c>
    </row>
    <row r="2425" spans="1:54" s="207" customFormat="1" ht="13.95" customHeight="1" x14ac:dyDescent="0.25">
      <c r="A2425" s="208" t="s">
        <v>5795</v>
      </c>
      <c r="B2425" s="209" t="s">
        <v>20420</v>
      </c>
      <c r="C2425" s="113" t="s">
        <v>5796</v>
      </c>
      <c r="D2425" s="113" t="s">
        <v>23903</v>
      </c>
      <c r="E2425" s="210">
        <v>1991</v>
      </c>
      <c r="F2425" s="210">
        <v>11203</v>
      </c>
      <c r="G2425" s="113" t="s">
        <v>3</v>
      </c>
      <c r="H2425" s="113">
        <v>0</v>
      </c>
      <c r="I2425" s="113">
        <v>0</v>
      </c>
      <c r="J2425" s="115">
        <v>1</v>
      </c>
      <c r="K2425" s="211">
        <v>1</v>
      </c>
      <c r="L2425" s="115">
        <v>0</v>
      </c>
      <c r="M2425" s="115">
        <v>1</v>
      </c>
      <c r="N2425" s="115">
        <v>1</v>
      </c>
      <c r="O2425" s="115">
        <v>1</v>
      </c>
      <c r="P2425" s="115" t="s">
        <v>400</v>
      </c>
      <c r="Q2425" s="115" t="s">
        <v>400</v>
      </c>
      <c r="R2425" s="115">
        <v>0</v>
      </c>
      <c r="S2425" s="115">
        <v>0</v>
      </c>
      <c r="T2425" s="115">
        <v>0</v>
      </c>
      <c r="U2425" s="113" t="s">
        <v>174</v>
      </c>
      <c r="V2425" s="113" t="s">
        <v>174</v>
      </c>
      <c r="W2425" s="113" t="s">
        <v>174</v>
      </c>
      <c r="X2425" s="113" t="s">
        <v>174</v>
      </c>
      <c r="Y2425" s="113" t="s">
        <v>174</v>
      </c>
      <c r="Z2425" s="113" t="s">
        <v>174</v>
      </c>
      <c r="AA2425" s="113" t="s">
        <v>174</v>
      </c>
      <c r="AB2425" s="113" t="s">
        <v>174</v>
      </c>
      <c r="AC2425" s="113" t="s">
        <v>174</v>
      </c>
      <c r="AD2425" s="113" t="s">
        <v>174</v>
      </c>
      <c r="AE2425" s="113" t="s">
        <v>174</v>
      </c>
      <c r="AF2425" s="113" t="s">
        <v>174</v>
      </c>
      <c r="AG2425" s="113" t="s">
        <v>174</v>
      </c>
      <c r="AH2425" s="113" t="s">
        <v>174</v>
      </c>
      <c r="AI2425" s="113" t="s">
        <v>174</v>
      </c>
      <c r="AJ2425" s="113" t="s">
        <v>174</v>
      </c>
      <c r="AK2425" s="113" t="s">
        <v>174</v>
      </c>
      <c r="AL2425" s="113" t="s">
        <v>174</v>
      </c>
      <c r="AM2425" s="113" t="s">
        <v>174</v>
      </c>
      <c r="AN2425" s="113" t="s">
        <v>174</v>
      </c>
      <c r="AO2425" s="113" t="s">
        <v>174</v>
      </c>
      <c r="AP2425" s="113" t="s">
        <v>174</v>
      </c>
      <c r="AQ2425" s="113" t="s">
        <v>174</v>
      </c>
      <c r="AR2425" s="113" t="s">
        <v>174</v>
      </c>
      <c r="AS2425" s="113" t="s">
        <v>174</v>
      </c>
      <c r="AT2425" s="121" t="s">
        <v>174</v>
      </c>
      <c r="AU2425" s="113" t="s">
        <v>174</v>
      </c>
      <c r="AV2425" s="113" t="s">
        <v>174</v>
      </c>
      <c r="AW2425" s="113" t="s">
        <v>174</v>
      </c>
      <c r="AX2425" s="113"/>
      <c r="AY2425" s="113"/>
      <c r="AZ2425" s="113"/>
      <c r="BA2425" s="113"/>
      <c r="BB2425" s="107">
        <v>45884</v>
      </c>
    </row>
    <row r="2426" spans="1:54" s="207" customFormat="1" ht="13.95" customHeight="1" x14ac:dyDescent="0.25">
      <c r="A2426" s="208" t="s">
        <v>5797</v>
      </c>
      <c r="B2426" s="209" t="s">
        <v>20420</v>
      </c>
      <c r="C2426" s="113" t="s">
        <v>5798</v>
      </c>
      <c r="D2426" s="113" t="s">
        <v>5799</v>
      </c>
      <c r="E2426" s="210">
        <v>2000</v>
      </c>
      <c r="F2426" s="210">
        <v>11208</v>
      </c>
      <c r="G2426" s="113" t="s">
        <v>3</v>
      </c>
      <c r="H2426" s="113">
        <v>1</v>
      </c>
      <c r="I2426" s="113">
        <v>1</v>
      </c>
      <c r="J2426" s="115">
        <v>1</v>
      </c>
      <c r="K2426" s="116" t="s">
        <v>174</v>
      </c>
      <c r="L2426" s="115">
        <v>0</v>
      </c>
      <c r="M2426" s="115">
        <v>1</v>
      </c>
      <c r="N2426" s="115">
        <v>0</v>
      </c>
      <c r="O2426" s="115">
        <v>0</v>
      </c>
      <c r="P2426" s="115" t="s">
        <v>400</v>
      </c>
      <c r="Q2426" s="115" t="s">
        <v>400</v>
      </c>
      <c r="R2426" s="115">
        <v>0</v>
      </c>
      <c r="S2426" s="115">
        <v>0</v>
      </c>
      <c r="T2426" s="115">
        <v>0</v>
      </c>
      <c r="U2426" s="113" t="s">
        <v>174</v>
      </c>
      <c r="V2426" s="113" t="s">
        <v>174</v>
      </c>
      <c r="W2426" s="113" t="s">
        <v>174</v>
      </c>
      <c r="X2426" s="113" t="s">
        <v>174</v>
      </c>
      <c r="Y2426" s="113" t="s">
        <v>174</v>
      </c>
      <c r="Z2426" s="113" t="s">
        <v>174</v>
      </c>
      <c r="AA2426" s="113" t="s">
        <v>174</v>
      </c>
      <c r="AB2426" s="113" t="s">
        <v>174</v>
      </c>
      <c r="AC2426" s="113" t="s">
        <v>174</v>
      </c>
      <c r="AD2426" s="113" t="s">
        <v>174</v>
      </c>
      <c r="AE2426" s="113" t="s">
        <v>174</v>
      </c>
      <c r="AF2426" s="113" t="s">
        <v>174</v>
      </c>
      <c r="AG2426" s="113" t="s">
        <v>174</v>
      </c>
      <c r="AH2426" s="113" t="s">
        <v>174</v>
      </c>
      <c r="AI2426" s="113" t="s">
        <v>174</v>
      </c>
      <c r="AJ2426" s="113" t="s">
        <v>174</v>
      </c>
      <c r="AK2426" s="113" t="s">
        <v>174</v>
      </c>
      <c r="AL2426" s="113" t="s">
        <v>174</v>
      </c>
      <c r="AM2426" s="113" t="s">
        <v>174</v>
      </c>
      <c r="AN2426" s="113" t="s">
        <v>174</v>
      </c>
      <c r="AO2426" s="113" t="s">
        <v>174</v>
      </c>
      <c r="AP2426" s="113" t="s">
        <v>174</v>
      </c>
      <c r="AQ2426" s="113" t="s">
        <v>174</v>
      </c>
      <c r="AR2426" s="113" t="s">
        <v>174</v>
      </c>
      <c r="AS2426" s="113" t="s">
        <v>174</v>
      </c>
      <c r="AT2426" s="121" t="s">
        <v>174</v>
      </c>
      <c r="AU2426" s="113" t="s">
        <v>174</v>
      </c>
      <c r="AV2426" s="113" t="s">
        <v>174</v>
      </c>
      <c r="AW2426" s="113" t="s">
        <v>174</v>
      </c>
      <c r="AX2426" s="113"/>
      <c r="AY2426" s="113"/>
      <c r="AZ2426" s="113"/>
      <c r="BA2426" s="113"/>
      <c r="BB2426" s="107">
        <v>45884</v>
      </c>
    </row>
    <row r="2427" spans="1:54" s="207" customFormat="1" ht="13.95" customHeight="1" x14ac:dyDescent="0.25">
      <c r="A2427" s="208" t="s">
        <v>5800</v>
      </c>
      <c r="B2427" s="209" t="s">
        <v>20420</v>
      </c>
      <c r="C2427" s="113" t="s">
        <v>5801</v>
      </c>
      <c r="D2427" s="113" t="s">
        <v>23904</v>
      </c>
      <c r="E2427" s="210">
        <v>1994</v>
      </c>
      <c r="F2427" s="210">
        <v>18754</v>
      </c>
      <c r="G2427" s="113" t="s">
        <v>3</v>
      </c>
      <c r="H2427" s="113">
        <v>1</v>
      </c>
      <c r="I2427" s="113">
        <v>1</v>
      </c>
      <c r="J2427" s="115">
        <v>1</v>
      </c>
      <c r="K2427" s="116" t="s">
        <v>174</v>
      </c>
      <c r="L2427" s="115">
        <v>1</v>
      </c>
      <c r="M2427" s="115">
        <v>1</v>
      </c>
      <c r="N2427" s="115">
        <v>0</v>
      </c>
      <c r="O2427" s="115">
        <v>0</v>
      </c>
      <c r="P2427" s="115" t="s">
        <v>400</v>
      </c>
      <c r="Q2427" s="115" t="s">
        <v>400</v>
      </c>
      <c r="R2427" s="115">
        <v>1</v>
      </c>
      <c r="S2427" s="115">
        <v>0</v>
      </c>
      <c r="T2427" s="115">
        <v>0</v>
      </c>
      <c r="U2427" s="113" t="s">
        <v>174</v>
      </c>
      <c r="V2427" s="113" t="s">
        <v>174</v>
      </c>
      <c r="W2427" s="113" t="s">
        <v>174</v>
      </c>
      <c r="X2427" s="113" t="s">
        <v>174</v>
      </c>
      <c r="Y2427" s="113" t="s">
        <v>174</v>
      </c>
      <c r="Z2427" s="113" t="s">
        <v>174</v>
      </c>
      <c r="AA2427" s="113" t="s">
        <v>174</v>
      </c>
      <c r="AB2427" s="113" t="s">
        <v>174</v>
      </c>
      <c r="AC2427" s="113" t="s">
        <v>174</v>
      </c>
      <c r="AD2427" s="113" t="s">
        <v>174</v>
      </c>
      <c r="AE2427" s="113" t="s">
        <v>174</v>
      </c>
      <c r="AF2427" s="113" t="s">
        <v>174</v>
      </c>
      <c r="AG2427" s="113" t="s">
        <v>174</v>
      </c>
      <c r="AH2427" s="113" t="s">
        <v>174</v>
      </c>
      <c r="AI2427" s="113" t="s">
        <v>174</v>
      </c>
      <c r="AJ2427" s="113" t="s">
        <v>174</v>
      </c>
      <c r="AK2427" s="113" t="s">
        <v>174</v>
      </c>
      <c r="AL2427" s="113" t="s">
        <v>174</v>
      </c>
      <c r="AM2427" s="113" t="s">
        <v>174</v>
      </c>
      <c r="AN2427" s="113" t="s">
        <v>174</v>
      </c>
      <c r="AO2427" s="113" t="s">
        <v>174</v>
      </c>
      <c r="AP2427" s="113" t="s">
        <v>174</v>
      </c>
      <c r="AQ2427" s="113" t="s">
        <v>174</v>
      </c>
      <c r="AR2427" s="113" t="s">
        <v>174</v>
      </c>
      <c r="AS2427" s="113" t="s">
        <v>174</v>
      </c>
      <c r="AT2427" s="121" t="s">
        <v>174</v>
      </c>
      <c r="AU2427" s="113" t="s">
        <v>174</v>
      </c>
      <c r="AV2427" s="113" t="s">
        <v>174</v>
      </c>
      <c r="AW2427" s="113" t="s">
        <v>174</v>
      </c>
      <c r="AX2427" s="113"/>
      <c r="AY2427" s="113"/>
      <c r="AZ2427" s="113"/>
      <c r="BA2427" s="113"/>
      <c r="BB2427" s="107">
        <v>45884</v>
      </c>
    </row>
    <row r="2428" spans="1:54" s="207" customFormat="1" ht="13.95" customHeight="1" x14ac:dyDescent="0.25">
      <c r="A2428" s="208" t="s">
        <v>5802</v>
      </c>
      <c r="B2428" s="209" t="s">
        <v>20420</v>
      </c>
      <c r="C2428" s="113" t="s">
        <v>5803</v>
      </c>
      <c r="D2428" s="113" t="s">
        <v>23905</v>
      </c>
      <c r="E2428" s="210">
        <v>1983</v>
      </c>
      <c r="F2428" s="210">
        <v>11231</v>
      </c>
      <c r="G2428" s="113" t="s">
        <v>3</v>
      </c>
      <c r="H2428" s="113">
        <v>1</v>
      </c>
      <c r="I2428" s="113">
        <v>1</v>
      </c>
      <c r="J2428" s="115">
        <v>1</v>
      </c>
      <c r="K2428" s="116" t="s">
        <v>174</v>
      </c>
      <c r="L2428" s="115">
        <v>0</v>
      </c>
      <c r="M2428" s="115">
        <v>0</v>
      </c>
      <c r="N2428" s="115">
        <v>0</v>
      </c>
      <c r="O2428" s="115">
        <v>0</v>
      </c>
      <c r="P2428" s="115" t="s">
        <v>400</v>
      </c>
      <c r="Q2428" s="115" t="s">
        <v>400</v>
      </c>
      <c r="R2428" s="115">
        <v>0</v>
      </c>
      <c r="S2428" s="115">
        <v>0</v>
      </c>
      <c r="T2428" s="115">
        <v>0</v>
      </c>
      <c r="U2428" s="113" t="s">
        <v>174</v>
      </c>
      <c r="V2428" s="113" t="s">
        <v>174</v>
      </c>
      <c r="W2428" s="113" t="s">
        <v>174</v>
      </c>
      <c r="X2428" s="113" t="s">
        <v>174</v>
      </c>
      <c r="Y2428" s="113" t="s">
        <v>174</v>
      </c>
      <c r="Z2428" s="113" t="s">
        <v>174</v>
      </c>
      <c r="AA2428" s="113" t="s">
        <v>174</v>
      </c>
      <c r="AB2428" s="113" t="s">
        <v>174</v>
      </c>
      <c r="AC2428" s="113" t="s">
        <v>174</v>
      </c>
      <c r="AD2428" s="113" t="s">
        <v>174</v>
      </c>
      <c r="AE2428" s="113" t="s">
        <v>174</v>
      </c>
      <c r="AF2428" s="113" t="s">
        <v>174</v>
      </c>
      <c r="AG2428" s="113" t="s">
        <v>174</v>
      </c>
      <c r="AH2428" s="113" t="s">
        <v>174</v>
      </c>
      <c r="AI2428" s="113" t="s">
        <v>174</v>
      </c>
      <c r="AJ2428" s="113" t="s">
        <v>174</v>
      </c>
      <c r="AK2428" s="113" t="s">
        <v>174</v>
      </c>
      <c r="AL2428" s="113" t="s">
        <v>174</v>
      </c>
      <c r="AM2428" s="113" t="s">
        <v>174</v>
      </c>
      <c r="AN2428" s="113" t="s">
        <v>174</v>
      </c>
      <c r="AO2428" s="113" t="s">
        <v>174</v>
      </c>
      <c r="AP2428" s="113" t="s">
        <v>174</v>
      </c>
      <c r="AQ2428" s="113" t="s">
        <v>174</v>
      </c>
      <c r="AR2428" s="113" t="s">
        <v>174</v>
      </c>
      <c r="AS2428" s="113" t="s">
        <v>174</v>
      </c>
      <c r="AT2428" s="121" t="s">
        <v>174</v>
      </c>
      <c r="AU2428" s="113" t="s">
        <v>174</v>
      </c>
      <c r="AV2428" s="113" t="s">
        <v>174</v>
      </c>
      <c r="AW2428" s="113" t="s">
        <v>174</v>
      </c>
      <c r="AX2428" s="113"/>
      <c r="AY2428" s="113"/>
      <c r="AZ2428" s="113"/>
      <c r="BA2428" s="113"/>
      <c r="BB2428" s="107">
        <v>45884</v>
      </c>
    </row>
    <row r="2429" spans="1:54" s="207" customFormat="1" ht="13.95" customHeight="1" x14ac:dyDescent="0.25">
      <c r="A2429" s="208" t="s">
        <v>5804</v>
      </c>
      <c r="B2429" s="209" t="s">
        <v>20420</v>
      </c>
      <c r="C2429" s="113" t="s">
        <v>5805</v>
      </c>
      <c r="D2429" s="113" t="s">
        <v>23906</v>
      </c>
      <c r="E2429" s="210">
        <v>1993</v>
      </c>
      <c r="F2429" s="210">
        <v>11296</v>
      </c>
      <c r="G2429" s="113" t="s">
        <v>3</v>
      </c>
      <c r="H2429" s="113">
        <v>0</v>
      </c>
      <c r="I2429" s="113">
        <v>0</v>
      </c>
      <c r="J2429" s="115">
        <v>1</v>
      </c>
      <c r="K2429" s="116" t="s">
        <v>174</v>
      </c>
      <c r="L2429" s="115">
        <v>1</v>
      </c>
      <c r="M2429" s="115">
        <v>1</v>
      </c>
      <c r="N2429" s="115">
        <v>0</v>
      </c>
      <c r="O2429" s="115">
        <v>0</v>
      </c>
      <c r="P2429" s="115" t="s">
        <v>400</v>
      </c>
      <c r="Q2429" s="115" t="s">
        <v>400</v>
      </c>
      <c r="R2429" s="115">
        <v>0</v>
      </c>
      <c r="S2429" s="115">
        <v>0</v>
      </c>
      <c r="T2429" s="115">
        <v>0</v>
      </c>
      <c r="U2429" s="113" t="s">
        <v>174</v>
      </c>
      <c r="V2429" s="113" t="s">
        <v>174</v>
      </c>
      <c r="W2429" s="113" t="s">
        <v>174</v>
      </c>
      <c r="X2429" s="113" t="s">
        <v>174</v>
      </c>
      <c r="Y2429" s="113" t="s">
        <v>174</v>
      </c>
      <c r="Z2429" s="113" t="s">
        <v>174</v>
      </c>
      <c r="AA2429" s="113" t="s">
        <v>174</v>
      </c>
      <c r="AB2429" s="113" t="s">
        <v>174</v>
      </c>
      <c r="AC2429" s="113" t="s">
        <v>174</v>
      </c>
      <c r="AD2429" s="113" t="s">
        <v>174</v>
      </c>
      <c r="AE2429" s="113" t="s">
        <v>174</v>
      </c>
      <c r="AF2429" s="113" t="s">
        <v>174</v>
      </c>
      <c r="AG2429" s="113" t="s">
        <v>174</v>
      </c>
      <c r="AH2429" s="113" t="s">
        <v>174</v>
      </c>
      <c r="AI2429" s="113" t="s">
        <v>174</v>
      </c>
      <c r="AJ2429" s="113" t="s">
        <v>174</v>
      </c>
      <c r="AK2429" s="113" t="s">
        <v>174</v>
      </c>
      <c r="AL2429" s="113" t="s">
        <v>174</v>
      </c>
      <c r="AM2429" s="113" t="s">
        <v>174</v>
      </c>
      <c r="AN2429" s="113" t="s">
        <v>174</v>
      </c>
      <c r="AO2429" s="113" t="s">
        <v>174</v>
      </c>
      <c r="AP2429" s="113" t="s">
        <v>174</v>
      </c>
      <c r="AQ2429" s="113" t="s">
        <v>174</v>
      </c>
      <c r="AR2429" s="113" t="s">
        <v>174</v>
      </c>
      <c r="AS2429" s="113" t="s">
        <v>174</v>
      </c>
      <c r="AT2429" s="121" t="s">
        <v>174</v>
      </c>
      <c r="AU2429" s="113" t="s">
        <v>174</v>
      </c>
      <c r="AV2429" s="113" t="s">
        <v>174</v>
      </c>
      <c r="AW2429" s="113" t="s">
        <v>174</v>
      </c>
      <c r="AX2429" s="113"/>
      <c r="AY2429" s="113"/>
      <c r="AZ2429" s="113"/>
      <c r="BA2429" s="113"/>
      <c r="BB2429" s="107">
        <v>45884</v>
      </c>
    </row>
    <row r="2430" spans="1:54" s="207" customFormat="1" ht="13.95" customHeight="1" x14ac:dyDescent="0.25">
      <c r="A2430" s="208" t="s">
        <v>5806</v>
      </c>
      <c r="B2430" s="209" t="s">
        <v>20420</v>
      </c>
      <c r="C2430" s="113" t="s">
        <v>5807</v>
      </c>
      <c r="D2430" s="113" t="s">
        <v>5808</v>
      </c>
      <c r="E2430" s="210">
        <v>1997</v>
      </c>
      <c r="F2430" s="210">
        <v>11352</v>
      </c>
      <c r="G2430" s="113" t="s">
        <v>10</v>
      </c>
      <c r="H2430" s="113">
        <v>0</v>
      </c>
      <c r="I2430" s="113">
        <v>0</v>
      </c>
      <c r="J2430" s="115">
        <v>0</v>
      </c>
      <c r="K2430" s="116" t="s">
        <v>174</v>
      </c>
      <c r="L2430" s="115">
        <v>0</v>
      </c>
      <c r="M2430" s="115">
        <v>0</v>
      </c>
      <c r="N2430" s="115">
        <v>0</v>
      </c>
      <c r="O2430" s="115">
        <v>0</v>
      </c>
      <c r="P2430" s="115" t="s">
        <v>400</v>
      </c>
      <c r="Q2430" s="115" t="s">
        <v>400</v>
      </c>
      <c r="R2430" s="115">
        <v>0</v>
      </c>
      <c r="S2430" s="115">
        <v>0</v>
      </c>
      <c r="T2430" s="115">
        <v>0</v>
      </c>
      <c r="U2430" s="113" t="s">
        <v>174</v>
      </c>
      <c r="V2430" s="113" t="s">
        <v>174</v>
      </c>
      <c r="W2430" s="113" t="s">
        <v>174</v>
      </c>
      <c r="X2430" s="113" t="s">
        <v>174</v>
      </c>
      <c r="Y2430" s="113" t="s">
        <v>174</v>
      </c>
      <c r="Z2430" s="113" t="s">
        <v>174</v>
      </c>
      <c r="AA2430" s="113" t="s">
        <v>174</v>
      </c>
      <c r="AB2430" s="113" t="s">
        <v>174</v>
      </c>
      <c r="AC2430" s="113" t="s">
        <v>174</v>
      </c>
      <c r="AD2430" s="113" t="s">
        <v>174</v>
      </c>
      <c r="AE2430" s="113" t="s">
        <v>174</v>
      </c>
      <c r="AF2430" s="113" t="s">
        <v>174</v>
      </c>
      <c r="AG2430" s="113" t="s">
        <v>174</v>
      </c>
      <c r="AH2430" s="113" t="s">
        <v>174</v>
      </c>
      <c r="AI2430" s="113" t="s">
        <v>174</v>
      </c>
      <c r="AJ2430" s="113" t="s">
        <v>174</v>
      </c>
      <c r="AK2430" s="113" t="s">
        <v>174</v>
      </c>
      <c r="AL2430" s="113" t="s">
        <v>174</v>
      </c>
      <c r="AM2430" s="113" t="s">
        <v>174</v>
      </c>
      <c r="AN2430" s="113" t="s">
        <v>174</v>
      </c>
      <c r="AO2430" s="113" t="s">
        <v>174</v>
      </c>
      <c r="AP2430" s="113" t="s">
        <v>174</v>
      </c>
      <c r="AQ2430" s="113" t="s">
        <v>174</v>
      </c>
      <c r="AR2430" s="113" t="s">
        <v>174</v>
      </c>
      <c r="AS2430" s="113" t="s">
        <v>174</v>
      </c>
      <c r="AT2430" s="121" t="s">
        <v>174</v>
      </c>
      <c r="AU2430" s="113" t="s">
        <v>174</v>
      </c>
      <c r="AV2430" s="113" t="s">
        <v>174</v>
      </c>
      <c r="AW2430" s="113" t="s">
        <v>174</v>
      </c>
      <c r="AX2430" s="113"/>
      <c r="AY2430" s="113"/>
      <c r="AZ2430" s="113"/>
      <c r="BA2430" s="113"/>
      <c r="BB2430" s="107">
        <v>45884</v>
      </c>
    </row>
    <row r="2431" spans="1:54" s="207" customFormat="1" ht="13.95" customHeight="1" x14ac:dyDescent="0.25">
      <c r="A2431" s="208" t="s">
        <v>5809</v>
      </c>
      <c r="B2431" s="209" t="s">
        <v>20420</v>
      </c>
      <c r="C2431" s="113" t="s">
        <v>5810</v>
      </c>
      <c r="D2431" s="113" t="s">
        <v>5811</v>
      </c>
      <c r="E2431" s="210">
        <v>1958</v>
      </c>
      <c r="F2431" s="210">
        <v>11422</v>
      </c>
      <c r="G2431" s="113" t="s">
        <v>3</v>
      </c>
      <c r="H2431" s="113">
        <v>1</v>
      </c>
      <c r="I2431" s="113">
        <v>1</v>
      </c>
      <c r="J2431" s="115">
        <v>1</v>
      </c>
      <c r="K2431" s="211">
        <v>1</v>
      </c>
      <c r="L2431" s="115">
        <v>1</v>
      </c>
      <c r="M2431" s="115">
        <v>1</v>
      </c>
      <c r="N2431" s="115">
        <v>1</v>
      </c>
      <c r="O2431" s="115">
        <v>1</v>
      </c>
      <c r="P2431" s="115" t="s">
        <v>400</v>
      </c>
      <c r="Q2431" s="115" t="s">
        <v>400</v>
      </c>
      <c r="R2431" s="115">
        <v>1</v>
      </c>
      <c r="S2431" s="115">
        <v>0</v>
      </c>
      <c r="T2431" s="115">
        <v>0</v>
      </c>
      <c r="U2431" s="113" t="s">
        <v>174</v>
      </c>
      <c r="V2431" s="113" t="s">
        <v>174</v>
      </c>
      <c r="W2431" s="113" t="s">
        <v>174</v>
      </c>
      <c r="X2431" s="113" t="s">
        <v>174</v>
      </c>
      <c r="Y2431" s="113" t="s">
        <v>174</v>
      </c>
      <c r="Z2431" s="113" t="s">
        <v>174</v>
      </c>
      <c r="AA2431" s="113" t="s">
        <v>174</v>
      </c>
      <c r="AB2431" s="113">
        <v>1</v>
      </c>
      <c r="AC2431" s="113" t="s">
        <v>174</v>
      </c>
      <c r="AD2431" s="113" t="s">
        <v>174</v>
      </c>
      <c r="AE2431" s="113" t="s">
        <v>174</v>
      </c>
      <c r="AF2431" s="113" t="s">
        <v>174</v>
      </c>
      <c r="AG2431" s="113" t="s">
        <v>174</v>
      </c>
      <c r="AH2431" s="113" t="s">
        <v>174</v>
      </c>
      <c r="AI2431" s="113" t="s">
        <v>174</v>
      </c>
      <c r="AJ2431" s="113" t="s">
        <v>174</v>
      </c>
      <c r="AK2431" s="113" t="s">
        <v>174</v>
      </c>
      <c r="AL2431" s="113" t="s">
        <v>174</v>
      </c>
      <c r="AM2431" s="113" t="s">
        <v>174</v>
      </c>
      <c r="AN2431" s="113" t="s">
        <v>174</v>
      </c>
      <c r="AO2431" s="113" t="s">
        <v>174</v>
      </c>
      <c r="AP2431" s="113" t="s">
        <v>174</v>
      </c>
      <c r="AQ2431" s="113" t="s">
        <v>174</v>
      </c>
      <c r="AR2431" s="113" t="s">
        <v>174</v>
      </c>
      <c r="AS2431" s="113" t="s">
        <v>174</v>
      </c>
      <c r="AT2431" s="121" t="s">
        <v>174</v>
      </c>
      <c r="AU2431" s="113" t="s">
        <v>174</v>
      </c>
      <c r="AV2431" s="113" t="s">
        <v>174</v>
      </c>
      <c r="AW2431" s="113" t="s">
        <v>174</v>
      </c>
      <c r="AX2431" s="113"/>
      <c r="AY2431" s="113"/>
      <c r="AZ2431" s="124" t="s">
        <v>23203</v>
      </c>
      <c r="BA2431" s="113" t="s">
        <v>19478</v>
      </c>
      <c r="BB2431" s="107">
        <v>45884</v>
      </c>
    </row>
    <row r="2432" spans="1:54" s="207" customFormat="1" ht="13.95" customHeight="1" x14ac:dyDescent="0.25">
      <c r="A2432" s="208" t="s">
        <v>5812</v>
      </c>
      <c r="B2432" s="209" t="s">
        <v>20420</v>
      </c>
      <c r="C2432" s="113" t="s">
        <v>5813</v>
      </c>
      <c r="D2432" s="113" t="s">
        <v>23907</v>
      </c>
      <c r="E2432" s="210">
        <v>1999</v>
      </c>
      <c r="F2432" s="210">
        <v>21564</v>
      </c>
      <c r="G2432" s="113" t="s">
        <v>10</v>
      </c>
      <c r="H2432" s="113">
        <v>1</v>
      </c>
      <c r="I2432" s="113">
        <v>1</v>
      </c>
      <c r="J2432" s="115">
        <v>1</v>
      </c>
      <c r="K2432" s="116" t="s">
        <v>174</v>
      </c>
      <c r="L2432" s="115">
        <v>0</v>
      </c>
      <c r="M2432" s="115">
        <v>0</v>
      </c>
      <c r="N2432" s="115">
        <v>0</v>
      </c>
      <c r="O2432" s="115">
        <v>0</v>
      </c>
      <c r="P2432" s="115" t="s">
        <v>400</v>
      </c>
      <c r="Q2432" s="115" t="s">
        <v>400</v>
      </c>
      <c r="R2432" s="115">
        <v>0</v>
      </c>
      <c r="S2432" s="115">
        <v>0</v>
      </c>
      <c r="T2432" s="115">
        <v>0</v>
      </c>
      <c r="U2432" s="113" t="s">
        <v>174</v>
      </c>
      <c r="V2432" s="113" t="s">
        <v>174</v>
      </c>
      <c r="W2432" s="113" t="s">
        <v>174</v>
      </c>
      <c r="X2432" s="113" t="s">
        <v>174</v>
      </c>
      <c r="Y2432" s="113" t="s">
        <v>174</v>
      </c>
      <c r="Z2432" s="113" t="s">
        <v>174</v>
      </c>
      <c r="AA2432" s="113" t="s">
        <v>174</v>
      </c>
      <c r="AB2432" s="113" t="s">
        <v>174</v>
      </c>
      <c r="AC2432" s="113" t="s">
        <v>174</v>
      </c>
      <c r="AD2432" s="113" t="s">
        <v>174</v>
      </c>
      <c r="AE2432" s="113" t="s">
        <v>174</v>
      </c>
      <c r="AF2432" s="113" t="s">
        <v>174</v>
      </c>
      <c r="AG2432" s="113" t="s">
        <v>174</v>
      </c>
      <c r="AH2432" s="113" t="s">
        <v>174</v>
      </c>
      <c r="AI2432" s="113" t="s">
        <v>174</v>
      </c>
      <c r="AJ2432" s="113" t="s">
        <v>174</v>
      </c>
      <c r="AK2432" s="113" t="s">
        <v>174</v>
      </c>
      <c r="AL2432" s="113" t="s">
        <v>174</v>
      </c>
      <c r="AM2432" s="113" t="s">
        <v>174</v>
      </c>
      <c r="AN2432" s="113" t="s">
        <v>174</v>
      </c>
      <c r="AO2432" s="113" t="s">
        <v>174</v>
      </c>
      <c r="AP2432" s="113" t="s">
        <v>174</v>
      </c>
      <c r="AQ2432" s="113" t="s">
        <v>174</v>
      </c>
      <c r="AR2432" s="113" t="s">
        <v>174</v>
      </c>
      <c r="AS2432" s="113" t="s">
        <v>174</v>
      </c>
      <c r="AT2432" s="121" t="s">
        <v>174</v>
      </c>
      <c r="AU2432" s="113" t="s">
        <v>174</v>
      </c>
      <c r="AV2432" s="113" t="s">
        <v>174</v>
      </c>
      <c r="AW2432" s="113" t="s">
        <v>174</v>
      </c>
      <c r="AX2432" s="113"/>
      <c r="AY2432" s="113"/>
      <c r="AZ2432" s="113"/>
      <c r="BA2432" s="113"/>
      <c r="BB2432" s="107">
        <v>45884</v>
      </c>
    </row>
    <row r="2433" spans="1:54" s="207" customFormat="1" ht="13.95" customHeight="1" x14ac:dyDescent="0.25">
      <c r="A2433" s="208" t="s">
        <v>5814</v>
      </c>
      <c r="B2433" s="209" t="s">
        <v>20420</v>
      </c>
      <c r="C2433" s="113" t="s">
        <v>5815</v>
      </c>
      <c r="D2433" s="113" t="s">
        <v>5816</v>
      </c>
      <c r="E2433" s="210">
        <v>1973</v>
      </c>
      <c r="F2433" s="210">
        <v>11460</v>
      </c>
      <c r="G2433" s="113" t="s">
        <v>3</v>
      </c>
      <c r="H2433" s="113">
        <v>1</v>
      </c>
      <c r="I2433" s="113">
        <v>1</v>
      </c>
      <c r="J2433" s="115">
        <v>1</v>
      </c>
      <c r="K2433" s="116" t="s">
        <v>174</v>
      </c>
      <c r="L2433" s="115">
        <v>1</v>
      </c>
      <c r="M2433" s="115">
        <v>1</v>
      </c>
      <c r="N2433" s="115">
        <v>1</v>
      </c>
      <c r="O2433" s="115">
        <v>1</v>
      </c>
      <c r="P2433" s="115">
        <v>1</v>
      </c>
      <c r="Q2433" s="115" t="s">
        <v>400</v>
      </c>
      <c r="R2433" s="115">
        <v>1</v>
      </c>
      <c r="S2433" s="115">
        <v>0</v>
      </c>
      <c r="T2433" s="115">
        <v>0</v>
      </c>
      <c r="U2433" s="113" t="s">
        <v>174</v>
      </c>
      <c r="V2433" s="113" t="s">
        <v>174</v>
      </c>
      <c r="W2433" s="113" t="s">
        <v>174</v>
      </c>
      <c r="X2433" s="113" t="s">
        <v>174</v>
      </c>
      <c r="Y2433" s="113" t="s">
        <v>174</v>
      </c>
      <c r="Z2433" s="113" t="s">
        <v>174</v>
      </c>
      <c r="AA2433" s="113" t="s">
        <v>174</v>
      </c>
      <c r="AB2433" s="113" t="s">
        <v>174</v>
      </c>
      <c r="AC2433" s="113" t="s">
        <v>174</v>
      </c>
      <c r="AD2433" s="113" t="s">
        <v>174</v>
      </c>
      <c r="AE2433" s="113" t="s">
        <v>174</v>
      </c>
      <c r="AF2433" s="113" t="s">
        <v>174</v>
      </c>
      <c r="AG2433" s="113" t="s">
        <v>174</v>
      </c>
      <c r="AH2433" s="113" t="s">
        <v>174</v>
      </c>
      <c r="AI2433" s="113" t="s">
        <v>174</v>
      </c>
      <c r="AJ2433" s="113" t="s">
        <v>174</v>
      </c>
      <c r="AK2433" s="113" t="s">
        <v>174</v>
      </c>
      <c r="AL2433" s="113" t="s">
        <v>174</v>
      </c>
      <c r="AM2433" s="113" t="s">
        <v>174</v>
      </c>
      <c r="AN2433" s="113" t="s">
        <v>174</v>
      </c>
      <c r="AO2433" s="113" t="s">
        <v>174</v>
      </c>
      <c r="AP2433" s="113" t="s">
        <v>174</v>
      </c>
      <c r="AQ2433" s="113" t="s">
        <v>174</v>
      </c>
      <c r="AR2433" s="113" t="s">
        <v>174</v>
      </c>
      <c r="AS2433" s="113" t="s">
        <v>174</v>
      </c>
      <c r="AT2433" s="121" t="s">
        <v>174</v>
      </c>
      <c r="AU2433" s="113" t="s">
        <v>174</v>
      </c>
      <c r="AV2433" s="113" t="s">
        <v>174</v>
      </c>
      <c r="AW2433" s="113" t="s">
        <v>174</v>
      </c>
      <c r="AX2433" s="113"/>
      <c r="AY2433" s="113"/>
      <c r="AZ2433" s="113"/>
      <c r="BA2433" s="113"/>
      <c r="BB2433" s="107">
        <v>45884</v>
      </c>
    </row>
    <row r="2434" spans="1:54" s="207" customFormat="1" ht="13.95" customHeight="1" x14ac:dyDescent="0.25">
      <c r="A2434" s="208" t="s">
        <v>5817</v>
      </c>
      <c r="B2434" s="209" t="s">
        <v>20420</v>
      </c>
      <c r="C2434" s="113" t="s">
        <v>5818</v>
      </c>
      <c r="D2434" s="113" t="s">
        <v>5819</v>
      </c>
      <c r="E2434" s="210">
        <v>1974</v>
      </c>
      <c r="F2434" s="210">
        <v>11509</v>
      </c>
      <c r="G2434" s="113" t="s">
        <v>3</v>
      </c>
      <c r="H2434" s="113">
        <v>0</v>
      </c>
      <c r="I2434" s="113">
        <v>0</v>
      </c>
      <c r="J2434" s="115">
        <v>1</v>
      </c>
      <c r="K2434" s="116" t="s">
        <v>174</v>
      </c>
      <c r="L2434" s="115">
        <v>1</v>
      </c>
      <c r="M2434" s="115">
        <v>1</v>
      </c>
      <c r="N2434" s="115">
        <v>1</v>
      </c>
      <c r="O2434" s="115">
        <v>1</v>
      </c>
      <c r="P2434" s="115">
        <v>1</v>
      </c>
      <c r="Q2434" s="115" t="s">
        <v>400</v>
      </c>
      <c r="R2434" s="115">
        <v>0</v>
      </c>
      <c r="S2434" s="115">
        <v>0</v>
      </c>
      <c r="T2434" s="115">
        <v>0</v>
      </c>
      <c r="U2434" s="113" t="s">
        <v>174</v>
      </c>
      <c r="V2434" s="113" t="s">
        <v>174</v>
      </c>
      <c r="W2434" s="113" t="s">
        <v>174</v>
      </c>
      <c r="X2434" s="113" t="s">
        <v>174</v>
      </c>
      <c r="Y2434" s="113" t="s">
        <v>174</v>
      </c>
      <c r="Z2434" s="113" t="s">
        <v>174</v>
      </c>
      <c r="AA2434" s="113" t="s">
        <v>174</v>
      </c>
      <c r="AB2434" s="113" t="s">
        <v>174</v>
      </c>
      <c r="AC2434" s="113" t="s">
        <v>174</v>
      </c>
      <c r="AD2434" s="113" t="s">
        <v>174</v>
      </c>
      <c r="AE2434" s="113" t="s">
        <v>174</v>
      </c>
      <c r="AF2434" s="113" t="s">
        <v>174</v>
      </c>
      <c r="AG2434" s="113" t="s">
        <v>174</v>
      </c>
      <c r="AH2434" s="113" t="s">
        <v>174</v>
      </c>
      <c r="AI2434" s="113" t="s">
        <v>174</v>
      </c>
      <c r="AJ2434" s="113" t="s">
        <v>174</v>
      </c>
      <c r="AK2434" s="113" t="s">
        <v>174</v>
      </c>
      <c r="AL2434" s="113" t="s">
        <v>174</v>
      </c>
      <c r="AM2434" s="113" t="s">
        <v>174</v>
      </c>
      <c r="AN2434" s="113" t="s">
        <v>174</v>
      </c>
      <c r="AO2434" s="113" t="s">
        <v>174</v>
      </c>
      <c r="AP2434" s="113" t="s">
        <v>174</v>
      </c>
      <c r="AQ2434" s="113" t="s">
        <v>174</v>
      </c>
      <c r="AR2434" s="113" t="s">
        <v>174</v>
      </c>
      <c r="AS2434" s="113" t="s">
        <v>174</v>
      </c>
      <c r="AT2434" s="121" t="s">
        <v>174</v>
      </c>
      <c r="AU2434" s="113" t="s">
        <v>174</v>
      </c>
      <c r="AV2434" s="113" t="s">
        <v>174</v>
      </c>
      <c r="AW2434" s="113" t="s">
        <v>174</v>
      </c>
      <c r="AX2434" s="113"/>
      <c r="AY2434" s="113"/>
      <c r="AZ2434" s="113"/>
      <c r="BA2434" s="113"/>
      <c r="BB2434" s="107">
        <v>45884</v>
      </c>
    </row>
    <row r="2435" spans="1:54" s="207" customFormat="1" ht="13.95" customHeight="1" x14ac:dyDescent="0.25">
      <c r="A2435" s="208" t="s">
        <v>5820</v>
      </c>
      <c r="B2435" s="209" t="s">
        <v>20420</v>
      </c>
      <c r="C2435" s="113" t="s">
        <v>5821</v>
      </c>
      <c r="D2435" s="113" t="s">
        <v>23908</v>
      </c>
      <c r="E2435" s="210">
        <v>1987</v>
      </c>
      <c r="F2435" s="210">
        <v>11580</v>
      </c>
      <c r="G2435" s="113" t="s">
        <v>8</v>
      </c>
      <c r="H2435" s="113">
        <v>0</v>
      </c>
      <c r="I2435" s="113">
        <v>0</v>
      </c>
      <c r="J2435" s="115">
        <v>0</v>
      </c>
      <c r="K2435" s="116" t="s">
        <v>174</v>
      </c>
      <c r="L2435" s="115">
        <v>0</v>
      </c>
      <c r="M2435" s="115">
        <v>0</v>
      </c>
      <c r="N2435" s="115">
        <v>0</v>
      </c>
      <c r="O2435" s="115">
        <v>0</v>
      </c>
      <c r="P2435" s="115" t="s">
        <v>400</v>
      </c>
      <c r="Q2435" s="115" t="s">
        <v>400</v>
      </c>
      <c r="R2435" s="115">
        <v>0</v>
      </c>
      <c r="S2435" s="115">
        <v>0</v>
      </c>
      <c r="T2435" s="115">
        <v>0</v>
      </c>
      <c r="U2435" s="113" t="s">
        <v>174</v>
      </c>
      <c r="V2435" s="113" t="s">
        <v>174</v>
      </c>
      <c r="W2435" s="113" t="s">
        <v>174</v>
      </c>
      <c r="X2435" s="113" t="s">
        <v>174</v>
      </c>
      <c r="Y2435" s="113" t="s">
        <v>174</v>
      </c>
      <c r="Z2435" s="113" t="s">
        <v>174</v>
      </c>
      <c r="AA2435" s="113" t="s">
        <v>174</v>
      </c>
      <c r="AB2435" s="113" t="s">
        <v>174</v>
      </c>
      <c r="AC2435" s="113" t="s">
        <v>174</v>
      </c>
      <c r="AD2435" s="113" t="s">
        <v>174</v>
      </c>
      <c r="AE2435" s="113" t="s">
        <v>174</v>
      </c>
      <c r="AF2435" s="113" t="s">
        <v>174</v>
      </c>
      <c r="AG2435" s="113" t="s">
        <v>174</v>
      </c>
      <c r="AH2435" s="113" t="s">
        <v>174</v>
      </c>
      <c r="AI2435" s="113" t="s">
        <v>174</v>
      </c>
      <c r="AJ2435" s="113" t="s">
        <v>174</v>
      </c>
      <c r="AK2435" s="113" t="s">
        <v>174</v>
      </c>
      <c r="AL2435" s="113" t="s">
        <v>174</v>
      </c>
      <c r="AM2435" s="113" t="s">
        <v>174</v>
      </c>
      <c r="AN2435" s="113" t="s">
        <v>174</v>
      </c>
      <c r="AO2435" s="113" t="s">
        <v>174</v>
      </c>
      <c r="AP2435" s="113" t="s">
        <v>174</v>
      </c>
      <c r="AQ2435" s="113" t="s">
        <v>174</v>
      </c>
      <c r="AR2435" s="113" t="s">
        <v>174</v>
      </c>
      <c r="AS2435" s="113" t="s">
        <v>174</v>
      </c>
      <c r="AT2435" s="121" t="s">
        <v>174</v>
      </c>
      <c r="AU2435" s="113" t="s">
        <v>174</v>
      </c>
      <c r="AV2435" s="113" t="s">
        <v>174</v>
      </c>
      <c r="AW2435" s="113" t="s">
        <v>174</v>
      </c>
      <c r="AX2435" s="113"/>
      <c r="AY2435" s="113"/>
      <c r="AZ2435" s="113"/>
      <c r="BA2435" s="113"/>
      <c r="BB2435" s="107">
        <v>45884</v>
      </c>
    </row>
    <row r="2436" spans="1:54" s="207" customFormat="1" ht="13.95" customHeight="1" x14ac:dyDescent="0.25">
      <c r="A2436" s="208" t="s">
        <v>5822</v>
      </c>
      <c r="B2436" s="209" t="s">
        <v>20420</v>
      </c>
      <c r="C2436" s="113" t="s">
        <v>5823</v>
      </c>
      <c r="D2436" s="113" t="s">
        <v>5824</v>
      </c>
      <c r="E2436" s="210">
        <v>1987</v>
      </c>
      <c r="F2436" s="210">
        <v>11586</v>
      </c>
      <c r="G2436" s="113" t="s">
        <v>8</v>
      </c>
      <c r="H2436" s="113">
        <v>0</v>
      </c>
      <c r="I2436" s="113">
        <v>0</v>
      </c>
      <c r="J2436" s="115">
        <v>0</v>
      </c>
      <c r="K2436" s="116" t="s">
        <v>174</v>
      </c>
      <c r="L2436" s="115">
        <v>0</v>
      </c>
      <c r="M2436" s="115">
        <v>0</v>
      </c>
      <c r="N2436" s="115">
        <v>0</v>
      </c>
      <c r="O2436" s="115">
        <v>0</v>
      </c>
      <c r="P2436" s="115" t="s">
        <v>400</v>
      </c>
      <c r="Q2436" s="115" t="s">
        <v>400</v>
      </c>
      <c r="R2436" s="115">
        <v>0</v>
      </c>
      <c r="S2436" s="115">
        <v>0</v>
      </c>
      <c r="T2436" s="115">
        <v>0</v>
      </c>
      <c r="U2436" s="113" t="s">
        <v>174</v>
      </c>
      <c r="V2436" s="113" t="s">
        <v>174</v>
      </c>
      <c r="W2436" s="113" t="s">
        <v>174</v>
      </c>
      <c r="X2436" s="113" t="s">
        <v>174</v>
      </c>
      <c r="Y2436" s="113" t="s">
        <v>174</v>
      </c>
      <c r="Z2436" s="113" t="s">
        <v>174</v>
      </c>
      <c r="AA2436" s="113" t="s">
        <v>174</v>
      </c>
      <c r="AB2436" s="113" t="s">
        <v>174</v>
      </c>
      <c r="AC2436" s="113" t="s">
        <v>174</v>
      </c>
      <c r="AD2436" s="113" t="s">
        <v>174</v>
      </c>
      <c r="AE2436" s="113" t="s">
        <v>174</v>
      </c>
      <c r="AF2436" s="113" t="s">
        <v>174</v>
      </c>
      <c r="AG2436" s="113" t="s">
        <v>174</v>
      </c>
      <c r="AH2436" s="113" t="s">
        <v>174</v>
      </c>
      <c r="AI2436" s="113" t="s">
        <v>174</v>
      </c>
      <c r="AJ2436" s="113" t="s">
        <v>174</v>
      </c>
      <c r="AK2436" s="113" t="s">
        <v>174</v>
      </c>
      <c r="AL2436" s="113" t="s">
        <v>174</v>
      </c>
      <c r="AM2436" s="113" t="s">
        <v>174</v>
      </c>
      <c r="AN2436" s="113" t="s">
        <v>174</v>
      </c>
      <c r="AO2436" s="113" t="s">
        <v>174</v>
      </c>
      <c r="AP2436" s="113" t="s">
        <v>174</v>
      </c>
      <c r="AQ2436" s="113" t="s">
        <v>174</v>
      </c>
      <c r="AR2436" s="113" t="s">
        <v>174</v>
      </c>
      <c r="AS2436" s="113" t="s">
        <v>174</v>
      </c>
      <c r="AT2436" s="121" t="s">
        <v>174</v>
      </c>
      <c r="AU2436" s="113" t="s">
        <v>174</v>
      </c>
      <c r="AV2436" s="113" t="s">
        <v>174</v>
      </c>
      <c r="AW2436" s="113" t="s">
        <v>174</v>
      </c>
      <c r="AX2436" s="113"/>
      <c r="AY2436" s="113"/>
      <c r="AZ2436" s="113"/>
      <c r="BA2436" s="113"/>
      <c r="BB2436" s="107">
        <v>45884</v>
      </c>
    </row>
    <row r="2437" spans="1:54" s="207" customFormat="1" ht="13.95" customHeight="1" x14ac:dyDescent="0.25">
      <c r="A2437" s="208" t="s">
        <v>5825</v>
      </c>
      <c r="B2437" s="209" t="s">
        <v>20420</v>
      </c>
      <c r="C2437" s="113" t="s">
        <v>5826</v>
      </c>
      <c r="D2437" s="113" t="s">
        <v>23909</v>
      </c>
      <c r="E2437" s="210">
        <v>1984</v>
      </c>
      <c r="F2437" s="210">
        <v>11601</v>
      </c>
      <c r="G2437" s="113" t="s">
        <v>3</v>
      </c>
      <c r="H2437" s="113">
        <v>1</v>
      </c>
      <c r="I2437" s="113">
        <v>0</v>
      </c>
      <c r="J2437" s="115">
        <v>1</v>
      </c>
      <c r="K2437" s="116" t="s">
        <v>174</v>
      </c>
      <c r="L2437" s="115">
        <v>0</v>
      </c>
      <c r="M2437" s="115">
        <v>0</v>
      </c>
      <c r="N2437" s="115">
        <v>0</v>
      </c>
      <c r="O2437" s="115">
        <v>0</v>
      </c>
      <c r="P2437" s="115" t="s">
        <v>400</v>
      </c>
      <c r="Q2437" s="115" t="s">
        <v>400</v>
      </c>
      <c r="R2437" s="115">
        <v>0</v>
      </c>
      <c r="S2437" s="115">
        <v>0</v>
      </c>
      <c r="T2437" s="115">
        <v>0</v>
      </c>
      <c r="U2437" s="113" t="s">
        <v>174</v>
      </c>
      <c r="V2437" s="113" t="s">
        <v>174</v>
      </c>
      <c r="W2437" s="113" t="s">
        <v>174</v>
      </c>
      <c r="X2437" s="113" t="s">
        <v>174</v>
      </c>
      <c r="Y2437" s="113" t="s">
        <v>174</v>
      </c>
      <c r="Z2437" s="113" t="s">
        <v>174</v>
      </c>
      <c r="AA2437" s="113" t="s">
        <v>174</v>
      </c>
      <c r="AB2437" s="113" t="s">
        <v>174</v>
      </c>
      <c r="AC2437" s="113" t="s">
        <v>174</v>
      </c>
      <c r="AD2437" s="113" t="s">
        <v>174</v>
      </c>
      <c r="AE2437" s="113" t="s">
        <v>174</v>
      </c>
      <c r="AF2437" s="113" t="s">
        <v>174</v>
      </c>
      <c r="AG2437" s="113" t="s">
        <v>174</v>
      </c>
      <c r="AH2437" s="113" t="s">
        <v>174</v>
      </c>
      <c r="AI2437" s="113" t="s">
        <v>174</v>
      </c>
      <c r="AJ2437" s="113" t="s">
        <v>174</v>
      </c>
      <c r="AK2437" s="113" t="s">
        <v>174</v>
      </c>
      <c r="AL2437" s="113" t="s">
        <v>174</v>
      </c>
      <c r="AM2437" s="113" t="s">
        <v>174</v>
      </c>
      <c r="AN2437" s="113" t="s">
        <v>174</v>
      </c>
      <c r="AO2437" s="113" t="s">
        <v>174</v>
      </c>
      <c r="AP2437" s="113" t="s">
        <v>174</v>
      </c>
      <c r="AQ2437" s="113" t="s">
        <v>174</v>
      </c>
      <c r="AR2437" s="113" t="s">
        <v>174</v>
      </c>
      <c r="AS2437" s="113" t="s">
        <v>174</v>
      </c>
      <c r="AT2437" s="121" t="s">
        <v>174</v>
      </c>
      <c r="AU2437" s="113" t="s">
        <v>174</v>
      </c>
      <c r="AV2437" s="113" t="s">
        <v>174</v>
      </c>
      <c r="AW2437" s="113" t="s">
        <v>174</v>
      </c>
      <c r="AX2437" s="113"/>
      <c r="AY2437" s="113"/>
      <c r="AZ2437" s="113"/>
      <c r="BA2437" s="113"/>
      <c r="BB2437" s="107">
        <v>45884</v>
      </c>
    </row>
    <row r="2438" spans="1:54" s="207" customFormat="1" ht="13.95" customHeight="1" x14ac:dyDescent="0.25">
      <c r="A2438" s="208" t="s">
        <v>5827</v>
      </c>
      <c r="B2438" s="209" t="s">
        <v>20420</v>
      </c>
      <c r="C2438" s="113" t="s">
        <v>5828</v>
      </c>
      <c r="D2438" s="113" t="s">
        <v>5829</v>
      </c>
      <c r="E2438" s="210">
        <v>1985</v>
      </c>
      <c r="F2438" s="210">
        <v>11619</v>
      </c>
      <c r="G2438" s="113" t="s">
        <v>3</v>
      </c>
      <c r="H2438" s="113">
        <v>1</v>
      </c>
      <c r="I2438" s="113">
        <v>1</v>
      </c>
      <c r="J2438" s="115">
        <v>1</v>
      </c>
      <c r="K2438" s="116" t="s">
        <v>174</v>
      </c>
      <c r="L2438" s="115">
        <v>0</v>
      </c>
      <c r="M2438" s="115">
        <v>1</v>
      </c>
      <c r="N2438" s="115">
        <v>1</v>
      </c>
      <c r="O2438" s="115">
        <v>0</v>
      </c>
      <c r="P2438" s="115" t="s">
        <v>400</v>
      </c>
      <c r="Q2438" s="115" t="s">
        <v>400</v>
      </c>
      <c r="R2438" s="115">
        <v>0</v>
      </c>
      <c r="S2438" s="115">
        <v>0</v>
      </c>
      <c r="T2438" s="115">
        <v>0</v>
      </c>
      <c r="U2438" s="113" t="s">
        <v>174</v>
      </c>
      <c r="V2438" s="113" t="s">
        <v>174</v>
      </c>
      <c r="W2438" s="113" t="s">
        <v>174</v>
      </c>
      <c r="X2438" s="113" t="s">
        <v>174</v>
      </c>
      <c r="Y2438" s="113" t="s">
        <v>174</v>
      </c>
      <c r="Z2438" s="113" t="s">
        <v>174</v>
      </c>
      <c r="AA2438" s="113" t="s">
        <v>174</v>
      </c>
      <c r="AB2438" s="113" t="s">
        <v>174</v>
      </c>
      <c r="AC2438" s="113" t="s">
        <v>174</v>
      </c>
      <c r="AD2438" s="113" t="s">
        <v>174</v>
      </c>
      <c r="AE2438" s="113" t="s">
        <v>174</v>
      </c>
      <c r="AF2438" s="113" t="s">
        <v>174</v>
      </c>
      <c r="AG2438" s="113" t="s">
        <v>174</v>
      </c>
      <c r="AH2438" s="113" t="s">
        <v>174</v>
      </c>
      <c r="AI2438" s="113" t="s">
        <v>174</v>
      </c>
      <c r="AJ2438" s="113" t="s">
        <v>174</v>
      </c>
      <c r="AK2438" s="113" t="s">
        <v>174</v>
      </c>
      <c r="AL2438" s="113" t="s">
        <v>174</v>
      </c>
      <c r="AM2438" s="113" t="s">
        <v>174</v>
      </c>
      <c r="AN2438" s="113" t="s">
        <v>174</v>
      </c>
      <c r="AO2438" s="113" t="s">
        <v>174</v>
      </c>
      <c r="AP2438" s="113" t="s">
        <v>174</v>
      </c>
      <c r="AQ2438" s="113" t="s">
        <v>174</v>
      </c>
      <c r="AR2438" s="113" t="s">
        <v>174</v>
      </c>
      <c r="AS2438" s="113" t="s">
        <v>174</v>
      </c>
      <c r="AT2438" s="121" t="s">
        <v>174</v>
      </c>
      <c r="AU2438" s="113" t="s">
        <v>174</v>
      </c>
      <c r="AV2438" s="113" t="s">
        <v>174</v>
      </c>
      <c r="AW2438" s="113" t="s">
        <v>174</v>
      </c>
      <c r="AX2438" s="113"/>
      <c r="AY2438" s="113"/>
      <c r="AZ2438" s="113"/>
      <c r="BA2438" s="113"/>
      <c r="BB2438" s="107">
        <v>45884</v>
      </c>
    </row>
    <row r="2439" spans="1:54" s="207" customFormat="1" ht="13.95" customHeight="1" x14ac:dyDescent="0.25">
      <c r="A2439" s="208" t="s">
        <v>5830</v>
      </c>
      <c r="B2439" s="209" t="s">
        <v>20420</v>
      </c>
      <c r="C2439" s="113" t="s">
        <v>5831</v>
      </c>
      <c r="D2439" s="113" t="s">
        <v>23910</v>
      </c>
      <c r="E2439" s="210">
        <v>1976</v>
      </c>
      <c r="F2439" s="210">
        <v>11681</v>
      </c>
      <c r="G2439" s="113" t="s">
        <v>3</v>
      </c>
      <c r="H2439" s="113">
        <v>1</v>
      </c>
      <c r="I2439" s="113">
        <v>0</v>
      </c>
      <c r="J2439" s="115">
        <v>1</v>
      </c>
      <c r="K2439" s="116" t="s">
        <v>174</v>
      </c>
      <c r="L2439" s="115">
        <v>1</v>
      </c>
      <c r="M2439" s="115">
        <v>1</v>
      </c>
      <c r="N2439" s="115">
        <v>0</v>
      </c>
      <c r="O2439" s="115">
        <v>0</v>
      </c>
      <c r="P2439" s="115" t="s">
        <v>400</v>
      </c>
      <c r="Q2439" s="115" t="s">
        <v>400</v>
      </c>
      <c r="R2439" s="115">
        <v>0</v>
      </c>
      <c r="S2439" s="115">
        <v>0</v>
      </c>
      <c r="T2439" s="115">
        <v>0</v>
      </c>
      <c r="U2439" s="113" t="s">
        <v>174</v>
      </c>
      <c r="V2439" s="113" t="s">
        <v>174</v>
      </c>
      <c r="W2439" s="113" t="s">
        <v>174</v>
      </c>
      <c r="X2439" s="113" t="s">
        <v>174</v>
      </c>
      <c r="Y2439" s="113" t="s">
        <v>174</v>
      </c>
      <c r="Z2439" s="113" t="s">
        <v>174</v>
      </c>
      <c r="AA2439" s="113" t="s">
        <v>174</v>
      </c>
      <c r="AB2439" s="113" t="s">
        <v>174</v>
      </c>
      <c r="AC2439" s="113" t="s">
        <v>174</v>
      </c>
      <c r="AD2439" s="113" t="s">
        <v>174</v>
      </c>
      <c r="AE2439" s="113" t="s">
        <v>174</v>
      </c>
      <c r="AF2439" s="113" t="s">
        <v>174</v>
      </c>
      <c r="AG2439" s="113" t="s">
        <v>174</v>
      </c>
      <c r="AH2439" s="113" t="s">
        <v>174</v>
      </c>
      <c r="AI2439" s="113" t="s">
        <v>174</v>
      </c>
      <c r="AJ2439" s="113" t="s">
        <v>174</v>
      </c>
      <c r="AK2439" s="113" t="s">
        <v>174</v>
      </c>
      <c r="AL2439" s="113" t="s">
        <v>174</v>
      </c>
      <c r="AM2439" s="113" t="s">
        <v>174</v>
      </c>
      <c r="AN2439" s="113" t="s">
        <v>174</v>
      </c>
      <c r="AO2439" s="113" t="s">
        <v>174</v>
      </c>
      <c r="AP2439" s="113" t="s">
        <v>174</v>
      </c>
      <c r="AQ2439" s="113" t="s">
        <v>174</v>
      </c>
      <c r="AR2439" s="113" t="s">
        <v>174</v>
      </c>
      <c r="AS2439" s="113" t="s">
        <v>174</v>
      </c>
      <c r="AT2439" s="121" t="s">
        <v>174</v>
      </c>
      <c r="AU2439" s="113" t="s">
        <v>174</v>
      </c>
      <c r="AV2439" s="113" t="s">
        <v>174</v>
      </c>
      <c r="AW2439" s="113" t="s">
        <v>174</v>
      </c>
      <c r="AX2439" s="113"/>
      <c r="AY2439" s="113"/>
      <c r="AZ2439" s="113"/>
      <c r="BA2439" s="113"/>
      <c r="BB2439" s="107">
        <v>45884</v>
      </c>
    </row>
    <row r="2440" spans="1:54" s="207" customFormat="1" ht="13.95" customHeight="1" x14ac:dyDescent="0.25">
      <c r="A2440" s="208" t="s">
        <v>5832</v>
      </c>
      <c r="B2440" s="209" t="s">
        <v>20420</v>
      </c>
      <c r="C2440" s="113" t="s">
        <v>5833</v>
      </c>
      <c r="D2440" s="113" t="s">
        <v>23911</v>
      </c>
      <c r="E2440" s="210">
        <v>1989</v>
      </c>
      <c r="F2440" s="210">
        <v>11687</v>
      </c>
      <c r="G2440" s="113" t="s">
        <v>3</v>
      </c>
      <c r="H2440" s="113">
        <v>1</v>
      </c>
      <c r="I2440" s="113">
        <v>1</v>
      </c>
      <c r="J2440" s="115">
        <v>1</v>
      </c>
      <c r="K2440" s="116" t="s">
        <v>174</v>
      </c>
      <c r="L2440" s="115">
        <v>1</v>
      </c>
      <c r="M2440" s="115">
        <v>1</v>
      </c>
      <c r="N2440" s="115">
        <v>0</v>
      </c>
      <c r="O2440" s="115">
        <v>1</v>
      </c>
      <c r="P2440" s="115">
        <v>1</v>
      </c>
      <c r="Q2440" s="115" t="s">
        <v>400</v>
      </c>
      <c r="R2440" s="115">
        <v>0</v>
      </c>
      <c r="S2440" s="115">
        <v>0</v>
      </c>
      <c r="T2440" s="115">
        <v>0</v>
      </c>
      <c r="U2440" s="113" t="s">
        <v>174</v>
      </c>
      <c r="V2440" s="113" t="s">
        <v>174</v>
      </c>
      <c r="W2440" s="113" t="s">
        <v>174</v>
      </c>
      <c r="X2440" s="113" t="s">
        <v>174</v>
      </c>
      <c r="Y2440" s="113" t="s">
        <v>174</v>
      </c>
      <c r="Z2440" s="113" t="s">
        <v>174</v>
      </c>
      <c r="AA2440" s="113" t="s">
        <v>174</v>
      </c>
      <c r="AB2440" s="113" t="s">
        <v>174</v>
      </c>
      <c r="AC2440" s="113" t="s">
        <v>174</v>
      </c>
      <c r="AD2440" s="113" t="s">
        <v>174</v>
      </c>
      <c r="AE2440" s="113" t="s">
        <v>174</v>
      </c>
      <c r="AF2440" s="113" t="s">
        <v>174</v>
      </c>
      <c r="AG2440" s="113" t="s">
        <v>174</v>
      </c>
      <c r="AH2440" s="113" t="s">
        <v>174</v>
      </c>
      <c r="AI2440" s="113" t="s">
        <v>174</v>
      </c>
      <c r="AJ2440" s="113" t="s">
        <v>174</v>
      </c>
      <c r="AK2440" s="113" t="s">
        <v>174</v>
      </c>
      <c r="AL2440" s="113" t="s">
        <v>174</v>
      </c>
      <c r="AM2440" s="113" t="s">
        <v>174</v>
      </c>
      <c r="AN2440" s="113" t="s">
        <v>174</v>
      </c>
      <c r="AO2440" s="113" t="s">
        <v>174</v>
      </c>
      <c r="AP2440" s="113" t="s">
        <v>174</v>
      </c>
      <c r="AQ2440" s="113" t="s">
        <v>174</v>
      </c>
      <c r="AR2440" s="113" t="s">
        <v>174</v>
      </c>
      <c r="AS2440" s="113" t="s">
        <v>174</v>
      </c>
      <c r="AT2440" s="121" t="s">
        <v>174</v>
      </c>
      <c r="AU2440" s="113" t="s">
        <v>174</v>
      </c>
      <c r="AV2440" s="113" t="s">
        <v>174</v>
      </c>
      <c r="AW2440" s="113" t="s">
        <v>174</v>
      </c>
      <c r="AX2440" s="113"/>
      <c r="AY2440" s="113"/>
      <c r="AZ2440" s="113"/>
      <c r="BA2440" s="113"/>
      <c r="BB2440" s="107">
        <v>45884</v>
      </c>
    </row>
    <row r="2441" spans="1:54" s="207" customFormat="1" ht="13.95" customHeight="1" x14ac:dyDescent="0.25">
      <c r="A2441" s="208" t="s">
        <v>5834</v>
      </c>
      <c r="B2441" s="209" t="s">
        <v>20420</v>
      </c>
      <c r="C2441" s="113" t="s">
        <v>5835</v>
      </c>
      <c r="D2441" s="113" t="s">
        <v>5836</v>
      </c>
      <c r="E2441" s="210">
        <v>1978</v>
      </c>
      <c r="F2441" s="210">
        <v>11688</v>
      </c>
      <c r="G2441" s="113" t="s">
        <v>3</v>
      </c>
      <c r="H2441" s="113">
        <v>0</v>
      </c>
      <c r="I2441" s="113">
        <v>0</v>
      </c>
      <c r="J2441" s="115">
        <v>1</v>
      </c>
      <c r="K2441" s="116" t="s">
        <v>174</v>
      </c>
      <c r="L2441" s="115">
        <v>1</v>
      </c>
      <c r="M2441" s="115">
        <v>1</v>
      </c>
      <c r="N2441" s="115">
        <v>1</v>
      </c>
      <c r="O2441" s="115">
        <v>0</v>
      </c>
      <c r="P2441" s="115" t="s">
        <v>400</v>
      </c>
      <c r="Q2441" s="115" t="s">
        <v>400</v>
      </c>
      <c r="R2441" s="115">
        <v>0</v>
      </c>
      <c r="S2441" s="115">
        <v>0</v>
      </c>
      <c r="T2441" s="115">
        <v>0</v>
      </c>
      <c r="U2441" s="113" t="s">
        <v>174</v>
      </c>
      <c r="V2441" s="113" t="s">
        <v>174</v>
      </c>
      <c r="W2441" s="113" t="s">
        <v>174</v>
      </c>
      <c r="X2441" s="113" t="s">
        <v>174</v>
      </c>
      <c r="Y2441" s="113" t="s">
        <v>174</v>
      </c>
      <c r="Z2441" s="113" t="s">
        <v>174</v>
      </c>
      <c r="AA2441" s="113" t="s">
        <v>174</v>
      </c>
      <c r="AB2441" s="113" t="s">
        <v>174</v>
      </c>
      <c r="AC2441" s="113" t="s">
        <v>174</v>
      </c>
      <c r="AD2441" s="113" t="s">
        <v>174</v>
      </c>
      <c r="AE2441" s="113" t="s">
        <v>174</v>
      </c>
      <c r="AF2441" s="113" t="s">
        <v>174</v>
      </c>
      <c r="AG2441" s="113" t="s">
        <v>174</v>
      </c>
      <c r="AH2441" s="113" t="s">
        <v>174</v>
      </c>
      <c r="AI2441" s="113" t="s">
        <v>174</v>
      </c>
      <c r="AJ2441" s="113" t="s">
        <v>174</v>
      </c>
      <c r="AK2441" s="113" t="s">
        <v>174</v>
      </c>
      <c r="AL2441" s="113" t="s">
        <v>174</v>
      </c>
      <c r="AM2441" s="113" t="s">
        <v>174</v>
      </c>
      <c r="AN2441" s="113" t="s">
        <v>174</v>
      </c>
      <c r="AO2441" s="113" t="s">
        <v>174</v>
      </c>
      <c r="AP2441" s="113" t="s">
        <v>174</v>
      </c>
      <c r="AQ2441" s="113" t="s">
        <v>174</v>
      </c>
      <c r="AR2441" s="113" t="s">
        <v>174</v>
      </c>
      <c r="AS2441" s="113" t="s">
        <v>174</v>
      </c>
      <c r="AT2441" s="121" t="s">
        <v>174</v>
      </c>
      <c r="AU2441" s="113" t="s">
        <v>174</v>
      </c>
      <c r="AV2441" s="113" t="s">
        <v>174</v>
      </c>
      <c r="AW2441" s="113" t="s">
        <v>174</v>
      </c>
      <c r="AX2441" s="113"/>
      <c r="AY2441" s="113"/>
      <c r="AZ2441" s="113"/>
      <c r="BA2441" s="113"/>
      <c r="BB2441" s="107">
        <v>45884</v>
      </c>
    </row>
    <row r="2442" spans="1:54" s="207" customFormat="1" ht="13.95" customHeight="1" x14ac:dyDescent="0.25">
      <c r="A2442" s="208" t="s">
        <v>5837</v>
      </c>
      <c r="B2442" s="209" t="s">
        <v>20420</v>
      </c>
      <c r="C2442" s="113" t="s">
        <v>5838</v>
      </c>
      <c r="D2442" s="113" t="s">
        <v>23912</v>
      </c>
      <c r="E2442" s="210">
        <v>1994</v>
      </c>
      <c r="F2442" s="210">
        <v>11717</v>
      </c>
      <c r="G2442" s="113" t="s">
        <v>3</v>
      </c>
      <c r="H2442" s="113">
        <v>1</v>
      </c>
      <c r="I2442" s="113">
        <v>0</v>
      </c>
      <c r="J2442" s="115">
        <v>1</v>
      </c>
      <c r="K2442" s="116" t="s">
        <v>174</v>
      </c>
      <c r="L2442" s="115">
        <v>0</v>
      </c>
      <c r="M2442" s="115">
        <v>0</v>
      </c>
      <c r="N2442" s="115">
        <v>0</v>
      </c>
      <c r="O2442" s="115">
        <v>0</v>
      </c>
      <c r="P2442" s="115" t="s">
        <v>400</v>
      </c>
      <c r="Q2442" s="115" t="s">
        <v>400</v>
      </c>
      <c r="R2442" s="115">
        <v>0</v>
      </c>
      <c r="S2442" s="115">
        <v>0</v>
      </c>
      <c r="T2442" s="115">
        <v>0</v>
      </c>
      <c r="U2442" s="113" t="s">
        <v>174</v>
      </c>
      <c r="V2442" s="113" t="s">
        <v>174</v>
      </c>
      <c r="W2442" s="113" t="s">
        <v>174</v>
      </c>
      <c r="X2442" s="113" t="s">
        <v>174</v>
      </c>
      <c r="Y2442" s="113" t="s">
        <v>174</v>
      </c>
      <c r="Z2442" s="113" t="s">
        <v>174</v>
      </c>
      <c r="AA2442" s="113" t="s">
        <v>174</v>
      </c>
      <c r="AB2442" s="113" t="s">
        <v>174</v>
      </c>
      <c r="AC2442" s="113" t="s">
        <v>174</v>
      </c>
      <c r="AD2442" s="113" t="s">
        <v>174</v>
      </c>
      <c r="AE2442" s="113" t="s">
        <v>174</v>
      </c>
      <c r="AF2442" s="113" t="s">
        <v>174</v>
      </c>
      <c r="AG2442" s="113" t="s">
        <v>174</v>
      </c>
      <c r="AH2442" s="113" t="s">
        <v>174</v>
      </c>
      <c r="AI2442" s="113" t="s">
        <v>174</v>
      </c>
      <c r="AJ2442" s="113" t="s">
        <v>174</v>
      </c>
      <c r="AK2442" s="113" t="s">
        <v>174</v>
      </c>
      <c r="AL2442" s="113" t="s">
        <v>174</v>
      </c>
      <c r="AM2442" s="113" t="s">
        <v>174</v>
      </c>
      <c r="AN2442" s="113" t="s">
        <v>174</v>
      </c>
      <c r="AO2442" s="113" t="s">
        <v>174</v>
      </c>
      <c r="AP2442" s="113" t="s">
        <v>174</v>
      </c>
      <c r="AQ2442" s="113" t="s">
        <v>174</v>
      </c>
      <c r="AR2442" s="113" t="s">
        <v>174</v>
      </c>
      <c r="AS2442" s="113" t="s">
        <v>174</v>
      </c>
      <c r="AT2442" s="121" t="s">
        <v>174</v>
      </c>
      <c r="AU2442" s="113" t="s">
        <v>174</v>
      </c>
      <c r="AV2442" s="113" t="s">
        <v>174</v>
      </c>
      <c r="AW2442" s="113" t="s">
        <v>174</v>
      </c>
      <c r="AX2442" s="113"/>
      <c r="AY2442" s="113"/>
      <c r="AZ2442" s="113"/>
      <c r="BA2442" s="113"/>
      <c r="BB2442" s="107">
        <v>45884</v>
      </c>
    </row>
    <row r="2443" spans="1:54" s="207" customFormat="1" ht="13.95" customHeight="1" x14ac:dyDescent="0.25">
      <c r="A2443" s="208" t="s">
        <v>5839</v>
      </c>
      <c r="B2443" s="209" t="s">
        <v>20420</v>
      </c>
      <c r="C2443" s="113" t="s">
        <v>5840</v>
      </c>
      <c r="D2443" s="113" t="s">
        <v>5841</v>
      </c>
      <c r="E2443" s="210">
        <v>2009</v>
      </c>
      <c r="F2443" s="210">
        <v>11997</v>
      </c>
      <c r="G2443" s="113" t="s">
        <v>3</v>
      </c>
      <c r="H2443" s="113">
        <v>1</v>
      </c>
      <c r="I2443" s="113">
        <v>1</v>
      </c>
      <c r="J2443" s="115">
        <v>1</v>
      </c>
      <c r="K2443" s="116" t="s">
        <v>174</v>
      </c>
      <c r="L2443" s="115">
        <v>1</v>
      </c>
      <c r="M2443" s="115">
        <v>1</v>
      </c>
      <c r="N2443" s="115">
        <v>1</v>
      </c>
      <c r="O2443" s="115">
        <v>0</v>
      </c>
      <c r="P2443" s="115" t="s">
        <v>400</v>
      </c>
      <c r="Q2443" s="115" t="s">
        <v>400</v>
      </c>
      <c r="R2443" s="115">
        <v>0</v>
      </c>
      <c r="S2443" s="115">
        <v>0</v>
      </c>
      <c r="T2443" s="115">
        <v>0</v>
      </c>
      <c r="U2443" s="113" t="s">
        <v>174</v>
      </c>
      <c r="V2443" s="113" t="s">
        <v>174</v>
      </c>
      <c r="W2443" s="113" t="s">
        <v>174</v>
      </c>
      <c r="X2443" s="113" t="s">
        <v>174</v>
      </c>
      <c r="Y2443" s="113" t="s">
        <v>174</v>
      </c>
      <c r="Z2443" s="113" t="s">
        <v>174</v>
      </c>
      <c r="AA2443" s="113" t="s">
        <v>174</v>
      </c>
      <c r="AB2443" s="113" t="s">
        <v>174</v>
      </c>
      <c r="AC2443" s="113" t="s">
        <v>174</v>
      </c>
      <c r="AD2443" s="113" t="s">
        <v>174</v>
      </c>
      <c r="AE2443" s="113" t="s">
        <v>174</v>
      </c>
      <c r="AF2443" s="113" t="s">
        <v>174</v>
      </c>
      <c r="AG2443" s="113" t="s">
        <v>174</v>
      </c>
      <c r="AH2443" s="113" t="s">
        <v>174</v>
      </c>
      <c r="AI2443" s="113" t="s">
        <v>174</v>
      </c>
      <c r="AJ2443" s="113" t="s">
        <v>174</v>
      </c>
      <c r="AK2443" s="113" t="s">
        <v>174</v>
      </c>
      <c r="AL2443" s="113" t="s">
        <v>174</v>
      </c>
      <c r="AM2443" s="113" t="s">
        <v>174</v>
      </c>
      <c r="AN2443" s="113" t="s">
        <v>174</v>
      </c>
      <c r="AO2443" s="113" t="s">
        <v>174</v>
      </c>
      <c r="AP2443" s="113" t="s">
        <v>174</v>
      </c>
      <c r="AQ2443" s="113" t="s">
        <v>174</v>
      </c>
      <c r="AR2443" s="113" t="s">
        <v>174</v>
      </c>
      <c r="AS2443" s="113" t="s">
        <v>174</v>
      </c>
      <c r="AT2443" s="121" t="s">
        <v>174</v>
      </c>
      <c r="AU2443" s="113" t="s">
        <v>174</v>
      </c>
      <c r="AV2443" s="113" t="s">
        <v>174</v>
      </c>
      <c r="AW2443" s="113" t="s">
        <v>174</v>
      </c>
      <c r="AX2443" s="113"/>
      <c r="AY2443" s="113"/>
      <c r="AZ2443" s="113"/>
      <c r="BA2443" s="113"/>
      <c r="BB2443" s="107">
        <v>45884</v>
      </c>
    </row>
    <row r="2444" spans="1:54" s="207" customFormat="1" ht="13.95" customHeight="1" x14ac:dyDescent="0.25">
      <c r="A2444" s="208" t="s">
        <v>5842</v>
      </c>
      <c r="B2444" s="209" t="s">
        <v>20420</v>
      </c>
      <c r="C2444" s="113" t="s">
        <v>5843</v>
      </c>
      <c r="D2444" s="113" t="s">
        <v>23913</v>
      </c>
      <c r="E2444" s="210">
        <v>1982</v>
      </c>
      <c r="F2444" s="210">
        <v>12010</v>
      </c>
      <c r="G2444" s="113" t="s">
        <v>3</v>
      </c>
      <c r="H2444" s="113">
        <v>0</v>
      </c>
      <c r="I2444" s="113">
        <v>0</v>
      </c>
      <c r="J2444" s="115">
        <v>1</v>
      </c>
      <c r="K2444" s="211">
        <v>1</v>
      </c>
      <c r="L2444" s="115">
        <v>1</v>
      </c>
      <c r="M2444" s="115">
        <v>1</v>
      </c>
      <c r="N2444" s="115">
        <v>1</v>
      </c>
      <c r="O2444" s="115">
        <v>0</v>
      </c>
      <c r="P2444" s="115" t="s">
        <v>400</v>
      </c>
      <c r="Q2444" s="115" t="s">
        <v>400</v>
      </c>
      <c r="R2444" s="115">
        <v>0</v>
      </c>
      <c r="S2444" s="115">
        <v>0</v>
      </c>
      <c r="T2444" s="115">
        <v>0</v>
      </c>
      <c r="U2444" s="113" t="s">
        <v>174</v>
      </c>
      <c r="V2444" s="113" t="s">
        <v>174</v>
      </c>
      <c r="W2444" s="113" t="s">
        <v>174</v>
      </c>
      <c r="X2444" s="113" t="s">
        <v>174</v>
      </c>
      <c r="Y2444" s="113" t="s">
        <v>174</v>
      </c>
      <c r="Z2444" s="113" t="s">
        <v>174</v>
      </c>
      <c r="AA2444" s="113" t="s">
        <v>174</v>
      </c>
      <c r="AB2444" s="113" t="s">
        <v>174</v>
      </c>
      <c r="AC2444" s="113" t="s">
        <v>174</v>
      </c>
      <c r="AD2444" s="113" t="s">
        <v>174</v>
      </c>
      <c r="AE2444" s="113" t="s">
        <v>174</v>
      </c>
      <c r="AF2444" s="113" t="s">
        <v>174</v>
      </c>
      <c r="AG2444" s="113" t="s">
        <v>174</v>
      </c>
      <c r="AH2444" s="113" t="s">
        <v>174</v>
      </c>
      <c r="AI2444" s="113" t="s">
        <v>174</v>
      </c>
      <c r="AJ2444" s="113" t="s">
        <v>174</v>
      </c>
      <c r="AK2444" s="113" t="s">
        <v>174</v>
      </c>
      <c r="AL2444" s="113" t="s">
        <v>174</v>
      </c>
      <c r="AM2444" s="113" t="s">
        <v>174</v>
      </c>
      <c r="AN2444" s="113" t="s">
        <v>174</v>
      </c>
      <c r="AO2444" s="113" t="s">
        <v>174</v>
      </c>
      <c r="AP2444" s="113" t="s">
        <v>174</v>
      </c>
      <c r="AQ2444" s="113" t="s">
        <v>174</v>
      </c>
      <c r="AR2444" s="113" t="s">
        <v>174</v>
      </c>
      <c r="AS2444" s="113" t="s">
        <v>174</v>
      </c>
      <c r="AT2444" s="121" t="s">
        <v>174</v>
      </c>
      <c r="AU2444" s="113" t="s">
        <v>174</v>
      </c>
      <c r="AV2444" s="113" t="s">
        <v>174</v>
      </c>
      <c r="AW2444" s="113" t="s">
        <v>174</v>
      </c>
      <c r="AX2444" s="113"/>
      <c r="AY2444" s="113"/>
      <c r="AZ2444" s="113"/>
      <c r="BA2444" s="113"/>
      <c r="BB2444" s="107">
        <v>45884</v>
      </c>
    </row>
    <row r="2445" spans="1:54" s="207" customFormat="1" ht="13.95" customHeight="1" x14ac:dyDescent="0.25">
      <c r="A2445" s="208" t="s">
        <v>5844</v>
      </c>
      <c r="B2445" s="209" t="s">
        <v>20420</v>
      </c>
      <c r="C2445" s="113" t="s">
        <v>5845</v>
      </c>
      <c r="D2445" s="113" t="s">
        <v>5846</v>
      </c>
      <c r="E2445" s="210">
        <v>1982</v>
      </c>
      <c r="F2445" s="210">
        <v>12023</v>
      </c>
      <c r="G2445" s="113" t="s">
        <v>3</v>
      </c>
      <c r="H2445" s="113">
        <v>1</v>
      </c>
      <c r="I2445" s="113">
        <v>1</v>
      </c>
      <c r="J2445" s="115">
        <v>1</v>
      </c>
      <c r="K2445" s="211">
        <v>1</v>
      </c>
      <c r="L2445" s="115">
        <v>1</v>
      </c>
      <c r="M2445" s="115">
        <v>1</v>
      </c>
      <c r="N2445" s="115">
        <v>1</v>
      </c>
      <c r="O2445" s="115">
        <v>1</v>
      </c>
      <c r="P2445" s="115" t="s">
        <v>400</v>
      </c>
      <c r="Q2445" s="115" t="s">
        <v>400</v>
      </c>
      <c r="R2445" s="115">
        <v>1</v>
      </c>
      <c r="S2445" s="115">
        <v>0</v>
      </c>
      <c r="T2445" s="115">
        <v>0</v>
      </c>
      <c r="U2445" s="113" t="s">
        <v>174</v>
      </c>
      <c r="V2445" s="113" t="s">
        <v>174</v>
      </c>
      <c r="W2445" s="113" t="s">
        <v>174</v>
      </c>
      <c r="X2445" s="113" t="s">
        <v>174</v>
      </c>
      <c r="Y2445" s="113" t="s">
        <v>174</v>
      </c>
      <c r="Z2445" s="113" t="s">
        <v>174</v>
      </c>
      <c r="AA2445" s="113" t="s">
        <v>174</v>
      </c>
      <c r="AB2445" s="113" t="s">
        <v>174</v>
      </c>
      <c r="AC2445" s="113" t="s">
        <v>174</v>
      </c>
      <c r="AD2445" s="113" t="s">
        <v>174</v>
      </c>
      <c r="AE2445" s="113" t="s">
        <v>174</v>
      </c>
      <c r="AF2445" s="113" t="s">
        <v>174</v>
      </c>
      <c r="AG2445" s="113" t="s">
        <v>174</v>
      </c>
      <c r="AH2445" s="113" t="s">
        <v>174</v>
      </c>
      <c r="AI2445" s="113" t="s">
        <v>174</v>
      </c>
      <c r="AJ2445" s="113" t="s">
        <v>174</v>
      </c>
      <c r="AK2445" s="113" t="s">
        <v>174</v>
      </c>
      <c r="AL2445" s="113" t="s">
        <v>174</v>
      </c>
      <c r="AM2445" s="113" t="s">
        <v>174</v>
      </c>
      <c r="AN2445" s="113" t="s">
        <v>174</v>
      </c>
      <c r="AO2445" s="113" t="s">
        <v>174</v>
      </c>
      <c r="AP2445" s="113" t="s">
        <v>174</v>
      </c>
      <c r="AQ2445" s="113" t="s">
        <v>174</v>
      </c>
      <c r="AR2445" s="113" t="s">
        <v>174</v>
      </c>
      <c r="AS2445" s="113" t="s">
        <v>174</v>
      </c>
      <c r="AT2445" s="121" t="s">
        <v>174</v>
      </c>
      <c r="AU2445" s="113" t="s">
        <v>174</v>
      </c>
      <c r="AV2445" s="113" t="s">
        <v>174</v>
      </c>
      <c r="AW2445" s="113" t="s">
        <v>174</v>
      </c>
      <c r="AX2445" s="113"/>
      <c r="AY2445" s="113"/>
      <c r="AZ2445" s="113"/>
      <c r="BA2445" s="113"/>
      <c r="BB2445" s="107">
        <v>45884</v>
      </c>
    </row>
    <row r="2446" spans="1:54" s="207" customFormat="1" ht="13.95" customHeight="1" x14ac:dyDescent="0.25">
      <c r="A2446" s="208" t="s">
        <v>5847</v>
      </c>
      <c r="B2446" s="209" t="s">
        <v>20420</v>
      </c>
      <c r="C2446" s="113" t="s">
        <v>5848</v>
      </c>
      <c r="D2446" s="113" t="s">
        <v>23914</v>
      </c>
      <c r="E2446" s="210">
        <v>1986</v>
      </c>
      <c r="F2446" s="210">
        <v>12103</v>
      </c>
      <c r="G2446" s="113" t="s">
        <v>3</v>
      </c>
      <c r="H2446" s="113">
        <v>1</v>
      </c>
      <c r="I2446" s="113">
        <v>1</v>
      </c>
      <c r="J2446" s="115">
        <v>1</v>
      </c>
      <c r="K2446" s="116" t="s">
        <v>174</v>
      </c>
      <c r="L2446" s="115">
        <v>1</v>
      </c>
      <c r="M2446" s="212">
        <v>1</v>
      </c>
      <c r="N2446" s="115">
        <v>1</v>
      </c>
      <c r="O2446" s="115">
        <v>1</v>
      </c>
      <c r="P2446" s="115">
        <v>1</v>
      </c>
      <c r="Q2446" s="115" t="s">
        <v>400</v>
      </c>
      <c r="R2446" s="115">
        <v>0</v>
      </c>
      <c r="S2446" s="115">
        <v>0</v>
      </c>
      <c r="T2446" s="115">
        <v>0</v>
      </c>
      <c r="U2446" s="113" t="s">
        <v>174</v>
      </c>
      <c r="V2446" s="113" t="s">
        <v>174</v>
      </c>
      <c r="W2446" s="113" t="s">
        <v>174</v>
      </c>
      <c r="X2446" s="113" t="s">
        <v>174</v>
      </c>
      <c r="Y2446" s="113" t="s">
        <v>174</v>
      </c>
      <c r="Z2446" s="113" t="s">
        <v>174</v>
      </c>
      <c r="AA2446" s="113" t="s">
        <v>174</v>
      </c>
      <c r="AB2446" s="113" t="s">
        <v>174</v>
      </c>
      <c r="AC2446" s="113" t="s">
        <v>174</v>
      </c>
      <c r="AD2446" s="113" t="s">
        <v>174</v>
      </c>
      <c r="AE2446" s="113" t="s">
        <v>174</v>
      </c>
      <c r="AF2446" s="113" t="s">
        <v>174</v>
      </c>
      <c r="AG2446" s="113" t="s">
        <v>174</v>
      </c>
      <c r="AH2446" s="113" t="s">
        <v>174</v>
      </c>
      <c r="AI2446" s="113" t="s">
        <v>174</v>
      </c>
      <c r="AJ2446" s="113" t="s">
        <v>174</v>
      </c>
      <c r="AK2446" s="113" t="s">
        <v>174</v>
      </c>
      <c r="AL2446" s="113" t="s">
        <v>174</v>
      </c>
      <c r="AM2446" s="113" t="s">
        <v>174</v>
      </c>
      <c r="AN2446" s="113" t="s">
        <v>174</v>
      </c>
      <c r="AO2446" s="113" t="s">
        <v>174</v>
      </c>
      <c r="AP2446" s="113" t="s">
        <v>174</v>
      </c>
      <c r="AQ2446" s="113" t="s">
        <v>174</v>
      </c>
      <c r="AR2446" s="113" t="s">
        <v>174</v>
      </c>
      <c r="AS2446" s="113" t="s">
        <v>174</v>
      </c>
      <c r="AT2446" s="121" t="s">
        <v>174</v>
      </c>
      <c r="AU2446" s="113" t="s">
        <v>174</v>
      </c>
      <c r="AV2446" s="113" t="s">
        <v>174</v>
      </c>
      <c r="AW2446" s="113" t="s">
        <v>174</v>
      </c>
      <c r="AX2446" s="113"/>
      <c r="AY2446" s="113"/>
      <c r="AZ2446" s="113"/>
      <c r="BA2446" s="113"/>
      <c r="BB2446" s="107">
        <v>45884</v>
      </c>
    </row>
    <row r="2447" spans="1:54" s="207" customFormat="1" ht="13.95" customHeight="1" x14ac:dyDescent="0.25">
      <c r="A2447" s="208" t="s">
        <v>5849</v>
      </c>
      <c r="B2447" s="209" t="s">
        <v>20420</v>
      </c>
      <c r="C2447" s="113" t="s">
        <v>5850</v>
      </c>
      <c r="D2447" s="113" t="s">
        <v>23915</v>
      </c>
      <c r="E2447" s="210">
        <v>1994</v>
      </c>
      <c r="F2447" s="210">
        <v>12130</v>
      </c>
      <c r="G2447" s="113" t="s">
        <v>8</v>
      </c>
      <c r="H2447" s="113">
        <v>0</v>
      </c>
      <c r="I2447" s="113">
        <v>0</v>
      </c>
      <c r="J2447" s="115">
        <v>1</v>
      </c>
      <c r="K2447" s="116" t="s">
        <v>174</v>
      </c>
      <c r="L2447" s="115">
        <v>0</v>
      </c>
      <c r="M2447" s="115">
        <v>0</v>
      </c>
      <c r="N2447" s="115">
        <v>0</v>
      </c>
      <c r="O2447" s="115">
        <v>0</v>
      </c>
      <c r="P2447" s="115" t="s">
        <v>400</v>
      </c>
      <c r="Q2447" s="115" t="s">
        <v>400</v>
      </c>
      <c r="R2447" s="115">
        <v>0</v>
      </c>
      <c r="S2447" s="115">
        <v>0</v>
      </c>
      <c r="T2447" s="115">
        <v>0</v>
      </c>
      <c r="U2447" s="113" t="s">
        <v>174</v>
      </c>
      <c r="V2447" s="113" t="s">
        <v>174</v>
      </c>
      <c r="W2447" s="113" t="s">
        <v>174</v>
      </c>
      <c r="X2447" s="113" t="s">
        <v>174</v>
      </c>
      <c r="Y2447" s="113" t="s">
        <v>174</v>
      </c>
      <c r="Z2447" s="113" t="s">
        <v>174</v>
      </c>
      <c r="AA2447" s="113" t="s">
        <v>174</v>
      </c>
      <c r="AB2447" s="113" t="s">
        <v>174</v>
      </c>
      <c r="AC2447" s="113" t="s">
        <v>174</v>
      </c>
      <c r="AD2447" s="113" t="s">
        <v>174</v>
      </c>
      <c r="AE2447" s="113" t="s">
        <v>174</v>
      </c>
      <c r="AF2447" s="113" t="s">
        <v>174</v>
      </c>
      <c r="AG2447" s="113" t="s">
        <v>174</v>
      </c>
      <c r="AH2447" s="113" t="s">
        <v>174</v>
      </c>
      <c r="AI2447" s="113" t="s">
        <v>174</v>
      </c>
      <c r="AJ2447" s="113" t="s">
        <v>174</v>
      </c>
      <c r="AK2447" s="113" t="s">
        <v>174</v>
      </c>
      <c r="AL2447" s="113" t="s">
        <v>174</v>
      </c>
      <c r="AM2447" s="113" t="s">
        <v>174</v>
      </c>
      <c r="AN2447" s="113" t="s">
        <v>174</v>
      </c>
      <c r="AO2447" s="113" t="s">
        <v>174</v>
      </c>
      <c r="AP2447" s="113" t="s">
        <v>174</v>
      </c>
      <c r="AQ2447" s="113" t="s">
        <v>174</v>
      </c>
      <c r="AR2447" s="113" t="s">
        <v>174</v>
      </c>
      <c r="AS2447" s="113" t="s">
        <v>174</v>
      </c>
      <c r="AT2447" s="121" t="s">
        <v>174</v>
      </c>
      <c r="AU2447" s="113" t="s">
        <v>174</v>
      </c>
      <c r="AV2447" s="113" t="s">
        <v>174</v>
      </c>
      <c r="AW2447" s="113" t="s">
        <v>174</v>
      </c>
      <c r="AX2447" s="113"/>
      <c r="AY2447" s="113"/>
      <c r="AZ2447" s="113"/>
      <c r="BA2447" s="113"/>
      <c r="BB2447" s="107">
        <v>45884</v>
      </c>
    </row>
    <row r="2448" spans="1:54" s="207" customFormat="1" ht="13.95" customHeight="1" x14ac:dyDescent="0.25">
      <c r="A2448" s="208" t="s">
        <v>5851</v>
      </c>
      <c r="B2448" s="209" t="s">
        <v>20420</v>
      </c>
      <c r="C2448" s="113" t="s">
        <v>5852</v>
      </c>
      <c r="D2448" s="113" t="s">
        <v>23916</v>
      </c>
      <c r="E2448" s="210">
        <v>1998</v>
      </c>
      <c r="F2448" s="210">
        <v>12243</v>
      </c>
      <c r="G2448" s="113" t="s">
        <v>3</v>
      </c>
      <c r="H2448" s="113">
        <v>0</v>
      </c>
      <c r="I2448" s="113">
        <v>0</v>
      </c>
      <c r="J2448" s="115">
        <v>1</v>
      </c>
      <c r="K2448" s="116" t="s">
        <v>174</v>
      </c>
      <c r="L2448" s="115">
        <v>1</v>
      </c>
      <c r="M2448" s="115">
        <v>0</v>
      </c>
      <c r="N2448" s="115">
        <v>0</v>
      </c>
      <c r="O2448" s="115">
        <v>1</v>
      </c>
      <c r="P2448" s="115">
        <v>1</v>
      </c>
      <c r="Q2448" s="115" t="s">
        <v>400</v>
      </c>
      <c r="R2448" s="115">
        <v>0</v>
      </c>
      <c r="S2448" s="115">
        <v>0</v>
      </c>
      <c r="T2448" s="115">
        <v>0</v>
      </c>
      <c r="U2448" s="113" t="s">
        <v>174</v>
      </c>
      <c r="V2448" s="113" t="s">
        <v>174</v>
      </c>
      <c r="W2448" s="113" t="s">
        <v>174</v>
      </c>
      <c r="X2448" s="113" t="s">
        <v>174</v>
      </c>
      <c r="Y2448" s="113" t="s">
        <v>174</v>
      </c>
      <c r="Z2448" s="113" t="s">
        <v>174</v>
      </c>
      <c r="AA2448" s="113" t="s">
        <v>174</v>
      </c>
      <c r="AB2448" s="113" t="s">
        <v>174</v>
      </c>
      <c r="AC2448" s="113" t="s">
        <v>174</v>
      </c>
      <c r="AD2448" s="113" t="s">
        <v>174</v>
      </c>
      <c r="AE2448" s="113" t="s">
        <v>174</v>
      </c>
      <c r="AF2448" s="113" t="s">
        <v>174</v>
      </c>
      <c r="AG2448" s="113" t="s">
        <v>174</v>
      </c>
      <c r="AH2448" s="113" t="s">
        <v>174</v>
      </c>
      <c r="AI2448" s="113" t="s">
        <v>174</v>
      </c>
      <c r="AJ2448" s="113" t="s">
        <v>174</v>
      </c>
      <c r="AK2448" s="113" t="s">
        <v>174</v>
      </c>
      <c r="AL2448" s="113" t="s">
        <v>174</v>
      </c>
      <c r="AM2448" s="113" t="s">
        <v>174</v>
      </c>
      <c r="AN2448" s="113" t="s">
        <v>174</v>
      </c>
      <c r="AO2448" s="113" t="s">
        <v>174</v>
      </c>
      <c r="AP2448" s="113" t="s">
        <v>174</v>
      </c>
      <c r="AQ2448" s="113" t="s">
        <v>174</v>
      </c>
      <c r="AR2448" s="113" t="s">
        <v>174</v>
      </c>
      <c r="AS2448" s="113" t="s">
        <v>174</v>
      </c>
      <c r="AT2448" s="121" t="s">
        <v>174</v>
      </c>
      <c r="AU2448" s="113" t="s">
        <v>174</v>
      </c>
      <c r="AV2448" s="113" t="s">
        <v>174</v>
      </c>
      <c r="AW2448" s="113" t="s">
        <v>174</v>
      </c>
      <c r="AX2448" s="113"/>
      <c r="AY2448" s="113"/>
      <c r="AZ2448" s="113"/>
      <c r="BA2448" s="113"/>
      <c r="BB2448" s="107">
        <v>45884</v>
      </c>
    </row>
    <row r="2449" spans="1:54" s="207" customFormat="1" ht="13.95" customHeight="1" x14ac:dyDescent="0.25">
      <c r="A2449" s="208" t="s">
        <v>5853</v>
      </c>
      <c r="B2449" s="209" t="s">
        <v>20420</v>
      </c>
      <c r="C2449" s="113" t="s">
        <v>5854</v>
      </c>
      <c r="D2449" s="113" t="s">
        <v>5855</v>
      </c>
      <c r="E2449" s="210">
        <v>1987</v>
      </c>
      <c r="F2449" s="210">
        <v>12328</v>
      </c>
      <c r="G2449" s="113" t="s">
        <v>11</v>
      </c>
      <c r="H2449" s="113">
        <v>0</v>
      </c>
      <c r="I2449" s="113">
        <v>0</v>
      </c>
      <c r="J2449" s="115" t="s">
        <v>400</v>
      </c>
      <c r="K2449" s="116" t="s">
        <v>174</v>
      </c>
      <c r="L2449" s="115">
        <v>0</v>
      </c>
      <c r="M2449" s="115">
        <v>0</v>
      </c>
      <c r="N2449" s="115">
        <v>0</v>
      </c>
      <c r="O2449" s="115">
        <v>0</v>
      </c>
      <c r="P2449" s="115" t="s">
        <v>400</v>
      </c>
      <c r="Q2449" s="115" t="s">
        <v>400</v>
      </c>
      <c r="R2449" s="115">
        <v>0</v>
      </c>
      <c r="S2449" s="115">
        <v>0</v>
      </c>
      <c r="T2449" s="115">
        <v>0</v>
      </c>
      <c r="U2449" s="113" t="s">
        <v>174</v>
      </c>
      <c r="V2449" s="113" t="s">
        <v>174</v>
      </c>
      <c r="W2449" s="113" t="s">
        <v>174</v>
      </c>
      <c r="X2449" s="113" t="s">
        <v>174</v>
      </c>
      <c r="Y2449" s="113" t="s">
        <v>174</v>
      </c>
      <c r="Z2449" s="113" t="s">
        <v>174</v>
      </c>
      <c r="AA2449" s="113" t="s">
        <v>174</v>
      </c>
      <c r="AB2449" s="113" t="s">
        <v>174</v>
      </c>
      <c r="AC2449" s="113" t="s">
        <v>174</v>
      </c>
      <c r="AD2449" s="113" t="s">
        <v>174</v>
      </c>
      <c r="AE2449" s="113" t="s">
        <v>174</v>
      </c>
      <c r="AF2449" s="113" t="s">
        <v>174</v>
      </c>
      <c r="AG2449" s="113" t="s">
        <v>174</v>
      </c>
      <c r="AH2449" s="113" t="s">
        <v>174</v>
      </c>
      <c r="AI2449" s="113" t="s">
        <v>174</v>
      </c>
      <c r="AJ2449" s="113" t="s">
        <v>174</v>
      </c>
      <c r="AK2449" s="113" t="s">
        <v>174</v>
      </c>
      <c r="AL2449" s="113" t="s">
        <v>174</v>
      </c>
      <c r="AM2449" s="113" t="s">
        <v>174</v>
      </c>
      <c r="AN2449" s="113" t="s">
        <v>174</v>
      </c>
      <c r="AO2449" s="113" t="s">
        <v>174</v>
      </c>
      <c r="AP2449" s="113" t="s">
        <v>174</v>
      </c>
      <c r="AQ2449" s="113" t="s">
        <v>174</v>
      </c>
      <c r="AR2449" s="113" t="s">
        <v>174</v>
      </c>
      <c r="AS2449" s="113" t="s">
        <v>174</v>
      </c>
      <c r="AT2449" s="121" t="s">
        <v>174</v>
      </c>
      <c r="AU2449" s="113" t="s">
        <v>174</v>
      </c>
      <c r="AV2449" s="113" t="s">
        <v>174</v>
      </c>
      <c r="AW2449" s="113" t="s">
        <v>174</v>
      </c>
      <c r="AX2449" s="113"/>
      <c r="AY2449" s="113"/>
      <c r="AZ2449" s="113"/>
      <c r="BA2449" s="113"/>
      <c r="BB2449" s="107">
        <v>45884</v>
      </c>
    </row>
    <row r="2450" spans="1:54" s="207" customFormat="1" ht="13.95" customHeight="1" x14ac:dyDescent="0.25">
      <c r="A2450" s="208" t="s">
        <v>5856</v>
      </c>
      <c r="B2450" s="209" t="s">
        <v>20420</v>
      </c>
      <c r="C2450" s="113" t="s">
        <v>5857</v>
      </c>
      <c r="D2450" s="113" t="s">
        <v>23917</v>
      </c>
      <c r="E2450" s="210">
        <v>1973</v>
      </c>
      <c r="F2450" s="210">
        <v>12333</v>
      </c>
      <c r="G2450" s="113" t="s">
        <v>3</v>
      </c>
      <c r="H2450" s="113">
        <v>0</v>
      </c>
      <c r="I2450" s="113">
        <v>0</v>
      </c>
      <c r="J2450" s="115">
        <v>1</v>
      </c>
      <c r="K2450" s="116" t="s">
        <v>174</v>
      </c>
      <c r="L2450" s="115">
        <v>1</v>
      </c>
      <c r="M2450" s="115">
        <v>1</v>
      </c>
      <c r="N2450" s="115">
        <v>0</v>
      </c>
      <c r="O2450" s="115">
        <v>0</v>
      </c>
      <c r="P2450" s="115">
        <v>1</v>
      </c>
      <c r="Q2450" s="115" t="s">
        <v>400</v>
      </c>
      <c r="R2450" s="115">
        <v>0</v>
      </c>
      <c r="S2450" s="115">
        <v>0</v>
      </c>
      <c r="T2450" s="115">
        <v>0</v>
      </c>
      <c r="U2450" s="113" t="s">
        <v>174</v>
      </c>
      <c r="V2450" s="113" t="s">
        <v>174</v>
      </c>
      <c r="W2450" s="113" t="s">
        <v>174</v>
      </c>
      <c r="X2450" s="113" t="s">
        <v>174</v>
      </c>
      <c r="Y2450" s="113" t="s">
        <v>174</v>
      </c>
      <c r="Z2450" s="113" t="s">
        <v>174</v>
      </c>
      <c r="AA2450" s="113" t="s">
        <v>174</v>
      </c>
      <c r="AB2450" s="113" t="s">
        <v>174</v>
      </c>
      <c r="AC2450" s="113" t="s">
        <v>174</v>
      </c>
      <c r="AD2450" s="113" t="s">
        <v>174</v>
      </c>
      <c r="AE2450" s="113" t="s">
        <v>174</v>
      </c>
      <c r="AF2450" s="113" t="s">
        <v>174</v>
      </c>
      <c r="AG2450" s="113" t="s">
        <v>174</v>
      </c>
      <c r="AH2450" s="113" t="s">
        <v>174</v>
      </c>
      <c r="AI2450" s="113" t="s">
        <v>174</v>
      </c>
      <c r="AJ2450" s="113" t="s">
        <v>174</v>
      </c>
      <c r="AK2450" s="113" t="s">
        <v>174</v>
      </c>
      <c r="AL2450" s="113" t="s">
        <v>174</v>
      </c>
      <c r="AM2450" s="113" t="s">
        <v>174</v>
      </c>
      <c r="AN2450" s="113" t="s">
        <v>174</v>
      </c>
      <c r="AO2450" s="113" t="s">
        <v>174</v>
      </c>
      <c r="AP2450" s="113" t="s">
        <v>174</v>
      </c>
      <c r="AQ2450" s="113" t="s">
        <v>174</v>
      </c>
      <c r="AR2450" s="113" t="s">
        <v>174</v>
      </c>
      <c r="AS2450" s="113" t="s">
        <v>174</v>
      </c>
      <c r="AT2450" s="121" t="s">
        <v>174</v>
      </c>
      <c r="AU2450" s="113" t="s">
        <v>174</v>
      </c>
      <c r="AV2450" s="113" t="s">
        <v>174</v>
      </c>
      <c r="AW2450" s="113" t="s">
        <v>174</v>
      </c>
      <c r="AX2450" s="113"/>
      <c r="AY2450" s="113"/>
      <c r="AZ2450" s="113"/>
      <c r="BA2450" s="113"/>
      <c r="BB2450" s="107">
        <v>45884</v>
      </c>
    </row>
    <row r="2451" spans="1:54" s="207" customFormat="1" ht="13.95" customHeight="1" x14ac:dyDescent="0.25">
      <c r="A2451" s="208" t="s">
        <v>5858</v>
      </c>
      <c r="B2451" s="209" t="s">
        <v>20420</v>
      </c>
      <c r="C2451" s="113" t="s">
        <v>5859</v>
      </c>
      <c r="D2451" s="113" t="s">
        <v>23918</v>
      </c>
      <c r="E2451" s="210">
        <v>1989</v>
      </c>
      <c r="F2451" s="210">
        <v>12348</v>
      </c>
      <c r="G2451" s="113" t="s">
        <v>3</v>
      </c>
      <c r="H2451" s="113">
        <v>0</v>
      </c>
      <c r="I2451" s="113">
        <v>0</v>
      </c>
      <c r="J2451" s="115">
        <v>1</v>
      </c>
      <c r="K2451" s="116" t="s">
        <v>174</v>
      </c>
      <c r="L2451" s="115">
        <v>0</v>
      </c>
      <c r="M2451" s="115">
        <v>0</v>
      </c>
      <c r="N2451" s="115">
        <v>0</v>
      </c>
      <c r="O2451" s="115">
        <v>1</v>
      </c>
      <c r="P2451" s="115">
        <v>1</v>
      </c>
      <c r="Q2451" s="115" t="s">
        <v>400</v>
      </c>
      <c r="R2451" s="115">
        <v>0</v>
      </c>
      <c r="S2451" s="115">
        <v>0</v>
      </c>
      <c r="T2451" s="115">
        <v>0</v>
      </c>
      <c r="U2451" s="113" t="s">
        <v>174</v>
      </c>
      <c r="V2451" s="113" t="s">
        <v>174</v>
      </c>
      <c r="W2451" s="113" t="s">
        <v>174</v>
      </c>
      <c r="X2451" s="113" t="s">
        <v>174</v>
      </c>
      <c r="Y2451" s="113" t="s">
        <v>174</v>
      </c>
      <c r="Z2451" s="113" t="s">
        <v>174</v>
      </c>
      <c r="AA2451" s="113" t="s">
        <v>174</v>
      </c>
      <c r="AB2451" s="113" t="s">
        <v>174</v>
      </c>
      <c r="AC2451" s="113" t="s">
        <v>174</v>
      </c>
      <c r="AD2451" s="113" t="s">
        <v>174</v>
      </c>
      <c r="AE2451" s="113" t="s">
        <v>174</v>
      </c>
      <c r="AF2451" s="113" t="s">
        <v>174</v>
      </c>
      <c r="AG2451" s="113" t="s">
        <v>174</v>
      </c>
      <c r="AH2451" s="113" t="s">
        <v>174</v>
      </c>
      <c r="AI2451" s="113" t="s">
        <v>174</v>
      </c>
      <c r="AJ2451" s="113" t="s">
        <v>174</v>
      </c>
      <c r="AK2451" s="113" t="s">
        <v>174</v>
      </c>
      <c r="AL2451" s="113" t="s">
        <v>174</v>
      </c>
      <c r="AM2451" s="113" t="s">
        <v>174</v>
      </c>
      <c r="AN2451" s="113" t="s">
        <v>174</v>
      </c>
      <c r="AO2451" s="113" t="s">
        <v>174</v>
      </c>
      <c r="AP2451" s="113" t="s">
        <v>174</v>
      </c>
      <c r="AQ2451" s="113" t="s">
        <v>174</v>
      </c>
      <c r="AR2451" s="113" t="s">
        <v>174</v>
      </c>
      <c r="AS2451" s="113" t="s">
        <v>174</v>
      </c>
      <c r="AT2451" s="121" t="s">
        <v>174</v>
      </c>
      <c r="AU2451" s="113" t="s">
        <v>174</v>
      </c>
      <c r="AV2451" s="113" t="s">
        <v>174</v>
      </c>
      <c r="AW2451" s="113" t="s">
        <v>174</v>
      </c>
      <c r="AX2451" s="113"/>
      <c r="AY2451" s="113"/>
      <c r="AZ2451" s="113"/>
      <c r="BA2451" s="113"/>
      <c r="BB2451" s="107">
        <v>45884</v>
      </c>
    </row>
    <row r="2452" spans="1:54" s="207" customFormat="1" ht="13.95" customHeight="1" x14ac:dyDescent="0.25">
      <c r="A2452" s="208" t="s">
        <v>5860</v>
      </c>
      <c r="B2452" s="209" t="s">
        <v>20420</v>
      </c>
      <c r="C2452" s="113" t="s">
        <v>5861</v>
      </c>
      <c r="D2452" s="113" t="s">
        <v>23919</v>
      </c>
      <c r="E2452" s="210">
        <v>1985</v>
      </c>
      <c r="F2452" s="210">
        <v>12630</v>
      </c>
      <c r="G2452" s="113" t="s">
        <v>3</v>
      </c>
      <c r="H2452" s="113">
        <v>1</v>
      </c>
      <c r="I2452" s="113">
        <v>0</v>
      </c>
      <c r="J2452" s="115">
        <v>1</v>
      </c>
      <c r="K2452" s="211">
        <v>1</v>
      </c>
      <c r="L2452" s="115">
        <v>1</v>
      </c>
      <c r="M2452" s="115">
        <v>1</v>
      </c>
      <c r="N2452" s="115">
        <v>1</v>
      </c>
      <c r="O2452" s="115">
        <v>0</v>
      </c>
      <c r="P2452" s="115" t="s">
        <v>400</v>
      </c>
      <c r="Q2452" s="115" t="s">
        <v>400</v>
      </c>
      <c r="R2452" s="115">
        <v>0</v>
      </c>
      <c r="S2452" s="115">
        <v>0</v>
      </c>
      <c r="T2452" s="115">
        <v>0</v>
      </c>
      <c r="U2452" s="113" t="s">
        <v>174</v>
      </c>
      <c r="V2452" s="113" t="s">
        <v>174</v>
      </c>
      <c r="W2452" s="113" t="s">
        <v>174</v>
      </c>
      <c r="X2452" s="113" t="s">
        <v>174</v>
      </c>
      <c r="Y2452" s="113" t="s">
        <v>174</v>
      </c>
      <c r="Z2452" s="113" t="s">
        <v>174</v>
      </c>
      <c r="AA2452" s="113" t="s">
        <v>174</v>
      </c>
      <c r="AB2452" s="113" t="s">
        <v>174</v>
      </c>
      <c r="AC2452" s="113" t="s">
        <v>174</v>
      </c>
      <c r="AD2452" s="113" t="s">
        <v>174</v>
      </c>
      <c r="AE2452" s="113" t="s">
        <v>174</v>
      </c>
      <c r="AF2452" s="113" t="s">
        <v>174</v>
      </c>
      <c r="AG2452" s="113" t="s">
        <v>174</v>
      </c>
      <c r="AH2452" s="113" t="s">
        <v>174</v>
      </c>
      <c r="AI2452" s="113" t="s">
        <v>174</v>
      </c>
      <c r="AJ2452" s="113" t="s">
        <v>174</v>
      </c>
      <c r="AK2452" s="113" t="s">
        <v>174</v>
      </c>
      <c r="AL2452" s="113" t="s">
        <v>174</v>
      </c>
      <c r="AM2452" s="113" t="s">
        <v>174</v>
      </c>
      <c r="AN2452" s="113" t="s">
        <v>174</v>
      </c>
      <c r="AO2452" s="113" t="s">
        <v>174</v>
      </c>
      <c r="AP2452" s="113" t="s">
        <v>174</v>
      </c>
      <c r="AQ2452" s="113" t="s">
        <v>174</v>
      </c>
      <c r="AR2452" s="113" t="s">
        <v>174</v>
      </c>
      <c r="AS2452" s="113" t="s">
        <v>174</v>
      </c>
      <c r="AT2452" s="121" t="s">
        <v>174</v>
      </c>
      <c r="AU2452" s="113" t="s">
        <v>174</v>
      </c>
      <c r="AV2452" s="113" t="s">
        <v>174</v>
      </c>
      <c r="AW2452" s="113" t="s">
        <v>174</v>
      </c>
      <c r="AX2452" s="113"/>
      <c r="AY2452" s="113"/>
      <c r="AZ2452" s="113"/>
      <c r="BA2452" s="113"/>
      <c r="BB2452" s="107">
        <v>45884</v>
      </c>
    </row>
    <row r="2453" spans="1:54" s="207" customFormat="1" ht="13.95" customHeight="1" x14ac:dyDescent="0.25">
      <c r="A2453" s="208" t="s">
        <v>5862</v>
      </c>
      <c r="B2453" s="209" t="s">
        <v>20420</v>
      </c>
      <c r="C2453" s="113" t="s">
        <v>5863</v>
      </c>
      <c r="D2453" s="113" t="s">
        <v>23920</v>
      </c>
      <c r="E2453" s="210">
        <v>1955</v>
      </c>
      <c r="F2453" s="210">
        <v>12362</v>
      </c>
      <c r="G2453" s="113" t="s">
        <v>1</v>
      </c>
      <c r="H2453" s="113">
        <v>1</v>
      </c>
      <c r="I2453" s="113">
        <v>1</v>
      </c>
      <c r="J2453" s="115">
        <v>1</v>
      </c>
      <c r="K2453" s="211">
        <v>1</v>
      </c>
      <c r="L2453" s="115">
        <v>1</v>
      </c>
      <c r="M2453" s="115">
        <v>1</v>
      </c>
      <c r="N2453" s="115">
        <v>1</v>
      </c>
      <c r="O2453" s="115">
        <v>1</v>
      </c>
      <c r="P2453" s="115" t="s">
        <v>400</v>
      </c>
      <c r="Q2453" s="115">
        <v>1</v>
      </c>
      <c r="R2453" s="115">
        <v>1</v>
      </c>
      <c r="S2453" s="115">
        <v>0</v>
      </c>
      <c r="T2453" s="115">
        <v>0</v>
      </c>
      <c r="U2453" s="119"/>
      <c r="V2453" s="119"/>
      <c r="W2453" s="119"/>
      <c r="X2453" s="119"/>
      <c r="Y2453" s="119"/>
      <c r="Z2453" s="119"/>
      <c r="AA2453" s="119"/>
      <c r="AB2453" s="119"/>
      <c r="AC2453" s="119"/>
      <c r="AD2453" s="119"/>
      <c r="AE2453" s="119"/>
      <c r="AF2453" s="119"/>
      <c r="AG2453" s="119"/>
      <c r="AH2453" s="119"/>
      <c r="AI2453" s="119"/>
      <c r="AJ2453" s="119"/>
      <c r="AK2453" s="119"/>
      <c r="AL2453" s="119"/>
      <c r="AM2453" s="119"/>
      <c r="AN2453" s="119"/>
      <c r="AO2453" s="119"/>
      <c r="AP2453" s="119"/>
      <c r="AQ2453" s="119"/>
      <c r="AR2453" s="119"/>
      <c r="AS2453" s="119"/>
      <c r="AT2453" s="119"/>
      <c r="AU2453" s="119"/>
      <c r="AV2453" s="119"/>
      <c r="AW2453" s="119"/>
      <c r="AX2453" s="119"/>
      <c r="AY2453" s="119"/>
      <c r="AZ2453" s="119"/>
      <c r="BA2453" s="119"/>
      <c r="BB2453" s="107">
        <v>45884</v>
      </c>
    </row>
    <row r="2454" spans="1:54" s="207" customFormat="1" ht="13.95" customHeight="1" x14ac:dyDescent="0.25">
      <c r="A2454" s="208" t="s">
        <v>5864</v>
      </c>
      <c r="B2454" s="209" t="s">
        <v>20420</v>
      </c>
      <c r="C2454" s="113" t="s">
        <v>5865</v>
      </c>
      <c r="D2454" s="113" t="s">
        <v>23921</v>
      </c>
      <c r="E2454" s="210">
        <v>1997</v>
      </c>
      <c r="F2454" s="210">
        <v>12503</v>
      </c>
      <c r="G2454" s="113" t="s">
        <v>3</v>
      </c>
      <c r="H2454" s="113">
        <v>1</v>
      </c>
      <c r="I2454" s="113">
        <v>1</v>
      </c>
      <c r="J2454" s="115">
        <v>1</v>
      </c>
      <c r="K2454" s="116" t="s">
        <v>174</v>
      </c>
      <c r="L2454" s="115">
        <v>0</v>
      </c>
      <c r="M2454" s="115">
        <v>1</v>
      </c>
      <c r="N2454" s="115">
        <v>0</v>
      </c>
      <c r="O2454" s="115">
        <v>0</v>
      </c>
      <c r="P2454" s="115" t="s">
        <v>400</v>
      </c>
      <c r="Q2454" s="115" t="s">
        <v>400</v>
      </c>
      <c r="R2454" s="115">
        <v>0</v>
      </c>
      <c r="S2454" s="115">
        <v>0</v>
      </c>
      <c r="T2454" s="115">
        <v>0</v>
      </c>
      <c r="U2454" s="113" t="s">
        <v>174</v>
      </c>
      <c r="V2454" s="113" t="s">
        <v>174</v>
      </c>
      <c r="W2454" s="113" t="s">
        <v>174</v>
      </c>
      <c r="X2454" s="113" t="s">
        <v>174</v>
      </c>
      <c r="Y2454" s="113" t="s">
        <v>174</v>
      </c>
      <c r="Z2454" s="113" t="s">
        <v>174</v>
      </c>
      <c r="AA2454" s="113" t="s">
        <v>174</v>
      </c>
      <c r="AB2454" s="113" t="s">
        <v>174</v>
      </c>
      <c r="AC2454" s="113" t="s">
        <v>174</v>
      </c>
      <c r="AD2454" s="113" t="s">
        <v>174</v>
      </c>
      <c r="AE2454" s="113" t="s">
        <v>174</v>
      </c>
      <c r="AF2454" s="113" t="s">
        <v>174</v>
      </c>
      <c r="AG2454" s="113" t="s">
        <v>174</v>
      </c>
      <c r="AH2454" s="113" t="s">
        <v>174</v>
      </c>
      <c r="AI2454" s="113" t="s">
        <v>174</v>
      </c>
      <c r="AJ2454" s="113" t="s">
        <v>174</v>
      </c>
      <c r="AK2454" s="113" t="s">
        <v>174</v>
      </c>
      <c r="AL2454" s="113" t="s">
        <v>174</v>
      </c>
      <c r="AM2454" s="113" t="s">
        <v>174</v>
      </c>
      <c r="AN2454" s="113" t="s">
        <v>174</v>
      </c>
      <c r="AO2454" s="113" t="s">
        <v>174</v>
      </c>
      <c r="AP2454" s="113" t="s">
        <v>174</v>
      </c>
      <c r="AQ2454" s="113" t="s">
        <v>174</v>
      </c>
      <c r="AR2454" s="113" t="s">
        <v>174</v>
      </c>
      <c r="AS2454" s="113" t="s">
        <v>174</v>
      </c>
      <c r="AT2454" s="121" t="s">
        <v>174</v>
      </c>
      <c r="AU2454" s="113" t="s">
        <v>174</v>
      </c>
      <c r="AV2454" s="113" t="s">
        <v>174</v>
      </c>
      <c r="AW2454" s="113" t="s">
        <v>174</v>
      </c>
      <c r="AX2454" s="113"/>
      <c r="AY2454" s="113"/>
      <c r="AZ2454" s="113"/>
      <c r="BA2454" s="113"/>
      <c r="BB2454" s="107">
        <v>45884</v>
      </c>
    </row>
    <row r="2455" spans="1:54" s="207" customFormat="1" ht="13.95" customHeight="1" x14ac:dyDescent="0.25">
      <c r="A2455" s="208" t="s">
        <v>5866</v>
      </c>
      <c r="B2455" s="209" t="s">
        <v>20420</v>
      </c>
      <c r="C2455" s="113" t="s">
        <v>5867</v>
      </c>
      <c r="D2455" s="113" t="s">
        <v>23922</v>
      </c>
      <c r="E2455" s="210">
        <v>2000</v>
      </c>
      <c r="F2455" s="210">
        <v>12616</v>
      </c>
      <c r="G2455" s="113" t="s">
        <v>8</v>
      </c>
      <c r="H2455" s="113">
        <v>1</v>
      </c>
      <c r="I2455" s="113">
        <v>1</v>
      </c>
      <c r="J2455" s="115">
        <v>1</v>
      </c>
      <c r="K2455" s="211">
        <v>1</v>
      </c>
      <c r="L2455" s="115">
        <v>1</v>
      </c>
      <c r="M2455" s="115">
        <v>1</v>
      </c>
      <c r="N2455" s="115">
        <v>1</v>
      </c>
      <c r="O2455" s="115">
        <v>1</v>
      </c>
      <c r="P2455" s="115">
        <v>1</v>
      </c>
      <c r="Q2455" s="115" t="s">
        <v>400</v>
      </c>
      <c r="R2455" s="115">
        <v>1</v>
      </c>
      <c r="S2455" s="115">
        <v>0</v>
      </c>
      <c r="T2455" s="115">
        <v>0</v>
      </c>
      <c r="U2455" s="113" t="s">
        <v>174</v>
      </c>
      <c r="V2455" s="113" t="s">
        <v>174</v>
      </c>
      <c r="W2455" s="113" t="s">
        <v>174</v>
      </c>
      <c r="X2455" s="113" t="s">
        <v>174</v>
      </c>
      <c r="Y2455" s="113" t="s">
        <v>174</v>
      </c>
      <c r="Z2455" s="113" t="s">
        <v>174</v>
      </c>
      <c r="AA2455" s="113" t="s">
        <v>174</v>
      </c>
      <c r="AB2455" s="113" t="s">
        <v>174</v>
      </c>
      <c r="AC2455" s="113" t="s">
        <v>174</v>
      </c>
      <c r="AD2455" s="113" t="s">
        <v>174</v>
      </c>
      <c r="AE2455" s="113" t="s">
        <v>174</v>
      </c>
      <c r="AF2455" s="113" t="s">
        <v>174</v>
      </c>
      <c r="AG2455" s="113" t="s">
        <v>174</v>
      </c>
      <c r="AH2455" s="113" t="s">
        <v>174</v>
      </c>
      <c r="AI2455" s="113" t="s">
        <v>174</v>
      </c>
      <c r="AJ2455" s="113" t="s">
        <v>174</v>
      </c>
      <c r="AK2455" s="113" t="s">
        <v>174</v>
      </c>
      <c r="AL2455" s="113" t="s">
        <v>174</v>
      </c>
      <c r="AM2455" s="113" t="s">
        <v>174</v>
      </c>
      <c r="AN2455" s="113" t="s">
        <v>174</v>
      </c>
      <c r="AO2455" s="113" t="s">
        <v>174</v>
      </c>
      <c r="AP2455" s="113" t="s">
        <v>174</v>
      </c>
      <c r="AQ2455" s="113" t="s">
        <v>174</v>
      </c>
      <c r="AR2455" s="113" t="s">
        <v>174</v>
      </c>
      <c r="AS2455" s="113" t="s">
        <v>174</v>
      </c>
      <c r="AT2455" s="121" t="s">
        <v>174</v>
      </c>
      <c r="AU2455" s="113" t="s">
        <v>174</v>
      </c>
      <c r="AV2455" s="113" t="s">
        <v>174</v>
      </c>
      <c r="AW2455" s="113" t="s">
        <v>174</v>
      </c>
      <c r="AX2455" s="113"/>
      <c r="AY2455" s="113"/>
      <c r="AZ2455" s="113"/>
      <c r="BA2455" s="113"/>
      <c r="BB2455" s="107">
        <v>45884</v>
      </c>
    </row>
    <row r="2456" spans="1:54" s="207" customFormat="1" ht="13.95" customHeight="1" x14ac:dyDescent="0.25">
      <c r="A2456" s="208" t="s">
        <v>5868</v>
      </c>
      <c r="B2456" s="209" t="s">
        <v>20420</v>
      </c>
      <c r="C2456" s="113" t="s">
        <v>5869</v>
      </c>
      <c r="D2456" s="113" t="s">
        <v>5870</v>
      </c>
      <c r="E2456" s="210">
        <v>2013</v>
      </c>
      <c r="F2456" s="210">
        <v>12724</v>
      </c>
      <c r="G2456" s="113" t="s">
        <v>3</v>
      </c>
      <c r="H2456" s="113">
        <v>0</v>
      </c>
      <c r="I2456" s="113">
        <v>0</v>
      </c>
      <c r="J2456" s="115">
        <v>1</v>
      </c>
      <c r="K2456" s="116" t="s">
        <v>174</v>
      </c>
      <c r="L2456" s="115">
        <v>0</v>
      </c>
      <c r="M2456" s="115">
        <v>0</v>
      </c>
      <c r="N2456" s="115">
        <v>0</v>
      </c>
      <c r="O2456" s="115">
        <v>0</v>
      </c>
      <c r="P2456" s="115" t="s">
        <v>400</v>
      </c>
      <c r="Q2456" s="115" t="s">
        <v>400</v>
      </c>
      <c r="R2456" s="115">
        <v>0</v>
      </c>
      <c r="S2456" s="115">
        <v>0</v>
      </c>
      <c r="T2456" s="115">
        <v>0</v>
      </c>
      <c r="U2456" s="113" t="s">
        <v>174</v>
      </c>
      <c r="V2456" s="113" t="s">
        <v>174</v>
      </c>
      <c r="W2456" s="113" t="s">
        <v>174</v>
      </c>
      <c r="X2456" s="113" t="s">
        <v>174</v>
      </c>
      <c r="Y2456" s="113" t="s">
        <v>174</v>
      </c>
      <c r="Z2456" s="113" t="s">
        <v>174</v>
      </c>
      <c r="AA2456" s="113" t="s">
        <v>174</v>
      </c>
      <c r="AB2456" s="113" t="s">
        <v>174</v>
      </c>
      <c r="AC2456" s="113" t="s">
        <v>174</v>
      </c>
      <c r="AD2456" s="113" t="s">
        <v>174</v>
      </c>
      <c r="AE2456" s="113" t="s">
        <v>174</v>
      </c>
      <c r="AF2456" s="113" t="s">
        <v>174</v>
      </c>
      <c r="AG2456" s="113" t="s">
        <v>174</v>
      </c>
      <c r="AH2456" s="113" t="s">
        <v>174</v>
      </c>
      <c r="AI2456" s="113" t="s">
        <v>174</v>
      </c>
      <c r="AJ2456" s="113" t="s">
        <v>174</v>
      </c>
      <c r="AK2456" s="113" t="s">
        <v>174</v>
      </c>
      <c r="AL2456" s="113" t="s">
        <v>174</v>
      </c>
      <c r="AM2456" s="113" t="s">
        <v>174</v>
      </c>
      <c r="AN2456" s="113" t="s">
        <v>174</v>
      </c>
      <c r="AO2456" s="113" t="s">
        <v>174</v>
      </c>
      <c r="AP2456" s="113" t="s">
        <v>174</v>
      </c>
      <c r="AQ2456" s="113" t="s">
        <v>174</v>
      </c>
      <c r="AR2456" s="113" t="s">
        <v>174</v>
      </c>
      <c r="AS2456" s="113" t="s">
        <v>174</v>
      </c>
      <c r="AT2456" s="121" t="s">
        <v>174</v>
      </c>
      <c r="AU2456" s="113" t="s">
        <v>174</v>
      </c>
      <c r="AV2456" s="113" t="s">
        <v>174</v>
      </c>
      <c r="AW2456" s="113" t="s">
        <v>174</v>
      </c>
      <c r="AX2456" s="113"/>
      <c r="AY2456" s="113"/>
      <c r="AZ2456" s="113"/>
      <c r="BA2456" s="113"/>
      <c r="BB2456" s="107">
        <v>45884</v>
      </c>
    </row>
    <row r="2457" spans="1:54" s="207" customFormat="1" ht="13.95" customHeight="1" x14ac:dyDescent="0.25">
      <c r="A2457" s="208" t="s">
        <v>5871</v>
      </c>
      <c r="B2457" s="209" t="s">
        <v>20420</v>
      </c>
      <c r="C2457" s="113" t="s">
        <v>5872</v>
      </c>
      <c r="D2457" s="113" t="s">
        <v>23923</v>
      </c>
      <c r="E2457" s="210">
        <v>1979</v>
      </c>
      <c r="F2457" s="210">
        <v>12664</v>
      </c>
      <c r="G2457" s="113" t="s">
        <v>3</v>
      </c>
      <c r="H2457" s="113">
        <v>1</v>
      </c>
      <c r="I2457" s="113">
        <v>1</v>
      </c>
      <c r="J2457" s="115">
        <v>1</v>
      </c>
      <c r="K2457" s="211">
        <v>1</v>
      </c>
      <c r="L2457" s="115">
        <v>1</v>
      </c>
      <c r="M2457" s="115">
        <v>1</v>
      </c>
      <c r="N2457" s="115">
        <v>1</v>
      </c>
      <c r="O2457" s="115">
        <v>1</v>
      </c>
      <c r="P2457" s="115" t="s">
        <v>400</v>
      </c>
      <c r="Q2457" s="115" t="s">
        <v>400</v>
      </c>
      <c r="R2457" s="115">
        <v>0</v>
      </c>
      <c r="S2457" s="115">
        <v>0</v>
      </c>
      <c r="T2457" s="115">
        <v>0</v>
      </c>
      <c r="U2457" s="113" t="s">
        <v>174</v>
      </c>
      <c r="V2457" s="113" t="s">
        <v>174</v>
      </c>
      <c r="W2457" s="113" t="s">
        <v>174</v>
      </c>
      <c r="X2457" s="113" t="s">
        <v>174</v>
      </c>
      <c r="Y2457" s="113" t="s">
        <v>174</v>
      </c>
      <c r="Z2457" s="113" t="s">
        <v>174</v>
      </c>
      <c r="AA2457" s="113" t="s">
        <v>174</v>
      </c>
      <c r="AB2457" s="113" t="s">
        <v>174</v>
      </c>
      <c r="AC2457" s="113" t="s">
        <v>174</v>
      </c>
      <c r="AD2457" s="113" t="s">
        <v>174</v>
      </c>
      <c r="AE2457" s="113" t="s">
        <v>174</v>
      </c>
      <c r="AF2457" s="113" t="s">
        <v>174</v>
      </c>
      <c r="AG2457" s="113" t="s">
        <v>174</v>
      </c>
      <c r="AH2457" s="113" t="s">
        <v>174</v>
      </c>
      <c r="AI2457" s="113" t="s">
        <v>174</v>
      </c>
      <c r="AJ2457" s="113" t="s">
        <v>174</v>
      </c>
      <c r="AK2457" s="113" t="s">
        <v>174</v>
      </c>
      <c r="AL2457" s="113" t="s">
        <v>174</v>
      </c>
      <c r="AM2457" s="113" t="s">
        <v>174</v>
      </c>
      <c r="AN2457" s="113" t="s">
        <v>174</v>
      </c>
      <c r="AO2457" s="113" t="s">
        <v>174</v>
      </c>
      <c r="AP2457" s="113" t="s">
        <v>174</v>
      </c>
      <c r="AQ2457" s="113" t="s">
        <v>174</v>
      </c>
      <c r="AR2457" s="113" t="s">
        <v>174</v>
      </c>
      <c r="AS2457" s="113" t="s">
        <v>174</v>
      </c>
      <c r="AT2457" s="121" t="s">
        <v>174</v>
      </c>
      <c r="AU2457" s="113" t="s">
        <v>174</v>
      </c>
      <c r="AV2457" s="113" t="s">
        <v>174</v>
      </c>
      <c r="AW2457" s="113" t="s">
        <v>174</v>
      </c>
      <c r="AX2457" s="113"/>
      <c r="AY2457" s="113"/>
      <c r="AZ2457" s="113"/>
      <c r="BA2457" s="113"/>
      <c r="BB2457" s="107">
        <v>45884</v>
      </c>
    </row>
    <row r="2458" spans="1:54" s="207" customFormat="1" ht="13.95" customHeight="1" x14ac:dyDescent="0.25">
      <c r="A2458" s="208" t="s">
        <v>5873</v>
      </c>
      <c r="B2458" s="209" t="s">
        <v>20420</v>
      </c>
      <c r="C2458" s="113" t="s">
        <v>5874</v>
      </c>
      <c r="D2458" s="113" t="s">
        <v>23924</v>
      </c>
      <c r="E2458" s="210">
        <v>1989</v>
      </c>
      <c r="F2458" s="210">
        <v>12784</v>
      </c>
      <c r="G2458" s="113" t="s">
        <v>3</v>
      </c>
      <c r="H2458" s="113">
        <v>0</v>
      </c>
      <c r="I2458" s="113">
        <v>0</v>
      </c>
      <c r="J2458" s="115">
        <v>1</v>
      </c>
      <c r="K2458" s="116" t="s">
        <v>174</v>
      </c>
      <c r="L2458" s="115">
        <v>1</v>
      </c>
      <c r="M2458" s="115">
        <v>1</v>
      </c>
      <c r="N2458" s="115">
        <v>1</v>
      </c>
      <c r="O2458" s="115">
        <v>1</v>
      </c>
      <c r="P2458" s="115" t="s">
        <v>400</v>
      </c>
      <c r="Q2458" s="115" t="s">
        <v>400</v>
      </c>
      <c r="R2458" s="115">
        <v>1</v>
      </c>
      <c r="S2458" s="115">
        <v>0</v>
      </c>
      <c r="T2458" s="115">
        <v>0</v>
      </c>
      <c r="U2458" s="113" t="s">
        <v>174</v>
      </c>
      <c r="V2458" s="113" t="s">
        <v>174</v>
      </c>
      <c r="W2458" s="113" t="s">
        <v>174</v>
      </c>
      <c r="X2458" s="113" t="s">
        <v>174</v>
      </c>
      <c r="Y2458" s="113" t="s">
        <v>174</v>
      </c>
      <c r="Z2458" s="113" t="s">
        <v>174</v>
      </c>
      <c r="AA2458" s="113" t="s">
        <v>174</v>
      </c>
      <c r="AB2458" s="113" t="s">
        <v>174</v>
      </c>
      <c r="AC2458" s="113" t="s">
        <v>174</v>
      </c>
      <c r="AD2458" s="113" t="s">
        <v>174</v>
      </c>
      <c r="AE2458" s="113" t="s">
        <v>174</v>
      </c>
      <c r="AF2458" s="113" t="s">
        <v>174</v>
      </c>
      <c r="AG2458" s="113" t="s">
        <v>174</v>
      </c>
      <c r="AH2458" s="113" t="s">
        <v>174</v>
      </c>
      <c r="AI2458" s="113" t="s">
        <v>174</v>
      </c>
      <c r="AJ2458" s="113" t="s">
        <v>174</v>
      </c>
      <c r="AK2458" s="113" t="s">
        <v>174</v>
      </c>
      <c r="AL2458" s="113" t="s">
        <v>174</v>
      </c>
      <c r="AM2458" s="113" t="s">
        <v>174</v>
      </c>
      <c r="AN2458" s="113" t="s">
        <v>174</v>
      </c>
      <c r="AO2458" s="113" t="s">
        <v>174</v>
      </c>
      <c r="AP2458" s="113" t="s">
        <v>174</v>
      </c>
      <c r="AQ2458" s="113" t="s">
        <v>174</v>
      </c>
      <c r="AR2458" s="113" t="s">
        <v>174</v>
      </c>
      <c r="AS2458" s="113" t="s">
        <v>174</v>
      </c>
      <c r="AT2458" s="121" t="s">
        <v>174</v>
      </c>
      <c r="AU2458" s="113" t="s">
        <v>174</v>
      </c>
      <c r="AV2458" s="113" t="s">
        <v>174</v>
      </c>
      <c r="AW2458" s="113" t="s">
        <v>174</v>
      </c>
      <c r="AX2458" s="113"/>
      <c r="AY2458" s="113"/>
      <c r="AZ2458" s="113"/>
      <c r="BA2458" s="113"/>
      <c r="BB2458" s="107">
        <v>45884</v>
      </c>
    </row>
    <row r="2459" spans="1:54" s="207" customFormat="1" ht="13.95" customHeight="1" x14ac:dyDescent="0.25">
      <c r="A2459" s="208" t="s">
        <v>5875</v>
      </c>
      <c r="B2459" s="209" t="s">
        <v>20420</v>
      </c>
      <c r="C2459" s="113" t="s">
        <v>5876</v>
      </c>
      <c r="D2459" s="113" t="s">
        <v>23925</v>
      </c>
      <c r="E2459" s="210">
        <v>1994</v>
      </c>
      <c r="F2459" s="210">
        <v>12807</v>
      </c>
      <c r="G2459" s="113" t="s">
        <v>1</v>
      </c>
      <c r="H2459" s="113">
        <v>0</v>
      </c>
      <c r="I2459" s="113">
        <v>0</v>
      </c>
      <c r="J2459" s="115">
        <v>1</v>
      </c>
      <c r="K2459" s="116" t="s">
        <v>174</v>
      </c>
      <c r="L2459" s="115">
        <v>1</v>
      </c>
      <c r="M2459" s="115">
        <v>0</v>
      </c>
      <c r="N2459" s="115">
        <v>0</v>
      </c>
      <c r="O2459" s="115">
        <v>1</v>
      </c>
      <c r="P2459" s="115">
        <v>1</v>
      </c>
      <c r="Q2459" s="115" t="s">
        <v>400</v>
      </c>
      <c r="R2459" s="115">
        <v>1</v>
      </c>
      <c r="S2459" s="115">
        <v>0</v>
      </c>
      <c r="T2459" s="115">
        <v>0</v>
      </c>
      <c r="U2459" s="119"/>
      <c r="V2459" s="119"/>
      <c r="W2459" s="119"/>
      <c r="X2459" s="119"/>
      <c r="Y2459" s="119"/>
      <c r="Z2459" s="119"/>
      <c r="AA2459" s="119"/>
      <c r="AB2459" s="119"/>
      <c r="AC2459" s="119"/>
      <c r="AD2459" s="119"/>
      <c r="AE2459" s="119"/>
      <c r="AF2459" s="119"/>
      <c r="AG2459" s="119"/>
      <c r="AH2459" s="119"/>
      <c r="AI2459" s="119"/>
      <c r="AJ2459" s="119"/>
      <c r="AK2459" s="119"/>
      <c r="AL2459" s="119"/>
      <c r="AM2459" s="119"/>
      <c r="AN2459" s="119"/>
      <c r="AO2459" s="119"/>
      <c r="AP2459" s="119"/>
      <c r="AQ2459" s="119"/>
      <c r="AR2459" s="119"/>
      <c r="AS2459" s="119"/>
      <c r="AT2459" s="119"/>
      <c r="AU2459" s="119"/>
      <c r="AV2459" s="119"/>
      <c r="AW2459" s="119"/>
      <c r="AX2459" s="119"/>
      <c r="AY2459" s="119"/>
      <c r="AZ2459" s="119"/>
      <c r="BA2459" s="119"/>
      <c r="BB2459" s="107">
        <v>45884</v>
      </c>
    </row>
    <row r="2460" spans="1:54" s="207" customFormat="1" ht="13.95" customHeight="1" x14ac:dyDescent="0.25">
      <c r="A2460" s="208" t="s">
        <v>5877</v>
      </c>
      <c r="B2460" s="209" t="s">
        <v>20420</v>
      </c>
      <c r="C2460" s="113" t="s">
        <v>5878</v>
      </c>
      <c r="D2460" s="113" t="s">
        <v>23926</v>
      </c>
      <c r="E2460" s="210">
        <v>1998</v>
      </c>
      <c r="F2460" s="210">
        <v>12807</v>
      </c>
      <c r="G2460" s="113" t="s">
        <v>3</v>
      </c>
      <c r="H2460" s="113">
        <v>1</v>
      </c>
      <c r="I2460" s="113">
        <v>1</v>
      </c>
      <c r="J2460" s="115">
        <v>1</v>
      </c>
      <c r="K2460" s="116" t="s">
        <v>174</v>
      </c>
      <c r="L2460" s="115">
        <v>1</v>
      </c>
      <c r="M2460" s="115">
        <v>0</v>
      </c>
      <c r="N2460" s="115">
        <v>0</v>
      </c>
      <c r="O2460" s="115">
        <v>1</v>
      </c>
      <c r="P2460" s="115" t="s">
        <v>400</v>
      </c>
      <c r="Q2460" s="115" t="s">
        <v>400</v>
      </c>
      <c r="R2460" s="115">
        <v>1</v>
      </c>
      <c r="S2460" s="115">
        <v>0</v>
      </c>
      <c r="T2460" s="115">
        <v>0</v>
      </c>
      <c r="U2460" s="113" t="s">
        <v>174</v>
      </c>
      <c r="V2460" s="113" t="s">
        <v>174</v>
      </c>
      <c r="W2460" s="113" t="s">
        <v>174</v>
      </c>
      <c r="X2460" s="113" t="s">
        <v>174</v>
      </c>
      <c r="Y2460" s="113" t="s">
        <v>174</v>
      </c>
      <c r="Z2460" s="113" t="s">
        <v>174</v>
      </c>
      <c r="AA2460" s="113" t="s">
        <v>174</v>
      </c>
      <c r="AB2460" s="113" t="s">
        <v>174</v>
      </c>
      <c r="AC2460" s="113" t="s">
        <v>174</v>
      </c>
      <c r="AD2460" s="113" t="s">
        <v>174</v>
      </c>
      <c r="AE2460" s="113" t="s">
        <v>174</v>
      </c>
      <c r="AF2460" s="113" t="s">
        <v>174</v>
      </c>
      <c r="AG2460" s="113" t="s">
        <v>174</v>
      </c>
      <c r="AH2460" s="113" t="s">
        <v>174</v>
      </c>
      <c r="AI2460" s="113" t="s">
        <v>174</v>
      </c>
      <c r="AJ2460" s="113" t="s">
        <v>174</v>
      </c>
      <c r="AK2460" s="113" t="s">
        <v>174</v>
      </c>
      <c r="AL2460" s="113" t="s">
        <v>174</v>
      </c>
      <c r="AM2460" s="113" t="s">
        <v>174</v>
      </c>
      <c r="AN2460" s="113" t="s">
        <v>174</v>
      </c>
      <c r="AO2460" s="113" t="s">
        <v>174</v>
      </c>
      <c r="AP2460" s="113" t="s">
        <v>174</v>
      </c>
      <c r="AQ2460" s="113" t="s">
        <v>174</v>
      </c>
      <c r="AR2460" s="113" t="s">
        <v>174</v>
      </c>
      <c r="AS2460" s="113" t="s">
        <v>174</v>
      </c>
      <c r="AT2460" s="121" t="s">
        <v>174</v>
      </c>
      <c r="AU2460" s="113" t="s">
        <v>174</v>
      </c>
      <c r="AV2460" s="113" t="s">
        <v>174</v>
      </c>
      <c r="AW2460" s="113" t="s">
        <v>174</v>
      </c>
      <c r="AX2460" s="113"/>
      <c r="AY2460" s="113"/>
      <c r="AZ2460" s="113"/>
      <c r="BA2460" s="113"/>
      <c r="BB2460" s="107">
        <v>45884</v>
      </c>
    </row>
    <row r="2461" spans="1:54" s="207" customFormat="1" ht="13.95" customHeight="1" x14ac:dyDescent="0.25">
      <c r="A2461" s="208" t="s">
        <v>5879</v>
      </c>
      <c r="B2461" s="209" t="s">
        <v>20420</v>
      </c>
      <c r="C2461" s="113" t="s">
        <v>5880</v>
      </c>
      <c r="D2461" s="113" t="s">
        <v>5881</v>
      </c>
      <c r="E2461" s="210">
        <v>1997</v>
      </c>
      <c r="F2461" s="210">
        <v>12846</v>
      </c>
      <c r="G2461" s="113" t="s">
        <v>3</v>
      </c>
      <c r="H2461" s="113">
        <v>1</v>
      </c>
      <c r="I2461" s="113">
        <v>1</v>
      </c>
      <c r="J2461" s="115">
        <v>1</v>
      </c>
      <c r="K2461" s="211">
        <v>1</v>
      </c>
      <c r="L2461" s="115">
        <v>1</v>
      </c>
      <c r="M2461" s="115">
        <v>0</v>
      </c>
      <c r="N2461" s="115">
        <v>0</v>
      </c>
      <c r="O2461" s="115">
        <v>1</v>
      </c>
      <c r="P2461" s="115">
        <v>1</v>
      </c>
      <c r="Q2461" s="115">
        <v>1</v>
      </c>
      <c r="R2461" s="115">
        <v>0</v>
      </c>
      <c r="S2461" s="115">
        <v>0</v>
      </c>
      <c r="T2461" s="115">
        <v>0</v>
      </c>
      <c r="U2461" s="113" t="s">
        <v>174</v>
      </c>
      <c r="V2461" s="113" t="s">
        <v>174</v>
      </c>
      <c r="W2461" s="113" t="s">
        <v>174</v>
      </c>
      <c r="X2461" s="113" t="s">
        <v>174</v>
      </c>
      <c r="Y2461" s="113" t="s">
        <v>174</v>
      </c>
      <c r="Z2461" s="113" t="s">
        <v>174</v>
      </c>
      <c r="AA2461" s="113" t="s">
        <v>174</v>
      </c>
      <c r="AB2461" s="113" t="s">
        <v>174</v>
      </c>
      <c r="AC2461" s="113" t="s">
        <v>174</v>
      </c>
      <c r="AD2461" s="113" t="s">
        <v>174</v>
      </c>
      <c r="AE2461" s="113" t="s">
        <v>174</v>
      </c>
      <c r="AF2461" s="113" t="s">
        <v>174</v>
      </c>
      <c r="AG2461" s="113" t="s">
        <v>174</v>
      </c>
      <c r="AH2461" s="113" t="s">
        <v>174</v>
      </c>
      <c r="AI2461" s="113" t="s">
        <v>174</v>
      </c>
      <c r="AJ2461" s="113" t="s">
        <v>174</v>
      </c>
      <c r="AK2461" s="113" t="s">
        <v>174</v>
      </c>
      <c r="AL2461" s="113" t="s">
        <v>174</v>
      </c>
      <c r="AM2461" s="113" t="s">
        <v>174</v>
      </c>
      <c r="AN2461" s="113" t="s">
        <v>174</v>
      </c>
      <c r="AO2461" s="113" t="s">
        <v>174</v>
      </c>
      <c r="AP2461" s="113" t="s">
        <v>174</v>
      </c>
      <c r="AQ2461" s="113" t="s">
        <v>174</v>
      </c>
      <c r="AR2461" s="113" t="s">
        <v>174</v>
      </c>
      <c r="AS2461" s="113" t="s">
        <v>174</v>
      </c>
      <c r="AT2461" s="121" t="s">
        <v>174</v>
      </c>
      <c r="AU2461" s="113" t="s">
        <v>174</v>
      </c>
      <c r="AV2461" s="113" t="s">
        <v>174</v>
      </c>
      <c r="AW2461" s="113" t="s">
        <v>174</v>
      </c>
      <c r="AX2461" s="113"/>
      <c r="AY2461" s="113"/>
      <c r="AZ2461" s="113"/>
      <c r="BA2461" s="113"/>
      <c r="BB2461" s="107">
        <v>45884</v>
      </c>
    </row>
    <row r="2462" spans="1:54" s="207" customFormat="1" ht="13.95" customHeight="1" x14ac:dyDescent="0.25">
      <c r="A2462" s="208" t="s">
        <v>5882</v>
      </c>
      <c r="B2462" s="209" t="s">
        <v>20420</v>
      </c>
      <c r="C2462" s="113" t="s">
        <v>5883</v>
      </c>
      <c r="D2462" s="113" t="s">
        <v>23927</v>
      </c>
      <c r="E2462" s="210">
        <v>1960</v>
      </c>
      <c r="F2462" s="210">
        <v>12938</v>
      </c>
      <c r="G2462" s="113" t="s">
        <v>3</v>
      </c>
      <c r="H2462" s="113">
        <v>1</v>
      </c>
      <c r="I2462" s="113">
        <v>0</v>
      </c>
      <c r="J2462" s="115">
        <v>1</v>
      </c>
      <c r="K2462" s="116" t="s">
        <v>174</v>
      </c>
      <c r="L2462" s="115">
        <v>1</v>
      </c>
      <c r="M2462" s="115">
        <v>1</v>
      </c>
      <c r="N2462" s="115">
        <v>0</v>
      </c>
      <c r="O2462" s="115">
        <v>1</v>
      </c>
      <c r="P2462" s="115">
        <v>1</v>
      </c>
      <c r="Q2462" s="115" t="s">
        <v>400</v>
      </c>
      <c r="R2462" s="115">
        <v>0</v>
      </c>
      <c r="S2462" s="115">
        <v>0</v>
      </c>
      <c r="T2462" s="115">
        <v>0</v>
      </c>
      <c r="U2462" s="113" t="s">
        <v>174</v>
      </c>
      <c r="V2462" s="113" t="s">
        <v>174</v>
      </c>
      <c r="W2462" s="113" t="s">
        <v>174</v>
      </c>
      <c r="X2462" s="113" t="s">
        <v>174</v>
      </c>
      <c r="Y2462" s="113" t="s">
        <v>174</v>
      </c>
      <c r="Z2462" s="113" t="s">
        <v>174</v>
      </c>
      <c r="AA2462" s="113" t="s">
        <v>174</v>
      </c>
      <c r="AB2462" s="113" t="s">
        <v>174</v>
      </c>
      <c r="AC2462" s="113" t="s">
        <v>174</v>
      </c>
      <c r="AD2462" s="113" t="s">
        <v>174</v>
      </c>
      <c r="AE2462" s="113" t="s">
        <v>174</v>
      </c>
      <c r="AF2462" s="113" t="s">
        <v>174</v>
      </c>
      <c r="AG2462" s="113" t="s">
        <v>174</v>
      </c>
      <c r="AH2462" s="113" t="s">
        <v>174</v>
      </c>
      <c r="AI2462" s="113" t="s">
        <v>174</v>
      </c>
      <c r="AJ2462" s="113" t="s">
        <v>174</v>
      </c>
      <c r="AK2462" s="113" t="s">
        <v>174</v>
      </c>
      <c r="AL2462" s="113" t="s">
        <v>174</v>
      </c>
      <c r="AM2462" s="113" t="s">
        <v>174</v>
      </c>
      <c r="AN2462" s="113" t="s">
        <v>174</v>
      </c>
      <c r="AO2462" s="113" t="s">
        <v>174</v>
      </c>
      <c r="AP2462" s="113" t="s">
        <v>174</v>
      </c>
      <c r="AQ2462" s="113" t="s">
        <v>174</v>
      </c>
      <c r="AR2462" s="113" t="s">
        <v>174</v>
      </c>
      <c r="AS2462" s="113" t="s">
        <v>174</v>
      </c>
      <c r="AT2462" s="121" t="s">
        <v>174</v>
      </c>
      <c r="AU2462" s="113" t="s">
        <v>174</v>
      </c>
      <c r="AV2462" s="113" t="s">
        <v>174</v>
      </c>
      <c r="AW2462" s="113" t="s">
        <v>174</v>
      </c>
      <c r="AX2462" s="113"/>
      <c r="AY2462" s="113"/>
      <c r="AZ2462" s="113"/>
      <c r="BA2462" s="113"/>
      <c r="BB2462" s="107">
        <v>45884</v>
      </c>
    </row>
    <row r="2463" spans="1:54" s="207" customFormat="1" ht="13.95" customHeight="1" x14ac:dyDescent="0.25">
      <c r="A2463" s="208" t="s">
        <v>5884</v>
      </c>
      <c r="B2463" s="209" t="s">
        <v>20420</v>
      </c>
      <c r="C2463" s="113" t="s">
        <v>5885</v>
      </c>
      <c r="D2463" s="113" t="s">
        <v>23928</v>
      </c>
      <c r="E2463" s="210">
        <v>1990</v>
      </c>
      <c r="F2463" s="210">
        <v>12955</v>
      </c>
      <c r="G2463" s="113" t="s">
        <v>3</v>
      </c>
      <c r="H2463" s="113">
        <v>1</v>
      </c>
      <c r="I2463" s="113">
        <v>0</v>
      </c>
      <c r="J2463" s="115">
        <v>1</v>
      </c>
      <c r="K2463" s="211">
        <v>1</v>
      </c>
      <c r="L2463" s="115">
        <v>1</v>
      </c>
      <c r="M2463" s="115">
        <v>1</v>
      </c>
      <c r="N2463" s="115">
        <v>1</v>
      </c>
      <c r="O2463" s="115">
        <v>1</v>
      </c>
      <c r="P2463" s="115" t="s">
        <v>400</v>
      </c>
      <c r="Q2463" s="115" t="s">
        <v>400</v>
      </c>
      <c r="R2463" s="115">
        <v>1</v>
      </c>
      <c r="S2463" s="115">
        <v>0</v>
      </c>
      <c r="T2463" s="115">
        <v>0</v>
      </c>
      <c r="U2463" s="113" t="s">
        <v>174</v>
      </c>
      <c r="V2463" s="113" t="s">
        <v>174</v>
      </c>
      <c r="W2463" s="113" t="s">
        <v>174</v>
      </c>
      <c r="X2463" s="113" t="s">
        <v>174</v>
      </c>
      <c r="Y2463" s="113" t="s">
        <v>174</v>
      </c>
      <c r="Z2463" s="113" t="s">
        <v>174</v>
      </c>
      <c r="AA2463" s="113" t="s">
        <v>174</v>
      </c>
      <c r="AB2463" s="113" t="s">
        <v>174</v>
      </c>
      <c r="AC2463" s="113" t="s">
        <v>174</v>
      </c>
      <c r="AD2463" s="113" t="s">
        <v>174</v>
      </c>
      <c r="AE2463" s="113" t="s">
        <v>174</v>
      </c>
      <c r="AF2463" s="113" t="s">
        <v>174</v>
      </c>
      <c r="AG2463" s="113" t="s">
        <v>174</v>
      </c>
      <c r="AH2463" s="113" t="s">
        <v>174</v>
      </c>
      <c r="AI2463" s="113" t="s">
        <v>174</v>
      </c>
      <c r="AJ2463" s="113" t="s">
        <v>174</v>
      </c>
      <c r="AK2463" s="113" t="s">
        <v>174</v>
      </c>
      <c r="AL2463" s="113" t="s">
        <v>174</v>
      </c>
      <c r="AM2463" s="113" t="s">
        <v>174</v>
      </c>
      <c r="AN2463" s="113" t="s">
        <v>174</v>
      </c>
      <c r="AO2463" s="113" t="s">
        <v>174</v>
      </c>
      <c r="AP2463" s="113" t="s">
        <v>174</v>
      </c>
      <c r="AQ2463" s="113" t="s">
        <v>174</v>
      </c>
      <c r="AR2463" s="113" t="s">
        <v>174</v>
      </c>
      <c r="AS2463" s="113" t="s">
        <v>174</v>
      </c>
      <c r="AT2463" s="121" t="s">
        <v>174</v>
      </c>
      <c r="AU2463" s="113" t="s">
        <v>174</v>
      </c>
      <c r="AV2463" s="113" t="s">
        <v>174</v>
      </c>
      <c r="AW2463" s="113" t="s">
        <v>174</v>
      </c>
      <c r="AX2463" s="113"/>
      <c r="AY2463" s="113"/>
      <c r="AZ2463" s="113"/>
      <c r="BA2463" s="113"/>
      <c r="BB2463" s="107">
        <v>45884</v>
      </c>
    </row>
    <row r="2464" spans="1:54" s="207" customFormat="1" ht="13.95" customHeight="1" x14ac:dyDescent="0.25">
      <c r="A2464" s="208" t="s">
        <v>5886</v>
      </c>
      <c r="B2464" s="209" t="s">
        <v>20420</v>
      </c>
      <c r="C2464" s="113" t="s">
        <v>5887</v>
      </c>
      <c r="D2464" s="113" t="s">
        <v>23929</v>
      </c>
      <c r="E2464" s="210">
        <v>2011</v>
      </c>
      <c r="F2464" s="210">
        <v>13515</v>
      </c>
      <c r="G2464" s="113" t="s">
        <v>3</v>
      </c>
      <c r="H2464" s="113">
        <v>1</v>
      </c>
      <c r="I2464" s="113">
        <v>1</v>
      </c>
      <c r="J2464" s="115">
        <v>1</v>
      </c>
      <c r="K2464" s="116" t="s">
        <v>174</v>
      </c>
      <c r="L2464" s="115">
        <v>0</v>
      </c>
      <c r="M2464" s="115">
        <v>0</v>
      </c>
      <c r="N2464" s="115">
        <v>0</v>
      </c>
      <c r="O2464" s="115">
        <v>0</v>
      </c>
      <c r="P2464" s="115" t="s">
        <v>400</v>
      </c>
      <c r="Q2464" s="115" t="s">
        <v>400</v>
      </c>
      <c r="R2464" s="115">
        <v>0</v>
      </c>
      <c r="S2464" s="115">
        <v>0</v>
      </c>
      <c r="T2464" s="115">
        <v>0</v>
      </c>
      <c r="U2464" s="116" t="s">
        <v>174</v>
      </c>
      <c r="V2464" s="116" t="s">
        <v>174</v>
      </c>
      <c r="W2464" s="116" t="s">
        <v>174</v>
      </c>
      <c r="X2464" s="116" t="s">
        <v>174</v>
      </c>
      <c r="Y2464" s="116" t="s">
        <v>174</v>
      </c>
      <c r="Z2464" s="116" t="s">
        <v>174</v>
      </c>
      <c r="AA2464" s="116" t="s">
        <v>174</v>
      </c>
      <c r="AB2464" s="116" t="s">
        <v>174</v>
      </c>
      <c r="AC2464" s="116" t="s">
        <v>174</v>
      </c>
      <c r="AD2464" s="116" t="s">
        <v>174</v>
      </c>
      <c r="AE2464" s="116" t="s">
        <v>174</v>
      </c>
      <c r="AF2464" s="116" t="s">
        <v>174</v>
      </c>
      <c r="AG2464" s="116" t="s">
        <v>174</v>
      </c>
      <c r="AH2464" s="116" t="s">
        <v>174</v>
      </c>
      <c r="AI2464" s="116" t="s">
        <v>174</v>
      </c>
      <c r="AJ2464" s="116" t="s">
        <v>174</v>
      </c>
      <c r="AK2464" s="116" t="s">
        <v>174</v>
      </c>
      <c r="AL2464" s="116" t="s">
        <v>174</v>
      </c>
      <c r="AM2464" s="116" t="s">
        <v>174</v>
      </c>
      <c r="AN2464" s="116" t="s">
        <v>174</v>
      </c>
      <c r="AO2464" s="116" t="s">
        <v>174</v>
      </c>
      <c r="AP2464" s="116" t="s">
        <v>174</v>
      </c>
      <c r="AQ2464" s="116" t="s">
        <v>174</v>
      </c>
      <c r="AR2464" s="116" t="s">
        <v>174</v>
      </c>
      <c r="AS2464" s="116" t="s">
        <v>174</v>
      </c>
      <c r="AT2464" s="125" t="s">
        <v>174</v>
      </c>
      <c r="AU2464" s="116" t="s">
        <v>174</v>
      </c>
      <c r="AV2464" s="116" t="s">
        <v>174</v>
      </c>
      <c r="AW2464" s="116" t="s">
        <v>174</v>
      </c>
      <c r="AX2464" s="113"/>
      <c r="AY2464" s="113"/>
      <c r="AZ2464" s="113"/>
      <c r="BA2464" s="113"/>
      <c r="BB2464" s="107">
        <v>45884</v>
      </c>
    </row>
    <row r="2465" spans="1:54" s="207" customFormat="1" ht="13.95" customHeight="1" x14ac:dyDescent="0.25">
      <c r="A2465" s="208" t="s">
        <v>5888</v>
      </c>
      <c r="B2465" s="209" t="s">
        <v>20420</v>
      </c>
      <c r="C2465" s="113" t="s">
        <v>5889</v>
      </c>
      <c r="D2465" s="113" t="s">
        <v>5890</v>
      </c>
      <c r="E2465" s="210">
        <v>2000</v>
      </c>
      <c r="F2465" s="210">
        <v>13000</v>
      </c>
      <c r="G2465" s="113" t="s">
        <v>3</v>
      </c>
      <c r="H2465" s="113">
        <v>1</v>
      </c>
      <c r="I2465" s="113">
        <v>0</v>
      </c>
      <c r="J2465" s="115">
        <v>1</v>
      </c>
      <c r="K2465" s="116" t="s">
        <v>174</v>
      </c>
      <c r="L2465" s="115">
        <v>1</v>
      </c>
      <c r="M2465" s="115">
        <v>1</v>
      </c>
      <c r="N2465" s="115">
        <v>0</v>
      </c>
      <c r="O2465" s="115">
        <v>1</v>
      </c>
      <c r="P2465" s="115" t="s">
        <v>400</v>
      </c>
      <c r="Q2465" s="115" t="s">
        <v>400</v>
      </c>
      <c r="R2465" s="115">
        <v>0</v>
      </c>
      <c r="S2465" s="115">
        <v>0</v>
      </c>
      <c r="T2465" s="115">
        <v>0</v>
      </c>
      <c r="U2465" s="113" t="s">
        <v>174</v>
      </c>
      <c r="V2465" s="113" t="s">
        <v>174</v>
      </c>
      <c r="W2465" s="113" t="s">
        <v>174</v>
      </c>
      <c r="X2465" s="113" t="s">
        <v>174</v>
      </c>
      <c r="Y2465" s="113" t="s">
        <v>174</v>
      </c>
      <c r="Z2465" s="113" t="s">
        <v>174</v>
      </c>
      <c r="AA2465" s="113" t="s">
        <v>174</v>
      </c>
      <c r="AB2465" s="113" t="s">
        <v>174</v>
      </c>
      <c r="AC2465" s="113" t="s">
        <v>174</v>
      </c>
      <c r="AD2465" s="113" t="s">
        <v>174</v>
      </c>
      <c r="AE2465" s="113" t="s">
        <v>174</v>
      </c>
      <c r="AF2465" s="113" t="s">
        <v>174</v>
      </c>
      <c r="AG2465" s="113" t="s">
        <v>174</v>
      </c>
      <c r="AH2465" s="113" t="s">
        <v>174</v>
      </c>
      <c r="AI2465" s="113" t="s">
        <v>174</v>
      </c>
      <c r="AJ2465" s="113" t="s">
        <v>174</v>
      </c>
      <c r="AK2465" s="113" t="s">
        <v>174</v>
      </c>
      <c r="AL2465" s="113" t="s">
        <v>174</v>
      </c>
      <c r="AM2465" s="113" t="s">
        <v>174</v>
      </c>
      <c r="AN2465" s="113" t="s">
        <v>174</v>
      </c>
      <c r="AO2465" s="113" t="s">
        <v>174</v>
      </c>
      <c r="AP2465" s="113" t="s">
        <v>174</v>
      </c>
      <c r="AQ2465" s="113" t="s">
        <v>174</v>
      </c>
      <c r="AR2465" s="113" t="s">
        <v>174</v>
      </c>
      <c r="AS2465" s="113" t="s">
        <v>174</v>
      </c>
      <c r="AT2465" s="121" t="s">
        <v>174</v>
      </c>
      <c r="AU2465" s="113" t="s">
        <v>174</v>
      </c>
      <c r="AV2465" s="113" t="s">
        <v>174</v>
      </c>
      <c r="AW2465" s="113" t="s">
        <v>174</v>
      </c>
      <c r="AX2465" s="113"/>
      <c r="AY2465" s="113"/>
      <c r="AZ2465" s="113"/>
      <c r="BA2465" s="113"/>
      <c r="BB2465" s="107">
        <v>45884</v>
      </c>
    </row>
    <row r="2466" spans="1:54" s="207" customFormat="1" ht="13.95" customHeight="1" x14ac:dyDescent="0.25">
      <c r="A2466" s="208" t="s">
        <v>5891</v>
      </c>
      <c r="B2466" s="209" t="s">
        <v>20420</v>
      </c>
      <c r="C2466" s="113" t="s">
        <v>5892</v>
      </c>
      <c r="D2466" s="113" t="s">
        <v>23930</v>
      </c>
      <c r="E2466" s="210">
        <v>1959</v>
      </c>
      <c r="F2466" s="210">
        <v>13041</v>
      </c>
      <c r="G2466" s="113" t="s">
        <v>3</v>
      </c>
      <c r="H2466" s="113">
        <v>1</v>
      </c>
      <c r="I2466" s="113">
        <v>1</v>
      </c>
      <c r="J2466" s="115">
        <v>1</v>
      </c>
      <c r="K2466" s="116" t="s">
        <v>174</v>
      </c>
      <c r="L2466" s="115">
        <v>1</v>
      </c>
      <c r="M2466" s="115">
        <v>1</v>
      </c>
      <c r="N2466" s="115">
        <v>1</v>
      </c>
      <c r="O2466" s="115">
        <v>1</v>
      </c>
      <c r="P2466" s="115" t="s">
        <v>400</v>
      </c>
      <c r="Q2466" s="115" t="s">
        <v>400</v>
      </c>
      <c r="R2466" s="115">
        <v>0</v>
      </c>
      <c r="S2466" s="115">
        <v>0</v>
      </c>
      <c r="T2466" s="115">
        <v>0</v>
      </c>
      <c r="U2466" s="113" t="s">
        <v>174</v>
      </c>
      <c r="V2466" s="113" t="s">
        <v>174</v>
      </c>
      <c r="W2466" s="113" t="s">
        <v>174</v>
      </c>
      <c r="X2466" s="113" t="s">
        <v>174</v>
      </c>
      <c r="Y2466" s="113" t="s">
        <v>174</v>
      </c>
      <c r="Z2466" s="113" t="s">
        <v>174</v>
      </c>
      <c r="AA2466" s="113" t="s">
        <v>174</v>
      </c>
      <c r="AB2466" s="113" t="s">
        <v>174</v>
      </c>
      <c r="AC2466" s="113" t="s">
        <v>174</v>
      </c>
      <c r="AD2466" s="113" t="s">
        <v>174</v>
      </c>
      <c r="AE2466" s="113" t="s">
        <v>174</v>
      </c>
      <c r="AF2466" s="113">
        <v>0</v>
      </c>
      <c r="AG2466" s="113" t="s">
        <v>174</v>
      </c>
      <c r="AH2466" s="113" t="s">
        <v>174</v>
      </c>
      <c r="AI2466" s="113" t="s">
        <v>174</v>
      </c>
      <c r="AJ2466" s="113" t="s">
        <v>174</v>
      </c>
      <c r="AK2466" s="113" t="s">
        <v>174</v>
      </c>
      <c r="AL2466" s="113" t="s">
        <v>174</v>
      </c>
      <c r="AM2466" s="113" t="s">
        <v>174</v>
      </c>
      <c r="AN2466" s="113" t="s">
        <v>174</v>
      </c>
      <c r="AO2466" s="113" t="s">
        <v>174</v>
      </c>
      <c r="AP2466" s="113" t="s">
        <v>174</v>
      </c>
      <c r="AQ2466" s="113" t="s">
        <v>174</v>
      </c>
      <c r="AR2466" s="113" t="s">
        <v>174</v>
      </c>
      <c r="AS2466" s="113" t="s">
        <v>174</v>
      </c>
      <c r="AT2466" s="121" t="s">
        <v>174</v>
      </c>
      <c r="AU2466" s="113" t="s">
        <v>174</v>
      </c>
      <c r="AV2466" s="113" t="s">
        <v>174</v>
      </c>
      <c r="AW2466" s="113" t="s">
        <v>174</v>
      </c>
      <c r="AX2466" s="113"/>
      <c r="AY2466" s="113"/>
      <c r="AZ2466" s="126"/>
      <c r="BA2466" s="113" t="s">
        <v>22142</v>
      </c>
      <c r="BB2466" s="107">
        <v>45884</v>
      </c>
    </row>
    <row r="2467" spans="1:54" s="207" customFormat="1" ht="13.95" customHeight="1" x14ac:dyDescent="0.25">
      <c r="A2467" s="208" t="s">
        <v>5893</v>
      </c>
      <c r="B2467" s="209" t="s">
        <v>20420</v>
      </c>
      <c r="C2467" s="113" t="s">
        <v>5894</v>
      </c>
      <c r="D2467" s="113" t="s">
        <v>23931</v>
      </c>
      <c r="E2467" s="210">
        <v>1984</v>
      </c>
      <c r="F2467" s="210">
        <v>13050</v>
      </c>
      <c r="G2467" s="113" t="s">
        <v>3</v>
      </c>
      <c r="H2467" s="113">
        <v>0</v>
      </c>
      <c r="I2467" s="113">
        <v>0</v>
      </c>
      <c r="J2467" s="115">
        <v>1</v>
      </c>
      <c r="K2467" s="211">
        <v>1</v>
      </c>
      <c r="L2467" s="115">
        <v>1</v>
      </c>
      <c r="M2467" s="115">
        <v>1</v>
      </c>
      <c r="N2467" s="115">
        <v>1</v>
      </c>
      <c r="O2467" s="115">
        <v>0</v>
      </c>
      <c r="P2467" s="115">
        <v>1</v>
      </c>
      <c r="Q2467" s="115" t="s">
        <v>400</v>
      </c>
      <c r="R2467" s="115">
        <v>1</v>
      </c>
      <c r="S2467" s="115">
        <v>0</v>
      </c>
      <c r="T2467" s="115">
        <v>0</v>
      </c>
      <c r="U2467" s="113" t="s">
        <v>174</v>
      </c>
      <c r="V2467" s="113" t="s">
        <v>174</v>
      </c>
      <c r="W2467" s="113" t="s">
        <v>174</v>
      </c>
      <c r="X2467" s="113" t="s">
        <v>174</v>
      </c>
      <c r="Y2467" s="113" t="s">
        <v>174</v>
      </c>
      <c r="Z2467" s="113" t="s">
        <v>174</v>
      </c>
      <c r="AA2467" s="113" t="s">
        <v>174</v>
      </c>
      <c r="AB2467" s="113" t="s">
        <v>174</v>
      </c>
      <c r="AC2467" s="113" t="s">
        <v>174</v>
      </c>
      <c r="AD2467" s="113" t="s">
        <v>174</v>
      </c>
      <c r="AE2467" s="113" t="s">
        <v>174</v>
      </c>
      <c r="AF2467" s="113" t="s">
        <v>174</v>
      </c>
      <c r="AG2467" s="113" t="s">
        <v>174</v>
      </c>
      <c r="AH2467" s="113" t="s">
        <v>174</v>
      </c>
      <c r="AI2467" s="113" t="s">
        <v>174</v>
      </c>
      <c r="AJ2467" s="113" t="s">
        <v>174</v>
      </c>
      <c r="AK2467" s="113" t="s">
        <v>174</v>
      </c>
      <c r="AL2467" s="113" t="s">
        <v>174</v>
      </c>
      <c r="AM2467" s="113" t="s">
        <v>174</v>
      </c>
      <c r="AN2467" s="113" t="s">
        <v>174</v>
      </c>
      <c r="AO2467" s="113" t="s">
        <v>174</v>
      </c>
      <c r="AP2467" s="113" t="s">
        <v>174</v>
      </c>
      <c r="AQ2467" s="113" t="s">
        <v>174</v>
      </c>
      <c r="AR2467" s="113" t="s">
        <v>174</v>
      </c>
      <c r="AS2467" s="113" t="s">
        <v>174</v>
      </c>
      <c r="AT2467" s="121" t="s">
        <v>174</v>
      </c>
      <c r="AU2467" s="113" t="s">
        <v>174</v>
      </c>
      <c r="AV2467" s="113" t="s">
        <v>174</v>
      </c>
      <c r="AW2467" s="113" t="s">
        <v>174</v>
      </c>
      <c r="AX2467" s="113"/>
      <c r="AY2467" s="113"/>
      <c r="AZ2467" s="113"/>
      <c r="BA2467" s="113"/>
      <c r="BB2467" s="107">
        <v>45884</v>
      </c>
    </row>
    <row r="2468" spans="1:54" s="207" customFormat="1" ht="13.95" customHeight="1" x14ac:dyDescent="0.25">
      <c r="A2468" s="208" t="s">
        <v>5895</v>
      </c>
      <c r="B2468" s="209" t="s">
        <v>20420</v>
      </c>
      <c r="C2468" s="113" t="s">
        <v>5896</v>
      </c>
      <c r="D2468" s="113" t="s">
        <v>23932</v>
      </c>
      <c r="E2468" s="210">
        <v>1995</v>
      </c>
      <c r="F2468" s="210">
        <v>13074</v>
      </c>
      <c r="G2468" s="113" t="s">
        <v>3</v>
      </c>
      <c r="H2468" s="113">
        <v>1</v>
      </c>
      <c r="I2468" s="113">
        <v>0</v>
      </c>
      <c r="J2468" s="115">
        <v>1</v>
      </c>
      <c r="K2468" s="116" t="s">
        <v>174</v>
      </c>
      <c r="L2468" s="115">
        <v>1</v>
      </c>
      <c r="M2468" s="115">
        <v>0</v>
      </c>
      <c r="N2468" s="115">
        <v>0</v>
      </c>
      <c r="O2468" s="115">
        <v>1</v>
      </c>
      <c r="P2468" s="115">
        <v>1</v>
      </c>
      <c r="Q2468" s="115">
        <v>1</v>
      </c>
      <c r="R2468" s="115">
        <v>0</v>
      </c>
      <c r="S2468" s="115">
        <v>0</v>
      </c>
      <c r="T2468" s="115">
        <v>0</v>
      </c>
      <c r="U2468" s="113" t="s">
        <v>174</v>
      </c>
      <c r="V2468" s="113" t="s">
        <v>174</v>
      </c>
      <c r="W2468" s="113" t="s">
        <v>174</v>
      </c>
      <c r="X2468" s="113" t="s">
        <v>174</v>
      </c>
      <c r="Y2468" s="113" t="s">
        <v>174</v>
      </c>
      <c r="Z2468" s="113" t="s">
        <v>174</v>
      </c>
      <c r="AA2468" s="113" t="s">
        <v>174</v>
      </c>
      <c r="AB2468" s="113" t="s">
        <v>174</v>
      </c>
      <c r="AC2468" s="113" t="s">
        <v>174</v>
      </c>
      <c r="AD2468" s="113" t="s">
        <v>174</v>
      </c>
      <c r="AE2468" s="113" t="s">
        <v>174</v>
      </c>
      <c r="AF2468" s="113" t="s">
        <v>174</v>
      </c>
      <c r="AG2468" s="113" t="s">
        <v>174</v>
      </c>
      <c r="AH2468" s="113" t="s">
        <v>174</v>
      </c>
      <c r="AI2468" s="113" t="s">
        <v>174</v>
      </c>
      <c r="AJ2468" s="113" t="s">
        <v>174</v>
      </c>
      <c r="AK2468" s="113" t="s">
        <v>174</v>
      </c>
      <c r="AL2468" s="113" t="s">
        <v>174</v>
      </c>
      <c r="AM2468" s="113" t="s">
        <v>174</v>
      </c>
      <c r="AN2468" s="113" t="s">
        <v>174</v>
      </c>
      <c r="AO2468" s="113" t="s">
        <v>174</v>
      </c>
      <c r="AP2468" s="113" t="s">
        <v>174</v>
      </c>
      <c r="AQ2468" s="113" t="s">
        <v>174</v>
      </c>
      <c r="AR2468" s="113" t="s">
        <v>174</v>
      </c>
      <c r="AS2468" s="113" t="s">
        <v>174</v>
      </c>
      <c r="AT2468" s="121" t="s">
        <v>174</v>
      </c>
      <c r="AU2468" s="113" t="s">
        <v>174</v>
      </c>
      <c r="AV2468" s="113" t="s">
        <v>174</v>
      </c>
      <c r="AW2468" s="113" t="s">
        <v>174</v>
      </c>
      <c r="AX2468" s="113"/>
      <c r="AY2468" s="113"/>
      <c r="AZ2468" s="113"/>
      <c r="BA2468" s="113"/>
      <c r="BB2468" s="107">
        <v>45884</v>
      </c>
    </row>
    <row r="2469" spans="1:54" s="207" customFormat="1" ht="13.95" customHeight="1" x14ac:dyDescent="0.25">
      <c r="A2469" s="208" t="s">
        <v>5897</v>
      </c>
      <c r="B2469" s="209" t="s">
        <v>20420</v>
      </c>
      <c r="C2469" s="113" t="s">
        <v>5898</v>
      </c>
      <c r="D2469" s="113" t="s">
        <v>5899</v>
      </c>
      <c r="E2469" s="210">
        <v>1986</v>
      </c>
      <c r="F2469" s="210">
        <v>13124</v>
      </c>
      <c r="G2469" s="113" t="s">
        <v>3</v>
      </c>
      <c r="H2469" s="113">
        <v>1</v>
      </c>
      <c r="I2469" s="113">
        <v>1</v>
      </c>
      <c r="J2469" s="115">
        <v>1</v>
      </c>
      <c r="K2469" s="211">
        <v>1</v>
      </c>
      <c r="L2469" s="115">
        <v>1</v>
      </c>
      <c r="M2469" s="115">
        <v>0</v>
      </c>
      <c r="N2469" s="115">
        <v>1</v>
      </c>
      <c r="O2469" s="115">
        <v>1</v>
      </c>
      <c r="P2469" s="115">
        <v>1</v>
      </c>
      <c r="Q2469" s="115" t="s">
        <v>400</v>
      </c>
      <c r="R2469" s="115">
        <v>1</v>
      </c>
      <c r="S2469" s="115">
        <v>0</v>
      </c>
      <c r="T2469" s="115">
        <v>0</v>
      </c>
      <c r="U2469" s="113" t="s">
        <v>174</v>
      </c>
      <c r="V2469" s="113" t="s">
        <v>174</v>
      </c>
      <c r="W2469" s="113" t="s">
        <v>174</v>
      </c>
      <c r="X2469" s="113" t="s">
        <v>174</v>
      </c>
      <c r="Y2469" s="113" t="s">
        <v>174</v>
      </c>
      <c r="Z2469" s="113" t="s">
        <v>174</v>
      </c>
      <c r="AA2469" s="113" t="s">
        <v>174</v>
      </c>
      <c r="AB2469" s="113" t="s">
        <v>174</v>
      </c>
      <c r="AC2469" s="113" t="s">
        <v>174</v>
      </c>
      <c r="AD2469" s="113" t="s">
        <v>174</v>
      </c>
      <c r="AE2469" s="113" t="s">
        <v>174</v>
      </c>
      <c r="AF2469" s="113" t="s">
        <v>174</v>
      </c>
      <c r="AG2469" s="113" t="s">
        <v>174</v>
      </c>
      <c r="AH2469" s="113" t="s">
        <v>174</v>
      </c>
      <c r="AI2469" s="113" t="s">
        <v>174</v>
      </c>
      <c r="AJ2469" s="113" t="s">
        <v>174</v>
      </c>
      <c r="AK2469" s="113" t="s">
        <v>174</v>
      </c>
      <c r="AL2469" s="113" t="s">
        <v>174</v>
      </c>
      <c r="AM2469" s="113" t="s">
        <v>174</v>
      </c>
      <c r="AN2469" s="113" t="s">
        <v>174</v>
      </c>
      <c r="AO2469" s="113" t="s">
        <v>174</v>
      </c>
      <c r="AP2469" s="113" t="s">
        <v>174</v>
      </c>
      <c r="AQ2469" s="113" t="s">
        <v>174</v>
      </c>
      <c r="AR2469" s="113" t="s">
        <v>174</v>
      </c>
      <c r="AS2469" s="113" t="s">
        <v>174</v>
      </c>
      <c r="AT2469" s="121" t="s">
        <v>174</v>
      </c>
      <c r="AU2469" s="113" t="s">
        <v>174</v>
      </c>
      <c r="AV2469" s="113" t="s">
        <v>174</v>
      </c>
      <c r="AW2469" s="113" t="s">
        <v>174</v>
      </c>
      <c r="AX2469" s="113"/>
      <c r="AY2469" s="113"/>
      <c r="AZ2469" s="113"/>
      <c r="BA2469" s="113"/>
      <c r="BB2469" s="107">
        <v>45884</v>
      </c>
    </row>
    <row r="2470" spans="1:54" s="207" customFormat="1" ht="13.95" customHeight="1" x14ac:dyDescent="0.25">
      <c r="A2470" s="208" t="s">
        <v>5900</v>
      </c>
      <c r="B2470" s="209" t="s">
        <v>20420</v>
      </c>
      <c r="C2470" s="113" t="s">
        <v>5901</v>
      </c>
      <c r="D2470" s="113" t="s">
        <v>5902</v>
      </c>
      <c r="E2470" s="210">
        <v>1984</v>
      </c>
      <c r="F2470" s="210">
        <v>13152</v>
      </c>
      <c r="G2470" s="113" t="s">
        <v>3</v>
      </c>
      <c r="H2470" s="113">
        <v>1</v>
      </c>
      <c r="I2470" s="113">
        <v>0</v>
      </c>
      <c r="J2470" s="115">
        <v>1</v>
      </c>
      <c r="K2470" s="116" t="s">
        <v>174</v>
      </c>
      <c r="L2470" s="115">
        <v>1</v>
      </c>
      <c r="M2470" s="115">
        <v>1</v>
      </c>
      <c r="N2470" s="115">
        <v>0</v>
      </c>
      <c r="O2470" s="115">
        <v>1</v>
      </c>
      <c r="P2470" s="115" t="s">
        <v>400</v>
      </c>
      <c r="Q2470" s="115" t="s">
        <v>400</v>
      </c>
      <c r="R2470" s="115">
        <v>1</v>
      </c>
      <c r="S2470" s="115">
        <v>0</v>
      </c>
      <c r="T2470" s="115">
        <v>0</v>
      </c>
      <c r="U2470" s="113" t="s">
        <v>174</v>
      </c>
      <c r="V2470" s="113" t="s">
        <v>174</v>
      </c>
      <c r="W2470" s="113" t="s">
        <v>174</v>
      </c>
      <c r="X2470" s="113" t="s">
        <v>174</v>
      </c>
      <c r="Y2470" s="113" t="s">
        <v>174</v>
      </c>
      <c r="Z2470" s="113" t="s">
        <v>174</v>
      </c>
      <c r="AA2470" s="113" t="s">
        <v>174</v>
      </c>
      <c r="AB2470" s="113" t="s">
        <v>174</v>
      </c>
      <c r="AC2470" s="113" t="s">
        <v>174</v>
      </c>
      <c r="AD2470" s="113" t="s">
        <v>174</v>
      </c>
      <c r="AE2470" s="113" t="s">
        <v>174</v>
      </c>
      <c r="AF2470" s="113" t="s">
        <v>174</v>
      </c>
      <c r="AG2470" s="113" t="s">
        <v>174</v>
      </c>
      <c r="AH2470" s="113" t="s">
        <v>174</v>
      </c>
      <c r="AI2470" s="113" t="s">
        <v>174</v>
      </c>
      <c r="AJ2470" s="113" t="s">
        <v>174</v>
      </c>
      <c r="AK2470" s="113" t="s">
        <v>174</v>
      </c>
      <c r="AL2470" s="113" t="s">
        <v>174</v>
      </c>
      <c r="AM2470" s="113" t="s">
        <v>174</v>
      </c>
      <c r="AN2470" s="113" t="s">
        <v>174</v>
      </c>
      <c r="AO2470" s="113" t="s">
        <v>174</v>
      </c>
      <c r="AP2470" s="113" t="s">
        <v>174</v>
      </c>
      <c r="AQ2470" s="113" t="s">
        <v>174</v>
      </c>
      <c r="AR2470" s="113" t="s">
        <v>174</v>
      </c>
      <c r="AS2470" s="113" t="s">
        <v>174</v>
      </c>
      <c r="AT2470" s="121" t="s">
        <v>174</v>
      </c>
      <c r="AU2470" s="113" t="s">
        <v>174</v>
      </c>
      <c r="AV2470" s="113" t="s">
        <v>174</v>
      </c>
      <c r="AW2470" s="113" t="s">
        <v>174</v>
      </c>
      <c r="AX2470" s="113"/>
      <c r="AY2470" s="113"/>
      <c r="AZ2470" s="113"/>
      <c r="BA2470" s="113"/>
      <c r="BB2470" s="107">
        <v>45884</v>
      </c>
    </row>
    <row r="2471" spans="1:54" s="207" customFormat="1" ht="13.95" customHeight="1" x14ac:dyDescent="0.25">
      <c r="A2471" s="208" t="s">
        <v>5903</v>
      </c>
      <c r="B2471" s="209" t="s">
        <v>20420</v>
      </c>
      <c r="C2471" s="113" t="s">
        <v>5904</v>
      </c>
      <c r="D2471" s="113" t="s">
        <v>23933</v>
      </c>
      <c r="E2471" s="210">
        <v>1999</v>
      </c>
      <c r="F2471" s="210">
        <v>13170</v>
      </c>
      <c r="G2471" s="113" t="s">
        <v>8</v>
      </c>
      <c r="H2471" s="113">
        <v>0</v>
      </c>
      <c r="I2471" s="113">
        <v>0</v>
      </c>
      <c r="J2471" s="115">
        <v>1</v>
      </c>
      <c r="K2471" s="116" t="s">
        <v>174</v>
      </c>
      <c r="L2471" s="115">
        <v>0</v>
      </c>
      <c r="M2471" s="115">
        <v>0</v>
      </c>
      <c r="N2471" s="115">
        <v>0</v>
      </c>
      <c r="O2471" s="115">
        <v>0</v>
      </c>
      <c r="P2471" s="115" t="s">
        <v>400</v>
      </c>
      <c r="Q2471" s="115" t="s">
        <v>400</v>
      </c>
      <c r="R2471" s="115">
        <v>0</v>
      </c>
      <c r="S2471" s="115">
        <v>0</v>
      </c>
      <c r="T2471" s="115">
        <v>0</v>
      </c>
      <c r="U2471" s="113" t="s">
        <v>174</v>
      </c>
      <c r="V2471" s="113" t="s">
        <v>174</v>
      </c>
      <c r="W2471" s="113" t="s">
        <v>174</v>
      </c>
      <c r="X2471" s="113" t="s">
        <v>174</v>
      </c>
      <c r="Y2471" s="113" t="s">
        <v>174</v>
      </c>
      <c r="Z2471" s="113" t="s">
        <v>174</v>
      </c>
      <c r="AA2471" s="113" t="s">
        <v>174</v>
      </c>
      <c r="AB2471" s="113" t="s">
        <v>174</v>
      </c>
      <c r="AC2471" s="113" t="s">
        <v>174</v>
      </c>
      <c r="AD2471" s="113" t="s">
        <v>174</v>
      </c>
      <c r="AE2471" s="113" t="s">
        <v>174</v>
      </c>
      <c r="AF2471" s="113" t="s">
        <v>174</v>
      </c>
      <c r="AG2471" s="113" t="s">
        <v>174</v>
      </c>
      <c r="AH2471" s="113" t="s">
        <v>174</v>
      </c>
      <c r="AI2471" s="113" t="s">
        <v>174</v>
      </c>
      <c r="AJ2471" s="113" t="s">
        <v>174</v>
      </c>
      <c r="AK2471" s="113" t="s">
        <v>174</v>
      </c>
      <c r="AL2471" s="113" t="s">
        <v>174</v>
      </c>
      <c r="AM2471" s="113" t="s">
        <v>174</v>
      </c>
      <c r="AN2471" s="113" t="s">
        <v>174</v>
      </c>
      <c r="AO2471" s="113" t="s">
        <v>174</v>
      </c>
      <c r="AP2471" s="113" t="s">
        <v>174</v>
      </c>
      <c r="AQ2471" s="113" t="s">
        <v>174</v>
      </c>
      <c r="AR2471" s="113" t="s">
        <v>174</v>
      </c>
      <c r="AS2471" s="113" t="s">
        <v>174</v>
      </c>
      <c r="AT2471" s="121" t="s">
        <v>174</v>
      </c>
      <c r="AU2471" s="113" t="s">
        <v>174</v>
      </c>
      <c r="AV2471" s="113" t="s">
        <v>174</v>
      </c>
      <c r="AW2471" s="113" t="s">
        <v>174</v>
      </c>
      <c r="AX2471" s="113"/>
      <c r="AY2471" s="113"/>
      <c r="AZ2471" s="113"/>
      <c r="BA2471" s="113"/>
      <c r="BB2471" s="107">
        <v>45884</v>
      </c>
    </row>
    <row r="2472" spans="1:54" s="207" customFormat="1" ht="13.95" customHeight="1" x14ac:dyDescent="0.25">
      <c r="A2472" s="208" t="s">
        <v>5905</v>
      </c>
      <c r="B2472" s="209" t="s">
        <v>20420</v>
      </c>
      <c r="C2472" s="113" t="s">
        <v>5906</v>
      </c>
      <c r="D2472" s="113" t="s">
        <v>5907</v>
      </c>
      <c r="E2472" s="210">
        <v>1998</v>
      </c>
      <c r="F2472" s="210">
        <v>13286</v>
      </c>
      <c r="G2472" s="113" t="s">
        <v>3</v>
      </c>
      <c r="H2472" s="113">
        <v>1</v>
      </c>
      <c r="I2472" s="113">
        <v>1</v>
      </c>
      <c r="J2472" s="115">
        <v>1</v>
      </c>
      <c r="K2472" s="116" t="s">
        <v>174</v>
      </c>
      <c r="L2472" s="115">
        <v>0</v>
      </c>
      <c r="M2472" s="115">
        <v>0</v>
      </c>
      <c r="N2472" s="115">
        <v>0</v>
      </c>
      <c r="O2472" s="115">
        <v>0</v>
      </c>
      <c r="P2472" s="115" t="s">
        <v>400</v>
      </c>
      <c r="Q2472" s="115" t="s">
        <v>400</v>
      </c>
      <c r="R2472" s="115">
        <v>0</v>
      </c>
      <c r="S2472" s="115">
        <v>0</v>
      </c>
      <c r="T2472" s="115">
        <v>0</v>
      </c>
      <c r="U2472" s="113" t="s">
        <v>174</v>
      </c>
      <c r="V2472" s="113" t="s">
        <v>174</v>
      </c>
      <c r="W2472" s="113" t="s">
        <v>174</v>
      </c>
      <c r="X2472" s="113" t="s">
        <v>174</v>
      </c>
      <c r="Y2472" s="113" t="s">
        <v>174</v>
      </c>
      <c r="Z2472" s="113" t="s">
        <v>174</v>
      </c>
      <c r="AA2472" s="113" t="s">
        <v>174</v>
      </c>
      <c r="AB2472" s="113" t="s">
        <v>174</v>
      </c>
      <c r="AC2472" s="113" t="s">
        <v>174</v>
      </c>
      <c r="AD2472" s="113" t="s">
        <v>174</v>
      </c>
      <c r="AE2472" s="113" t="s">
        <v>174</v>
      </c>
      <c r="AF2472" s="113" t="s">
        <v>174</v>
      </c>
      <c r="AG2472" s="113" t="s">
        <v>174</v>
      </c>
      <c r="AH2472" s="113" t="s">
        <v>174</v>
      </c>
      <c r="AI2472" s="113" t="s">
        <v>174</v>
      </c>
      <c r="AJ2472" s="113" t="s">
        <v>174</v>
      </c>
      <c r="AK2472" s="113" t="s">
        <v>174</v>
      </c>
      <c r="AL2472" s="113" t="s">
        <v>174</v>
      </c>
      <c r="AM2472" s="113" t="s">
        <v>174</v>
      </c>
      <c r="AN2472" s="113" t="s">
        <v>174</v>
      </c>
      <c r="AO2472" s="113" t="s">
        <v>174</v>
      </c>
      <c r="AP2472" s="113" t="s">
        <v>174</v>
      </c>
      <c r="AQ2472" s="113" t="s">
        <v>174</v>
      </c>
      <c r="AR2472" s="113" t="s">
        <v>174</v>
      </c>
      <c r="AS2472" s="113" t="s">
        <v>174</v>
      </c>
      <c r="AT2472" s="121" t="s">
        <v>174</v>
      </c>
      <c r="AU2472" s="113" t="s">
        <v>174</v>
      </c>
      <c r="AV2472" s="113" t="s">
        <v>174</v>
      </c>
      <c r="AW2472" s="113" t="s">
        <v>174</v>
      </c>
      <c r="AX2472" s="113"/>
      <c r="AY2472" s="113"/>
      <c r="AZ2472" s="113"/>
      <c r="BA2472" s="113"/>
      <c r="BB2472" s="107">
        <v>45884</v>
      </c>
    </row>
    <row r="2473" spans="1:54" s="207" customFormat="1" ht="13.95" customHeight="1" x14ac:dyDescent="0.25">
      <c r="A2473" s="208" t="s">
        <v>5908</v>
      </c>
      <c r="B2473" s="209" t="s">
        <v>20420</v>
      </c>
      <c r="C2473" s="113" t="s">
        <v>5909</v>
      </c>
      <c r="D2473" s="113" t="s">
        <v>23934</v>
      </c>
      <c r="E2473" s="210">
        <v>1991</v>
      </c>
      <c r="F2473" s="210">
        <v>13378</v>
      </c>
      <c r="G2473" s="113" t="s">
        <v>3</v>
      </c>
      <c r="H2473" s="113">
        <v>1</v>
      </c>
      <c r="I2473" s="113">
        <v>1</v>
      </c>
      <c r="J2473" s="115">
        <v>1</v>
      </c>
      <c r="K2473" s="116" t="s">
        <v>174</v>
      </c>
      <c r="L2473" s="115">
        <v>1</v>
      </c>
      <c r="M2473" s="115">
        <v>1</v>
      </c>
      <c r="N2473" s="115">
        <v>0</v>
      </c>
      <c r="O2473" s="115">
        <v>0</v>
      </c>
      <c r="P2473" s="115" t="s">
        <v>400</v>
      </c>
      <c r="Q2473" s="115" t="s">
        <v>400</v>
      </c>
      <c r="R2473" s="115">
        <v>1</v>
      </c>
      <c r="S2473" s="115">
        <v>0</v>
      </c>
      <c r="T2473" s="115">
        <v>0</v>
      </c>
      <c r="U2473" s="113" t="s">
        <v>174</v>
      </c>
      <c r="V2473" s="113" t="s">
        <v>174</v>
      </c>
      <c r="W2473" s="113" t="s">
        <v>174</v>
      </c>
      <c r="X2473" s="113" t="s">
        <v>174</v>
      </c>
      <c r="Y2473" s="113" t="s">
        <v>174</v>
      </c>
      <c r="Z2473" s="113" t="s">
        <v>174</v>
      </c>
      <c r="AA2473" s="113" t="s">
        <v>174</v>
      </c>
      <c r="AB2473" s="113" t="s">
        <v>174</v>
      </c>
      <c r="AC2473" s="113" t="s">
        <v>174</v>
      </c>
      <c r="AD2473" s="113" t="s">
        <v>174</v>
      </c>
      <c r="AE2473" s="113" t="s">
        <v>174</v>
      </c>
      <c r="AF2473" s="113" t="s">
        <v>174</v>
      </c>
      <c r="AG2473" s="113" t="s">
        <v>174</v>
      </c>
      <c r="AH2473" s="113" t="s">
        <v>174</v>
      </c>
      <c r="AI2473" s="113" t="s">
        <v>174</v>
      </c>
      <c r="AJ2473" s="113" t="s">
        <v>174</v>
      </c>
      <c r="AK2473" s="113" t="s">
        <v>174</v>
      </c>
      <c r="AL2473" s="113" t="s">
        <v>174</v>
      </c>
      <c r="AM2473" s="113" t="s">
        <v>174</v>
      </c>
      <c r="AN2473" s="113" t="s">
        <v>174</v>
      </c>
      <c r="AO2473" s="113" t="s">
        <v>174</v>
      </c>
      <c r="AP2473" s="113" t="s">
        <v>174</v>
      </c>
      <c r="AQ2473" s="113" t="s">
        <v>174</v>
      </c>
      <c r="AR2473" s="113" t="s">
        <v>174</v>
      </c>
      <c r="AS2473" s="113" t="s">
        <v>174</v>
      </c>
      <c r="AT2473" s="121" t="s">
        <v>174</v>
      </c>
      <c r="AU2473" s="113" t="s">
        <v>174</v>
      </c>
      <c r="AV2473" s="113" t="s">
        <v>174</v>
      </c>
      <c r="AW2473" s="113" t="s">
        <v>174</v>
      </c>
      <c r="AX2473" s="113"/>
      <c r="AY2473" s="113"/>
      <c r="AZ2473" s="113"/>
      <c r="BA2473" s="113"/>
      <c r="BB2473" s="107">
        <v>45884</v>
      </c>
    </row>
    <row r="2474" spans="1:54" s="207" customFormat="1" ht="13.95" customHeight="1" x14ac:dyDescent="0.25">
      <c r="A2474" s="208" t="s">
        <v>5910</v>
      </c>
      <c r="B2474" s="209" t="s">
        <v>20420</v>
      </c>
      <c r="C2474" s="113" t="s">
        <v>5911</v>
      </c>
      <c r="D2474" s="113" t="s">
        <v>23935</v>
      </c>
      <c r="E2474" s="210">
        <v>1981</v>
      </c>
      <c r="F2474" s="210">
        <v>13501</v>
      </c>
      <c r="G2474" s="113" t="s">
        <v>3</v>
      </c>
      <c r="H2474" s="113">
        <v>0</v>
      </c>
      <c r="I2474" s="113">
        <v>0</v>
      </c>
      <c r="J2474" s="115">
        <v>1</v>
      </c>
      <c r="K2474" s="211">
        <v>1</v>
      </c>
      <c r="L2474" s="115">
        <v>1</v>
      </c>
      <c r="M2474" s="115">
        <v>1</v>
      </c>
      <c r="N2474" s="115">
        <v>1</v>
      </c>
      <c r="O2474" s="115">
        <v>1</v>
      </c>
      <c r="P2474" s="115" t="s">
        <v>400</v>
      </c>
      <c r="Q2474" s="115" t="s">
        <v>400</v>
      </c>
      <c r="R2474" s="115">
        <v>1</v>
      </c>
      <c r="S2474" s="115">
        <v>0</v>
      </c>
      <c r="T2474" s="115">
        <v>0</v>
      </c>
      <c r="U2474" s="113" t="s">
        <v>174</v>
      </c>
      <c r="V2474" s="113" t="s">
        <v>174</v>
      </c>
      <c r="W2474" s="113" t="s">
        <v>174</v>
      </c>
      <c r="X2474" s="113" t="s">
        <v>174</v>
      </c>
      <c r="Y2474" s="113" t="s">
        <v>174</v>
      </c>
      <c r="Z2474" s="113" t="s">
        <v>174</v>
      </c>
      <c r="AA2474" s="113" t="s">
        <v>174</v>
      </c>
      <c r="AB2474" s="113" t="s">
        <v>174</v>
      </c>
      <c r="AC2474" s="113" t="s">
        <v>174</v>
      </c>
      <c r="AD2474" s="113" t="s">
        <v>174</v>
      </c>
      <c r="AE2474" s="113" t="s">
        <v>174</v>
      </c>
      <c r="AF2474" s="113" t="s">
        <v>174</v>
      </c>
      <c r="AG2474" s="113" t="s">
        <v>174</v>
      </c>
      <c r="AH2474" s="113" t="s">
        <v>174</v>
      </c>
      <c r="AI2474" s="113" t="s">
        <v>174</v>
      </c>
      <c r="AJ2474" s="113" t="s">
        <v>174</v>
      </c>
      <c r="AK2474" s="113" t="s">
        <v>174</v>
      </c>
      <c r="AL2474" s="113" t="s">
        <v>174</v>
      </c>
      <c r="AM2474" s="113" t="s">
        <v>174</v>
      </c>
      <c r="AN2474" s="113" t="s">
        <v>174</v>
      </c>
      <c r="AO2474" s="113" t="s">
        <v>174</v>
      </c>
      <c r="AP2474" s="113" t="s">
        <v>174</v>
      </c>
      <c r="AQ2474" s="113" t="s">
        <v>174</v>
      </c>
      <c r="AR2474" s="113" t="s">
        <v>174</v>
      </c>
      <c r="AS2474" s="113" t="s">
        <v>174</v>
      </c>
      <c r="AT2474" s="121" t="s">
        <v>174</v>
      </c>
      <c r="AU2474" s="113" t="s">
        <v>174</v>
      </c>
      <c r="AV2474" s="113" t="s">
        <v>174</v>
      </c>
      <c r="AW2474" s="113" t="s">
        <v>174</v>
      </c>
      <c r="AX2474" s="113"/>
      <c r="AY2474" s="113"/>
      <c r="AZ2474" s="113"/>
      <c r="BA2474" s="113"/>
      <c r="BB2474" s="107">
        <v>45884</v>
      </c>
    </row>
    <row r="2475" spans="1:54" s="207" customFormat="1" ht="13.95" customHeight="1" x14ac:dyDescent="0.25">
      <c r="A2475" s="208" t="s">
        <v>5912</v>
      </c>
      <c r="B2475" s="209" t="s">
        <v>20420</v>
      </c>
      <c r="C2475" s="113" t="s">
        <v>5913</v>
      </c>
      <c r="D2475" s="113" t="s">
        <v>23936</v>
      </c>
      <c r="E2475" s="210">
        <v>1995</v>
      </c>
      <c r="F2475" s="210">
        <v>13516</v>
      </c>
      <c r="G2475" s="113" t="s">
        <v>3</v>
      </c>
      <c r="H2475" s="113">
        <v>1</v>
      </c>
      <c r="I2475" s="113">
        <v>0</v>
      </c>
      <c r="J2475" s="115">
        <v>1</v>
      </c>
      <c r="K2475" s="116" t="s">
        <v>174</v>
      </c>
      <c r="L2475" s="115">
        <v>0</v>
      </c>
      <c r="M2475" s="115">
        <v>1</v>
      </c>
      <c r="N2475" s="115">
        <v>1</v>
      </c>
      <c r="O2475" s="115">
        <v>0</v>
      </c>
      <c r="P2475" s="115" t="s">
        <v>400</v>
      </c>
      <c r="Q2475" s="115" t="s">
        <v>400</v>
      </c>
      <c r="R2475" s="115">
        <v>1</v>
      </c>
      <c r="S2475" s="115">
        <v>0</v>
      </c>
      <c r="T2475" s="115">
        <v>0</v>
      </c>
      <c r="U2475" s="113" t="s">
        <v>174</v>
      </c>
      <c r="V2475" s="113" t="s">
        <v>174</v>
      </c>
      <c r="W2475" s="113" t="s">
        <v>174</v>
      </c>
      <c r="X2475" s="113" t="s">
        <v>174</v>
      </c>
      <c r="Y2475" s="113" t="s">
        <v>174</v>
      </c>
      <c r="Z2475" s="113" t="s">
        <v>174</v>
      </c>
      <c r="AA2475" s="113" t="s">
        <v>174</v>
      </c>
      <c r="AB2475" s="113" t="s">
        <v>174</v>
      </c>
      <c r="AC2475" s="113" t="s">
        <v>174</v>
      </c>
      <c r="AD2475" s="113" t="s">
        <v>174</v>
      </c>
      <c r="AE2475" s="113" t="s">
        <v>174</v>
      </c>
      <c r="AF2475" s="113" t="s">
        <v>174</v>
      </c>
      <c r="AG2475" s="113" t="s">
        <v>174</v>
      </c>
      <c r="AH2475" s="113" t="s">
        <v>174</v>
      </c>
      <c r="AI2475" s="113" t="s">
        <v>174</v>
      </c>
      <c r="AJ2475" s="113" t="s">
        <v>174</v>
      </c>
      <c r="AK2475" s="113" t="s">
        <v>174</v>
      </c>
      <c r="AL2475" s="113" t="s">
        <v>174</v>
      </c>
      <c r="AM2475" s="113" t="s">
        <v>174</v>
      </c>
      <c r="AN2475" s="113" t="s">
        <v>174</v>
      </c>
      <c r="AO2475" s="113" t="s">
        <v>174</v>
      </c>
      <c r="AP2475" s="113" t="s">
        <v>174</v>
      </c>
      <c r="AQ2475" s="113" t="s">
        <v>174</v>
      </c>
      <c r="AR2475" s="113" t="s">
        <v>174</v>
      </c>
      <c r="AS2475" s="113" t="s">
        <v>174</v>
      </c>
      <c r="AT2475" s="121" t="s">
        <v>174</v>
      </c>
      <c r="AU2475" s="113" t="s">
        <v>174</v>
      </c>
      <c r="AV2475" s="113" t="s">
        <v>174</v>
      </c>
      <c r="AW2475" s="113" t="s">
        <v>174</v>
      </c>
      <c r="AX2475" s="113"/>
      <c r="AY2475" s="113"/>
      <c r="AZ2475" s="113"/>
      <c r="BA2475" s="113"/>
      <c r="BB2475" s="107">
        <v>45884</v>
      </c>
    </row>
    <row r="2476" spans="1:54" s="207" customFormat="1" ht="13.95" customHeight="1" x14ac:dyDescent="0.25">
      <c r="A2476" s="208" t="s">
        <v>5914</v>
      </c>
      <c r="B2476" s="209" t="s">
        <v>20420</v>
      </c>
      <c r="C2476" s="113" t="s">
        <v>5915</v>
      </c>
      <c r="D2476" s="113" t="s">
        <v>23937</v>
      </c>
      <c r="E2476" s="210">
        <v>1988</v>
      </c>
      <c r="F2476" s="210">
        <v>13528</v>
      </c>
      <c r="G2476" s="113" t="s">
        <v>3</v>
      </c>
      <c r="H2476" s="113">
        <v>0</v>
      </c>
      <c r="I2476" s="113">
        <v>0</v>
      </c>
      <c r="J2476" s="115">
        <v>1</v>
      </c>
      <c r="K2476" s="211">
        <v>1</v>
      </c>
      <c r="L2476" s="115">
        <v>1</v>
      </c>
      <c r="M2476" s="115">
        <v>1</v>
      </c>
      <c r="N2476" s="115">
        <v>1</v>
      </c>
      <c r="O2476" s="115">
        <v>1</v>
      </c>
      <c r="P2476" s="115">
        <v>1</v>
      </c>
      <c r="Q2476" s="115" t="s">
        <v>400</v>
      </c>
      <c r="R2476" s="115">
        <v>1</v>
      </c>
      <c r="S2476" s="115">
        <v>0</v>
      </c>
      <c r="T2476" s="115">
        <v>0</v>
      </c>
      <c r="U2476" s="113" t="s">
        <v>174</v>
      </c>
      <c r="V2476" s="113" t="s">
        <v>174</v>
      </c>
      <c r="W2476" s="113" t="s">
        <v>174</v>
      </c>
      <c r="X2476" s="113" t="s">
        <v>174</v>
      </c>
      <c r="Y2476" s="113" t="s">
        <v>174</v>
      </c>
      <c r="Z2476" s="113" t="s">
        <v>174</v>
      </c>
      <c r="AA2476" s="113" t="s">
        <v>174</v>
      </c>
      <c r="AB2476" s="113" t="s">
        <v>174</v>
      </c>
      <c r="AC2476" s="113" t="s">
        <v>174</v>
      </c>
      <c r="AD2476" s="113" t="s">
        <v>174</v>
      </c>
      <c r="AE2476" s="113" t="s">
        <v>174</v>
      </c>
      <c r="AF2476" s="113" t="s">
        <v>174</v>
      </c>
      <c r="AG2476" s="113" t="s">
        <v>174</v>
      </c>
      <c r="AH2476" s="113" t="s">
        <v>174</v>
      </c>
      <c r="AI2476" s="113" t="s">
        <v>174</v>
      </c>
      <c r="AJ2476" s="113" t="s">
        <v>174</v>
      </c>
      <c r="AK2476" s="113" t="s">
        <v>174</v>
      </c>
      <c r="AL2476" s="113" t="s">
        <v>174</v>
      </c>
      <c r="AM2476" s="113" t="s">
        <v>174</v>
      </c>
      <c r="AN2476" s="113" t="s">
        <v>174</v>
      </c>
      <c r="AO2476" s="113" t="s">
        <v>174</v>
      </c>
      <c r="AP2476" s="113" t="s">
        <v>174</v>
      </c>
      <c r="AQ2476" s="113" t="s">
        <v>174</v>
      </c>
      <c r="AR2476" s="113" t="s">
        <v>174</v>
      </c>
      <c r="AS2476" s="113" t="s">
        <v>174</v>
      </c>
      <c r="AT2476" s="121" t="s">
        <v>174</v>
      </c>
      <c r="AU2476" s="113" t="s">
        <v>174</v>
      </c>
      <c r="AV2476" s="113" t="s">
        <v>174</v>
      </c>
      <c r="AW2476" s="113" t="s">
        <v>174</v>
      </c>
      <c r="AX2476" s="113"/>
      <c r="AY2476" s="113"/>
      <c r="AZ2476" s="113"/>
      <c r="BA2476" s="113"/>
      <c r="BB2476" s="107">
        <v>45884</v>
      </c>
    </row>
    <row r="2477" spans="1:54" s="207" customFormat="1" ht="13.95" customHeight="1" x14ac:dyDescent="0.25">
      <c r="A2477" s="208" t="s">
        <v>5916</v>
      </c>
      <c r="B2477" s="209" t="s">
        <v>20420</v>
      </c>
      <c r="C2477" s="113" t="s">
        <v>5917</v>
      </c>
      <c r="D2477" s="113" t="s">
        <v>5918</v>
      </c>
      <c r="E2477" s="210">
        <v>1989</v>
      </c>
      <c r="F2477" s="210">
        <v>13545</v>
      </c>
      <c r="G2477" s="113" t="s">
        <v>3</v>
      </c>
      <c r="H2477" s="113">
        <v>0</v>
      </c>
      <c r="I2477" s="113">
        <v>0</v>
      </c>
      <c r="J2477" s="115">
        <v>1</v>
      </c>
      <c r="K2477" s="116" t="s">
        <v>174</v>
      </c>
      <c r="L2477" s="115">
        <v>1</v>
      </c>
      <c r="M2477" s="115">
        <v>1</v>
      </c>
      <c r="N2477" s="115">
        <v>0</v>
      </c>
      <c r="O2477" s="115">
        <v>1</v>
      </c>
      <c r="P2477" s="115">
        <v>1</v>
      </c>
      <c r="Q2477" s="115" t="s">
        <v>400</v>
      </c>
      <c r="R2477" s="115">
        <v>0</v>
      </c>
      <c r="S2477" s="115">
        <v>0</v>
      </c>
      <c r="T2477" s="115">
        <v>0</v>
      </c>
      <c r="U2477" s="113" t="s">
        <v>174</v>
      </c>
      <c r="V2477" s="113" t="s">
        <v>174</v>
      </c>
      <c r="W2477" s="113" t="s">
        <v>174</v>
      </c>
      <c r="X2477" s="113" t="s">
        <v>174</v>
      </c>
      <c r="Y2477" s="113" t="s">
        <v>174</v>
      </c>
      <c r="Z2477" s="113" t="s">
        <v>174</v>
      </c>
      <c r="AA2477" s="113" t="s">
        <v>174</v>
      </c>
      <c r="AB2477" s="113" t="s">
        <v>174</v>
      </c>
      <c r="AC2477" s="113" t="s">
        <v>174</v>
      </c>
      <c r="AD2477" s="113" t="s">
        <v>174</v>
      </c>
      <c r="AE2477" s="113" t="s">
        <v>174</v>
      </c>
      <c r="AF2477" s="113" t="s">
        <v>174</v>
      </c>
      <c r="AG2477" s="113" t="s">
        <v>174</v>
      </c>
      <c r="AH2477" s="113" t="s">
        <v>174</v>
      </c>
      <c r="AI2477" s="113" t="s">
        <v>174</v>
      </c>
      <c r="AJ2477" s="113" t="s">
        <v>174</v>
      </c>
      <c r="AK2477" s="113" t="s">
        <v>174</v>
      </c>
      <c r="AL2477" s="113" t="s">
        <v>174</v>
      </c>
      <c r="AM2477" s="113" t="s">
        <v>174</v>
      </c>
      <c r="AN2477" s="113" t="s">
        <v>174</v>
      </c>
      <c r="AO2477" s="113" t="s">
        <v>174</v>
      </c>
      <c r="AP2477" s="113" t="s">
        <v>174</v>
      </c>
      <c r="AQ2477" s="113" t="s">
        <v>174</v>
      </c>
      <c r="AR2477" s="113" t="s">
        <v>174</v>
      </c>
      <c r="AS2477" s="113" t="s">
        <v>174</v>
      </c>
      <c r="AT2477" s="121" t="s">
        <v>174</v>
      </c>
      <c r="AU2477" s="113" t="s">
        <v>174</v>
      </c>
      <c r="AV2477" s="113" t="s">
        <v>174</v>
      </c>
      <c r="AW2477" s="113" t="s">
        <v>174</v>
      </c>
      <c r="AX2477" s="113"/>
      <c r="AY2477" s="113"/>
      <c r="AZ2477" s="113"/>
      <c r="BA2477" s="113"/>
      <c r="BB2477" s="107">
        <v>45884</v>
      </c>
    </row>
    <row r="2478" spans="1:54" s="207" customFormat="1" ht="13.95" customHeight="1" x14ac:dyDescent="0.25">
      <c r="A2478" s="208" t="s">
        <v>5919</v>
      </c>
      <c r="B2478" s="209" t="s">
        <v>20420</v>
      </c>
      <c r="C2478" s="113" t="s">
        <v>5920</v>
      </c>
      <c r="D2478" s="113" t="s">
        <v>23938</v>
      </c>
      <c r="E2478" s="210">
        <v>1987</v>
      </c>
      <c r="F2478" s="210">
        <v>13920</v>
      </c>
      <c r="G2478" s="113" t="s">
        <v>8</v>
      </c>
      <c r="H2478" s="113">
        <v>0</v>
      </c>
      <c r="I2478" s="113">
        <v>0</v>
      </c>
      <c r="J2478" s="115">
        <v>0</v>
      </c>
      <c r="K2478" s="116" t="s">
        <v>174</v>
      </c>
      <c r="L2478" s="115">
        <v>0</v>
      </c>
      <c r="M2478" s="115">
        <v>0</v>
      </c>
      <c r="N2478" s="115">
        <v>0</v>
      </c>
      <c r="O2478" s="115">
        <v>0</v>
      </c>
      <c r="P2478" s="115" t="s">
        <v>400</v>
      </c>
      <c r="Q2478" s="115" t="s">
        <v>400</v>
      </c>
      <c r="R2478" s="115">
        <v>0</v>
      </c>
      <c r="S2478" s="115">
        <v>0</v>
      </c>
      <c r="T2478" s="115">
        <v>0</v>
      </c>
      <c r="U2478" s="113" t="s">
        <v>174</v>
      </c>
      <c r="V2478" s="113" t="s">
        <v>174</v>
      </c>
      <c r="W2478" s="113" t="s">
        <v>174</v>
      </c>
      <c r="X2478" s="113" t="s">
        <v>174</v>
      </c>
      <c r="Y2478" s="113" t="s">
        <v>174</v>
      </c>
      <c r="Z2478" s="113" t="s">
        <v>174</v>
      </c>
      <c r="AA2478" s="113" t="s">
        <v>174</v>
      </c>
      <c r="AB2478" s="113" t="s">
        <v>174</v>
      </c>
      <c r="AC2478" s="113" t="s">
        <v>174</v>
      </c>
      <c r="AD2478" s="113" t="s">
        <v>174</v>
      </c>
      <c r="AE2478" s="113" t="s">
        <v>174</v>
      </c>
      <c r="AF2478" s="113" t="s">
        <v>174</v>
      </c>
      <c r="AG2478" s="113" t="s">
        <v>174</v>
      </c>
      <c r="AH2478" s="113" t="s">
        <v>174</v>
      </c>
      <c r="AI2478" s="113" t="s">
        <v>174</v>
      </c>
      <c r="AJ2478" s="113" t="s">
        <v>174</v>
      </c>
      <c r="AK2478" s="113" t="s">
        <v>174</v>
      </c>
      <c r="AL2478" s="113" t="s">
        <v>174</v>
      </c>
      <c r="AM2478" s="113" t="s">
        <v>174</v>
      </c>
      <c r="AN2478" s="113" t="s">
        <v>174</v>
      </c>
      <c r="AO2478" s="113" t="s">
        <v>174</v>
      </c>
      <c r="AP2478" s="113" t="s">
        <v>174</v>
      </c>
      <c r="AQ2478" s="113" t="s">
        <v>174</v>
      </c>
      <c r="AR2478" s="113" t="s">
        <v>174</v>
      </c>
      <c r="AS2478" s="113" t="s">
        <v>174</v>
      </c>
      <c r="AT2478" s="121" t="s">
        <v>174</v>
      </c>
      <c r="AU2478" s="113" t="s">
        <v>174</v>
      </c>
      <c r="AV2478" s="113" t="s">
        <v>174</v>
      </c>
      <c r="AW2478" s="113" t="s">
        <v>174</v>
      </c>
      <c r="AX2478" s="113"/>
      <c r="AY2478" s="113"/>
      <c r="AZ2478" s="113"/>
      <c r="BA2478" s="113"/>
      <c r="BB2478" s="107">
        <v>45884</v>
      </c>
    </row>
    <row r="2479" spans="1:54" s="207" customFormat="1" ht="13.95" customHeight="1" x14ac:dyDescent="0.25">
      <c r="A2479" s="208" t="s">
        <v>5921</v>
      </c>
      <c r="B2479" s="209" t="s">
        <v>20420</v>
      </c>
      <c r="C2479" s="113" t="s">
        <v>5922</v>
      </c>
      <c r="D2479" s="113" t="s">
        <v>23939</v>
      </c>
      <c r="E2479" s="210">
        <v>2007</v>
      </c>
      <c r="F2479" s="210">
        <v>13962</v>
      </c>
      <c r="G2479" s="113" t="s">
        <v>3</v>
      </c>
      <c r="H2479" s="113">
        <v>1</v>
      </c>
      <c r="I2479" s="113">
        <v>1</v>
      </c>
      <c r="J2479" s="115">
        <v>1</v>
      </c>
      <c r="K2479" s="116" t="s">
        <v>174</v>
      </c>
      <c r="L2479" s="115">
        <v>1</v>
      </c>
      <c r="M2479" s="115">
        <v>1</v>
      </c>
      <c r="N2479" s="115">
        <v>0</v>
      </c>
      <c r="O2479" s="115">
        <v>1</v>
      </c>
      <c r="P2479" s="115" t="s">
        <v>400</v>
      </c>
      <c r="Q2479" s="115">
        <v>1</v>
      </c>
      <c r="R2479" s="115">
        <v>1</v>
      </c>
      <c r="S2479" s="115">
        <v>0</v>
      </c>
      <c r="T2479" s="115">
        <v>0</v>
      </c>
      <c r="U2479" s="113" t="s">
        <v>174</v>
      </c>
      <c r="V2479" s="113" t="s">
        <v>174</v>
      </c>
      <c r="W2479" s="113" t="s">
        <v>174</v>
      </c>
      <c r="X2479" s="113" t="s">
        <v>174</v>
      </c>
      <c r="Y2479" s="113" t="s">
        <v>174</v>
      </c>
      <c r="Z2479" s="113" t="s">
        <v>174</v>
      </c>
      <c r="AA2479" s="113" t="s">
        <v>174</v>
      </c>
      <c r="AB2479" s="113" t="s">
        <v>174</v>
      </c>
      <c r="AC2479" s="113" t="s">
        <v>174</v>
      </c>
      <c r="AD2479" s="113" t="s">
        <v>174</v>
      </c>
      <c r="AE2479" s="113" t="s">
        <v>174</v>
      </c>
      <c r="AF2479" s="113" t="s">
        <v>174</v>
      </c>
      <c r="AG2479" s="113" t="s">
        <v>174</v>
      </c>
      <c r="AH2479" s="113" t="s">
        <v>174</v>
      </c>
      <c r="AI2479" s="113" t="s">
        <v>174</v>
      </c>
      <c r="AJ2479" s="113" t="s">
        <v>174</v>
      </c>
      <c r="AK2479" s="113" t="s">
        <v>174</v>
      </c>
      <c r="AL2479" s="113" t="s">
        <v>174</v>
      </c>
      <c r="AM2479" s="113" t="s">
        <v>174</v>
      </c>
      <c r="AN2479" s="113" t="s">
        <v>174</v>
      </c>
      <c r="AO2479" s="113" t="s">
        <v>174</v>
      </c>
      <c r="AP2479" s="113" t="s">
        <v>174</v>
      </c>
      <c r="AQ2479" s="113" t="s">
        <v>174</v>
      </c>
      <c r="AR2479" s="113" t="s">
        <v>174</v>
      </c>
      <c r="AS2479" s="113" t="s">
        <v>174</v>
      </c>
      <c r="AT2479" s="121" t="s">
        <v>174</v>
      </c>
      <c r="AU2479" s="113" t="s">
        <v>174</v>
      </c>
      <c r="AV2479" s="113" t="s">
        <v>174</v>
      </c>
      <c r="AW2479" s="113" t="s">
        <v>174</v>
      </c>
      <c r="AX2479" s="113"/>
      <c r="AY2479" s="113"/>
      <c r="AZ2479" s="113"/>
      <c r="BA2479" s="113"/>
      <c r="BB2479" s="107">
        <v>45884</v>
      </c>
    </row>
    <row r="2480" spans="1:54" s="207" customFormat="1" ht="13.95" customHeight="1" x14ac:dyDescent="0.25">
      <c r="A2480" s="208" t="s">
        <v>5923</v>
      </c>
      <c r="B2480" s="209" t="s">
        <v>20420</v>
      </c>
      <c r="C2480" s="113" t="s">
        <v>5924</v>
      </c>
      <c r="D2480" s="113" t="s">
        <v>23940</v>
      </c>
      <c r="E2480" s="210">
        <v>2000</v>
      </c>
      <c r="F2480" s="210">
        <v>14102</v>
      </c>
      <c r="G2480" s="113" t="s">
        <v>3</v>
      </c>
      <c r="H2480" s="113">
        <v>1</v>
      </c>
      <c r="I2480" s="113">
        <v>1</v>
      </c>
      <c r="J2480" s="115">
        <v>1</v>
      </c>
      <c r="K2480" s="116" t="s">
        <v>174</v>
      </c>
      <c r="L2480" s="115">
        <v>1</v>
      </c>
      <c r="M2480" s="115">
        <v>1</v>
      </c>
      <c r="N2480" s="115">
        <v>0</v>
      </c>
      <c r="O2480" s="115">
        <v>0</v>
      </c>
      <c r="P2480" s="115" t="s">
        <v>400</v>
      </c>
      <c r="Q2480" s="115" t="s">
        <v>400</v>
      </c>
      <c r="R2480" s="115">
        <v>0</v>
      </c>
      <c r="S2480" s="115">
        <v>0</v>
      </c>
      <c r="T2480" s="115">
        <v>0</v>
      </c>
      <c r="U2480" s="113" t="s">
        <v>174</v>
      </c>
      <c r="V2480" s="113" t="s">
        <v>174</v>
      </c>
      <c r="W2480" s="113" t="s">
        <v>174</v>
      </c>
      <c r="X2480" s="113" t="s">
        <v>174</v>
      </c>
      <c r="Y2480" s="113" t="s">
        <v>174</v>
      </c>
      <c r="Z2480" s="113" t="s">
        <v>174</v>
      </c>
      <c r="AA2480" s="113" t="s">
        <v>174</v>
      </c>
      <c r="AB2480" s="113" t="s">
        <v>174</v>
      </c>
      <c r="AC2480" s="113" t="s">
        <v>174</v>
      </c>
      <c r="AD2480" s="113" t="s">
        <v>174</v>
      </c>
      <c r="AE2480" s="113" t="s">
        <v>174</v>
      </c>
      <c r="AF2480" s="113" t="s">
        <v>174</v>
      </c>
      <c r="AG2480" s="113" t="s">
        <v>174</v>
      </c>
      <c r="AH2480" s="113" t="s">
        <v>174</v>
      </c>
      <c r="AI2480" s="113" t="s">
        <v>174</v>
      </c>
      <c r="AJ2480" s="113" t="s">
        <v>174</v>
      </c>
      <c r="AK2480" s="113" t="s">
        <v>174</v>
      </c>
      <c r="AL2480" s="113" t="s">
        <v>174</v>
      </c>
      <c r="AM2480" s="113" t="s">
        <v>174</v>
      </c>
      <c r="AN2480" s="113" t="s">
        <v>174</v>
      </c>
      <c r="AO2480" s="113" t="s">
        <v>174</v>
      </c>
      <c r="AP2480" s="113" t="s">
        <v>174</v>
      </c>
      <c r="AQ2480" s="113" t="s">
        <v>174</v>
      </c>
      <c r="AR2480" s="113" t="s">
        <v>174</v>
      </c>
      <c r="AS2480" s="113" t="s">
        <v>174</v>
      </c>
      <c r="AT2480" s="121" t="s">
        <v>174</v>
      </c>
      <c r="AU2480" s="113" t="s">
        <v>174</v>
      </c>
      <c r="AV2480" s="113" t="s">
        <v>174</v>
      </c>
      <c r="AW2480" s="113" t="s">
        <v>174</v>
      </c>
      <c r="AX2480" s="113"/>
      <c r="AY2480" s="113"/>
      <c r="AZ2480" s="113"/>
      <c r="BA2480" s="113"/>
      <c r="BB2480" s="107">
        <v>45884</v>
      </c>
    </row>
    <row r="2481" spans="1:54" s="207" customFormat="1" ht="13.95" customHeight="1" x14ac:dyDescent="0.25">
      <c r="A2481" s="208" t="s">
        <v>5925</v>
      </c>
      <c r="B2481" s="209" t="s">
        <v>20420</v>
      </c>
      <c r="C2481" s="113" t="s">
        <v>5926</v>
      </c>
      <c r="D2481" s="113" t="s">
        <v>5927</v>
      </c>
      <c r="E2481" s="210">
        <v>1988</v>
      </c>
      <c r="F2481" s="210">
        <v>14163</v>
      </c>
      <c r="G2481" s="113" t="s">
        <v>3</v>
      </c>
      <c r="H2481" s="113">
        <v>1</v>
      </c>
      <c r="I2481" s="113">
        <v>0</v>
      </c>
      <c r="J2481" s="115">
        <v>1</v>
      </c>
      <c r="K2481" s="116" t="s">
        <v>174</v>
      </c>
      <c r="L2481" s="115">
        <v>1</v>
      </c>
      <c r="M2481" s="115">
        <v>1</v>
      </c>
      <c r="N2481" s="115">
        <v>1</v>
      </c>
      <c r="O2481" s="115">
        <v>1</v>
      </c>
      <c r="P2481" s="115" t="s">
        <v>400</v>
      </c>
      <c r="Q2481" s="115" t="s">
        <v>400</v>
      </c>
      <c r="R2481" s="115">
        <v>0</v>
      </c>
      <c r="S2481" s="115">
        <v>0</v>
      </c>
      <c r="T2481" s="115">
        <v>0</v>
      </c>
      <c r="U2481" s="113" t="s">
        <v>174</v>
      </c>
      <c r="V2481" s="113" t="s">
        <v>174</v>
      </c>
      <c r="W2481" s="113" t="s">
        <v>174</v>
      </c>
      <c r="X2481" s="113" t="s">
        <v>174</v>
      </c>
      <c r="Y2481" s="113" t="s">
        <v>174</v>
      </c>
      <c r="Z2481" s="113" t="s">
        <v>174</v>
      </c>
      <c r="AA2481" s="113" t="s">
        <v>174</v>
      </c>
      <c r="AB2481" s="113" t="s">
        <v>174</v>
      </c>
      <c r="AC2481" s="113" t="s">
        <v>174</v>
      </c>
      <c r="AD2481" s="113" t="s">
        <v>174</v>
      </c>
      <c r="AE2481" s="113" t="s">
        <v>174</v>
      </c>
      <c r="AF2481" s="113" t="s">
        <v>174</v>
      </c>
      <c r="AG2481" s="113" t="s">
        <v>174</v>
      </c>
      <c r="AH2481" s="113" t="s">
        <v>174</v>
      </c>
      <c r="AI2481" s="113" t="s">
        <v>174</v>
      </c>
      <c r="AJ2481" s="113" t="s">
        <v>174</v>
      </c>
      <c r="AK2481" s="113" t="s">
        <v>174</v>
      </c>
      <c r="AL2481" s="113" t="s">
        <v>174</v>
      </c>
      <c r="AM2481" s="113" t="s">
        <v>174</v>
      </c>
      <c r="AN2481" s="113" t="s">
        <v>174</v>
      </c>
      <c r="AO2481" s="113" t="s">
        <v>174</v>
      </c>
      <c r="AP2481" s="113" t="s">
        <v>174</v>
      </c>
      <c r="AQ2481" s="113" t="s">
        <v>174</v>
      </c>
      <c r="AR2481" s="113" t="s">
        <v>174</v>
      </c>
      <c r="AS2481" s="113" t="s">
        <v>174</v>
      </c>
      <c r="AT2481" s="121" t="s">
        <v>174</v>
      </c>
      <c r="AU2481" s="113" t="s">
        <v>174</v>
      </c>
      <c r="AV2481" s="113" t="s">
        <v>174</v>
      </c>
      <c r="AW2481" s="113" t="s">
        <v>174</v>
      </c>
      <c r="AX2481" s="113"/>
      <c r="AY2481" s="113"/>
      <c r="AZ2481" s="113"/>
      <c r="BA2481" s="113"/>
      <c r="BB2481" s="107">
        <v>45884</v>
      </c>
    </row>
    <row r="2482" spans="1:54" s="207" customFormat="1" ht="13.95" customHeight="1" x14ac:dyDescent="0.25">
      <c r="A2482" s="208" t="s">
        <v>5928</v>
      </c>
      <c r="B2482" s="209" t="s">
        <v>20420</v>
      </c>
      <c r="C2482" s="113" t="s">
        <v>5929</v>
      </c>
      <c r="D2482" s="113" t="s">
        <v>23941</v>
      </c>
      <c r="E2482" s="210">
        <v>1951</v>
      </c>
      <c r="F2482" s="210">
        <v>14187</v>
      </c>
      <c r="G2482" s="113" t="s">
        <v>3</v>
      </c>
      <c r="H2482" s="113">
        <v>1</v>
      </c>
      <c r="I2482" s="113">
        <v>0</v>
      </c>
      <c r="J2482" s="115">
        <v>1</v>
      </c>
      <c r="K2482" s="116" t="s">
        <v>174</v>
      </c>
      <c r="L2482" s="115">
        <v>1</v>
      </c>
      <c r="M2482" s="115">
        <v>1</v>
      </c>
      <c r="N2482" s="115">
        <v>0</v>
      </c>
      <c r="O2482" s="115">
        <v>1</v>
      </c>
      <c r="P2482" s="115" t="s">
        <v>400</v>
      </c>
      <c r="Q2482" s="115" t="s">
        <v>400</v>
      </c>
      <c r="R2482" s="115">
        <v>1</v>
      </c>
      <c r="S2482" s="115">
        <v>0</v>
      </c>
      <c r="T2482" s="115">
        <v>0</v>
      </c>
      <c r="U2482" s="113" t="s">
        <v>174</v>
      </c>
      <c r="V2482" s="113" t="s">
        <v>174</v>
      </c>
      <c r="W2482" s="113" t="s">
        <v>174</v>
      </c>
      <c r="X2482" s="113" t="s">
        <v>174</v>
      </c>
      <c r="Y2482" s="113" t="s">
        <v>174</v>
      </c>
      <c r="Z2482" s="113" t="s">
        <v>174</v>
      </c>
      <c r="AA2482" s="113" t="s">
        <v>174</v>
      </c>
      <c r="AB2482" s="113" t="s">
        <v>174</v>
      </c>
      <c r="AC2482" s="113" t="s">
        <v>174</v>
      </c>
      <c r="AD2482" s="113" t="s">
        <v>174</v>
      </c>
      <c r="AE2482" s="113" t="s">
        <v>174</v>
      </c>
      <c r="AF2482" s="113" t="s">
        <v>174</v>
      </c>
      <c r="AG2482" s="113" t="s">
        <v>174</v>
      </c>
      <c r="AH2482" s="113" t="s">
        <v>174</v>
      </c>
      <c r="AI2482" s="113" t="s">
        <v>174</v>
      </c>
      <c r="AJ2482" s="113" t="s">
        <v>174</v>
      </c>
      <c r="AK2482" s="113" t="s">
        <v>174</v>
      </c>
      <c r="AL2482" s="113" t="s">
        <v>174</v>
      </c>
      <c r="AM2482" s="113" t="s">
        <v>174</v>
      </c>
      <c r="AN2482" s="113" t="s">
        <v>174</v>
      </c>
      <c r="AO2482" s="113" t="s">
        <v>174</v>
      </c>
      <c r="AP2482" s="113" t="s">
        <v>174</v>
      </c>
      <c r="AQ2482" s="113" t="s">
        <v>174</v>
      </c>
      <c r="AR2482" s="113" t="s">
        <v>174</v>
      </c>
      <c r="AS2482" s="113" t="s">
        <v>174</v>
      </c>
      <c r="AT2482" s="121" t="s">
        <v>174</v>
      </c>
      <c r="AU2482" s="113" t="s">
        <v>174</v>
      </c>
      <c r="AV2482" s="113" t="s">
        <v>174</v>
      </c>
      <c r="AW2482" s="113" t="s">
        <v>174</v>
      </c>
      <c r="AX2482" s="113"/>
      <c r="AY2482" s="113"/>
      <c r="AZ2482" s="113"/>
      <c r="BA2482" s="113"/>
      <c r="BB2482" s="107">
        <v>45884</v>
      </c>
    </row>
    <row r="2483" spans="1:54" s="207" customFormat="1" ht="13.95" customHeight="1" x14ac:dyDescent="0.25">
      <c r="A2483" s="208" t="s">
        <v>5930</v>
      </c>
      <c r="B2483" s="209" t="s">
        <v>20420</v>
      </c>
      <c r="C2483" s="113" t="s">
        <v>5931</v>
      </c>
      <c r="D2483" s="113" t="s">
        <v>5932</v>
      </c>
      <c r="E2483" s="210">
        <v>1930</v>
      </c>
      <c r="F2483" s="210">
        <v>14190</v>
      </c>
      <c r="G2483" s="113" t="s">
        <v>3</v>
      </c>
      <c r="H2483" s="113">
        <v>1</v>
      </c>
      <c r="I2483" s="113">
        <v>0</v>
      </c>
      <c r="J2483" s="115">
        <v>1</v>
      </c>
      <c r="K2483" s="116" t="s">
        <v>174</v>
      </c>
      <c r="L2483" s="115">
        <v>1</v>
      </c>
      <c r="M2483" s="115">
        <v>1</v>
      </c>
      <c r="N2483" s="115">
        <v>1</v>
      </c>
      <c r="O2483" s="115">
        <v>1</v>
      </c>
      <c r="P2483" s="115" t="s">
        <v>400</v>
      </c>
      <c r="Q2483" s="115" t="s">
        <v>400</v>
      </c>
      <c r="R2483" s="115">
        <v>1</v>
      </c>
      <c r="S2483" s="115">
        <v>0</v>
      </c>
      <c r="T2483" s="115">
        <v>1</v>
      </c>
      <c r="U2483" s="113" t="s">
        <v>174</v>
      </c>
      <c r="V2483" s="113" t="s">
        <v>174</v>
      </c>
      <c r="W2483" s="113" t="s">
        <v>174</v>
      </c>
      <c r="X2483" s="113" t="s">
        <v>174</v>
      </c>
      <c r="Y2483" s="113" t="s">
        <v>174</v>
      </c>
      <c r="Z2483" s="113" t="s">
        <v>174</v>
      </c>
      <c r="AA2483" s="113" t="s">
        <v>174</v>
      </c>
      <c r="AB2483" s="113" t="s">
        <v>174</v>
      </c>
      <c r="AC2483" s="113" t="s">
        <v>174</v>
      </c>
      <c r="AD2483" s="113" t="s">
        <v>174</v>
      </c>
      <c r="AE2483" s="113" t="s">
        <v>174</v>
      </c>
      <c r="AF2483" s="113" t="s">
        <v>174</v>
      </c>
      <c r="AG2483" s="113" t="s">
        <v>174</v>
      </c>
      <c r="AH2483" s="113" t="s">
        <v>174</v>
      </c>
      <c r="AI2483" s="113" t="s">
        <v>174</v>
      </c>
      <c r="AJ2483" s="113" t="s">
        <v>174</v>
      </c>
      <c r="AK2483" s="113" t="s">
        <v>174</v>
      </c>
      <c r="AL2483" s="113" t="s">
        <v>174</v>
      </c>
      <c r="AM2483" s="113" t="s">
        <v>174</v>
      </c>
      <c r="AN2483" s="113" t="s">
        <v>174</v>
      </c>
      <c r="AO2483" s="113" t="s">
        <v>174</v>
      </c>
      <c r="AP2483" s="113" t="s">
        <v>174</v>
      </c>
      <c r="AQ2483" s="113" t="s">
        <v>174</v>
      </c>
      <c r="AR2483" s="113" t="s">
        <v>174</v>
      </c>
      <c r="AS2483" s="113" t="s">
        <v>174</v>
      </c>
      <c r="AT2483" s="121" t="s">
        <v>174</v>
      </c>
      <c r="AU2483" s="113" t="s">
        <v>174</v>
      </c>
      <c r="AV2483" s="113" t="s">
        <v>174</v>
      </c>
      <c r="AW2483" s="113" t="s">
        <v>174</v>
      </c>
      <c r="AX2483" s="113"/>
      <c r="AY2483" s="113"/>
      <c r="AZ2483" s="113"/>
      <c r="BA2483" s="113"/>
      <c r="BB2483" s="107">
        <v>45884</v>
      </c>
    </row>
    <row r="2484" spans="1:54" s="207" customFormat="1" ht="13.95" customHeight="1" x14ac:dyDescent="0.25">
      <c r="A2484" s="208" t="s">
        <v>5933</v>
      </c>
      <c r="B2484" s="209" t="s">
        <v>20420</v>
      </c>
      <c r="C2484" s="113" t="s">
        <v>5934</v>
      </c>
      <c r="D2484" s="113" t="s">
        <v>5935</v>
      </c>
      <c r="E2484" s="210">
        <v>2000</v>
      </c>
      <c r="F2484" s="210">
        <v>14308</v>
      </c>
      <c r="G2484" s="113" t="s">
        <v>3</v>
      </c>
      <c r="H2484" s="113">
        <v>1</v>
      </c>
      <c r="I2484" s="113">
        <v>1</v>
      </c>
      <c r="J2484" s="115">
        <v>1</v>
      </c>
      <c r="K2484" s="116" t="s">
        <v>174</v>
      </c>
      <c r="L2484" s="115">
        <v>0</v>
      </c>
      <c r="M2484" s="115">
        <v>1</v>
      </c>
      <c r="N2484" s="115">
        <v>0</v>
      </c>
      <c r="O2484" s="115">
        <v>0</v>
      </c>
      <c r="P2484" s="115">
        <v>1</v>
      </c>
      <c r="Q2484" s="115" t="s">
        <v>400</v>
      </c>
      <c r="R2484" s="115">
        <v>0</v>
      </c>
      <c r="S2484" s="115">
        <v>0</v>
      </c>
      <c r="T2484" s="115">
        <v>0</v>
      </c>
      <c r="U2484" s="113" t="s">
        <v>174</v>
      </c>
      <c r="V2484" s="113" t="s">
        <v>174</v>
      </c>
      <c r="W2484" s="113" t="s">
        <v>174</v>
      </c>
      <c r="X2484" s="113" t="s">
        <v>174</v>
      </c>
      <c r="Y2484" s="113" t="s">
        <v>174</v>
      </c>
      <c r="Z2484" s="113" t="s">
        <v>174</v>
      </c>
      <c r="AA2484" s="113" t="s">
        <v>174</v>
      </c>
      <c r="AB2484" s="113" t="s">
        <v>174</v>
      </c>
      <c r="AC2484" s="113" t="s">
        <v>174</v>
      </c>
      <c r="AD2484" s="113" t="s">
        <v>174</v>
      </c>
      <c r="AE2484" s="113" t="s">
        <v>174</v>
      </c>
      <c r="AF2484" s="113" t="s">
        <v>174</v>
      </c>
      <c r="AG2484" s="113" t="s">
        <v>174</v>
      </c>
      <c r="AH2484" s="113" t="s">
        <v>174</v>
      </c>
      <c r="AI2484" s="113" t="s">
        <v>174</v>
      </c>
      <c r="AJ2484" s="113" t="s">
        <v>174</v>
      </c>
      <c r="AK2484" s="113" t="s">
        <v>174</v>
      </c>
      <c r="AL2484" s="113" t="s">
        <v>174</v>
      </c>
      <c r="AM2484" s="113" t="s">
        <v>174</v>
      </c>
      <c r="AN2484" s="113" t="s">
        <v>174</v>
      </c>
      <c r="AO2484" s="113" t="s">
        <v>174</v>
      </c>
      <c r="AP2484" s="113" t="s">
        <v>174</v>
      </c>
      <c r="AQ2484" s="113" t="s">
        <v>174</v>
      </c>
      <c r="AR2484" s="113" t="s">
        <v>174</v>
      </c>
      <c r="AS2484" s="113" t="s">
        <v>174</v>
      </c>
      <c r="AT2484" s="121" t="s">
        <v>174</v>
      </c>
      <c r="AU2484" s="113" t="s">
        <v>174</v>
      </c>
      <c r="AV2484" s="113" t="s">
        <v>174</v>
      </c>
      <c r="AW2484" s="113" t="s">
        <v>174</v>
      </c>
      <c r="AX2484" s="113"/>
      <c r="AY2484" s="113"/>
      <c r="AZ2484" s="113"/>
      <c r="BA2484" s="113"/>
      <c r="BB2484" s="107">
        <v>45884</v>
      </c>
    </row>
    <row r="2485" spans="1:54" s="207" customFormat="1" ht="13.95" customHeight="1" x14ac:dyDescent="0.25">
      <c r="A2485" s="208" t="s">
        <v>5936</v>
      </c>
      <c r="B2485" s="209" t="s">
        <v>20420</v>
      </c>
      <c r="C2485" s="113" t="s">
        <v>5937</v>
      </c>
      <c r="D2485" s="113" t="s">
        <v>5938</v>
      </c>
      <c r="E2485" s="210">
        <v>1992</v>
      </c>
      <c r="F2485" s="210">
        <v>14326</v>
      </c>
      <c r="G2485" s="113" t="s">
        <v>3</v>
      </c>
      <c r="H2485" s="113">
        <v>1</v>
      </c>
      <c r="I2485" s="113">
        <v>1</v>
      </c>
      <c r="J2485" s="115">
        <v>1</v>
      </c>
      <c r="K2485" s="116" t="s">
        <v>174</v>
      </c>
      <c r="L2485" s="115">
        <v>1</v>
      </c>
      <c r="M2485" s="115">
        <v>1</v>
      </c>
      <c r="N2485" s="115">
        <v>0</v>
      </c>
      <c r="O2485" s="115">
        <v>0</v>
      </c>
      <c r="P2485" s="115" t="s">
        <v>400</v>
      </c>
      <c r="Q2485" s="115" t="s">
        <v>400</v>
      </c>
      <c r="R2485" s="115">
        <v>0</v>
      </c>
      <c r="S2485" s="115">
        <v>0</v>
      </c>
      <c r="T2485" s="115">
        <v>0</v>
      </c>
      <c r="U2485" s="113" t="s">
        <v>174</v>
      </c>
      <c r="V2485" s="113" t="s">
        <v>174</v>
      </c>
      <c r="W2485" s="113" t="s">
        <v>174</v>
      </c>
      <c r="X2485" s="113" t="s">
        <v>174</v>
      </c>
      <c r="Y2485" s="113" t="s">
        <v>174</v>
      </c>
      <c r="Z2485" s="113" t="s">
        <v>174</v>
      </c>
      <c r="AA2485" s="113" t="s">
        <v>174</v>
      </c>
      <c r="AB2485" s="113" t="s">
        <v>174</v>
      </c>
      <c r="AC2485" s="113" t="s">
        <v>174</v>
      </c>
      <c r="AD2485" s="113" t="s">
        <v>174</v>
      </c>
      <c r="AE2485" s="113" t="s">
        <v>174</v>
      </c>
      <c r="AF2485" s="113" t="s">
        <v>174</v>
      </c>
      <c r="AG2485" s="113" t="s">
        <v>174</v>
      </c>
      <c r="AH2485" s="113" t="s">
        <v>174</v>
      </c>
      <c r="AI2485" s="113" t="s">
        <v>174</v>
      </c>
      <c r="AJ2485" s="113" t="s">
        <v>174</v>
      </c>
      <c r="AK2485" s="113" t="s">
        <v>174</v>
      </c>
      <c r="AL2485" s="113" t="s">
        <v>174</v>
      </c>
      <c r="AM2485" s="113" t="s">
        <v>174</v>
      </c>
      <c r="AN2485" s="113" t="s">
        <v>174</v>
      </c>
      <c r="AO2485" s="113" t="s">
        <v>174</v>
      </c>
      <c r="AP2485" s="113" t="s">
        <v>174</v>
      </c>
      <c r="AQ2485" s="113" t="s">
        <v>174</v>
      </c>
      <c r="AR2485" s="113" t="s">
        <v>174</v>
      </c>
      <c r="AS2485" s="113" t="s">
        <v>174</v>
      </c>
      <c r="AT2485" s="121" t="s">
        <v>174</v>
      </c>
      <c r="AU2485" s="113" t="s">
        <v>174</v>
      </c>
      <c r="AV2485" s="113" t="s">
        <v>174</v>
      </c>
      <c r="AW2485" s="113" t="s">
        <v>174</v>
      </c>
      <c r="AX2485" s="113"/>
      <c r="AY2485" s="113"/>
      <c r="AZ2485" s="113"/>
      <c r="BA2485" s="113"/>
      <c r="BB2485" s="107">
        <v>45884</v>
      </c>
    </row>
    <row r="2486" spans="1:54" s="207" customFormat="1" ht="13.95" customHeight="1" x14ac:dyDescent="0.25">
      <c r="A2486" s="208" t="s">
        <v>5939</v>
      </c>
      <c r="B2486" s="209" t="s">
        <v>20420</v>
      </c>
      <c r="C2486" s="113" t="s">
        <v>5940</v>
      </c>
      <c r="D2486" s="113" t="s">
        <v>23942</v>
      </c>
      <c r="E2486" s="210">
        <v>2006</v>
      </c>
      <c r="F2486" s="210">
        <v>14587</v>
      </c>
      <c r="G2486" s="113" t="s">
        <v>11</v>
      </c>
      <c r="H2486" s="113">
        <v>0</v>
      </c>
      <c r="I2486" s="113">
        <v>0</v>
      </c>
      <c r="J2486" s="115">
        <v>1</v>
      </c>
      <c r="K2486" s="116" t="s">
        <v>174</v>
      </c>
      <c r="L2486" s="115">
        <v>0</v>
      </c>
      <c r="M2486" s="115">
        <v>0</v>
      </c>
      <c r="N2486" s="115">
        <v>0</v>
      </c>
      <c r="O2486" s="115">
        <v>0</v>
      </c>
      <c r="P2486" s="115" t="s">
        <v>400</v>
      </c>
      <c r="Q2486" s="115" t="s">
        <v>400</v>
      </c>
      <c r="R2486" s="115">
        <v>0</v>
      </c>
      <c r="S2486" s="115">
        <v>0</v>
      </c>
      <c r="T2486" s="115">
        <v>0</v>
      </c>
      <c r="U2486" s="113" t="s">
        <v>174</v>
      </c>
      <c r="V2486" s="113" t="s">
        <v>174</v>
      </c>
      <c r="W2486" s="113" t="s">
        <v>174</v>
      </c>
      <c r="X2486" s="113" t="s">
        <v>174</v>
      </c>
      <c r="Y2486" s="113" t="s">
        <v>174</v>
      </c>
      <c r="Z2486" s="113" t="s">
        <v>174</v>
      </c>
      <c r="AA2486" s="113" t="s">
        <v>174</v>
      </c>
      <c r="AB2486" s="113" t="s">
        <v>174</v>
      </c>
      <c r="AC2486" s="113" t="s">
        <v>174</v>
      </c>
      <c r="AD2486" s="113" t="s">
        <v>174</v>
      </c>
      <c r="AE2486" s="113" t="s">
        <v>174</v>
      </c>
      <c r="AF2486" s="113" t="s">
        <v>174</v>
      </c>
      <c r="AG2486" s="113" t="s">
        <v>174</v>
      </c>
      <c r="AH2486" s="113" t="s">
        <v>174</v>
      </c>
      <c r="AI2486" s="113" t="s">
        <v>174</v>
      </c>
      <c r="AJ2486" s="113" t="s">
        <v>174</v>
      </c>
      <c r="AK2486" s="113" t="s">
        <v>174</v>
      </c>
      <c r="AL2486" s="113" t="s">
        <v>174</v>
      </c>
      <c r="AM2486" s="113" t="s">
        <v>174</v>
      </c>
      <c r="AN2486" s="113" t="s">
        <v>174</v>
      </c>
      <c r="AO2486" s="113" t="s">
        <v>174</v>
      </c>
      <c r="AP2486" s="113" t="s">
        <v>174</v>
      </c>
      <c r="AQ2486" s="113" t="s">
        <v>174</v>
      </c>
      <c r="AR2486" s="113" t="s">
        <v>174</v>
      </c>
      <c r="AS2486" s="113" t="s">
        <v>174</v>
      </c>
      <c r="AT2486" s="121" t="s">
        <v>174</v>
      </c>
      <c r="AU2486" s="113" t="s">
        <v>174</v>
      </c>
      <c r="AV2486" s="113" t="s">
        <v>174</v>
      </c>
      <c r="AW2486" s="113" t="s">
        <v>174</v>
      </c>
      <c r="AX2486" s="113"/>
      <c r="AY2486" s="113"/>
      <c r="AZ2486" s="113"/>
      <c r="BA2486" s="113"/>
      <c r="BB2486" s="107">
        <v>45884</v>
      </c>
    </row>
    <row r="2487" spans="1:54" s="207" customFormat="1" ht="13.95" customHeight="1" x14ac:dyDescent="0.25">
      <c r="A2487" s="208" t="s">
        <v>5941</v>
      </c>
      <c r="B2487" s="209" t="s">
        <v>20420</v>
      </c>
      <c r="C2487" s="113" t="s">
        <v>5942</v>
      </c>
      <c r="D2487" s="113" t="s">
        <v>5943</v>
      </c>
      <c r="E2487" s="210">
        <v>1991</v>
      </c>
      <c r="F2487" s="210">
        <v>14700</v>
      </c>
      <c r="G2487" s="113" t="s">
        <v>3</v>
      </c>
      <c r="H2487" s="113">
        <v>1</v>
      </c>
      <c r="I2487" s="113">
        <v>1</v>
      </c>
      <c r="J2487" s="115">
        <v>1</v>
      </c>
      <c r="K2487" s="116" t="s">
        <v>174</v>
      </c>
      <c r="L2487" s="115">
        <v>0</v>
      </c>
      <c r="M2487" s="115">
        <v>1</v>
      </c>
      <c r="N2487" s="115">
        <v>0</v>
      </c>
      <c r="O2487" s="115">
        <v>0</v>
      </c>
      <c r="P2487" s="115" t="s">
        <v>400</v>
      </c>
      <c r="Q2487" s="115">
        <v>1</v>
      </c>
      <c r="R2487" s="115">
        <v>0</v>
      </c>
      <c r="S2487" s="115">
        <v>0</v>
      </c>
      <c r="T2487" s="115">
        <v>0</v>
      </c>
      <c r="U2487" s="113" t="s">
        <v>174</v>
      </c>
      <c r="V2487" s="113" t="s">
        <v>174</v>
      </c>
      <c r="W2487" s="113" t="s">
        <v>174</v>
      </c>
      <c r="X2487" s="113" t="s">
        <v>174</v>
      </c>
      <c r="Y2487" s="113" t="s">
        <v>174</v>
      </c>
      <c r="Z2487" s="113" t="s">
        <v>174</v>
      </c>
      <c r="AA2487" s="113" t="s">
        <v>174</v>
      </c>
      <c r="AB2487" s="113" t="s">
        <v>174</v>
      </c>
      <c r="AC2487" s="113" t="s">
        <v>174</v>
      </c>
      <c r="AD2487" s="113" t="s">
        <v>174</v>
      </c>
      <c r="AE2487" s="113" t="s">
        <v>174</v>
      </c>
      <c r="AF2487" s="113" t="s">
        <v>174</v>
      </c>
      <c r="AG2487" s="113" t="s">
        <v>174</v>
      </c>
      <c r="AH2487" s="113" t="s">
        <v>174</v>
      </c>
      <c r="AI2487" s="113" t="s">
        <v>174</v>
      </c>
      <c r="AJ2487" s="113" t="s">
        <v>174</v>
      </c>
      <c r="AK2487" s="113" t="s">
        <v>174</v>
      </c>
      <c r="AL2487" s="113" t="s">
        <v>174</v>
      </c>
      <c r="AM2487" s="113" t="s">
        <v>174</v>
      </c>
      <c r="AN2487" s="113" t="s">
        <v>174</v>
      </c>
      <c r="AO2487" s="113" t="s">
        <v>174</v>
      </c>
      <c r="AP2487" s="113" t="s">
        <v>174</v>
      </c>
      <c r="AQ2487" s="113" t="s">
        <v>174</v>
      </c>
      <c r="AR2487" s="113" t="s">
        <v>174</v>
      </c>
      <c r="AS2487" s="113" t="s">
        <v>174</v>
      </c>
      <c r="AT2487" s="121" t="s">
        <v>174</v>
      </c>
      <c r="AU2487" s="113" t="s">
        <v>174</v>
      </c>
      <c r="AV2487" s="113" t="s">
        <v>174</v>
      </c>
      <c r="AW2487" s="113" t="s">
        <v>174</v>
      </c>
      <c r="AX2487" s="113"/>
      <c r="AY2487" s="113"/>
      <c r="AZ2487" s="113"/>
      <c r="BA2487" s="113"/>
      <c r="BB2487" s="107">
        <v>45884</v>
      </c>
    </row>
    <row r="2488" spans="1:54" s="207" customFormat="1" ht="13.95" customHeight="1" x14ac:dyDescent="0.25">
      <c r="A2488" s="208" t="s">
        <v>5944</v>
      </c>
      <c r="B2488" s="209" t="s">
        <v>20420</v>
      </c>
      <c r="C2488" s="113" t="s">
        <v>5945</v>
      </c>
      <c r="D2488" s="113" t="s">
        <v>23943</v>
      </c>
      <c r="E2488" s="210">
        <v>2015</v>
      </c>
      <c r="F2488" s="210">
        <v>27373</v>
      </c>
      <c r="G2488" s="113" t="s">
        <v>10</v>
      </c>
      <c r="H2488" s="113">
        <v>0</v>
      </c>
      <c r="I2488" s="113">
        <v>0</v>
      </c>
      <c r="J2488" s="115">
        <v>1</v>
      </c>
      <c r="K2488" s="116" t="s">
        <v>174</v>
      </c>
      <c r="L2488" s="115">
        <v>0</v>
      </c>
      <c r="M2488" s="115">
        <v>0</v>
      </c>
      <c r="N2488" s="115">
        <v>0</v>
      </c>
      <c r="O2488" s="115">
        <v>0</v>
      </c>
      <c r="P2488" s="115" t="s">
        <v>400</v>
      </c>
      <c r="Q2488" s="115" t="s">
        <v>400</v>
      </c>
      <c r="R2488" s="115">
        <v>0</v>
      </c>
      <c r="S2488" s="115">
        <v>0</v>
      </c>
      <c r="T2488" s="115">
        <v>0</v>
      </c>
      <c r="U2488" s="113" t="s">
        <v>174</v>
      </c>
      <c r="V2488" s="113" t="s">
        <v>174</v>
      </c>
      <c r="W2488" s="113" t="s">
        <v>174</v>
      </c>
      <c r="X2488" s="113" t="s">
        <v>174</v>
      </c>
      <c r="Y2488" s="113" t="s">
        <v>174</v>
      </c>
      <c r="Z2488" s="113" t="s">
        <v>174</v>
      </c>
      <c r="AA2488" s="113" t="s">
        <v>174</v>
      </c>
      <c r="AB2488" s="113" t="s">
        <v>174</v>
      </c>
      <c r="AC2488" s="113" t="s">
        <v>174</v>
      </c>
      <c r="AD2488" s="113" t="s">
        <v>174</v>
      </c>
      <c r="AE2488" s="113" t="s">
        <v>174</v>
      </c>
      <c r="AF2488" s="113" t="s">
        <v>174</v>
      </c>
      <c r="AG2488" s="113" t="s">
        <v>174</v>
      </c>
      <c r="AH2488" s="113" t="s">
        <v>174</v>
      </c>
      <c r="AI2488" s="113" t="s">
        <v>174</v>
      </c>
      <c r="AJ2488" s="113" t="s">
        <v>174</v>
      </c>
      <c r="AK2488" s="113" t="s">
        <v>174</v>
      </c>
      <c r="AL2488" s="113" t="s">
        <v>174</v>
      </c>
      <c r="AM2488" s="113" t="s">
        <v>174</v>
      </c>
      <c r="AN2488" s="113" t="s">
        <v>174</v>
      </c>
      <c r="AO2488" s="113" t="s">
        <v>174</v>
      </c>
      <c r="AP2488" s="113" t="s">
        <v>174</v>
      </c>
      <c r="AQ2488" s="113" t="s">
        <v>174</v>
      </c>
      <c r="AR2488" s="113" t="s">
        <v>174</v>
      </c>
      <c r="AS2488" s="113" t="s">
        <v>174</v>
      </c>
      <c r="AT2488" s="121" t="s">
        <v>174</v>
      </c>
      <c r="AU2488" s="113" t="s">
        <v>174</v>
      </c>
      <c r="AV2488" s="113" t="s">
        <v>174</v>
      </c>
      <c r="AW2488" s="113" t="s">
        <v>174</v>
      </c>
      <c r="AX2488" s="113"/>
      <c r="AY2488" s="113"/>
      <c r="AZ2488" s="113"/>
      <c r="BA2488" s="113"/>
      <c r="BB2488" s="107">
        <v>45884</v>
      </c>
    </row>
    <row r="2489" spans="1:54" s="207" customFormat="1" ht="13.95" customHeight="1" x14ac:dyDescent="0.25">
      <c r="A2489" s="208" t="s">
        <v>5946</v>
      </c>
      <c r="B2489" s="209" t="s">
        <v>20420</v>
      </c>
      <c r="C2489" s="113" t="s">
        <v>5947</v>
      </c>
      <c r="D2489" s="113" t="s">
        <v>23944</v>
      </c>
      <c r="E2489" s="210">
        <v>1973</v>
      </c>
      <c r="F2489" s="210">
        <v>14777</v>
      </c>
      <c r="G2489" s="113" t="s">
        <v>3</v>
      </c>
      <c r="H2489" s="113">
        <v>1</v>
      </c>
      <c r="I2489" s="113">
        <v>1</v>
      </c>
      <c r="J2489" s="115">
        <v>1</v>
      </c>
      <c r="K2489" s="116" t="s">
        <v>174</v>
      </c>
      <c r="L2489" s="115">
        <v>1</v>
      </c>
      <c r="M2489" s="115">
        <v>0</v>
      </c>
      <c r="N2489" s="115">
        <v>0</v>
      </c>
      <c r="O2489" s="115">
        <v>1</v>
      </c>
      <c r="P2489" s="115" t="s">
        <v>400</v>
      </c>
      <c r="Q2489" s="115" t="s">
        <v>400</v>
      </c>
      <c r="R2489" s="115">
        <v>0</v>
      </c>
      <c r="S2489" s="115">
        <v>0</v>
      </c>
      <c r="T2489" s="115">
        <v>0</v>
      </c>
      <c r="U2489" s="113" t="s">
        <v>174</v>
      </c>
      <c r="V2489" s="113" t="s">
        <v>174</v>
      </c>
      <c r="W2489" s="113" t="s">
        <v>174</v>
      </c>
      <c r="X2489" s="113" t="s">
        <v>174</v>
      </c>
      <c r="Y2489" s="113" t="s">
        <v>174</v>
      </c>
      <c r="Z2489" s="113" t="s">
        <v>174</v>
      </c>
      <c r="AA2489" s="113" t="s">
        <v>174</v>
      </c>
      <c r="AB2489" s="113" t="s">
        <v>174</v>
      </c>
      <c r="AC2489" s="113" t="s">
        <v>174</v>
      </c>
      <c r="AD2489" s="113" t="s">
        <v>174</v>
      </c>
      <c r="AE2489" s="113" t="s">
        <v>174</v>
      </c>
      <c r="AF2489" s="113" t="s">
        <v>174</v>
      </c>
      <c r="AG2489" s="113" t="s">
        <v>174</v>
      </c>
      <c r="AH2489" s="113" t="s">
        <v>174</v>
      </c>
      <c r="AI2489" s="113" t="s">
        <v>174</v>
      </c>
      <c r="AJ2489" s="113" t="s">
        <v>174</v>
      </c>
      <c r="AK2489" s="113" t="s">
        <v>174</v>
      </c>
      <c r="AL2489" s="113" t="s">
        <v>174</v>
      </c>
      <c r="AM2489" s="113" t="s">
        <v>174</v>
      </c>
      <c r="AN2489" s="113" t="s">
        <v>174</v>
      </c>
      <c r="AO2489" s="113" t="s">
        <v>174</v>
      </c>
      <c r="AP2489" s="113" t="s">
        <v>174</v>
      </c>
      <c r="AQ2489" s="113" t="s">
        <v>174</v>
      </c>
      <c r="AR2489" s="113" t="s">
        <v>174</v>
      </c>
      <c r="AS2489" s="113" t="s">
        <v>174</v>
      </c>
      <c r="AT2489" s="121" t="s">
        <v>174</v>
      </c>
      <c r="AU2489" s="113" t="s">
        <v>174</v>
      </c>
      <c r="AV2489" s="113" t="s">
        <v>174</v>
      </c>
      <c r="AW2489" s="113" t="s">
        <v>174</v>
      </c>
      <c r="AX2489" s="113"/>
      <c r="AY2489" s="113"/>
      <c r="AZ2489" s="113"/>
      <c r="BA2489" s="113"/>
      <c r="BB2489" s="107">
        <v>45884</v>
      </c>
    </row>
    <row r="2490" spans="1:54" s="207" customFormat="1" ht="13.95" customHeight="1" x14ac:dyDescent="0.25">
      <c r="A2490" s="208" t="s">
        <v>5948</v>
      </c>
      <c r="B2490" s="209" t="s">
        <v>20420</v>
      </c>
      <c r="C2490" s="113" t="s">
        <v>5949</v>
      </c>
      <c r="D2490" s="113" t="s">
        <v>23945</v>
      </c>
      <c r="E2490" s="210">
        <v>2006</v>
      </c>
      <c r="F2490" s="210">
        <v>14781</v>
      </c>
      <c r="G2490" s="113" t="s">
        <v>3</v>
      </c>
      <c r="H2490" s="113">
        <v>1</v>
      </c>
      <c r="I2490" s="113">
        <v>1</v>
      </c>
      <c r="J2490" s="115">
        <v>1</v>
      </c>
      <c r="K2490" s="116" t="s">
        <v>174</v>
      </c>
      <c r="L2490" s="115">
        <v>1</v>
      </c>
      <c r="M2490" s="115">
        <v>1</v>
      </c>
      <c r="N2490" s="115">
        <v>1</v>
      </c>
      <c r="O2490" s="115">
        <v>0</v>
      </c>
      <c r="P2490" s="115">
        <v>1</v>
      </c>
      <c r="Q2490" s="115" t="s">
        <v>400</v>
      </c>
      <c r="R2490" s="115">
        <v>0</v>
      </c>
      <c r="S2490" s="115">
        <v>0</v>
      </c>
      <c r="T2490" s="115">
        <v>0</v>
      </c>
      <c r="U2490" s="113" t="s">
        <v>174</v>
      </c>
      <c r="V2490" s="113" t="s">
        <v>174</v>
      </c>
      <c r="W2490" s="113" t="s">
        <v>174</v>
      </c>
      <c r="X2490" s="113" t="s">
        <v>174</v>
      </c>
      <c r="Y2490" s="113" t="s">
        <v>174</v>
      </c>
      <c r="Z2490" s="113" t="s">
        <v>174</v>
      </c>
      <c r="AA2490" s="113" t="s">
        <v>174</v>
      </c>
      <c r="AB2490" s="113" t="s">
        <v>174</v>
      </c>
      <c r="AC2490" s="113" t="s">
        <v>174</v>
      </c>
      <c r="AD2490" s="113" t="s">
        <v>174</v>
      </c>
      <c r="AE2490" s="113" t="s">
        <v>174</v>
      </c>
      <c r="AF2490" s="113" t="s">
        <v>174</v>
      </c>
      <c r="AG2490" s="113" t="s">
        <v>174</v>
      </c>
      <c r="AH2490" s="113" t="s">
        <v>174</v>
      </c>
      <c r="AI2490" s="113" t="s">
        <v>174</v>
      </c>
      <c r="AJ2490" s="113" t="s">
        <v>174</v>
      </c>
      <c r="AK2490" s="113" t="s">
        <v>174</v>
      </c>
      <c r="AL2490" s="113" t="s">
        <v>174</v>
      </c>
      <c r="AM2490" s="113" t="s">
        <v>174</v>
      </c>
      <c r="AN2490" s="113" t="s">
        <v>174</v>
      </c>
      <c r="AO2490" s="113" t="s">
        <v>174</v>
      </c>
      <c r="AP2490" s="113" t="s">
        <v>174</v>
      </c>
      <c r="AQ2490" s="113" t="s">
        <v>174</v>
      </c>
      <c r="AR2490" s="113" t="s">
        <v>174</v>
      </c>
      <c r="AS2490" s="113" t="s">
        <v>174</v>
      </c>
      <c r="AT2490" s="121" t="s">
        <v>174</v>
      </c>
      <c r="AU2490" s="113" t="s">
        <v>174</v>
      </c>
      <c r="AV2490" s="113" t="s">
        <v>174</v>
      </c>
      <c r="AW2490" s="113" t="s">
        <v>174</v>
      </c>
      <c r="AX2490" s="113"/>
      <c r="AY2490" s="113"/>
      <c r="AZ2490" s="113"/>
      <c r="BA2490" s="113"/>
      <c r="BB2490" s="107">
        <v>45884</v>
      </c>
    </row>
    <row r="2491" spans="1:54" s="207" customFormat="1" ht="13.95" customHeight="1" x14ac:dyDescent="0.25">
      <c r="A2491" s="208" t="s">
        <v>5950</v>
      </c>
      <c r="B2491" s="209" t="s">
        <v>20420</v>
      </c>
      <c r="C2491" s="113" t="s">
        <v>5951</v>
      </c>
      <c r="D2491" s="113" t="s">
        <v>5952</v>
      </c>
      <c r="E2491" s="210">
        <v>1972</v>
      </c>
      <c r="F2491" s="210">
        <v>14981</v>
      </c>
      <c r="G2491" s="113" t="s">
        <v>3</v>
      </c>
      <c r="H2491" s="113">
        <v>1</v>
      </c>
      <c r="I2491" s="113">
        <v>1</v>
      </c>
      <c r="J2491" s="115">
        <v>1</v>
      </c>
      <c r="K2491" s="211">
        <v>1</v>
      </c>
      <c r="L2491" s="115">
        <v>1</v>
      </c>
      <c r="M2491" s="115">
        <v>1</v>
      </c>
      <c r="N2491" s="115">
        <v>1</v>
      </c>
      <c r="O2491" s="115">
        <v>0</v>
      </c>
      <c r="P2491" s="115">
        <v>1</v>
      </c>
      <c r="Q2491" s="115" t="s">
        <v>400</v>
      </c>
      <c r="R2491" s="115">
        <v>0</v>
      </c>
      <c r="S2491" s="115">
        <v>0</v>
      </c>
      <c r="T2491" s="115">
        <v>0</v>
      </c>
      <c r="U2491" s="113" t="s">
        <v>174</v>
      </c>
      <c r="V2491" s="113" t="s">
        <v>174</v>
      </c>
      <c r="W2491" s="113" t="s">
        <v>174</v>
      </c>
      <c r="X2491" s="113" t="s">
        <v>174</v>
      </c>
      <c r="Y2491" s="113" t="s">
        <v>174</v>
      </c>
      <c r="Z2491" s="113" t="s">
        <v>174</v>
      </c>
      <c r="AA2491" s="113" t="s">
        <v>174</v>
      </c>
      <c r="AB2491" s="113" t="s">
        <v>174</v>
      </c>
      <c r="AC2491" s="113" t="s">
        <v>174</v>
      </c>
      <c r="AD2491" s="113" t="s">
        <v>174</v>
      </c>
      <c r="AE2491" s="113" t="s">
        <v>174</v>
      </c>
      <c r="AF2491" s="113" t="s">
        <v>174</v>
      </c>
      <c r="AG2491" s="113" t="s">
        <v>174</v>
      </c>
      <c r="AH2491" s="113" t="s">
        <v>174</v>
      </c>
      <c r="AI2491" s="113" t="s">
        <v>174</v>
      </c>
      <c r="AJ2491" s="113" t="s">
        <v>174</v>
      </c>
      <c r="AK2491" s="113" t="s">
        <v>174</v>
      </c>
      <c r="AL2491" s="113" t="s">
        <v>174</v>
      </c>
      <c r="AM2491" s="113" t="s">
        <v>174</v>
      </c>
      <c r="AN2491" s="113" t="s">
        <v>174</v>
      </c>
      <c r="AO2491" s="113" t="s">
        <v>174</v>
      </c>
      <c r="AP2491" s="113" t="s">
        <v>174</v>
      </c>
      <c r="AQ2491" s="113" t="s">
        <v>174</v>
      </c>
      <c r="AR2491" s="113" t="s">
        <v>174</v>
      </c>
      <c r="AS2491" s="113" t="s">
        <v>174</v>
      </c>
      <c r="AT2491" s="121" t="s">
        <v>174</v>
      </c>
      <c r="AU2491" s="113" t="s">
        <v>174</v>
      </c>
      <c r="AV2491" s="113" t="s">
        <v>174</v>
      </c>
      <c r="AW2491" s="113" t="s">
        <v>174</v>
      </c>
      <c r="AX2491" s="113"/>
      <c r="AY2491" s="113"/>
      <c r="AZ2491" s="113"/>
      <c r="BA2491" s="113"/>
      <c r="BB2491" s="107">
        <v>45884</v>
      </c>
    </row>
    <row r="2492" spans="1:54" s="207" customFormat="1" ht="13.95" customHeight="1" x14ac:dyDescent="0.25">
      <c r="A2492" s="208" t="s">
        <v>5953</v>
      </c>
      <c r="B2492" s="209" t="s">
        <v>20420</v>
      </c>
      <c r="C2492" s="113" t="s">
        <v>5954</v>
      </c>
      <c r="D2492" s="113" t="s">
        <v>23946</v>
      </c>
      <c r="E2492" s="210">
        <v>1986</v>
      </c>
      <c r="F2492" s="210">
        <v>15038</v>
      </c>
      <c r="G2492" s="113" t="s">
        <v>3</v>
      </c>
      <c r="H2492" s="113">
        <v>1</v>
      </c>
      <c r="I2492" s="113">
        <v>1</v>
      </c>
      <c r="J2492" s="115">
        <v>1</v>
      </c>
      <c r="K2492" s="116" t="s">
        <v>174</v>
      </c>
      <c r="L2492" s="115">
        <v>1</v>
      </c>
      <c r="M2492" s="115">
        <v>1</v>
      </c>
      <c r="N2492" s="115">
        <v>0</v>
      </c>
      <c r="O2492" s="115">
        <v>1</v>
      </c>
      <c r="P2492" s="115" t="s">
        <v>400</v>
      </c>
      <c r="Q2492" s="115" t="s">
        <v>400</v>
      </c>
      <c r="R2492" s="115">
        <v>0</v>
      </c>
      <c r="S2492" s="115">
        <v>0</v>
      </c>
      <c r="T2492" s="115">
        <v>0</v>
      </c>
      <c r="U2492" s="113" t="s">
        <v>174</v>
      </c>
      <c r="V2492" s="113" t="s">
        <v>174</v>
      </c>
      <c r="W2492" s="113" t="s">
        <v>174</v>
      </c>
      <c r="X2492" s="113" t="s">
        <v>174</v>
      </c>
      <c r="Y2492" s="113" t="s">
        <v>174</v>
      </c>
      <c r="Z2492" s="113" t="s">
        <v>174</v>
      </c>
      <c r="AA2492" s="113" t="s">
        <v>174</v>
      </c>
      <c r="AB2492" s="113" t="s">
        <v>174</v>
      </c>
      <c r="AC2492" s="113" t="s">
        <v>174</v>
      </c>
      <c r="AD2492" s="113" t="s">
        <v>174</v>
      </c>
      <c r="AE2492" s="113" t="s">
        <v>174</v>
      </c>
      <c r="AF2492" s="113" t="s">
        <v>174</v>
      </c>
      <c r="AG2492" s="113" t="s">
        <v>174</v>
      </c>
      <c r="AH2492" s="113" t="s">
        <v>174</v>
      </c>
      <c r="AI2492" s="113" t="s">
        <v>174</v>
      </c>
      <c r="AJ2492" s="113" t="s">
        <v>174</v>
      </c>
      <c r="AK2492" s="113" t="s">
        <v>174</v>
      </c>
      <c r="AL2492" s="113" t="s">
        <v>174</v>
      </c>
      <c r="AM2492" s="113" t="s">
        <v>174</v>
      </c>
      <c r="AN2492" s="113" t="s">
        <v>174</v>
      </c>
      <c r="AO2492" s="113" t="s">
        <v>174</v>
      </c>
      <c r="AP2492" s="113" t="s">
        <v>174</v>
      </c>
      <c r="AQ2492" s="113" t="s">
        <v>174</v>
      </c>
      <c r="AR2492" s="113" t="s">
        <v>174</v>
      </c>
      <c r="AS2492" s="113" t="s">
        <v>174</v>
      </c>
      <c r="AT2492" s="121" t="s">
        <v>174</v>
      </c>
      <c r="AU2492" s="113" t="s">
        <v>174</v>
      </c>
      <c r="AV2492" s="113" t="s">
        <v>174</v>
      </c>
      <c r="AW2492" s="113" t="s">
        <v>174</v>
      </c>
      <c r="AX2492" s="113"/>
      <c r="AY2492" s="113"/>
      <c r="AZ2492" s="113"/>
      <c r="BA2492" s="113"/>
      <c r="BB2492" s="107">
        <v>45884</v>
      </c>
    </row>
    <row r="2493" spans="1:54" s="207" customFormat="1" ht="13.95" customHeight="1" x14ac:dyDescent="0.25">
      <c r="A2493" s="208" t="s">
        <v>5955</v>
      </c>
      <c r="B2493" s="209" t="s">
        <v>20420</v>
      </c>
      <c r="C2493" s="113" t="s">
        <v>5956</v>
      </c>
      <c r="D2493" s="113" t="s">
        <v>23947</v>
      </c>
      <c r="E2493" s="210">
        <v>1957</v>
      </c>
      <c r="F2493" s="210">
        <v>15074</v>
      </c>
      <c r="G2493" s="113" t="s">
        <v>3</v>
      </c>
      <c r="H2493" s="113">
        <v>1</v>
      </c>
      <c r="I2493" s="113">
        <v>1</v>
      </c>
      <c r="J2493" s="115">
        <v>1</v>
      </c>
      <c r="K2493" s="116" t="s">
        <v>174</v>
      </c>
      <c r="L2493" s="115">
        <v>1</v>
      </c>
      <c r="M2493" s="115">
        <v>1</v>
      </c>
      <c r="N2493" s="115">
        <v>1</v>
      </c>
      <c r="O2493" s="115">
        <v>1</v>
      </c>
      <c r="P2493" s="115">
        <v>1</v>
      </c>
      <c r="Q2493" s="115" t="s">
        <v>400</v>
      </c>
      <c r="R2493" s="115">
        <v>0</v>
      </c>
      <c r="S2493" s="115">
        <v>0</v>
      </c>
      <c r="T2493" s="115">
        <v>0</v>
      </c>
      <c r="U2493" s="113" t="s">
        <v>174</v>
      </c>
      <c r="V2493" s="113" t="s">
        <v>174</v>
      </c>
      <c r="W2493" s="113" t="s">
        <v>174</v>
      </c>
      <c r="X2493" s="113" t="s">
        <v>174</v>
      </c>
      <c r="Y2493" s="113" t="s">
        <v>174</v>
      </c>
      <c r="Z2493" s="113" t="s">
        <v>174</v>
      </c>
      <c r="AA2493" s="113" t="s">
        <v>174</v>
      </c>
      <c r="AB2493" s="113" t="s">
        <v>174</v>
      </c>
      <c r="AC2493" s="113" t="s">
        <v>174</v>
      </c>
      <c r="AD2493" s="113" t="s">
        <v>174</v>
      </c>
      <c r="AE2493" s="113" t="s">
        <v>174</v>
      </c>
      <c r="AF2493" s="113">
        <v>1</v>
      </c>
      <c r="AG2493" s="113" t="s">
        <v>174</v>
      </c>
      <c r="AH2493" s="113" t="s">
        <v>174</v>
      </c>
      <c r="AI2493" s="113" t="s">
        <v>174</v>
      </c>
      <c r="AJ2493" s="113" t="s">
        <v>174</v>
      </c>
      <c r="AK2493" s="113" t="s">
        <v>174</v>
      </c>
      <c r="AL2493" s="113" t="s">
        <v>174</v>
      </c>
      <c r="AM2493" s="113" t="s">
        <v>174</v>
      </c>
      <c r="AN2493" s="113" t="s">
        <v>174</v>
      </c>
      <c r="AO2493" s="113" t="s">
        <v>174</v>
      </c>
      <c r="AP2493" s="113" t="s">
        <v>174</v>
      </c>
      <c r="AQ2493" s="113" t="s">
        <v>174</v>
      </c>
      <c r="AR2493" s="113" t="s">
        <v>174</v>
      </c>
      <c r="AS2493" s="113" t="s">
        <v>174</v>
      </c>
      <c r="AT2493" s="121" t="s">
        <v>174</v>
      </c>
      <c r="AU2493" s="113" t="s">
        <v>174</v>
      </c>
      <c r="AV2493" s="113" t="s">
        <v>174</v>
      </c>
      <c r="AW2493" s="113" t="s">
        <v>174</v>
      </c>
      <c r="AX2493" s="113"/>
      <c r="AY2493" s="113"/>
      <c r="AZ2493" s="124" t="s">
        <v>23203</v>
      </c>
      <c r="BA2493" s="113" t="s">
        <v>19478</v>
      </c>
      <c r="BB2493" s="107">
        <v>45884</v>
      </c>
    </row>
    <row r="2494" spans="1:54" s="207" customFormat="1" ht="13.95" customHeight="1" x14ac:dyDescent="0.25">
      <c r="A2494" s="208" t="s">
        <v>5957</v>
      </c>
      <c r="B2494" s="209" t="s">
        <v>20420</v>
      </c>
      <c r="C2494" s="113" t="s">
        <v>5958</v>
      </c>
      <c r="D2494" s="113" t="s">
        <v>5959</v>
      </c>
      <c r="E2494" s="210">
        <v>1984</v>
      </c>
      <c r="F2494" s="210">
        <v>15109</v>
      </c>
      <c r="G2494" s="113" t="s">
        <v>3</v>
      </c>
      <c r="H2494" s="113">
        <v>1</v>
      </c>
      <c r="I2494" s="113">
        <v>1</v>
      </c>
      <c r="J2494" s="115">
        <v>1</v>
      </c>
      <c r="K2494" s="116" t="s">
        <v>174</v>
      </c>
      <c r="L2494" s="115">
        <v>0</v>
      </c>
      <c r="M2494" s="115">
        <v>0</v>
      </c>
      <c r="N2494" s="115">
        <v>0</v>
      </c>
      <c r="O2494" s="115">
        <v>0</v>
      </c>
      <c r="P2494" s="115" t="s">
        <v>400</v>
      </c>
      <c r="Q2494" s="115" t="s">
        <v>400</v>
      </c>
      <c r="R2494" s="115">
        <v>0</v>
      </c>
      <c r="S2494" s="115">
        <v>0</v>
      </c>
      <c r="T2494" s="115">
        <v>0</v>
      </c>
      <c r="U2494" s="113" t="s">
        <v>174</v>
      </c>
      <c r="V2494" s="113" t="s">
        <v>174</v>
      </c>
      <c r="W2494" s="113" t="s">
        <v>174</v>
      </c>
      <c r="X2494" s="113" t="s">
        <v>174</v>
      </c>
      <c r="Y2494" s="113" t="s">
        <v>174</v>
      </c>
      <c r="Z2494" s="113" t="s">
        <v>174</v>
      </c>
      <c r="AA2494" s="113" t="s">
        <v>174</v>
      </c>
      <c r="AB2494" s="113" t="s">
        <v>174</v>
      </c>
      <c r="AC2494" s="113" t="s">
        <v>174</v>
      </c>
      <c r="AD2494" s="113" t="s">
        <v>174</v>
      </c>
      <c r="AE2494" s="113" t="s">
        <v>174</v>
      </c>
      <c r="AF2494" s="113" t="s">
        <v>174</v>
      </c>
      <c r="AG2494" s="113" t="s">
        <v>174</v>
      </c>
      <c r="AH2494" s="113" t="s">
        <v>174</v>
      </c>
      <c r="AI2494" s="113" t="s">
        <v>174</v>
      </c>
      <c r="AJ2494" s="113" t="s">
        <v>174</v>
      </c>
      <c r="AK2494" s="113" t="s">
        <v>174</v>
      </c>
      <c r="AL2494" s="113" t="s">
        <v>174</v>
      </c>
      <c r="AM2494" s="113" t="s">
        <v>174</v>
      </c>
      <c r="AN2494" s="113" t="s">
        <v>174</v>
      </c>
      <c r="AO2494" s="113" t="s">
        <v>174</v>
      </c>
      <c r="AP2494" s="113" t="s">
        <v>174</v>
      </c>
      <c r="AQ2494" s="113" t="s">
        <v>174</v>
      </c>
      <c r="AR2494" s="113" t="s">
        <v>174</v>
      </c>
      <c r="AS2494" s="113" t="s">
        <v>174</v>
      </c>
      <c r="AT2494" s="121" t="s">
        <v>174</v>
      </c>
      <c r="AU2494" s="113" t="s">
        <v>174</v>
      </c>
      <c r="AV2494" s="113" t="s">
        <v>174</v>
      </c>
      <c r="AW2494" s="113" t="s">
        <v>174</v>
      </c>
      <c r="AX2494" s="113"/>
      <c r="AY2494" s="113"/>
      <c r="AZ2494" s="113"/>
      <c r="BA2494" s="113"/>
      <c r="BB2494" s="107">
        <v>45884</v>
      </c>
    </row>
    <row r="2495" spans="1:54" s="207" customFormat="1" ht="13.95" customHeight="1" x14ac:dyDescent="0.25">
      <c r="A2495" s="208" t="s">
        <v>5960</v>
      </c>
      <c r="B2495" s="209" t="s">
        <v>20420</v>
      </c>
      <c r="C2495" s="113" t="s">
        <v>5961</v>
      </c>
      <c r="D2495" s="113" t="s">
        <v>23948</v>
      </c>
      <c r="E2495" s="210">
        <v>2006</v>
      </c>
      <c r="F2495" s="210">
        <v>15110</v>
      </c>
      <c r="G2495" s="113" t="s">
        <v>11</v>
      </c>
      <c r="H2495" s="113">
        <v>0</v>
      </c>
      <c r="I2495" s="113">
        <v>0</v>
      </c>
      <c r="J2495" s="115">
        <v>0</v>
      </c>
      <c r="K2495" s="116" t="s">
        <v>174</v>
      </c>
      <c r="L2495" s="115">
        <v>0</v>
      </c>
      <c r="M2495" s="115">
        <v>0</v>
      </c>
      <c r="N2495" s="115">
        <v>0</v>
      </c>
      <c r="O2495" s="115">
        <v>0</v>
      </c>
      <c r="P2495" s="115" t="s">
        <v>400</v>
      </c>
      <c r="Q2495" s="115" t="s">
        <v>400</v>
      </c>
      <c r="R2495" s="115">
        <v>0</v>
      </c>
      <c r="S2495" s="115">
        <v>0</v>
      </c>
      <c r="T2495" s="115">
        <v>0</v>
      </c>
      <c r="U2495" s="113" t="s">
        <v>174</v>
      </c>
      <c r="V2495" s="113" t="s">
        <v>174</v>
      </c>
      <c r="W2495" s="113" t="s">
        <v>174</v>
      </c>
      <c r="X2495" s="113" t="s">
        <v>174</v>
      </c>
      <c r="Y2495" s="113" t="s">
        <v>174</v>
      </c>
      <c r="Z2495" s="113" t="s">
        <v>174</v>
      </c>
      <c r="AA2495" s="113" t="s">
        <v>174</v>
      </c>
      <c r="AB2495" s="113" t="s">
        <v>174</v>
      </c>
      <c r="AC2495" s="113" t="s">
        <v>174</v>
      </c>
      <c r="AD2495" s="113" t="s">
        <v>174</v>
      </c>
      <c r="AE2495" s="113" t="s">
        <v>174</v>
      </c>
      <c r="AF2495" s="113" t="s">
        <v>174</v>
      </c>
      <c r="AG2495" s="113" t="s">
        <v>174</v>
      </c>
      <c r="AH2495" s="113" t="s">
        <v>174</v>
      </c>
      <c r="AI2495" s="113" t="s">
        <v>174</v>
      </c>
      <c r="AJ2495" s="113" t="s">
        <v>174</v>
      </c>
      <c r="AK2495" s="113" t="s">
        <v>174</v>
      </c>
      <c r="AL2495" s="113" t="s">
        <v>174</v>
      </c>
      <c r="AM2495" s="113" t="s">
        <v>174</v>
      </c>
      <c r="AN2495" s="113" t="s">
        <v>174</v>
      </c>
      <c r="AO2495" s="113" t="s">
        <v>174</v>
      </c>
      <c r="AP2495" s="113" t="s">
        <v>174</v>
      </c>
      <c r="AQ2495" s="113" t="s">
        <v>174</v>
      </c>
      <c r="AR2495" s="113" t="s">
        <v>174</v>
      </c>
      <c r="AS2495" s="113" t="s">
        <v>174</v>
      </c>
      <c r="AT2495" s="121" t="s">
        <v>174</v>
      </c>
      <c r="AU2495" s="113" t="s">
        <v>174</v>
      </c>
      <c r="AV2495" s="113" t="s">
        <v>174</v>
      </c>
      <c r="AW2495" s="113" t="s">
        <v>174</v>
      </c>
      <c r="AX2495" s="113"/>
      <c r="AY2495" s="113"/>
      <c r="AZ2495" s="113"/>
      <c r="BA2495" s="113"/>
      <c r="BB2495" s="107">
        <v>45884</v>
      </c>
    </row>
    <row r="2496" spans="1:54" s="207" customFormat="1" ht="13.95" customHeight="1" x14ac:dyDescent="0.25">
      <c r="A2496" s="208" t="s">
        <v>5962</v>
      </c>
      <c r="B2496" s="209" t="s">
        <v>20420</v>
      </c>
      <c r="C2496" s="113" t="s">
        <v>5963</v>
      </c>
      <c r="D2496" s="113" t="s">
        <v>23949</v>
      </c>
      <c r="E2496" s="210">
        <v>1969</v>
      </c>
      <c r="F2496" s="210">
        <v>15342</v>
      </c>
      <c r="G2496" s="113" t="s">
        <v>3</v>
      </c>
      <c r="H2496" s="113">
        <v>1</v>
      </c>
      <c r="I2496" s="113">
        <v>0</v>
      </c>
      <c r="J2496" s="115">
        <v>1</v>
      </c>
      <c r="K2496" s="211">
        <v>1</v>
      </c>
      <c r="L2496" s="115">
        <v>1</v>
      </c>
      <c r="M2496" s="115">
        <v>1</v>
      </c>
      <c r="N2496" s="115">
        <v>0</v>
      </c>
      <c r="O2496" s="115">
        <v>1</v>
      </c>
      <c r="P2496" s="115">
        <v>1</v>
      </c>
      <c r="Q2496" s="115" t="s">
        <v>400</v>
      </c>
      <c r="R2496" s="115">
        <v>1</v>
      </c>
      <c r="S2496" s="115">
        <v>1</v>
      </c>
      <c r="T2496" s="115">
        <v>1</v>
      </c>
      <c r="U2496" s="113" t="s">
        <v>174</v>
      </c>
      <c r="V2496" s="113" t="s">
        <v>174</v>
      </c>
      <c r="W2496" s="113" t="s">
        <v>174</v>
      </c>
      <c r="X2496" s="113" t="s">
        <v>174</v>
      </c>
      <c r="Y2496" s="113" t="s">
        <v>174</v>
      </c>
      <c r="Z2496" s="113" t="s">
        <v>174</v>
      </c>
      <c r="AA2496" s="113" t="s">
        <v>174</v>
      </c>
      <c r="AB2496" s="113" t="s">
        <v>174</v>
      </c>
      <c r="AC2496" s="113" t="s">
        <v>174</v>
      </c>
      <c r="AD2496" s="113" t="s">
        <v>174</v>
      </c>
      <c r="AE2496" s="113" t="s">
        <v>174</v>
      </c>
      <c r="AF2496" s="113" t="s">
        <v>174</v>
      </c>
      <c r="AG2496" s="113" t="s">
        <v>174</v>
      </c>
      <c r="AH2496" s="113" t="s">
        <v>174</v>
      </c>
      <c r="AI2496" s="113" t="s">
        <v>174</v>
      </c>
      <c r="AJ2496" s="113" t="s">
        <v>174</v>
      </c>
      <c r="AK2496" s="113" t="s">
        <v>174</v>
      </c>
      <c r="AL2496" s="113" t="s">
        <v>174</v>
      </c>
      <c r="AM2496" s="113" t="s">
        <v>174</v>
      </c>
      <c r="AN2496" s="113" t="s">
        <v>174</v>
      </c>
      <c r="AO2496" s="113" t="s">
        <v>174</v>
      </c>
      <c r="AP2496" s="113" t="s">
        <v>174</v>
      </c>
      <c r="AQ2496" s="113" t="s">
        <v>174</v>
      </c>
      <c r="AR2496" s="113" t="s">
        <v>174</v>
      </c>
      <c r="AS2496" s="113" t="s">
        <v>174</v>
      </c>
      <c r="AT2496" s="121" t="s">
        <v>174</v>
      </c>
      <c r="AU2496" s="113" t="s">
        <v>174</v>
      </c>
      <c r="AV2496" s="113" t="s">
        <v>174</v>
      </c>
      <c r="AW2496" s="113" t="s">
        <v>174</v>
      </c>
      <c r="AX2496" s="113"/>
      <c r="AY2496" s="113"/>
      <c r="AZ2496" s="113"/>
      <c r="BA2496" s="113"/>
      <c r="BB2496" s="107">
        <v>45884</v>
      </c>
    </row>
    <row r="2497" spans="1:54" s="207" customFormat="1" ht="13.95" customHeight="1" x14ac:dyDescent="0.25">
      <c r="A2497" s="208" t="s">
        <v>5964</v>
      </c>
      <c r="B2497" s="209" t="s">
        <v>20420</v>
      </c>
      <c r="C2497" s="113" t="s">
        <v>5965</v>
      </c>
      <c r="D2497" s="113" t="s">
        <v>23950</v>
      </c>
      <c r="E2497" s="210">
        <v>1989</v>
      </c>
      <c r="F2497" s="210">
        <v>15359</v>
      </c>
      <c r="G2497" s="113" t="s">
        <v>11</v>
      </c>
      <c r="H2497" s="113">
        <v>1</v>
      </c>
      <c r="I2497" s="113">
        <v>0</v>
      </c>
      <c r="J2497" s="115">
        <v>1</v>
      </c>
      <c r="K2497" s="116" t="s">
        <v>174</v>
      </c>
      <c r="L2497" s="115">
        <v>0</v>
      </c>
      <c r="M2497" s="115">
        <v>0</v>
      </c>
      <c r="N2497" s="115">
        <v>0</v>
      </c>
      <c r="O2497" s="115">
        <v>0</v>
      </c>
      <c r="P2497" s="115" t="s">
        <v>400</v>
      </c>
      <c r="Q2497" s="115" t="s">
        <v>400</v>
      </c>
      <c r="R2497" s="115">
        <v>0</v>
      </c>
      <c r="S2497" s="115">
        <v>0</v>
      </c>
      <c r="T2497" s="115">
        <v>0</v>
      </c>
      <c r="U2497" s="113" t="s">
        <v>174</v>
      </c>
      <c r="V2497" s="113" t="s">
        <v>174</v>
      </c>
      <c r="W2497" s="113" t="s">
        <v>174</v>
      </c>
      <c r="X2497" s="113" t="s">
        <v>174</v>
      </c>
      <c r="Y2497" s="113" t="s">
        <v>174</v>
      </c>
      <c r="Z2497" s="113" t="s">
        <v>174</v>
      </c>
      <c r="AA2497" s="113" t="s">
        <v>174</v>
      </c>
      <c r="AB2497" s="113" t="s">
        <v>174</v>
      </c>
      <c r="AC2497" s="113" t="s">
        <v>174</v>
      </c>
      <c r="AD2497" s="113" t="s">
        <v>174</v>
      </c>
      <c r="AE2497" s="113" t="s">
        <v>174</v>
      </c>
      <c r="AF2497" s="113" t="s">
        <v>174</v>
      </c>
      <c r="AG2497" s="113" t="s">
        <v>174</v>
      </c>
      <c r="AH2497" s="113" t="s">
        <v>174</v>
      </c>
      <c r="AI2497" s="113" t="s">
        <v>174</v>
      </c>
      <c r="AJ2497" s="113" t="s">
        <v>174</v>
      </c>
      <c r="AK2497" s="113" t="s">
        <v>174</v>
      </c>
      <c r="AL2497" s="113" t="s">
        <v>174</v>
      </c>
      <c r="AM2497" s="113" t="s">
        <v>174</v>
      </c>
      <c r="AN2497" s="113" t="s">
        <v>174</v>
      </c>
      <c r="AO2497" s="113" t="s">
        <v>174</v>
      </c>
      <c r="AP2497" s="113" t="s">
        <v>174</v>
      </c>
      <c r="AQ2497" s="113" t="s">
        <v>174</v>
      </c>
      <c r="AR2497" s="113" t="s">
        <v>174</v>
      </c>
      <c r="AS2497" s="113" t="s">
        <v>174</v>
      </c>
      <c r="AT2497" s="121" t="s">
        <v>174</v>
      </c>
      <c r="AU2497" s="113" t="s">
        <v>174</v>
      </c>
      <c r="AV2497" s="113" t="s">
        <v>174</v>
      </c>
      <c r="AW2497" s="113" t="s">
        <v>174</v>
      </c>
      <c r="AX2497" s="113"/>
      <c r="AY2497" s="113"/>
      <c r="AZ2497" s="113"/>
      <c r="BA2497" s="113"/>
      <c r="BB2497" s="107">
        <v>45884</v>
      </c>
    </row>
    <row r="2498" spans="1:54" s="207" customFormat="1" ht="13.95" customHeight="1" x14ac:dyDescent="0.25">
      <c r="A2498" s="208" t="s">
        <v>5966</v>
      </c>
      <c r="B2498" s="209" t="s">
        <v>20420</v>
      </c>
      <c r="C2498" s="113" t="s">
        <v>5967</v>
      </c>
      <c r="D2498" s="113" t="s">
        <v>5968</v>
      </c>
      <c r="E2498" s="210">
        <v>2000</v>
      </c>
      <c r="F2498" s="210">
        <v>15393</v>
      </c>
      <c r="G2498" s="113" t="s">
        <v>3</v>
      </c>
      <c r="H2498" s="113">
        <v>1</v>
      </c>
      <c r="I2498" s="113">
        <v>1</v>
      </c>
      <c r="J2498" s="115">
        <v>1</v>
      </c>
      <c r="K2498" s="116" t="s">
        <v>174</v>
      </c>
      <c r="L2498" s="115">
        <v>0</v>
      </c>
      <c r="M2498" s="115">
        <v>1</v>
      </c>
      <c r="N2498" s="115">
        <v>0</v>
      </c>
      <c r="O2498" s="115">
        <v>0</v>
      </c>
      <c r="P2498" s="115" t="s">
        <v>400</v>
      </c>
      <c r="Q2498" s="115" t="s">
        <v>400</v>
      </c>
      <c r="R2498" s="115">
        <v>0</v>
      </c>
      <c r="S2498" s="115">
        <v>0</v>
      </c>
      <c r="T2498" s="115">
        <v>0</v>
      </c>
      <c r="U2498" s="113" t="s">
        <v>174</v>
      </c>
      <c r="V2498" s="113" t="s">
        <v>174</v>
      </c>
      <c r="W2498" s="113" t="s">
        <v>174</v>
      </c>
      <c r="X2498" s="113" t="s">
        <v>174</v>
      </c>
      <c r="Y2498" s="113" t="s">
        <v>174</v>
      </c>
      <c r="Z2498" s="113" t="s">
        <v>174</v>
      </c>
      <c r="AA2498" s="113" t="s">
        <v>174</v>
      </c>
      <c r="AB2498" s="113" t="s">
        <v>174</v>
      </c>
      <c r="AC2498" s="113" t="s">
        <v>174</v>
      </c>
      <c r="AD2498" s="113" t="s">
        <v>174</v>
      </c>
      <c r="AE2498" s="113" t="s">
        <v>174</v>
      </c>
      <c r="AF2498" s="113" t="s">
        <v>174</v>
      </c>
      <c r="AG2498" s="113" t="s">
        <v>174</v>
      </c>
      <c r="AH2498" s="113" t="s">
        <v>174</v>
      </c>
      <c r="AI2498" s="113" t="s">
        <v>174</v>
      </c>
      <c r="AJ2498" s="113" t="s">
        <v>174</v>
      </c>
      <c r="AK2498" s="113" t="s">
        <v>174</v>
      </c>
      <c r="AL2498" s="113" t="s">
        <v>174</v>
      </c>
      <c r="AM2498" s="113" t="s">
        <v>174</v>
      </c>
      <c r="AN2498" s="113" t="s">
        <v>174</v>
      </c>
      <c r="AO2498" s="113" t="s">
        <v>174</v>
      </c>
      <c r="AP2498" s="113" t="s">
        <v>174</v>
      </c>
      <c r="AQ2498" s="113" t="s">
        <v>174</v>
      </c>
      <c r="AR2498" s="113" t="s">
        <v>174</v>
      </c>
      <c r="AS2498" s="113" t="s">
        <v>174</v>
      </c>
      <c r="AT2498" s="121" t="s">
        <v>174</v>
      </c>
      <c r="AU2498" s="113" t="s">
        <v>174</v>
      </c>
      <c r="AV2498" s="113" t="s">
        <v>174</v>
      </c>
      <c r="AW2498" s="113" t="s">
        <v>174</v>
      </c>
      <c r="AX2498" s="113"/>
      <c r="AY2498" s="113"/>
      <c r="AZ2498" s="113"/>
      <c r="BA2498" s="113"/>
      <c r="BB2498" s="107">
        <v>45884</v>
      </c>
    </row>
    <row r="2499" spans="1:54" s="207" customFormat="1" ht="13.95" customHeight="1" x14ac:dyDescent="0.25">
      <c r="A2499" s="208" t="s">
        <v>5969</v>
      </c>
      <c r="B2499" s="209" t="s">
        <v>20420</v>
      </c>
      <c r="C2499" s="113" t="s">
        <v>5970</v>
      </c>
      <c r="D2499" s="113" t="s">
        <v>23951</v>
      </c>
      <c r="E2499" s="210">
        <v>1986</v>
      </c>
      <c r="F2499" s="210">
        <v>15561</v>
      </c>
      <c r="G2499" s="113" t="s">
        <v>3</v>
      </c>
      <c r="H2499" s="113">
        <v>0</v>
      </c>
      <c r="I2499" s="113">
        <v>0</v>
      </c>
      <c r="J2499" s="115">
        <v>1</v>
      </c>
      <c r="K2499" s="116" t="s">
        <v>174</v>
      </c>
      <c r="L2499" s="115">
        <v>0</v>
      </c>
      <c r="M2499" s="115">
        <v>0</v>
      </c>
      <c r="N2499" s="115">
        <v>0</v>
      </c>
      <c r="O2499" s="115">
        <v>0</v>
      </c>
      <c r="P2499" s="115" t="s">
        <v>400</v>
      </c>
      <c r="Q2499" s="115" t="s">
        <v>400</v>
      </c>
      <c r="R2499" s="115">
        <v>0</v>
      </c>
      <c r="S2499" s="115">
        <v>0</v>
      </c>
      <c r="T2499" s="115">
        <v>0</v>
      </c>
      <c r="U2499" s="113" t="s">
        <v>174</v>
      </c>
      <c r="V2499" s="113" t="s">
        <v>174</v>
      </c>
      <c r="W2499" s="113" t="s">
        <v>174</v>
      </c>
      <c r="X2499" s="113" t="s">
        <v>174</v>
      </c>
      <c r="Y2499" s="113" t="s">
        <v>174</v>
      </c>
      <c r="Z2499" s="113" t="s">
        <v>174</v>
      </c>
      <c r="AA2499" s="113" t="s">
        <v>174</v>
      </c>
      <c r="AB2499" s="113" t="s">
        <v>174</v>
      </c>
      <c r="AC2499" s="113" t="s">
        <v>174</v>
      </c>
      <c r="AD2499" s="113" t="s">
        <v>174</v>
      </c>
      <c r="AE2499" s="113" t="s">
        <v>174</v>
      </c>
      <c r="AF2499" s="113" t="s">
        <v>174</v>
      </c>
      <c r="AG2499" s="113" t="s">
        <v>174</v>
      </c>
      <c r="AH2499" s="113" t="s">
        <v>174</v>
      </c>
      <c r="AI2499" s="113" t="s">
        <v>174</v>
      </c>
      <c r="AJ2499" s="113" t="s">
        <v>174</v>
      </c>
      <c r="AK2499" s="113" t="s">
        <v>174</v>
      </c>
      <c r="AL2499" s="113" t="s">
        <v>174</v>
      </c>
      <c r="AM2499" s="113" t="s">
        <v>174</v>
      </c>
      <c r="AN2499" s="113" t="s">
        <v>174</v>
      </c>
      <c r="AO2499" s="113" t="s">
        <v>174</v>
      </c>
      <c r="AP2499" s="113" t="s">
        <v>174</v>
      </c>
      <c r="AQ2499" s="113" t="s">
        <v>174</v>
      </c>
      <c r="AR2499" s="113" t="s">
        <v>174</v>
      </c>
      <c r="AS2499" s="113" t="s">
        <v>174</v>
      </c>
      <c r="AT2499" s="121" t="s">
        <v>174</v>
      </c>
      <c r="AU2499" s="113" t="s">
        <v>174</v>
      </c>
      <c r="AV2499" s="113" t="s">
        <v>174</v>
      </c>
      <c r="AW2499" s="113" t="s">
        <v>174</v>
      </c>
      <c r="AX2499" s="113"/>
      <c r="AY2499" s="113"/>
      <c r="AZ2499" s="113"/>
      <c r="BA2499" s="113"/>
      <c r="BB2499" s="107">
        <v>45884</v>
      </c>
    </row>
    <row r="2500" spans="1:54" s="207" customFormat="1" ht="13.95" customHeight="1" x14ac:dyDescent="0.25">
      <c r="A2500" s="208" t="s">
        <v>5971</v>
      </c>
      <c r="B2500" s="209" t="s">
        <v>20420</v>
      </c>
      <c r="C2500" s="113" t="s">
        <v>5972</v>
      </c>
      <c r="D2500" s="113" t="s">
        <v>23952</v>
      </c>
      <c r="E2500" s="210">
        <v>1995</v>
      </c>
      <c r="F2500" s="210">
        <v>15532</v>
      </c>
      <c r="G2500" s="113" t="s">
        <v>3</v>
      </c>
      <c r="H2500" s="113">
        <v>1</v>
      </c>
      <c r="I2500" s="113">
        <v>1</v>
      </c>
      <c r="J2500" s="115">
        <v>1</v>
      </c>
      <c r="K2500" s="116" t="s">
        <v>174</v>
      </c>
      <c r="L2500" s="115">
        <v>1</v>
      </c>
      <c r="M2500" s="115">
        <v>1</v>
      </c>
      <c r="N2500" s="115">
        <v>1</v>
      </c>
      <c r="O2500" s="115">
        <v>1</v>
      </c>
      <c r="P2500" s="115">
        <v>1</v>
      </c>
      <c r="Q2500" s="115" t="s">
        <v>400</v>
      </c>
      <c r="R2500" s="115">
        <v>0</v>
      </c>
      <c r="S2500" s="115">
        <v>0</v>
      </c>
      <c r="T2500" s="115">
        <v>0</v>
      </c>
      <c r="U2500" s="113" t="s">
        <v>174</v>
      </c>
      <c r="V2500" s="113" t="s">
        <v>174</v>
      </c>
      <c r="W2500" s="113" t="s">
        <v>174</v>
      </c>
      <c r="X2500" s="113" t="s">
        <v>174</v>
      </c>
      <c r="Y2500" s="113" t="s">
        <v>174</v>
      </c>
      <c r="Z2500" s="113" t="s">
        <v>174</v>
      </c>
      <c r="AA2500" s="113" t="s">
        <v>174</v>
      </c>
      <c r="AB2500" s="113" t="s">
        <v>174</v>
      </c>
      <c r="AC2500" s="113" t="s">
        <v>174</v>
      </c>
      <c r="AD2500" s="113" t="s">
        <v>174</v>
      </c>
      <c r="AE2500" s="113" t="s">
        <v>174</v>
      </c>
      <c r="AF2500" s="113" t="s">
        <v>174</v>
      </c>
      <c r="AG2500" s="113" t="s">
        <v>174</v>
      </c>
      <c r="AH2500" s="113" t="s">
        <v>174</v>
      </c>
      <c r="AI2500" s="113" t="s">
        <v>174</v>
      </c>
      <c r="AJ2500" s="113" t="s">
        <v>174</v>
      </c>
      <c r="AK2500" s="113" t="s">
        <v>174</v>
      </c>
      <c r="AL2500" s="113" t="s">
        <v>174</v>
      </c>
      <c r="AM2500" s="113" t="s">
        <v>174</v>
      </c>
      <c r="AN2500" s="113" t="s">
        <v>174</v>
      </c>
      <c r="AO2500" s="113" t="s">
        <v>174</v>
      </c>
      <c r="AP2500" s="113" t="s">
        <v>174</v>
      </c>
      <c r="AQ2500" s="113" t="s">
        <v>174</v>
      </c>
      <c r="AR2500" s="113" t="s">
        <v>174</v>
      </c>
      <c r="AS2500" s="113" t="s">
        <v>174</v>
      </c>
      <c r="AT2500" s="121" t="s">
        <v>174</v>
      </c>
      <c r="AU2500" s="113" t="s">
        <v>174</v>
      </c>
      <c r="AV2500" s="113" t="s">
        <v>174</v>
      </c>
      <c r="AW2500" s="113" t="s">
        <v>174</v>
      </c>
      <c r="AX2500" s="113"/>
      <c r="AY2500" s="113"/>
      <c r="AZ2500" s="113"/>
      <c r="BA2500" s="113"/>
      <c r="BB2500" s="107">
        <v>45884</v>
      </c>
    </row>
    <row r="2501" spans="1:54" s="207" customFormat="1" ht="13.95" customHeight="1" x14ac:dyDescent="0.25">
      <c r="A2501" s="208" t="s">
        <v>5973</v>
      </c>
      <c r="B2501" s="209" t="s">
        <v>20420</v>
      </c>
      <c r="C2501" s="113" t="s">
        <v>5974</v>
      </c>
      <c r="D2501" s="113" t="s">
        <v>5975</v>
      </c>
      <c r="E2501" s="210">
        <v>1992</v>
      </c>
      <c r="F2501" s="210">
        <v>15703</v>
      </c>
      <c r="G2501" s="113" t="s">
        <v>3</v>
      </c>
      <c r="H2501" s="113">
        <v>1</v>
      </c>
      <c r="I2501" s="113">
        <v>1</v>
      </c>
      <c r="J2501" s="115">
        <v>1</v>
      </c>
      <c r="K2501" s="211">
        <v>1</v>
      </c>
      <c r="L2501" s="115">
        <v>1</v>
      </c>
      <c r="M2501" s="115">
        <v>1</v>
      </c>
      <c r="N2501" s="115">
        <v>0</v>
      </c>
      <c r="O2501" s="115">
        <v>0</v>
      </c>
      <c r="P2501" s="115" t="s">
        <v>400</v>
      </c>
      <c r="Q2501" s="115" t="s">
        <v>400</v>
      </c>
      <c r="R2501" s="115">
        <v>0</v>
      </c>
      <c r="S2501" s="115">
        <v>0</v>
      </c>
      <c r="T2501" s="115">
        <v>1</v>
      </c>
      <c r="U2501" s="113" t="s">
        <v>174</v>
      </c>
      <c r="V2501" s="113" t="s">
        <v>174</v>
      </c>
      <c r="W2501" s="113" t="s">
        <v>174</v>
      </c>
      <c r="X2501" s="113" t="s">
        <v>174</v>
      </c>
      <c r="Y2501" s="113" t="s">
        <v>174</v>
      </c>
      <c r="Z2501" s="113" t="s">
        <v>174</v>
      </c>
      <c r="AA2501" s="113" t="s">
        <v>174</v>
      </c>
      <c r="AB2501" s="113" t="s">
        <v>174</v>
      </c>
      <c r="AC2501" s="113" t="s">
        <v>174</v>
      </c>
      <c r="AD2501" s="113" t="s">
        <v>174</v>
      </c>
      <c r="AE2501" s="113" t="s">
        <v>174</v>
      </c>
      <c r="AF2501" s="113" t="s">
        <v>174</v>
      </c>
      <c r="AG2501" s="113" t="s">
        <v>174</v>
      </c>
      <c r="AH2501" s="113" t="s">
        <v>174</v>
      </c>
      <c r="AI2501" s="113" t="s">
        <v>174</v>
      </c>
      <c r="AJ2501" s="113" t="s">
        <v>174</v>
      </c>
      <c r="AK2501" s="113" t="s">
        <v>174</v>
      </c>
      <c r="AL2501" s="113" t="s">
        <v>174</v>
      </c>
      <c r="AM2501" s="113" t="s">
        <v>174</v>
      </c>
      <c r="AN2501" s="113" t="s">
        <v>174</v>
      </c>
      <c r="AO2501" s="113" t="s">
        <v>174</v>
      </c>
      <c r="AP2501" s="113" t="s">
        <v>174</v>
      </c>
      <c r="AQ2501" s="113" t="s">
        <v>174</v>
      </c>
      <c r="AR2501" s="113" t="s">
        <v>174</v>
      </c>
      <c r="AS2501" s="113" t="s">
        <v>174</v>
      </c>
      <c r="AT2501" s="121" t="s">
        <v>174</v>
      </c>
      <c r="AU2501" s="113" t="s">
        <v>174</v>
      </c>
      <c r="AV2501" s="113" t="s">
        <v>174</v>
      </c>
      <c r="AW2501" s="113" t="s">
        <v>174</v>
      </c>
      <c r="AX2501" s="113"/>
      <c r="AY2501" s="113"/>
      <c r="AZ2501" s="113"/>
      <c r="BA2501" s="113"/>
      <c r="BB2501" s="107">
        <v>45884</v>
      </c>
    </row>
    <row r="2502" spans="1:54" s="207" customFormat="1" ht="13.95" customHeight="1" x14ac:dyDescent="0.25">
      <c r="A2502" s="208" t="s">
        <v>5976</v>
      </c>
      <c r="B2502" s="209" t="s">
        <v>20420</v>
      </c>
      <c r="C2502" s="113" t="s">
        <v>5977</v>
      </c>
      <c r="D2502" s="113" t="s">
        <v>5978</v>
      </c>
      <c r="E2502" s="210">
        <v>1994</v>
      </c>
      <c r="F2502" s="210">
        <v>15831</v>
      </c>
      <c r="G2502" s="113" t="s">
        <v>3</v>
      </c>
      <c r="H2502" s="113">
        <v>0</v>
      </c>
      <c r="I2502" s="113">
        <v>0</v>
      </c>
      <c r="J2502" s="115">
        <v>0</v>
      </c>
      <c r="K2502" s="116" t="s">
        <v>174</v>
      </c>
      <c r="L2502" s="115">
        <v>0</v>
      </c>
      <c r="M2502" s="115">
        <v>0</v>
      </c>
      <c r="N2502" s="115">
        <v>0</v>
      </c>
      <c r="O2502" s="115">
        <v>0</v>
      </c>
      <c r="P2502" s="115" t="s">
        <v>400</v>
      </c>
      <c r="Q2502" s="115" t="s">
        <v>400</v>
      </c>
      <c r="R2502" s="115">
        <v>0</v>
      </c>
      <c r="S2502" s="115">
        <v>0</v>
      </c>
      <c r="T2502" s="115">
        <v>0</v>
      </c>
      <c r="U2502" s="113" t="s">
        <v>174</v>
      </c>
      <c r="V2502" s="113" t="s">
        <v>174</v>
      </c>
      <c r="W2502" s="113" t="s">
        <v>174</v>
      </c>
      <c r="X2502" s="113" t="s">
        <v>174</v>
      </c>
      <c r="Y2502" s="113" t="s">
        <v>174</v>
      </c>
      <c r="Z2502" s="113" t="s">
        <v>174</v>
      </c>
      <c r="AA2502" s="113" t="s">
        <v>174</v>
      </c>
      <c r="AB2502" s="113" t="s">
        <v>174</v>
      </c>
      <c r="AC2502" s="113" t="s">
        <v>174</v>
      </c>
      <c r="AD2502" s="113" t="s">
        <v>174</v>
      </c>
      <c r="AE2502" s="113" t="s">
        <v>174</v>
      </c>
      <c r="AF2502" s="113" t="s">
        <v>174</v>
      </c>
      <c r="AG2502" s="113" t="s">
        <v>174</v>
      </c>
      <c r="AH2502" s="113" t="s">
        <v>174</v>
      </c>
      <c r="AI2502" s="113" t="s">
        <v>174</v>
      </c>
      <c r="AJ2502" s="113" t="s">
        <v>174</v>
      </c>
      <c r="AK2502" s="113" t="s">
        <v>174</v>
      </c>
      <c r="AL2502" s="113" t="s">
        <v>174</v>
      </c>
      <c r="AM2502" s="113" t="s">
        <v>174</v>
      </c>
      <c r="AN2502" s="113" t="s">
        <v>174</v>
      </c>
      <c r="AO2502" s="113" t="s">
        <v>174</v>
      </c>
      <c r="AP2502" s="113" t="s">
        <v>174</v>
      </c>
      <c r="AQ2502" s="113" t="s">
        <v>174</v>
      </c>
      <c r="AR2502" s="113" t="s">
        <v>174</v>
      </c>
      <c r="AS2502" s="113" t="s">
        <v>174</v>
      </c>
      <c r="AT2502" s="121" t="s">
        <v>174</v>
      </c>
      <c r="AU2502" s="113" t="s">
        <v>174</v>
      </c>
      <c r="AV2502" s="113" t="s">
        <v>174</v>
      </c>
      <c r="AW2502" s="113" t="s">
        <v>174</v>
      </c>
      <c r="AX2502" s="113"/>
      <c r="AY2502" s="113"/>
      <c r="AZ2502" s="113"/>
      <c r="BA2502" s="113"/>
      <c r="BB2502" s="107">
        <v>45884</v>
      </c>
    </row>
    <row r="2503" spans="1:54" s="207" customFormat="1" ht="13.95" customHeight="1" x14ac:dyDescent="0.25">
      <c r="A2503" s="208" t="s">
        <v>5979</v>
      </c>
      <c r="B2503" s="209" t="s">
        <v>20420</v>
      </c>
      <c r="C2503" s="113" t="s">
        <v>5980</v>
      </c>
      <c r="D2503" s="113" t="s">
        <v>23953</v>
      </c>
      <c r="E2503" s="210">
        <v>1984</v>
      </c>
      <c r="F2503" s="210">
        <v>16010</v>
      </c>
      <c r="G2503" s="113" t="s">
        <v>3</v>
      </c>
      <c r="H2503" s="113">
        <v>1</v>
      </c>
      <c r="I2503" s="113">
        <v>1</v>
      </c>
      <c r="J2503" s="115">
        <v>1</v>
      </c>
      <c r="K2503" s="211">
        <v>1</v>
      </c>
      <c r="L2503" s="115">
        <v>1</v>
      </c>
      <c r="M2503" s="115">
        <v>1</v>
      </c>
      <c r="N2503" s="115">
        <v>1</v>
      </c>
      <c r="O2503" s="115">
        <v>1</v>
      </c>
      <c r="P2503" s="115">
        <v>1</v>
      </c>
      <c r="Q2503" s="115" t="s">
        <v>400</v>
      </c>
      <c r="R2503" s="115">
        <v>1</v>
      </c>
      <c r="S2503" s="115">
        <v>0</v>
      </c>
      <c r="T2503" s="115">
        <v>1</v>
      </c>
      <c r="U2503" s="113" t="s">
        <v>174</v>
      </c>
      <c r="V2503" s="113" t="s">
        <v>174</v>
      </c>
      <c r="W2503" s="113" t="s">
        <v>174</v>
      </c>
      <c r="X2503" s="113" t="s">
        <v>174</v>
      </c>
      <c r="Y2503" s="113" t="s">
        <v>174</v>
      </c>
      <c r="Z2503" s="113" t="s">
        <v>174</v>
      </c>
      <c r="AA2503" s="113" t="s">
        <v>174</v>
      </c>
      <c r="AB2503" s="113" t="s">
        <v>174</v>
      </c>
      <c r="AC2503" s="113" t="s">
        <v>174</v>
      </c>
      <c r="AD2503" s="113" t="s">
        <v>174</v>
      </c>
      <c r="AE2503" s="113" t="s">
        <v>174</v>
      </c>
      <c r="AF2503" s="113" t="s">
        <v>174</v>
      </c>
      <c r="AG2503" s="113" t="s">
        <v>174</v>
      </c>
      <c r="AH2503" s="113" t="s">
        <v>174</v>
      </c>
      <c r="AI2503" s="113" t="s">
        <v>174</v>
      </c>
      <c r="AJ2503" s="113" t="s">
        <v>174</v>
      </c>
      <c r="AK2503" s="113" t="s">
        <v>174</v>
      </c>
      <c r="AL2503" s="113" t="s">
        <v>174</v>
      </c>
      <c r="AM2503" s="113" t="s">
        <v>174</v>
      </c>
      <c r="AN2503" s="113" t="s">
        <v>174</v>
      </c>
      <c r="AO2503" s="113" t="s">
        <v>174</v>
      </c>
      <c r="AP2503" s="113" t="s">
        <v>174</v>
      </c>
      <c r="AQ2503" s="113" t="s">
        <v>174</v>
      </c>
      <c r="AR2503" s="113" t="s">
        <v>174</v>
      </c>
      <c r="AS2503" s="113" t="s">
        <v>174</v>
      </c>
      <c r="AT2503" s="121" t="s">
        <v>174</v>
      </c>
      <c r="AU2503" s="113" t="s">
        <v>174</v>
      </c>
      <c r="AV2503" s="113" t="s">
        <v>174</v>
      </c>
      <c r="AW2503" s="113" t="s">
        <v>174</v>
      </c>
      <c r="AX2503" s="113"/>
      <c r="AY2503" s="113"/>
      <c r="AZ2503" s="113"/>
      <c r="BA2503" s="113"/>
      <c r="BB2503" s="107">
        <v>45884</v>
      </c>
    </row>
    <row r="2504" spans="1:54" s="207" customFormat="1" ht="13.95" customHeight="1" x14ac:dyDescent="0.25">
      <c r="A2504" s="208" t="s">
        <v>5981</v>
      </c>
      <c r="B2504" s="209" t="s">
        <v>20420</v>
      </c>
      <c r="C2504" s="113" t="s">
        <v>5982</v>
      </c>
      <c r="D2504" s="113" t="s">
        <v>23954</v>
      </c>
      <c r="E2504" s="210">
        <v>1986</v>
      </c>
      <c r="F2504" s="210">
        <v>16029</v>
      </c>
      <c r="G2504" s="113" t="s">
        <v>3</v>
      </c>
      <c r="H2504" s="113">
        <v>0</v>
      </c>
      <c r="I2504" s="113">
        <v>0</v>
      </c>
      <c r="J2504" s="115">
        <v>1</v>
      </c>
      <c r="K2504" s="211">
        <v>1</v>
      </c>
      <c r="L2504" s="115">
        <v>1</v>
      </c>
      <c r="M2504" s="115">
        <v>0</v>
      </c>
      <c r="N2504" s="115">
        <v>1</v>
      </c>
      <c r="O2504" s="115">
        <v>1</v>
      </c>
      <c r="P2504" s="115">
        <v>1</v>
      </c>
      <c r="Q2504" s="115" t="s">
        <v>400</v>
      </c>
      <c r="R2504" s="115">
        <v>1</v>
      </c>
      <c r="S2504" s="115">
        <v>0</v>
      </c>
      <c r="T2504" s="115">
        <v>0</v>
      </c>
      <c r="U2504" s="113" t="s">
        <v>174</v>
      </c>
      <c r="V2504" s="113" t="s">
        <v>174</v>
      </c>
      <c r="W2504" s="113" t="s">
        <v>174</v>
      </c>
      <c r="X2504" s="113" t="s">
        <v>174</v>
      </c>
      <c r="Y2504" s="113" t="s">
        <v>174</v>
      </c>
      <c r="Z2504" s="113" t="s">
        <v>174</v>
      </c>
      <c r="AA2504" s="113" t="s">
        <v>174</v>
      </c>
      <c r="AB2504" s="113" t="s">
        <v>174</v>
      </c>
      <c r="AC2504" s="113" t="s">
        <v>174</v>
      </c>
      <c r="AD2504" s="113" t="s">
        <v>174</v>
      </c>
      <c r="AE2504" s="113" t="s">
        <v>174</v>
      </c>
      <c r="AF2504" s="113" t="s">
        <v>174</v>
      </c>
      <c r="AG2504" s="113" t="s">
        <v>174</v>
      </c>
      <c r="AH2504" s="113" t="s">
        <v>174</v>
      </c>
      <c r="AI2504" s="113" t="s">
        <v>174</v>
      </c>
      <c r="AJ2504" s="113" t="s">
        <v>174</v>
      </c>
      <c r="AK2504" s="113" t="s">
        <v>174</v>
      </c>
      <c r="AL2504" s="113" t="s">
        <v>174</v>
      </c>
      <c r="AM2504" s="113" t="s">
        <v>174</v>
      </c>
      <c r="AN2504" s="113" t="s">
        <v>174</v>
      </c>
      <c r="AO2504" s="113" t="s">
        <v>174</v>
      </c>
      <c r="AP2504" s="113" t="s">
        <v>174</v>
      </c>
      <c r="AQ2504" s="113" t="s">
        <v>174</v>
      </c>
      <c r="AR2504" s="113" t="s">
        <v>174</v>
      </c>
      <c r="AS2504" s="113" t="s">
        <v>174</v>
      </c>
      <c r="AT2504" s="121" t="s">
        <v>174</v>
      </c>
      <c r="AU2504" s="113" t="s">
        <v>174</v>
      </c>
      <c r="AV2504" s="113" t="s">
        <v>174</v>
      </c>
      <c r="AW2504" s="113" t="s">
        <v>174</v>
      </c>
      <c r="AX2504" s="113"/>
      <c r="AY2504" s="113"/>
      <c r="AZ2504" s="113"/>
      <c r="BA2504" s="113"/>
      <c r="BB2504" s="107">
        <v>45884</v>
      </c>
    </row>
    <row r="2505" spans="1:54" s="207" customFormat="1" ht="13.95" customHeight="1" x14ac:dyDescent="0.25">
      <c r="A2505" s="208" t="s">
        <v>5983</v>
      </c>
      <c r="B2505" s="209" t="s">
        <v>20420</v>
      </c>
      <c r="C2505" s="113" t="s">
        <v>5984</v>
      </c>
      <c r="D2505" s="113" t="s">
        <v>5985</v>
      </c>
      <c r="E2505" s="210">
        <v>1998</v>
      </c>
      <c r="F2505" s="210">
        <v>16487</v>
      </c>
      <c r="G2505" s="113" t="s">
        <v>3</v>
      </c>
      <c r="H2505" s="113">
        <v>1</v>
      </c>
      <c r="I2505" s="113">
        <v>1</v>
      </c>
      <c r="J2505" s="115">
        <v>1</v>
      </c>
      <c r="K2505" s="116" t="s">
        <v>174</v>
      </c>
      <c r="L2505" s="115">
        <v>0</v>
      </c>
      <c r="M2505" s="115">
        <v>0</v>
      </c>
      <c r="N2505" s="115">
        <v>0</v>
      </c>
      <c r="O2505" s="115">
        <v>0</v>
      </c>
      <c r="P2505" s="115" t="s">
        <v>400</v>
      </c>
      <c r="Q2505" s="115" t="s">
        <v>400</v>
      </c>
      <c r="R2505" s="115">
        <v>0</v>
      </c>
      <c r="S2505" s="115">
        <v>0</v>
      </c>
      <c r="T2505" s="115">
        <v>0</v>
      </c>
      <c r="U2505" s="113" t="s">
        <v>174</v>
      </c>
      <c r="V2505" s="113" t="s">
        <v>174</v>
      </c>
      <c r="W2505" s="113" t="s">
        <v>174</v>
      </c>
      <c r="X2505" s="113" t="s">
        <v>174</v>
      </c>
      <c r="Y2505" s="113" t="s">
        <v>174</v>
      </c>
      <c r="Z2505" s="113" t="s">
        <v>174</v>
      </c>
      <c r="AA2505" s="113" t="s">
        <v>174</v>
      </c>
      <c r="AB2505" s="113" t="s">
        <v>174</v>
      </c>
      <c r="AC2505" s="113" t="s">
        <v>174</v>
      </c>
      <c r="AD2505" s="113" t="s">
        <v>174</v>
      </c>
      <c r="AE2505" s="113" t="s">
        <v>174</v>
      </c>
      <c r="AF2505" s="113" t="s">
        <v>174</v>
      </c>
      <c r="AG2505" s="113" t="s">
        <v>174</v>
      </c>
      <c r="AH2505" s="113" t="s">
        <v>174</v>
      </c>
      <c r="AI2505" s="113" t="s">
        <v>174</v>
      </c>
      <c r="AJ2505" s="113" t="s">
        <v>174</v>
      </c>
      <c r="AK2505" s="113" t="s">
        <v>174</v>
      </c>
      <c r="AL2505" s="113" t="s">
        <v>174</v>
      </c>
      <c r="AM2505" s="113" t="s">
        <v>174</v>
      </c>
      <c r="AN2505" s="113" t="s">
        <v>174</v>
      </c>
      <c r="AO2505" s="113" t="s">
        <v>174</v>
      </c>
      <c r="AP2505" s="113" t="s">
        <v>174</v>
      </c>
      <c r="AQ2505" s="113" t="s">
        <v>174</v>
      </c>
      <c r="AR2505" s="113" t="s">
        <v>174</v>
      </c>
      <c r="AS2505" s="113" t="s">
        <v>174</v>
      </c>
      <c r="AT2505" s="121" t="s">
        <v>174</v>
      </c>
      <c r="AU2505" s="113" t="s">
        <v>174</v>
      </c>
      <c r="AV2505" s="113" t="s">
        <v>174</v>
      </c>
      <c r="AW2505" s="113" t="s">
        <v>174</v>
      </c>
      <c r="AX2505" s="113"/>
      <c r="AY2505" s="113"/>
      <c r="AZ2505" s="113"/>
      <c r="BA2505" s="113"/>
      <c r="BB2505" s="107">
        <v>45884</v>
      </c>
    </row>
    <row r="2506" spans="1:54" s="207" customFormat="1" ht="13.95" customHeight="1" x14ac:dyDescent="0.25">
      <c r="A2506" s="208" t="s">
        <v>5986</v>
      </c>
      <c r="B2506" s="209" t="s">
        <v>20420</v>
      </c>
      <c r="C2506" s="113" t="s">
        <v>5987</v>
      </c>
      <c r="D2506" s="113" t="s">
        <v>23955</v>
      </c>
      <c r="E2506" s="210">
        <v>1981</v>
      </c>
      <c r="F2506" s="210">
        <v>16215</v>
      </c>
      <c r="G2506" s="113" t="s">
        <v>3</v>
      </c>
      <c r="H2506" s="113">
        <v>1</v>
      </c>
      <c r="I2506" s="95">
        <v>1</v>
      </c>
      <c r="J2506" s="115">
        <v>1</v>
      </c>
      <c r="K2506" s="116" t="s">
        <v>174</v>
      </c>
      <c r="L2506" s="115">
        <v>1</v>
      </c>
      <c r="M2506" s="115">
        <v>0</v>
      </c>
      <c r="N2506" s="115">
        <v>0</v>
      </c>
      <c r="O2506" s="115">
        <v>1</v>
      </c>
      <c r="P2506" s="115" t="s">
        <v>400</v>
      </c>
      <c r="Q2506" s="115" t="s">
        <v>400</v>
      </c>
      <c r="R2506" s="115">
        <v>0</v>
      </c>
      <c r="S2506" s="115">
        <v>0</v>
      </c>
      <c r="T2506" s="115">
        <v>0</v>
      </c>
      <c r="U2506" s="113" t="s">
        <v>174</v>
      </c>
      <c r="V2506" s="113" t="s">
        <v>174</v>
      </c>
      <c r="W2506" s="113" t="s">
        <v>174</v>
      </c>
      <c r="X2506" s="113" t="s">
        <v>174</v>
      </c>
      <c r="Y2506" s="113" t="s">
        <v>174</v>
      </c>
      <c r="Z2506" s="113" t="s">
        <v>174</v>
      </c>
      <c r="AA2506" s="113" t="s">
        <v>174</v>
      </c>
      <c r="AB2506" s="113" t="s">
        <v>174</v>
      </c>
      <c r="AC2506" s="113" t="s">
        <v>174</v>
      </c>
      <c r="AD2506" s="113" t="s">
        <v>174</v>
      </c>
      <c r="AE2506" s="113" t="s">
        <v>174</v>
      </c>
      <c r="AF2506" s="113" t="s">
        <v>174</v>
      </c>
      <c r="AG2506" s="113" t="s">
        <v>174</v>
      </c>
      <c r="AH2506" s="113" t="s">
        <v>174</v>
      </c>
      <c r="AI2506" s="113" t="s">
        <v>174</v>
      </c>
      <c r="AJ2506" s="113" t="s">
        <v>174</v>
      </c>
      <c r="AK2506" s="113" t="s">
        <v>174</v>
      </c>
      <c r="AL2506" s="113" t="s">
        <v>174</v>
      </c>
      <c r="AM2506" s="113" t="s">
        <v>174</v>
      </c>
      <c r="AN2506" s="113" t="s">
        <v>174</v>
      </c>
      <c r="AO2506" s="113" t="s">
        <v>174</v>
      </c>
      <c r="AP2506" s="113" t="s">
        <v>174</v>
      </c>
      <c r="AQ2506" s="113" t="s">
        <v>174</v>
      </c>
      <c r="AR2506" s="113" t="s">
        <v>174</v>
      </c>
      <c r="AS2506" s="113" t="s">
        <v>174</v>
      </c>
      <c r="AT2506" s="121" t="s">
        <v>174</v>
      </c>
      <c r="AU2506" s="113" t="s">
        <v>174</v>
      </c>
      <c r="AV2506" s="113" t="s">
        <v>174</v>
      </c>
      <c r="AW2506" s="113" t="s">
        <v>174</v>
      </c>
      <c r="AX2506" s="113"/>
      <c r="AY2506" s="113"/>
      <c r="AZ2506" s="113"/>
      <c r="BA2506" s="113"/>
      <c r="BB2506" s="107">
        <v>45884</v>
      </c>
    </row>
    <row r="2507" spans="1:54" s="207" customFormat="1" ht="13.95" customHeight="1" x14ac:dyDescent="0.25">
      <c r="A2507" s="208" t="s">
        <v>5988</v>
      </c>
      <c r="B2507" s="209" t="s">
        <v>20420</v>
      </c>
      <c r="C2507" s="113" t="s">
        <v>5989</v>
      </c>
      <c r="D2507" s="113" t="s">
        <v>23956</v>
      </c>
      <c r="E2507" s="210">
        <v>1989</v>
      </c>
      <c r="F2507" s="210">
        <v>16477</v>
      </c>
      <c r="G2507" s="113" t="s">
        <v>3</v>
      </c>
      <c r="H2507" s="113">
        <v>1</v>
      </c>
      <c r="I2507" s="113">
        <v>0</v>
      </c>
      <c r="J2507" s="115">
        <v>1</v>
      </c>
      <c r="K2507" s="211">
        <v>1</v>
      </c>
      <c r="L2507" s="115">
        <v>1</v>
      </c>
      <c r="M2507" s="115">
        <v>1</v>
      </c>
      <c r="N2507" s="115">
        <v>1</v>
      </c>
      <c r="O2507" s="115">
        <v>1</v>
      </c>
      <c r="P2507" s="115" t="s">
        <v>400</v>
      </c>
      <c r="Q2507" s="115" t="s">
        <v>400</v>
      </c>
      <c r="R2507" s="115">
        <v>1</v>
      </c>
      <c r="S2507" s="115">
        <v>0</v>
      </c>
      <c r="T2507" s="115">
        <v>0</v>
      </c>
      <c r="U2507" s="113" t="s">
        <v>174</v>
      </c>
      <c r="V2507" s="113" t="s">
        <v>174</v>
      </c>
      <c r="W2507" s="113" t="s">
        <v>174</v>
      </c>
      <c r="X2507" s="113" t="s">
        <v>174</v>
      </c>
      <c r="Y2507" s="113" t="s">
        <v>174</v>
      </c>
      <c r="Z2507" s="113" t="s">
        <v>174</v>
      </c>
      <c r="AA2507" s="113" t="s">
        <v>174</v>
      </c>
      <c r="AB2507" s="113" t="s">
        <v>174</v>
      </c>
      <c r="AC2507" s="113" t="s">
        <v>174</v>
      </c>
      <c r="AD2507" s="113" t="s">
        <v>174</v>
      </c>
      <c r="AE2507" s="113" t="s">
        <v>174</v>
      </c>
      <c r="AF2507" s="113" t="s">
        <v>174</v>
      </c>
      <c r="AG2507" s="113" t="s">
        <v>174</v>
      </c>
      <c r="AH2507" s="113" t="s">
        <v>174</v>
      </c>
      <c r="AI2507" s="113" t="s">
        <v>174</v>
      </c>
      <c r="AJ2507" s="113" t="s">
        <v>174</v>
      </c>
      <c r="AK2507" s="113" t="s">
        <v>174</v>
      </c>
      <c r="AL2507" s="113" t="s">
        <v>174</v>
      </c>
      <c r="AM2507" s="113" t="s">
        <v>174</v>
      </c>
      <c r="AN2507" s="113" t="s">
        <v>174</v>
      </c>
      <c r="AO2507" s="113" t="s">
        <v>174</v>
      </c>
      <c r="AP2507" s="113" t="s">
        <v>174</v>
      </c>
      <c r="AQ2507" s="113" t="s">
        <v>174</v>
      </c>
      <c r="AR2507" s="113" t="s">
        <v>174</v>
      </c>
      <c r="AS2507" s="113" t="s">
        <v>174</v>
      </c>
      <c r="AT2507" s="121" t="s">
        <v>174</v>
      </c>
      <c r="AU2507" s="113" t="s">
        <v>174</v>
      </c>
      <c r="AV2507" s="113" t="s">
        <v>174</v>
      </c>
      <c r="AW2507" s="113" t="s">
        <v>174</v>
      </c>
      <c r="AX2507" s="113"/>
      <c r="AY2507" s="113"/>
      <c r="AZ2507" s="113"/>
      <c r="BA2507" s="113"/>
      <c r="BB2507" s="107">
        <v>45884</v>
      </c>
    </row>
    <row r="2508" spans="1:54" s="207" customFormat="1" ht="13.95" customHeight="1" x14ac:dyDescent="0.25">
      <c r="A2508" s="208" t="s">
        <v>5990</v>
      </c>
      <c r="B2508" s="209" t="s">
        <v>20420</v>
      </c>
      <c r="C2508" s="113" t="s">
        <v>5991</v>
      </c>
      <c r="D2508" s="113" t="s">
        <v>23957</v>
      </c>
      <c r="E2508" s="210">
        <v>1992</v>
      </c>
      <c r="F2508" s="210">
        <v>16611</v>
      </c>
      <c r="G2508" s="113" t="s">
        <v>3</v>
      </c>
      <c r="H2508" s="113">
        <v>1</v>
      </c>
      <c r="I2508" s="113">
        <v>0</v>
      </c>
      <c r="J2508" s="115">
        <v>1</v>
      </c>
      <c r="K2508" s="211">
        <v>1</v>
      </c>
      <c r="L2508" s="115">
        <v>1</v>
      </c>
      <c r="M2508" s="115">
        <v>0</v>
      </c>
      <c r="N2508" s="115">
        <v>0</v>
      </c>
      <c r="O2508" s="115">
        <v>0</v>
      </c>
      <c r="P2508" s="115" t="s">
        <v>400</v>
      </c>
      <c r="Q2508" s="115" t="s">
        <v>400</v>
      </c>
      <c r="R2508" s="115">
        <v>0</v>
      </c>
      <c r="S2508" s="115">
        <v>0</v>
      </c>
      <c r="T2508" s="115">
        <v>0</v>
      </c>
      <c r="U2508" s="113" t="s">
        <v>174</v>
      </c>
      <c r="V2508" s="113" t="s">
        <v>174</v>
      </c>
      <c r="W2508" s="113" t="s">
        <v>174</v>
      </c>
      <c r="X2508" s="113" t="s">
        <v>174</v>
      </c>
      <c r="Y2508" s="113" t="s">
        <v>174</v>
      </c>
      <c r="Z2508" s="113" t="s">
        <v>174</v>
      </c>
      <c r="AA2508" s="113" t="s">
        <v>174</v>
      </c>
      <c r="AB2508" s="113" t="s">
        <v>174</v>
      </c>
      <c r="AC2508" s="113" t="s">
        <v>174</v>
      </c>
      <c r="AD2508" s="113" t="s">
        <v>174</v>
      </c>
      <c r="AE2508" s="113" t="s">
        <v>174</v>
      </c>
      <c r="AF2508" s="113" t="s">
        <v>174</v>
      </c>
      <c r="AG2508" s="113" t="s">
        <v>174</v>
      </c>
      <c r="AH2508" s="113" t="s">
        <v>174</v>
      </c>
      <c r="AI2508" s="113" t="s">
        <v>174</v>
      </c>
      <c r="AJ2508" s="113" t="s">
        <v>174</v>
      </c>
      <c r="AK2508" s="113" t="s">
        <v>174</v>
      </c>
      <c r="AL2508" s="113" t="s">
        <v>174</v>
      </c>
      <c r="AM2508" s="113" t="s">
        <v>174</v>
      </c>
      <c r="AN2508" s="113" t="s">
        <v>174</v>
      </c>
      <c r="AO2508" s="113" t="s">
        <v>174</v>
      </c>
      <c r="AP2508" s="113" t="s">
        <v>174</v>
      </c>
      <c r="AQ2508" s="113" t="s">
        <v>174</v>
      </c>
      <c r="AR2508" s="113" t="s">
        <v>174</v>
      </c>
      <c r="AS2508" s="113" t="s">
        <v>174</v>
      </c>
      <c r="AT2508" s="121" t="s">
        <v>174</v>
      </c>
      <c r="AU2508" s="113" t="s">
        <v>174</v>
      </c>
      <c r="AV2508" s="113" t="s">
        <v>174</v>
      </c>
      <c r="AW2508" s="113" t="s">
        <v>174</v>
      </c>
      <c r="AX2508" s="113"/>
      <c r="AY2508" s="113"/>
      <c r="AZ2508" s="113"/>
      <c r="BA2508" s="113"/>
      <c r="BB2508" s="107">
        <v>45884</v>
      </c>
    </row>
    <row r="2509" spans="1:54" s="207" customFormat="1" ht="13.95" customHeight="1" x14ac:dyDescent="0.25">
      <c r="A2509" s="208" t="s">
        <v>5992</v>
      </c>
      <c r="B2509" s="209" t="s">
        <v>20420</v>
      </c>
      <c r="C2509" s="113" t="s">
        <v>5993</v>
      </c>
      <c r="D2509" s="113" t="s">
        <v>5994</v>
      </c>
      <c r="E2509" s="210">
        <v>1997</v>
      </c>
      <c r="F2509" s="210">
        <v>16709</v>
      </c>
      <c r="G2509" s="113" t="s">
        <v>3</v>
      </c>
      <c r="H2509" s="113">
        <v>1</v>
      </c>
      <c r="I2509" s="113">
        <v>1</v>
      </c>
      <c r="J2509" s="115">
        <v>1</v>
      </c>
      <c r="K2509" s="116" t="s">
        <v>174</v>
      </c>
      <c r="L2509" s="115">
        <v>1</v>
      </c>
      <c r="M2509" s="115">
        <v>0</v>
      </c>
      <c r="N2509" s="115">
        <v>0</v>
      </c>
      <c r="O2509" s="115">
        <v>0</v>
      </c>
      <c r="P2509" s="115">
        <v>1</v>
      </c>
      <c r="Q2509" s="115" t="s">
        <v>400</v>
      </c>
      <c r="R2509" s="115">
        <v>0</v>
      </c>
      <c r="S2509" s="115">
        <v>0</v>
      </c>
      <c r="T2509" s="115">
        <v>0</v>
      </c>
      <c r="U2509" s="113" t="s">
        <v>174</v>
      </c>
      <c r="V2509" s="113" t="s">
        <v>174</v>
      </c>
      <c r="W2509" s="113" t="s">
        <v>174</v>
      </c>
      <c r="X2509" s="113" t="s">
        <v>174</v>
      </c>
      <c r="Y2509" s="113" t="s">
        <v>174</v>
      </c>
      <c r="Z2509" s="113" t="s">
        <v>174</v>
      </c>
      <c r="AA2509" s="113" t="s">
        <v>174</v>
      </c>
      <c r="AB2509" s="113" t="s">
        <v>174</v>
      </c>
      <c r="AC2509" s="113" t="s">
        <v>174</v>
      </c>
      <c r="AD2509" s="113" t="s">
        <v>174</v>
      </c>
      <c r="AE2509" s="113" t="s">
        <v>174</v>
      </c>
      <c r="AF2509" s="113" t="s">
        <v>174</v>
      </c>
      <c r="AG2509" s="113" t="s">
        <v>174</v>
      </c>
      <c r="AH2509" s="113" t="s">
        <v>174</v>
      </c>
      <c r="AI2509" s="113" t="s">
        <v>174</v>
      </c>
      <c r="AJ2509" s="113" t="s">
        <v>174</v>
      </c>
      <c r="AK2509" s="113" t="s">
        <v>174</v>
      </c>
      <c r="AL2509" s="113" t="s">
        <v>174</v>
      </c>
      <c r="AM2509" s="113" t="s">
        <v>174</v>
      </c>
      <c r="AN2509" s="113" t="s">
        <v>174</v>
      </c>
      <c r="AO2509" s="113" t="s">
        <v>174</v>
      </c>
      <c r="AP2509" s="113" t="s">
        <v>174</v>
      </c>
      <c r="AQ2509" s="113" t="s">
        <v>174</v>
      </c>
      <c r="AR2509" s="113" t="s">
        <v>174</v>
      </c>
      <c r="AS2509" s="113" t="s">
        <v>174</v>
      </c>
      <c r="AT2509" s="121" t="s">
        <v>174</v>
      </c>
      <c r="AU2509" s="113" t="s">
        <v>174</v>
      </c>
      <c r="AV2509" s="113" t="s">
        <v>174</v>
      </c>
      <c r="AW2509" s="113" t="s">
        <v>174</v>
      </c>
      <c r="AX2509" s="113"/>
      <c r="AY2509" s="113"/>
      <c r="AZ2509" s="113"/>
      <c r="BA2509" s="113"/>
      <c r="BB2509" s="107">
        <v>45884</v>
      </c>
    </row>
    <row r="2510" spans="1:54" s="207" customFormat="1" ht="13.95" customHeight="1" x14ac:dyDescent="0.25">
      <c r="A2510" s="208" t="s">
        <v>5995</v>
      </c>
      <c r="B2510" s="209" t="s">
        <v>20420</v>
      </c>
      <c r="C2510" s="113" t="s">
        <v>5996</v>
      </c>
      <c r="D2510" s="113" t="s">
        <v>23958</v>
      </c>
      <c r="E2510" s="210">
        <v>1973</v>
      </c>
      <c r="F2510" s="210">
        <v>16723</v>
      </c>
      <c r="G2510" s="113" t="s">
        <v>3</v>
      </c>
      <c r="H2510" s="113">
        <v>0</v>
      </c>
      <c r="I2510" s="113">
        <v>0</v>
      </c>
      <c r="J2510" s="115">
        <v>1</v>
      </c>
      <c r="K2510" s="211">
        <v>1</v>
      </c>
      <c r="L2510" s="115">
        <v>1</v>
      </c>
      <c r="M2510" s="115">
        <v>1</v>
      </c>
      <c r="N2510" s="115">
        <v>0</v>
      </c>
      <c r="O2510" s="115">
        <v>1</v>
      </c>
      <c r="P2510" s="115">
        <v>1</v>
      </c>
      <c r="Q2510" s="115" t="s">
        <v>400</v>
      </c>
      <c r="R2510" s="115">
        <v>0</v>
      </c>
      <c r="S2510" s="115">
        <v>0</v>
      </c>
      <c r="T2510" s="115">
        <v>0</v>
      </c>
      <c r="U2510" s="113" t="s">
        <v>174</v>
      </c>
      <c r="V2510" s="113" t="s">
        <v>174</v>
      </c>
      <c r="W2510" s="113" t="s">
        <v>174</v>
      </c>
      <c r="X2510" s="113" t="s">
        <v>174</v>
      </c>
      <c r="Y2510" s="113" t="s">
        <v>174</v>
      </c>
      <c r="Z2510" s="113" t="s">
        <v>174</v>
      </c>
      <c r="AA2510" s="113" t="s">
        <v>174</v>
      </c>
      <c r="AB2510" s="113" t="s">
        <v>174</v>
      </c>
      <c r="AC2510" s="113" t="s">
        <v>174</v>
      </c>
      <c r="AD2510" s="113" t="s">
        <v>174</v>
      </c>
      <c r="AE2510" s="113" t="s">
        <v>174</v>
      </c>
      <c r="AF2510" s="113" t="s">
        <v>174</v>
      </c>
      <c r="AG2510" s="113" t="s">
        <v>174</v>
      </c>
      <c r="AH2510" s="113" t="s">
        <v>174</v>
      </c>
      <c r="AI2510" s="113" t="s">
        <v>174</v>
      </c>
      <c r="AJ2510" s="113" t="s">
        <v>174</v>
      </c>
      <c r="AK2510" s="113" t="s">
        <v>174</v>
      </c>
      <c r="AL2510" s="113" t="s">
        <v>174</v>
      </c>
      <c r="AM2510" s="113" t="s">
        <v>174</v>
      </c>
      <c r="AN2510" s="113" t="s">
        <v>174</v>
      </c>
      <c r="AO2510" s="113" t="s">
        <v>174</v>
      </c>
      <c r="AP2510" s="113" t="s">
        <v>174</v>
      </c>
      <c r="AQ2510" s="113" t="s">
        <v>174</v>
      </c>
      <c r="AR2510" s="113" t="s">
        <v>174</v>
      </c>
      <c r="AS2510" s="113" t="s">
        <v>174</v>
      </c>
      <c r="AT2510" s="121" t="s">
        <v>174</v>
      </c>
      <c r="AU2510" s="113" t="s">
        <v>174</v>
      </c>
      <c r="AV2510" s="113" t="s">
        <v>174</v>
      </c>
      <c r="AW2510" s="113" t="s">
        <v>174</v>
      </c>
      <c r="AX2510" s="113"/>
      <c r="AY2510" s="113"/>
      <c r="AZ2510" s="113"/>
      <c r="BA2510" s="113"/>
      <c r="BB2510" s="107">
        <v>45884</v>
      </c>
    </row>
    <row r="2511" spans="1:54" s="207" customFormat="1" ht="13.95" customHeight="1" x14ac:dyDescent="0.25">
      <c r="A2511" s="208" t="s">
        <v>5997</v>
      </c>
      <c r="B2511" s="209" t="s">
        <v>20420</v>
      </c>
      <c r="C2511" s="113" t="s">
        <v>5998</v>
      </c>
      <c r="D2511" s="113" t="s">
        <v>23959</v>
      </c>
      <c r="E2511" s="210">
        <v>1973</v>
      </c>
      <c r="F2511" s="210">
        <v>16951</v>
      </c>
      <c r="G2511" s="113" t="s">
        <v>3</v>
      </c>
      <c r="H2511" s="113">
        <v>1</v>
      </c>
      <c r="I2511" s="113">
        <v>0</v>
      </c>
      <c r="J2511" s="115">
        <v>1</v>
      </c>
      <c r="K2511" s="211">
        <v>1</v>
      </c>
      <c r="L2511" s="115">
        <v>1</v>
      </c>
      <c r="M2511" s="115">
        <v>1</v>
      </c>
      <c r="N2511" s="212">
        <v>1</v>
      </c>
      <c r="O2511" s="115">
        <v>1</v>
      </c>
      <c r="P2511" s="115" t="s">
        <v>400</v>
      </c>
      <c r="Q2511" s="115" t="s">
        <v>400</v>
      </c>
      <c r="R2511" s="115">
        <v>1</v>
      </c>
      <c r="S2511" s="212">
        <v>0</v>
      </c>
      <c r="T2511" s="115">
        <v>0</v>
      </c>
      <c r="U2511" s="113" t="s">
        <v>174</v>
      </c>
      <c r="V2511" s="113" t="s">
        <v>174</v>
      </c>
      <c r="W2511" s="113" t="s">
        <v>174</v>
      </c>
      <c r="X2511" s="113" t="s">
        <v>174</v>
      </c>
      <c r="Y2511" s="113" t="s">
        <v>174</v>
      </c>
      <c r="Z2511" s="113" t="s">
        <v>174</v>
      </c>
      <c r="AA2511" s="113" t="s">
        <v>174</v>
      </c>
      <c r="AB2511" s="113" t="s">
        <v>174</v>
      </c>
      <c r="AC2511" s="113" t="s">
        <v>174</v>
      </c>
      <c r="AD2511" s="113" t="s">
        <v>174</v>
      </c>
      <c r="AE2511" s="113" t="s">
        <v>174</v>
      </c>
      <c r="AF2511" s="113" t="s">
        <v>174</v>
      </c>
      <c r="AG2511" s="113" t="s">
        <v>174</v>
      </c>
      <c r="AH2511" s="113" t="s">
        <v>174</v>
      </c>
      <c r="AI2511" s="113" t="s">
        <v>174</v>
      </c>
      <c r="AJ2511" s="113" t="s">
        <v>174</v>
      </c>
      <c r="AK2511" s="113" t="s">
        <v>174</v>
      </c>
      <c r="AL2511" s="113" t="s">
        <v>174</v>
      </c>
      <c r="AM2511" s="113" t="s">
        <v>174</v>
      </c>
      <c r="AN2511" s="113" t="s">
        <v>174</v>
      </c>
      <c r="AO2511" s="113" t="s">
        <v>174</v>
      </c>
      <c r="AP2511" s="113" t="s">
        <v>174</v>
      </c>
      <c r="AQ2511" s="113" t="s">
        <v>174</v>
      </c>
      <c r="AR2511" s="113" t="s">
        <v>174</v>
      </c>
      <c r="AS2511" s="113" t="s">
        <v>174</v>
      </c>
      <c r="AT2511" s="121" t="s">
        <v>174</v>
      </c>
      <c r="AU2511" s="113" t="s">
        <v>174</v>
      </c>
      <c r="AV2511" s="113" t="s">
        <v>174</v>
      </c>
      <c r="AW2511" s="113" t="s">
        <v>174</v>
      </c>
      <c r="AX2511" s="113"/>
      <c r="AY2511" s="113"/>
      <c r="AZ2511" s="113"/>
      <c r="BA2511" s="113"/>
      <c r="BB2511" s="107">
        <v>45884</v>
      </c>
    </row>
    <row r="2512" spans="1:54" s="207" customFormat="1" ht="13.95" customHeight="1" x14ac:dyDescent="0.25">
      <c r="A2512" s="208" t="s">
        <v>5999</v>
      </c>
      <c r="B2512" s="209" t="s">
        <v>20420</v>
      </c>
      <c r="C2512" s="113" t="s">
        <v>6000</v>
      </c>
      <c r="D2512" s="113" t="s">
        <v>23960</v>
      </c>
      <c r="E2512" s="210">
        <v>1991</v>
      </c>
      <c r="F2512" s="210">
        <v>17287</v>
      </c>
      <c r="G2512" s="113" t="s">
        <v>3</v>
      </c>
      <c r="H2512" s="113">
        <v>1</v>
      </c>
      <c r="I2512" s="113">
        <v>1</v>
      </c>
      <c r="J2512" s="115">
        <v>1</v>
      </c>
      <c r="K2512" s="116" t="s">
        <v>174</v>
      </c>
      <c r="L2512" s="115">
        <v>0</v>
      </c>
      <c r="M2512" s="115">
        <v>0</v>
      </c>
      <c r="N2512" s="115">
        <v>1</v>
      </c>
      <c r="O2512" s="115">
        <v>0</v>
      </c>
      <c r="P2512" s="115" t="s">
        <v>400</v>
      </c>
      <c r="Q2512" s="115" t="s">
        <v>400</v>
      </c>
      <c r="R2512" s="115">
        <v>0</v>
      </c>
      <c r="S2512" s="115">
        <v>0</v>
      </c>
      <c r="T2512" s="115">
        <v>0</v>
      </c>
      <c r="U2512" s="113" t="s">
        <v>174</v>
      </c>
      <c r="V2512" s="113" t="s">
        <v>174</v>
      </c>
      <c r="W2512" s="113" t="s">
        <v>174</v>
      </c>
      <c r="X2512" s="113" t="s">
        <v>174</v>
      </c>
      <c r="Y2512" s="113" t="s">
        <v>174</v>
      </c>
      <c r="Z2512" s="113" t="s">
        <v>174</v>
      </c>
      <c r="AA2512" s="113" t="s">
        <v>174</v>
      </c>
      <c r="AB2512" s="113" t="s">
        <v>174</v>
      </c>
      <c r="AC2512" s="113" t="s">
        <v>174</v>
      </c>
      <c r="AD2512" s="113" t="s">
        <v>174</v>
      </c>
      <c r="AE2512" s="113" t="s">
        <v>174</v>
      </c>
      <c r="AF2512" s="113" t="s">
        <v>174</v>
      </c>
      <c r="AG2512" s="113" t="s">
        <v>174</v>
      </c>
      <c r="AH2512" s="113" t="s">
        <v>174</v>
      </c>
      <c r="AI2512" s="113" t="s">
        <v>174</v>
      </c>
      <c r="AJ2512" s="113" t="s">
        <v>174</v>
      </c>
      <c r="AK2512" s="113" t="s">
        <v>174</v>
      </c>
      <c r="AL2512" s="113" t="s">
        <v>174</v>
      </c>
      <c r="AM2512" s="113" t="s">
        <v>174</v>
      </c>
      <c r="AN2512" s="113" t="s">
        <v>174</v>
      </c>
      <c r="AO2512" s="113" t="s">
        <v>174</v>
      </c>
      <c r="AP2512" s="113" t="s">
        <v>174</v>
      </c>
      <c r="AQ2512" s="113" t="s">
        <v>174</v>
      </c>
      <c r="AR2512" s="113" t="s">
        <v>174</v>
      </c>
      <c r="AS2512" s="113" t="s">
        <v>174</v>
      </c>
      <c r="AT2512" s="121" t="s">
        <v>174</v>
      </c>
      <c r="AU2512" s="113" t="s">
        <v>174</v>
      </c>
      <c r="AV2512" s="113" t="s">
        <v>174</v>
      </c>
      <c r="AW2512" s="113" t="s">
        <v>174</v>
      </c>
      <c r="AX2512" s="113"/>
      <c r="AY2512" s="113"/>
      <c r="AZ2512" s="113"/>
      <c r="BA2512" s="113"/>
      <c r="BB2512" s="107">
        <v>45884</v>
      </c>
    </row>
    <row r="2513" spans="1:54" s="207" customFormat="1" ht="13.95" customHeight="1" x14ac:dyDescent="0.25">
      <c r="A2513" s="208" t="s">
        <v>6001</v>
      </c>
      <c r="B2513" s="209" t="s">
        <v>20420</v>
      </c>
      <c r="C2513" s="113" t="s">
        <v>6002</v>
      </c>
      <c r="D2513" s="113" t="s">
        <v>23961</v>
      </c>
      <c r="E2513" s="210">
        <v>2004</v>
      </c>
      <c r="F2513" s="210">
        <v>17340</v>
      </c>
      <c r="G2513" s="113" t="s">
        <v>3</v>
      </c>
      <c r="H2513" s="113">
        <v>1</v>
      </c>
      <c r="I2513" s="113">
        <v>1</v>
      </c>
      <c r="J2513" s="115">
        <v>1</v>
      </c>
      <c r="K2513" s="116" t="s">
        <v>174</v>
      </c>
      <c r="L2513" s="115">
        <v>1</v>
      </c>
      <c r="M2513" s="115">
        <v>1</v>
      </c>
      <c r="N2513" s="115">
        <v>1</v>
      </c>
      <c r="O2513" s="115">
        <v>1</v>
      </c>
      <c r="P2513" s="115" t="s">
        <v>400</v>
      </c>
      <c r="Q2513" s="115" t="s">
        <v>400</v>
      </c>
      <c r="R2513" s="115">
        <v>0</v>
      </c>
      <c r="S2513" s="115">
        <v>0</v>
      </c>
      <c r="T2513" s="115">
        <v>1</v>
      </c>
      <c r="U2513" s="113" t="s">
        <v>174</v>
      </c>
      <c r="V2513" s="113" t="s">
        <v>174</v>
      </c>
      <c r="W2513" s="113" t="s">
        <v>174</v>
      </c>
      <c r="X2513" s="113" t="s">
        <v>174</v>
      </c>
      <c r="Y2513" s="113" t="s">
        <v>174</v>
      </c>
      <c r="Z2513" s="113" t="s">
        <v>174</v>
      </c>
      <c r="AA2513" s="113" t="s">
        <v>174</v>
      </c>
      <c r="AB2513" s="113" t="s">
        <v>174</v>
      </c>
      <c r="AC2513" s="113" t="s">
        <v>174</v>
      </c>
      <c r="AD2513" s="113" t="s">
        <v>174</v>
      </c>
      <c r="AE2513" s="113" t="s">
        <v>174</v>
      </c>
      <c r="AF2513" s="113" t="s">
        <v>174</v>
      </c>
      <c r="AG2513" s="113" t="s">
        <v>174</v>
      </c>
      <c r="AH2513" s="113" t="s">
        <v>174</v>
      </c>
      <c r="AI2513" s="113" t="s">
        <v>174</v>
      </c>
      <c r="AJ2513" s="113" t="s">
        <v>174</v>
      </c>
      <c r="AK2513" s="113" t="s">
        <v>174</v>
      </c>
      <c r="AL2513" s="113" t="s">
        <v>174</v>
      </c>
      <c r="AM2513" s="113" t="s">
        <v>174</v>
      </c>
      <c r="AN2513" s="113" t="s">
        <v>174</v>
      </c>
      <c r="AO2513" s="113" t="s">
        <v>174</v>
      </c>
      <c r="AP2513" s="113" t="s">
        <v>174</v>
      </c>
      <c r="AQ2513" s="113" t="s">
        <v>174</v>
      </c>
      <c r="AR2513" s="113" t="s">
        <v>174</v>
      </c>
      <c r="AS2513" s="113" t="s">
        <v>174</v>
      </c>
      <c r="AT2513" s="121" t="s">
        <v>174</v>
      </c>
      <c r="AU2513" s="113" t="s">
        <v>174</v>
      </c>
      <c r="AV2513" s="113" t="s">
        <v>174</v>
      </c>
      <c r="AW2513" s="113" t="s">
        <v>174</v>
      </c>
      <c r="AX2513" s="113"/>
      <c r="AY2513" s="113"/>
      <c r="AZ2513" s="113"/>
      <c r="BA2513" s="113"/>
      <c r="BB2513" s="107">
        <v>45884</v>
      </c>
    </row>
    <row r="2514" spans="1:54" s="207" customFormat="1" ht="13.95" customHeight="1" x14ac:dyDescent="0.25">
      <c r="A2514" s="208" t="s">
        <v>6003</v>
      </c>
      <c r="B2514" s="209" t="s">
        <v>20420</v>
      </c>
      <c r="C2514" s="113" t="s">
        <v>6004</v>
      </c>
      <c r="D2514" s="113" t="s">
        <v>23962</v>
      </c>
      <c r="E2514" s="210">
        <v>1989</v>
      </c>
      <c r="F2514" s="210">
        <v>17352</v>
      </c>
      <c r="G2514" s="113" t="s">
        <v>8</v>
      </c>
      <c r="H2514" s="113">
        <v>0</v>
      </c>
      <c r="I2514" s="113">
        <v>0</v>
      </c>
      <c r="J2514" s="115">
        <v>0</v>
      </c>
      <c r="K2514" s="116" t="s">
        <v>174</v>
      </c>
      <c r="L2514" s="115">
        <v>0</v>
      </c>
      <c r="M2514" s="115">
        <v>0</v>
      </c>
      <c r="N2514" s="115">
        <v>0</v>
      </c>
      <c r="O2514" s="115">
        <v>0</v>
      </c>
      <c r="P2514" s="115" t="s">
        <v>400</v>
      </c>
      <c r="Q2514" s="115" t="s">
        <v>400</v>
      </c>
      <c r="R2514" s="115">
        <v>0</v>
      </c>
      <c r="S2514" s="115">
        <v>0</v>
      </c>
      <c r="T2514" s="115">
        <v>0</v>
      </c>
      <c r="U2514" s="113" t="s">
        <v>174</v>
      </c>
      <c r="V2514" s="113" t="s">
        <v>174</v>
      </c>
      <c r="W2514" s="113" t="s">
        <v>174</v>
      </c>
      <c r="X2514" s="113" t="s">
        <v>174</v>
      </c>
      <c r="Y2514" s="113" t="s">
        <v>174</v>
      </c>
      <c r="Z2514" s="113" t="s">
        <v>174</v>
      </c>
      <c r="AA2514" s="113" t="s">
        <v>174</v>
      </c>
      <c r="AB2514" s="113" t="s">
        <v>174</v>
      </c>
      <c r="AC2514" s="113" t="s">
        <v>174</v>
      </c>
      <c r="AD2514" s="113" t="s">
        <v>174</v>
      </c>
      <c r="AE2514" s="113" t="s">
        <v>174</v>
      </c>
      <c r="AF2514" s="113" t="s">
        <v>174</v>
      </c>
      <c r="AG2514" s="113" t="s">
        <v>174</v>
      </c>
      <c r="AH2514" s="113" t="s">
        <v>174</v>
      </c>
      <c r="AI2514" s="113" t="s">
        <v>174</v>
      </c>
      <c r="AJ2514" s="113" t="s">
        <v>174</v>
      </c>
      <c r="AK2514" s="113" t="s">
        <v>174</v>
      </c>
      <c r="AL2514" s="113" t="s">
        <v>174</v>
      </c>
      <c r="AM2514" s="113" t="s">
        <v>174</v>
      </c>
      <c r="AN2514" s="113" t="s">
        <v>174</v>
      </c>
      <c r="AO2514" s="113" t="s">
        <v>174</v>
      </c>
      <c r="AP2514" s="113" t="s">
        <v>174</v>
      </c>
      <c r="AQ2514" s="113" t="s">
        <v>174</v>
      </c>
      <c r="AR2514" s="113" t="s">
        <v>174</v>
      </c>
      <c r="AS2514" s="113" t="s">
        <v>174</v>
      </c>
      <c r="AT2514" s="121" t="s">
        <v>174</v>
      </c>
      <c r="AU2514" s="113" t="s">
        <v>174</v>
      </c>
      <c r="AV2514" s="113" t="s">
        <v>174</v>
      </c>
      <c r="AW2514" s="113" t="s">
        <v>174</v>
      </c>
      <c r="AX2514" s="113"/>
      <c r="AY2514" s="113"/>
      <c r="AZ2514" s="113"/>
      <c r="BA2514" s="113"/>
      <c r="BB2514" s="107">
        <v>45884</v>
      </c>
    </row>
    <row r="2515" spans="1:54" s="207" customFormat="1" ht="13.95" customHeight="1" x14ac:dyDescent="0.25">
      <c r="A2515" s="208" t="s">
        <v>6005</v>
      </c>
      <c r="B2515" s="209" t="s">
        <v>20420</v>
      </c>
      <c r="C2515" s="113" t="s">
        <v>6006</v>
      </c>
      <c r="D2515" s="113" t="s">
        <v>23963</v>
      </c>
      <c r="E2515" s="210">
        <v>1990</v>
      </c>
      <c r="F2515" s="210">
        <v>17494</v>
      </c>
      <c r="G2515" s="113" t="s">
        <v>3</v>
      </c>
      <c r="H2515" s="113">
        <v>1</v>
      </c>
      <c r="I2515" s="113">
        <v>0</v>
      </c>
      <c r="J2515" s="115">
        <v>1</v>
      </c>
      <c r="K2515" s="116" t="s">
        <v>174</v>
      </c>
      <c r="L2515" s="115">
        <v>0</v>
      </c>
      <c r="M2515" s="115">
        <v>1</v>
      </c>
      <c r="N2515" s="115">
        <v>0</v>
      </c>
      <c r="O2515" s="115">
        <v>0</v>
      </c>
      <c r="P2515" s="115">
        <v>1</v>
      </c>
      <c r="Q2515" s="115" t="s">
        <v>400</v>
      </c>
      <c r="R2515" s="115">
        <v>0</v>
      </c>
      <c r="S2515" s="115">
        <v>0</v>
      </c>
      <c r="T2515" s="115">
        <v>0</v>
      </c>
      <c r="U2515" s="113" t="s">
        <v>174</v>
      </c>
      <c r="V2515" s="113" t="s">
        <v>174</v>
      </c>
      <c r="W2515" s="113" t="s">
        <v>174</v>
      </c>
      <c r="X2515" s="113" t="s">
        <v>174</v>
      </c>
      <c r="Y2515" s="113" t="s">
        <v>174</v>
      </c>
      <c r="Z2515" s="113" t="s">
        <v>174</v>
      </c>
      <c r="AA2515" s="113" t="s">
        <v>174</v>
      </c>
      <c r="AB2515" s="113" t="s">
        <v>174</v>
      </c>
      <c r="AC2515" s="113" t="s">
        <v>174</v>
      </c>
      <c r="AD2515" s="113" t="s">
        <v>174</v>
      </c>
      <c r="AE2515" s="113" t="s">
        <v>174</v>
      </c>
      <c r="AF2515" s="113" t="s">
        <v>174</v>
      </c>
      <c r="AG2515" s="113" t="s">
        <v>174</v>
      </c>
      <c r="AH2515" s="113" t="s">
        <v>174</v>
      </c>
      <c r="AI2515" s="113" t="s">
        <v>174</v>
      </c>
      <c r="AJ2515" s="113" t="s">
        <v>174</v>
      </c>
      <c r="AK2515" s="113" t="s">
        <v>174</v>
      </c>
      <c r="AL2515" s="113" t="s">
        <v>174</v>
      </c>
      <c r="AM2515" s="113" t="s">
        <v>174</v>
      </c>
      <c r="AN2515" s="113" t="s">
        <v>174</v>
      </c>
      <c r="AO2515" s="113" t="s">
        <v>174</v>
      </c>
      <c r="AP2515" s="113" t="s">
        <v>174</v>
      </c>
      <c r="AQ2515" s="113" t="s">
        <v>174</v>
      </c>
      <c r="AR2515" s="113" t="s">
        <v>174</v>
      </c>
      <c r="AS2515" s="113" t="s">
        <v>174</v>
      </c>
      <c r="AT2515" s="121" t="s">
        <v>174</v>
      </c>
      <c r="AU2515" s="113" t="s">
        <v>174</v>
      </c>
      <c r="AV2515" s="113" t="s">
        <v>174</v>
      </c>
      <c r="AW2515" s="113" t="s">
        <v>174</v>
      </c>
      <c r="AX2515" s="113"/>
      <c r="AY2515" s="113"/>
      <c r="AZ2515" s="113"/>
      <c r="BA2515" s="113"/>
      <c r="BB2515" s="107">
        <v>45884</v>
      </c>
    </row>
    <row r="2516" spans="1:54" s="207" customFormat="1" ht="13.95" customHeight="1" x14ac:dyDescent="0.25">
      <c r="A2516" s="208" t="s">
        <v>6007</v>
      </c>
      <c r="B2516" s="209" t="s">
        <v>20420</v>
      </c>
      <c r="C2516" s="113" t="s">
        <v>6008</v>
      </c>
      <c r="D2516" s="113" t="s">
        <v>23964</v>
      </c>
      <c r="E2516" s="210">
        <v>1987</v>
      </c>
      <c r="F2516" s="210">
        <v>17698</v>
      </c>
      <c r="G2516" s="113" t="s">
        <v>3</v>
      </c>
      <c r="H2516" s="113">
        <v>1</v>
      </c>
      <c r="I2516" s="113">
        <v>1</v>
      </c>
      <c r="J2516" s="115">
        <v>1</v>
      </c>
      <c r="K2516" s="116" t="s">
        <v>174</v>
      </c>
      <c r="L2516" s="115">
        <v>1</v>
      </c>
      <c r="M2516" s="115">
        <v>1</v>
      </c>
      <c r="N2516" s="115">
        <v>0</v>
      </c>
      <c r="O2516" s="115">
        <v>1</v>
      </c>
      <c r="P2516" s="115">
        <v>1</v>
      </c>
      <c r="Q2516" s="115" t="s">
        <v>400</v>
      </c>
      <c r="R2516" s="115">
        <v>1</v>
      </c>
      <c r="S2516" s="115">
        <v>0</v>
      </c>
      <c r="T2516" s="115">
        <v>0</v>
      </c>
      <c r="U2516" s="113" t="s">
        <v>174</v>
      </c>
      <c r="V2516" s="113" t="s">
        <v>174</v>
      </c>
      <c r="W2516" s="113" t="s">
        <v>174</v>
      </c>
      <c r="X2516" s="113" t="s">
        <v>174</v>
      </c>
      <c r="Y2516" s="113" t="s">
        <v>174</v>
      </c>
      <c r="Z2516" s="113" t="s">
        <v>174</v>
      </c>
      <c r="AA2516" s="113" t="s">
        <v>174</v>
      </c>
      <c r="AB2516" s="113" t="s">
        <v>174</v>
      </c>
      <c r="AC2516" s="113" t="s">
        <v>174</v>
      </c>
      <c r="AD2516" s="113" t="s">
        <v>174</v>
      </c>
      <c r="AE2516" s="113" t="s">
        <v>174</v>
      </c>
      <c r="AF2516" s="113" t="s">
        <v>174</v>
      </c>
      <c r="AG2516" s="113" t="s">
        <v>174</v>
      </c>
      <c r="AH2516" s="113" t="s">
        <v>174</v>
      </c>
      <c r="AI2516" s="113" t="s">
        <v>174</v>
      </c>
      <c r="AJ2516" s="113" t="s">
        <v>174</v>
      </c>
      <c r="AK2516" s="113" t="s">
        <v>174</v>
      </c>
      <c r="AL2516" s="113" t="s">
        <v>174</v>
      </c>
      <c r="AM2516" s="113" t="s">
        <v>174</v>
      </c>
      <c r="AN2516" s="113" t="s">
        <v>174</v>
      </c>
      <c r="AO2516" s="113" t="s">
        <v>174</v>
      </c>
      <c r="AP2516" s="113" t="s">
        <v>174</v>
      </c>
      <c r="AQ2516" s="113" t="s">
        <v>174</v>
      </c>
      <c r="AR2516" s="113" t="s">
        <v>174</v>
      </c>
      <c r="AS2516" s="113" t="s">
        <v>174</v>
      </c>
      <c r="AT2516" s="121" t="s">
        <v>174</v>
      </c>
      <c r="AU2516" s="113" t="s">
        <v>174</v>
      </c>
      <c r="AV2516" s="113" t="s">
        <v>174</v>
      </c>
      <c r="AW2516" s="113" t="s">
        <v>174</v>
      </c>
      <c r="AX2516" s="113"/>
      <c r="AY2516" s="113"/>
      <c r="AZ2516" s="113"/>
      <c r="BA2516" s="113"/>
      <c r="BB2516" s="107">
        <v>45884</v>
      </c>
    </row>
    <row r="2517" spans="1:54" s="207" customFormat="1" ht="13.95" customHeight="1" x14ac:dyDescent="0.25">
      <c r="A2517" s="208" t="s">
        <v>6009</v>
      </c>
      <c r="B2517" s="209" t="s">
        <v>20420</v>
      </c>
      <c r="C2517" s="113" t="s">
        <v>6010</v>
      </c>
      <c r="D2517" s="113" t="s">
        <v>23965</v>
      </c>
      <c r="E2517" s="210">
        <v>1987</v>
      </c>
      <c r="F2517" s="210">
        <v>18930</v>
      </c>
      <c r="G2517" s="113" t="s">
        <v>3</v>
      </c>
      <c r="H2517" s="113">
        <v>1</v>
      </c>
      <c r="I2517" s="113">
        <v>1</v>
      </c>
      <c r="J2517" s="115">
        <v>1</v>
      </c>
      <c r="K2517" s="116" t="s">
        <v>174</v>
      </c>
      <c r="L2517" s="115">
        <v>0</v>
      </c>
      <c r="M2517" s="115">
        <v>0</v>
      </c>
      <c r="N2517" s="115">
        <v>0</v>
      </c>
      <c r="O2517" s="115">
        <v>0</v>
      </c>
      <c r="P2517" s="115" t="s">
        <v>400</v>
      </c>
      <c r="Q2517" s="115" t="s">
        <v>400</v>
      </c>
      <c r="R2517" s="115">
        <v>0</v>
      </c>
      <c r="S2517" s="115">
        <v>0</v>
      </c>
      <c r="T2517" s="115">
        <v>0</v>
      </c>
      <c r="U2517" s="113" t="s">
        <v>174</v>
      </c>
      <c r="V2517" s="113" t="s">
        <v>174</v>
      </c>
      <c r="W2517" s="113" t="s">
        <v>174</v>
      </c>
      <c r="X2517" s="113" t="s">
        <v>174</v>
      </c>
      <c r="Y2517" s="113" t="s">
        <v>174</v>
      </c>
      <c r="Z2517" s="113" t="s">
        <v>174</v>
      </c>
      <c r="AA2517" s="113" t="s">
        <v>174</v>
      </c>
      <c r="AB2517" s="113" t="s">
        <v>174</v>
      </c>
      <c r="AC2517" s="113" t="s">
        <v>174</v>
      </c>
      <c r="AD2517" s="113" t="s">
        <v>174</v>
      </c>
      <c r="AE2517" s="113" t="s">
        <v>174</v>
      </c>
      <c r="AF2517" s="113" t="s">
        <v>174</v>
      </c>
      <c r="AG2517" s="113" t="s">
        <v>174</v>
      </c>
      <c r="AH2517" s="113" t="s">
        <v>174</v>
      </c>
      <c r="AI2517" s="113" t="s">
        <v>174</v>
      </c>
      <c r="AJ2517" s="113" t="s">
        <v>174</v>
      </c>
      <c r="AK2517" s="113" t="s">
        <v>174</v>
      </c>
      <c r="AL2517" s="113" t="s">
        <v>174</v>
      </c>
      <c r="AM2517" s="113" t="s">
        <v>174</v>
      </c>
      <c r="AN2517" s="113" t="s">
        <v>174</v>
      </c>
      <c r="AO2517" s="113" t="s">
        <v>174</v>
      </c>
      <c r="AP2517" s="113" t="s">
        <v>174</v>
      </c>
      <c r="AQ2517" s="113" t="s">
        <v>174</v>
      </c>
      <c r="AR2517" s="113" t="s">
        <v>174</v>
      </c>
      <c r="AS2517" s="113" t="s">
        <v>174</v>
      </c>
      <c r="AT2517" s="121" t="s">
        <v>174</v>
      </c>
      <c r="AU2517" s="113" t="s">
        <v>174</v>
      </c>
      <c r="AV2517" s="113" t="s">
        <v>174</v>
      </c>
      <c r="AW2517" s="113" t="s">
        <v>174</v>
      </c>
      <c r="AX2517" s="113"/>
      <c r="AY2517" s="113"/>
      <c r="AZ2517" s="113"/>
      <c r="BA2517" s="113"/>
      <c r="BB2517" s="107">
        <v>45884</v>
      </c>
    </row>
    <row r="2518" spans="1:54" s="207" customFormat="1" ht="13.95" customHeight="1" x14ac:dyDescent="0.25">
      <c r="A2518" s="208" t="s">
        <v>6011</v>
      </c>
      <c r="B2518" s="209" t="s">
        <v>20420</v>
      </c>
      <c r="C2518" s="113" t="s">
        <v>21936</v>
      </c>
      <c r="D2518" s="113" t="s">
        <v>23966</v>
      </c>
      <c r="E2518" s="210">
        <v>1959</v>
      </c>
      <c r="F2518" s="210">
        <v>18139</v>
      </c>
      <c r="G2518" s="113" t="s">
        <v>3</v>
      </c>
      <c r="H2518" s="113">
        <v>1</v>
      </c>
      <c r="I2518" s="113">
        <v>1</v>
      </c>
      <c r="J2518" s="115">
        <v>1</v>
      </c>
      <c r="K2518" s="116" t="s">
        <v>174</v>
      </c>
      <c r="L2518" s="115">
        <v>0</v>
      </c>
      <c r="M2518" s="115">
        <v>1</v>
      </c>
      <c r="N2518" s="115">
        <v>1</v>
      </c>
      <c r="O2518" s="115">
        <v>0</v>
      </c>
      <c r="P2518" s="115" t="s">
        <v>400</v>
      </c>
      <c r="Q2518" s="115" t="s">
        <v>400</v>
      </c>
      <c r="R2518" s="115">
        <v>0</v>
      </c>
      <c r="S2518" s="115">
        <v>0</v>
      </c>
      <c r="T2518" s="115">
        <v>0</v>
      </c>
      <c r="U2518" s="113" t="s">
        <v>174</v>
      </c>
      <c r="V2518" s="113" t="s">
        <v>174</v>
      </c>
      <c r="W2518" s="113" t="s">
        <v>174</v>
      </c>
      <c r="X2518" s="113" t="s">
        <v>174</v>
      </c>
      <c r="Y2518" s="113" t="s">
        <v>174</v>
      </c>
      <c r="Z2518" s="113" t="s">
        <v>174</v>
      </c>
      <c r="AA2518" s="113" t="s">
        <v>174</v>
      </c>
      <c r="AB2518" s="113" t="s">
        <v>174</v>
      </c>
      <c r="AC2518" s="113" t="s">
        <v>174</v>
      </c>
      <c r="AD2518" s="113" t="s">
        <v>174</v>
      </c>
      <c r="AE2518" s="113" t="s">
        <v>174</v>
      </c>
      <c r="AF2518" s="113" t="s">
        <v>174</v>
      </c>
      <c r="AG2518" s="113" t="s">
        <v>174</v>
      </c>
      <c r="AH2518" s="113" t="s">
        <v>174</v>
      </c>
      <c r="AI2518" s="113" t="s">
        <v>174</v>
      </c>
      <c r="AJ2518" s="113" t="s">
        <v>174</v>
      </c>
      <c r="AK2518" s="113" t="s">
        <v>174</v>
      </c>
      <c r="AL2518" s="113" t="s">
        <v>174</v>
      </c>
      <c r="AM2518" s="113" t="s">
        <v>174</v>
      </c>
      <c r="AN2518" s="113" t="s">
        <v>174</v>
      </c>
      <c r="AO2518" s="113" t="s">
        <v>174</v>
      </c>
      <c r="AP2518" s="113" t="s">
        <v>174</v>
      </c>
      <c r="AQ2518" s="113" t="s">
        <v>174</v>
      </c>
      <c r="AR2518" s="113" t="s">
        <v>174</v>
      </c>
      <c r="AS2518" s="113" t="s">
        <v>174</v>
      </c>
      <c r="AT2518" s="121" t="s">
        <v>174</v>
      </c>
      <c r="AU2518" s="113" t="s">
        <v>174</v>
      </c>
      <c r="AV2518" s="113" t="s">
        <v>174</v>
      </c>
      <c r="AW2518" s="113" t="s">
        <v>174</v>
      </c>
      <c r="AX2518" s="113"/>
      <c r="AY2518" s="113"/>
      <c r="AZ2518" s="113"/>
      <c r="BA2518" s="113"/>
      <c r="BB2518" s="107">
        <v>45884</v>
      </c>
    </row>
    <row r="2519" spans="1:54" s="207" customFormat="1" ht="13.95" customHeight="1" x14ac:dyDescent="0.25">
      <c r="A2519" s="208" t="s">
        <v>6012</v>
      </c>
      <c r="B2519" s="209" t="s">
        <v>20420</v>
      </c>
      <c r="C2519" s="113" t="s">
        <v>6013</v>
      </c>
      <c r="D2519" s="113" t="s">
        <v>23967</v>
      </c>
      <c r="E2519" s="210">
        <v>1992</v>
      </c>
      <c r="F2519" s="210">
        <v>18140</v>
      </c>
      <c r="G2519" s="113" t="s">
        <v>3</v>
      </c>
      <c r="H2519" s="113">
        <v>1</v>
      </c>
      <c r="I2519" s="113">
        <v>1</v>
      </c>
      <c r="J2519" s="115">
        <v>1</v>
      </c>
      <c r="K2519" s="116" t="s">
        <v>174</v>
      </c>
      <c r="L2519" s="115">
        <v>0</v>
      </c>
      <c r="M2519" s="115">
        <v>0</v>
      </c>
      <c r="N2519" s="115">
        <v>1</v>
      </c>
      <c r="O2519" s="115">
        <v>0</v>
      </c>
      <c r="P2519" s="115" t="s">
        <v>400</v>
      </c>
      <c r="Q2519" s="115" t="s">
        <v>400</v>
      </c>
      <c r="R2519" s="115">
        <v>0</v>
      </c>
      <c r="S2519" s="115">
        <v>0</v>
      </c>
      <c r="T2519" s="115">
        <v>0</v>
      </c>
      <c r="U2519" s="113" t="s">
        <v>174</v>
      </c>
      <c r="V2519" s="113" t="s">
        <v>174</v>
      </c>
      <c r="W2519" s="113" t="s">
        <v>174</v>
      </c>
      <c r="X2519" s="113" t="s">
        <v>174</v>
      </c>
      <c r="Y2519" s="113" t="s">
        <v>174</v>
      </c>
      <c r="Z2519" s="113" t="s">
        <v>174</v>
      </c>
      <c r="AA2519" s="113" t="s">
        <v>174</v>
      </c>
      <c r="AB2519" s="113" t="s">
        <v>174</v>
      </c>
      <c r="AC2519" s="113" t="s">
        <v>174</v>
      </c>
      <c r="AD2519" s="113" t="s">
        <v>174</v>
      </c>
      <c r="AE2519" s="113" t="s">
        <v>174</v>
      </c>
      <c r="AF2519" s="113" t="s">
        <v>174</v>
      </c>
      <c r="AG2519" s="113" t="s">
        <v>174</v>
      </c>
      <c r="AH2519" s="113" t="s">
        <v>174</v>
      </c>
      <c r="AI2519" s="113" t="s">
        <v>174</v>
      </c>
      <c r="AJ2519" s="113" t="s">
        <v>174</v>
      </c>
      <c r="AK2519" s="113" t="s">
        <v>174</v>
      </c>
      <c r="AL2519" s="113" t="s">
        <v>174</v>
      </c>
      <c r="AM2519" s="113" t="s">
        <v>174</v>
      </c>
      <c r="AN2519" s="113" t="s">
        <v>174</v>
      </c>
      <c r="AO2519" s="113" t="s">
        <v>174</v>
      </c>
      <c r="AP2519" s="113" t="s">
        <v>174</v>
      </c>
      <c r="AQ2519" s="113" t="s">
        <v>174</v>
      </c>
      <c r="AR2519" s="113" t="s">
        <v>174</v>
      </c>
      <c r="AS2519" s="113" t="s">
        <v>174</v>
      </c>
      <c r="AT2519" s="121" t="s">
        <v>174</v>
      </c>
      <c r="AU2519" s="113" t="s">
        <v>174</v>
      </c>
      <c r="AV2519" s="113" t="s">
        <v>174</v>
      </c>
      <c r="AW2519" s="113" t="s">
        <v>174</v>
      </c>
      <c r="AX2519" s="113"/>
      <c r="AY2519" s="113"/>
      <c r="AZ2519" s="113"/>
      <c r="BA2519" s="113"/>
      <c r="BB2519" s="107">
        <v>45884</v>
      </c>
    </row>
    <row r="2520" spans="1:54" s="207" customFormat="1" ht="13.95" customHeight="1" x14ac:dyDescent="0.25">
      <c r="A2520" s="208" t="s">
        <v>6014</v>
      </c>
      <c r="B2520" s="209" t="s">
        <v>20420</v>
      </c>
      <c r="C2520" s="113" t="s">
        <v>6015</v>
      </c>
      <c r="D2520" s="113" t="s">
        <v>6016</v>
      </c>
      <c r="E2520" s="210">
        <v>1984</v>
      </c>
      <c r="F2520" s="210">
        <v>18167</v>
      </c>
      <c r="G2520" s="113" t="s">
        <v>3</v>
      </c>
      <c r="H2520" s="113">
        <v>1</v>
      </c>
      <c r="I2520" s="113">
        <v>0</v>
      </c>
      <c r="J2520" s="115">
        <v>1</v>
      </c>
      <c r="K2520" s="211">
        <v>1</v>
      </c>
      <c r="L2520" s="115">
        <v>1</v>
      </c>
      <c r="M2520" s="115">
        <v>1</v>
      </c>
      <c r="N2520" s="115">
        <v>1</v>
      </c>
      <c r="O2520" s="115">
        <v>1</v>
      </c>
      <c r="P2520" s="115">
        <v>1</v>
      </c>
      <c r="Q2520" s="115" t="s">
        <v>400</v>
      </c>
      <c r="R2520" s="115">
        <v>1</v>
      </c>
      <c r="S2520" s="115">
        <v>0</v>
      </c>
      <c r="T2520" s="115">
        <v>0</v>
      </c>
      <c r="U2520" s="113" t="s">
        <v>174</v>
      </c>
      <c r="V2520" s="113" t="s">
        <v>174</v>
      </c>
      <c r="W2520" s="113" t="s">
        <v>174</v>
      </c>
      <c r="X2520" s="113" t="s">
        <v>174</v>
      </c>
      <c r="Y2520" s="113" t="s">
        <v>174</v>
      </c>
      <c r="Z2520" s="113" t="s">
        <v>174</v>
      </c>
      <c r="AA2520" s="113" t="s">
        <v>174</v>
      </c>
      <c r="AB2520" s="113" t="s">
        <v>174</v>
      </c>
      <c r="AC2520" s="113" t="s">
        <v>174</v>
      </c>
      <c r="AD2520" s="113" t="s">
        <v>174</v>
      </c>
      <c r="AE2520" s="113" t="s">
        <v>174</v>
      </c>
      <c r="AF2520" s="113" t="s">
        <v>174</v>
      </c>
      <c r="AG2520" s="113" t="s">
        <v>174</v>
      </c>
      <c r="AH2520" s="113" t="s">
        <v>174</v>
      </c>
      <c r="AI2520" s="113" t="s">
        <v>174</v>
      </c>
      <c r="AJ2520" s="113" t="s">
        <v>174</v>
      </c>
      <c r="AK2520" s="113" t="s">
        <v>174</v>
      </c>
      <c r="AL2520" s="113" t="s">
        <v>174</v>
      </c>
      <c r="AM2520" s="113" t="s">
        <v>174</v>
      </c>
      <c r="AN2520" s="113" t="s">
        <v>174</v>
      </c>
      <c r="AO2520" s="113" t="s">
        <v>174</v>
      </c>
      <c r="AP2520" s="113" t="s">
        <v>174</v>
      </c>
      <c r="AQ2520" s="113" t="s">
        <v>174</v>
      </c>
      <c r="AR2520" s="113" t="s">
        <v>174</v>
      </c>
      <c r="AS2520" s="113" t="s">
        <v>174</v>
      </c>
      <c r="AT2520" s="121" t="s">
        <v>174</v>
      </c>
      <c r="AU2520" s="113" t="s">
        <v>174</v>
      </c>
      <c r="AV2520" s="113" t="s">
        <v>174</v>
      </c>
      <c r="AW2520" s="113" t="s">
        <v>174</v>
      </c>
      <c r="AX2520" s="113"/>
      <c r="AY2520" s="113"/>
      <c r="AZ2520" s="113"/>
      <c r="BA2520" s="113"/>
      <c r="BB2520" s="107">
        <v>45884</v>
      </c>
    </row>
    <row r="2521" spans="1:54" s="207" customFormat="1" ht="13.95" customHeight="1" x14ac:dyDescent="0.25">
      <c r="A2521" s="208" t="s">
        <v>6017</v>
      </c>
      <c r="B2521" s="209" t="s">
        <v>20420</v>
      </c>
      <c r="C2521" s="113" t="s">
        <v>6018</v>
      </c>
      <c r="D2521" s="113" t="s">
        <v>6019</v>
      </c>
      <c r="E2521" s="210">
        <v>2005</v>
      </c>
      <c r="F2521" s="210">
        <v>18206</v>
      </c>
      <c r="G2521" s="113" t="s">
        <v>3</v>
      </c>
      <c r="H2521" s="113">
        <v>1</v>
      </c>
      <c r="I2521" s="113">
        <v>1</v>
      </c>
      <c r="J2521" s="115">
        <v>1</v>
      </c>
      <c r="K2521" s="116" t="s">
        <v>174</v>
      </c>
      <c r="L2521" s="115">
        <v>1</v>
      </c>
      <c r="M2521" s="115">
        <v>1</v>
      </c>
      <c r="N2521" s="115">
        <v>1</v>
      </c>
      <c r="O2521" s="115">
        <v>0</v>
      </c>
      <c r="P2521" s="115" t="s">
        <v>400</v>
      </c>
      <c r="Q2521" s="115" t="s">
        <v>400</v>
      </c>
      <c r="R2521" s="115">
        <v>0</v>
      </c>
      <c r="S2521" s="115">
        <v>0</v>
      </c>
      <c r="T2521" s="115">
        <v>0</v>
      </c>
      <c r="U2521" s="113" t="s">
        <v>174</v>
      </c>
      <c r="V2521" s="113" t="s">
        <v>174</v>
      </c>
      <c r="W2521" s="113" t="s">
        <v>174</v>
      </c>
      <c r="X2521" s="113" t="s">
        <v>174</v>
      </c>
      <c r="Y2521" s="113" t="s">
        <v>174</v>
      </c>
      <c r="Z2521" s="113" t="s">
        <v>174</v>
      </c>
      <c r="AA2521" s="113" t="s">
        <v>174</v>
      </c>
      <c r="AB2521" s="113" t="s">
        <v>174</v>
      </c>
      <c r="AC2521" s="113" t="s">
        <v>174</v>
      </c>
      <c r="AD2521" s="113" t="s">
        <v>174</v>
      </c>
      <c r="AE2521" s="113" t="s">
        <v>174</v>
      </c>
      <c r="AF2521" s="113" t="s">
        <v>174</v>
      </c>
      <c r="AG2521" s="113" t="s">
        <v>174</v>
      </c>
      <c r="AH2521" s="113" t="s">
        <v>174</v>
      </c>
      <c r="AI2521" s="113" t="s">
        <v>174</v>
      </c>
      <c r="AJ2521" s="113" t="s">
        <v>174</v>
      </c>
      <c r="AK2521" s="113" t="s">
        <v>174</v>
      </c>
      <c r="AL2521" s="113" t="s">
        <v>174</v>
      </c>
      <c r="AM2521" s="113" t="s">
        <v>174</v>
      </c>
      <c r="AN2521" s="113" t="s">
        <v>174</v>
      </c>
      <c r="AO2521" s="113" t="s">
        <v>174</v>
      </c>
      <c r="AP2521" s="113" t="s">
        <v>174</v>
      </c>
      <c r="AQ2521" s="113" t="s">
        <v>174</v>
      </c>
      <c r="AR2521" s="113" t="s">
        <v>174</v>
      </c>
      <c r="AS2521" s="113" t="s">
        <v>174</v>
      </c>
      <c r="AT2521" s="121" t="s">
        <v>174</v>
      </c>
      <c r="AU2521" s="113" t="s">
        <v>174</v>
      </c>
      <c r="AV2521" s="113" t="s">
        <v>174</v>
      </c>
      <c r="AW2521" s="113" t="s">
        <v>174</v>
      </c>
      <c r="AX2521" s="113"/>
      <c r="AY2521" s="113"/>
      <c r="AZ2521" s="113"/>
      <c r="BA2521" s="113"/>
      <c r="BB2521" s="107">
        <v>45884</v>
      </c>
    </row>
    <row r="2522" spans="1:54" s="207" customFormat="1" ht="13.95" customHeight="1" x14ac:dyDescent="0.25">
      <c r="A2522" s="208" t="s">
        <v>6020</v>
      </c>
      <c r="B2522" s="209" t="s">
        <v>20420</v>
      </c>
      <c r="C2522" s="113" t="s">
        <v>6021</v>
      </c>
      <c r="D2522" s="113" t="s">
        <v>23968</v>
      </c>
      <c r="E2522" s="210">
        <v>1962</v>
      </c>
      <c r="F2522" s="210">
        <v>18533</v>
      </c>
      <c r="G2522" s="113" t="s">
        <v>3</v>
      </c>
      <c r="H2522" s="113">
        <v>0</v>
      </c>
      <c r="I2522" s="113">
        <v>0</v>
      </c>
      <c r="J2522" s="115">
        <v>1</v>
      </c>
      <c r="K2522" s="211">
        <v>1</v>
      </c>
      <c r="L2522" s="115">
        <v>1</v>
      </c>
      <c r="M2522" s="115">
        <v>1</v>
      </c>
      <c r="N2522" s="115">
        <v>0</v>
      </c>
      <c r="O2522" s="115">
        <v>1</v>
      </c>
      <c r="P2522" s="115" t="s">
        <v>400</v>
      </c>
      <c r="Q2522" s="115" t="s">
        <v>400</v>
      </c>
      <c r="R2522" s="115">
        <v>0</v>
      </c>
      <c r="S2522" s="115">
        <v>0</v>
      </c>
      <c r="T2522" s="115">
        <v>0</v>
      </c>
      <c r="U2522" s="113" t="s">
        <v>174</v>
      </c>
      <c r="V2522" s="113" t="s">
        <v>174</v>
      </c>
      <c r="W2522" s="113" t="s">
        <v>174</v>
      </c>
      <c r="X2522" s="113" t="s">
        <v>174</v>
      </c>
      <c r="Y2522" s="113" t="s">
        <v>174</v>
      </c>
      <c r="Z2522" s="113" t="s">
        <v>174</v>
      </c>
      <c r="AA2522" s="113" t="s">
        <v>174</v>
      </c>
      <c r="AB2522" s="113" t="s">
        <v>174</v>
      </c>
      <c r="AC2522" s="113" t="s">
        <v>174</v>
      </c>
      <c r="AD2522" s="113" t="s">
        <v>174</v>
      </c>
      <c r="AE2522" s="113" t="s">
        <v>174</v>
      </c>
      <c r="AF2522" s="113" t="s">
        <v>174</v>
      </c>
      <c r="AG2522" s="113" t="s">
        <v>174</v>
      </c>
      <c r="AH2522" s="113" t="s">
        <v>174</v>
      </c>
      <c r="AI2522" s="113" t="s">
        <v>174</v>
      </c>
      <c r="AJ2522" s="113" t="s">
        <v>174</v>
      </c>
      <c r="AK2522" s="113" t="s">
        <v>174</v>
      </c>
      <c r="AL2522" s="113" t="s">
        <v>174</v>
      </c>
      <c r="AM2522" s="113" t="s">
        <v>174</v>
      </c>
      <c r="AN2522" s="113" t="s">
        <v>174</v>
      </c>
      <c r="AO2522" s="113" t="s">
        <v>174</v>
      </c>
      <c r="AP2522" s="113" t="s">
        <v>174</v>
      </c>
      <c r="AQ2522" s="113" t="s">
        <v>174</v>
      </c>
      <c r="AR2522" s="113" t="s">
        <v>174</v>
      </c>
      <c r="AS2522" s="113" t="s">
        <v>174</v>
      </c>
      <c r="AT2522" s="121" t="s">
        <v>174</v>
      </c>
      <c r="AU2522" s="113" t="s">
        <v>174</v>
      </c>
      <c r="AV2522" s="113" t="s">
        <v>174</v>
      </c>
      <c r="AW2522" s="113" t="s">
        <v>174</v>
      </c>
      <c r="AX2522" s="113"/>
      <c r="AY2522" s="113"/>
      <c r="AZ2522" s="113"/>
      <c r="BA2522" s="113"/>
      <c r="BB2522" s="107">
        <v>45884</v>
      </c>
    </row>
    <row r="2523" spans="1:54" s="207" customFormat="1" ht="13.95" customHeight="1" x14ac:dyDescent="0.25">
      <c r="A2523" s="208" t="s">
        <v>6022</v>
      </c>
      <c r="B2523" s="209" t="s">
        <v>20420</v>
      </c>
      <c r="C2523" s="113" t="s">
        <v>6023</v>
      </c>
      <c r="D2523" s="113" t="s">
        <v>6024</v>
      </c>
      <c r="E2523" s="210">
        <v>1990</v>
      </c>
      <c r="F2523" s="210">
        <v>18727</v>
      </c>
      <c r="G2523" s="113" t="s">
        <v>3</v>
      </c>
      <c r="H2523" s="113">
        <v>1</v>
      </c>
      <c r="I2523" s="95">
        <v>1</v>
      </c>
      <c r="J2523" s="115">
        <v>1</v>
      </c>
      <c r="K2523" s="211">
        <v>1</v>
      </c>
      <c r="L2523" s="115">
        <v>1</v>
      </c>
      <c r="M2523" s="115">
        <v>1</v>
      </c>
      <c r="N2523" s="115">
        <v>1</v>
      </c>
      <c r="O2523" s="115">
        <v>1</v>
      </c>
      <c r="P2523" s="115">
        <v>1</v>
      </c>
      <c r="Q2523" s="115" t="s">
        <v>400</v>
      </c>
      <c r="R2523" s="115">
        <v>0</v>
      </c>
      <c r="S2523" s="115">
        <v>0</v>
      </c>
      <c r="T2523" s="115">
        <v>0</v>
      </c>
      <c r="U2523" s="113" t="s">
        <v>174</v>
      </c>
      <c r="V2523" s="113" t="s">
        <v>174</v>
      </c>
      <c r="W2523" s="113" t="s">
        <v>174</v>
      </c>
      <c r="X2523" s="113" t="s">
        <v>174</v>
      </c>
      <c r="Y2523" s="113" t="s">
        <v>174</v>
      </c>
      <c r="Z2523" s="113" t="s">
        <v>174</v>
      </c>
      <c r="AA2523" s="113" t="s">
        <v>174</v>
      </c>
      <c r="AB2523" s="113" t="s">
        <v>174</v>
      </c>
      <c r="AC2523" s="113" t="s">
        <v>174</v>
      </c>
      <c r="AD2523" s="113" t="s">
        <v>174</v>
      </c>
      <c r="AE2523" s="113" t="s">
        <v>174</v>
      </c>
      <c r="AF2523" s="113" t="s">
        <v>174</v>
      </c>
      <c r="AG2523" s="113" t="s">
        <v>174</v>
      </c>
      <c r="AH2523" s="113" t="s">
        <v>174</v>
      </c>
      <c r="AI2523" s="113" t="s">
        <v>174</v>
      </c>
      <c r="AJ2523" s="113" t="s">
        <v>174</v>
      </c>
      <c r="AK2523" s="113" t="s">
        <v>174</v>
      </c>
      <c r="AL2523" s="113" t="s">
        <v>174</v>
      </c>
      <c r="AM2523" s="113" t="s">
        <v>174</v>
      </c>
      <c r="AN2523" s="113" t="s">
        <v>174</v>
      </c>
      <c r="AO2523" s="113" t="s">
        <v>174</v>
      </c>
      <c r="AP2523" s="113" t="s">
        <v>174</v>
      </c>
      <c r="AQ2523" s="113" t="s">
        <v>174</v>
      </c>
      <c r="AR2523" s="113" t="s">
        <v>174</v>
      </c>
      <c r="AS2523" s="113" t="s">
        <v>174</v>
      </c>
      <c r="AT2523" s="121" t="s">
        <v>174</v>
      </c>
      <c r="AU2523" s="113" t="s">
        <v>174</v>
      </c>
      <c r="AV2523" s="113" t="s">
        <v>174</v>
      </c>
      <c r="AW2523" s="113" t="s">
        <v>174</v>
      </c>
      <c r="AX2523" s="113"/>
      <c r="AY2523" s="113"/>
      <c r="AZ2523" s="113"/>
      <c r="BA2523" s="113"/>
      <c r="BB2523" s="107">
        <v>45884</v>
      </c>
    </row>
    <row r="2524" spans="1:54" s="207" customFormat="1" ht="13.95" customHeight="1" x14ac:dyDescent="0.25">
      <c r="A2524" s="208" t="s">
        <v>6025</v>
      </c>
      <c r="B2524" s="209" t="s">
        <v>20420</v>
      </c>
      <c r="C2524" s="113" t="s">
        <v>6026</v>
      </c>
      <c r="D2524" s="113" t="s">
        <v>6027</v>
      </c>
      <c r="E2524" s="210">
        <v>1987</v>
      </c>
      <c r="F2524" s="210">
        <v>18780</v>
      </c>
      <c r="G2524" s="113" t="s">
        <v>8</v>
      </c>
      <c r="H2524" s="113">
        <v>0</v>
      </c>
      <c r="I2524" s="113">
        <v>0</v>
      </c>
      <c r="J2524" s="115">
        <v>0</v>
      </c>
      <c r="K2524" s="116" t="s">
        <v>174</v>
      </c>
      <c r="L2524" s="115">
        <v>0</v>
      </c>
      <c r="M2524" s="115">
        <v>0</v>
      </c>
      <c r="N2524" s="115">
        <v>0</v>
      </c>
      <c r="O2524" s="115">
        <v>0</v>
      </c>
      <c r="P2524" s="115" t="s">
        <v>400</v>
      </c>
      <c r="Q2524" s="115" t="s">
        <v>400</v>
      </c>
      <c r="R2524" s="115">
        <v>0</v>
      </c>
      <c r="S2524" s="115">
        <v>0</v>
      </c>
      <c r="T2524" s="115">
        <v>0</v>
      </c>
      <c r="U2524" s="113" t="s">
        <v>174</v>
      </c>
      <c r="V2524" s="113" t="s">
        <v>174</v>
      </c>
      <c r="W2524" s="113" t="s">
        <v>174</v>
      </c>
      <c r="X2524" s="113" t="s">
        <v>174</v>
      </c>
      <c r="Y2524" s="113" t="s">
        <v>174</v>
      </c>
      <c r="Z2524" s="113" t="s">
        <v>174</v>
      </c>
      <c r="AA2524" s="113" t="s">
        <v>174</v>
      </c>
      <c r="AB2524" s="113" t="s">
        <v>174</v>
      </c>
      <c r="AC2524" s="113" t="s">
        <v>174</v>
      </c>
      <c r="AD2524" s="113" t="s">
        <v>174</v>
      </c>
      <c r="AE2524" s="113" t="s">
        <v>174</v>
      </c>
      <c r="AF2524" s="113" t="s">
        <v>174</v>
      </c>
      <c r="AG2524" s="113" t="s">
        <v>174</v>
      </c>
      <c r="AH2524" s="113" t="s">
        <v>174</v>
      </c>
      <c r="AI2524" s="113" t="s">
        <v>174</v>
      </c>
      <c r="AJ2524" s="113" t="s">
        <v>174</v>
      </c>
      <c r="AK2524" s="113" t="s">
        <v>174</v>
      </c>
      <c r="AL2524" s="113" t="s">
        <v>174</v>
      </c>
      <c r="AM2524" s="113" t="s">
        <v>174</v>
      </c>
      <c r="AN2524" s="113" t="s">
        <v>174</v>
      </c>
      <c r="AO2524" s="113" t="s">
        <v>174</v>
      </c>
      <c r="AP2524" s="113" t="s">
        <v>174</v>
      </c>
      <c r="AQ2524" s="113" t="s">
        <v>174</v>
      </c>
      <c r="AR2524" s="113" t="s">
        <v>174</v>
      </c>
      <c r="AS2524" s="113" t="s">
        <v>174</v>
      </c>
      <c r="AT2524" s="121" t="s">
        <v>174</v>
      </c>
      <c r="AU2524" s="113" t="s">
        <v>174</v>
      </c>
      <c r="AV2524" s="113" t="s">
        <v>174</v>
      </c>
      <c r="AW2524" s="113" t="s">
        <v>174</v>
      </c>
      <c r="AX2524" s="113"/>
      <c r="AY2524" s="113"/>
      <c r="AZ2524" s="113"/>
      <c r="BA2524" s="113"/>
      <c r="BB2524" s="107">
        <v>45884</v>
      </c>
    </row>
    <row r="2525" spans="1:54" s="207" customFormat="1" ht="13.95" customHeight="1" x14ac:dyDescent="0.25">
      <c r="A2525" s="208" t="s">
        <v>6028</v>
      </c>
      <c r="B2525" s="209" t="s">
        <v>20420</v>
      </c>
      <c r="C2525" s="113" t="s">
        <v>6029</v>
      </c>
      <c r="D2525" s="113" t="s">
        <v>6030</v>
      </c>
      <c r="E2525" s="210">
        <v>1979</v>
      </c>
      <c r="F2525" s="210">
        <v>46552</v>
      </c>
      <c r="G2525" s="113" t="s">
        <v>7</v>
      </c>
      <c r="H2525" s="113">
        <v>1</v>
      </c>
      <c r="I2525" s="113">
        <v>1</v>
      </c>
      <c r="J2525" s="115">
        <v>1</v>
      </c>
      <c r="K2525" s="116" t="s">
        <v>174</v>
      </c>
      <c r="L2525" s="115">
        <v>0</v>
      </c>
      <c r="M2525" s="115">
        <v>0</v>
      </c>
      <c r="N2525" s="115">
        <v>0</v>
      </c>
      <c r="O2525" s="115">
        <v>0</v>
      </c>
      <c r="P2525" s="115" t="s">
        <v>400</v>
      </c>
      <c r="Q2525" s="115" t="s">
        <v>400</v>
      </c>
      <c r="R2525" s="115">
        <v>0</v>
      </c>
      <c r="S2525" s="115">
        <v>0</v>
      </c>
      <c r="T2525" s="115">
        <v>0</v>
      </c>
      <c r="U2525" s="113" t="s">
        <v>174</v>
      </c>
      <c r="V2525" s="113" t="s">
        <v>174</v>
      </c>
      <c r="W2525" s="113" t="s">
        <v>174</v>
      </c>
      <c r="X2525" s="113" t="s">
        <v>174</v>
      </c>
      <c r="Y2525" s="113" t="s">
        <v>174</v>
      </c>
      <c r="Z2525" s="113" t="s">
        <v>174</v>
      </c>
      <c r="AA2525" s="113" t="s">
        <v>174</v>
      </c>
      <c r="AB2525" s="113" t="s">
        <v>174</v>
      </c>
      <c r="AC2525" s="113" t="s">
        <v>174</v>
      </c>
      <c r="AD2525" s="113" t="s">
        <v>174</v>
      </c>
      <c r="AE2525" s="113" t="s">
        <v>174</v>
      </c>
      <c r="AF2525" s="113" t="s">
        <v>174</v>
      </c>
      <c r="AG2525" s="113" t="s">
        <v>174</v>
      </c>
      <c r="AH2525" s="113" t="s">
        <v>174</v>
      </c>
      <c r="AI2525" s="113" t="s">
        <v>174</v>
      </c>
      <c r="AJ2525" s="113" t="s">
        <v>174</v>
      </c>
      <c r="AK2525" s="113" t="s">
        <v>174</v>
      </c>
      <c r="AL2525" s="113" t="s">
        <v>174</v>
      </c>
      <c r="AM2525" s="113" t="s">
        <v>174</v>
      </c>
      <c r="AN2525" s="113" t="s">
        <v>174</v>
      </c>
      <c r="AO2525" s="113" t="s">
        <v>174</v>
      </c>
      <c r="AP2525" s="113" t="s">
        <v>174</v>
      </c>
      <c r="AQ2525" s="113" t="s">
        <v>174</v>
      </c>
      <c r="AR2525" s="113" t="s">
        <v>174</v>
      </c>
      <c r="AS2525" s="113" t="s">
        <v>174</v>
      </c>
      <c r="AT2525" s="121" t="s">
        <v>174</v>
      </c>
      <c r="AU2525" s="113" t="s">
        <v>174</v>
      </c>
      <c r="AV2525" s="113" t="s">
        <v>174</v>
      </c>
      <c r="AW2525" s="113" t="s">
        <v>174</v>
      </c>
      <c r="AX2525" s="113"/>
      <c r="AY2525" s="113"/>
      <c r="AZ2525" s="113"/>
      <c r="BA2525" s="113"/>
      <c r="BB2525" s="107">
        <v>45884</v>
      </c>
    </row>
    <row r="2526" spans="1:54" s="207" customFormat="1" ht="13.95" customHeight="1" x14ac:dyDescent="0.25">
      <c r="A2526" s="208" t="s">
        <v>6031</v>
      </c>
      <c r="B2526" s="209" t="s">
        <v>20420</v>
      </c>
      <c r="C2526" s="113" t="s">
        <v>6032</v>
      </c>
      <c r="D2526" s="113" t="s">
        <v>23969</v>
      </c>
      <c r="E2526" s="210">
        <v>1964</v>
      </c>
      <c r="F2526" s="210">
        <v>18898</v>
      </c>
      <c r="G2526" s="113" t="s">
        <v>3</v>
      </c>
      <c r="H2526" s="113">
        <v>1</v>
      </c>
      <c r="I2526" s="113">
        <v>1</v>
      </c>
      <c r="J2526" s="115">
        <v>1</v>
      </c>
      <c r="K2526" s="116" t="s">
        <v>174</v>
      </c>
      <c r="L2526" s="115">
        <v>1</v>
      </c>
      <c r="M2526" s="115">
        <v>1</v>
      </c>
      <c r="N2526" s="115">
        <v>0</v>
      </c>
      <c r="O2526" s="115">
        <v>1</v>
      </c>
      <c r="P2526" s="115" t="s">
        <v>400</v>
      </c>
      <c r="Q2526" s="115" t="s">
        <v>400</v>
      </c>
      <c r="R2526" s="115">
        <v>1</v>
      </c>
      <c r="S2526" s="115">
        <v>0</v>
      </c>
      <c r="T2526" s="115">
        <v>0</v>
      </c>
      <c r="U2526" s="113" t="s">
        <v>174</v>
      </c>
      <c r="V2526" s="113" t="s">
        <v>174</v>
      </c>
      <c r="W2526" s="113" t="s">
        <v>174</v>
      </c>
      <c r="X2526" s="113" t="s">
        <v>174</v>
      </c>
      <c r="Y2526" s="113" t="s">
        <v>174</v>
      </c>
      <c r="Z2526" s="113" t="s">
        <v>174</v>
      </c>
      <c r="AA2526" s="113" t="s">
        <v>174</v>
      </c>
      <c r="AB2526" s="113" t="s">
        <v>174</v>
      </c>
      <c r="AC2526" s="113" t="s">
        <v>174</v>
      </c>
      <c r="AD2526" s="113" t="s">
        <v>174</v>
      </c>
      <c r="AE2526" s="113" t="s">
        <v>174</v>
      </c>
      <c r="AF2526" s="113" t="s">
        <v>174</v>
      </c>
      <c r="AG2526" s="113" t="s">
        <v>174</v>
      </c>
      <c r="AH2526" s="113" t="s">
        <v>174</v>
      </c>
      <c r="AI2526" s="113" t="s">
        <v>174</v>
      </c>
      <c r="AJ2526" s="113" t="s">
        <v>174</v>
      </c>
      <c r="AK2526" s="113" t="s">
        <v>174</v>
      </c>
      <c r="AL2526" s="113" t="s">
        <v>174</v>
      </c>
      <c r="AM2526" s="113" t="s">
        <v>174</v>
      </c>
      <c r="AN2526" s="113" t="s">
        <v>174</v>
      </c>
      <c r="AO2526" s="113" t="s">
        <v>174</v>
      </c>
      <c r="AP2526" s="113" t="s">
        <v>174</v>
      </c>
      <c r="AQ2526" s="113" t="s">
        <v>174</v>
      </c>
      <c r="AR2526" s="113" t="s">
        <v>174</v>
      </c>
      <c r="AS2526" s="113" t="s">
        <v>174</v>
      </c>
      <c r="AT2526" s="121" t="s">
        <v>174</v>
      </c>
      <c r="AU2526" s="113" t="s">
        <v>174</v>
      </c>
      <c r="AV2526" s="113" t="s">
        <v>174</v>
      </c>
      <c r="AW2526" s="113" t="s">
        <v>174</v>
      </c>
      <c r="AX2526" s="113"/>
      <c r="AY2526" s="113"/>
      <c r="AZ2526" s="113"/>
      <c r="BA2526" s="113"/>
      <c r="BB2526" s="107">
        <v>45884</v>
      </c>
    </row>
    <row r="2527" spans="1:54" s="207" customFormat="1" ht="13.95" customHeight="1" x14ac:dyDescent="0.25">
      <c r="A2527" s="208" t="s">
        <v>6033</v>
      </c>
      <c r="B2527" s="209" t="s">
        <v>20420</v>
      </c>
      <c r="C2527" s="113" t="s">
        <v>6034</v>
      </c>
      <c r="D2527" s="113" t="s">
        <v>6035</v>
      </c>
      <c r="E2527" s="210">
        <v>1990</v>
      </c>
      <c r="F2527" s="210">
        <v>19012</v>
      </c>
      <c r="G2527" s="113" t="s">
        <v>3</v>
      </c>
      <c r="H2527" s="113">
        <v>1</v>
      </c>
      <c r="I2527" s="113">
        <v>0</v>
      </c>
      <c r="J2527" s="115">
        <v>1</v>
      </c>
      <c r="K2527" s="116" t="s">
        <v>174</v>
      </c>
      <c r="L2527" s="115">
        <v>0</v>
      </c>
      <c r="M2527" s="115">
        <v>0</v>
      </c>
      <c r="N2527" s="115">
        <v>0</v>
      </c>
      <c r="O2527" s="115">
        <v>0</v>
      </c>
      <c r="P2527" s="115" t="s">
        <v>400</v>
      </c>
      <c r="Q2527" s="115" t="s">
        <v>400</v>
      </c>
      <c r="R2527" s="115">
        <v>0</v>
      </c>
      <c r="S2527" s="115">
        <v>0</v>
      </c>
      <c r="T2527" s="115">
        <v>0</v>
      </c>
      <c r="U2527" s="113" t="s">
        <v>174</v>
      </c>
      <c r="V2527" s="113" t="s">
        <v>174</v>
      </c>
      <c r="W2527" s="113" t="s">
        <v>174</v>
      </c>
      <c r="X2527" s="113" t="s">
        <v>174</v>
      </c>
      <c r="Y2527" s="113" t="s">
        <v>174</v>
      </c>
      <c r="Z2527" s="113" t="s">
        <v>174</v>
      </c>
      <c r="AA2527" s="113" t="s">
        <v>174</v>
      </c>
      <c r="AB2527" s="113" t="s">
        <v>174</v>
      </c>
      <c r="AC2527" s="113" t="s">
        <v>174</v>
      </c>
      <c r="AD2527" s="113" t="s">
        <v>174</v>
      </c>
      <c r="AE2527" s="113" t="s">
        <v>174</v>
      </c>
      <c r="AF2527" s="113" t="s">
        <v>174</v>
      </c>
      <c r="AG2527" s="113" t="s">
        <v>174</v>
      </c>
      <c r="AH2527" s="113" t="s">
        <v>174</v>
      </c>
      <c r="AI2527" s="113" t="s">
        <v>174</v>
      </c>
      <c r="AJ2527" s="113" t="s">
        <v>174</v>
      </c>
      <c r="AK2527" s="113" t="s">
        <v>174</v>
      </c>
      <c r="AL2527" s="113" t="s">
        <v>174</v>
      </c>
      <c r="AM2527" s="113" t="s">
        <v>174</v>
      </c>
      <c r="AN2527" s="113" t="s">
        <v>174</v>
      </c>
      <c r="AO2527" s="113" t="s">
        <v>174</v>
      </c>
      <c r="AP2527" s="113" t="s">
        <v>174</v>
      </c>
      <c r="AQ2527" s="113" t="s">
        <v>174</v>
      </c>
      <c r="AR2527" s="113" t="s">
        <v>174</v>
      </c>
      <c r="AS2527" s="113" t="s">
        <v>174</v>
      </c>
      <c r="AT2527" s="121" t="s">
        <v>174</v>
      </c>
      <c r="AU2527" s="113" t="s">
        <v>174</v>
      </c>
      <c r="AV2527" s="113" t="s">
        <v>174</v>
      </c>
      <c r="AW2527" s="113" t="s">
        <v>174</v>
      </c>
      <c r="AX2527" s="113"/>
      <c r="AY2527" s="113"/>
      <c r="AZ2527" s="113"/>
      <c r="BA2527" s="113"/>
      <c r="BB2527" s="107">
        <v>45884</v>
      </c>
    </row>
    <row r="2528" spans="1:54" s="207" customFormat="1" ht="13.95" customHeight="1" x14ac:dyDescent="0.25">
      <c r="A2528" s="208" t="s">
        <v>6036</v>
      </c>
      <c r="B2528" s="209" t="s">
        <v>20420</v>
      </c>
      <c r="C2528" s="113" t="s">
        <v>6037</v>
      </c>
      <c r="D2528" s="113" t="s">
        <v>23970</v>
      </c>
      <c r="E2528" s="210">
        <v>1994</v>
      </c>
      <c r="F2528" s="210">
        <v>19065</v>
      </c>
      <c r="G2528" s="113" t="s">
        <v>3</v>
      </c>
      <c r="H2528" s="113">
        <v>1</v>
      </c>
      <c r="I2528" s="113">
        <v>1</v>
      </c>
      <c r="J2528" s="115">
        <v>1</v>
      </c>
      <c r="K2528" s="116" t="s">
        <v>174</v>
      </c>
      <c r="L2528" s="115">
        <v>1</v>
      </c>
      <c r="M2528" s="115">
        <v>1</v>
      </c>
      <c r="N2528" s="115">
        <v>1</v>
      </c>
      <c r="O2528" s="115">
        <v>1</v>
      </c>
      <c r="P2528" s="115" t="s">
        <v>400</v>
      </c>
      <c r="Q2528" s="115" t="s">
        <v>400</v>
      </c>
      <c r="R2528" s="115">
        <v>1</v>
      </c>
      <c r="S2528" s="115">
        <v>0</v>
      </c>
      <c r="T2528" s="115">
        <v>0</v>
      </c>
      <c r="U2528" s="113" t="s">
        <v>174</v>
      </c>
      <c r="V2528" s="113" t="s">
        <v>174</v>
      </c>
      <c r="W2528" s="113" t="s">
        <v>174</v>
      </c>
      <c r="X2528" s="113" t="s">
        <v>174</v>
      </c>
      <c r="Y2528" s="113" t="s">
        <v>174</v>
      </c>
      <c r="Z2528" s="113" t="s">
        <v>174</v>
      </c>
      <c r="AA2528" s="113" t="s">
        <v>174</v>
      </c>
      <c r="AB2528" s="113" t="s">
        <v>174</v>
      </c>
      <c r="AC2528" s="113" t="s">
        <v>174</v>
      </c>
      <c r="AD2528" s="113" t="s">
        <v>174</v>
      </c>
      <c r="AE2528" s="113" t="s">
        <v>174</v>
      </c>
      <c r="AF2528" s="113" t="s">
        <v>174</v>
      </c>
      <c r="AG2528" s="113" t="s">
        <v>174</v>
      </c>
      <c r="AH2528" s="113" t="s">
        <v>174</v>
      </c>
      <c r="AI2528" s="113" t="s">
        <v>174</v>
      </c>
      <c r="AJ2528" s="113" t="s">
        <v>174</v>
      </c>
      <c r="AK2528" s="113" t="s">
        <v>174</v>
      </c>
      <c r="AL2528" s="113" t="s">
        <v>174</v>
      </c>
      <c r="AM2528" s="113" t="s">
        <v>174</v>
      </c>
      <c r="AN2528" s="113" t="s">
        <v>174</v>
      </c>
      <c r="AO2528" s="113" t="s">
        <v>174</v>
      </c>
      <c r="AP2528" s="113" t="s">
        <v>174</v>
      </c>
      <c r="AQ2528" s="113" t="s">
        <v>174</v>
      </c>
      <c r="AR2528" s="113" t="s">
        <v>174</v>
      </c>
      <c r="AS2528" s="113" t="s">
        <v>174</v>
      </c>
      <c r="AT2528" s="121" t="s">
        <v>174</v>
      </c>
      <c r="AU2528" s="113" t="s">
        <v>174</v>
      </c>
      <c r="AV2528" s="113" t="s">
        <v>174</v>
      </c>
      <c r="AW2528" s="113" t="s">
        <v>174</v>
      </c>
      <c r="AX2528" s="113"/>
      <c r="AY2528" s="113"/>
      <c r="AZ2528" s="113"/>
      <c r="BA2528" s="113"/>
      <c r="BB2528" s="107">
        <v>45884</v>
      </c>
    </row>
    <row r="2529" spans="1:54" s="207" customFormat="1" ht="13.95" customHeight="1" x14ac:dyDescent="0.25">
      <c r="A2529" s="208" t="s">
        <v>6038</v>
      </c>
      <c r="B2529" s="209" t="s">
        <v>20420</v>
      </c>
      <c r="C2529" s="113" t="s">
        <v>6039</v>
      </c>
      <c r="D2529" s="113" t="s">
        <v>23971</v>
      </c>
      <c r="E2529" s="210">
        <v>1991</v>
      </c>
      <c r="F2529" s="210">
        <v>19085</v>
      </c>
      <c r="G2529" s="113" t="s">
        <v>3</v>
      </c>
      <c r="H2529" s="113">
        <v>0</v>
      </c>
      <c r="I2529" s="113">
        <v>0</v>
      </c>
      <c r="J2529" s="115">
        <v>1</v>
      </c>
      <c r="K2529" s="116" t="s">
        <v>174</v>
      </c>
      <c r="L2529" s="115">
        <v>0</v>
      </c>
      <c r="M2529" s="115">
        <v>0</v>
      </c>
      <c r="N2529" s="115">
        <v>0</v>
      </c>
      <c r="O2529" s="115">
        <v>0</v>
      </c>
      <c r="P2529" s="115" t="s">
        <v>400</v>
      </c>
      <c r="Q2529" s="115" t="s">
        <v>400</v>
      </c>
      <c r="R2529" s="115">
        <v>0</v>
      </c>
      <c r="S2529" s="115">
        <v>0</v>
      </c>
      <c r="T2529" s="115">
        <v>0</v>
      </c>
      <c r="U2529" s="113" t="s">
        <v>174</v>
      </c>
      <c r="V2529" s="113" t="s">
        <v>174</v>
      </c>
      <c r="W2529" s="113" t="s">
        <v>174</v>
      </c>
      <c r="X2529" s="113" t="s">
        <v>174</v>
      </c>
      <c r="Y2529" s="113" t="s">
        <v>174</v>
      </c>
      <c r="Z2529" s="113" t="s">
        <v>174</v>
      </c>
      <c r="AA2529" s="113" t="s">
        <v>174</v>
      </c>
      <c r="AB2529" s="113" t="s">
        <v>174</v>
      </c>
      <c r="AC2529" s="113" t="s">
        <v>174</v>
      </c>
      <c r="AD2529" s="113" t="s">
        <v>174</v>
      </c>
      <c r="AE2529" s="113" t="s">
        <v>174</v>
      </c>
      <c r="AF2529" s="113" t="s">
        <v>174</v>
      </c>
      <c r="AG2529" s="113" t="s">
        <v>174</v>
      </c>
      <c r="AH2529" s="113" t="s">
        <v>174</v>
      </c>
      <c r="AI2529" s="113" t="s">
        <v>174</v>
      </c>
      <c r="AJ2529" s="113" t="s">
        <v>174</v>
      </c>
      <c r="AK2529" s="113" t="s">
        <v>174</v>
      </c>
      <c r="AL2529" s="113" t="s">
        <v>174</v>
      </c>
      <c r="AM2529" s="113" t="s">
        <v>174</v>
      </c>
      <c r="AN2529" s="113" t="s">
        <v>174</v>
      </c>
      <c r="AO2529" s="113" t="s">
        <v>174</v>
      </c>
      <c r="AP2529" s="113" t="s">
        <v>174</v>
      </c>
      <c r="AQ2529" s="113" t="s">
        <v>174</v>
      </c>
      <c r="AR2529" s="113" t="s">
        <v>174</v>
      </c>
      <c r="AS2529" s="113" t="s">
        <v>174</v>
      </c>
      <c r="AT2529" s="121" t="s">
        <v>174</v>
      </c>
      <c r="AU2529" s="113" t="s">
        <v>174</v>
      </c>
      <c r="AV2529" s="113" t="s">
        <v>174</v>
      </c>
      <c r="AW2529" s="113" t="s">
        <v>174</v>
      </c>
      <c r="AX2529" s="113"/>
      <c r="AY2529" s="113"/>
      <c r="AZ2529" s="113"/>
      <c r="BA2529" s="113"/>
      <c r="BB2529" s="107">
        <v>45884</v>
      </c>
    </row>
    <row r="2530" spans="1:54" s="207" customFormat="1" ht="13.95" customHeight="1" x14ac:dyDescent="0.25">
      <c r="A2530" s="208" t="s">
        <v>6040</v>
      </c>
      <c r="B2530" s="209" t="s">
        <v>20420</v>
      </c>
      <c r="C2530" s="113" t="s">
        <v>6041</v>
      </c>
      <c r="D2530" s="113" t="s">
        <v>23972</v>
      </c>
      <c r="E2530" s="210">
        <v>1999</v>
      </c>
      <c r="F2530" s="210">
        <v>19113</v>
      </c>
      <c r="G2530" s="113" t="s">
        <v>3</v>
      </c>
      <c r="H2530" s="113">
        <v>1</v>
      </c>
      <c r="I2530" s="113">
        <v>1</v>
      </c>
      <c r="J2530" s="115">
        <v>1</v>
      </c>
      <c r="K2530" s="116" t="s">
        <v>174</v>
      </c>
      <c r="L2530" s="115">
        <v>1</v>
      </c>
      <c r="M2530" s="115">
        <v>0</v>
      </c>
      <c r="N2530" s="115">
        <v>0</v>
      </c>
      <c r="O2530" s="115">
        <v>1</v>
      </c>
      <c r="P2530" s="115">
        <v>1</v>
      </c>
      <c r="Q2530" s="115" t="s">
        <v>400</v>
      </c>
      <c r="R2530" s="115">
        <v>1</v>
      </c>
      <c r="S2530" s="115">
        <v>0</v>
      </c>
      <c r="T2530" s="115">
        <v>0</v>
      </c>
      <c r="U2530" s="113" t="s">
        <v>174</v>
      </c>
      <c r="V2530" s="113" t="s">
        <v>174</v>
      </c>
      <c r="W2530" s="113" t="s">
        <v>174</v>
      </c>
      <c r="X2530" s="113" t="s">
        <v>174</v>
      </c>
      <c r="Y2530" s="113" t="s">
        <v>174</v>
      </c>
      <c r="Z2530" s="113" t="s">
        <v>174</v>
      </c>
      <c r="AA2530" s="113" t="s">
        <v>174</v>
      </c>
      <c r="AB2530" s="113" t="s">
        <v>174</v>
      </c>
      <c r="AC2530" s="113" t="s">
        <v>174</v>
      </c>
      <c r="AD2530" s="113" t="s">
        <v>174</v>
      </c>
      <c r="AE2530" s="113" t="s">
        <v>174</v>
      </c>
      <c r="AF2530" s="113" t="s">
        <v>174</v>
      </c>
      <c r="AG2530" s="113" t="s">
        <v>174</v>
      </c>
      <c r="AH2530" s="113" t="s">
        <v>174</v>
      </c>
      <c r="AI2530" s="113" t="s">
        <v>174</v>
      </c>
      <c r="AJ2530" s="113" t="s">
        <v>174</v>
      </c>
      <c r="AK2530" s="113" t="s">
        <v>174</v>
      </c>
      <c r="AL2530" s="113" t="s">
        <v>174</v>
      </c>
      <c r="AM2530" s="113" t="s">
        <v>174</v>
      </c>
      <c r="AN2530" s="113" t="s">
        <v>174</v>
      </c>
      <c r="AO2530" s="113" t="s">
        <v>174</v>
      </c>
      <c r="AP2530" s="113" t="s">
        <v>174</v>
      </c>
      <c r="AQ2530" s="113" t="s">
        <v>174</v>
      </c>
      <c r="AR2530" s="113" t="s">
        <v>174</v>
      </c>
      <c r="AS2530" s="113" t="s">
        <v>174</v>
      </c>
      <c r="AT2530" s="121" t="s">
        <v>174</v>
      </c>
      <c r="AU2530" s="113" t="s">
        <v>174</v>
      </c>
      <c r="AV2530" s="113" t="s">
        <v>174</v>
      </c>
      <c r="AW2530" s="113" t="s">
        <v>174</v>
      </c>
      <c r="AX2530" s="113"/>
      <c r="AY2530" s="113"/>
      <c r="AZ2530" s="113"/>
      <c r="BA2530" s="113"/>
      <c r="BB2530" s="107">
        <v>45884</v>
      </c>
    </row>
    <row r="2531" spans="1:54" s="207" customFormat="1" ht="13.95" customHeight="1" x14ac:dyDescent="0.25">
      <c r="A2531" s="208" t="s">
        <v>6042</v>
      </c>
      <c r="B2531" s="209" t="s">
        <v>20420</v>
      </c>
      <c r="C2531" s="113" t="s">
        <v>6043</v>
      </c>
      <c r="D2531" s="113" t="s">
        <v>23973</v>
      </c>
      <c r="E2531" s="210">
        <v>2012</v>
      </c>
      <c r="F2531" s="210">
        <v>19163</v>
      </c>
      <c r="G2531" s="113" t="s">
        <v>3</v>
      </c>
      <c r="H2531" s="113">
        <v>1</v>
      </c>
      <c r="I2531" s="113">
        <v>1</v>
      </c>
      <c r="J2531" s="115">
        <v>1</v>
      </c>
      <c r="K2531" s="116" t="s">
        <v>174</v>
      </c>
      <c r="L2531" s="115">
        <v>1</v>
      </c>
      <c r="M2531" s="115">
        <v>1</v>
      </c>
      <c r="N2531" s="115">
        <v>1</v>
      </c>
      <c r="O2531" s="115">
        <v>1</v>
      </c>
      <c r="P2531" s="115" t="s">
        <v>400</v>
      </c>
      <c r="Q2531" s="115" t="s">
        <v>400</v>
      </c>
      <c r="R2531" s="115">
        <v>1</v>
      </c>
      <c r="S2531" s="115">
        <v>0</v>
      </c>
      <c r="T2531" s="115">
        <v>0</v>
      </c>
      <c r="U2531" s="113" t="s">
        <v>174</v>
      </c>
      <c r="V2531" s="113" t="s">
        <v>174</v>
      </c>
      <c r="W2531" s="113" t="s">
        <v>174</v>
      </c>
      <c r="X2531" s="113" t="s">
        <v>174</v>
      </c>
      <c r="Y2531" s="113" t="s">
        <v>174</v>
      </c>
      <c r="Z2531" s="113" t="s">
        <v>174</v>
      </c>
      <c r="AA2531" s="113" t="s">
        <v>174</v>
      </c>
      <c r="AB2531" s="113" t="s">
        <v>174</v>
      </c>
      <c r="AC2531" s="113" t="s">
        <v>174</v>
      </c>
      <c r="AD2531" s="113" t="s">
        <v>174</v>
      </c>
      <c r="AE2531" s="113" t="s">
        <v>174</v>
      </c>
      <c r="AF2531" s="113" t="s">
        <v>174</v>
      </c>
      <c r="AG2531" s="113" t="s">
        <v>174</v>
      </c>
      <c r="AH2531" s="113" t="s">
        <v>174</v>
      </c>
      <c r="AI2531" s="113" t="s">
        <v>174</v>
      </c>
      <c r="AJ2531" s="113" t="s">
        <v>174</v>
      </c>
      <c r="AK2531" s="113" t="s">
        <v>174</v>
      </c>
      <c r="AL2531" s="113" t="s">
        <v>174</v>
      </c>
      <c r="AM2531" s="113" t="s">
        <v>174</v>
      </c>
      <c r="AN2531" s="113" t="s">
        <v>174</v>
      </c>
      <c r="AO2531" s="113" t="s">
        <v>174</v>
      </c>
      <c r="AP2531" s="113" t="s">
        <v>174</v>
      </c>
      <c r="AQ2531" s="113" t="s">
        <v>174</v>
      </c>
      <c r="AR2531" s="113" t="s">
        <v>174</v>
      </c>
      <c r="AS2531" s="113" t="s">
        <v>174</v>
      </c>
      <c r="AT2531" s="121" t="s">
        <v>174</v>
      </c>
      <c r="AU2531" s="113" t="s">
        <v>174</v>
      </c>
      <c r="AV2531" s="113" t="s">
        <v>174</v>
      </c>
      <c r="AW2531" s="113" t="s">
        <v>174</v>
      </c>
      <c r="AX2531" s="113"/>
      <c r="AY2531" s="113"/>
      <c r="AZ2531" s="113"/>
      <c r="BA2531" s="113"/>
      <c r="BB2531" s="107">
        <v>45884</v>
      </c>
    </row>
    <row r="2532" spans="1:54" s="207" customFormat="1" ht="13.95" customHeight="1" x14ac:dyDescent="0.25">
      <c r="A2532" s="208" t="s">
        <v>6044</v>
      </c>
      <c r="B2532" s="209" t="s">
        <v>20420</v>
      </c>
      <c r="C2532" s="113" t="s">
        <v>6045</v>
      </c>
      <c r="D2532" s="113" t="s">
        <v>23974</v>
      </c>
      <c r="E2532" s="210">
        <v>1995</v>
      </c>
      <c r="F2532" s="210">
        <v>19187</v>
      </c>
      <c r="G2532" s="113" t="s">
        <v>3</v>
      </c>
      <c r="H2532" s="113">
        <v>1</v>
      </c>
      <c r="I2532" s="113">
        <v>1</v>
      </c>
      <c r="J2532" s="115">
        <v>1</v>
      </c>
      <c r="K2532" s="116" t="s">
        <v>174</v>
      </c>
      <c r="L2532" s="115">
        <v>1</v>
      </c>
      <c r="M2532" s="115">
        <v>1</v>
      </c>
      <c r="N2532" s="115">
        <v>0</v>
      </c>
      <c r="O2532" s="115">
        <v>1</v>
      </c>
      <c r="P2532" s="120">
        <v>1</v>
      </c>
      <c r="Q2532" s="115" t="s">
        <v>400</v>
      </c>
      <c r="R2532" s="115">
        <v>1</v>
      </c>
      <c r="S2532" s="115">
        <v>0</v>
      </c>
      <c r="T2532" s="115">
        <v>0</v>
      </c>
      <c r="U2532" s="113" t="s">
        <v>174</v>
      </c>
      <c r="V2532" s="113" t="s">
        <v>174</v>
      </c>
      <c r="W2532" s="113" t="s">
        <v>174</v>
      </c>
      <c r="X2532" s="113" t="s">
        <v>174</v>
      </c>
      <c r="Y2532" s="113" t="s">
        <v>174</v>
      </c>
      <c r="Z2532" s="113" t="s">
        <v>174</v>
      </c>
      <c r="AA2532" s="113" t="s">
        <v>174</v>
      </c>
      <c r="AB2532" s="113" t="s">
        <v>174</v>
      </c>
      <c r="AC2532" s="113" t="s">
        <v>174</v>
      </c>
      <c r="AD2532" s="113" t="s">
        <v>174</v>
      </c>
      <c r="AE2532" s="113" t="s">
        <v>174</v>
      </c>
      <c r="AF2532" s="113" t="s">
        <v>174</v>
      </c>
      <c r="AG2532" s="113" t="s">
        <v>174</v>
      </c>
      <c r="AH2532" s="113" t="s">
        <v>174</v>
      </c>
      <c r="AI2532" s="113" t="s">
        <v>174</v>
      </c>
      <c r="AJ2532" s="113" t="s">
        <v>174</v>
      </c>
      <c r="AK2532" s="113" t="s">
        <v>174</v>
      </c>
      <c r="AL2532" s="113" t="s">
        <v>174</v>
      </c>
      <c r="AM2532" s="113" t="s">
        <v>174</v>
      </c>
      <c r="AN2532" s="113" t="s">
        <v>174</v>
      </c>
      <c r="AO2532" s="113" t="s">
        <v>174</v>
      </c>
      <c r="AP2532" s="113" t="s">
        <v>174</v>
      </c>
      <c r="AQ2532" s="113" t="s">
        <v>174</v>
      </c>
      <c r="AR2532" s="113" t="s">
        <v>174</v>
      </c>
      <c r="AS2532" s="113" t="s">
        <v>174</v>
      </c>
      <c r="AT2532" s="121" t="s">
        <v>174</v>
      </c>
      <c r="AU2532" s="113" t="s">
        <v>174</v>
      </c>
      <c r="AV2532" s="113" t="s">
        <v>174</v>
      </c>
      <c r="AW2532" s="113" t="s">
        <v>174</v>
      </c>
      <c r="AX2532" s="113"/>
      <c r="AY2532" s="113"/>
      <c r="AZ2532" s="113"/>
      <c r="BA2532" s="113"/>
      <c r="BB2532" s="107">
        <v>45884</v>
      </c>
    </row>
    <row r="2533" spans="1:54" s="207" customFormat="1" ht="13.95" customHeight="1" x14ac:dyDescent="0.25">
      <c r="A2533" s="208" t="s">
        <v>6046</v>
      </c>
      <c r="B2533" s="209" t="s">
        <v>20420</v>
      </c>
      <c r="C2533" s="113" t="s">
        <v>6047</v>
      </c>
      <c r="D2533" s="113" t="s">
        <v>6048</v>
      </c>
      <c r="E2533" s="210">
        <v>1994</v>
      </c>
      <c r="F2533" s="210">
        <v>19248</v>
      </c>
      <c r="G2533" s="113" t="s">
        <v>11</v>
      </c>
      <c r="H2533" s="113">
        <v>0</v>
      </c>
      <c r="I2533" s="113">
        <v>0</v>
      </c>
      <c r="J2533" s="115">
        <v>1</v>
      </c>
      <c r="K2533" s="116" t="s">
        <v>174</v>
      </c>
      <c r="L2533" s="115">
        <v>0</v>
      </c>
      <c r="M2533" s="115">
        <v>0</v>
      </c>
      <c r="N2533" s="115">
        <v>1</v>
      </c>
      <c r="O2533" s="115">
        <v>0</v>
      </c>
      <c r="P2533" s="115" t="s">
        <v>400</v>
      </c>
      <c r="Q2533" s="115" t="s">
        <v>400</v>
      </c>
      <c r="R2533" s="115">
        <v>0</v>
      </c>
      <c r="S2533" s="115">
        <v>0</v>
      </c>
      <c r="T2533" s="115">
        <v>0</v>
      </c>
      <c r="U2533" s="113" t="s">
        <v>174</v>
      </c>
      <c r="V2533" s="113" t="s">
        <v>174</v>
      </c>
      <c r="W2533" s="113" t="s">
        <v>174</v>
      </c>
      <c r="X2533" s="113" t="s">
        <v>174</v>
      </c>
      <c r="Y2533" s="113" t="s">
        <v>174</v>
      </c>
      <c r="Z2533" s="113" t="s">
        <v>174</v>
      </c>
      <c r="AA2533" s="113" t="s">
        <v>174</v>
      </c>
      <c r="AB2533" s="113" t="s">
        <v>174</v>
      </c>
      <c r="AC2533" s="113" t="s">
        <v>174</v>
      </c>
      <c r="AD2533" s="113" t="s">
        <v>174</v>
      </c>
      <c r="AE2533" s="113" t="s">
        <v>174</v>
      </c>
      <c r="AF2533" s="113" t="s">
        <v>174</v>
      </c>
      <c r="AG2533" s="113" t="s">
        <v>174</v>
      </c>
      <c r="AH2533" s="113" t="s">
        <v>174</v>
      </c>
      <c r="AI2533" s="113" t="s">
        <v>174</v>
      </c>
      <c r="AJ2533" s="113" t="s">
        <v>174</v>
      </c>
      <c r="AK2533" s="113" t="s">
        <v>174</v>
      </c>
      <c r="AL2533" s="113" t="s">
        <v>174</v>
      </c>
      <c r="AM2533" s="113" t="s">
        <v>174</v>
      </c>
      <c r="AN2533" s="113" t="s">
        <v>174</v>
      </c>
      <c r="AO2533" s="113" t="s">
        <v>174</v>
      </c>
      <c r="AP2533" s="113" t="s">
        <v>174</v>
      </c>
      <c r="AQ2533" s="113" t="s">
        <v>174</v>
      </c>
      <c r="AR2533" s="113" t="s">
        <v>174</v>
      </c>
      <c r="AS2533" s="113" t="s">
        <v>174</v>
      </c>
      <c r="AT2533" s="121" t="s">
        <v>174</v>
      </c>
      <c r="AU2533" s="113" t="s">
        <v>174</v>
      </c>
      <c r="AV2533" s="113" t="s">
        <v>174</v>
      </c>
      <c r="AW2533" s="113" t="s">
        <v>174</v>
      </c>
      <c r="AX2533" s="113"/>
      <c r="AY2533" s="113"/>
      <c r="AZ2533" s="113"/>
      <c r="BA2533" s="113"/>
      <c r="BB2533" s="107">
        <v>45884</v>
      </c>
    </row>
    <row r="2534" spans="1:54" s="207" customFormat="1" ht="13.95" customHeight="1" x14ac:dyDescent="0.25">
      <c r="A2534" s="208" t="s">
        <v>6049</v>
      </c>
      <c r="B2534" s="209" t="s">
        <v>20420</v>
      </c>
      <c r="C2534" s="113" t="s">
        <v>6050</v>
      </c>
      <c r="D2534" s="113" t="s">
        <v>23975</v>
      </c>
      <c r="E2534" s="210">
        <v>1986</v>
      </c>
      <c r="F2534" s="210">
        <v>21134</v>
      </c>
      <c r="G2534" s="113" t="s">
        <v>11</v>
      </c>
      <c r="H2534" s="113">
        <v>1</v>
      </c>
      <c r="I2534" s="113">
        <v>0</v>
      </c>
      <c r="J2534" s="115">
        <v>1</v>
      </c>
      <c r="K2534" s="116" t="s">
        <v>174</v>
      </c>
      <c r="L2534" s="115">
        <v>1</v>
      </c>
      <c r="M2534" s="115">
        <v>0</v>
      </c>
      <c r="N2534" s="115">
        <v>1</v>
      </c>
      <c r="O2534" s="115">
        <v>0</v>
      </c>
      <c r="P2534" s="115">
        <v>1</v>
      </c>
      <c r="Q2534" s="115" t="s">
        <v>400</v>
      </c>
      <c r="R2534" s="120">
        <v>0</v>
      </c>
      <c r="S2534" s="115">
        <v>0</v>
      </c>
      <c r="T2534" s="115">
        <v>0</v>
      </c>
      <c r="U2534" s="113" t="s">
        <v>174</v>
      </c>
      <c r="V2534" s="113" t="s">
        <v>174</v>
      </c>
      <c r="W2534" s="113" t="s">
        <v>174</v>
      </c>
      <c r="X2534" s="113" t="s">
        <v>174</v>
      </c>
      <c r="Y2534" s="113" t="s">
        <v>174</v>
      </c>
      <c r="Z2534" s="113" t="s">
        <v>174</v>
      </c>
      <c r="AA2534" s="113" t="s">
        <v>174</v>
      </c>
      <c r="AB2534" s="113" t="s">
        <v>174</v>
      </c>
      <c r="AC2534" s="113" t="s">
        <v>174</v>
      </c>
      <c r="AD2534" s="113" t="s">
        <v>174</v>
      </c>
      <c r="AE2534" s="113" t="s">
        <v>174</v>
      </c>
      <c r="AF2534" s="113" t="s">
        <v>174</v>
      </c>
      <c r="AG2534" s="113" t="s">
        <v>174</v>
      </c>
      <c r="AH2534" s="113" t="s">
        <v>174</v>
      </c>
      <c r="AI2534" s="113" t="s">
        <v>174</v>
      </c>
      <c r="AJ2534" s="113" t="s">
        <v>174</v>
      </c>
      <c r="AK2534" s="113" t="s">
        <v>174</v>
      </c>
      <c r="AL2534" s="113" t="s">
        <v>174</v>
      </c>
      <c r="AM2534" s="113" t="s">
        <v>174</v>
      </c>
      <c r="AN2534" s="113" t="s">
        <v>174</v>
      </c>
      <c r="AO2534" s="113" t="s">
        <v>174</v>
      </c>
      <c r="AP2534" s="113" t="s">
        <v>174</v>
      </c>
      <c r="AQ2534" s="113" t="s">
        <v>174</v>
      </c>
      <c r="AR2534" s="113" t="s">
        <v>174</v>
      </c>
      <c r="AS2534" s="113" t="s">
        <v>174</v>
      </c>
      <c r="AT2534" s="121" t="s">
        <v>174</v>
      </c>
      <c r="AU2534" s="113" t="s">
        <v>174</v>
      </c>
      <c r="AV2534" s="113" t="s">
        <v>174</v>
      </c>
      <c r="AW2534" s="113" t="s">
        <v>174</v>
      </c>
      <c r="AX2534" s="113"/>
      <c r="AY2534" s="113"/>
      <c r="AZ2534" s="113"/>
      <c r="BA2534" s="113"/>
      <c r="BB2534" s="107">
        <v>45884</v>
      </c>
    </row>
    <row r="2535" spans="1:54" s="207" customFormat="1" ht="13.95" customHeight="1" x14ac:dyDescent="0.25">
      <c r="A2535" s="208" t="s">
        <v>6051</v>
      </c>
      <c r="B2535" s="209" t="s">
        <v>20420</v>
      </c>
      <c r="C2535" s="113" t="s">
        <v>6052</v>
      </c>
      <c r="D2535" s="113" t="s">
        <v>23976</v>
      </c>
      <c r="E2535" s="210">
        <v>1987</v>
      </c>
      <c r="F2535" s="210">
        <v>19754</v>
      </c>
      <c r="G2535" s="113" t="s">
        <v>3</v>
      </c>
      <c r="H2535" s="113">
        <v>1</v>
      </c>
      <c r="I2535" s="113">
        <v>1</v>
      </c>
      <c r="J2535" s="115">
        <v>1</v>
      </c>
      <c r="K2535" s="116" t="s">
        <v>174</v>
      </c>
      <c r="L2535" s="115">
        <v>0</v>
      </c>
      <c r="M2535" s="115">
        <v>1</v>
      </c>
      <c r="N2535" s="115">
        <v>1</v>
      </c>
      <c r="O2535" s="115">
        <v>1</v>
      </c>
      <c r="P2535" s="115">
        <v>1</v>
      </c>
      <c r="Q2535" s="115" t="s">
        <v>400</v>
      </c>
      <c r="R2535" s="115">
        <v>1</v>
      </c>
      <c r="S2535" s="115">
        <v>0</v>
      </c>
      <c r="T2535" s="115">
        <v>0</v>
      </c>
      <c r="U2535" s="113" t="s">
        <v>174</v>
      </c>
      <c r="V2535" s="113" t="s">
        <v>174</v>
      </c>
      <c r="W2535" s="113" t="s">
        <v>174</v>
      </c>
      <c r="X2535" s="113" t="s">
        <v>174</v>
      </c>
      <c r="Y2535" s="113" t="s">
        <v>174</v>
      </c>
      <c r="Z2535" s="113" t="s">
        <v>174</v>
      </c>
      <c r="AA2535" s="113" t="s">
        <v>174</v>
      </c>
      <c r="AB2535" s="113" t="s">
        <v>174</v>
      </c>
      <c r="AC2535" s="113" t="s">
        <v>174</v>
      </c>
      <c r="AD2535" s="113" t="s">
        <v>174</v>
      </c>
      <c r="AE2535" s="113" t="s">
        <v>174</v>
      </c>
      <c r="AF2535" s="113" t="s">
        <v>174</v>
      </c>
      <c r="AG2535" s="113" t="s">
        <v>174</v>
      </c>
      <c r="AH2535" s="113" t="s">
        <v>174</v>
      </c>
      <c r="AI2535" s="113" t="s">
        <v>174</v>
      </c>
      <c r="AJ2535" s="113" t="s">
        <v>174</v>
      </c>
      <c r="AK2535" s="113" t="s">
        <v>174</v>
      </c>
      <c r="AL2535" s="113" t="s">
        <v>174</v>
      </c>
      <c r="AM2535" s="113" t="s">
        <v>174</v>
      </c>
      <c r="AN2535" s="113" t="s">
        <v>174</v>
      </c>
      <c r="AO2535" s="113" t="s">
        <v>174</v>
      </c>
      <c r="AP2535" s="113" t="s">
        <v>174</v>
      </c>
      <c r="AQ2535" s="113" t="s">
        <v>174</v>
      </c>
      <c r="AR2535" s="113" t="s">
        <v>174</v>
      </c>
      <c r="AS2535" s="113" t="s">
        <v>174</v>
      </c>
      <c r="AT2535" s="121" t="s">
        <v>174</v>
      </c>
      <c r="AU2535" s="113" t="s">
        <v>174</v>
      </c>
      <c r="AV2535" s="113" t="s">
        <v>174</v>
      </c>
      <c r="AW2535" s="113" t="s">
        <v>174</v>
      </c>
      <c r="AX2535" s="113"/>
      <c r="AY2535" s="113"/>
      <c r="AZ2535" s="113"/>
      <c r="BA2535" s="113"/>
      <c r="BB2535" s="107">
        <v>45884</v>
      </c>
    </row>
    <row r="2536" spans="1:54" s="207" customFormat="1" ht="13.95" customHeight="1" x14ac:dyDescent="0.25">
      <c r="A2536" s="208" t="s">
        <v>6053</v>
      </c>
      <c r="B2536" s="209" t="s">
        <v>20420</v>
      </c>
      <c r="C2536" s="113" t="s">
        <v>6054</v>
      </c>
      <c r="D2536" s="113" t="s">
        <v>23977</v>
      </c>
      <c r="E2536" s="210">
        <v>2002</v>
      </c>
      <c r="F2536" s="210">
        <v>20000</v>
      </c>
      <c r="G2536" s="113" t="s">
        <v>3</v>
      </c>
      <c r="H2536" s="113">
        <v>0</v>
      </c>
      <c r="I2536" s="113">
        <v>0</v>
      </c>
      <c r="J2536" s="115">
        <v>0</v>
      </c>
      <c r="K2536" s="116" t="s">
        <v>174</v>
      </c>
      <c r="L2536" s="115">
        <v>0</v>
      </c>
      <c r="M2536" s="115">
        <v>0</v>
      </c>
      <c r="N2536" s="115">
        <v>0</v>
      </c>
      <c r="O2536" s="115">
        <v>0</v>
      </c>
      <c r="P2536" s="115" t="s">
        <v>400</v>
      </c>
      <c r="Q2536" s="115" t="s">
        <v>400</v>
      </c>
      <c r="R2536" s="115">
        <v>0</v>
      </c>
      <c r="S2536" s="115">
        <v>0</v>
      </c>
      <c r="T2536" s="115">
        <v>0</v>
      </c>
      <c r="U2536" s="113" t="s">
        <v>174</v>
      </c>
      <c r="V2536" s="113" t="s">
        <v>174</v>
      </c>
      <c r="W2536" s="113" t="s">
        <v>174</v>
      </c>
      <c r="X2536" s="113" t="s">
        <v>174</v>
      </c>
      <c r="Y2536" s="113" t="s">
        <v>174</v>
      </c>
      <c r="Z2536" s="113" t="s">
        <v>174</v>
      </c>
      <c r="AA2536" s="113" t="s">
        <v>174</v>
      </c>
      <c r="AB2536" s="113" t="s">
        <v>174</v>
      </c>
      <c r="AC2536" s="113" t="s">
        <v>174</v>
      </c>
      <c r="AD2536" s="113" t="s">
        <v>174</v>
      </c>
      <c r="AE2536" s="113" t="s">
        <v>174</v>
      </c>
      <c r="AF2536" s="113" t="s">
        <v>174</v>
      </c>
      <c r="AG2536" s="113" t="s">
        <v>174</v>
      </c>
      <c r="AH2536" s="113" t="s">
        <v>174</v>
      </c>
      <c r="AI2536" s="113" t="s">
        <v>174</v>
      </c>
      <c r="AJ2536" s="113" t="s">
        <v>174</v>
      </c>
      <c r="AK2536" s="113" t="s">
        <v>174</v>
      </c>
      <c r="AL2536" s="113" t="s">
        <v>174</v>
      </c>
      <c r="AM2536" s="113" t="s">
        <v>174</v>
      </c>
      <c r="AN2536" s="113" t="s">
        <v>174</v>
      </c>
      <c r="AO2536" s="113" t="s">
        <v>174</v>
      </c>
      <c r="AP2536" s="113" t="s">
        <v>174</v>
      </c>
      <c r="AQ2536" s="113" t="s">
        <v>174</v>
      </c>
      <c r="AR2536" s="113" t="s">
        <v>174</v>
      </c>
      <c r="AS2536" s="113" t="s">
        <v>174</v>
      </c>
      <c r="AT2536" s="121" t="s">
        <v>174</v>
      </c>
      <c r="AU2536" s="113" t="s">
        <v>174</v>
      </c>
      <c r="AV2536" s="113" t="s">
        <v>174</v>
      </c>
      <c r="AW2536" s="113" t="s">
        <v>174</v>
      </c>
      <c r="AX2536" s="113"/>
      <c r="AY2536" s="113"/>
      <c r="AZ2536" s="113"/>
      <c r="BA2536" s="113"/>
      <c r="BB2536" s="107">
        <v>45884</v>
      </c>
    </row>
    <row r="2537" spans="1:54" s="207" customFormat="1" ht="13.95" customHeight="1" x14ac:dyDescent="0.25">
      <c r="A2537" s="208" t="s">
        <v>6055</v>
      </c>
      <c r="B2537" s="209" t="s">
        <v>20420</v>
      </c>
      <c r="C2537" s="113" t="s">
        <v>6056</v>
      </c>
      <c r="D2537" s="113" t="s">
        <v>23978</v>
      </c>
      <c r="E2537" s="210">
        <v>1977</v>
      </c>
      <c r="F2537" s="210">
        <v>20008</v>
      </c>
      <c r="G2537" s="113" t="s">
        <v>3</v>
      </c>
      <c r="H2537" s="113">
        <v>0</v>
      </c>
      <c r="I2537" s="113">
        <v>0</v>
      </c>
      <c r="J2537" s="115">
        <v>1</v>
      </c>
      <c r="K2537" s="116" t="s">
        <v>174</v>
      </c>
      <c r="L2537" s="115">
        <v>1</v>
      </c>
      <c r="M2537" s="115">
        <v>1</v>
      </c>
      <c r="N2537" s="115">
        <v>1</v>
      </c>
      <c r="O2537" s="115">
        <v>1</v>
      </c>
      <c r="P2537" s="115">
        <v>1</v>
      </c>
      <c r="Q2537" s="115" t="s">
        <v>400</v>
      </c>
      <c r="R2537" s="115">
        <v>1</v>
      </c>
      <c r="S2537" s="115">
        <v>0</v>
      </c>
      <c r="T2537" s="115">
        <v>0</v>
      </c>
      <c r="U2537" s="113" t="s">
        <v>174</v>
      </c>
      <c r="V2537" s="113" t="s">
        <v>174</v>
      </c>
      <c r="W2537" s="113" t="s">
        <v>174</v>
      </c>
      <c r="X2537" s="113" t="s">
        <v>174</v>
      </c>
      <c r="Y2537" s="113" t="s">
        <v>174</v>
      </c>
      <c r="Z2537" s="113" t="s">
        <v>174</v>
      </c>
      <c r="AA2537" s="113" t="s">
        <v>174</v>
      </c>
      <c r="AB2537" s="113" t="s">
        <v>174</v>
      </c>
      <c r="AC2537" s="113" t="s">
        <v>174</v>
      </c>
      <c r="AD2537" s="113" t="s">
        <v>174</v>
      </c>
      <c r="AE2537" s="113" t="s">
        <v>174</v>
      </c>
      <c r="AF2537" s="113" t="s">
        <v>174</v>
      </c>
      <c r="AG2537" s="113" t="s">
        <v>174</v>
      </c>
      <c r="AH2537" s="113" t="s">
        <v>174</v>
      </c>
      <c r="AI2537" s="113" t="s">
        <v>174</v>
      </c>
      <c r="AJ2537" s="113" t="s">
        <v>174</v>
      </c>
      <c r="AK2537" s="113" t="s">
        <v>174</v>
      </c>
      <c r="AL2537" s="113" t="s">
        <v>174</v>
      </c>
      <c r="AM2537" s="113" t="s">
        <v>174</v>
      </c>
      <c r="AN2537" s="113" t="s">
        <v>174</v>
      </c>
      <c r="AO2537" s="113" t="s">
        <v>174</v>
      </c>
      <c r="AP2537" s="113" t="s">
        <v>174</v>
      </c>
      <c r="AQ2537" s="113" t="s">
        <v>174</v>
      </c>
      <c r="AR2537" s="113" t="s">
        <v>174</v>
      </c>
      <c r="AS2537" s="113" t="s">
        <v>174</v>
      </c>
      <c r="AT2537" s="121" t="s">
        <v>174</v>
      </c>
      <c r="AU2537" s="113" t="s">
        <v>174</v>
      </c>
      <c r="AV2537" s="113" t="s">
        <v>174</v>
      </c>
      <c r="AW2537" s="113" t="s">
        <v>174</v>
      </c>
      <c r="AX2537" s="113"/>
      <c r="AY2537" s="113"/>
      <c r="AZ2537" s="113"/>
      <c r="BA2537" s="113"/>
      <c r="BB2537" s="107">
        <v>45884</v>
      </c>
    </row>
    <row r="2538" spans="1:54" s="207" customFormat="1" ht="13.95" customHeight="1" x14ac:dyDescent="0.25">
      <c r="A2538" s="208" t="s">
        <v>6057</v>
      </c>
      <c r="B2538" s="209" t="s">
        <v>20420</v>
      </c>
      <c r="C2538" s="113" t="s">
        <v>6058</v>
      </c>
      <c r="D2538" s="113" t="s">
        <v>23979</v>
      </c>
      <c r="E2538" s="210">
        <v>1991</v>
      </c>
      <c r="F2538" s="210">
        <v>20009</v>
      </c>
      <c r="G2538" s="113" t="s">
        <v>3</v>
      </c>
      <c r="H2538" s="113">
        <v>1</v>
      </c>
      <c r="I2538" s="95">
        <v>1</v>
      </c>
      <c r="J2538" s="115">
        <v>1</v>
      </c>
      <c r="K2538" s="116" t="s">
        <v>174</v>
      </c>
      <c r="L2538" s="115">
        <v>0</v>
      </c>
      <c r="M2538" s="115">
        <v>0</v>
      </c>
      <c r="N2538" s="115">
        <v>1</v>
      </c>
      <c r="O2538" s="115">
        <v>0</v>
      </c>
      <c r="P2538" s="115" t="s">
        <v>400</v>
      </c>
      <c r="Q2538" s="115" t="s">
        <v>400</v>
      </c>
      <c r="R2538" s="115">
        <v>0</v>
      </c>
      <c r="S2538" s="115">
        <v>0</v>
      </c>
      <c r="T2538" s="115">
        <v>0</v>
      </c>
      <c r="U2538" s="113" t="s">
        <v>174</v>
      </c>
      <c r="V2538" s="113" t="s">
        <v>174</v>
      </c>
      <c r="W2538" s="113" t="s">
        <v>174</v>
      </c>
      <c r="X2538" s="113" t="s">
        <v>174</v>
      </c>
      <c r="Y2538" s="113" t="s">
        <v>174</v>
      </c>
      <c r="Z2538" s="113" t="s">
        <v>174</v>
      </c>
      <c r="AA2538" s="113" t="s">
        <v>174</v>
      </c>
      <c r="AB2538" s="113" t="s">
        <v>174</v>
      </c>
      <c r="AC2538" s="113" t="s">
        <v>174</v>
      </c>
      <c r="AD2538" s="113" t="s">
        <v>174</v>
      </c>
      <c r="AE2538" s="113" t="s">
        <v>174</v>
      </c>
      <c r="AF2538" s="113" t="s">
        <v>174</v>
      </c>
      <c r="AG2538" s="113" t="s">
        <v>174</v>
      </c>
      <c r="AH2538" s="113" t="s">
        <v>174</v>
      </c>
      <c r="AI2538" s="113" t="s">
        <v>174</v>
      </c>
      <c r="AJ2538" s="113" t="s">
        <v>174</v>
      </c>
      <c r="AK2538" s="113" t="s">
        <v>174</v>
      </c>
      <c r="AL2538" s="113" t="s">
        <v>174</v>
      </c>
      <c r="AM2538" s="113" t="s">
        <v>174</v>
      </c>
      <c r="AN2538" s="113" t="s">
        <v>174</v>
      </c>
      <c r="AO2538" s="113" t="s">
        <v>174</v>
      </c>
      <c r="AP2538" s="113" t="s">
        <v>174</v>
      </c>
      <c r="AQ2538" s="113" t="s">
        <v>174</v>
      </c>
      <c r="AR2538" s="113" t="s">
        <v>174</v>
      </c>
      <c r="AS2538" s="113" t="s">
        <v>174</v>
      </c>
      <c r="AT2538" s="121" t="s">
        <v>174</v>
      </c>
      <c r="AU2538" s="113" t="s">
        <v>174</v>
      </c>
      <c r="AV2538" s="113" t="s">
        <v>174</v>
      </c>
      <c r="AW2538" s="113" t="s">
        <v>174</v>
      </c>
      <c r="AX2538" s="113"/>
      <c r="AY2538" s="113"/>
      <c r="AZ2538" s="113"/>
      <c r="BA2538" s="113"/>
      <c r="BB2538" s="107">
        <v>45884</v>
      </c>
    </row>
    <row r="2539" spans="1:54" s="207" customFormat="1" ht="13.95" customHeight="1" x14ac:dyDescent="0.25">
      <c r="A2539" s="208" t="s">
        <v>6059</v>
      </c>
      <c r="B2539" s="209" t="s">
        <v>20420</v>
      </c>
      <c r="C2539" s="113" t="s">
        <v>6060</v>
      </c>
      <c r="D2539" s="113" t="s">
        <v>23980</v>
      </c>
      <c r="E2539" s="210">
        <v>2006</v>
      </c>
      <c r="F2539" s="210">
        <v>20043</v>
      </c>
      <c r="G2539" s="113" t="s">
        <v>3</v>
      </c>
      <c r="H2539" s="113">
        <v>1</v>
      </c>
      <c r="I2539" s="113">
        <v>1</v>
      </c>
      <c r="J2539" s="115">
        <v>1</v>
      </c>
      <c r="K2539" s="116" t="s">
        <v>174</v>
      </c>
      <c r="L2539" s="115">
        <v>0</v>
      </c>
      <c r="M2539" s="115">
        <v>0</v>
      </c>
      <c r="N2539" s="115">
        <v>0</v>
      </c>
      <c r="O2539" s="115">
        <v>0</v>
      </c>
      <c r="P2539" s="115" t="s">
        <v>400</v>
      </c>
      <c r="Q2539" s="115" t="s">
        <v>400</v>
      </c>
      <c r="R2539" s="115">
        <v>0</v>
      </c>
      <c r="S2539" s="115">
        <v>0</v>
      </c>
      <c r="T2539" s="212">
        <v>0</v>
      </c>
      <c r="U2539" s="113" t="s">
        <v>174</v>
      </c>
      <c r="V2539" s="113" t="s">
        <v>174</v>
      </c>
      <c r="W2539" s="113" t="s">
        <v>174</v>
      </c>
      <c r="X2539" s="113" t="s">
        <v>174</v>
      </c>
      <c r="Y2539" s="113" t="s">
        <v>174</v>
      </c>
      <c r="Z2539" s="113" t="s">
        <v>174</v>
      </c>
      <c r="AA2539" s="113" t="s">
        <v>174</v>
      </c>
      <c r="AB2539" s="113" t="s">
        <v>174</v>
      </c>
      <c r="AC2539" s="113" t="s">
        <v>174</v>
      </c>
      <c r="AD2539" s="113" t="s">
        <v>174</v>
      </c>
      <c r="AE2539" s="113" t="s">
        <v>174</v>
      </c>
      <c r="AF2539" s="113" t="s">
        <v>174</v>
      </c>
      <c r="AG2539" s="113" t="s">
        <v>174</v>
      </c>
      <c r="AH2539" s="113" t="s">
        <v>174</v>
      </c>
      <c r="AI2539" s="113" t="s">
        <v>174</v>
      </c>
      <c r="AJ2539" s="113" t="s">
        <v>174</v>
      </c>
      <c r="AK2539" s="113" t="s">
        <v>174</v>
      </c>
      <c r="AL2539" s="113" t="s">
        <v>174</v>
      </c>
      <c r="AM2539" s="113" t="s">
        <v>174</v>
      </c>
      <c r="AN2539" s="113" t="s">
        <v>174</v>
      </c>
      <c r="AO2539" s="113" t="s">
        <v>174</v>
      </c>
      <c r="AP2539" s="113" t="s">
        <v>174</v>
      </c>
      <c r="AQ2539" s="113" t="s">
        <v>174</v>
      </c>
      <c r="AR2539" s="113" t="s">
        <v>174</v>
      </c>
      <c r="AS2539" s="113" t="s">
        <v>174</v>
      </c>
      <c r="AT2539" s="121" t="s">
        <v>174</v>
      </c>
      <c r="AU2539" s="113" t="s">
        <v>174</v>
      </c>
      <c r="AV2539" s="113" t="s">
        <v>174</v>
      </c>
      <c r="AW2539" s="113" t="s">
        <v>174</v>
      </c>
      <c r="AX2539" s="113"/>
      <c r="AY2539" s="113"/>
      <c r="AZ2539" s="113"/>
      <c r="BA2539" s="113"/>
      <c r="BB2539" s="107">
        <v>45884</v>
      </c>
    </row>
    <row r="2540" spans="1:54" s="207" customFormat="1" ht="13.95" customHeight="1" x14ac:dyDescent="0.25">
      <c r="A2540" s="208" t="s">
        <v>6061</v>
      </c>
      <c r="B2540" s="209" t="s">
        <v>20420</v>
      </c>
      <c r="C2540" s="113" t="s">
        <v>6062</v>
      </c>
      <c r="D2540" s="113" t="s">
        <v>6063</v>
      </c>
      <c r="E2540" s="210">
        <v>1975</v>
      </c>
      <c r="F2540" s="210">
        <v>20064</v>
      </c>
      <c r="G2540" s="113" t="s">
        <v>3</v>
      </c>
      <c r="H2540" s="113">
        <v>1</v>
      </c>
      <c r="I2540" s="113">
        <v>0</v>
      </c>
      <c r="J2540" s="115">
        <v>1</v>
      </c>
      <c r="K2540" s="116" t="s">
        <v>174</v>
      </c>
      <c r="L2540" s="115">
        <v>1</v>
      </c>
      <c r="M2540" s="115">
        <v>1</v>
      </c>
      <c r="N2540" s="115">
        <v>1</v>
      </c>
      <c r="O2540" s="115">
        <v>1</v>
      </c>
      <c r="P2540" s="115">
        <v>1</v>
      </c>
      <c r="Q2540" s="115" t="s">
        <v>400</v>
      </c>
      <c r="R2540" s="115">
        <v>1</v>
      </c>
      <c r="S2540" s="115">
        <v>0</v>
      </c>
      <c r="T2540" s="115">
        <v>0</v>
      </c>
      <c r="U2540" s="113" t="s">
        <v>174</v>
      </c>
      <c r="V2540" s="113" t="s">
        <v>174</v>
      </c>
      <c r="W2540" s="113" t="s">
        <v>174</v>
      </c>
      <c r="X2540" s="113" t="s">
        <v>174</v>
      </c>
      <c r="Y2540" s="113" t="s">
        <v>174</v>
      </c>
      <c r="Z2540" s="113" t="s">
        <v>174</v>
      </c>
      <c r="AA2540" s="113" t="s">
        <v>174</v>
      </c>
      <c r="AB2540" s="113" t="s">
        <v>174</v>
      </c>
      <c r="AC2540" s="113" t="s">
        <v>174</v>
      </c>
      <c r="AD2540" s="113" t="s">
        <v>174</v>
      </c>
      <c r="AE2540" s="113" t="s">
        <v>174</v>
      </c>
      <c r="AF2540" s="113">
        <v>1</v>
      </c>
      <c r="AG2540" s="113" t="s">
        <v>174</v>
      </c>
      <c r="AH2540" s="113" t="s">
        <v>174</v>
      </c>
      <c r="AI2540" s="113" t="s">
        <v>174</v>
      </c>
      <c r="AJ2540" s="113" t="s">
        <v>174</v>
      </c>
      <c r="AK2540" s="113" t="s">
        <v>174</v>
      </c>
      <c r="AL2540" s="113" t="s">
        <v>174</v>
      </c>
      <c r="AM2540" s="113" t="s">
        <v>174</v>
      </c>
      <c r="AN2540" s="113" t="s">
        <v>174</v>
      </c>
      <c r="AO2540" s="113" t="s">
        <v>174</v>
      </c>
      <c r="AP2540" s="113" t="s">
        <v>174</v>
      </c>
      <c r="AQ2540" s="113" t="s">
        <v>174</v>
      </c>
      <c r="AR2540" s="113" t="s">
        <v>174</v>
      </c>
      <c r="AS2540" s="113" t="s">
        <v>174</v>
      </c>
      <c r="AT2540" s="121" t="s">
        <v>174</v>
      </c>
      <c r="AU2540" s="113" t="s">
        <v>174</v>
      </c>
      <c r="AV2540" s="113" t="s">
        <v>174</v>
      </c>
      <c r="AW2540" s="113" t="s">
        <v>174</v>
      </c>
      <c r="AX2540" s="113"/>
      <c r="AY2540" s="113"/>
      <c r="AZ2540" s="124" t="s">
        <v>23203</v>
      </c>
      <c r="BA2540" s="113" t="s">
        <v>19478</v>
      </c>
      <c r="BB2540" s="107">
        <v>45884</v>
      </c>
    </row>
    <row r="2541" spans="1:54" s="207" customFormat="1" ht="13.95" customHeight="1" x14ac:dyDescent="0.25">
      <c r="A2541" s="208" t="s">
        <v>6064</v>
      </c>
      <c r="B2541" s="209" t="s">
        <v>20420</v>
      </c>
      <c r="C2541" s="113" t="s">
        <v>6065</v>
      </c>
      <c r="D2541" s="113" t="s">
        <v>23981</v>
      </c>
      <c r="E2541" s="210">
        <v>1963</v>
      </c>
      <c r="F2541" s="210">
        <v>20301</v>
      </c>
      <c r="G2541" s="113" t="s">
        <v>3</v>
      </c>
      <c r="H2541" s="113">
        <v>1</v>
      </c>
      <c r="I2541" s="113">
        <v>1</v>
      </c>
      <c r="J2541" s="115">
        <v>1</v>
      </c>
      <c r="K2541" s="211">
        <v>1</v>
      </c>
      <c r="L2541" s="115">
        <v>1</v>
      </c>
      <c r="M2541" s="115">
        <v>1</v>
      </c>
      <c r="N2541" s="120">
        <v>1</v>
      </c>
      <c r="O2541" s="115">
        <v>1</v>
      </c>
      <c r="P2541" s="115">
        <v>1</v>
      </c>
      <c r="Q2541" s="115" t="s">
        <v>400</v>
      </c>
      <c r="R2541" s="115">
        <v>1</v>
      </c>
      <c r="S2541" s="115">
        <v>0</v>
      </c>
      <c r="T2541" s="115">
        <v>0</v>
      </c>
      <c r="U2541" s="113" t="s">
        <v>174</v>
      </c>
      <c r="V2541" s="113" t="s">
        <v>174</v>
      </c>
      <c r="W2541" s="113" t="s">
        <v>174</v>
      </c>
      <c r="X2541" s="113" t="s">
        <v>174</v>
      </c>
      <c r="Y2541" s="113" t="s">
        <v>174</v>
      </c>
      <c r="Z2541" s="113" t="s">
        <v>174</v>
      </c>
      <c r="AA2541" s="113" t="s">
        <v>174</v>
      </c>
      <c r="AB2541" s="113">
        <v>1</v>
      </c>
      <c r="AC2541" s="113" t="s">
        <v>174</v>
      </c>
      <c r="AD2541" s="113" t="s">
        <v>174</v>
      </c>
      <c r="AE2541" s="113" t="s">
        <v>174</v>
      </c>
      <c r="AF2541" s="113">
        <v>1</v>
      </c>
      <c r="AG2541" s="113" t="s">
        <v>174</v>
      </c>
      <c r="AH2541" s="113" t="s">
        <v>174</v>
      </c>
      <c r="AI2541" s="113" t="s">
        <v>174</v>
      </c>
      <c r="AJ2541" s="113" t="s">
        <v>174</v>
      </c>
      <c r="AK2541" s="113" t="s">
        <v>174</v>
      </c>
      <c r="AL2541" s="113" t="s">
        <v>174</v>
      </c>
      <c r="AM2541" s="113" t="s">
        <v>174</v>
      </c>
      <c r="AN2541" s="113" t="s">
        <v>174</v>
      </c>
      <c r="AO2541" s="113" t="s">
        <v>174</v>
      </c>
      <c r="AP2541" s="113" t="s">
        <v>174</v>
      </c>
      <c r="AQ2541" s="113" t="s">
        <v>174</v>
      </c>
      <c r="AR2541" s="113" t="s">
        <v>174</v>
      </c>
      <c r="AS2541" s="113" t="s">
        <v>174</v>
      </c>
      <c r="AT2541" s="121" t="s">
        <v>174</v>
      </c>
      <c r="AU2541" s="113" t="s">
        <v>174</v>
      </c>
      <c r="AV2541" s="113" t="s">
        <v>174</v>
      </c>
      <c r="AW2541" s="113" t="s">
        <v>174</v>
      </c>
      <c r="AX2541" s="113"/>
      <c r="AY2541" s="113"/>
      <c r="AZ2541" s="124" t="s">
        <v>23203</v>
      </c>
      <c r="BA2541" s="113" t="s">
        <v>19478</v>
      </c>
      <c r="BB2541" s="107">
        <v>45884</v>
      </c>
    </row>
    <row r="2542" spans="1:54" s="207" customFormat="1" ht="13.95" customHeight="1" x14ac:dyDescent="0.25">
      <c r="A2542" s="208" t="s">
        <v>6066</v>
      </c>
      <c r="B2542" s="209" t="s">
        <v>20420</v>
      </c>
      <c r="C2542" s="113" t="s">
        <v>6067</v>
      </c>
      <c r="D2542" s="113" t="s">
        <v>23982</v>
      </c>
      <c r="E2542" s="210">
        <v>1991</v>
      </c>
      <c r="F2542" s="210">
        <v>20340</v>
      </c>
      <c r="G2542" s="113" t="s">
        <v>3</v>
      </c>
      <c r="H2542" s="113">
        <v>1</v>
      </c>
      <c r="I2542" s="113">
        <v>1</v>
      </c>
      <c r="J2542" s="115">
        <v>1</v>
      </c>
      <c r="K2542" s="116" t="s">
        <v>174</v>
      </c>
      <c r="L2542" s="115">
        <v>0</v>
      </c>
      <c r="M2542" s="115">
        <v>1</v>
      </c>
      <c r="N2542" s="115">
        <v>0</v>
      </c>
      <c r="O2542" s="115">
        <v>0</v>
      </c>
      <c r="P2542" s="115">
        <v>1</v>
      </c>
      <c r="Q2542" s="115" t="s">
        <v>400</v>
      </c>
      <c r="R2542" s="115">
        <v>0</v>
      </c>
      <c r="S2542" s="115">
        <v>0</v>
      </c>
      <c r="T2542" s="115">
        <v>0</v>
      </c>
      <c r="U2542" s="113" t="s">
        <v>174</v>
      </c>
      <c r="V2542" s="113" t="s">
        <v>174</v>
      </c>
      <c r="W2542" s="113" t="s">
        <v>174</v>
      </c>
      <c r="X2542" s="113" t="s">
        <v>174</v>
      </c>
      <c r="Y2542" s="113" t="s">
        <v>174</v>
      </c>
      <c r="Z2542" s="113" t="s">
        <v>174</v>
      </c>
      <c r="AA2542" s="113" t="s">
        <v>174</v>
      </c>
      <c r="AB2542" s="113" t="s">
        <v>174</v>
      </c>
      <c r="AC2542" s="113" t="s">
        <v>174</v>
      </c>
      <c r="AD2542" s="113" t="s">
        <v>174</v>
      </c>
      <c r="AE2542" s="113" t="s">
        <v>174</v>
      </c>
      <c r="AF2542" s="113" t="s">
        <v>174</v>
      </c>
      <c r="AG2542" s="113" t="s">
        <v>174</v>
      </c>
      <c r="AH2542" s="113" t="s">
        <v>174</v>
      </c>
      <c r="AI2542" s="113" t="s">
        <v>174</v>
      </c>
      <c r="AJ2542" s="113" t="s">
        <v>174</v>
      </c>
      <c r="AK2542" s="113" t="s">
        <v>174</v>
      </c>
      <c r="AL2542" s="113" t="s">
        <v>174</v>
      </c>
      <c r="AM2542" s="113" t="s">
        <v>174</v>
      </c>
      <c r="AN2542" s="113" t="s">
        <v>174</v>
      </c>
      <c r="AO2542" s="113" t="s">
        <v>174</v>
      </c>
      <c r="AP2542" s="113" t="s">
        <v>174</v>
      </c>
      <c r="AQ2542" s="113" t="s">
        <v>174</v>
      </c>
      <c r="AR2542" s="113" t="s">
        <v>174</v>
      </c>
      <c r="AS2542" s="113" t="s">
        <v>174</v>
      </c>
      <c r="AT2542" s="121" t="s">
        <v>174</v>
      </c>
      <c r="AU2542" s="113" t="s">
        <v>174</v>
      </c>
      <c r="AV2542" s="113" t="s">
        <v>174</v>
      </c>
      <c r="AW2542" s="113" t="s">
        <v>174</v>
      </c>
      <c r="AX2542" s="113"/>
      <c r="AY2542" s="113"/>
      <c r="AZ2542" s="113"/>
      <c r="BA2542" s="113"/>
      <c r="BB2542" s="107">
        <v>45884</v>
      </c>
    </row>
    <row r="2543" spans="1:54" s="207" customFormat="1" ht="13.95" customHeight="1" x14ac:dyDescent="0.25">
      <c r="A2543" s="208" t="s">
        <v>6068</v>
      </c>
      <c r="B2543" s="209" t="s">
        <v>20420</v>
      </c>
      <c r="C2543" s="113" t="s">
        <v>6069</v>
      </c>
      <c r="D2543" s="113" t="s">
        <v>23983</v>
      </c>
      <c r="E2543" s="210">
        <v>1979</v>
      </c>
      <c r="F2543" s="210">
        <v>21593</v>
      </c>
      <c r="G2543" s="113" t="s">
        <v>3</v>
      </c>
      <c r="H2543" s="113">
        <v>1</v>
      </c>
      <c r="I2543" s="113">
        <v>0</v>
      </c>
      <c r="J2543" s="115">
        <v>1</v>
      </c>
      <c r="K2543" s="211">
        <v>1</v>
      </c>
      <c r="L2543" s="115">
        <v>1</v>
      </c>
      <c r="M2543" s="115">
        <v>1</v>
      </c>
      <c r="N2543" s="115">
        <v>0</v>
      </c>
      <c r="O2543" s="115">
        <v>1</v>
      </c>
      <c r="P2543" s="115" t="s">
        <v>400</v>
      </c>
      <c r="Q2543" s="115" t="s">
        <v>400</v>
      </c>
      <c r="R2543" s="115">
        <v>1</v>
      </c>
      <c r="S2543" s="115">
        <v>0</v>
      </c>
      <c r="T2543" s="115">
        <v>0</v>
      </c>
      <c r="U2543" s="113" t="s">
        <v>174</v>
      </c>
      <c r="V2543" s="113" t="s">
        <v>174</v>
      </c>
      <c r="W2543" s="113" t="s">
        <v>174</v>
      </c>
      <c r="X2543" s="113" t="s">
        <v>174</v>
      </c>
      <c r="Y2543" s="113" t="s">
        <v>174</v>
      </c>
      <c r="Z2543" s="113" t="s">
        <v>174</v>
      </c>
      <c r="AA2543" s="113" t="s">
        <v>174</v>
      </c>
      <c r="AB2543" s="113" t="s">
        <v>174</v>
      </c>
      <c r="AC2543" s="113" t="s">
        <v>174</v>
      </c>
      <c r="AD2543" s="113" t="s">
        <v>174</v>
      </c>
      <c r="AE2543" s="113" t="s">
        <v>174</v>
      </c>
      <c r="AF2543" s="113" t="s">
        <v>174</v>
      </c>
      <c r="AG2543" s="113" t="s">
        <v>174</v>
      </c>
      <c r="AH2543" s="113" t="s">
        <v>174</v>
      </c>
      <c r="AI2543" s="113" t="s">
        <v>174</v>
      </c>
      <c r="AJ2543" s="113" t="s">
        <v>174</v>
      </c>
      <c r="AK2543" s="113" t="s">
        <v>174</v>
      </c>
      <c r="AL2543" s="113" t="s">
        <v>174</v>
      </c>
      <c r="AM2543" s="113" t="s">
        <v>174</v>
      </c>
      <c r="AN2543" s="113" t="s">
        <v>174</v>
      </c>
      <c r="AO2543" s="113" t="s">
        <v>174</v>
      </c>
      <c r="AP2543" s="113" t="s">
        <v>174</v>
      </c>
      <c r="AQ2543" s="113" t="s">
        <v>174</v>
      </c>
      <c r="AR2543" s="113" t="s">
        <v>174</v>
      </c>
      <c r="AS2543" s="113" t="s">
        <v>174</v>
      </c>
      <c r="AT2543" s="121" t="s">
        <v>174</v>
      </c>
      <c r="AU2543" s="113" t="s">
        <v>174</v>
      </c>
      <c r="AV2543" s="113" t="s">
        <v>174</v>
      </c>
      <c r="AW2543" s="113" t="s">
        <v>174</v>
      </c>
      <c r="AX2543" s="113"/>
      <c r="AY2543" s="113"/>
      <c r="AZ2543" s="113"/>
      <c r="BA2543" s="113"/>
      <c r="BB2543" s="107">
        <v>45884</v>
      </c>
    </row>
    <row r="2544" spans="1:54" s="207" customFormat="1" ht="13.95" customHeight="1" x14ac:dyDescent="0.25">
      <c r="A2544" s="208" t="s">
        <v>6070</v>
      </c>
      <c r="B2544" s="209" t="s">
        <v>20420</v>
      </c>
      <c r="C2544" s="113" t="s">
        <v>6071</v>
      </c>
      <c r="D2544" s="113" t="s">
        <v>23984</v>
      </c>
      <c r="E2544" s="210">
        <v>1978</v>
      </c>
      <c r="F2544" s="210">
        <v>21622</v>
      </c>
      <c r="G2544" s="113" t="s">
        <v>3</v>
      </c>
      <c r="H2544" s="113">
        <v>1</v>
      </c>
      <c r="I2544" s="113">
        <v>1</v>
      </c>
      <c r="J2544" s="115">
        <v>1</v>
      </c>
      <c r="K2544" s="116" t="s">
        <v>174</v>
      </c>
      <c r="L2544" s="115">
        <v>1</v>
      </c>
      <c r="M2544" s="115">
        <v>0</v>
      </c>
      <c r="N2544" s="115">
        <v>0</v>
      </c>
      <c r="O2544" s="115">
        <v>1</v>
      </c>
      <c r="P2544" s="115">
        <v>1</v>
      </c>
      <c r="Q2544" s="115" t="s">
        <v>400</v>
      </c>
      <c r="R2544" s="115">
        <v>0</v>
      </c>
      <c r="S2544" s="115">
        <v>0</v>
      </c>
      <c r="T2544" s="115">
        <v>0</v>
      </c>
      <c r="U2544" s="113" t="s">
        <v>174</v>
      </c>
      <c r="V2544" s="113" t="s">
        <v>174</v>
      </c>
      <c r="W2544" s="113" t="s">
        <v>174</v>
      </c>
      <c r="X2544" s="113" t="s">
        <v>174</v>
      </c>
      <c r="Y2544" s="113" t="s">
        <v>174</v>
      </c>
      <c r="Z2544" s="113" t="s">
        <v>174</v>
      </c>
      <c r="AA2544" s="113" t="s">
        <v>174</v>
      </c>
      <c r="AB2544" s="113" t="s">
        <v>174</v>
      </c>
      <c r="AC2544" s="113" t="s">
        <v>174</v>
      </c>
      <c r="AD2544" s="113" t="s">
        <v>174</v>
      </c>
      <c r="AE2544" s="113" t="s">
        <v>174</v>
      </c>
      <c r="AF2544" s="113" t="s">
        <v>174</v>
      </c>
      <c r="AG2544" s="113" t="s">
        <v>174</v>
      </c>
      <c r="AH2544" s="113" t="s">
        <v>174</v>
      </c>
      <c r="AI2544" s="113" t="s">
        <v>174</v>
      </c>
      <c r="AJ2544" s="113" t="s">
        <v>174</v>
      </c>
      <c r="AK2544" s="113" t="s">
        <v>174</v>
      </c>
      <c r="AL2544" s="113" t="s">
        <v>174</v>
      </c>
      <c r="AM2544" s="113" t="s">
        <v>174</v>
      </c>
      <c r="AN2544" s="113" t="s">
        <v>174</v>
      </c>
      <c r="AO2544" s="113" t="s">
        <v>174</v>
      </c>
      <c r="AP2544" s="113" t="s">
        <v>174</v>
      </c>
      <c r="AQ2544" s="113" t="s">
        <v>174</v>
      </c>
      <c r="AR2544" s="113" t="s">
        <v>174</v>
      </c>
      <c r="AS2544" s="113" t="s">
        <v>174</v>
      </c>
      <c r="AT2544" s="121" t="s">
        <v>174</v>
      </c>
      <c r="AU2544" s="113" t="s">
        <v>174</v>
      </c>
      <c r="AV2544" s="113" t="s">
        <v>174</v>
      </c>
      <c r="AW2544" s="113" t="s">
        <v>174</v>
      </c>
      <c r="AX2544" s="113"/>
      <c r="AY2544" s="113"/>
      <c r="AZ2544" s="113"/>
      <c r="BA2544" s="113"/>
      <c r="BB2544" s="107">
        <v>45884</v>
      </c>
    </row>
    <row r="2545" spans="1:54" s="207" customFormat="1" ht="13.95" customHeight="1" x14ac:dyDescent="0.25">
      <c r="A2545" s="208" t="s">
        <v>6072</v>
      </c>
      <c r="B2545" s="209" t="s">
        <v>20420</v>
      </c>
      <c r="C2545" s="113" t="s">
        <v>6073</v>
      </c>
      <c r="D2545" s="113" t="s">
        <v>6074</v>
      </c>
      <c r="E2545" s="210">
        <v>2009</v>
      </c>
      <c r="F2545" s="210">
        <v>33777</v>
      </c>
      <c r="G2545" s="113" t="s">
        <v>7</v>
      </c>
      <c r="H2545" s="113">
        <v>1</v>
      </c>
      <c r="I2545" s="113">
        <v>1</v>
      </c>
      <c r="J2545" s="115">
        <v>1</v>
      </c>
      <c r="K2545" s="116" t="s">
        <v>174</v>
      </c>
      <c r="L2545" s="115">
        <v>0</v>
      </c>
      <c r="M2545" s="115">
        <v>1</v>
      </c>
      <c r="N2545" s="115">
        <v>0</v>
      </c>
      <c r="O2545" s="115">
        <v>0</v>
      </c>
      <c r="P2545" s="115" t="s">
        <v>400</v>
      </c>
      <c r="Q2545" s="115" t="s">
        <v>400</v>
      </c>
      <c r="R2545" s="115">
        <v>0</v>
      </c>
      <c r="S2545" s="115">
        <v>0</v>
      </c>
      <c r="T2545" s="115">
        <v>0</v>
      </c>
      <c r="U2545" s="113" t="s">
        <v>174</v>
      </c>
      <c r="V2545" s="113" t="s">
        <v>174</v>
      </c>
      <c r="W2545" s="113" t="s">
        <v>174</v>
      </c>
      <c r="X2545" s="113" t="s">
        <v>174</v>
      </c>
      <c r="Y2545" s="113" t="s">
        <v>174</v>
      </c>
      <c r="Z2545" s="113" t="s">
        <v>174</v>
      </c>
      <c r="AA2545" s="113" t="s">
        <v>174</v>
      </c>
      <c r="AB2545" s="113" t="s">
        <v>174</v>
      </c>
      <c r="AC2545" s="113">
        <v>1</v>
      </c>
      <c r="AD2545" s="113">
        <v>1</v>
      </c>
      <c r="AE2545" s="113" t="s">
        <v>174</v>
      </c>
      <c r="AF2545" s="113" t="s">
        <v>174</v>
      </c>
      <c r="AG2545" s="113" t="s">
        <v>174</v>
      </c>
      <c r="AH2545" s="113" t="s">
        <v>174</v>
      </c>
      <c r="AI2545" s="113" t="s">
        <v>174</v>
      </c>
      <c r="AJ2545" s="113" t="s">
        <v>174</v>
      </c>
      <c r="AK2545" s="113" t="s">
        <v>174</v>
      </c>
      <c r="AL2545" s="113" t="s">
        <v>174</v>
      </c>
      <c r="AM2545" s="113" t="s">
        <v>174</v>
      </c>
      <c r="AN2545" s="113" t="s">
        <v>174</v>
      </c>
      <c r="AO2545" s="113" t="s">
        <v>174</v>
      </c>
      <c r="AP2545" s="113" t="s">
        <v>174</v>
      </c>
      <c r="AQ2545" s="113" t="s">
        <v>174</v>
      </c>
      <c r="AR2545" s="113" t="s">
        <v>174</v>
      </c>
      <c r="AS2545" s="113" t="s">
        <v>174</v>
      </c>
      <c r="AT2545" s="113">
        <v>1</v>
      </c>
      <c r="AU2545" s="113" t="s">
        <v>174</v>
      </c>
      <c r="AV2545" s="113">
        <v>1</v>
      </c>
      <c r="AW2545" s="113" t="s">
        <v>174</v>
      </c>
      <c r="AX2545" s="113"/>
      <c r="AY2545" s="113"/>
      <c r="AZ2545" s="124" t="s">
        <v>23203</v>
      </c>
      <c r="BA2545" s="113" t="s">
        <v>19478</v>
      </c>
      <c r="BB2545" s="107">
        <v>45884</v>
      </c>
    </row>
    <row r="2546" spans="1:54" s="207" customFormat="1" ht="13.95" customHeight="1" x14ac:dyDescent="0.25">
      <c r="A2546" s="208" t="s">
        <v>6075</v>
      </c>
      <c r="B2546" s="209" t="s">
        <v>20420</v>
      </c>
      <c r="C2546" s="113" t="s">
        <v>6076</v>
      </c>
      <c r="D2546" s="113" t="s">
        <v>23985</v>
      </c>
      <c r="E2546" s="210">
        <v>1988</v>
      </c>
      <c r="F2546" s="210">
        <v>21801</v>
      </c>
      <c r="G2546" s="113" t="s">
        <v>3</v>
      </c>
      <c r="H2546" s="113">
        <v>1</v>
      </c>
      <c r="I2546" s="113">
        <v>0</v>
      </c>
      <c r="J2546" s="115">
        <v>1</v>
      </c>
      <c r="K2546" s="116" t="s">
        <v>174</v>
      </c>
      <c r="L2546" s="115">
        <v>1</v>
      </c>
      <c r="M2546" s="115">
        <v>1</v>
      </c>
      <c r="N2546" s="115">
        <v>1</v>
      </c>
      <c r="O2546" s="115">
        <v>0</v>
      </c>
      <c r="P2546" s="115" t="s">
        <v>400</v>
      </c>
      <c r="Q2546" s="115" t="s">
        <v>400</v>
      </c>
      <c r="R2546" s="115">
        <v>0</v>
      </c>
      <c r="S2546" s="115">
        <v>0</v>
      </c>
      <c r="T2546" s="115">
        <v>0</v>
      </c>
      <c r="U2546" s="113" t="s">
        <v>174</v>
      </c>
      <c r="V2546" s="113" t="s">
        <v>174</v>
      </c>
      <c r="W2546" s="113" t="s">
        <v>174</v>
      </c>
      <c r="X2546" s="113" t="s">
        <v>174</v>
      </c>
      <c r="Y2546" s="113" t="s">
        <v>174</v>
      </c>
      <c r="Z2546" s="113" t="s">
        <v>174</v>
      </c>
      <c r="AA2546" s="113" t="s">
        <v>174</v>
      </c>
      <c r="AB2546" s="113" t="s">
        <v>174</v>
      </c>
      <c r="AC2546" s="113" t="s">
        <v>174</v>
      </c>
      <c r="AD2546" s="113" t="s">
        <v>174</v>
      </c>
      <c r="AE2546" s="113" t="s">
        <v>174</v>
      </c>
      <c r="AF2546" s="113" t="s">
        <v>174</v>
      </c>
      <c r="AG2546" s="113" t="s">
        <v>174</v>
      </c>
      <c r="AH2546" s="113" t="s">
        <v>174</v>
      </c>
      <c r="AI2546" s="113" t="s">
        <v>174</v>
      </c>
      <c r="AJ2546" s="113" t="s">
        <v>174</v>
      </c>
      <c r="AK2546" s="113" t="s">
        <v>174</v>
      </c>
      <c r="AL2546" s="113" t="s">
        <v>174</v>
      </c>
      <c r="AM2546" s="113" t="s">
        <v>174</v>
      </c>
      <c r="AN2546" s="113" t="s">
        <v>174</v>
      </c>
      <c r="AO2546" s="113" t="s">
        <v>174</v>
      </c>
      <c r="AP2546" s="113" t="s">
        <v>174</v>
      </c>
      <c r="AQ2546" s="113" t="s">
        <v>174</v>
      </c>
      <c r="AR2546" s="113" t="s">
        <v>174</v>
      </c>
      <c r="AS2546" s="113" t="s">
        <v>174</v>
      </c>
      <c r="AT2546" s="121" t="s">
        <v>174</v>
      </c>
      <c r="AU2546" s="113" t="s">
        <v>174</v>
      </c>
      <c r="AV2546" s="113" t="s">
        <v>174</v>
      </c>
      <c r="AW2546" s="113" t="s">
        <v>174</v>
      </c>
      <c r="AX2546" s="113"/>
      <c r="AY2546" s="113"/>
      <c r="AZ2546" s="113"/>
      <c r="BA2546" s="113"/>
      <c r="BB2546" s="107">
        <v>45884</v>
      </c>
    </row>
    <row r="2547" spans="1:54" s="207" customFormat="1" ht="13.95" customHeight="1" x14ac:dyDescent="0.25">
      <c r="A2547" s="208" t="s">
        <v>6077</v>
      </c>
      <c r="B2547" s="209" t="s">
        <v>20420</v>
      </c>
      <c r="C2547" s="113" t="s">
        <v>6078</v>
      </c>
      <c r="D2547" s="113" t="s">
        <v>23986</v>
      </c>
      <c r="E2547" s="210">
        <v>1969</v>
      </c>
      <c r="F2547" s="210">
        <v>21832</v>
      </c>
      <c r="G2547" s="113" t="s">
        <v>3</v>
      </c>
      <c r="H2547" s="113">
        <v>1</v>
      </c>
      <c r="I2547" s="113">
        <v>1</v>
      </c>
      <c r="J2547" s="115">
        <v>1</v>
      </c>
      <c r="K2547" s="211">
        <v>1</v>
      </c>
      <c r="L2547" s="115">
        <v>1</v>
      </c>
      <c r="M2547" s="115">
        <v>1</v>
      </c>
      <c r="N2547" s="115">
        <v>1</v>
      </c>
      <c r="O2547" s="115">
        <v>1</v>
      </c>
      <c r="P2547" s="115">
        <v>1</v>
      </c>
      <c r="Q2547" s="115" t="s">
        <v>400</v>
      </c>
      <c r="R2547" s="115">
        <v>1</v>
      </c>
      <c r="S2547" s="115">
        <v>1</v>
      </c>
      <c r="T2547" s="115">
        <v>1</v>
      </c>
      <c r="U2547" s="113" t="s">
        <v>174</v>
      </c>
      <c r="V2547" s="113" t="s">
        <v>174</v>
      </c>
      <c r="W2547" s="113" t="s">
        <v>174</v>
      </c>
      <c r="X2547" s="113" t="s">
        <v>174</v>
      </c>
      <c r="Y2547" s="113" t="s">
        <v>174</v>
      </c>
      <c r="Z2547" s="113" t="s">
        <v>174</v>
      </c>
      <c r="AA2547" s="113" t="s">
        <v>174</v>
      </c>
      <c r="AB2547" s="113" t="s">
        <v>174</v>
      </c>
      <c r="AC2547" s="113" t="s">
        <v>174</v>
      </c>
      <c r="AD2547" s="113" t="s">
        <v>174</v>
      </c>
      <c r="AE2547" s="113" t="s">
        <v>174</v>
      </c>
      <c r="AF2547" s="113" t="s">
        <v>174</v>
      </c>
      <c r="AG2547" s="113" t="s">
        <v>174</v>
      </c>
      <c r="AH2547" s="113" t="s">
        <v>174</v>
      </c>
      <c r="AI2547" s="113" t="s">
        <v>174</v>
      </c>
      <c r="AJ2547" s="113" t="s">
        <v>174</v>
      </c>
      <c r="AK2547" s="113" t="s">
        <v>174</v>
      </c>
      <c r="AL2547" s="113" t="s">
        <v>174</v>
      </c>
      <c r="AM2547" s="113" t="s">
        <v>174</v>
      </c>
      <c r="AN2547" s="113" t="s">
        <v>174</v>
      </c>
      <c r="AO2547" s="113" t="s">
        <v>174</v>
      </c>
      <c r="AP2547" s="113" t="s">
        <v>174</v>
      </c>
      <c r="AQ2547" s="113" t="s">
        <v>174</v>
      </c>
      <c r="AR2547" s="113" t="s">
        <v>174</v>
      </c>
      <c r="AS2547" s="113" t="s">
        <v>174</v>
      </c>
      <c r="AT2547" s="121" t="s">
        <v>174</v>
      </c>
      <c r="AU2547" s="113" t="s">
        <v>174</v>
      </c>
      <c r="AV2547" s="113" t="s">
        <v>174</v>
      </c>
      <c r="AW2547" s="113" t="s">
        <v>174</v>
      </c>
      <c r="AX2547" s="113"/>
      <c r="AY2547" s="113"/>
      <c r="AZ2547" s="113"/>
      <c r="BA2547" s="113"/>
      <c r="BB2547" s="107">
        <v>45884</v>
      </c>
    </row>
    <row r="2548" spans="1:54" s="207" customFormat="1" ht="13.95" customHeight="1" x14ac:dyDescent="0.25">
      <c r="A2548" s="208" t="s">
        <v>6079</v>
      </c>
      <c r="B2548" s="209" t="s">
        <v>20420</v>
      </c>
      <c r="C2548" s="113" t="s">
        <v>6080</v>
      </c>
      <c r="D2548" s="113" t="s">
        <v>6081</v>
      </c>
      <c r="E2548" s="210">
        <v>1994</v>
      </c>
      <c r="F2548" s="210">
        <v>21842</v>
      </c>
      <c r="G2548" s="113" t="s">
        <v>3</v>
      </c>
      <c r="H2548" s="113">
        <v>1</v>
      </c>
      <c r="I2548" s="113">
        <v>0</v>
      </c>
      <c r="J2548" s="115">
        <v>1</v>
      </c>
      <c r="K2548" s="116" t="s">
        <v>174</v>
      </c>
      <c r="L2548" s="115">
        <v>0</v>
      </c>
      <c r="M2548" s="115">
        <v>1</v>
      </c>
      <c r="N2548" s="115">
        <v>0</v>
      </c>
      <c r="O2548" s="115">
        <v>0</v>
      </c>
      <c r="P2548" s="115" t="s">
        <v>400</v>
      </c>
      <c r="Q2548" s="115" t="s">
        <v>400</v>
      </c>
      <c r="R2548" s="115">
        <v>0</v>
      </c>
      <c r="S2548" s="115">
        <v>0</v>
      </c>
      <c r="T2548" s="115">
        <v>0</v>
      </c>
      <c r="U2548" s="113" t="s">
        <v>174</v>
      </c>
      <c r="V2548" s="113" t="s">
        <v>174</v>
      </c>
      <c r="W2548" s="113" t="s">
        <v>174</v>
      </c>
      <c r="X2548" s="113" t="s">
        <v>174</v>
      </c>
      <c r="Y2548" s="113" t="s">
        <v>174</v>
      </c>
      <c r="Z2548" s="113" t="s">
        <v>174</v>
      </c>
      <c r="AA2548" s="113" t="s">
        <v>174</v>
      </c>
      <c r="AB2548" s="113" t="s">
        <v>174</v>
      </c>
      <c r="AC2548" s="113" t="s">
        <v>174</v>
      </c>
      <c r="AD2548" s="113" t="s">
        <v>174</v>
      </c>
      <c r="AE2548" s="113" t="s">
        <v>174</v>
      </c>
      <c r="AF2548" s="113" t="s">
        <v>174</v>
      </c>
      <c r="AG2548" s="113" t="s">
        <v>174</v>
      </c>
      <c r="AH2548" s="113" t="s">
        <v>174</v>
      </c>
      <c r="AI2548" s="113" t="s">
        <v>174</v>
      </c>
      <c r="AJ2548" s="113" t="s">
        <v>174</v>
      </c>
      <c r="AK2548" s="113" t="s">
        <v>174</v>
      </c>
      <c r="AL2548" s="113" t="s">
        <v>174</v>
      </c>
      <c r="AM2548" s="113" t="s">
        <v>174</v>
      </c>
      <c r="AN2548" s="113" t="s">
        <v>174</v>
      </c>
      <c r="AO2548" s="113" t="s">
        <v>174</v>
      </c>
      <c r="AP2548" s="113" t="s">
        <v>174</v>
      </c>
      <c r="AQ2548" s="113" t="s">
        <v>174</v>
      </c>
      <c r="AR2548" s="113" t="s">
        <v>174</v>
      </c>
      <c r="AS2548" s="113" t="s">
        <v>174</v>
      </c>
      <c r="AT2548" s="121" t="s">
        <v>174</v>
      </c>
      <c r="AU2548" s="113" t="s">
        <v>174</v>
      </c>
      <c r="AV2548" s="113" t="s">
        <v>174</v>
      </c>
      <c r="AW2548" s="113" t="s">
        <v>174</v>
      </c>
      <c r="AX2548" s="113"/>
      <c r="AY2548" s="113"/>
      <c r="AZ2548" s="113"/>
      <c r="BA2548" s="113"/>
      <c r="BB2548" s="107">
        <v>45884</v>
      </c>
    </row>
    <row r="2549" spans="1:54" s="207" customFormat="1" ht="13.95" customHeight="1" x14ac:dyDescent="0.25">
      <c r="A2549" s="208" t="s">
        <v>6082</v>
      </c>
      <c r="B2549" s="209" t="s">
        <v>20420</v>
      </c>
      <c r="C2549" s="113" t="s">
        <v>6083</v>
      </c>
      <c r="D2549" s="113" t="s">
        <v>6084</v>
      </c>
      <c r="E2549" s="210">
        <v>1986</v>
      </c>
      <c r="F2549" s="210">
        <v>22322</v>
      </c>
      <c r="G2549" s="113" t="s">
        <v>3</v>
      </c>
      <c r="H2549" s="113">
        <v>1</v>
      </c>
      <c r="I2549" s="113">
        <v>1</v>
      </c>
      <c r="J2549" s="115">
        <v>1</v>
      </c>
      <c r="K2549" s="116" t="s">
        <v>174</v>
      </c>
      <c r="L2549" s="115">
        <v>0</v>
      </c>
      <c r="M2549" s="115">
        <v>0</v>
      </c>
      <c r="N2549" s="115">
        <v>1</v>
      </c>
      <c r="O2549" s="115">
        <v>0</v>
      </c>
      <c r="P2549" s="115" t="s">
        <v>400</v>
      </c>
      <c r="Q2549" s="115" t="s">
        <v>400</v>
      </c>
      <c r="R2549" s="115">
        <v>1</v>
      </c>
      <c r="S2549" s="115">
        <v>0</v>
      </c>
      <c r="T2549" s="115">
        <v>0</v>
      </c>
      <c r="U2549" s="113" t="s">
        <v>174</v>
      </c>
      <c r="V2549" s="113" t="s">
        <v>174</v>
      </c>
      <c r="W2549" s="113" t="s">
        <v>174</v>
      </c>
      <c r="X2549" s="113" t="s">
        <v>174</v>
      </c>
      <c r="Y2549" s="113" t="s">
        <v>174</v>
      </c>
      <c r="Z2549" s="113" t="s">
        <v>174</v>
      </c>
      <c r="AA2549" s="113" t="s">
        <v>174</v>
      </c>
      <c r="AB2549" s="113" t="s">
        <v>174</v>
      </c>
      <c r="AC2549" s="113" t="s">
        <v>174</v>
      </c>
      <c r="AD2549" s="113" t="s">
        <v>174</v>
      </c>
      <c r="AE2549" s="113" t="s">
        <v>174</v>
      </c>
      <c r="AF2549" s="113" t="s">
        <v>174</v>
      </c>
      <c r="AG2549" s="113" t="s">
        <v>174</v>
      </c>
      <c r="AH2549" s="113" t="s">
        <v>174</v>
      </c>
      <c r="AI2549" s="113" t="s">
        <v>174</v>
      </c>
      <c r="AJ2549" s="113" t="s">
        <v>174</v>
      </c>
      <c r="AK2549" s="113" t="s">
        <v>174</v>
      </c>
      <c r="AL2549" s="113" t="s">
        <v>174</v>
      </c>
      <c r="AM2549" s="113" t="s">
        <v>174</v>
      </c>
      <c r="AN2549" s="113" t="s">
        <v>174</v>
      </c>
      <c r="AO2549" s="113" t="s">
        <v>174</v>
      </c>
      <c r="AP2549" s="113" t="s">
        <v>174</v>
      </c>
      <c r="AQ2549" s="113" t="s">
        <v>174</v>
      </c>
      <c r="AR2549" s="113" t="s">
        <v>174</v>
      </c>
      <c r="AS2549" s="113" t="s">
        <v>174</v>
      </c>
      <c r="AT2549" s="121" t="s">
        <v>174</v>
      </c>
      <c r="AU2549" s="113" t="s">
        <v>174</v>
      </c>
      <c r="AV2549" s="113" t="s">
        <v>174</v>
      </c>
      <c r="AW2549" s="113" t="s">
        <v>174</v>
      </c>
      <c r="AX2549" s="113"/>
      <c r="AY2549" s="113"/>
      <c r="AZ2549" s="113"/>
      <c r="BA2549" s="113"/>
      <c r="BB2549" s="107">
        <v>45884</v>
      </c>
    </row>
    <row r="2550" spans="1:54" s="207" customFormat="1" ht="13.95" customHeight="1" x14ac:dyDescent="0.25">
      <c r="A2550" s="208" t="s">
        <v>6085</v>
      </c>
      <c r="B2550" s="209" t="s">
        <v>20420</v>
      </c>
      <c r="C2550" s="113" t="s">
        <v>6086</v>
      </c>
      <c r="D2550" s="113" t="s">
        <v>6087</v>
      </c>
      <c r="E2550" s="210">
        <v>1993</v>
      </c>
      <c r="F2550" s="210">
        <v>22631</v>
      </c>
      <c r="G2550" s="113" t="s">
        <v>3</v>
      </c>
      <c r="H2550" s="113">
        <v>1</v>
      </c>
      <c r="I2550" s="113">
        <v>1</v>
      </c>
      <c r="J2550" s="115">
        <v>1</v>
      </c>
      <c r="K2550" s="116" t="s">
        <v>174</v>
      </c>
      <c r="L2550" s="115">
        <v>0</v>
      </c>
      <c r="M2550" s="115">
        <v>1</v>
      </c>
      <c r="N2550" s="115">
        <v>0</v>
      </c>
      <c r="O2550" s="115">
        <v>1</v>
      </c>
      <c r="P2550" s="115" t="s">
        <v>400</v>
      </c>
      <c r="Q2550" s="115" t="s">
        <v>400</v>
      </c>
      <c r="R2550" s="115">
        <v>0</v>
      </c>
      <c r="S2550" s="115">
        <v>0</v>
      </c>
      <c r="T2550" s="115">
        <v>1</v>
      </c>
      <c r="U2550" s="113" t="s">
        <v>174</v>
      </c>
      <c r="V2550" s="113" t="s">
        <v>174</v>
      </c>
      <c r="W2550" s="113" t="s">
        <v>174</v>
      </c>
      <c r="X2550" s="113" t="s">
        <v>174</v>
      </c>
      <c r="Y2550" s="113" t="s">
        <v>174</v>
      </c>
      <c r="Z2550" s="113" t="s">
        <v>174</v>
      </c>
      <c r="AA2550" s="113" t="s">
        <v>174</v>
      </c>
      <c r="AB2550" s="113" t="s">
        <v>174</v>
      </c>
      <c r="AC2550" s="113" t="s">
        <v>174</v>
      </c>
      <c r="AD2550" s="113" t="s">
        <v>174</v>
      </c>
      <c r="AE2550" s="113" t="s">
        <v>174</v>
      </c>
      <c r="AF2550" s="113" t="s">
        <v>174</v>
      </c>
      <c r="AG2550" s="113" t="s">
        <v>174</v>
      </c>
      <c r="AH2550" s="113" t="s">
        <v>174</v>
      </c>
      <c r="AI2550" s="113" t="s">
        <v>174</v>
      </c>
      <c r="AJ2550" s="113" t="s">
        <v>174</v>
      </c>
      <c r="AK2550" s="113" t="s">
        <v>174</v>
      </c>
      <c r="AL2550" s="113" t="s">
        <v>174</v>
      </c>
      <c r="AM2550" s="113" t="s">
        <v>174</v>
      </c>
      <c r="AN2550" s="113" t="s">
        <v>174</v>
      </c>
      <c r="AO2550" s="113" t="s">
        <v>174</v>
      </c>
      <c r="AP2550" s="113" t="s">
        <v>174</v>
      </c>
      <c r="AQ2550" s="113" t="s">
        <v>174</v>
      </c>
      <c r="AR2550" s="113" t="s">
        <v>174</v>
      </c>
      <c r="AS2550" s="113" t="s">
        <v>174</v>
      </c>
      <c r="AT2550" s="121" t="s">
        <v>174</v>
      </c>
      <c r="AU2550" s="113" t="s">
        <v>174</v>
      </c>
      <c r="AV2550" s="113" t="s">
        <v>174</v>
      </c>
      <c r="AW2550" s="113" t="s">
        <v>174</v>
      </c>
      <c r="AX2550" s="113"/>
      <c r="AY2550" s="113"/>
      <c r="AZ2550" s="113"/>
      <c r="BA2550" s="113"/>
      <c r="BB2550" s="107">
        <v>45884</v>
      </c>
    </row>
    <row r="2551" spans="1:54" s="207" customFormat="1" ht="13.95" customHeight="1" x14ac:dyDescent="0.25">
      <c r="A2551" s="208" t="s">
        <v>6088</v>
      </c>
      <c r="B2551" s="209" t="s">
        <v>20420</v>
      </c>
      <c r="C2551" s="113" t="s">
        <v>6089</v>
      </c>
      <c r="D2551" s="113" t="s">
        <v>6090</v>
      </c>
      <c r="E2551" s="210">
        <v>1998</v>
      </c>
      <c r="F2551" s="210">
        <v>22706</v>
      </c>
      <c r="G2551" s="113" t="s">
        <v>3</v>
      </c>
      <c r="H2551" s="113">
        <v>1</v>
      </c>
      <c r="I2551" s="113">
        <v>1</v>
      </c>
      <c r="J2551" s="115">
        <v>1</v>
      </c>
      <c r="K2551" s="116" t="s">
        <v>174</v>
      </c>
      <c r="L2551" s="115">
        <v>1</v>
      </c>
      <c r="M2551" s="115">
        <v>1</v>
      </c>
      <c r="N2551" s="115">
        <v>1</v>
      </c>
      <c r="O2551" s="115">
        <v>0</v>
      </c>
      <c r="P2551" s="115" t="s">
        <v>400</v>
      </c>
      <c r="Q2551" s="115" t="s">
        <v>400</v>
      </c>
      <c r="R2551" s="115">
        <v>0</v>
      </c>
      <c r="S2551" s="115">
        <v>0</v>
      </c>
      <c r="T2551" s="115">
        <v>0</v>
      </c>
      <c r="U2551" s="113" t="s">
        <v>174</v>
      </c>
      <c r="V2551" s="113" t="s">
        <v>174</v>
      </c>
      <c r="W2551" s="113" t="s">
        <v>174</v>
      </c>
      <c r="X2551" s="113" t="s">
        <v>174</v>
      </c>
      <c r="Y2551" s="113" t="s">
        <v>174</v>
      </c>
      <c r="Z2551" s="113" t="s">
        <v>174</v>
      </c>
      <c r="AA2551" s="113" t="s">
        <v>174</v>
      </c>
      <c r="AB2551" s="113" t="s">
        <v>174</v>
      </c>
      <c r="AC2551" s="113" t="s">
        <v>174</v>
      </c>
      <c r="AD2551" s="113" t="s">
        <v>174</v>
      </c>
      <c r="AE2551" s="113" t="s">
        <v>174</v>
      </c>
      <c r="AF2551" s="113" t="s">
        <v>174</v>
      </c>
      <c r="AG2551" s="113" t="s">
        <v>174</v>
      </c>
      <c r="AH2551" s="113" t="s">
        <v>174</v>
      </c>
      <c r="AI2551" s="113" t="s">
        <v>174</v>
      </c>
      <c r="AJ2551" s="113" t="s">
        <v>174</v>
      </c>
      <c r="AK2551" s="113" t="s">
        <v>174</v>
      </c>
      <c r="AL2551" s="113" t="s">
        <v>174</v>
      </c>
      <c r="AM2551" s="113" t="s">
        <v>174</v>
      </c>
      <c r="AN2551" s="113" t="s">
        <v>174</v>
      </c>
      <c r="AO2551" s="113" t="s">
        <v>174</v>
      </c>
      <c r="AP2551" s="113" t="s">
        <v>174</v>
      </c>
      <c r="AQ2551" s="113" t="s">
        <v>174</v>
      </c>
      <c r="AR2551" s="113" t="s">
        <v>174</v>
      </c>
      <c r="AS2551" s="113" t="s">
        <v>174</v>
      </c>
      <c r="AT2551" s="121" t="s">
        <v>174</v>
      </c>
      <c r="AU2551" s="113" t="s">
        <v>174</v>
      </c>
      <c r="AV2551" s="113" t="s">
        <v>174</v>
      </c>
      <c r="AW2551" s="113" t="s">
        <v>174</v>
      </c>
      <c r="AX2551" s="113"/>
      <c r="AY2551" s="113"/>
      <c r="AZ2551" s="113"/>
      <c r="BA2551" s="113"/>
      <c r="BB2551" s="107">
        <v>45884</v>
      </c>
    </row>
    <row r="2552" spans="1:54" s="207" customFormat="1" ht="13.95" customHeight="1" x14ac:dyDescent="0.25">
      <c r="A2552" s="208" t="s">
        <v>6091</v>
      </c>
      <c r="B2552" s="209" t="s">
        <v>20420</v>
      </c>
      <c r="C2552" s="113" t="s">
        <v>6092</v>
      </c>
      <c r="D2552" s="113" t="s">
        <v>23987</v>
      </c>
      <c r="E2552" s="210">
        <v>1991</v>
      </c>
      <c r="F2552" s="210">
        <v>23102</v>
      </c>
      <c r="G2552" s="113" t="s">
        <v>3</v>
      </c>
      <c r="H2552" s="113">
        <v>1</v>
      </c>
      <c r="I2552" s="113">
        <v>1</v>
      </c>
      <c r="J2552" s="115">
        <v>1</v>
      </c>
      <c r="K2552" s="116" t="s">
        <v>174</v>
      </c>
      <c r="L2552" s="115">
        <v>0</v>
      </c>
      <c r="M2552" s="115">
        <v>0</v>
      </c>
      <c r="N2552" s="115">
        <v>0</v>
      </c>
      <c r="O2552" s="115">
        <v>0</v>
      </c>
      <c r="P2552" s="115" t="s">
        <v>400</v>
      </c>
      <c r="Q2552" s="115" t="s">
        <v>400</v>
      </c>
      <c r="R2552" s="115">
        <v>0</v>
      </c>
      <c r="S2552" s="115">
        <v>0</v>
      </c>
      <c r="T2552" s="115">
        <v>0</v>
      </c>
      <c r="U2552" s="113" t="s">
        <v>174</v>
      </c>
      <c r="V2552" s="113" t="s">
        <v>174</v>
      </c>
      <c r="W2552" s="113" t="s">
        <v>174</v>
      </c>
      <c r="X2552" s="113" t="s">
        <v>174</v>
      </c>
      <c r="Y2552" s="113" t="s">
        <v>174</v>
      </c>
      <c r="Z2552" s="113" t="s">
        <v>174</v>
      </c>
      <c r="AA2552" s="113" t="s">
        <v>174</v>
      </c>
      <c r="AB2552" s="113" t="s">
        <v>174</v>
      </c>
      <c r="AC2552" s="113" t="s">
        <v>174</v>
      </c>
      <c r="AD2552" s="113" t="s">
        <v>174</v>
      </c>
      <c r="AE2552" s="113" t="s">
        <v>174</v>
      </c>
      <c r="AF2552" s="113" t="s">
        <v>174</v>
      </c>
      <c r="AG2552" s="113" t="s">
        <v>174</v>
      </c>
      <c r="AH2552" s="113" t="s">
        <v>174</v>
      </c>
      <c r="AI2552" s="113" t="s">
        <v>174</v>
      </c>
      <c r="AJ2552" s="113" t="s">
        <v>174</v>
      </c>
      <c r="AK2552" s="113" t="s">
        <v>174</v>
      </c>
      <c r="AL2552" s="113" t="s">
        <v>174</v>
      </c>
      <c r="AM2552" s="113" t="s">
        <v>174</v>
      </c>
      <c r="AN2552" s="113" t="s">
        <v>174</v>
      </c>
      <c r="AO2552" s="113" t="s">
        <v>174</v>
      </c>
      <c r="AP2552" s="113" t="s">
        <v>174</v>
      </c>
      <c r="AQ2552" s="113" t="s">
        <v>174</v>
      </c>
      <c r="AR2552" s="113" t="s">
        <v>174</v>
      </c>
      <c r="AS2552" s="113" t="s">
        <v>174</v>
      </c>
      <c r="AT2552" s="121" t="s">
        <v>174</v>
      </c>
      <c r="AU2552" s="113" t="s">
        <v>174</v>
      </c>
      <c r="AV2552" s="113" t="s">
        <v>174</v>
      </c>
      <c r="AW2552" s="113" t="s">
        <v>174</v>
      </c>
      <c r="AX2552" s="113"/>
      <c r="AY2552" s="113"/>
      <c r="AZ2552" s="113"/>
      <c r="BA2552" s="113"/>
      <c r="BB2552" s="107">
        <v>45884</v>
      </c>
    </row>
    <row r="2553" spans="1:54" s="207" customFormat="1" ht="13.95" customHeight="1" x14ac:dyDescent="0.25">
      <c r="A2553" s="208" t="s">
        <v>6093</v>
      </c>
      <c r="B2553" s="209" t="s">
        <v>20420</v>
      </c>
      <c r="C2553" s="113" t="s">
        <v>6094</v>
      </c>
      <c r="D2553" s="113" t="s">
        <v>23988</v>
      </c>
      <c r="E2553" s="210">
        <v>1989</v>
      </c>
      <c r="F2553" s="210">
        <v>23103</v>
      </c>
      <c r="G2553" s="113" t="s">
        <v>3</v>
      </c>
      <c r="H2553" s="113">
        <v>1</v>
      </c>
      <c r="I2553" s="113">
        <v>0</v>
      </c>
      <c r="J2553" s="115">
        <v>1</v>
      </c>
      <c r="K2553" s="211">
        <v>1</v>
      </c>
      <c r="L2553" s="115">
        <v>1</v>
      </c>
      <c r="M2553" s="115">
        <v>0</v>
      </c>
      <c r="N2553" s="115">
        <v>0</v>
      </c>
      <c r="O2553" s="115">
        <v>1</v>
      </c>
      <c r="P2553" s="115">
        <v>1</v>
      </c>
      <c r="Q2553" s="115" t="s">
        <v>400</v>
      </c>
      <c r="R2553" s="115">
        <v>1</v>
      </c>
      <c r="S2553" s="115">
        <v>0</v>
      </c>
      <c r="T2553" s="115">
        <v>0</v>
      </c>
      <c r="U2553" s="113" t="s">
        <v>174</v>
      </c>
      <c r="V2553" s="113" t="s">
        <v>174</v>
      </c>
      <c r="W2553" s="113" t="s">
        <v>174</v>
      </c>
      <c r="X2553" s="113" t="s">
        <v>174</v>
      </c>
      <c r="Y2553" s="113" t="s">
        <v>174</v>
      </c>
      <c r="Z2553" s="113" t="s">
        <v>174</v>
      </c>
      <c r="AA2553" s="113" t="s">
        <v>174</v>
      </c>
      <c r="AB2553" s="113" t="s">
        <v>174</v>
      </c>
      <c r="AC2553" s="113" t="s">
        <v>174</v>
      </c>
      <c r="AD2553" s="113" t="s">
        <v>174</v>
      </c>
      <c r="AE2553" s="113" t="s">
        <v>174</v>
      </c>
      <c r="AF2553" s="113" t="s">
        <v>174</v>
      </c>
      <c r="AG2553" s="113" t="s">
        <v>174</v>
      </c>
      <c r="AH2553" s="113" t="s">
        <v>174</v>
      </c>
      <c r="AI2553" s="113" t="s">
        <v>174</v>
      </c>
      <c r="AJ2553" s="113" t="s">
        <v>174</v>
      </c>
      <c r="AK2553" s="113" t="s">
        <v>174</v>
      </c>
      <c r="AL2553" s="113" t="s">
        <v>174</v>
      </c>
      <c r="AM2553" s="113" t="s">
        <v>174</v>
      </c>
      <c r="AN2553" s="113" t="s">
        <v>174</v>
      </c>
      <c r="AO2553" s="113" t="s">
        <v>174</v>
      </c>
      <c r="AP2553" s="113" t="s">
        <v>174</v>
      </c>
      <c r="AQ2553" s="113" t="s">
        <v>174</v>
      </c>
      <c r="AR2553" s="113" t="s">
        <v>174</v>
      </c>
      <c r="AS2553" s="113" t="s">
        <v>174</v>
      </c>
      <c r="AT2553" s="121" t="s">
        <v>174</v>
      </c>
      <c r="AU2553" s="113" t="s">
        <v>174</v>
      </c>
      <c r="AV2553" s="113" t="s">
        <v>174</v>
      </c>
      <c r="AW2553" s="113" t="s">
        <v>174</v>
      </c>
      <c r="AX2553" s="113"/>
      <c r="AY2553" s="113"/>
      <c r="AZ2553" s="113"/>
      <c r="BA2553" s="113"/>
      <c r="BB2553" s="107">
        <v>45884</v>
      </c>
    </row>
    <row r="2554" spans="1:54" s="207" customFormat="1" ht="13.95" customHeight="1" x14ac:dyDescent="0.25">
      <c r="A2554" s="208" t="s">
        <v>6095</v>
      </c>
      <c r="B2554" s="209" t="s">
        <v>20420</v>
      </c>
      <c r="C2554" s="113" t="s">
        <v>6096</v>
      </c>
      <c r="D2554" s="113" t="s">
        <v>23871</v>
      </c>
      <c r="E2554" s="210">
        <v>1989</v>
      </c>
      <c r="F2554" s="210">
        <v>23198</v>
      </c>
      <c r="G2554" s="113" t="s">
        <v>3</v>
      </c>
      <c r="H2554" s="113">
        <v>1</v>
      </c>
      <c r="I2554" s="113">
        <v>0</v>
      </c>
      <c r="J2554" s="115">
        <v>1</v>
      </c>
      <c r="K2554" s="116" t="s">
        <v>174</v>
      </c>
      <c r="L2554" s="115">
        <v>1</v>
      </c>
      <c r="M2554" s="115">
        <v>0</v>
      </c>
      <c r="N2554" s="115">
        <v>1</v>
      </c>
      <c r="O2554" s="115">
        <v>1</v>
      </c>
      <c r="P2554" s="115">
        <v>1</v>
      </c>
      <c r="Q2554" s="115">
        <v>1</v>
      </c>
      <c r="R2554" s="115">
        <v>1</v>
      </c>
      <c r="S2554" s="115">
        <v>0</v>
      </c>
      <c r="T2554" s="115">
        <v>0</v>
      </c>
      <c r="U2554" s="113" t="s">
        <v>174</v>
      </c>
      <c r="V2554" s="113" t="s">
        <v>174</v>
      </c>
      <c r="W2554" s="113" t="s">
        <v>174</v>
      </c>
      <c r="X2554" s="113" t="s">
        <v>174</v>
      </c>
      <c r="Y2554" s="113" t="s">
        <v>174</v>
      </c>
      <c r="Z2554" s="113" t="s">
        <v>174</v>
      </c>
      <c r="AA2554" s="113" t="s">
        <v>174</v>
      </c>
      <c r="AB2554" s="113" t="s">
        <v>174</v>
      </c>
      <c r="AC2554" s="113" t="s">
        <v>174</v>
      </c>
      <c r="AD2554" s="113" t="s">
        <v>174</v>
      </c>
      <c r="AE2554" s="113" t="s">
        <v>174</v>
      </c>
      <c r="AF2554" s="113" t="s">
        <v>174</v>
      </c>
      <c r="AG2554" s="113" t="s">
        <v>174</v>
      </c>
      <c r="AH2554" s="113" t="s">
        <v>174</v>
      </c>
      <c r="AI2554" s="113" t="s">
        <v>174</v>
      </c>
      <c r="AJ2554" s="113" t="s">
        <v>174</v>
      </c>
      <c r="AK2554" s="113" t="s">
        <v>174</v>
      </c>
      <c r="AL2554" s="113" t="s">
        <v>174</v>
      </c>
      <c r="AM2554" s="113" t="s">
        <v>174</v>
      </c>
      <c r="AN2554" s="113" t="s">
        <v>174</v>
      </c>
      <c r="AO2554" s="113" t="s">
        <v>174</v>
      </c>
      <c r="AP2554" s="113" t="s">
        <v>174</v>
      </c>
      <c r="AQ2554" s="113" t="s">
        <v>174</v>
      </c>
      <c r="AR2554" s="113" t="s">
        <v>174</v>
      </c>
      <c r="AS2554" s="113" t="s">
        <v>174</v>
      </c>
      <c r="AT2554" s="121" t="s">
        <v>174</v>
      </c>
      <c r="AU2554" s="113" t="s">
        <v>174</v>
      </c>
      <c r="AV2554" s="113" t="s">
        <v>174</v>
      </c>
      <c r="AW2554" s="113" t="s">
        <v>174</v>
      </c>
      <c r="AX2554" s="113"/>
      <c r="AY2554" s="113"/>
      <c r="AZ2554" s="113"/>
      <c r="BA2554" s="113"/>
      <c r="BB2554" s="107">
        <v>45884</v>
      </c>
    </row>
    <row r="2555" spans="1:54" s="207" customFormat="1" ht="13.95" customHeight="1" x14ac:dyDescent="0.25">
      <c r="A2555" s="208" t="s">
        <v>6097</v>
      </c>
      <c r="B2555" s="209" t="s">
        <v>20420</v>
      </c>
      <c r="C2555" s="113" t="s">
        <v>6098</v>
      </c>
      <c r="D2555" s="113" t="s">
        <v>23989</v>
      </c>
      <c r="E2555" s="210">
        <v>1959</v>
      </c>
      <c r="F2555" s="210">
        <v>24355</v>
      </c>
      <c r="G2555" s="113" t="s">
        <v>3</v>
      </c>
      <c r="H2555" s="113">
        <v>1</v>
      </c>
      <c r="I2555" s="113">
        <v>1</v>
      </c>
      <c r="J2555" s="115">
        <v>1</v>
      </c>
      <c r="K2555" s="211">
        <v>1</v>
      </c>
      <c r="L2555" s="115">
        <v>1</v>
      </c>
      <c r="M2555" s="115">
        <v>1</v>
      </c>
      <c r="N2555" s="115">
        <v>1</v>
      </c>
      <c r="O2555" s="115">
        <v>1</v>
      </c>
      <c r="P2555" s="115" t="s">
        <v>400</v>
      </c>
      <c r="Q2555" s="115" t="s">
        <v>400</v>
      </c>
      <c r="R2555" s="115">
        <v>1</v>
      </c>
      <c r="S2555" s="115">
        <v>0</v>
      </c>
      <c r="T2555" s="115">
        <v>0</v>
      </c>
      <c r="U2555" s="113" t="s">
        <v>174</v>
      </c>
      <c r="V2555" s="113" t="s">
        <v>174</v>
      </c>
      <c r="W2555" s="113" t="s">
        <v>174</v>
      </c>
      <c r="X2555" s="113" t="s">
        <v>174</v>
      </c>
      <c r="Y2555" s="113" t="s">
        <v>174</v>
      </c>
      <c r="Z2555" s="113" t="s">
        <v>174</v>
      </c>
      <c r="AA2555" s="113" t="s">
        <v>174</v>
      </c>
      <c r="AB2555" s="113" t="s">
        <v>174</v>
      </c>
      <c r="AC2555" s="113" t="s">
        <v>174</v>
      </c>
      <c r="AD2555" s="113" t="s">
        <v>174</v>
      </c>
      <c r="AE2555" s="113" t="s">
        <v>174</v>
      </c>
      <c r="AF2555" s="113" t="s">
        <v>174</v>
      </c>
      <c r="AG2555" s="113" t="s">
        <v>174</v>
      </c>
      <c r="AH2555" s="113" t="s">
        <v>174</v>
      </c>
      <c r="AI2555" s="113" t="s">
        <v>174</v>
      </c>
      <c r="AJ2555" s="113" t="s">
        <v>174</v>
      </c>
      <c r="AK2555" s="113" t="s">
        <v>174</v>
      </c>
      <c r="AL2555" s="113" t="s">
        <v>174</v>
      </c>
      <c r="AM2555" s="113" t="s">
        <v>174</v>
      </c>
      <c r="AN2555" s="113" t="s">
        <v>174</v>
      </c>
      <c r="AO2555" s="113" t="s">
        <v>174</v>
      </c>
      <c r="AP2555" s="113" t="s">
        <v>174</v>
      </c>
      <c r="AQ2555" s="113" t="s">
        <v>174</v>
      </c>
      <c r="AR2555" s="113" t="s">
        <v>174</v>
      </c>
      <c r="AS2555" s="113" t="s">
        <v>174</v>
      </c>
      <c r="AT2555" s="121" t="s">
        <v>174</v>
      </c>
      <c r="AU2555" s="113" t="s">
        <v>174</v>
      </c>
      <c r="AV2555" s="113" t="s">
        <v>174</v>
      </c>
      <c r="AW2555" s="113" t="s">
        <v>174</v>
      </c>
      <c r="AX2555" s="113"/>
      <c r="AY2555" s="113"/>
      <c r="AZ2555" s="113"/>
      <c r="BA2555" s="113"/>
      <c r="BB2555" s="107">
        <v>45884</v>
      </c>
    </row>
    <row r="2556" spans="1:54" s="207" customFormat="1" ht="13.95" customHeight="1" x14ac:dyDescent="0.25">
      <c r="A2556" s="208" t="s">
        <v>6099</v>
      </c>
      <c r="B2556" s="209" t="s">
        <v>20420</v>
      </c>
      <c r="C2556" s="113" t="s">
        <v>6100</v>
      </c>
      <c r="D2556" s="113" t="s">
        <v>23990</v>
      </c>
      <c r="E2556" s="210">
        <v>1987</v>
      </c>
      <c r="F2556" s="210">
        <v>23349</v>
      </c>
      <c r="G2556" s="113" t="s">
        <v>8</v>
      </c>
      <c r="H2556" s="113">
        <v>0</v>
      </c>
      <c r="I2556" s="113">
        <v>0</v>
      </c>
      <c r="J2556" s="115">
        <v>0</v>
      </c>
      <c r="K2556" s="116" t="s">
        <v>174</v>
      </c>
      <c r="L2556" s="115">
        <v>0</v>
      </c>
      <c r="M2556" s="115">
        <v>0</v>
      </c>
      <c r="N2556" s="115">
        <v>0</v>
      </c>
      <c r="O2556" s="115">
        <v>0</v>
      </c>
      <c r="P2556" s="115" t="s">
        <v>400</v>
      </c>
      <c r="Q2556" s="115" t="s">
        <v>400</v>
      </c>
      <c r="R2556" s="115">
        <v>0</v>
      </c>
      <c r="S2556" s="115">
        <v>0</v>
      </c>
      <c r="T2556" s="115">
        <v>0</v>
      </c>
      <c r="U2556" s="113" t="s">
        <v>174</v>
      </c>
      <c r="V2556" s="113" t="s">
        <v>174</v>
      </c>
      <c r="W2556" s="113" t="s">
        <v>174</v>
      </c>
      <c r="X2556" s="113" t="s">
        <v>174</v>
      </c>
      <c r="Y2556" s="113" t="s">
        <v>174</v>
      </c>
      <c r="Z2556" s="113" t="s">
        <v>174</v>
      </c>
      <c r="AA2556" s="113" t="s">
        <v>174</v>
      </c>
      <c r="AB2556" s="113" t="s">
        <v>174</v>
      </c>
      <c r="AC2556" s="113" t="s">
        <v>174</v>
      </c>
      <c r="AD2556" s="113" t="s">
        <v>174</v>
      </c>
      <c r="AE2556" s="113" t="s">
        <v>174</v>
      </c>
      <c r="AF2556" s="113" t="s">
        <v>174</v>
      </c>
      <c r="AG2556" s="113" t="s">
        <v>174</v>
      </c>
      <c r="AH2556" s="113" t="s">
        <v>174</v>
      </c>
      <c r="AI2556" s="113" t="s">
        <v>174</v>
      </c>
      <c r="AJ2556" s="113" t="s">
        <v>174</v>
      </c>
      <c r="AK2556" s="113" t="s">
        <v>174</v>
      </c>
      <c r="AL2556" s="113" t="s">
        <v>174</v>
      </c>
      <c r="AM2556" s="113" t="s">
        <v>174</v>
      </c>
      <c r="AN2556" s="113" t="s">
        <v>174</v>
      </c>
      <c r="AO2556" s="113" t="s">
        <v>174</v>
      </c>
      <c r="AP2556" s="113" t="s">
        <v>174</v>
      </c>
      <c r="AQ2556" s="113" t="s">
        <v>174</v>
      </c>
      <c r="AR2556" s="113" t="s">
        <v>174</v>
      </c>
      <c r="AS2556" s="113" t="s">
        <v>174</v>
      </c>
      <c r="AT2556" s="121" t="s">
        <v>174</v>
      </c>
      <c r="AU2556" s="113" t="s">
        <v>174</v>
      </c>
      <c r="AV2556" s="113" t="s">
        <v>174</v>
      </c>
      <c r="AW2556" s="113" t="s">
        <v>174</v>
      </c>
      <c r="AX2556" s="113"/>
      <c r="AY2556" s="113"/>
      <c r="AZ2556" s="113"/>
      <c r="BA2556" s="113"/>
      <c r="BB2556" s="107">
        <v>45884</v>
      </c>
    </row>
    <row r="2557" spans="1:54" s="207" customFormat="1" ht="13.95" customHeight="1" x14ac:dyDescent="0.25">
      <c r="A2557" s="208" t="s">
        <v>6101</v>
      </c>
      <c r="B2557" s="209" t="s">
        <v>20420</v>
      </c>
      <c r="C2557" s="113" t="s">
        <v>6102</v>
      </c>
      <c r="D2557" s="113" t="s">
        <v>23991</v>
      </c>
      <c r="E2557" s="210">
        <v>1930</v>
      </c>
      <c r="F2557" s="210">
        <v>23389</v>
      </c>
      <c r="G2557" s="113" t="s">
        <v>3</v>
      </c>
      <c r="H2557" s="113">
        <v>1</v>
      </c>
      <c r="I2557" s="113">
        <v>1</v>
      </c>
      <c r="J2557" s="115">
        <v>1</v>
      </c>
      <c r="K2557" s="211">
        <v>1</v>
      </c>
      <c r="L2557" s="115">
        <v>0</v>
      </c>
      <c r="M2557" s="115">
        <v>1</v>
      </c>
      <c r="N2557" s="115">
        <v>0</v>
      </c>
      <c r="O2557" s="115">
        <v>0</v>
      </c>
      <c r="P2557" s="115" t="s">
        <v>400</v>
      </c>
      <c r="Q2557" s="115" t="s">
        <v>400</v>
      </c>
      <c r="R2557" s="115">
        <v>0</v>
      </c>
      <c r="S2557" s="115">
        <v>0</v>
      </c>
      <c r="T2557" s="115">
        <v>0</v>
      </c>
      <c r="U2557" s="113" t="s">
        <v>174</v>
      </c>
      <c r="V2557" s="113" t="s">
        <v>174</v>
      </c>
      <c r="W2557" s="113" t="s">
        <v>174</v>
      </c>
      <c r="X2557" s="113" t="s">
        <v>174</v>
      </c>
      <c r="Y2557" s="113" t="s">
        <v>174</v>
      </c>
      <c r="Z2557" s="113" t="s">
        <v>174</v>
      </c>
      <c r="AA2557" s="113" t="s">
        <v>174</v>
      </c>
      <c r="AB2557" s="113" t="s">
        <v>174</v>
      </c>
      <c r="AC2557" s="113" t="s">
        <v>174</v>
      </c>
      <c r="AD2557" s="113" t="s">
        <v>174</v>
      </c>
      <c r="AE2557" s="113" t="s">
        <v>174</v>
      </c>
      <c r="AF2557" s="113">
        <v>1</v>
      </c>
      <c r="AG2557" s="113" t="s">
        <v>174</v>
      </c>
      <c r="AH2557" s="113" t="s">
        <v>174</v>
      </c>
      <c r="AI2557" s="113" t="s">
        <v>174</v>
      </c>
      <c r="AJ2557" s="113" t="s">
        <v>174</v>
      </c>
      <c r="AK2557" s="113" t="s">
        <v>174</v>
      </c>
      <c r="AL2557" s="113" t="s">
        <v>174</v>
      </c>
      <c r="AM2557" s="113" t="s">
        <v>174</v>
      </c>
      <c r="AN2557" s="113" t="s">
        <v>174</v>
      </c>
      <c r="AO2557" s="113" t="s">
        <v>174</v>
      </c>
      <c r="AP2557" s="113" t="s">
        <v>174</v>
      </c>
      <c r="AQ2557" s="113" t="s">
        <v>174</v>
      </c>
      <c r="AR2557" s="113" t="s">
        <v>174</v>
      </c>
      <c r="AS2557" s="113" t="s">
        <v>174</v>
      </c>
      <c r="AT2557" s="121" t="s">
        <v>174</v>
      </c>
      <c r="AU2557" s="113" t="s">
        <v>174</v>
      </c>
      <c r="AV2557" s="113" t="s">
        <v>174</v>
      </c>
      <c r="AW2557" s="113" t="s">
        <v>174</v>
      </c>
      <c r="AX2557" s="113"/>
      <c r="AY2557" s="113"/>
      <c r="AZ2557" s="124" t="s">
        <v>23203</v>
      </c>
      <c r="BA2557" s="113" t="s">
        <v>19478</v>
      </c>
      <c r="BB2557" s="107">
        <v>45884</v>
      </c>
    </row>
    <row r="2558" spans="1:54" s="207" customFormat="1" ht="13.95" customHeight="1" x14ac:dyDescent="0.25">
      <c r="A2558" s="208" t="s">
        <v>6103</v>
      </c>
      <c r="B2558" s="209" t="s">
        <v>20420</v>
      </c>
      <c r="C2558" s="113" t="s">
        <v>6104</v>
      </c>
      <c r="D2558" s="113" t="s">
        <v>23992</v>
      </c>
      <c r="E2558" s="210">
        <v>1994</v>
      </c>
      <c r="F2558" s="210">
        <v>23433</v>
      </c>
      <c r="G2558" s="113" t="s">
        <v>3</v>
      </c>
      <c r="H2558" s="113">
        <v>1</v>
      </c>
      <c r="I2558" s="113">
        <v>1</v>
      </c>
      <c r="J2558" s="115">
        <v>1</v>
      </c>
      <c r="K2558" s="116" t="s">
        <v>174</v>
      </c>
      <c r="L2558" s="115">
        <v>0</v>
      </c>
      <c r="M2558" s="115">
        <v>0</v>
      </c>
      <c r="N2558" s="115">
        <v>0</v>
      </c>
      <c r="O2558" s="115">
        <v>0</v>
      </c>
      <c r="P2558" s="115">
        <v>1</v>
      </c>
      <c r="Q2558" s="115" t="s">
        <v>400</v>
      </c>
      <c r="R2558" s="115">
        <v>0</v>
      </c>
      <c r="S2558" s="115">
        <v>0</v>
      </c>
      <c r="T2558" s="115">
        <v>0</v>
      </c>
      <c r="U2558" s="113" t="s">
        <v>174</v>
      </c>
      <c r="V2558" s="113" t="s">
        <v>174</v>
      </c>
      <c r="W2558" s="113" t="s">
        <v>174</v>
      </c>
      <c r="X2558" s="113" t="s">
        <v>174</v>
      </c>
      <c r="Y2558" s="113" t="s">
        <v>174</v>
      </c>
      <c r="Z2558" s="113" t="s">
        <v>174</v>
      </c>
      <c r="AA2558" s="113" t="s">
        <v>174</v>
      </c>
      <c r="AB2558" s="113" t="s">
        <v>174</v>
      </c>
      <c r="AC2558" s="113" t="s">
        <v>174</v>
      </c>
      <c r="AD2558" s="113" t="s">
        <v>174</v>
      </c>
      <c r="AE2558" s="113" t="s">
        <v>174</v>
      </c>
      <c r="AF2558" s="113" t="s">
        <v>174</v>
      </c>
      <c r="AG2558" s="113" t="s">
        <v>174</v>
      </c>
      <c r="AH2558" s="113" t="s">
        <v>174</v>
      </c>
      <c r="AI2558" s="113" t="s">
        <v>174</v>
      </c>
      <c r="AJ2558" s="113" t="s">
        <v>174</v>
      </c>
      <c r="AK2558" s="113" t="s">
        <v>174</v>
      </c>
      <c r="AL2558" s="113" t="s">
        <v>174</v>
      </c>
      <c r="AM2558" s="113" t="s">
        <v>174</v>
      </c>
      <c r="AN2558" s="113" t="s">
        <v>174</v>
      </c>
      <c r="AO2558" s="113" t="s">
        <v>174</v>
      </c>
      <c r="AP2558" s="113" t="s">
        <v>174</v>
      </c>
      <c r="AQ2558" s="113" t="s">
        <v>174</v>
      </c>
      <c r="AR2558" s="113" t="s">
        <v>174</v>
      </c>
      <c r="AS2558" s="113" t="s">
        <v>174</v>
      </c>
      <c r="AT2558" s="121" t="s">
        <v>174</v>
      </c>
      <c r="AU2558" s="113" t="s">
        <v>174</v>
      </c>
      <c r="AV2558" s="113" t="s">
        <v>174</v>
      </c>
      <c r="AW2558" s="113" t="s">
        <v>174</v>
      </c>
      <c r="AX2558" s="113"/>
      <c r="AY2558" s="113"/>
      <c r="AZ2558" s="113"/>
      <c r="BA2558" s="113"/>
      <c r="BB2558" s="107">
        <v>45884</v>
      </c>
    </row>
    <row r="2559" spans="1:54" s="207" customFormat="1" ht="13.95" customHeight="1" x14ac:dyDescent="0.25">
      <c r="A2559" s="208" t="s">
        <v>6105</v>
      </c>
      <c r="B2559" s="209" t="s">
        <v>20420</v>
      </c>
      <c r="C2559" s="113" t="s">
        <v>6106</v>
      </c>
      <c r="D2559" s="113" t="s">
        <v>23993</v>
      </c>
      <c r="E2559" s="210">
        <v>1984</v>
      </c>
      <c r="F2559" s="210">
        <v>23597</v>
      </c>
      <c r="G2559" s="113" t="s">
        <v>3</v>
      </c>
      <c r="H2559" s="113">
        <v>1</v>
      </c>
      <c r="I2559" s="113">
        <v>1</v>
      </c>
      <c r="J2559" s="115">
        <v>1</v>
      </c>
      <c r="K2559" s="211">
        <v>1</v>
      </c>
      <c r="L2559" s="115">
        <v>1</v>
      </c>
      <c r="M2559" s="115">
        <v>1</v>
      </c>
      <c r="N2559" s="115">
        <v>1</v>
      </c>
      <c r="O2559" s="115">
        <v>0</v>
      </c>
      <c r="P2559" s="115" t="s">
        <v>400</v>
      </c>
      <c r="Q2559" s="115" t="s">
        <v>400</v>
      </c>
      <c r="R2559" s="115">
        <v>1</v>
      </c>
      <c r="S2559" s="115">
        <v>0</v>
      </c>
      <c r="T2559" s="115">
        <v>0</v>
      </c>
      <c r="U2559" s="113" t="s">
        <v>174</v>
      </c>
      <c r="V2559" s="113" t="s">
        <v>174</v>
      </c>
      <c r="W2559" s="113" t="s">
        <v>174</v>
      </c>
      <c r="X2559" s="113" t="s">
        <v>174</v>
      </c>
      <c r="Y2559" s="113" t="s">
        <v>174</v>
      </c>
      <c r="Z2559" s="113" t="s">
        <v>174</v>
      </c>
      <c r="AA2559" s="113" t="s">
        <v>174</v>
      </c>
      <c r="AB2559" s="113" t="s">
        <v>174</v>
      </c>
      <c r="AC2559" s="113" t="s">
        <v>174</v>
      </c>
      <c r="AD2559" s="113" t="s">
        <v>174</v>
      </c>
      <c r="AE2559" s="113" t="s">
        <v>174</v>
      </c>
      <c r="AF2559" s="113" t="s">
        <v>174</v>
      </c>
      <c r="AG2559" s="113" t="s">
        <v>174</v>
      </c>
      <c r="AH2559" s="113" t="s">
        <v>174</v>
      </c>
      <c r="AI2559" s="113" t="s">
        <v>174</v>
      </c>
      <c r="AJ2559" s="113" t="s">
        <v>174</v>
      </c>
      <c r="AK2559" s="113" t="s">
        <v>174</v>
      </c>
      <c r="AL2559" s="113" t="s">
        <v>174</v>
      </c>
      <c r="AM2559" s="113" t="s">
        <v>174</v>
      </c>
      <c r="AN2559" s="113" t="s">
        <v>174</v>
      </c>
      <c r="AO2559" s="113" t="s">
        <v>174</v>
      </c>
      <c r="AP2559" s="113" t="s">
        <v>174</v>
      </c>
      <c r="AQ2559" s="113" t="s">
        <v>174</v>
      </c>
      <c r="AR2559" s="113" t="s">
        <v>174</v>
      </c>
      <c r="AS2559" s="113" t="s">
        <v>174</v>
      </c>
      <c r="AT2559" s="121" t="s">
        <v>174</v>
      </c>
      <c r="AU2559" s="113" t="s">
        <v>174</v>
      </c>
      <c r="AV2559" s="113" t="s">
        <v>174</v>
      </c>
      <c r="AW2559" s="113" t="s">
        <v>174</v>
      </c>
      <c r="AX2559" s="113"/>
      <c r="AY2559" s="113"/>
      <c r="AZ2559" s="113"/>
      <c r="BA2559" s="113"/>
      <c r="BB2559" s="107">
        <v>45884</v>
      </c>
    </row>
    <row r="2560" spans="1:54" s="207" customFormat="1" ht="13.95" customHeight="1" x14ac:dyDescent="0.25">
      <c r="A2560" s="208" t="s">
        <v>6107</v>
      </c>
      <c r="B2560" s="209" t="s">
        <v>20420</v>
      </c>
      <c r="C2560" s="113" t="s">
        <v>6108</v>
      </c>
      <c r="D2560" s="113" t="s">
        <v>23994</v>
      </c>
      <c r="E2560" s="210">
        <v>1996</v>
      </c>
      <c r="F2560" s="210">
        <v>23838</v>
      </c>
      <c r="G2560" s="113" t="s">
        <v>3</v>
      </c>
      <c r="H2560" s="113">
        <v>1</v>
      </c>
      <c r="I2560" s="113">
        <v>1</v>
      </c>
      <c r="J2560" s="115">
        <v>1</v>
      </c>
      <c r="K2560" s="211">
        <v>1</v>
      </c>
      <c r="L2560" s="115">
        <v>0</v>
      </c>
      <c r="M2560" s="115">
        <v>1</v>
      </c>
      <c r="N2560" s="115">
        <v>0</v>
      </c>
      <c r="O2560" s="115">
        <v>1</v>
      </c>
      <c r="P2560" s="115">
        <v>1</v>
      </c>
      <c r="Q2560" s="115" t="s">
        <v>400</v>
      </c>
      <c r="R2560" s="115">
        <v>0</v>
      </c>
      <c r="S2560" s="115">
        <v>0</v>
      </c>
      <c r="T2560" s="115">
        <v>0</v>
      </c>
      <c r="U2560" s="113" t="s">
        <v>174</v>
      </c>
      <c r="V2560" s="113" t="s">
        <v>174</v>
      </c>
      <c r="W2560" s="113" t="s">
        <v>174</v>
      </c>
      <c r="X2560" s="113" t="s">
        <v>174</v>
      </c>
      <c r="Y2560" s="113" t="s">
        <v>174</v>
      </c>
      <c r="Z2560" s="113" t="s">
        <v>174</v>
      </c>
      <c r="AA2560" s="113" t="s">
        <v>174</v>
      </c>
      <c r="AB2560" s="113" t="s">
        <v>174</v>
      </c>
      <c r="AC2560" s="113" t="s">
        <v>174</v>
      </c>
      <c r="AD2560" s="113" t="s">
        <v>174</v>
      </c>
      <c r="AE2560" s="113" t="s">
        <v>174</v>
      </c>
      <c r="AF2560" s="113" t="s">
        <v>174</v>
      </c>
      <c r="AG2560" s="113" t="s">
        <v>174</v>
      </c>
      <c r="AH2560" s="113" t="s">
        <v>174</v>
      </c>
      <c r="AI2560" s="113" t="s">
        <v>174</v>
      </c>
      <c r="AJ2560" s="113" t="s">
        <v>174</v>
      </c>
      <c r="AK2560" s="113" t="s">
        <v>174</v>
      </c>
      <c r="AL2560" s="113" t="s">
        <v>174</v>
      </c>
      <c r="AM2560" s="113" t="s">
        <v>174</v>
      </c>
      <c r="AN2560" s="113" t="s">
        <v>174</v>
      </c>
      <c r="AO2560" s="113" t="s">
        <v>174</v>
      </c>
      <c r="AP2560" s="113" t="s">
        <v>174</v>
      </c>
      <c r="AQ2560" s="113" t="s">
        <v>174</v>
      </c>
      <c r="AR2560" s="113" t="s">
        <v>174</v>
      </c>
      <c r="AS2560" s="113" t="s">
        <v>174</v>
      </c>
      <c r="AT2560" s="121" t="s">
        <v>174</v>
      </c>
      <c r="AU2560" s="113" t="s">
        <v>174</v>
      </c>
      <c r="AV2560" s="113" t="s">
        <v>174</v>
      </c>
      <c r="AW2560" s="113" t="s">
        <v>174</v>
      </c>
      <c r="AX2560" s="113"/>
      <c r="AY2560" s="113"/>
      <c r="AZ2560" s="113"/>
      <c r="BA2560" s="113"/>
      <c r="BB2560" s="107">
        <v>45884</v>
      </c>
    </row>
    <row r="2561" spans="1:54" s="207" customFormat="1" ht="13.95" customHeight="1" x14ac:dyDescent="0.25">
      <c r="A2561" s="208" t="s">
        <v>6109</v>
      </c>
      <c r="B2561" s="209" t="s">
        <v>20420</v>
      </c>
      <c r="C2561" s="113" t="s">
        <v>6110</v>
      </c>
      <c r="D2561" s="113" t="s">
        <v>6111</v>
      </c>
      <c r="E2561" s="210">
        <v>2001</v>
      </c>
      <c r="F2561" s="210">
        <v>29938</v>
      </c>
      <c r="G2561" s="113" t="s">
        <v>3</v>
      </c>
      <c r="H2561" s="113">
        <v>1</v>
      </c>
      <c r="I2561" s="113">
        <v>1</v>
      </c>
      <c r="J2561" s="115">
        <v>1</v>
      </c>
      <c r="K2561" s="116" t="s">
        <v>174</v>
      </c>
      <c r="L2561" s="115">
        <v>1</v>
      </c>
      <c r="M2561" s="115">
        <v>0</v>
      </c>
      <c r="N2561" s="115">
        <v>1</v>
      </c>
      <c r="O2561" s="115">
        <v>1</v>
      </c>
      <c r="P2561" s="115" t="s">
        <v>400</v>
      </c>
      <c r="Q2561" s="115" t="s">
        <v>400</v>
      </c>
      <c r="R2561" s="115">
        <v>0</v>
      </c>
      <c r="S2561" s="115">
        <v>0</v>
      </c>
      <c r="T2561" s="115">
        <v>0</v>
      </c>
      <c r="U2561" s="113" t="s">
        <v>174</v>
      </c>
      <c r="V2561" s="113" t="s">
        <v>174</v>
      </c>
      <c r="W2561" s="113" t="s">
        <v>174</v>
      </c>
      <c r="X2561" s="113" t="s">
        <v>174</v>
      </c>
      <c r="Y2561" s="113" t="s">
        <v>174</v>
      </c>
      <c r="Z2561" s="113" t="s">
        <v>174</v>
      </c>
      <c r="AA2561" s="113" t="s">
        <v>174</v>
      </c>
      <c r="AB2561" s="113" t="s">
        <v>174</v>
      </c>
      <c r="AC2561" s="113" t="s">
        <v>174</v>
      </c>
      <c r="AD2561" s="113" t="s">
        <v>174</v>
      </c>
      <c r="AE2561" s="113" t="s">
        <v>174</v>
      </c>
      <c r="AF2561" s="113" t="s">
        <v>174</v>
      </c>
      <c r="AG2561" s="113" t="s">
        <v>174</v>
      </c>
      <c r="AH2561" s="113" t="s">
        <v>174</v>
      </c>
      <c r="AI2561" s="113" t="s">
        <v>174</v>
      </c>
      <c r="AJ2561" s="113" t="s">
        <v>174</v>
      </c>
      <c r="AK2561" s="113" t="s">
        <v>174</v>
      </c>
      <c r="AL2561" s="113" t="s">
        <v>174</v>
      </c>
      <c r="AM2561" s="113" t="s">
        <v>174</v>
      </c>
      <c r="AN2561" s="113" t="s">
        <v>174</v>
      </c>
      <c r="AO2561" s="113" t="s">
        <v>174</v>
      </c>
      <c r="AP2561" s="113" t="s">
        <v>174</v>
      </c>
      <c r="AQ2561" s="113" t="s">
        <v>174</v>
      </c>
      <c r="AR2561" s="113" t="s">
        <v>174</v>
      </c>
      <c r="AS2561" s="113" t="s">
        <v>174</v>
      </c>
      <c r="AT2561" s="121" t="s">
        <v>174</v>
      </c>
      <c r="AU2561" s="113" t="s">
        <v>174</v>
      </c>
      <c r="AV2561" s="113" t="s">
        <v>174</v>
      </c>
      <c r="AW2561" s="113" t="s">
        <v>174</v>
      </c>
      <c r="AX2561" s="113"/>
      <c r="AY2561" s="113"/>
      <c r="AZ2561" s="113"/>
      <c r="BA2561" s="113"/>
      <c r="BB2561" s="107">
        <v>45884</v>
      </c>
    </row>
    <row r="2562" spans="1:54" s="207" customFormat="1" ht="13.95" customHeight="1" x14ac:dyDescent="0.25">
      <c r="A2562" s="208" t="s">
        <v>6112</v>
      </c>
      <c r="B2562" s="209" t="s">
        <v>20420</v>
      </c>
      <c r="C2562" s="113" t="s">
        <v>6113</v>
      </c>
      <c r="D2562" s="113" t="s">
        <v>6114</v>
      </c>
      <c r="E2562" s="210">
        <v>1997</v>
      </c>
      <c r="F2562" s="210">
        <v>29600</v>
      </c>
      <c r="G2562" s="113" t="s">
        <v>7</v>
      </c>
      <c r="H2562" s="113">
        <v>1</v>
      </c>
      <c r="I2562" s="113">
        <v>1</v>
      </c>
      <c r="J2562" s="115">
        <v>1</v>
      </c>
      <c r="K2562" s="116" t="s">
        <v>174</v>
      </c>
      <c r="L2562" s="115">
        <v>1</v>
      </c>
      <c r="M2562" s="115">
        <v>1</v>
      </c>
      <c r="N2562" s="115">
        <v>1</v>
      </c>
      <c r="O2562" s="115">
        <v>1</v>
      </c>
      <c r="P2562" s="115">
        <v>1</v>
      </c>
      <c r="Q2562" s="115" t="s">
        <v>400</v>
      </c>
      <c r="R2562" s="115">
        <v>1</v>
      </c>
      <c r="S2562" s="115">
        <v>0</v>
      </c>
      <c r="T2562" s="115">
        <v>0</v>
      </c>
      <c r="U2562" s="113" t="s">
        <v>174</v>
      </c>
      <c r="V2562" s="113" t="s">
        <v>174</v>
      </c>
      <c r="W2562" s="113" t="s">
        <v>174</v>
      </c>
      <c r="X2562" s="113" t="s">
        <v>174</v>
      </c>
      <c r="Y2562" s="113" t="s">
        <v>174</v>
      </c>
      <c r="Z2562" s="113" t="s">
        <v>174</v>
      </c>
      <c r="AA2562" s="113" t="s">
        <v>174</v>
      </c>
      <c r="AB2562" s="113" t="s">
        <v>174</v>
      </c>
      <c r="AC2562" s="113" t="s">
        <v>174</v>
      </c>
      <c r="AD2562" s="113" t="s">
        <v>174</v>
      </c>
      <c r="AE2562" s="113" t="s">
        <v>174</v>
      </c>
      <c r="AF2562" s="113" t="s">
        <v>174</v>
      </c>
      <c r="AG2562" s="113" t="s">
        <v>174</v>
      </c>
      <c r="AH2562" s="113" t="s">
        <v>174</v>
      </c>
      <c r="AI2562" s="113" t="s">
        <v>174</v>
      </c>
      <c r="AJ2562" s="113" t="s">
        <v>174</v>
      </c>
      <c r="AK2562" s="113" t="s">
        <v>174</v>
      </c>
      <c r="AL2562" s="113" t="s">
        <v>174</v>
      </c>
      <c r="AM2562" s="113" t="s">
        <v>174</v>
      </c>
      <c r="AN2562" s="113" t="s">
        <v>174</v>
      </c>
      <c r="AO2562" s="113" t="s">
        <v>174</v>
      </c>
      <c r="AP2562" s="113" t="s">
        <v>174</v>
      </c>
      <c r="AQ2562" s="113" t="s">
        <v>174</v>
      </c>
      <c r="AR2562" s="113" t="s">
        <v>174</v>
      </c>
      <c r="AS2562" s="113" t="s">
        <v>174</v>
      </c>
      <c r="AT2562" s="121" t="s">
        <v>174</v>
      </c>
      <c r="AU2562" s="113" t="s">
        <v>174</v>
      </c>
      <c r="AV2562" s="113" t="s">
        <v>174</v>
      </c>
      <c r="AW2562" s="113" t="s">
        <v>174</v>
      </c>
      <c r="AX2562" s="113"/>
      <c r="AY2562" s="113"/>
      <c r="AZ2562" s="113"/>
      <c r="BA2562" s="113"/>
      <c r="BB2562" s="107">
        <v>45884</v>
      </c>
    </row>
    <row r="2563" spans="1:54" s="207" customFormat="1" ht="13.95" customHeight="1" x14ac:dyDescent="0.25">
      <c r="A2563" s="208" t="s">
        <v>6115</v>
      </c>
      <c r="B2563" s="209" t="s">
        <v>20420</v>
      </c>
      <c r="C2563" s="113" t="s">
        <v>6116</v>
      </c>
      <c r="D2563" s="113" t="s">
        <v>23995</v>
      </c>
      <c r="E2563" s="210">
        <v>1963</v>
      </c>
      <c r="F2563" s="210">
        <v>24130</v>
      </c>
      <c r="G2563" s="113" t="s">
        <v>3</v>
      </c>
      <c r="H2563" s="113">
        <v>1</v>
      </c>
      <c r="I2563" s="113">
        <v>1</v>
      </c>
      <c r="J2563" s="115">
        <v>1</v>
      </c>
      <c r="K2563" s="211">
        <v>1</v>
      </c>
      <c r="L2563" s="115">
        <v>1</v>
      </c>
      <c r="M2563" s="115">
        <v>1</v>
      </c>
      <c r="N2563" s="115">
        <v>1</v>
      </c>
      <c r="O2563" s="115">
        <v>1</v>
      </c>
      <c r="P2563" s="212">
        <v>0</v>
      </c>
      <c r="Q2563" s="115" t="s">
        <v>400</v>
      </c>
      <c r="R2563" s="115">
        <v>1</v>
      </c>
      <c r="S2563" s="115">
        <v>0</v>
      </c>
      <c r="T2563" s="115">
        <v>0</v>
      </c>
      <c r="U2563" s="113" t="s">
        <v>174</v>
      </c>
      <c r="V2563" s="113" t="s">
        <v>174</v>
      </c>
      <c r="W2563" s="113" t="s">
        <v>174</v>
      </c>
      <c r="X2563" s="113" t="s">
        <v>174</v>
      </c>
      <c r="Y2563" s="113" t="s">
        <v>174</v>
      </c>
      <c r="Z2563" s="113" t="s">
        <v>174</v>
      </c>
      <c r="AA2563" s="113" t="s">
        <v>174</v>
      </c>
      <c r="AB2563" s="113" t="s">
        <v>174</v>
      </c>
      <c r="AC2563" s="113" t="s">
        <v>174</v>
      </c>
      <c r="AD2563" s="113" t="s">
        <v>174</v>
      </c>
      <c r="AE2563" s="113" t="s">
        <v>174</v>
      </c>
      <c r="AF2563" s="113" t="s">
        <v>174</v>
      </c>
      <c r="AG2563" s="113" t="s">
        <v>174</v>
      </c>
      <c r="AH2563" s="113" t="s">
        <v>174</v>
      </c>
      <c r="AI2563" s="113" t="s">
        <v>174</v>
      </c>
      <c r="AJ2563" s="113" t="s">
        <v>174</v>
      </c>
      <c r="AK2563" s="113" t="s">
        <v>174</v>
      </c>
      <c r="AL2563" s="113" t="s">
        <v>174</v>
      </c>
      <c r="AM2563" s="113" t="s">
        <v>174</v>
      </c>
      <c r="AN2563" s="113" t="s">
        <v>174</v>
      </c>
      <c r="AO2563" s="113" t="s">
        <v>174</v>
      </c>
      <c r="AP2563" s="113" t="s">
        <v>174</v>
      </c>
      <c r="AQ2563" s="113" t="s">
        <v>174</v>
      </c>
      <c r="AR2563" s="113" t="s">
        <v>174</v>
      </c>
      <c r="AS2563" s="113" t="s">
        <v>174</v>
      </c>
      <c r="AT2563" s="113">
        <v>1</v>
      </c>
      <c r="AU2563" s="113" t="s">
        <v>174</v>
      </c>
      <c r="AV2563" s="113" t="s">
        <v>174</v>
      </c>
      <c r="AW2563" s="113" t="s">
        <v>174</v>
      </c>
      <c r="AX2563" s="113"/>
      <c r="AY2563" s="113"/>
      <c r="AZ2563" s="113"/>
      <c r="BA2563" s="113"/>
      <c r="BB2563" s="107">
        <v>45884</v>
      </c>
    </row>
    <row r="2564" spans="1:54" s="207" customFormat="1" ht="13.95" customHeight="1" x14ac:dyDescent="0.25">
      <c r="A2564" s="208" t="s">
        <v>6117</v>
      </c>
      <c r="B2564" s="209" t="s">
        <v>20420</v>
      </c>
      <c r="C2564" s="113" t="s">
        <v>6118</v>
      </c>
      <c r="D2564" s="113" t="s">
        <v>23996</v>
      </c>
      <c r="E2564" s="210">
        <v>1995</v>
      </c>
      <c r="F2564" s="210">
        <v>24153</v>
      </c>
      <c r="G2564" s="113" t="s">
        <v>3</v>
      </c>
      <c r="H2564" s="113">
        <v>1</v>
      </c>
      <c r="I2564" s="113">
        <v>1</v>
      </c>
      <c r="J2564" s="115">
        <v>1</v>
      </c>
      <c r="K2564" s="116" t="s">
        <v>174</v>
      </c>
      <c r="L2564" s="115">
        <v>0</v>
      </c>
      <c r="M2564" s="115">
        <v>0</v>
      </c>
      <c r="N2564" s="115">
        <v>0</v>
      </c>
      <c r="O2564" s="115">
        <v>0</v>
      </c>
      <c r="P2564" s="115" t="s">
        <v>400</v>
      </c>
      <c r="Q2564" s="115" t="s">
        <v>400</v>
      </c>
      <c r="R2564" s="115">
        <v>0</v>
      </c>
      <c r="S2564" s="115">
        <v>0</v>
      </c>
      <c r="T2564" s="115">
        <v>0</v>
      </c>
      <c r="U2564" s="113" t="s">
        <v>174</v>
      </c>
      <c r="V2564" s="113" t="s">
        <v>174</v>
      </c>
      <c r="W2564" s="113" t="s">
        <v>174</v>
      </c>
      <c r="X2564" s="113" t="s">
        <v>174</v>
      </c>
      <c r="Y2564" s="113" t="s">
        <v>174</v>
      </c>
      <c r="Z2564" s="113" t="s">
        <v>174</v>
      </c>
      <c r="AA2564" s="113" t="s">
        <v>174</v>
      </c>
      <c r="AB2564" s="113" t="s">
        <v>174</v>
      </c>
      <c r="AC2564" s="113" t="s">
        <v>174</v>
      </c>
      <c r="AD2564" s="113" t="s">
        <v>174</v>
      </c>
      <c r="AE2564" s="113" t="s">
        <v>174</v>
      </c>
      <c r="AF2564" s="113" t="s">
        <v>174</v>
      </c>
      <c r="AG2564" s="113" t="s">
        <v>174</v>
      </c>
      <c r="AH2564" s="113" t="s">
        <v>174</v>
      </c>
      <c r="AI2564" s="113" t="s">
        <v>174</v>
      </c>
      <c r="AJ2564" s="113" t="s">
        <v>174</v>
      </c>
      <c r="AK2564" s="113" t="s">
        <v>174</v>
      </c>
      <c r="AL2564" s="113" t="s">
        <v>174</v>
      </c>
      <c r="AM2564" s="113" t="s">
        <v>174</v>
      </c>
      <c r="AN2564" s="113" t="s">
        <v>174</v>
      </c>
      <c r="AO2564" s="113" t="s">
        <v>174</v>
      </c>
      <c r="AP2564" s="113" t="s">
        <v>174</v>
      </c>
      <c r="AQ2564" s="113" t="s">
        <v>174</v>
      </c>
      <c r="AR2564" s="113" t="s">
        <v>174</v>
      </c>
      <c r="AS2564" s="113" t="s">
        <v>174</v>
      </c>
      <c r="AT2564" s="121" t="s">
        <v>174</v>
      </c>
      <c r="AU2564" s="113" t="s">
        <v>174</v>
      </c>
      <c r="AV2564" s="113" t="s">
        <v>174</v>
      </c>
      <c r="AW2564" s="113" t="s">
        <v>174</v>
      </c>
      <c r="AX2564" s="113"/>
      <c r="AY2564" s="113"/>
      <c r="AZ2564" s="113"/>
      <c r="BA2564" s="113"/>
      <c r="BB2564" s="107">
        <v>45884</v>
      </c>
    </row>
    <row r="2565" spans="1:54" s="207" customFormat="1" ht="13.95" customHeight="1" x14ac:dyDescent="0.25">
      <c r="A2565" s="208" t="s">
        <v>6119</v>
      </c>
      <c r="B2565" s="209" t="s">
        <v>20420</v>
      </c>
      <c r="C2565" s="113" t="s">
        <v>6120</v>
      </c>
      <c r="D2565" s="113" t="s">
        <v>23997</v>
      </c>
      <c r="E2565" s="210">
        <v>1982</v>
      </c>
      <c r="F2565" s="210">
        <v>24199</v>
      </c>
      <c r="G2565" s="113" t="s">
        <v>3</v>
      </c>
      <c r="H2565" s="113">
        <v>1</v>
      </c>
      <c r="I2565" s="113">
        <v>1</v>
      </c>
      <c r="J2565" s="115">
        <v>1</v>
      </c>
      <c r="K2565" s="116" t="s">
        <v>174</v>
      </c>
      <c r="L2565" s="115">
        <v>1</v>
      </c>
      <c r="M2565" s="115">
        <v>0</v>
      </c>
      <c r="N2565" s="115">
        <v>0</v>
      </c>
      <c r="O2565" s="115">
        <v>1</v>
      </c>
      <c r="P2565" s="115" t="s">
        <v>400</v>
      </c>
      <c r="Q2565" s="115" t="s">
        <v>400</v>
      </c>
      <c r="R2565" s="115">
        <v>0</v>
      </c>
      <c r="S2565" s="115">
        <v>0</v>
      </c>
      <c r="T2565" s="115">
        <v>0</v>
      </c>
      <c r="U2565" s="113" t="s">
        <v>174</v>
      </c>
      <c r="V2565" s="113" t="s">
        <v>174</v>
      </c>
      <c r="W2565" s="113" t="s">
        <v>174</v>
      </c>
      <c r="X2565" s="113" t="s">
        <v>174</v>
      </c>
      <c r="Y2565" s="113" t="s">
        <v>174</v>
      </c>
      <c r="Z2565" s="113" t="s">
        <v>174</v>
      </c>
      <c r="AA2565" s="113" t="s">
        <v>174</v>
      </c>
      <c r="AB2565" s="113" t="s">
        <v>174</v>
      </c>
      <c r="AC2565" s="113" t="s">
        <v>174</v>
      </c>
      <c r="AD2565" s="113" t="s">
        <v>174</v>
      </c>
      <c r="AE2565" s="113" t="s">
        <v>174</v>
      </c>
      <c r="AF2565" s="113" t="s">
        <v>174</v>
      </c>
      <c r="AG2565" s="113" t="s">
        <v>174</v>
      </c>
      <c r="AH2565" s="113" t="s">
        <v>174</v>
      </c>
      <c r="AI2565" s="113" t="s">
        <v>174</v>
      </c>
      <c r="AJ2565" s="113" t="s">
        <v>174</v>
      </c>
      <c r="AK2565" s="113" t="s">
        <v>174</v>
      </c>
      <c r="AL2565" s="113" t="s">
        <v>174</v>
      </c>
      <c r="AM2565" s="113" t="s">
        <v>174</v>
      </c>
      <c r="AN2565" s="113" t="s">
        <v>174</v>
      </c>
      <c r="AO2565" s="113" t="s">
        <v>174</v>
      </c>
      <c r="AP2565" s="113" t="s">
        <v>174</v>
      </c>
      <c r="AQ2565" s="113" t="s">
        <v>174</v>
      </c>
      <c r="AR2565" s="113" t="s">
        <v>174</v>
      </c>
      <c r="AS2565" s="113" t="s">
        <v>174</v>
      </c>
      <c r="AT2565" s="113">
        <v>1</v>
      </c>
      <c r="AU2565" s="113" t="s">
        <v>174</v>
      </c>
      <c r="AV2565" s="113" t="s">
        <v>174</v>
      </c>
      <c r="AW2565" s="113" t="s">
        <v>174</v>
      </c>
      <c r="AX2565" s="113"/>
      <c r="AY2565" s="113"/>
      <c r="AZ2565" s="113"/>
      <c r="BA2565" s="113"/>
      <c r="BB2565" s="107">
        <v>45884</v>
      </c>
    </row>
    <row r="2566" spans="1:54" s="207" customFormat="1" ht="13.95" customHeight="1" x14ac:dyDescent="0.25">
      <c r="A2566" s="208" t="s">
        <v>6121</v>
      </c>
      <c r="B2566" s="209" t="s">
        <v>20420</v>
      </c>
      <c r="C2566" s="113" t="s">
        <v>6122</v>
      </c>
      <c r="D2566" s="113" t="s">
        <v>23998</v>
      </c>
      <c r="E2566" s="210">
        <v>1989</v>
      </c>
      <c r="F2566" s="210">
        <v>24220</v>
      </c>
      <c r="G2566" s="113" t="s">
        <v>11</v>
      </c>
      <c r="H2566" s="113">
        <v>1</v>
      </c>
      <c r="I2566" s="113">
        <v>0</v>
      </c>
      <c r="J2566" s="115">
        <v>1</v>
      </c>
      <c r="K2566" s="116" t="s">
        <v>174</v>
      </c>
      <c r="L2566" s="120">
        <v>0</v>
      </c>
      <c r="M2566" s="115">
        <v>1</v>
      </c>
      <c r="N2566" s="115">
        <v>1</v>
      </c>
      <c r="O2566" s="120">
        <v>0</v>
      </c>
      <c r="P2566" s="115" t="s">
        <v>400</v>
      </c>
      <c r="Q2566" s="115" t="s">
        <v>400</v>
      </c>
      <c r="R2566" s="115">
        <v>0</v>
      </c>
      <c r="S2566" s="115">
        <v>0</v>
      </c>
      <c r="T2566" s="115">
        <v>0</v>
      </c>
      <c r="U2566" s="113" t="s">
        <v>174</v>
      </c>
      <c r="V2566" s="113" t="s">
        <v>174</v>
      </c>
      <c r="W2566" s="113" t="s">
        <v>174</v>
      </c>
      <c r="X2566" s="113" t="s">
        <v>174</v>
      </c>
      <c r="Y2566" s="113" t="s">
        <v>174</v>
      </c>
      <c r="Z2566" s="113" t="s">
        <v>174</v>
      </c>
      <c r="AA2566" s="113" t="s">
        <v>174</v>
      </c>
      <c r="AB2566" s="113" t="s">
        <v>174</v>
      </c>
      <c r="AC2566" s="113" t="s">
        <v>174</v>
      </c>
      <c r="AD2566" s="113" t="s">
        <v>174</v>
      </c>
      <c r="AE2566" s="113" t="s">
        <v>174</v>
      </c>
      <c r="AF2566" s="113" t="s">
        <v>174</v>
      </c>
      <c r="AG2566" s="113" t="s">
        <v>174</v>
      </c>
      <c r="AH2566" s="113" t="s">
        <v>174</v>
      </c>
      <c r="AI2566" s="113" t="s">
        <v>174</v>
      </c>
      <c r="AJ2566" s="113" t="s">
        <v>174</v>
      </c>
      <c r="AK2566" s="113" t="s">
        <v>174</v>
      </c>
      <c r="AL2566" s="113" t="s">
        <v>174</v>
      </c>
      <c r="AM2566" s="113" t="s">
        <v>174</v>
      </c>
      <c r="AN2566" s="113" t="s">
        <v>174</v>
      </c>
      <c r="AO2566" s="113" t="s">
        <v>174</v>
      </c>
      <c r="AP2566" s="113" t="s">
        <v>174</v>
      </c>
      <c r="AQ2566" s="113" t="s">
        <v>174</v>
      </c>
      <c r="AR2566" s="113" t="s">
        <v>174</v>
      </c>
      <c r="AS2566" s="113" t="s">
        <v>174</v>
      </c>
      <c r="AT2566" s="121" t="s">
        <v>174</v>
      </c>
      <c r="AU2566" s="113" t="s">
        <v>174</v>
      </c>
      <c r="AV2566" s="113" t="s">
        <v>174</v>
      </c>
      <c r="AW2566" s="113" t="s">
        <v>174</v>
      </c>
      <c r="AX2566" s="113"/>
      <c r="AY2566" s="113"/>
      <c r="AZ2566" s="113"/>
      <c r="BA2566" s="113"/>
      <c r="BB2566" s="107">
        <v>45884</v>
      </c>
    </row>
    <row r="2567" spans="1:54" s="207" customFormat="1" ht="13.95" customHeight="1" x14ac:dyDescent="0.25">
      <c r="A2567" s="208" t="s">
        <v>6123</v>
      </c>
      <c r="B2567" s="209" t="s">
        <v>20420</v>
      </c>
      <c r="C2567" s="113" t="s">
        <v>6124</v>
      </c>
      <c r="D2567" s="113" t="s">
        <v>23999</v>
      </c>
      <c r="E2567" s="210">
        <v>1995</v>
      </c>
      <c r="F2567" s="210">
        <v>24251</v>
      </c>
      <c r="G2567" s="113" t="s">
        <v>3</v>
      </c>
      <c r="H2567" s="113">
        <v>1</v>
      </c>
      <c r="I2567" s="113">
        <v>0</v>
      </c>
      <c r="J2567" s="115">
        <v>1</v>
      </c>
      <c r="K2567" s="211">
        <v>1</v>
      </c>
      <c r="L2567" s="115">
        <v>1</v>
      </c>
      <c r="M2567" s="115">
        <v>1</v>
      </c>
      <c r="N2567" s="115">
        <v>0</v>
      </c>
      <c r="O2567" s="115">
        <v>1</v>
      </c>
      <c r="P2567" s="115" t="s">
        <v>400</v>
      </c>
      <c r="Q2567" s="115" t="s">
        <v>400</v>
      </c>
      <c r="R2567" s="115">
        <v>1</v>
      </c>
      <c r="S2567" s="115">
        <v>1</v>
      </c>
      <c r="T2567" s="115">
        <v>0</v>
      </c>
      <c r="U2567" s="113" t="s">
        <v>174</v>
      </c>
      <c r="V2567" s="113" t="s">
        <v>174</v>
      </c>
      <c r="W2567" s="113" t="s">
        <v>174</v>
      </c>
      <c r="X2567" s="113" t="s">
        <v>174</v>
      </c>
      <c r="Y2567" s="113" t="s">
        <v>174</v>
      </c>
      <c r="Z2567" s="113" t="s">
        <v>174</v>
      </c>
      <c r="AA2567" s="113" t="s">
        <v>174</v>
      </c>
      <c r="AB2567" s="113" t="s">
        <v>174</v>
      </c>
      <c r="AC2567" s="113" t="s">
        <v>174</v>
      </c>
      <c r="AD2567" s="113" t="s">
        <v>174</v>
      </c>
      <c r="AE2567" s="113" t="s">
        <v>174</v>
      </c>
      <c r="AF2567" s="113" t="s">
        <v>174</v>
      </c>
      <c r="AG2567" s="113" t="s">
        <v>174</v>
      </c>
      <c r="AH2567" s="113" t="s">
        <v>174</v>
      </c>
      <c r="AI2567" s="113" t="s">
        <v>174</v>
      </c>
      <c r="AJ2567" s="113" t="s">
        <v>174</v>
      </c>
      <c r="AK2567" s="113" t="s">
        <v>174</v>
      </c>
      <c r="AL2567" s="113" t="s">
        <v>174</v>
      </c>
      <c r="AM2567" s="113" t="s">
        <v>174</v>
      </c>
      <c r="AN2567" s="113" t="s">
        <v>174</v>
      </c>
      <c r="AO2567" s="113" t="s">
        <v>174</v>
      </c>
      <c r="AP2567" s="113" t="s">
        <v>174</v>
      </c>
      <c r="AQ2567" s="113" t="s">
        <v>174</v>
      </c>
      <c r="AR2567" s="113" t="s">
        <v>174</v>
      </c>
      <c r="AS2567" s="113" t="s">
        <v>174</v>
      </c>
      <c r="AT2567" s="121" t="s">
        <v>174</v>
      </c>
      <c r="AU2567" s="113" t="s">
        <v>174</v>
      </c>
      <c r="AV2567" s="113" t="s">
        <v>174</v>
      </c>
      <c r="AW2567" s="113" t="s">
        <v>174</v>
      </c>
      <c r="AX2567" s="113"/>
      <c r="AY2567" s="113"/>
      <c r="AZ2567" s="113"/>
      <c r="BA2567" s="113"/>
      <c r="BB2567" s="107">
        <v>45884</v>
      </c>
    </row>
    <row r="2568" spans="1:54" s="207" customFormat="1" ht="13.95" customHeight="1" x14ac:dyDescent="0.25">
      <c r="A2568" s="208" t="s">
        <v>6125</v>
      </c>
      <c r="B2568" s="209" t="s">
        <v>20420</v>
      </c>
      <c r="C2568" s="113" t="s">
        <v>6126</v>
      </c>
      <c r="D2568" s="113" t="s">
        <v>24000</v>
      </c>
      <c r="E2568" s="210">
        <v>1970</v>
      </c>
      <c r="F2568" s="210">
        <v>24252</v>
      </c>
      <c r="G2568" s="113" t="s">
        <v>3</v>
      </c>
      <c r="H2568" s="113">
        <v>1</v>
      </c>
      <c r="I2568" s="113">
        <v>0</v>
      </c>
      <c r="J2568" s="115">
        <v>1</v>
      </c>
      <c r="K2568" s="116" t="s">
        <v>174</v>
      </c>
      <c r="L2568" s="115">
        <v>1</v>
      </c>
      <c r="M2568" s="115">
        <v>1</v>
      </c>
      <c r="N2568" s="115">
        <v>1</v>
      </c>
      <c r="O2568" s="115">
        <v>1</v>
      </c>
      <c r="P2568" s="115" t="s">
        <v>400</v>
      </c>
      <c r="Q2568" s="115" t="s">
        <v>400</v>
      </c>
      <c r="R2568" s="115">
        <v>1</v>
      </c>
      <c r="S2568" s="115">
        <v>0</v>
      </c>
      <c r="T2568" s="115">
        <v>1</v>
      </c>
      <c r="U2568" s="113" t="s">
        <v>174</v>
      </c>
      <c r="V2568" s="113" t="s">
        <v>174</v>
      </c>
      <c r="W2568" s="113" t="s">
        <v>174</v>
      </c>
      <c r="X2568" s="113" t="s">
        <v>174</v>
      </c>
      <c r="Y2568" s="113" t="s">
        <v>174</v>
      </c>
      <c r="Z2568" s="113" t="s">
        <v>174</v>
      </c>
      <c r="AA2568" s="113" t="s">
        <v>174</v>
      </c>
      <c r="AB2568" s="113" t="s">
        <v>174</v>
      </c>
      <c r="AC2568" s="113" t="s">
        <v>174</v>
      </c>
      <c r="AD2568" s="113" t="s">
        <v>174</v>
      </c>
      <c r="AE2568" s="113" t="s">
        <v>174</v>
      </c>
      <c r="AF2568" s="113" t="s">
        <v>174</v>
      </c>
      <c r="AG2568" s="113" t="s">
        <v>174</v>
      </c>
      <c r="AH2568" s="113" t="s">
        <v>174</v>
      </c>
      <c r="AI2568" s="113" t="s">
        <v>174</v>
      </c>
      <c r="AJ2568" s="113" t="s">
        <v>174</v>
      </c>
      <c r="AK2568" s="113" t="s">
        <v>174</v>
      </c>
      <c r="AL2568" s="113" t="s">
        <v>174</v>
      </c>
      <c r="AM2568" s="113" t="s">
        <v>174</v>
      </c>
      <c r="AN2568" s="113" t="s">
        <v>174</v>
      </c>
      <c r="AO2568" s="113" t="s">
        <v>174</v>
      </c>
      <c r="AP2568" s="113" t="s">
        <v>174</v>
      </c>
      <c r="AQ2568" s="113" t="s">
        <v>174</v>
      </c>
      <c r="AR2568" s="113" t="s">
        <v>174</v>
      </c>
      <c r="AS2568" s="113" t="s">
        <v>174</v>
      </c>
      <c r="AT2568" s="121" t="s">
        <v>174</v>
      </c>
      <c r="AU2568" s="113" t="s">
        <v>174</v>
      </c>
      <c r="AV2568" s="113" t="s">
        <v>174</v>
      </c>
      <c r="AW2568" s="113" t="s">
        <v>174</v>
      </c>
      <c r="AX2568" s="113"/>
      <c r="AY2568" s="113"/>
      <c r="AZ2568" s="113"/>
      <c r="BA2568" s="113"/>
      <c r="BB2568" s="107">
        <v>45884</v>
      </c>
    </row>
    <row r="2569" spans="1:54" s="207" customFormat="1" ht="13.95" customHeight="1" x14ac:dyDescent="0.25">
      <c r="A2569" s="208" t="s">
        <v>6127</v>
      </c>
      <c r="B2569" s="209" t="s">
        <v>20420</v>
      </c>
      <c r="C2569" s="113" t="s">
        <v>6128</v>
      </c>
      <c r="D2569" s="113" t="s">
        <v>24001</v>
      </c>
      <c r="E2569" s="210">
        <v>1997</v>
      </c>
      <c r="F2569" s="210">
        <v>24436</v>
      </c>
      <c r="G2569" s="113" t="s">
        <v>3</v>
      </c>
      <c r="H2569" s="113">
        <v>1</v>
      </c>
      <c r="I2569" s="113">
        <v>1</v>
      </c>
      <c r="J2569" s="115">
        <v>1</v>
      </c>
      <c r="K2569" s="116" t="s">
        <v>174</v>
      </c>
      <c r="L2569" s="115">
        <v>0</v>
      </c>
      <c r="M2569" s="115">
        <v>0</v>
      </c>
      <c r="N2569" s="115">
        <v>0</v>
      </c>
      <c r="O2569" s="115">
        <v>0</v>
      </c>
      <c r="P2569" s="115" t="s">
        <v>400</v>
      </c>
      <c r="Q2569" s="115" t="s">
        <v>400</v>
      </c>
      <c r="R2569" s="115">
        <v>0</v>
      </c>
      <c r="S2569" s="115">
        <v>0</v>
      </c>
      <c r="T2569" s="115">
        <v>0</v>
      </c>
      <c r="U2569" s="113" t="s">
        <v>174</v>
      </c>
      <c r="V2569" s="113" t="s">
        <v>174</v>
      </c>
      <c r="W2569" s="113" t="s">
        <v>174</v>
      </c>
      <c r="X2569" s="113" t="s">
        <v>174</v>
      </c>
      <c r="Y2569" s="113" t="s">
        <v>174</v>
      </c>
      <c r="Z2569" s="113" t="s">
        <v>174</v>
      </c>
      <c r="AA2569" s="113" t="s">
        <v>174</v>
      </c>
      <c r="AB2569" s="113" t="s">
        <v>174</v>
      </c>
      <c r="AC2569" s="113" t="s">
        <v>174</v>
      </c>
      <c r="AD2569" s="113" t="s">
        <v>174</v>
      </c>
      <c r="AE2569" s="113" t="s">
        <v>174</v>
      </c>
      <c r="AF2569" s="113" t="s">
        <v>174</v>
      </c>
      <c r="AG2569" s="113" t="s">
        <v>174</v>
      </c>
      <c r="AH2569" s="113" t="s">
        <v>174</v>
      </c>
      <c r="AI2569" s="113" t="s">
        <v>174</v>
      </c>
      <c r="AJ2569" s="113" t="s">
        <v>174</v>
      </c>
      <c r="AK2569" s="113" t="s">
        <v>174</v>
      </c>
      <c r="AL2569" s="113" t="s">
        <v>174</v>
      </c>
      <c r="AM2569" s="113" t="s">
        <v>174</v>
      </c>
      <c r="AN2569" s="113" t="s">
        <v>174</v>
      </c>
      <c r="AO2569" s="113" t="s">
        <v>174</v>
      </c>
      <c r="AP2569" s="113" t="s">
        <v>174</v>
      </c>
      <c r="AQ2569" s="113" t="s">
        <v>174</v>
      </c>
      <c r="AR2569" s="113" t="s">
        <v>174</v>
      </c>
      <c r="AS2569" s="113" t="s">
        <v>174</v>
      </c>
      <c r="AT2569" s="121" t="s">
        <v>174</v>
      </c>
      <c r="AU2569" s="113" t="s">
        <v>174</v>
      </c>
      <c r="AV2569" s="113" t="s">
        <v>174</v>
      </c>
      <c r="AW2569" s="113" t="s">
        <v>174</v>
      </c>
      <c r="AX2569" s="113"/>
      <c r="AY2569" s="113"/>
      <c r="AZ2569" s="113"/>
      <c r="BA2569" s="113"/>
      <c r="BB2569" s="107">
        <v>45884</v>
      </c>
    </row>
    <row r="2570" spans="1:54" s="207" customFormat="1" ht="13.95" customHeight="1" x14ac:dyDescent="0.25">
      <c r="A2570" s="208" t="s">
        <v>6129</v>
      </c>
      <c r="B2570" s="209" t="s">
        <v>20420</v>
      </c>
      <c r="C2570" s="113" t="s">
        <v>6130</v>
      </c>
      <c r="D2570" s="113" t="s">
        <v>24002</v>
      </c>
      <c r="E2570" s="210">
        <v>1914</v>
      </c>
      <c r="F2570" s="210">
        <v>24727</v>
      </c>
      <c r="G2570" s="113" t="s">
        <v>3</v>
      </c>
      <c r="H2570" s="113">
        <v>1</v>
      </c>
      <c r="I2570" s="113">
        <v>1</v>
      </c>
      <c r="J2570" s="115">
        <v>1</v>
      </c>
      <c r="K2570" s="116" t="s">
        <v>174</v>
      </c>
      <c r="L2570" s="115">
        <v>1</v>
      </c>
      <c r="M2570" s="115">
        <v>1</v>
      </c>
      <c r="N2570" s="115">
        <v>1</v>
      </c>
      <c r="O2570" s="115">
        <v>1</v>
      </c>
      <c r="P2570" s="115" t="s">
        <v>400</v>
      </c>
      <c r="Q2570" s="115" t="s">
        <v>400</v>
      </c>
      <c r="R2570" s="115">
        <v>1</v>
      </c>
      <c r="S2570" s="115">
        <v>0</v>
      </c>
      <c r="T2570" s="115">
        <v>0</v>
      </c>
      <c r="U2570" s="113" t="s">
        <v>174</v>
      </c>
      <c r="V2570" s="113" t="s">
        <v>174</v>
      </c>
      <c r="W2570" s="113" t="s">
        <v>174</v>
      </c>
      <c r="X2570" s="113" t="s">
        <v>174</v>
      </c>
      <c r="Y2570" s="113" t="s">
        <v>174</v>
      </c>
      <c r="Z2570" s="113" t="s">
        <v>174</v>
      </c>
      <c r="AA2570" s="113" t="s">
        <v>174</v>
      </c>
      <c r="AB2570" s="113" t="s">
        <v>174</v>
      </c>
      <c r="AC2570" s="113" t="s">
        <v>174</v>
      </c>
      <c r="AD2570" s="113" t="s">
        <v>174</v>
      </c>
      <c r="AE2570" s="113" t="s">
        <v>174</v>
      </c>
      <c r="AF2570" s="113" t="s">
        <v>174</v>
      </c>
      <c r="AG2570" s="113" t="s">
        <v>174</v>
      </c>
      <c r="AH2570" s="113" t="s">
        <v>174</v>
      </c>
      <c r="AI2570" s="113" t="s">
        <v>174</v>
      </c>
      <c r="AJ2570" s="113" t="s">
        <v>174</v>
      </c>
      <c r="AK2570" s="113" t="s">
        <v>174</v>
      </c>
      <c r="AL2570" s="113" t="s">
        <v>174</v>
      </c>
      <c r="AM2570" s="113" t="s">
        <v>174</v>
      </c>
      <c r="AN2570" s="113" t="s">
        <v>174</v>
      </c>
      <c r="AO2570" s="113" t="s">
        <v>174</v>
      </c>
      <c r="AP2570" s="113" t="s">
        <v>174</v>
      </c>
      <c r="AQ2570" s="113" t="s">
        <v>174</v>
      </c>
      <c r="AR2570" s="113" t="s">
        <v>174</v>
      </c>
      <c r="AS2570" s="113" t="s">
        <v>174</v>
      </c>
      <c r="AT2570" s="121" t="s">
        <v>174</v>
      </c>
      <c r="AU2570" s="113" t="s">
        <v>174</v>
      </c>
      <c r="AV2570" s="113" t="s">
        <v>174</v>
      </c>
      <c r="AW2570" s="113" t="s">
        <v>174</v>
      </c>
      <c r="AX2570" s="113"/>
      <c r="AY2570" s="113"/>
      <c r="AZ2570" s="113"/>
      <c r="BA2570" s="113"/>
      <c r="BB2570" s="107">
        <v>45884</v>
      </c>
    </row>
    <row r="2571" spans="1:54" s="207" customFormat="1" ht="13.95" customHeight="1" x14ac:dyDescent="0.25">
      <c r="A2571" s="208" t="s">
        <v>6131</v>
      </c>
      <c r="B2571" s="209" t="s">
        <v>20420</v>
      </c>
      <c r="C2571" s="113" t="s">
        <v>6132</v>
      </c>
      <c r="D2571" s="113" t="s">
        <v>24003</v>
      </c>
      <c r="E2571" s="210">
        <v>2008</v>
      </c>
      <c r="F2571" s="210">
        <v>24876</v>
      </c>
      <c r="G2571" s="113" t="s">
        <v>10</v>
      </c>
      <c r="H2571" s="113">
        <v>1</v>
      </c>
      <c r="I2571" s="113">
        <v>1</v>
      </c>
      <c r="J2571" s="115">
        <v>1</v>
      </c>
      <c r="K2571" s="116" t="s">
        <v>174</v>
      </c>
      <c r="L2571" s="115">
        <v>0</v>
      </c>
      <c r="M2571" s="115">
        <v>0</v>
      </c>
      <c r="N2571" s="115">
        <v>0</v>
      </c>
      <c r="O2571" s="115">
        <v>0</v>
      </c>
      <c r="P2571" s="115" t="s">
        <v>400</v>
      </c>
      <c r="Q2571" s="115" t="s">
        <v>400</v>
      </c>
      <c r="R2571" s="115">
        <v>0</v>
      </c>
      <c r="S2571" s="115">
        <v>0</v>
      </c>
      <c r="T2571" s="115">
        <v>0</v>
      </c>
      <c r="U2571" s="113" t="s">
        <v>174</v>
      </c>
      <c r="V2571" s="113" t="s">
        <v>174</v>
      </c>
      <c r="W2571" s="113" t="s">
        <v>174</v>
      </c>
      <c r="X2571" s="113" t="s">
        <v>174</v>
      </c>
      <c r="Y2571" s="113" t="s">
        <v>174</v>
      </c>
      <c r="Z2571" s="113" t="s">
        <v>174</v>
      </c>
      <c r="AA2571" s="113" t="s">
        <v>174</v>
      </c>
      <c r="AB2571" s="113" t="s">
        <v>174</v>
      </c>
      <c r="AC2571" s="113" t="s">
        <v>174</v>
      </c>
      <c r="AD2571" s="113" t="s">
        <v>174</v>
      </c>
      <c r="AE2571" s="113" t="s">
        <v>174</v>
      </c>
      <c r="AF2571" s="113" t="s">
        <v>174</v>
      </c>
      <c r="AG2571" s="113" t="s">
        <v>174</v>
      </c>
      <c r="AH2571" s="113" t="s">
        <v>174</v>
      </c>
      <c r="AI2571" s="113" t="s">
        <v>174</v>
      </c>
      <c r="AJ2571" s="113" t="s">
        <v>174</v>
      </c>
      <c r="AK2571" s="113" t="s">
        <v>174</v>
      </c>
      <c r="AL2571" s="113" t="s">
        <v>174</v>
      </c>
      <c r="AM2571" s="113" t="s">
        <v>174</v>
      </c>
      <c r="AN2571" s="113" t="s">
        <v>174</v>
      </c>
      <c r="AO2571" s="113" t="s">
        <v>174</v>
      </c>
      <c r="AP2571" s="113" t="s">
        <v>174</v>
      </c>
      <c r="AQ2571" s="113" t="s">
        <v>174</v>
      </c>
      <c r="AR2571" s="113" t="s">
        <v>174</v>
      </c>
      <c r="AS2571" s="113" t="s">
        <v>174</v>
      </c>
      <c r="AT2571" s="121" t="s">
        <v>174</v>
      </c>
      <c r="AU2571" s="113" t="s">
        <v>174</v>
      </c>
      <c r="AV2571" s="113" t="s">
        <v>174</v>
      </c>
      <c r="AW2571" s="113" t="s">
        <v>174</v>
      </c>
      <c r="AX2571" s="113"/>
      <c r="AY2571" s="113"/>
      <c r="AZ2571" s="113"/>
      <c r="BA2571" s="113"/>
      <c r="BB2571" s="107">
        <v>45884</v>
      </c>
    </row>
    <row r="2572" spans="1:54" s="207" customFormat="1" ht="13.95" customHeight="1" x14ac:dyDescent="0.25">
      <c r="A2572" s="208" t="s">
        <v>6133</v>
      </c>
      <c r="B2572" s="209" t="s">
        <v>20420</v>
      </c>
      <c r="C2572" s="113" t="s">
        <v>6134</v>
      </c>
      <c r="D2572" s="113" t="s">
        <v>24004</v>
      </c>
      <c r="E2572" s="210">
        <v>1996</v>
      </c>
      <c r="F2572" s="210">
        <v>25246</v>
      </c>
      <c r="G2572" s="113" t="s">
        <v>3</v>
      </c>
      <c r="H2572" s="113">
        <v>1</v>
      </c>
      <c r="I2572" s="113">
        <v>1</v>
      </c>
      <c r="J2572" s="115">
        <v>1</v>
      </c>
      <c r="K2572" s="116" t="s">
        <v>174</v>
      </c>
      <c r="L2572" s="115">
        <v>1</v>
      </c>
      <c r="M2572" s="115">
        <v>0</v>
      </c>
      <c r="N2572" s="115">
        <v>1</v>
      </c>
      <c r="O2572" s="115">
        <v>1</v>
      </c>
      <c r="P2572" s="115">
        <v>1</v>
      </c>
      <c r="Q2572" s="115" t="s">
        <v>400</v>
      </c>
      <c r="R2572" s="115">
        <v>1</v>
      </c>
      <c r="S2572" s="115">
        <v>0</v>
      </c>
      <c r="T2572" s="115">
        <v>0</v>
      </c>
      <c r="U2572" s="113" t="s">
        <v>174</v>
      </c>
      <c r="V2572" s="113" t="s">
        <v>174</v>
      </c>
      <c r="W2572" s="113" t="s">
        <v>174</v>
      </c>
      <c r="X2572" s="113" t="s">
        <v>174</v>
      </c>
      <c r="Y2572" s="113" t="s">
        <v>174</v>
      </c>
      <c r="Z2572" s="113" t="s">
        <v>174</v>
      </c>
      <c r="AA2572" s="113" t="s">
        <v>174</v>
      </c>
      <c r="AB2572" s="113" t="s">
        <v>174</v>
      </c>
      <c r="AC2572" s="113" t="s">
        <v>174</v>
      </c>
      <c r="AD2572" s="113" t="s">
        <v>174</v>
      </c>
      <c r="AE2572" s="113" t="s">
        <v>174</v>
      </c>
      <c r="AF2572" s="113" t="s">
        <v>174</v>
      </c>
      <c r="AG2572" s="113" t="s">
        <v>174</v>
      </c>
      <c r="AH2572" s="113" t="s">
        <v>174</v>
      </c>
      <c r="AI2572" s="113" t="s">
        <v>174</v>
      </c>
      <c r="AJ2572" s="113" t="s">
        <v>174</v>
      </c>
      <c r="AK2572" s="113" t="s">
        <v>174</v>
      </c>
      <c r="AL2572" s="113" t="s">
        <v>174</v>
      </c>
      <c r="AM2572" s="113" t="s">
        <v>174</v>
      </c>
      <c r="AN2572" s="113" t="s">
        <v>174</v>
      </c>
      <c r="AO2572" s="113" t="s">
        <v>174</v>
      </c>
      <c r="AP2572" s="113" t="s">
        <v>174</v>
      </c>
      <c r="AQ2572" s="113" t="s">
        <v>174</v>
      </c>
      <c r="AR2572" s="113" t="s">
        <v>174</v>
      </c>
      <c r="AS2572" s="113" t="s">
        <v>174</v>
      </c>
      <c r="AT2572" s="121" t="s">
        <v>174</v>
      </c>
      <c r="AU2572" s="113" t="s">
        <v>174</v>
      </c>
      <c r="AV2572" s="113" t="s">
        <v>174</v>
      </c>
      <c r="AW2572" s="113" t="s">
        <v>174</v>
      </c>
      <c r="AX2572" s="113"/>
      <c r="AY2572" s="113"/>
      <c r="AZ2572" s="113"/>
      <c r="BA2572" s="113"/>
      <c r="BB2572" s="107">
        <v>45884</v>
      </c>
    </row>
    <row r="2573" spans="1:54" s="207" customFormat="1" ht="13.95" customHeight="1" x14ac:dyDescent="0.25">
      <c r="A2573" s="208" t="s">
        <v>6135</v>
      </c>
      <c r="B2573" s="209" t="s">
        <v>20420</v>
      </c>
      <c r="C2573" s="113" t="s">
        <v>6136</v>
      </c>
      <c r="D2573" s="113" t="s">
        <v>24005</v>
      </c>
      <c r="E2573" s="210">
        <v>1992</v>
      </c>
      <c r="F2573" s="210">
        <v>25597</v>
      </c>
      <c r="G2573" s="113" t="s">
        <v>3</v>
      </c>
      <c r="H2573" s="113">
        <v>1</v>
      </c>
      <c r="I2573" s="113">
        <v>1</v>
      </c>
      <c r="J2573" s="115">
        <v>1</v>
      </c>
      <c r="K2573" s="116" t="s">
        <v>174</v>
      </c>
      <c r="L2573" s="115">
        <v>0</v>
      </c>
      <c r="M2573" s="115">
        <v>0</v>
      </c>
      <c r="N2573" s="115">
        <v>1</v>
      </c>
      <c r="O2573" s="115">
        <v>0</v>
      </c>
      <c r="P2573" s="115" t="s">
        <v>400</v>
      </c>
      <c r="Q2573" s="115" t="s">
        <v>400</v>
      </c>
      <c r="R2573" s="115">
        <v>0</v>
      </c>
      <c r="S2573" s="115">
        <v>0</v>
      </c>
      <c r="T2573" s="115">
        <v>0</v>
      </c>
      <c r="U2573" s="113" t="s">
        <v>174</v>
      </c>
      <c r="V2573" s="113" t="s">
        <v>174</v>
      </c>
      <c r="W2573" s="113" t="s">
        <v>174</v>
      </c>
      <c r="X2573" s="113" t="s">
        <v>174</v>
      </c>
      <c r="Y2573" s="113" t="s">
        <v>174</v>
      </c>
      <c r="Z2573" s="113" t="s">
        <v>174</v>
      </c>
      <c r="AA2573" s="113" t="s">
        <v>174</v>
      </c>
      <c r="AB2573" s="113" t="s">
        <v>174</v>
      </c>
      <c r="AC2573" s="113" t="s">
        <v>174</v>
      </c>
      <c r="AD2573" s="113" t="s">
        <v>174</v>
      </c>
      <c r="AE2573" s="113" t="s">
        <v>174</v>
      </c>
      <c r="AF2573" s="113" t="s">
        <v>174</v>
      </c>
      <c r="AG2573" s="113" t="s">
        <v>174</v>
      </c>
      <c r="AH2573" s="113" t="s">
        <v>174</v>
      </c>
      <c r="AI2573" s="113" t="s">
        <v>174</v>
      </c>
      <c r="AJ2573" s="113" t="s">
        <v>174</v>
      </c>
      <c r="AK2573" s="113" t="s">
        <v>174</v>
      </c>
      <c r="AL2573" s="113" t="s">
        <v>174</v>
      </c>
      <c r="AM2573" s="113" t="s">
        <v>174</v>
      </c>
      <c r="AN2573" s="113" t="s">
        <v>174</v>
      </c>
      <c r="AO2573" s="113" t="s">
        <v>174</v>
      </c>
      <c r="AP2573" s="113" t="s">
        <v>174</v>
      </c>
      <c r="AQ2573" s="113" t="s">
        <v>174</v>
      </c>
      <c r="AR2573" s="113" t="s">
        <v>174</v>
      </c>
      <c r="AS2573" s="113" t="s">
        <v>174</v>
      </c>
      <c r="AT2573" s="121" t="s">
        <v>174</v>
      </c>
      <c r="AU2573" s="113" t="s">
        <v>174</v>
      </c>
      <c r="AV2573" s="113" t="s">
        <v>174</v>
      </c>
      <c r="AW2573" s="113" t="s">
        <v>174</v>
      </c>
      <c r="AX2573" s="113"/>
      <c r="AY2573" s="113"/>
      <c r="AZ2573" s="113"/>
      <c r="BA2573" s="113"/>
      <c r="BB2573" s="107">
        <v>45884</v>
      </c>
    </row>
    <row r="2574" spans="1:54" s="207" customFormat="1" ht="13.95" customHeight="1" x14ac:dyDescent="0.25">
      <c r="A2574" s="208" t="s">
        <v>6137</v>
      </c>
      <c r="B2574" s="209" t="s">
        <v>20420</v>
      </c>
      <c r="C2574" s="113" t="s">
        <v>6138</v>
      </c>
      <c r="D2574" s="113" t="s">
        <v>24006</v>
      </c>
      <c r="E2574" s="210">
        <v>1979</v>
      </c>
      <c r="F2574" s="210">
        <v>25829</v>
      </c>
      <c r="G2574" s="113" t="s">
        <v>10</v>
      </c>
      <c r="H2574" s="113">
        <v>1</v>
      </c>
      <c r="I2574" s="113">
        <v>0</v>
      </c>
      <c r="J2574" s="115">
        <v>1</v>
      </c>
      <c r="K2574" s="116" t="s">
        <v>174</v>
      </c>
      <c r="L2574" s="115">
        <v>0</v>
      </c>
      <c r="M2574" s="115">
        <v>0</v>
      </c>
      <c r="N2574" s="115">
        <v>0</v>
      </c>
      <c r="O2574" s="115">
        <v>0</v>
      </c>
      <c r="P2574" s="115" t="s">
        <v>400</v>
      </c>
      <c r="Q2574" s="115" t="s">
        <v>400</v>
      </c>
      <c r="R2574" s="115">
        <v>0</v>
      </c>
      <c r="S2574" s="115">
        <v>0</v>
      </c>
      <c r="T2574" s="115">
        <v>0</v>
      </c>
      <c r="U2574" s="113" t="s">
        <v>174</v>
      </c>
      <c r="V2574" s="113" t="s">
        <v>174</v>
      </c>
      <c r="W2574" s="113" t="s">
        <v>174</v>
      </c>
      <c r="X2574" s="113" t="s">
        <v>174</v>
      </c>
      <c r="Y2574" s="113" t="s">
        <v>174</v>
      </c>
      <c r="Z2574" s="113" t="s">
        <v>174</v>
      </c>
      <c r="AA2574" s="113" t="s">
        <v>174</v>
      </c>
      <c r="AB2574" s="113" t="s">
        <v>174</v>
      </c>
      <c r="AC2574" s="113" t="s">
        <v>174</v>
      </c>
      <c r="AD2574" s="113" t="s">
        <v>174</v>
      </c>
      <c r="AE2574" s="113" t="s">
        <v>174</v>
      </c>
      <c r="AF2574" s="113" t="s">
        <v>174</v>
      </c>
      <c r="AG2574" s="113" t="s">
        <v>174</v>
      </c>
      <c r="AH2574" s="113" t="s">
        <v>174</v>
      </c>
      <c r="AI2574" s="113" t="s">
        <v>174</v>
      </c>
      <c r="AJ2574" s="113" t="s">
        <v>174</v>
      </c>
      <c r="AK2574" s="113" t="s">
        <v>174</v>
      </c>
      <c r="AL2574" s="113" t="s">
        <v>174</v>
      </c>
      <c r="AM2574" s="113" t="s">
        <v>174</v>
      </c>
      <c r="AN2574" s="113" t="s">
        <v>174</v>
      </c>
      <c r="AO2574" s="113" t="s">
        <v>174</v>
      </c>
      <c r="AP2574" s="113" t="s">
        <v>174</v>
      </c>
      <c r="AQ2574" s="113" t="s">
        <v>174</v>
      </c>
      <c r="AR2574" s="113" t="s">
        <v>174</v>
      </c>
      <c r="AS2574" s="113" t="s">
        <v>174</v>
      </c>
      <c r="AT2574" s="121" t="s">
        <v>174</v>
      </c>
      <c r="AU2574" s="113" t="s">
        <v>174</v>
      </c>
      <c r="AV2574" s="113" t="s">
        <v>174</v>
      </c>
      <c r="AW2574" s="113" t="s">
        <v>174</v>
      </c>
      <c r="AX2574" s="113"/>
      <c r="AY2574" s="113"/>
      <c r="AZ2574" s="113"/>
      <c r="BA2574" s="113"/>
      <c r="BB2574" s="107">
        <v>45884</v>
      </c>
    </row>
    <row r="2575" spans="1:54" s="207" customFormat="1" ht="13.95" customHeight="1" x14ac:dyDescent="0.25">
      <c r="A2575" s="208" t="s">
        <v>6139</v>
      </c>
      <c r="B2575" s="209" t="s">
        <v>20420</v>
      </c>
      <c r="C2575" s="113" t="s">
        <v>6140</v>
      </c>
      <c r="D2575" s="113" t="s">
        <v>24007</v>
      </c>
      <c r="E2575" s="210">
        <v>1983</v>
      </c>
      <c r="F2575" s="210">
        <v>26016</v>
      </c>
      <c r="G2575" s="113" t="s">
        <v>3</v>
      </c>
      <c r="H2575" s="113">
        <v>1</v>
      </c>
      <c r="I2575" s="113">
        <v>1</v>
      </c>
      <c r="J2575" s="115">
        <v>1</v>
      </c>
      <c r="K2575" s="116" t="s">
        <v>174</v>
      </c>
      <c r="L2575" s="115">
        <v>1</v>
      </c>
      <c r="M2575" s="115">
        <v>1</v>
      </c>
      <c r="N2575" s="115">
        <v>1</v>
      </c>
      <c r="O2575" s="115">
        <v>1</v>
      </c>
      <c r="P2575" s="115" t="s">
        <v>400</v>
      </c>
      <c r="Q2575" s="115" t="s">
        <v>400</v>
      </c>
      <c r="R2575" s="115">
        <v>1</v>
      </c>
      <c r="S2575" s="115">
        <v>0</v>
      </c>
      <c r="T2575" s="115">
        <v>0</v>
      </c>
      <c r="U2575" s="113" t="s">
        <v>174</v>
      </c>
      <c r="V2575" s="113" t="s">
        <v>174</v>
      </c>
      <c r="W2575" s="113" t="s">
        <v>174</v>
      </c>
      <c r="X2575" s="113" t="s">
        <v>174</v>
      </c>
      <c r="Y2575" s="113" t="s">
        <v>174</v>
      </c>
      <c r="Z2575" s="113" t="s">
        <v>174</v>
      </c>
      <c r="AA2575" s="113" t="s">
        <v>174</v>
      </c>
      <c r="AB2575" s="113" t="s">
        <v>174</v>
      </c>
      <c r="AC2575" s="113" t="s">
        <v>174</v>
      </c>
      <c r="AD2575" s="113" t="s">
        <v>174</v>
      </c>
      <c r="AE2575" s="113" t="s">
        <v>174</v>
      </c>
      <c r="AF2575" s="113" t="s">
        <v>174</v>
      </c>
      <c r="AG2575" s="113" t="s">
        <v>174</v>
      </c>
      <c r="AH2575" s="113" t="s">
        <v>174</v>
      </c>
      <c r="AI2575" s="113" t="s">
        <v>174</v>
      </c>
      <c r="AJ2575" s="113" t="s">
        <v>174</v>
      </c>
      <c r="AK2575" s="113" t="s">
        <v>174</v>
      </c>
      <c r="AL2575" s="113" t="s">
        <v>174</v>
      </c>
      <c r="AM2575" s="113" t="s">
        <v>174</v>
      </c>
      <c r="AN2575" s="113" t="s">
        <v>174</v>
      </c>
      <c r="AO2575" s="113" t="s">
        <v>174</v>
      </c>
      <c r="AP2575" s="113" t="s">
        <v>174</v>
      </c>
      <c r="AQ2575" s="113" t="s">
        <v>174</v>
      </c>
      <c r="AR2575" s="113" t="s">
        <v>174</v>
      </c>
      <c r="AS2575" s="113" t="s">
        <v>174</v>
      </c>
      <c r="AT2575" s="121" t="s">
        <v>174</v>
      </c>
      <c r="AU2575" s="113" t="s">
        <v>174</v>
      </c>
      <c r="AV2575" s="113" t="s">
        <v>174</v>
      </c>
      <c r="AW2575" s="113" t="s">
        <v>174</v>
      </c>
      <c r="AX2575" s="113"/>
      <c r="AY2575" s="113"/>
      <c r="AZ2575" s="113"/>
      <c r="BA2575" s="113"/>
      <c r="BB2575" s="107">
        <v>45884</v>
      </c>
    </row>
    <row r="2576" spans="1:54" s="207" customFormat="1" ht="13.95" customHeight="1" x14ac:dyDescent="0.25">
      <c r="A2576" s="208" t="s">
        <v>6141</v>
      </c>
      <c r="B2576" s="209" t="s">
        <v>20420</v>
      </c>
      <c r="C2576" s="113" t="s">
        <v>6142</v>
      </c>
      <c r="D2576" s="113" t="s">
        <v>24008</v>
      </c>
      <c r="E2576" s="210">
        <v>1975</v>
      </c>
      <c r="F2576" s="210">
        <v>26606</v>
      </c>
      <c r="G2576" s="113" t="s">
        <v>3</v>
      </c>
      <c r="H2576" s="113">
        <v>1</v>
      </c>
      <c r="I2576" s="113">
        <v>1</v>
      </c>
      <c r="J2576" s="115">
        <v>1</v>
      </c>
      <c r="K2576" s="116" t="s">
        <v>174</v>
      </c>
      <c r="L2576" s="115">
        <v>1</v>
      </c>
      <c r="M2576" s="115">
        <v>0</v>
      </c>
      <c r="N2576" s="115">
        <v>1</v>
      </c>
      <c r="O2576" s="115">
        <v>1</v>
      </c>
      <c r="P2576" s="115">
        <v>1</v>
      </c>
      <c r="Q2576" s="115" t="s">
        <v>400</v>
      </c>
      <c r="R2576" s="115">
        <v>1</v>
      </c>
      <c r="S2576" s="115">
        <v>0</v>
      </c>
      <c r="T2576" s="115">
        <v>1</v>
      </c>
      <c r="U2576" s="113" t="s">
        <v>174</v>
      </c>
      <c r="V2576" s="113" t="s">
        <v>174</v>
      </c>
      <c r="W2576" s="113" t="s">
        <v>174</v>
      </c>
      <c r="X2576" s="113" t="s">
        <v>174</v>
      </c>
      <c r="Y2576" s="113" t="s">
        <v>174</v>
      </c>
      <c r="Z2576" s="113" t="s">
        <v>174</v>
      </c>
      <c r="AA2576" s="113" t="s">
        <v>174</v>
      </c>
      <c r="AB2576" s="113" t="s">
        <v>174</v>
      </c>
      <c r="AC2576" s="113" t="s">
        <v>174</v>
      </c>
      <c r="AD2576" s="113" t="s">
        <v>174</v>
      </c>
      <c r="AE2576" s="113" t="s">
        <v>174</v>
      </c>
      <c r="AF2576" s="113" t="s">
        <v>174</v>
      </c>
      <c r="AG2576" s="113" t="s">
        <v>174</v>
      </c>
      <c r="AH2576" s="113" t="s">
        <v>174</v>
      </c>
      <c r="AI2576" s="113" t="s">
        <v>174</v>
      </c>
      <c r="AJ2576" s="113" t="s">
        <v>174</v>
      </c>
      <c r="AK2576" s="113" t="s">
        <v>174</v>
      </c>
      <c r="AL2576" s="113" t="s">
        <v>174</v>
      </c>
      <c r="AM2576" s="113" t="s">
        <v>174</v>
      </c>
      <c r="AN2576" s="113" t="s">
        <v>174</v>
      </c>
      <c r="AO2576" s="113" t="s">
        <v>174</v>
      </c>
      <c r="AP2576" s="113" t="s">
        <v>174</v>
      </c>
      <c r="AQ2576" s="113" t="s">
        <v>174</v>
      </c>
      <c r="AR2576" s="113" t="s">
        <v>174</v>
      </c>
      <c r="AS2576" s="113" t="s">
        <v>174</v>
      </c>
      <c r="AT2576" s="121" t="s">
        <v>174</v>
      </c>
      <c r="AU2576" s="113" t="s">
        <v>174</v>
      </c>
      <c r="AV2576" s="113" t="s">
        <v>174</v>
      </c>
      <c r="AW2576" s="113" t="s">
        <v>174</v>
      </c>
      <c r="AX2576" s="113"/>
      <c r="AY2576" s="113"/>
      <c r="AZ2576" s="113"/>
      <c r="BA2576" s="113"/>
      <c r="BB2576" s="107">
        <v>45884</v>
      </c>
    </row>
    <row r="2577" spans="1:54" s="207" customFormat="1" ht="13.95" customHeight="1" x14ac:dyDescent="0.25">
      <c r="A2577" s="208" t="s">
        <v>6143</v>
      </c>
      <c r="B2577" s="209" t="s">
        <v>20420</v>
      </c>
      <c r="C2577" s="113" t="s">
        <v>6144</v>
      </c>
      <c r="D2577" s="113" t="s">
        <v>24009</v>
      </c>
      <c r="E2577" s="210">
        <v>1983</v>
      </c>
      <c r="F2577" s="210">
        <v>26394</v>
      </c>
      <c r="G2577" s="113" t="s">
        <v>3</v>
      </c>
      <c r="H2577" s="113">
        <v>0</v>
      </c>
      <c r="I2577" s="113">
        <v>0</v>
      </c>
      <c r="J2577" s="115">
        <v>1</v>
      </c>
      <c r="K2577" s="116" t="s">
        <v>174</v>
      </c>
      <c r="L2577" s="115">
        <v>0</v>
      </c>
      <c r="M2577" s="115">
        <v>0</v>
      </c>
      <c r="N2577" s="115">
        <v>0</v>
      </c>
      <c r="O2577" s="115">
        <v>0</v>
      </c>
      <c r="P2577" s="115" t="s">
        <v>400</v>
      </c>
      <c r="Q2577" s="115" t="s">
        <v>400</v>
      </c>
      <c r="R2577" s="115">
        <v>0</v>
      </c>
      <c r="S2577" s="115">
        <v>0</v>
      </c>
      <c r="T2577" s="115">
        <v>0</v>
      </c>
      <c r="U2577" s="113" t="s">
        <v>174</v>
      </c>
      <c r="V2577" s="113" t="s">
        <v>174</v>
      </c>
      <c r="W2577" s="113" t="s">
        <v>174</v>
      </c>
      <c r="X2577" s="113" t="s">
        <v>174</v>
      </c>
      <c r="Y2577" s="113" t="s">
        <v>174</v>
      </c>
      <c r="Z2577" s="113" t="s">
        <v>174</v>
      </c>
      <c r="AA2577" s="113" t="s">
        <v>174</v>
      </c>
      <c r="AB2577" s="113" t="s">
        <v>174</v>
      </c>
      <c r="AC2577" s="113" t="s">
        <v>174</v>
      </c>
      <c r="AD2577" s="113" t="s">
        <v>174</v>
      </c>
      <c r="AE2577" s="113" t="s">
        <v>174</v>
      </c>
      <c r="AF2577" s="113" t="s">
        <v>174</v>
      </c>
      <c r="AG2577" s="113" t="s">
        <v>174</v>
      </c>
      <c r="AH2577" s="113" t="s">
        <v>174</v>
      </c>
      <c r="AI2577" s="113" t="s">
        <v>174</v>
      </c>
      <c r="AJ2577" s="113" t="s">
        <v>174</v>
      </c>
      <c r="AK2577" s="113" t="s">
        <v>174</v>
      </c>
      <c r="AL2577" s="113" t="s">
        <v>174</v>
      </c>
      <c r="AM2577" s="113" t="s">
        <v>174</v>
      </c>
      <c r="AN2577" s="113" t="s">
        <v>174</v>
      </c>
      <c r="AO2577" s="113" t="s">
        <v>174</v>
      </c>
      <c r="AP2577" s="113" t="s">
        <v>174</v>
      </c>
      <c r="AQ2577" s="113" t="s">
        <v>174</v>
      </c>
      <c r="AR2577" s="113" t="s">
        <v>174</v>
      </c>
      <c r="AS2577" s="113" t="s">
        <v>174</v>
      </c>
      <c r="AT2577" s="121" t="s">
        <v>174</v>
      </c>
      <c r="AU2577" s="113" t="s">
        <v>174</v>
      </c>
      <c r="AV2577" s="113" t="s">
        <v>174</v>
      </c>
      <c r="AW2577" s="113" t="s">
        <v>174</v>
      </c>
      <c r="AX2577" s="113"/>
      <c r="AY2577" s="113"/>
      <c r="AZ2577" s="113"/>
      <c r="BA2577" s="113"/>
      <c r="BB2577" s="107">
        <v>45884</v>
      </c>
    </row>
    <row r="2578" spans="1:54" s="207" customFormat="1" ht="13.95" customHeight="1" x14ac:dyDescent="0.25">
      <c r="A2578" s="208" t="s">
        <v>6145</v>
      </c>
      <c r="B2578" s="209" t="s">
        <v>20420</v>
      </c>
      <c r="C2578" s="113" t="s">
        <v>6146</v>
      </c>
      <c r="D2578" s="113" t="s">
        <v>6147</v>
      </c>
      <c r="E2578" s="210">
        <v>1987</v>
      </c>
      <c r="F2578" s="210">
        <v>26774</v>
      </c>
      <c r="G2578" s="113" t="s">
        <v>8</v>
      </c>
      <c r="H2578" s="113">
        <v>0</v>
      </c>
      <c r="I2578" s="113">
        <v>0</v>
      </c>
      <c r="J2578" s="115">
        <v>0</v>
      </c>
      <c r="K2578" s="116" t="s">
        <v>174</v>
      </c>
      <c r="L2578" s="115">
        <v>0</v>
      </c>
      <c r="M2578" s="115">
        <v>0</v>
      </c>
      <c r="N2578" s="115">
        <v>0</v>
      </c>
      <c r="O2578" s="115">
        <v>0</v>
      </c>
      <c r="P2578" s="115" t="s">
        <v>400</v>
      </c>
      <c r="Q2578" s="115" t="s">
        <v>400</v>
      </c>
      <c r="R2578" s="115">
        <v>0</v>
      </c>
      <c r="S2578" s="115">
        <v>0</v>
      </c>
      <c r="T2578" s="115">
        <v>0</v>
      </c>
      <c r="U2578" s="113" t="s">
        <v>174</v>
      </c>
      <c r="V2578" s="113" t="s">
        <v>174</v>
      </c>
      <c r="W2578" s="113" t="s">
        <v>174</v>
      </c>
      <c r="X2578" s="113" t="s">
        <v>174</v>
      </c>
      <c r="Y2578" s="113" t="s">
        <v>174</v>
      </c>
      <c r="Z2578" s="113" t="s">
        <v>174</v>
      </c>
      <c r="AA2578" s="113" t="s">
        <v>174</v>
      </c>
      <c r="AB2578" s="113" t="s">
        <v>174</v>
      </c>
      <c r="AC2578" s="113" t="s">
        <v>174</v>
      </c>
      <c r="AD2578" s="113" t="s">
        <v>174</v>
      </c>
      <c r="AE2578" s="113" t="s">
        <v>174</v>
      </c>
      <c r="AF2578" s="113" t="s">
        <v>174</v>
      </c>
      <c r="AG2578" s="113" t="s">
        <v>174</v>
      </c>
      <c r="AH2578" s="113" t="s">
        <v>174</v>
      </c>
      <c r="AI2578" s="113" t="s">
        <v>174</v>
      </c>
      <c r="AJ2578" s="113" t="s">
        <v>174</v>
      </c>
      <c r="AK2578" s="113" t="s">
        <v>174</v>
      </c>
      <c r="AL2578" s="113" t="s">
        <v>174</v>
      </c>
      <c r="AM2578" s="113" t="s">
        <v>174</v>
      </c>
      <c r="AN2578" s="113" t="s">
        <v>174</v>
      </c>
      <c r="AO2578" s="113" t="s">
        <v>174</v>
      </c>
      <c r="AP2578" s="113" t="s">
        <v>174</v>
      </c>
      <c r="AQ2578" s="113" t="s">
        <v>174</v>
      </c>
      <c r="AR2578" s="113" t="s">
        <v>174</v>
      </c>
      <c r="AS2578" s="113" t="s">
        <v>174</v>
      </c>
      <c r="AT2578" s="121" t="s">
        <v>174</v>
      </c>
      <c r="AU2578" s="113" t="s">
        <v>174</v>
      </c>
      <c r="AV2578" s="113" t="s">
        <v>174</v>
      </c>
      <c r="AW2578" s="113" t="s">
        <v>174</v>
      </c>
      <c r="AX2578" s="113"/>
      <c r="AY2578" s="113"/>
      <c r="AZ2578" s="113"/>
      <c r="BA2578" s="113"/>
      <c r="BB2578" s="107">
        <v>45884</v>
      </c>
    </row>
    <row r="2579" spans="1:54" s="207" customFormat="1" ht="13.95" customHeight="1" x14ac:dyDescent="0.25">
      <c r="A2579" s="208" t="s">
        <v>6148</v>
      </c>
      <c r="B2579" s="209" t="s">
        <v>20420</v>
      </c>
      <c r="C2579" s="113" t="s">
        <v>6149</v>
      </c>
      <c r="D2579" s="113" t="s">
        <v>6150</v>
      </c>
      <c r="E2579" s="210">
        <v>1870</v>
      </c>
      <c r="F2579" s="210">
        <v>27753</v>
      </c>
      <c r="G2579" s="113" t="s">
        <v>3</v>
      </c>
      <c r="H2579" s="113">
        <v>1</v>
      </c>
      <c r="I2579" s="113">
        <v>0</v>
      </c>
      <c r="J2579" s="115">
        <v>1</v>
      </c>
      <c r="K2579" s="116" t="s">
        <v>174</v>
      </c>
      <c r="L2579" s="115">
        <v>0</v>
      </c>
      <c r="M2579" s="115">
        <v>0</v>
      </c>
      <c r="N2579" s="115">
        <v>1</v>
      </c>
      <c r="O2579" s="115">
        <v>1</v>
      </c>
      <c r="P2579" s="115">
        <v>1</v>
      </c>
      <c r="Q2579" s="115" t="s">
        <v>400</v>
      </c>
      <c r="R2579" s="115">
        <v>1</v>
      </c>
      <c r="S2579" s="115">
        <v>0</v>
      </c>
      <c r="T2579" s="115">
        <v>0</v>
      </c>
      <c r="U2579" s="113" t="s">
        <v>174</v>
      </c>
      <c r="V2579" s="113" t="s">
        <v>174</v>
      </c>
      <c r="W2579" s="113" t="s">
        <v>174</v>
      </c>
      <c r="X2579" s="113" t="s">
        <v>174</v>
      </c>
      <c r="Y2579" s="113" t="s">
        <v>174</v>
      </c>
      <c r="Z2579" s="113">
        <v>1</v>
      </c>
      <c r="AA2579" s="113" t="s">
        <v>174</v>
      </c>
      <c r="AB2579" s="113" t="s">
        <v>174</v>
      </c>
      <c r="AC2579" s="113" t="s">
        <v>174</v>
      </c>
      <c r="AD2579" s="113" t="s">
        <v>174</v>
      </c>
      <c r="AE2579" s="113" t="s">
        <v>174</v>
      </c>
      <c r="AF2579" s="113" t="s">
        <v>174</v>
      </c>
      <c r="AG2579" s="113" t="s">
        <v>174</v>
      </c>
      <c r="AH2579" s="113" t="s">
        <v>174</v>
      </c>
      <c r="AI2579" s="113" t="s">
        <v>174</v>
      </c>
      <c r="AJ2579" s="113" t="s">
        <v>174</v>
      </c>
      <c r="AK2579" s="113" t="s">
        <v>174</v>
      </c>
      <c r="AL2579" s="113" t="s">
        <v>174</v>
      </c>
      <c r="AM2579" s="113" t="s">
        <v>174</v>
      </c>
      <c r="AN2579" s="113" t="s">
        <v>174</v>
      </c>
      <c r="AO2579" s="113" t="s">
        <v>174</v>
      </c>
      <c r="AP2579" s="113" t="s">
        <v>174</v>
      </c>
      <c r="AQ2579" s="113" t="s">
        <v>174</v>
      </c>
      <c r="AR2579" s="113" t="s">
        <v>174</v>
      </c>
      <c r="AS2579" s="113" t="s">
        <v>174</v>
      </c>
      <c r="AT2579" s="121" t="s">
        <v>174</v>
      </c>
      <c r="AU2579" s="113" t="s">
        <v>174</v>
      </c>
      <c r="AV2579" s="113">
        <v>1</v>
      </c>
      <c r="AW2579" s="113" t="s">
        <v>174</v>
      </c>
      <c r="AX2579" s="113"/>
      <c r="AY2579" s="113"/>
      <c r="AZ2579" s="124" t="s">
        <v>23203</v>
      </c>
      <c r="BA2579" s="113" t="s">
        <v>19478</v>
      </c>
      <c r="BB2579" s="107">
        <v>45884</v>
      </c>
    </row>
    <row r="2580" spans="1:54" s="207" customFormat="1" ht="13.95" customHeight="1" x14ac:dyDescent="0.25">
      <c r="A2580" s="208" t="s">
        <v>6151</v>
      </c>
      <c r="B2580" s="209" t="s">
        <v>20420</v>
      </c>
      <c r="C2580" s="113" t="s">
        <v>6152</v>
      </c>
      <c r="D2580" s="113" t="s">
        <v>6153</v>
      </c>
      <c r="E2580" s="210">
        <v>1989</v>
      </c>
      <c r="F2580" s="210">
        <v>49790</v>
      </c>
      <c r="G2580" s="113" t="s">
        <v>7</v>
      </c>
      <c r="H2580" s="113">
        <v>1</v>
      </c>
      <c r="I2580" s="113">
        <v>1</v>
      </c>
      <c r="J2580" s="115">
        <v>1</v>
      </c>
      <c r="K2580" s="116" t="s">
        <v>174</v>
      </c>
      <c r="L2580" s="115">
        <v>1</v>
      </c>
      <c r="M2580" s="115">
        <v>1</v>
      </c>
      <c r="N2580" s="115">
        <v>1</v>
      </c>
      <c r="O2580" s="115">
        <v>0</v>
      </c>
      <c r="P2580" s="115" t="s">
        <v>400</v>
      </c>
      <c r="Q2580" s="115" t="s">
        <v>400</v>
      </c>
      <c r="R2580" s="115">
        <v>1</v>
      </c>
      <c r="S2580" s="115">
        <v>0</v>
      </c>
      <c r="T2580" s="115">
        <v>0</v>
      </c>
      <c r="U2580" s="113" t="s">
        <v>174</v>
      </c>
      <c r="V2580" s="113" t="s">
        <v>174</v>
      </c>
      <c r="W2580" s="113" t="s">
        <v>174</v>
      </c>
      <c r="X2580" s="113" t="s">
        <v>174</v>
      </c>
      <c r="Y2580" s="113" t="s">
        <v>174</v>
      </c>
      <c r="Z2580" s="113" t="s">
        <v>174</v>
      </c>
      <c r="AA2580" s="113" t="s">
        <v>174</v>
      </c>
      <c r="AB2580" s="113" t="s">
        <v>174</v>
      </c>
      <c r="AC2580" s="113" t="s">
        <v>174</v>
      </c>
      <c r="AD2580" s="113" t="s">
        <v>174</v>
      </c>
      <c r="AE2580" s="113" t="s">
        <v>174</v>
      </c>
      <c r="AF2580" s="113" t="s">
        <v>174</v>
      </c>
      <c r="AG2580" s="113" t="s">
        <v>174</v>
      </c>
      <c r="AH2580" s="113" t="s">
        <v>174</v>
      </c>
      <c r="AI2580" s="113" t="s">
        <v>174</v>
      </c>
      <c r="AJ2580" s="113" t="s">
        <v>174</v>
      </c>
      <c r="AK2580" s="113" t="s">
        <v>174</v>
      </c>
      <c r="AL2580" s="113" t="s">
        <v>174</v>
      </c>
      <c r="AM2580" s="113" t="s">
        <v>174</v>
      </c>
      <c r="AN2580" s="113" t="s">
        <v>174</v>
      </c>
      <c r="AO2580" s="113" t="s">
        <v>174</v>
      </c>
      <c r="AP2580" s="113" t="s">
        <v>174</v>
      </c>
      <c r="AQ2580" s="113" t="s">
        <v>174</v>
      </c>
      <c r="AR2580" s="113" t="s">
        <v>174</v>
      </c>
      <c r="AS2580" s="113" t="s">
        <v>174</v>
      </c>
      <c r="AT2580" s="121" t="s">
        <v>174</v>
      </c>
      <c r="AU2580" s="113" t="s">
        <v>174</v>
      </c>
      <c r="AV2580" s="113" t="s">
        <v>174</v>
      </c>
      <c r="AW2580" s="113" t="s">
        <v>174</v>
      </c>
      <c r="AX2580" s="113"/>
      <c r="AY2580" s="113"/>
      <c r="AZ2580" s="113"/>
      <c r="BA2580" s="113"/>
      <c r="BB2580" s="107">
        <v>45884</v>
      </c>
    </row>
    <row r="2581" spans="1:54" s="207" customFormat="1" ht="13.95" customHeight="1" x14ac:dyDescent="0.25">
      <c r="A2581" s="208" t="s">
        <v>6154</v>
      </c>
      <c r="B2581" s="209" t="s">
        <v>20420</v>
      </c>
      <c r="C2581" s="113" t="s">
        <v>6155</v>
      </c>
      <c r="D2581" s="113" t="s">
        <v>24010</v>
      </c>
      <c r="E2581" s="210">
        <v>2004</v>
      </c>
      <c r="F2581" s="213">
        <v>37908</v>
      </c>
      <c r="G2581" s="113" t="s">
        <v>10</v>
      </c>
      <c r="H2581" s="113">
        <v>1</v>
      </c>
      <c r="I2581" s="113">
        <v>1</v>
      </c>
      <c r="J2581" s="115">
        <v>1</v>
      </c>
      <c r="K2581" s="116" t="s">
        <v>174</v>
      </c>
      <c r="L2581" s="115">
        <v>0</v>
      </c>
      <c r="M2581" s="115">
        <v>0</v>
      </c>
      <c r="N2581" s="115">
        <v>0</v>
      </c>
      <c r="O2581" s="115">
        <v>0</v>
      </c>
      <c r="P2581" s="115" t="s">
        <v>400</v>
      </c>
      <c r="Q2581" s="115" t="s">
        <v>400</v>
      </c>
      <c r="R2581" s="115">
        <v>0</v>
      </c>
      <c r="S2581" s="115">
        <v>0</v>
      </c>
      <c r="T2581" s="115">
        <v>0</v>
      </c>
      <c r="U2581" s="113" t="s">
        <v>174</v>
      </c>
      <c r="V2581" s="113" t="s">
        <v>174</v>
      </c>
      <c r="W2581" s="113" t="s">
        <v>174</v>
      </c>
      <c r="X2581" s="113" t="s">
        <v>174</v>
      </c>
      <c r="Y2581" s="113" t="s">
        <v>174</v>
      </c>
      <c r="Z2581" s="113" t="s">
        <v>174</v>
      </c>
      <c r="AA2581" s="113" t="s">
        <v>174</v>
      </c>
      <c r="AB2581" s="113" t="s">
        <v>174</v>
      </c>
      <c r="AC2581" s="113" t="s">
        <v>174</v>
      </c>
      <c r="AD2581" s="113" t="s">
        <v>174</v>
      </c>
      <c r="AE2581" s="113" t="s">
        <v>174</v>
      </c>
      <c r="AF2581" s="113" t="s">
        <v>174</v>
      </c>
      <c r="AG2581" s="113" t="s">
        <v>174</v>
      </c>
      <c r="AH2581" s="113" t="s">
        <v>174</v>
      </c>
      <c r="AI2581" s="113" t="s">
        <v>174</v>
      </c>
      <c r="AJ2581" s="113" t="s">
        <v>174</v>
      </c>
      <c r="AK2581" s="113" t="s">
        <v>174</v>
      </c>
      <c r="AL2581" s="113" t="s">
        <v>174</v>
      </c>
      <c r="AM2581" s="113" t="s">
        <v>174</v>
      </c>
      <c r="AN2581" s="113" t="s">
        <v>174</v>
      </c>
      <c r="AO2581" s="113" t="s">
        <v>174</v>
      </c>
      <c r="AP2581" s="113" t="s">
        <v>174</v>
      </c>
      <c r="AQ2581" s="113" t="s">
        <v>174</v>
      </c>
      <c r="AR2581" s="113" t="s">
        <v>174</v>
      </c>
      <c r="AS2581" s="113" t="s">
        <v>174</v>
      </c>
      <c r="AT2581" s="121" t="s">
        <v>174</v>
      </c>
      <c r="AU2581" s="113" t="s">
        <v>174</v>
      </c>
      <c r="AV2581" s="113">
        <v>1</v>
      </c>
      <c r="AW2581" s="113" t="s">
        <v>174</v>
      </c>
      <c r="AX2581" s="113"/>
      <c r="AY2581" s="113"/>
      <c r="AZ2581" s="113"/>
      <c r="BA2581" s="113"/>
      <c r="BB2581" s="107">
        <v>45884</v>
      </c>
    </row>
    <row r="2582" spans="1:54" s="207" customFormat="1" ht="13.95" customHeight="1" x14ac:dyDescent="0.25">
      <c r="A2582" s="208" t="s">
        <v>6156</v>
      </c>
      <c r="B2582" s="209" t="s">
        <v>20420</v>
      </c>
      <c r="C2582" s="113" t="s">
        <v>6157</v>
      </c>
      <c r="D2582" s="113" t="s">
        <v>24011</v>
      </c>
      <c r="E2582" s="210">
        <v>1957</v>
      </c>
      <c r="F2582" s="210">
        <v>28060</v>
      </c>
      <c r="G2582" s="113" t="s">
        <v>3</v>
      </c>
      <c r="H2582" s="113">
        <v>1</v>
      </c>
      <c r="I2582" s="113">
        <v>1</v>
      </c>
      <c r="J2582" s="115">
        <v>1</v>
      </c>
      <c r="K2582" s="116" t="s">
        <v>174</v>
      </c>
      <c r="L2582" s="115">
        <v>1</v>
      </c>
      <c r="M2582" s="115">
        <v>0</v>
      </c>
      <c r="N2582" s="115">
        <v>0</v>
      </c>
      <c r="O2582" s="115">
        <v>1</v>
      </c>
      <c r="P2582" s="115">
        <v>1</v>
      </c>
      <c r="Q2582" s="115" t="s">
        <v>400</v>
      </c>
      <c r="R2582" s="115">
        <v>1</v>
      </c>
      <c r="S2582" s="115">
        <v>0</v>
      </c>
      <c r="T2582" s="115">
        <v>0</v>
      </c>
      <c r="U2582" s="113" t="s">
        <v>174</v>
      </c>
      <c r="V2582" s="113" t="s">
        <v>174</v>
      </c>
      <c r="W2582" s="113" t="s">
        <v>174</v>
      </c>
      <c r="X2582" s="113" t="s">
        <v>174</v>
      </c>
      <c r="Y2582" s="113" t="s">
        <v>174</v>
      </c>
      <c r="Z2582" s="113" t="s">
        <v>174</v>
      </c>
      <c r="AA2582" s="113" t="s">
        <v>174</v>
      </c>
      <c r="AB2582" s="113" t="s">
        <v>174</v>
      </c>
      <c r="AC2582" s="113" t="s">
        <v>174</v>
      </c>
      <c r="AD2582" s="113" t="s">
        <v>174</v>
      </c>
      <c r="AE2582" s="113" t="s">
        <v>174</v>
      </c>
      <c r="AF2582" s="113">
        <v>1</v>
      </c>
      <c r="AG2582" s="113" t="s">
        <v>174</v>
      </c>
      <c r="AH2582" s="113" t="s">
        <v>174</v>
      </c>
      <c r="AI2582" s="113" t="s">
        <v>174</v>
      </c>
      <c r="AJ2582" s="113" t="s">
        <v>174</v>
      </c>
      <c r="AK2582" s="113" t="s">
        <v>174</v>
      </c>
      <c r="AL2582" s="113" t="s">
        <v>174</v>
      </c>
      <c r="AM2582" s="113" t="s">
        <v>174</v>
      </c>
      <c r="AN2582" s="113" t="s">
        <v>174</v>
      </c>
      <c r="AO2582" s="113" t="s">
        <v>174</v>
      </c>
      <c r="AP2582" s="113" t="s">
        <v>174</v>
      </c>
      <c r="AQ2582" s="113" t="s">
        <v>174</v>
      </c>
      <c r="AR2582" s="113" t="s">
        <v>174</v>
      </c>
      <c r="AS2582" s="113" t="s">
        <v>174</v>
      </c>
      <c r="AT2582" s="121" t="s">
        <v>174</v>
      </c>
      <c r="AU2582" s="113" t="s">
        <v>174</v>
      </c>
      <c r="AV2582" s="113" t="s">
        <v>174</v>
      </c>
      <c r="AW2582" s="113" t="s">
        <v>174</v>
      </c>
      <c r="AX2582" s="113"/>
      <c r="AY2582" s="113"/>
      <c r="AZ2582" s="124" t="s">
        <v>23203</v>
      </c>
      <c r="BA2582" s="113" t="s">
        <v>19478</v>
      </c>
      <c r="BB2582" s="107">
        <v>45884</v>
      </c>
    </row>
    <row r="2583" spans="1:54" s="207" customFormat="1" ht="13.95" customHeight="1" x14ac:dyDescent="0.25">
      <c r="A2583" s="208" t="s">
        <v>6158</v>
      </c>
      <c r="B2583" s="209" t="s">
        <v>20420</v>
      </c>
      <c r="C2583" s="113" t="s">
        <v>6159</v>
      </c>
      <c r="D2583" s="113" t="s">
        <v>6160</v>
      </c>
      <c r="E2583" s="210">
        <v>1944</v>
      </c>
      <c r="F2583" s="210">
        <v>28819</v>
      </c>
      <c r="G2583" s="113" t="s">
        <v>3</v>
      </c>
      <c r="H2583" s="113">
        <v>1</v>
      </c>
      <c r="I2583" s="113">
        <v>0</v>
      </c>
      <c r="J2583" s="115">
        <v>1</v>
      </c>
      <c r="K2583" s="116" t="s">
        <v>174</v>
      </c>
      <c r="L2583" s="115">
        <v>1</v>
      </c>
      <c r="M2583" s="115">
        <v>1</v>
      </c>
      <c r="N2583" s="115">
        <v>0</v>
      </c>
      <c r="O2583" s="115">
        <v>1</v>
      </c>
      <c r="P2583" s="115" t="s">
        <v>400</v>
      </c>
      <c r="Q2583" s="115" t="s">
        <v>400</v>
      </c>
      <c r="R2583" s="115">
        <v>1</v>
      </c>
      <c r="S2583" s="115">
        <v>0</v>
      </c>
      <c r="T2583" s="115">
        <v>0</v>
      </c>
      <c r="U2583" s="113" t="s">
        <v>174</v>
      </c>
      <c r="V2583" s="113" t="s">
        <v>174</v>
      </c>
      <c r="W2583" s="113" t="s">
        <v>174</v>
      </c>
      <c r="X2583" s="113" t="s">
        <v>174</v>
      </c>
      <c r="Y2583" s="113" t="s">
        <v>174</v>
      </c>
      <c r="Z2583" s="113" t="s">
        <v>174</v>
      </c>
      <c r="AA2583" s="113" t="s">
        <v>174</v>
      </c>
      <c r="AB2583" s="113" t="s">
        <v>174</v>
      </c>
      <c r="AC2583" s="113" t="s">
        <v>174</v>
      </c>
      <c r="AD2583" s="113" t="s">
        <v>174</v>
      </c>
      <c r="AE2583" s="113" t="s">
        <v>174</v>
      </c>
      <c r="AF2583" s="113">
        <v>1</v>
      </c>
      <c r="AG2583" s="113" t="s">
        <v>174</v>
      </c>
      <c r="AH2583" s="113" t="s">
        <v>174</v>
      </c>
      <c r="AI2583" s="113" t="s">
        <v>174</v>
      </c>
      <c r="AJ2583" s="113" t="s">
        <v>174</v>
      </c>
      <c r="AK2583" s="113" t="s">
        <v>174</v>
      </c>
      <c r="AL2583" s="113" t="s">
        <v>174</v>
      </c>
      <c r="AM2583" s="113" t="s">
        <v>174</v>
      </c>
      <c r="AN2583" s="113" t="s">
        <v>174</v>
      </c>
      <c r="AO2583" s="113" t="s">
        <v>174</v>
      </c>
      <c r="AP2583" s="113" t="s">
        <v>174</v>
      </c>
      <c r="AQ2583" s="113" t="s">
        <v>174</v>
      </c>
      <c r="AR2583" s="113" t="s">
        <v>174</v>
      </c>
      <c r="AS2583" s="113" t="s">
        <v>174</v>
      </c>
      <c r="AT2583" s="121" t="s">
        <v>174</v>
      </c>
      <c r="AU2583" s="113" t="s">
        <v>174</v>
      </c>
      <c r="AV2583" s="113" t="s">
        <v>174</v>
      </c>
      <c r="AW2583" s="113" t="s">
        <v>174</v>
      </c>
      <c r="AX2583" s="113"/>
      <c r="AY2583" s="113"/>
      <c r="AZ2583" s="124" t="s">
        <v>23203</v>
      </c>
      <c r="BA2583" s="113" t="s">
        <v>19478</v>
      </c>
      <c r="BB2583" s="107">
        <v>45884</v>
      </c>
    </row>
    <row r="2584" spans="1:54" s="207" customFormat="1" ht="13.95" customHeight="1" x14ac:dyDescent="0.25">
      <c r="A2584" s="208" t="s">
        <v>6161</v>
      </c>
      <c r="B2584" s="209" t="s">
        <v>20420</v>
      </c>
      <c r="C2584" s="113" t="s">
        <v>6162</v>
      </c>
      <c r="D2584" s="113" t="s">
        <v>24012</v>
      </c>
      <c r="E2584" s="210">
        <v>1986</v>
      </c>
      <c r="F2584" s="210">
        <v>28865</v>
      </c>
      <c r="G2584" s="113" t="s">
        <v>3</v>
      </c>
      <c r="H2584" s="113">
        <v>1</v>
      </c>
      <c r="I2584" s="113">
        <v>1</v>
      </c>
      <c r="J2584" s="115">
        <v>1</v>
      </c>
      <c r="K2584" s="116" t="s">
        <v>174</v>
      </c>
      <c r="L2584" s="115">
        <v>1</v>
      </c>
      <c r="M2584" s="115">
        <v>0</v>
      </c>
      <c r="N2584" s="115">
        <v>1</v>
      </c>
      <c r="O2584" s="115">
        <v>1</v>
      </c>
      <c r="P2584" s="115" t="s">
        <v>400</v>
      </c>
      <c r="Q2584" s="115" t="s">
        <v>400</v>
      </c>
      <c r="R2584" s="115">
        <v>1</v>
      </c>
      <c r="S2584" s="115">
        <v>0</v>
      </c>
      <c r="T2584" s="115">
        <v>0</v>
      </c>
      <c r="U2584" s="113" t="s">
        <v>174</v>
      </c>
      <c r="V2584" s="113" t="s">
        <v>174</v>
      </c>
      <c r="W2584" s="113" t="s">
        <v>174</v>
      </c>
      <c r="X2584" s="113" t="s">
        <v>174</v>
      </c>
      <c r="Y2584" s="113" t="s">
        <v>174</v>
      </c>
      <c r="Z2584" s="113" t="s">
        <v>174</v>
      </c>
      <c r="AA2584" s="113" t="s">
        <v>174</v>
      </c>
      <c r="AB2584" s="113" t="s">
        <v>174</v>
      </c>
      <c r="AC2584" s="113" t="s">
        <v>174</v>
      </c>
      <c r="AD2584" s="113" t="s">
        <v>174</v>
      </c>
      <c r="AE2584" s="113" t="s">
        <v>174</v>
      </c>
      <c r="AF2584" s="113" t="s">
        <v>174</v>
      </c>
      <c r="AG2584" s="113" t="s">
        <v>174</v>
      </c>
      <c r="AH2584" s="113" t="s">
        <v>174</v>
      </c>
      <c r="AI2584" s="113" t="s">
        <v>174</v>
      </c>
      <c r="AJ2584" s="113" t="s">
        <v>174</v>
      </c>
      <c r="AK2584" s="113" t="s">
        <v>174</v>
      </c>
      <c r="AL2584" s="113" t="s">
        <v>174</v>
      </c>
      <c r="AM2584" s="113" t="s">
        <v>174</v>
      </c>
      <c r="AN2584" s="113" t="s">
        <v>174</v>
      </c>
      <c r="AO2584" s="113" t="s">
        <v>174</v>
      </c>
      <c r="AP2584" s="113" t="s">
        <v>174</v>
      </c>
      <c r="AQ2584" s="113" t="s">
        <v>174</v>
      </c>
      <c r="AR2584" s="113" t="s">
        <v>174</v>
      </c>
      <c r="AS2584" s="113" t="s">
        <v>174</v>
      </c>
      <c r="AT2584" s="113">
        <v>1</v>
      </c>
      <c r="AU2584" s="113" t="s">
        <v>174</v>
      </c>
      <c r="AV2584" s="113" t="s">
        <v>174</v>
      </c>
      <c r="AW2584" s="113" t="s">
        <v>174</v>
      </c>
      <c r="AX2584" s="113"/>
      <c r="AY2584" s="113"/>
      <c r="AZ2584" s="113"/>
      <c r="BA2584" s="113"/>
      <c r="BB2584" s="107">
        <v>45884</v>
      </c>
    </row>
    <row r="2585" spans="1:54" s="207" customFormat="1" ht="13.95" customHeight="1" x14ac:dyDescent="0.25">
      <c r="A2585" s="208" t="s">
        <v>6163</v>
      </c>
      <c r="B2585" s="209" t="s">
        <v>20420</v>
      </c>
      <c r="C2585" s="113" t="s">
        <v>6164</v>
      </c>
      <c r="D2585" s="113" t="s">
        <v>6165</v>
      </c>
      <c r="E2585" s="210">
        <v>2001</v>
      </c>
      <c r="F2585" s="210">
        <v>29000</v>
      </c>
      <c r="G2585" s="113" t="s">
        <v>7</v>
      </c>
      <c r="H2585" s="113">
        <v>1</v>
      </c>
      <c r="I2585" s="113">
        <v>1</v>
      </c>
      <c r="J2585" s="115">
        <v>1</v>
      </c>
      <c r="K2585" s="116" t="s">
        <v>174</v>
      </c>
      <c r="L2585" s="115">
        <v>0</v>
      </c>
      <c r="M2585" s="115">
        <v>0</v>
      </c>
      <c r="N2585" s="115">
        <v>0</v>
      </c>
      <c r="O2585" s="115">
        <v>0</v>
      </c>
      <c r="P2585" s="115" t="s">
        <v>400</v>
      </c>
      <c r="Q2585" s="115" t="s">
        <v>400</v>
      </c>
      <c r="R2585" s="115">
        <v>0</v>
      </c>
      <c r="S2585" s="115">
        <v>0</v>
      </c>
      <c r="T2585" s="115">
        <v>0</v>
      </c>
      <c r="U2585" s="113" t="s">
        <v>174</v>
      </c>
      <c r="V2585" s="113" t="s">
        <v>174</v>
      </c>
      <c r="W2585" s="113" t="s">
        <v>174</v>
      </c>
      <c r="X2585" s="113" t="s">
        <v>174</v>
      </c>
      <c r="Y2585" s="113" t="s">
        <v>174</v>
      </c>
      <c r="Z2585" s="113" t="s">
        <v>174</v>
      </c>
      <c r="AA2585" s="113" t="s">
        <v>174</v>
      </c>
      <c r="AB2585" s="113">
        <v>1</v>
      </c>
      <c r="AC2585" s="113" t="s">
        <v>174</v>
      </c>
      <c r="AD2585" s="113" t="s">
        <v>174</v>
      </c>
      <c r="AE2585" s="113" t="s">
        <v>174</v>
      </c>
      <c r="AF2585" s="113" t="s">
        <v>174</v>
      </c>
      <c r="AG2585" s="113" t="s">
        <v>174</v>
      </c>
      <c r="AH2585" s="113" t="s">
        <v>174</v>
      </c>
      <c r="AI2585" s="113" t="s">
        <v>174</v>
      </c>
      <c r="AJ2585" s="113" t="s">
        <v>174</v>
      </c>
      <c r="AK2585" s="113" t="s">
        <v>174</v>
      </c>
      <c r="AL2585" s="113" t="s">
        <v>174</v>
      </c>
      <c r="AM2585" s="113" t="s">
        <v>174</v>
      </c>
      <c r="AN2585" s="113" t="s">
        <v>174</v>
      </c>
      <c r="AO2585" s="113" t="s">
        <v>174</v>
      </c>
      <c r="AP2585" s="113" t="s">
        <v>174</v>
      </c>
      <c r="AQ2585" s="113" t="s">
        <v>174</v>
      </c>
      <c r="AR2585" s="113" t="s">
        <v>174</v>
      </c>
      <c r="AS2585" s="113" t="s">
        <v>174</v>
      </c>
      <c r="AT2585" s="121" t="s">
        <v>174</v>
      </c>
      <c r="AU2585" s="113" t="s">
        <v>174</v>
      </c>
      <c r="AV2585" s="113">
        <v>1</v>
      </c>
      <c r="AW2585" s="113" t="s">
        <v>174</v>
      </c>
      <c r="AX2585" s="113"/>
      <c r="AY2585" s="113"/>
      <c r="AZ2585" s="124" t="s">
        <v>23203</v>
      </c>
      <c r="BA2585" s="113" t="s">
        <v>19478</v>
      </c>
      <c r="BB2585" s="107">
        <v>45884</v>
      </c>
    </row>
    <row r="2586" spans="1:54" s="207" customFormat="1" ht="13.95" customHeight="1" x14ac:dyDescent="0.25">
      <c r="A2586" s="208" t="s">
        <v>6166</v>
      </c>
      <c r="B2586" s="209" t="s">
        <v>20420</v>
      </c>
      <c r="C2586" s="113" t="s">
        <v>6167</v>
      </c>
      <c r="D2586" s="113" t="s">
        <v>24013</v>
      </c>
      <c r="E2586" s="210">
        <v>1975</v>
      </c>
      <c r="F2586" s="210">
        <v>35729</v>
      </c>
      <c r="G2586" s="113" t="s">
        <v>7</v>
      </c>
      <c r="H2586" s="113">
        <v>1</v>
      </c>
      <c r="I2586" s="113">
        <v>1</v>
      </c>
      <c r="J2586" s="115">
        <v>1</v>
      </c>
      <c r="K2586" s="116" t="s">
        <v>174</v>
      </c>
      <c r="L2586" s="115">
        <v>1</v>
      </c>
      <c r="M2586" s="115">
        <v>1</v>
      </c>
      <c r="N2586" s="115">
        <v>1</v>
      </c>
      <c r="O2586" s="115">
        <v>1</v>
      </c>
      <c r="P2586" s="115" t="s">
        <v>400</v>
      </c>
      <c r="Q2586" s="115" t="s">
        <v>400</v>
      </c>
      <c r="R2586" s="115">
        <v>1</v>
      </c>
      <c r="S2586" s="115">
        <v>0</v>
      </c>
      <c r="T2586" s="115">
        <v>0</v>
      </c>
      <c r="U2586" s="113" t="s">
        <v>174</v>
      </c>
      <c r="V2586" s="113" t="s">
        <v>174</v>
      </c>
      <c r="W2586" s="113" t="s">
        <v>174</v>
      </c>
      <c r="X2586" s="113" t="s">
        <v>174</v>
      </c>
      <c r="Y2586" s="113" t="s">
        <v>174</v>
      </c>
      <c r="Z2586" s="113" t="s">
        <v>174</v>
      </c>
      <c r="AA2586" s="113" t="s">
        <v>174</v>
      </c>
      <c r="AB2586" s="113" t="s">
        <v>174</v>
      </c>
      <c r="AC2586" s="113" t="s">
        <v>174</v>
      </c>
      <c r="AD2586" s="113" t="s">
        <v>174</v>
      </c>
      <c r="AE2586" s="113" t="s">
        <v>174</v>
      </c>
      <c r="AF2586" s="113">
        <v>1</v>
      </c>
      <c r="AG2586" s="113" t="s">
        <v>174</v>
      </c>
      <c r="AH2586" s="113" t="s">
        <v>174</v>
      </c>
      <c r="AI2586" s="113" t="s">
        <v>174</v>
      </c>
      <c r="AJ2586" s="113" t="s">
        <v>174</v>
      </c>
      <c r="AK2586" s="113" t="s">
        <v>174</v>
      </c>
      <c r="AL2586" s="113" t="s">
        <v>174</v>
      </c>
      <c r="AM2586" s="113" t="s">
        <v>174</v>
      </c>
      <c r="AN2586" s="113" t="s">
        <v>174</v>
      </c>
      <c r="AO2586" s="113" t="s">
        <v>174</v>
      </c>
      <c r="AP2586" s="113" t="s">
        <v>174</v>
      </c>
      <c r="AQ2586" s="113" t="s">
        <v>174</v>
      </c>
      <c r="AR2586" s="113" t="s">
        <v>174</v>
      </c>
      <c r="AS2586" s="113" t="s">
        <v>174</v>
      </c>
      <c r="AT2586" s="121" t="s">
        <v>174</v>
      </c>
      <c r="AU2586" s="113" t="s">
        <v>174</v>
      </c>
      <c r="AV2586" s="113" t="s">
        <v>174</v>
      </c>
      <c r="AW2586" s="113" t="s">
        <v>174</v>
      </c>
      <c r="AX2586" s="113"/>
      <c r="AY2586" s="113"/>
      <c r="AZ2586" s="124" t="s">
        <v>23203</v>
      </c>
      <c r="BA2586" s="113" t="s">
        <v>19478</v>
      </c>
      <c r="BB2586" s="107">
        <v>45884</v>
      </c>
    </row>
    <row r="2587" spans="1:54" s="207" customFormat="1" ht="13.95" customHeight="1" x14ac:dyDescent="0.25">
      <c r="A2587" s="208" t="s">
        <v>6168</v>
      </c>
      <c r="B2587" s="209" t="s">
        <v>20420</v>
      </c>
      <c r="C2587" s="113" t="s">
        <v>6169</v>
      </c>
      <c r="D2587" s="113" t="s">
        <v>24014</v>
      </c>
      <c r="E2587" s="210">
        <v>1972</v>
      </c>
      <c r="F2587" s="210">
        <v>29706</v>
      </c>
      <c r="G2587" s="113" t="s">
        <v>7</v>
      </c>
      <c r="H2587" s="113">
        <v>1</v>
      </c>
      <c r="I2587" s="113">
        <v>1</v>
      </c>
      <c r="J2587" s="115">
        <v>1</v>
      </c>
      <c r="K2587" s="116" t="s">
        <v>174</v>
      </c>
      <c r="L2587" s="115">
        <v>1</v>
      </c>
      <c r="M2587" s="115">
        <v>0</v>
      </c>
      <c r="N2587" s="115">
        <v>1</v>
      </c>
      <c r="O2587" s="115">
        <v>1</v>
      </c>
      <c r="P2587" s="115">
        <v>1</v>
      </c>
      <c r="Q2587" s="115">
        <v>1</v>
      </c>
      <c r="R2587" s="115">
        <v>1</v>
      </c>
      <c r="S2587" s="115">
        <v>0</v>
      </c>
      <c r="T2587" s="115">
        <v>0</v>
      </c>
      <c r="U2587" s="113" t="s">
        <v>174</v>
      </c>
      <c r="V2587" s="113" t="s">
        <v>174</v>
      </c>
      <c r="W2587" s="113" t="s">
        <v>174</v>
      </c>
      <c r="X2587" s="113" t="s">
        <v>174</v>
      </c>
      <c r="Y2587" s="113" t="s">
        <v>174</v>
      </c>
      <c r="Z2587" s="113" t="s">
        <v>174</v>
      </c>
      <c r="AA2587" s="113" t="s">
        <v>174</v>
      </c>
      <c r="AB2587" s="113" t="s">
        <v>174</v>
      </c>
      <c r="AC2587" s="113" t="s">
        <v>174</v>
      </c>
      <c r="AD2587" s="113" t="s">
        <v>174</v>
      </c>
      <c r="AE2587" s="113" t="s">
        <v>174</v>
      </c>
      <c r="AF2587" s="113">
        <v>1</v>
      </c>
      <c r="AG2587" s="113" t="s">
        <v>174</v>
      </c>
      <c r="AH2587" s="113" t="s">
        <v>174</v>
      </c>
      <c r="AI2587" s="113" t="s">
        <v>174</v>
      </c>
      <c r="AJ2587" s="113" t="s">
        <v>174</v>
      </c>
      <c r="AK2587" s="113" t="s">
        <v>174</v>
      </c>
      <c r="AL2587" s="113" t="s">
        <v>174</v>
      </c>
      <c r="AM2587" s="113" t="s">
        <v>174</v>
      </c>
      <c r="AN2587" s="113" t="s">
        <v>174</v>
      </c>
      <c r="AO2587" s="113" t="s">
        <v>174</v>
      </c>
      <c r="AP2587" s="113" t="s">
        <v>174</v>
      </c>
      <c r="AQ2587" s="113" t="s">
        <v>174</v>
      </c>
      <c r="AR2587" s="113" t="s">
        <v>174</v>
      </c>
      <c r="AS2587" s="113" t="s">
        <v>174</v>
      </c>
      <c r="AT2587" s="121" t="s">
        <v>174</v>
      </c>
      <c r="AU2587" s="113" t="s">
        <v>174</v>
      </c>
      <c r="AV2587" s="113" t="s">
        <v>174</v>
      </c>
      <c r="AW2587" s="113" t="s">
        <v>174</v>
      </c>
      <c r="AX2587" s="113"/>
      <c r="AY2587" s="113"/>
      <c r="AZ2587" s="124" t="s">
        <v>23203</v>
      </c>
      <c r="BA2587" s="113" t="s">
        <v>19478</v>
      </c>
      <c r="BB2587" s="107">
        <v>45884</v>
      </c>
    </row>
    <row r="2588" spans="1:54" s="207" customFormat="1" ht="13.95" customHeight="1" x14ac:dyDescent="0.25">
      <c r="A2588" s="208" t="s">
        <v>6170</v>
      </c>
      <c r="B2588" s="209" t="s">
        <v>20420</v>
      </c>
      <c r="C2588" s="113" t="s">
        <v>21937</v>
      </c>
      <c r="D2588" s="113" t="s">
        <v>6171</v>
      </c>
      <c r="E2588" s="210">
        <v>1989</v>
      </c>
      <c r="F2588" s="210">
        <v>29781</v>
      </c>
      <c r="G2588" s="113" t="s">
        <v>3</v>
      </c>
      <c r="H2588" s="113">
        <v>0</v>
      </c>
      <c r="I2588" s="113">
        <v>0</v>
      </c>
      <c r="J2588" s="115">
        <v>1</v>
      </c>
      <c r="K2588" s="116" t="s">
        <v>174</v>
      </c>
      <c r="L2588" s="115">
        <v>1</v>
      </c>
      <c r="M2588" s="115">
        <v>1</v>
      </c>
      <c r="N2588" s="115">
        <v>1</v>
      </c>
      <c r="O2588" s="115">
        <v>0</v>
      </c>
      <c r="P2588" s="115" t="s">
        <v>400</v>
      </c>
      <c r="Q2588" s="115">
        <v>1</v>
      </c>
      <c r="R2588" s="115">
        <v>0</v>
      </c>
      <c r="S2588" s="115">
        <v>0</v>
      </c>
      <c r="T2588" s="115">
        <v>0</v>
      </c>
      <c r="U2588" s="113" t="s">
        <v>174</v>
      </c>
      <c r="V2588" s="113" t="s">
        <v>174</v>
      </c>
      <c r="W2588" s="113" t="s">
        <v>174</v>
      </c>
      <c r="X2588" s="113" t="s">
        <v>174</v>
      </c>
      <c r="Y2588" s="113" t="s">
        <v>174</v>
      </c>
      <c r="Z2588" s="113" t="s">
        <v>174</v>
      </c>
      <c r="AA2588" s="113" t="s">
        <v>174</v>
      </c>
      <c r="AB2588" s="113" t="s">
        <v>174</v>
      </c>
      <c r="AC2588" s="113" t="s">
        <v>174</v>
      </c>
      <c r="AD2588" s="113" t="s">
        <v>174</v>
      </c>
      <c r="AE2588" s="113" t="s">
        <v>174</v>
      </c>
      <c r="AF2588" s="113" t="s">
        <v>174</v>
      </c>
      <c r="AG2588" s="113" t="s">
        <v>174</v>
      </c>
      <c r="AH2588" s="113" t="s">
        <v>174</v>
      </c>
      <c r="AI2588" s="113" t="s">
        <v>174</v>
      </c>
      <c r="AJ2588" s="113" t="s">
        <v>174</v>
      </c>
      <c r="AK2588" s="113" t="s">
        <v>174</v>
      </c>
      <c r="AL2588" s="113" t="s">
        <v>174</v>
      </c>
      <c r="AM2588" s="113" t="s">
        <v>174</v>
      </c>
      <c r="AN2588" s="113" t="s">
        <v>174</v>
      </c>
      <c r="AO2588" s="113" t="s">
        <v>174</v>
      </c>
      <c r="AP2588" s="113" t="s">
        <v>174</v>
      </c>
      <c r="AQ2588" s="113" t="s">
        <v>174</v>
      </c>
      <c r="AR2588" s="113" t="s">
        <v>174</v>
      </c>
      <c r="AS2588" s="113" t="s">
        <v>174</v>
      </c>
      <c r="AT2588" s="113">
        <v>1</v>
      </c>
      <c r="AU2588" s="113" t="s">
        <v>174</v>
      </c>
      <c r="AV2588" s="113" t="s">
        <v>174</v>
      </c>
      <c r="AW2588" s="113" t="s">
        <v>174</v>
      </c>
      <c r="AX2588" s="113"/>
      <c r="AY2588" s="113"/>
      <c r="AZ2588" s="113"/>
      <c r="BA2588" s="113"/>
      <c r="BB2588" s="107">
        <v>45884</v>
      </c>
    </row>
    <row r="2589" spans="1:54" s="207" customFormat="1" ht="13.95" customHeight="1" x14ac:dyDescent="0.25">
      <c r="A2589" s="208" t="s">
        <v>6172</v>
      </c>
      <c r="B2589" s="209" t="s">
        <v>20420</v>
      </c>
      <c r="C2589" s="113" t="s">
        <v>6173</v>
      </c>
      <c r="D2589" s="113" t="s">
        <v>6174</v>
      </c>
      <c r="E2589" s="210">
        <v>1991</v>
      </c>
      <c r="F2589" s="210">
        <v>30145</v>
      </c>
      <c r="G2589" s="113" t="s">
        <v>7</v>
      </c>
      <c r="H2589" s="113">
        <v>1</v>
      </c>
      <c r="I2589" s="113">
        <v>1</v>
      </c>
      <c r="J2589" s="115">
        <v>1</v>
      </c>
      <c r="K2589" s="116" t="s">
        <v>174</v>
      </c>
      <c r="L2589" s="115">
        <v>1</v>
      </c>
      <c r="M2589" s="115">
        <v>0</v>
      </c>
      <c r="N2589" s="115">
        <v>0</v>
      </c>
      <c r="O2589" s="115">
        <v>1</v>
      </c>
      <c r="P2589" s="115">
        <v>1</v>
      </c>
      <c r="Q2589" s="115" t="s">
        <v>400</v>
      </c>
      <c r="R2589" s="115">
        <v>0</v>
      </c>
      <c r="S2589" s="115">
        <v>0</v>
      </c>
      <c r="T2589" s="115">
        <v>0</v>
      </c>
      <c r="U2589" s="113" t="s">
        <v>174</v>
      </c>
      <c r="V2589" s="113" t="s">
        <v>174</v>
      </c>
      <c r="W2589" s="113" t="s">
        <v>174</v>
      </c>
      <c r="X2589" s="113" t="s">
        <v>174</v>
      </c>
      <c r="Y2589" s="113" t="s">
        <v>174</v>
      </c>
      <c r="Z2589" s="113" t="s">
        <v>174</v>
      </c>
      <c r="AA2589" s="113" t="s">
        <v>174</v>
      </c>
      <c r="AB2589" s="113" t="s">
        <v>174</v>
      </c>
      <c r="AC2589" s="113" t="s">
        <v>174</v>
      </c>
      <c r="AD2589" s="113" t="s">
        <v>174</v>
      </c>
      <c r="AE2589" s="113" t="s">
        <v>174</v>
      </c>
      <c r="AF2589" s="113" t="s">
        <v>174</v>
      </c>
      <c r="AG2589" s="113" t="s">
        <v>174</v>
      </c>
      <c r="AH2589" s="113" t="s">
        <v>174</v>
      </c>
      <c r="AI2589" s="113" t="s">
        <v>174</v>
      </c>
      <c r="AJ2589" s="113" t="s">
        <v>174</v>
      </c>
      <c r="AK2589" s="113" t="s">
        <v>174</v>
      </c>
      <c r="AL2589" s="113" t="s">
        <v>174</v>
      </c>
      <c r="AM2589" s="113" t="s">
        <v>174</v>
      </c>
      <c r="AN2589" s="113" t="s">
        <v>174</v>
      </c>
      <c r="AO2589" s="113" t="s">
        <v>174</v>
      </c>
      <c r="AP2589" s="113" t="s">
        <v>174</v>
      </c>
      <c r="AQ2589" s="113" t="s">
        <v>174</v>
      </c>
      <c r="AR2589" s="113" t="s">
        <v>174</v>
      </c>
      <c r="AS2589" s="113" t="s">
        <v>174</v>
      </c>
      <c r="AT2589" s="121" t="s">
        <v>174</v>
      </c>
      <c r="AU2589" s="113" t="s">
        <v>174</v>
      </c>
      <c r="AV2589" s="113" t="s">
        <v>174</v>
      </c>
      <c r="AW2589" s="113" t="s">
        <v>174</v>
      </c>
      <c r="AX2589" s="113"/>
      <c r="AY2589" s="113"/>
      <c r="AZ2589" s="113"/>
      <c r="BA2589" s="113"/>
      <c r="BB2589" s="107">
        <v>45884</v>
      </c>
    </row>
    <row r="2590" spans="1:54" s="207" customFormat="1" ht="13.95" customHeight="1" x14ac:dyDescent="0.25">
      <c r="A2590" s="208" t="s">
        <v>6175</v>
      </c>
      <c r="B2590" s="209" t="s">
        <v>20420</v>
      </c>
      <c r="C2590" s="113" t="s">
        <v>6176</v>
      </c>
      <c r="D2590" s="113" t="s">
        <v>24015</v>
      </c>
      <c r="E2590" s="210">
        <v>1995</v>
      </c>
      <c r="F2590" s="210">
        <v>30317</v>
      </c>
      <c r="G2590" s="113" t="s">
        <v>3</v>
      </c>
      <c r="H2590" s="113">
        <v>0</v>
      </c>
      <c r="I2590" s="113">
        <v>0</v>
      </c>
      <c r="J2590" s="115">
        <v>1</v>
      </c>
      <c r="K2590" s="211">
        <v>1</v>
      </c>
      <c r="L2590" s="115">
        <v>0</v>
      </c>
      <c r="M2590" s="115">
        <v>1</v>
      </c>
      <c r="N2590" s="115">
        <v>1</v>
      </c>
      <c r="O2590" s="115">
        <v>1</v>
      </c>
      <c r="P2590" s="115" t="s">
        <v>400</v>
      </c>
      <c r="Q2590" s="115" t="s">
        <v>400</v>
      </c>
      <c r="R2590" s="115">
        <v>1</v>
      </c>
      <c r="S2590" s="115">
        <v>1</v>
      </c>
      <c r="T2590" s="115">
        <v>1</v>
      </c>
      <c r="U2590" s="113" t="s">
        <v>174</v>
      </c>
      <c r="V2590" s="113" t="s">
        <v>174</v>
      </c>
      <c r="W2590" s="113" t="s">
        <v>174</v>
      </c>
      <c r="X2590" s="113" t="s">
        <v>174</v>
      </c>
      <c r="Y2590" s="113" t="s">
        <v>174</v>
      </c>
      <c r="Z2590" s="113" t="s">
        <v>174</v>
      </c>
      <c r="AA2590" s="113" t="s">
        <v>174</v>
      </c>
      <c r="AB2590" s="113" t="s">
        <v>174</v>
      </c>
      <c r="AC2590" s="113" t="s">
        <v>174</v>
      </c>
      <c r="AD2590" s="113" t="s">
        <v>174</v>
      </c>
      <c r="AE2590" s="113" t="s">
        <v>174</v>
      </c>
      <c r="AF2590" s="113" t="s">
        <v>174</v>
      </c>
      <c r="AG2590" s="113" t="s">
        <v>174</v>
      </c>
      <c r="AH2590" s="113" t="s">
        <v>174</v>
      </c>
      <c r="AI2590" s="113" t="s">
        <v>174</v>
      </c>
      <c r="AJ2590" s="113" t="s">
        <v>174</v>
      </c>
      <c r="AK2590" s="113" t="s">
        <v>174</v>
      </c>
      <c r="AL2590" s="113" t="s">
        <v>174</v>
      </c>
      <c r="AM2590" s="113" t="s">
        <v>174</v>
      </c>
      <c r="AN2590" s="113" t="s">
        <v>174</v>
      </c>
      <c r="AO2590" s="113" t="s">
        <v>174</v>
      </c>
      <c r="AP2590" s="113" t="s">
        <v>174</v>
      </c>
      <c r="AQ2590" s="113" t="s">
        <v>174</v>
      </c>
      <c r="AR2590" s="113" t="s">
        <v>174</v>
      </c>
      <c r="AS2590" s="113" t="s">
        <v>174</v>
      </c>
      <c r="AT2590" s="121" t="s">
        <v>174</v>
      </c>
      <c r="AU2590" s="113" t="s">
        <v>174</v>
      </c>
      <c r="AV2590" s="113" t="s">
        <v>174</v>
      </c>
      <c r="AW2590" s="113" t="s">
        <v>174</v>
      </c>
      <c r="AX2590" s="113"/>
      <c r="AY2590" s="113"/>
      <c r="AZ2590" s="113"/>
      <c r="BA2590" s="113"/>
      <c r="BB2590" s="107">
        <v>45884</v>
      </c>
    </row>
    <row r="2591" spans="1:54" s="207" customFormat="1" ht="13.95" customHeight="1" x14ac:dyDescent="0.25">
      <c r="A2591" s="208" t="s">
        <v>6177</v>
      </c>
      <c r="B2591" s="209" t="s">
        <v>20420</v>
      </c>
      <c r="C2591" s="113" t="s">
        <v>6178</v>
      </c>
      <c r="D2591" s="113" t="s">
        <v>24016</v>
      </c>
      <c r="E2591" s="210">
        <v>1987</v>
      </c>
      <c r="F2591" s="210">
        <v>30447</v>
      </c>
      <c r="G2591" s="113" t="s">
        <v>11</v>
      </c>
      <c r="H2591" s="113">
        <v>0</v>
      </c>
      <c r="I2591" s="113">
        <v>0</v>
      </c>
      <c r="J2591" s="115" t="s">
        <v>400</v>
      </c>
      <c r="K2591" s="116" t="s">
        <v>174</v>
      </c>
      <c r="L2591" s="115">
        <v>0</v>
      </c>
      <c r="M2591" s="115">
        <v>0</v>
      </c>
      <c r="N2591" s="115">
        <v>0</v>
      </c>
      <c r="O2591" s="115">
        <v>0</v>
      </c>
      <c r="P2591" s="115" t="s">
        <v>400</v>
      </c>
      <c r="Q2591" s="115" t="s">
        <v>400</v>
      </c>
      <c r="R2591" s="115">
        <v>0</v>
      </c>
      <c r="S2591" s="115">
        <v>0</v>
      </c>
      <c r="T2591" s="115">
        <v>0</v>
      </c>
      <c r="U2591" s="113" t="s">
        <v>174</v>
      </c>
      <c r="V2591" s="113" t="s">
        <v>174</v>
      </c>
      <c r="W2591" s="113" t="s">
        <v>174</v>
      </c>
      <c r="X2591" s="113" t="s">
        <v>174</v>
      </c>
      <c r="Y2591" s="113" t="s">
        <v>174</v>
      </c>
      <c r="Z2591" s="113" t="s">
        <v>174</v>
      </c>
      <c r="AA2591" s="113" t="s">
        <v>174</v>
      </c>
      <c r="AB2591" s="113" t="s">
        <v>174</v>
      </c>
      <c r="AC2591" s="113" t="s">
        <v>174</v>
      </c>
      <c r="AD2591" s="113" t="s">
        <v>174</v>
      </c>
      <c r="AE2591" s="113" t="s">
        <v>174</v>
      </c>
      <c r="AF2591" s="113" t="s">
        <v>174</v>
      </c>
      <c r="AG2591" s="113" t="s">
        <v>174</v>
      </c>
      <c r="AH2591" s="113" t="s">
        <v>174</v>
      </c>
      <c r="AI2591" s="113" t="s">
        <v>174</v>
      </c>
      <c r="AJ2591" s="113" t="s">
        <v>174</v>
      </c>
      <c r="AK2591" s="113" t="s">
        <v>174</v>
      </c>
      <c r="AL2591" s="113" t="s">
        <v>174</v>
      </c>
      <c r="AM2591" s="113" t="s">
        <v>174</v>
      </c>
      <c r="AN2591" s="113" t="s">
        <v>174</v>
      </c>
      <c r="AO2591" s="113" t="s">
        <v>174</v>
      </c>
      <c r="AP2591" s="113" t="s">
        <v>174</v>
      </c>
      <c r="AQ2591" s="113" t="s">
        <v>174</v>
      </c>
      <c r="AR2591" s="113" t="s">
        <v>174</v>
      </c>
      <c r="AS2591" s="113" t="s">
        <v>174</v>
      </c>
      <c r="AT2591" s="121" t="s">
        <v>174</v>
      </c>
      <c r="AU2591" s="113" t="s">
        <v>174</v>
      </c>
      <c r="AV2591" s="113" t="s">
        <v>174</v>
      </c>
      <c r="AW2591" s="113" t="s">
        <v>174</v>
      </c>
      <c r="AX2591" s="113"/>
      <c r="AY2591" s="113"/>
      <c r="AZ2591" s="113"/>
      <c r="BA2591" s="113"/>
      <c r="BB2591" s="107">
        <v>45884</v>
      </c>
    </row>
    <row r="2592" spans="1:54" s="207" customFormat="1" ht="13.95" customHeight="1" x14ac:dyDescent="0.25">
      <c r="A2592" s="208" t="s">
        <v>6179</v>
      </c>
      <c r="B2592" s="209" t="s">
        <v>20420</v>
      </c>
      <c r="C2592" s="113" t="s">
        <v>6180</v>
      </c>
      <c r="D2592" s="113" t="s">
        <v>6181</v>
      </c>
      <c r="E2592" s="210">
        <v>2000</v>
      </c>
      <c r="F2592" s="210">
        <v>30455</v>
      </c>
      <c r="G2592" s="113" t="s">
        <v>3</v>
      </c>
      <c r="H2592" s="113">
        <v>1</v>
      </c>
      <c r="I2592" s="113">
        <v>1</v>
      </c>
      <c r="J2592" s="115">
        <v>1</v>
      </c>
      <c r="K2592" s="116" t="s">
        <v>174</v>
      </c>
      <c r="L2592" s="115">
        <v>0</v>
      </c>
      <c r="M2592" s="115">
        <v>1</v>
      </c>
      <c r="N2592" s="115">
        <v>1</v>
      </c>
      <c r="O2592" s="115">
        <v>0</v>
      </c>
      <c r="P2592" s="115" t="s">
        <v>400</v>
      </c>
      <c r="Q2592" s="115" t="s">
        <v>400</v>
      </c>
      <c r="R2592" s="115">
        <v>0</v>
      </c>
      <c r="S2592" s="115">
        <v>0</v>
      </c>
      <c r="T2592" s="115">
        <v>0</v>
      </c>
      <c r="U2592" s="113" t="s">
        <v>174</v>
      </c>
      <c r="V2592" s="113" t="s">
        <v>174</v>
      </c>
      <c r="W2592" s="113" t="s">
        <v>174</v>
      </c>
      <c r="X2592" s="113" t="s">
        <v>174</v>
      </c>
      <c r="Y2592" s="113" t="s">
        <v>174</v>
      </c>
      <c r="Z2592" s="113" t="s">
        <v>174</v>
      </c>
      <c r="AA2592" s="113" t="s">
        <v>174</v>
      </c>
      <c r="AB2592" s="113" t="s">
        <v>174</v>
      </c>
      <c r="AC2592" s="113" t="s">
        <v>174</v>
      </c>
      <c r="AD2592" s="113" t="s">
        <v>174</v>
      </c>
      <c r="AE2592" s="113" t="s">
        <v>174</v>
      </c>
      <c r="AF2592" s="113" t="s">
        <v>174</v>
      </c>
      <c r="AG2592" s="113" t="s">
        <v>174</v>
      </c>
      <c r="AH2592" s="113" t="s">
        <v>174</v>
      </c>
      <c r="AI2592" s="113" t="s">
        <v>174</v>
      </c>
      <c r="AJ2592" s="113" t="s">
        <v>174</v>
      </c>
      <c r="AK2592" s="113" t="s">
        <v>174</v>
      </c>
      <c r="AL2592" s="113" t="s">
        <v>174</v>
      </c>
      <c r="AM2592" s="113" t="s">
        <v>174</v>
      </c>
      <c r="AN2592" s="113" t="s">
        <v>174</v>
      </c>
      <c r="AO2592" s="113" t="s">
        <v>174</v>
      </c>
      <c r="AP2592" s="113" t="s">
        <v>174</v>
      </c>
      <c r="AQ2592" s="113" t="s">
        <v>174</v>
      </c>
      <c r="AR2592" s="113" t="s">
        <v>174</v>
      </c>
      <c r="AS2592" s="113" t="s">
        <v>174</v>
      </c>
      <c r="AT2592" s="121" t="s">
        <v>174</v>
      </c>
      <c r="AU2592" s="113" t="s">
        <v>174</v>
      </c>
      <c r="AV2592" s="113" t="s">
        <v>174</v>
      </c>
      <c r="AW2592" s="113" t="s">
        <v>174</v>
      </c>
      <c r="AX2592" s="113"/>
      <c r="AY2592" s="113"/>
      <c r="AZ2592" s="113"/>
      <c r="BA2592" s="113"/>
      <c r="BB2592" s="107">
        <v>45884</v>
      </c>
    </row>
    <row r="2593" spans="1:54" s="207" customFormat="1" ht="13.95" customHeight="1" x14ac:dyDescent="0.25">
      <c r="A2593" s="208" t="s">
        <v>6182</v>
      </c>
      <c r="B2593" s="209" t="s">
        <v>20420</v>
      </c>
      <c r="C2593" s="113" t="s">
        <v>6183</v>
      </c>
      <c r="D2593" s="113" t="s">
        <v>24017</v>
      </c>
      <c r="E2593" s="210">
        <v>1949</v>
      </c>
      <c r="F2593" s="210">
        <v>30697</v>
      </c>
      <c r="G2593" s="113" t="s">
        <v>7</v>
      </c>
      <c r="H2593" s="113">
        <v>1</v>
      </c>
      <c r="I2593" s="113">
        <v>1</v>
      </c>
      <c r="J2593" s="115">
        <v>1</v>
      </c>
      <c r="K2593" s="211">
        <v>1</v>
      </c>
      <c r="L2593" s="115">
        <v>1</v>
      </c>
      <c r="M2593" s="115">
        <v>1</v>
      </c>
      <c r="N2593" s="115">
        <v>0</v>
      </c>
      <c r="O2593" s="115">
        <v>1</v>
      </c>
      <c r="P2593" s="115">
        <v>1</v>
      </c>
      <c r="Q2593" s="115" t="s">
        <v>400</v>
      </c>
      <c r="R2593" s="115">
        <v>1</v>
      </c>
      <c r="S2593" s="115">
        <v>0</v>
      </c>
      <c r="T2593" s="115">
        <v>0</v>
      </c>
      <c r="U2593" s="113" t="s">
        <v>174</v>
      </c>
      <c r="V2593" s="113" t="s">
        <v>174</v>
      </c>
      <c r="W2593" s="113" t="s">
        <v>174</v>
      </c>
      <c r="X2593" s="113" t="s">
        <v>174</v>
      </c>
      <c r="Y2593" s="113" t="s">
        <v>174</v>
      </c>
      <c r="Z2593" s="113">
        <v>1</v>
      </c>
      <c r="AA2593" s="113" t="s">
        <v>174</v>
      </c>
      <c r="AB2593" s="113">
        <v>1</v>
      </c>
      <c r="AC2593" s="113" t="s">
        <v>174</v>
      </c>
      <c r="AD2593" s="113" t="s">
        <v>174</v>
      </c>
      <c r="AE2593" s="113" t="s">
        <v>174</v>
      </c>
      <c r="AF2593" s="113">
        <v>1</v>
      </c>
      <c r="AG2593" s="113" t="s">
        <v>174</v>
      </c>
      <c r="AH2593" s="113" t="s">
        <v>174</v>
      </c>
      <c r="AI2593" s="113" t="s">
        <v>174</v>
      </c>
      <c r="AJ2593" s="113" t="s">
        <v>174</v>
      </c>
      <c r="AK2593" s="113" t="s">
        <v>174</v>
      </c>
      <c r="AL2593" s="113" t="s">
        <v>174</v>
      </c>
      <c r="AM2593" s="113" t="s">
        <v>174</v>
      </c>
      <c r="AN2593" s="113" t="s">
        <v>174</v>
      </c>
      <c r="AO2593" s="113" t="s">
        <v>174</v>
      </c>
      <c r="AP2593" s="113" t="s">
        <v>174</v>
      </c>
      <c r="AQ2593" s="113" t="s">
        <v>174</v>
      </c>
      <c r="AR2593" s="113" t="s">
        <v>174</v>
      </c>
      <c r="AS2593" s="113" t="s">
        <v>174</v>
      </c>
      <c r="AT2593" s="121" t="s">
        <v>174</v>
      </c>
      <c r="AU2593" s="113" t="s">
        <v>174</v>
      </c>
      <c r="AV2593" s="113">
        <v>1</v>
      </c>
      <c r="AW2593" s="113" t="s">
        <v>174</v>
      </c>
      <c r="AX2593" s="113"/>
      <c r="AY2593" s="113"/>
      <c r="AZ2593" s="124" t="s">
        <v>23203</v>
      </c>
      <c r="BA2593" s="113" t="s">
        <v>19478</v>
      </c>
      <c r="BB2593" s="107">
        <v>45884</v>
      </c>
    </row>
    <row r="2594" spans="1:54" s="207" customFormat="1" ht="13.95" customHeight="1" x14ac:dyDescent="0.25">
      <c r="A2594" s="208" t="s">
        <v>6184</v>
      </c>
      <c r="B2594" s="209" t="s">
        <v>20420</v>
      </c>
      <c r="C2594" s="113" t="s">
        <v>6185</v>
      </c>
      <c r="D2594" s="113" t="s">
        <v>24018</v>
      </c>
      <c r="E2594" s="210">
        <v>1997</v>
      </c>
      <c r="F2594" s="210">
        <v>31496</v>
      </c>
      <c r="G2594" s="113" t="s">
        <v>3</v>
      </c>
      <c r="H2594" s="113">
        <v>1</v>
      </c>
      <c r="I2594" s="113">
        <v>1</v>
      </c>
      <c r="J2594" s="115">
        <v>1</v>
      </c>
      <c r="K2594" s="116" t="s">
        <v>174</v>
      </c>
      <c r="L2594" s="115">
        <v>0</v>
      </c>
      <c r="M2594" s="115">
        <v>0</v>
      </c>
      <c r="N2594" s="115">
        <v>0</v>
      </c>
      <c r="O2594" s="115">
        <v>1</v>
      </c>
      <c r="P2594" s="115">
        <v>1</v>
      </c>
      <c r="Q2594" s="115" t="s">
        <v>400</v>
      </c>
      <c r="R2594" s="115">
        <v>0</v>
      </c>
      <c r="S2594" s="115">
        <v>0</v>
      </c>
      <c r="T2594" s="115">
        <v>0</v>
      </c>
      <c r="U2594" s="113" t="s">
        <v>174</v>
      </c>
      <c r="V2594" s="113" t="s">
        <v>174</v>
      </c>
      <c r="W2594" s="113" t="s">
        <v>174</v>
      </c>
      <c r="X2594" s="113" t="s">
        <v>174</v>
      </c>
      <c r="Y2594" s="113" t="s">
        <v>174</v>
      </c>
      <c r="Z2594" s="113" t="s">
        <v>174</v>
      </c>
      <c r="AA2594" s="113" t="s">
        <v>174</v>
      </c>
      <c r="AB2594" s="113" t="s">
        <v>174</v>
      </c>
      <c r="AC2594" s="113" t="s">
        <v>174</v>
      </c>
      <c r="AD2594" s="113" t="s">
        <v>174</v>
      </c>
      <c r="AE2594" s="113" t="s">
        <v>174</v>
      </c>
      <c r="AF2594" s="113" t="s">
        <v>174</v>
      </c>
      <c r="AG2594" s="113" t="s">
        <v>174</v>
      </c>
      <c r="AH2594" s="113" t="s">
        <v>174</v>
      </c>
      <c r="AI2594" s="113" t="s">
        <v>174</v>
      </c>
      <c r="AJ2594" s="113" t="s">
        <v>174</v>
      </c>
      <c r="AK2594" s="113" t="s">
        <v>174</v>
      </c>
      <c r="AL2594" s="113" t="s">
        <v>174</v>
      </c>
      <c r="AM2594" s="113" t="s">
        <v>174</v>
      </c>
      <c r="AN2594" s="113" t="s">
        <v>174</v>
      </c>
      <c r="AO2594" s="113" t="s">
        <v>174</v>
      </c>
      <c r="AP2594" s="113" t="s">
        <v>174</v>
      </c>
      <c r="AQ2594" s="113" t="s">
        <v>174</v>
      </c>
      <c r="AR2594" s="113" t="s">
        <v>174</v>
      </c>
      <c r="AS2594" s="113" t="s">
        <v>174</v>
      </c>
      <c r="AT2594" s="121" t="s">
        <v>174</v>
      </c>
      <c r="AU2594" s="113" t="s">
        <v>174</v>
      </c>
      <c r="AV2594" s="113" t="s">
        <v>174</v>
      </c>
      <c r="AW2594" s="113" t="s">
        <v>174</v>
      </c>
      <c r="AX2594" s="113"/>
      <c r="AY2594" s="113"/>
      <c r="AZ2594" s="113"/>
      <c r="BA2594" s="113"/>
      <c r="BB2594" s="107">
        <v>45884</v>
      </c>
    </row>
    <row r="2595" spans="1:54" s="207" customFormat="1" ht="13.95" customHeight="1" x14ac:dyDescent="0.25">
      <c r="A2595" s="208" t="s">
        <v>6186</v>
      </c>
      <c r="B2595" s="209" t="s">
        <v>20420</v>
      </c>
      <c r="C2595" s="113" t="s">
        <v>6187</v>
      </c>
      <c r="D2595" s="113" t="s">
        <v>24019</v>
      </c>
      <c r="E2595" s="210">
        <v>1985</v>
      </c>
      <c r="F2595" s="210">
        <v>32323</v>
      </c>
      <c r="G2595" s="113" t="s">
        <v>3</v>
      </c>
      <c r="H2595" s="113">
        <v>1</v>
      </c>
      <c r="I2595" s="113">
        <v>0</v>
      </c>
      <c r="J2595" s="115">
        <v>1</v>
      </c>
      <c r="K2595" s="116" t="s">
        <v>174</v>
      </c>
      <c r="L2595" s="115">
        <v>0</v>
      </c>
      <c r="M2595" s="115">
        <v>1</v>
      </c>
      <c r="N2595" s="115">
        <v>1</v>
      </c>
      <c r="O2595" s="115">
        <v>1</v>
      </c>
      <c r="P2595" s="115">
        <v>1</v>
      </c>
      <c r="Q2595" s="115" t="s">
        <v>400</v>
      </c>
      <c r="R2595" s="115">
        <v>0</v>
      </c>
      <c r="S2595" s="115">
        <v>0</v>
      </c>
      <c r="T2595" s="115">
        <v>0</v>
      </c>
      <c r="U2595" s="113" t="s">
        <v>174</v>
      </c>
      <c r="V2595" s="113" t="s">
        <v>174</v>
      </c>
      <c r="W2595" s="113" t="s">
        <v>174</v>
      </c>
      <c r="X2595" s="113" t="s">
        <v>174</v>
      </c>
      <c r="Y2595" s="113" t="s">
        <v>174</v>
      </c>
      <c r="Z2595" s="113" t="s">
        <v>174</v>
      </c>
      <c r="AA2595" s="113" t="s">
        <v>174</v>
      </c>
      <c r="AB2595" s="113" t="s">
        <v>174</v>
      </c>
      <c r="AC2595" s="113" t="s">
        <v>174</v>
      </c>
      <c r="AD2595" s="113" t="s">
        <v>174</v>
      </c>
      <c r="AE2595" s="113" t="s">
        <v>174</v>
      </c>
      <c r="AF2595" s="113">
        <v>1</v>
      </c>
      <c r="AG2595" s="113" t="s">
        <v>174</v>
      </c>
      <c r="AH2595" s="113" t="s">
        <v>174</v>
      </c>
      <c r="AI2595" s="113" t="s">
        <v>174</v>
      </c>
      <c r="AJ2595" s="113" t="s">
        <v>174</v>
      </c>
      <c r="AK2595" s="113" t="s">
        <v>174</v>
      </c>
      <c r="AL2595" s="113" t="s">
        <v>174</v>
      </c>
      <c r="AM2595" s="113" t="s">
        <v>174</v>
      </c>
      <c r="AN2595" s="113" t="s">
        <v>174</v>
      </c>
      <c r="AO2595" s="113" t="s">
        <v>174</v>
      </c>
      <c r="AP2595" s="113" t="s">
        <v>174</v>
      </c>
      <c r="AQ2595" s="113" t="s">
        <v>174</v>
      </c>
      <c r="AR2595" s="113" t="s">
        <v>174</v>
      </c>
      <c r="AS2595" s="113" t="s">
        <v>174</v>
      </c>
      <c r="AT2595" s="121" t="s">
        <v>174</v>
      </c>
      <c r="AU2595" s="113" t="s">
        <v>174</v>
      </c>
      <c r="AV2595" s="113" t="s">
        <v>174</v>
      </c>
      <c r="AW2595" s="113" t="s">
        <v>174</v>
      </c>
      <c r="AX2595" s="113"/>
      <c r="AY2595" s="113"/>
      <c r="AZ2595" s="124" t="s">
        <v>23203</v>
      </c>
      <c r="BA2595" s="113" t="s">
        <v>19478</v>
      </c>
      <c r="BB2595" s="107">
        <v>45884</v>
      </c>
    </row>
    <row r="2596" spans="1:54" s="207" customFormat="1" ht="13.95" customHeight="1" x14ac:dyDescent="0.25">
      <c r="A2596" s="208" t="s">
        <v>6188</v>
      </c>
      <c r="B2596" s="209" t="s">
        <v>20420</v>
      </c>
      <c r="C2596" s="113" t="s">
        <v>6189</v>
      </c>
      <c r="D2596" s="113" t="s">
        <v>24020</v>
      </c>
      <c r="E2596" s="210">
        <v>1989</v>
      </c>
      <c r="F2596" s="210">
        <v>32098</v>
      </c>
      <c r="G2596" s="113" t="s">
        <v>7</v>
      </c>
      <c r="H2596" s="113">
        <v>1</v>
      </c>
      <c r="I2596" s="113">
        <v>1</v>
      </c>
      <c r="J2596" s="115">
        <v>1</v>
      </c>
      <c r="K2596" s="211">
        <v>1</v>
      </c>
      <c r="L2596" s="115">
        <v>1</v>
      </c>
      <c r="M2596" s="115">
        <v>1</v>
      </c>
      <c r="N2596" s="115">
        <v>1</v>
      </c>
      <c r="O2596" s="115">
        <v>0</v>
      </c>
      <c r="P2596" s="115" t="s">
        <v>400</v>
      </c>
      <c r="Q2596" s="115" t="s">
        <v>400</v>
      </c>
      <c r="R2596" s="115">
        <v>1</v>
      </c>
      <c r="S2596" s="115">
        <v>0</v>
      </c>
      <c r="T2596" s="115">
        <v>0</v>
      </c>
      <c r="U2596" s="113" t="s">
        <v>174</v>
      </c>
      <c r="V2596" s="113" t="s">
        <v>174</v>
      </c>
      <c r="W2596" s="113" t="s">
        <v>174</v>
      </c>
      <c r="X2596" s="113" t="s">
        <v>174</v>
      </c>
      <c r="Y2596" s="113" t="s">
        <v>174</v>
      </c>
      <c r="Z2596" s="113">
        <v>1</v>
      </c>
      <c r="AA2596" s="113" t="s">
        <v>174</v>
      </c>
      <c r="AB2596" s="113">
        <v>1</v>
      </c>
      <c r="AC2596" s="113" t="s">
        <v>174</v>
      </c>
      <c r="AD2596" s="113" t="s">
        <v>174</v>
      </c>
      <c r="AE2596" s="113" t="s">
        <v>174</v>
      </c>
      <c r="AF2596" s="113" t="s">
        <v>174</v>
      </c>
      <c r="AG2596" s="113" t="s">
        <v>174</v>
      </c>
      <c r="AH2596" s="113" t="s">
        <v>174</v>
      </c>
      <c r="AI2596" s="113" t="s">
        <v>174</v>
      </c>
      <c r="AJ2596" s="113" t="s">
        <v>174</v>
      </c>
      <c r="AK2596" s="113" t="s">
        <v>174</v>
      </c>
      <c r="AL2596" s="113" t="s">
        <v>174</v>
      </c>
      <c r="AM2596" s="113" t="s">
        <v>174</v>
      </c>
      <c r="AN2596" s="113" t="s">
        <v>174</v>
      </c>
      <c r="AO2596" s="113" t="s">
        <v>174</v>
      </c>
      <c r="AP2596" s="113" t="s">
        <v>174</v>
      </c>
      <c r="AQ2596" s="113" t="s">
        <v>174</v>
      </c>
      <c r="AR2596" s="113" t="s">
        <v>174</v>
      </c>
      <c r="AS2596" s="113" t="s">
        <v>174</v>
      </c>
      <c r="AT2596" s="121" t="s">
        <v>174</v>
      </c>
      <c r="AU2596" s="113" t="s">
        <v>174</v>
      </c>
      <c r="AV2596" s="113">
        <v>1</v>
      </c>
      <c r="AW2596" s="113" t="s">
        <v>174</v>
      </c>
      <c r="AX2596" s="113"/>
      <c r="AY2596" s="113"/>
      <c r="AZ2596" s="124" t="s">
        <v>23203</v>
      </c>
      <c r="BA2596" s="113" t="s">
        <v>19478</v>
      </c>
      <c r="BB2596" s="107">
        <v>45884</v>
      </c>
    </row>
    <row r="2597" spans="1:54" s="207" customFormat="1" ht="13.95" customHeight="1" x14ac:dyDescent="0.25">
      <c r="A2597" s="208" t="s">
        <v>6190</v>
      </c>
      <c r="B2597" s="209" t="s">
        <v>20420</v>
      </c>
      <c r="C2597" s="113" t="s">
        <v>6191</v>
      </c>
      <c r="D2597" s="113" t="s">
        <v>24021</v>
      </c>
      <c r="E2597" s="210">
        <v>1999</v>
      </c>
      <c r="F2597" s="210">
        <v>32362</v>
      </c>
      <c r="G2597" s="113" t="s">
        <v>3</v>
      </c>
      <c r="H2597" s="113">
        <v>1</v>
      </c>
      <c r="I2597" s="113">
        <v>1</v>
      </c>
      <c r="J2597" s="115">
        <v>1</v>
      </c>
      <c r="K2597" s="116" t="s">
        <v>174</v>
      </c>
      <c r="L2597" s="115">
        <v>1</v>
      </c>
      <c r="M2597" s="115">
        <v>1</v>
      </c>
      <c r="N2597" s="115">
        <v>0</v>
      </c>
      <c r="O2597" s="115">
        <v>0</v>
      </c>
      <c r="P2597" s="115" t="s">
        <v>400</v>
      </c>
      <c r="Q2597" s="115" t="s">
        <v>400</v>
      </c>
      <c r="R2597" s="115">
        <v>0</v>
      </c>
      <c r="S2597" s="115">
        <v>0</v>
      </c>
      <c r="T2597" s="115">
        <v>0</v>
      </c>
      <c r="U2597" s="113" t="s">
        <v>174</v>
      </c>
      <c r="V2597" s="113" t="s">
        <v>174</v>
      </c>
      <c r="W2597" s="113" t="s">
        <v>174</v>
      </c>
      <c r="X2597" s="113" t="s">
        <v>174</v>
      </c>
      <c r="Y2597" s="113" t="s">
        <v>174</v>
      </c>
      <c r="Z2597" s="113" t="s">
        <v>174</v>
      </c>
      <c r="AA2597" s="113" t="s">
        <v>174</v>
      </c>
      <c r="AB2597" s="113" t="s">
        <v>174</v>
      </c>
      <c r="AC2597" s="113" t="s">
        <v>174</v>
      </c>
      <c r="AD2597" s="113" t="s">
        <v>174</v>
      </c>
      <c r="AE2597" s="113" t="s">
        <v>174</v>
      </c>
      <c r="AF2597" s="113" t="s">
        <v>174</v>
      </c>
      <c r="AG2597" s="113" t="s">
        <v>174</v>
      </c>
      <c r="AH2597" s="113" t="s">
        <v>174</v>
      </c>
      <c r="AI2597" s="113" t="s">
        <v>174</v>
      </c>
      <c r="AJ2597" s="113" t="s">
        <v>174</v>
      </c>
      <c r="AK2597" s="113" t="s">
        <v>174</v>
      </c>
      <c r="AL2597" s="113" t="s">
        <v>174</v>
      </c>
      <c r="AM2597" s="113" t="s">
        <v>174</v>
      </c>
      <c r="AN2597" s="113" t="s">
        <v>174</v>
      </c>
      <c r="AO2597" s="113" t="s">
        <v>174</v>
      </c>
      <c r="AP2597" s="113" t="s">
        <v>174</v>
      </c>
      <c r="AQ2597" s="113" t="s">
        <v>174</v>
      </c>
      <c r="AR2597" s="113" t="s">
        <v>174</v>
      </c>
      <c r="AS2597" s="113" t="s">
        <v>174</v>
      </c>
      <c r="AT2597" s="121" t="s">
        <v>174</v>
      </c>
      <c r="AU2597" s="113" t="s">
        <v>174</v>
      </c>
      <c r="AV2597" s="113" t="s">
        <v>174</v>
      </c>
      <c r="AW2597" s="113" t="s">
        <v>174</v>
      </c>
      <c r="AX2597" s="113"/>
      <c r="AY2597" s="113"/>
      <c r="AZ2597" s="113"/>
      <c r="BA2597" s="113"/>
      <c r="BB2597" s="107">
        <v>45884</v>
      </c>
    </row>
    <row r="2598" spans="1:54" s="207" customFormat="1" ht="13.95" customHeight="1" x14ac:dyDescent="0.25">
      <c r="A2598" s="208" t="s">
        <v>6192</v>
      </c>
      <c r="B2598" s="209" t="s">
        <v>20420</v>
      </c>
      <c r="C2598" s="113" t="s">
        <v>6193</v>
      </c>
      <c r="D2598" s="113" t="s">
        <v>24022</v>
      </c>
      <c r="E2598" s="210">
        <v>1995</v>
      </c>
      <c r="F2598" s="210">
        <v>33619</v>
      </c>
      <c r="G2598" s="113" t="s">
        <v>8</v>
      </c>
      <c r="H2598" s="113">
        <v>0</v>
      </c>
      <c r="I2598" s="113">
        <v>0</v>
      </c>
      <c r="J2598" s="115">
        <v>0</v>
      </c>
      <c r="K2598" s="116" t="s">
        <v>174</v>
      </c>
      <c r="L2598" s="115">
        <v>0</v>
      </c>
      <c r="M2598" s="115">
        <v>0</v>
      </c>
      <c r="N2598" s="115">
        <v>0</v>
      </c>
      <c r="O2598" s="115">
        <v>0</v>
      </c>
      <c r="P2598" s="115" t="s">
        <v>400</v>
      </c>
      <c r="Q2598" s="115" t="s">
        <v>400</v>
      </c>
      <c r="R2598" s="115">
        <v>0</v>
      </c>
      <c r="S2598" s="115">
        <v>0</v>
      </c>
      <c r="T2598" s="115">
        <v>0</v>
      </c>
      <c r="U2598" s="113" t="s">
        <v>174</v>
      </c>
      <c r="V2598" s="113" t="s">
        <v>174</v>
      </c>
      <c r="W2598" s="113" t="s">
        <v>174</v>
      </c>
      <c r="X2598" s="113" t="s">
        <v>174</v>
      </c>
      <c r="Y2598" s="113" t="s">
        <v>174</v>
      </c>
      <c r="Z2598" s="113" t="s">
        <v>174</v>
      </c>
      <c r="AA2598" s="113" t="s">
        <v>174</v>
      </c>
      <c r="AB2598" s="113" t="s">
        <v>174</v>
      </c>
      <c r="AC2598" s="113" t="s">
        <v>174</v>
      </c>
      <c r="AD2598" s="113" t="s">
        <v>174</v>
      </c>
      <c r="AE2598" s="113" t="s">
        <v>174</v>
      </c>
      <c r="AF2598" s="113" t="s">
        <v>174</v>
      </c>
      <c r="AG2598" s="113" t="s">
        <v>174</v>
      </c>
      <c r="AH2598" s="113" t="s">
        <v>174</v>
      </c>
      <c r="AI2598" s="113" t="s">
        <v>174</v>
      </c>
      <c r="AJ2598" s="113" t="s">
        <v>174</v>
      </c>
      <c r="AK2598" s="113" t="s">
        <v>174</v>
      </c>
      <c r="AL2598" s="113" t="s">
        <v>174</v>
      </c>
      <c r="AM2598" s="113" t="s">
        <v>174</v>
      </c>
      <c r="AN2598" s="113" t="s">
        <v>174</v>
      </c>
      <c r="AO2598" s="113" t="s">
        <v>174</v>
      </c>
      <c r="AP2598" s="113" t="s">
        <v>174</v>
      </c>
      <c r="AQ2598" s="113" t="s">
        <v>174</v>
      </c>
      <c r="AR2598" s="113" t="s">
        <v>174</v>
      </c>
      <c r="AS2598" s="113" t="s">
        <v>174</v>
      </c>
      <c r="AT2598" s="121" t="s">
        <v>174</v>
      </c>
      <c r="AU2598" s="113" t="s">
        <v>174</v>
      </c>
      <c r="AV2598" s="113" t="s">
        <v>174</v>
      </c>
      <c r="AW2598" s="113" t="s">
        <v>174</v>
      </c>
      <c r="AX2598" s="113"/>
      <c r="AY2598" s="113"/>
      <c r="AZ2598" s="113"/>
      <c r="BA2598" s="113"/>
      <c r="BB2598" s="107">
        <v>45884</v>
      </c>
    </row>
    <row r="2599" spans="1:54" s="207" customFormat="1" ht="13.95" customHeight="1" x14ac:dyDescent="0.25">
      <c r="A2599" s="208" t="s">
        <v>6194</v>
      </c>
      <c r="B2599" s="209" t="s">
        <v>20420</v>
      </c>
      <c r="C2599" s="113" t="s">
        <v>6195</v>
      </c>
      <c r="D2599" s="113" t="s">
        <v>6196</v>
      </c>
      <c r="E2599" s="210">
        <v>1996</v>
      </c>
      <c r="F2599" s="210">
        <v>38034</v>
      </c>
      <c r="G2599" s="113" t="s">
        <v>7</v>
      </c>
      <c r="H2599" s="113">
        <v>1</v>
      </c>
      <c r="I2599" s="113">
        <v>1</v>
      </c>
      <c r="J2599" s="115">
        <v>1</v>
      </c>
      <c r="K2599" s="116" t="s">
        <v>174</v>
      </c>
      <c r="L2599" s="115">
        <v>0</v>
      </c>
      <c r="M2599" s="115">
        <v>0</v>
      </c>
      <c r="N2599" s="115">
        <v>0</v>
      </c>
      <c r="O2599" s="115">
        <v>0</v>
      </c>
      <c r="P2599" s="115" t="s">
        <v>400</v>
      </c>
      <c r="Q2599" s="115" t="s">
        <v>400</v>
      </c>
      <c r="R2599" s="115">
        <v>0</v>
      </c>
      <c r="S2599" s="115">
        <v>0</v>
      </c>
      <c r="T2599" s="115">
        <v>0</v>
      </c>
      <c r="U2599" s="113" t="s">
        <v>174</v>
      </c>
      <c r="V2599" s="113" t="s">
        <v>174</v>
      </c>
      <c r="W2599" s="113" t="s">
        <v>174</v>
      </c>
      <c r="X2599" s="113" t="s">
        <v>174</v>
      </c>
      <c r="Y2599" s="113" t="s">
        <v>174</v>
      </c>
      <c r="Z2599" s="113" t="s">
        <v>174</v>
      </c>
      <c r="AA2599" s="113" t="s">
        <v>174</v>
      </c>
      <c r="AB2599" s="113" t="s">
        <v>174</v>
      </c>
      <c r="AC2599" s="113" t="s">
        <v>174</v>
      </c>
      <c r="AD2599" s="113" t="s">
        <v>174</v>
      </c>
      <c r="AE2599" s="113" t="s">
        <v>174</v>
      </c>
      <c r="AF2599" s="113" t="s">
        <v>174</v>
      </c>
      <c r="AG2599" s="113" t="s">
        <v>174</v>
      </c>
      <c r="AH2599" s="113" t="s">
        <v>174</v>
      </c>
      <c r="AI2599" s="113" t="s">
        <v>174</v>
      </c>
      <c r="AJ2599" s="113" t="s">
        <v>174</v>
      </c>
      <c r="AK2599" s="113" t="s">
        <v>174</v>
      </c>
      <c r="AL2599" s="113" t="s">
        <v>174</v>
      </c>
      <c r="AM2599" s="113" t="s">
        <v>174</v>
      </c>
      <c r="AN2599" s="113" t="s">
        <v>174</v>
      </c>
      <c r="AO2599" s="113" t="s">
        <v>174</v>
      </c>
      <c r="AP2599" s="113" t="s">
        <v>174</v>
      </c>
      <c r="AQ2599" s="113" t="s">
        <v>174</v>
      </c>
      <c r="AR2599" s="113" t="s">
        <v>174</v>
      </c>
      <c r="AS2599" s="113" t="s">
        <v>174</v>
      </c>
      <c r="AT2599" s="121" t="s">
        <v>174</v>
      </c>
      <c r="AU2599" s="113" t="s">
        <v>174</v>
      </c>
      <c r="AV2599" s="113" t="s">
        <v>174</v>
      </c>
      <c r="AW2599" s="113" t="s">
        <v>174</v>
      </c>
      <c r="AX2599" s="113"/>
      <c r="AY2599" s="113"/>
      <c r="AZ2599" s="113"/>
      <c r="BA2599" s="113"/>
      <c r="BB2599" s="107">
        <v>45884</v>
      </c>
    </row>
    <row r="2600" spans="1:54" s="207" customFormat="1" ht="13.95" customHeight="1" x14ac:dyDescent="0.25">
      <c r="A2600" s="208" t="s">
        <v>6197</v>
      </c>
      <c r="B2600" s="209" t="s">
        <v>20420</v>
      </c>
      <c r="C2600" s="113" t="s">
        <v>6198</v>
      </c>
      <c r="D2600" s="113" t="s">
        <v>24023</v>
      </c>
      <c r="E2600" s="210">
        <v>1993</v>
      </c>
      <c r="F2600" s="210">
        <v>34715</v>
      </c>
      <c r="G2600" s="113" t="s">
        <v>11</v>
      </c>
      <c r="H2600" s="113">
        <v>0</v>
      </c>
      <c r="I2600" s="113">
        <v>0</v>
      </c>
      <c r="J2600" s="115" t="s">
        <v>400</v>
      </c>
      <c r="K2600" s="116" t="s">
        <v>174</v>
      </c>
      <c r="L2600" s="115">
        <v>0</v>
      </c>
      <c r="M2600" s="115">
        <v>0</v>
      </c>
      <c r="N2600" s="115">
        <v>1</v>
      </c>
      <c r="O2600" s="115">
        <v>0</v>
      </c>
      <c r="P2600" s="115" t="s">
        <v>400</v>
      </c>
      <c r="Q2600" s="115" t="s">
        <v>400</v>
      </c>
      <c r="R2600" s="115">
        <v>0</v>
      </c>
      <c r="S2600" s="115">
        <v>0</v>
      </c>
      <c r="T2600" s="115">
        <v>0</v>
      </c>
      <c r="U2600" s="113" t="s">
        <v>174</v>
      </c>
      <c r="V2600" s="113" t="s">
        <v>174</v>
      </c>
      <c r="W2600" s="113" t="s">
        <v>174</v>
      </c>
      <c r="X2600" s="113" t="s">
        <v>174</v>
      </c>
      <c r="Y2600" s="113" t="s">
        <v>174</v>
      </c>
      <c r="Z2600" s="113" t="s">
        <v>174</v>
      </c>
      <c r="AA2600" s="113" t="s">
        <v>174</v>
      </c>
      <c r="AB2600" s="113" t="s">
        <v>174</v>
      </c>
      <c r="AC2600" s="113" t="s">
        <v>174</v>
      </c>
      <c r="AD2600" s="113" t="s">
        <v>174</v>
      </c>
      <c r="AE2600" s="113" t="s">
        <v>174</v>
      </c>
      <c r="AF2600" s="113" t="s">
        <v>174</v>
      </c>
      <c r="AG2600" s="113" t="s">
        <v>174</v>
      </c>
      <c r="AH2600" s="113" t="s">
        <v>174</v>
      </c>
      <c r="AI2600" s="113" t="s">
        <v>174</v>
      </c>
      <c r="AJ2600" s="113" t="s">
        <v>174</v>
      </c>
      <c r="AK2600" s="113" t="s">
        <v>174</v>
      </c>
      <c r="AL2600" s="113" t="s">
        <v>174</v>
      </c>
      <c r="AM2600" s="113" t="s">
        <v>174</v>
      </c>
      <c r="AN2600" s="113" t="s">
        <v>174</v>
      </c>
      <c r="AO2600" s="113" t="s">
        <v>174</v>
      </c>
      <c r="AP2600" s="113" t="s">
        <v>174</v>
      </c>
      <c r="AQ2600" s="113" t="s">
        <v>174</v>
      </c>
      <c r="AR2600" s="113" t="s">
        <v>174</v>
      </c>
      <c r="AS2600" s="113" t="s">
        <v>174</v>
      </c>
      <c r="AT2600" s="121" t="s">
        <v>174</v>
      </c>
      <c r="AU2600" s="113" t="s">
        <v>174</v>
      </c>
      <c r="AV2600" s="113" t="s">
        <v>174</v>
      </c>
      <c r="AW2600" s="113" t="s">
        <v>174</v>
      </c>
      <c r="AX2600" s="113"/>
      <c r="AY2600" s="113"/>
      <c r="AZ2600" s="113"/>
      <c r="BA2600" s="113"/>
      <c r="BB2600" s="107">
        <v>45884</v>
      </c>
    </row>
    <row r="2601" spans="1:54" s="207" customFormat="1" ht="13.95" customHeight="1" x14ac:dyDescent="0.25">
      <c r="A2601" s="208" t="s">
        <v>6199</v>
      </c>
      <c r="B2601" s="209" t="s">
        <v>20420</v>
      </c>
      <c r="C2601" s="113" t="s">
        <v>6200</v>
      </c>
      <c r="D2601" s="113" t="s">
        <v>24024</v>
      </c>
      <c r="E2601" s="210">
        <v>1991</v>
      </c>
      <c r="F2601" s="210">
        <v>35000</v>
      </c>
      <c r="G2601" s="113" t="s">
        <v>7</v>
      </c>
      <c r="H2601" s="113">
        <v>1</v>
      </c>
      <c r="I2601" s="113">
        <v>1</v>
      </c>
      <c r="J2601" s="115">
        <v>1</v>
      </c>
      <c r="K2601" s="116" t="s">
        <v>174</v>
      </c>
      <c r="L2601" s="115">
        <v>1</v>
      </c>
      <c r="M2601" s="115">
        <v>1</v>
      </c>
      <c r="N2601" s="115">
        <v>0</v>
      </c>
      <c r="O2601" s="115">
        <v>1</v>
      </c>
      <c r="P2601" s="115" t="s">
        <v>400</v>
      </c>
      <c r="Q2601" s="115" t="s">
        <v>400</v>
      </c>
      <c r="R2601" s="115">
        <v>0</v>
      </c>
      <c r="S2601" s="115">
        <v>0</v>
      </c>
      <c r="T2601" s="115">
        <v>0</v>
      </c>
      <c r="U2601" s="113" t="s">
        <v>174</v>
      </c>
      <c r="V2601" s="113" t="s">
        <v>174</v>
      </c>
      <c r="W2601" s="113" t="s">
        <v>174</v>
      </c>
      <c r="X2601" s="113" t="s">
        <v>174</v>
      </c>
      <c r="Y2601" s="113" t="s">
        <v>174</v>
      </c>
      <c r="Z2601" s="113">
        <v>1</v>
      </c>
      <c r="AA2601" s="113" t="s">
        <v>174</v>
      </c>
      <c r="AB2601" s="113">
        <v>1</v>
      </c>
      <c r="AC2601" s="113" t="s">
        <v>174</v>
      </c>
      <c r="AD2601" s="113" t="s">
        <v>174</v>
      </c>
      <c r="AE2601" s="113" t="s">
        <v>174</v>
      </c>
      <c r="AF2601" s="113" t="s">
        <v>174</v>
      </c>
      <c r="AG2601" s="113" t="s">
        <v>174</v>
      </c>
      <c r="AH2601" s="113" t="s">
        <v>174</v>
      </c>
      <c r="AI2601" s="113" t="s">
        <v>174</v>
      </c>
      <c r="AJ2601" s="113" t="s">
        <v>174</v>
      </c>
      <c r="AK2601" s="113" t="s">
        <v>174</v>
      </c>
      <c r="AL2601" s="113" t="s">
        <v>174</v>
      </c>
      <c r="AM2601" s="113" t="s">
        <v>174</v>
      </c>
      <c r="AN2601" s="113" t="s">
        <v>174</v>
      </c>
      <c r="AO2601" s="113" t="s">
        <v>174</v>
      </c>
      <c r="AP2601" s="113" t="s">
        <v>174</v>
      </c>
      <c r="AQ2601" s="113" t="s">
        <v>174</v>
      </c>
      <c r="AR2601" s="113" t="s">
        <v>174</v>
      </c>
      <c r="AS2601" s="113" t="s">
        <v>174</v>
      </c>
      <c r="AT2601" s="121" t="s">
        <v>174</v>
      </c>
      <c r="AU2601" s="113" t="s">
        <v>174</v>
      </c>
      <c r="AV2601" s="113">
        <v>1</v>
      </c>
      <c r="AW2601" s="113" t="s">
        <v>174</v>
      </c>
      <c r="AX2601" s="113"/>
      <c r="AY2601" s="113"/>
      <c r="AZ2601" s="124" t="s">
        <v>23203</v>
      </c>
      <c r="BA2601" s="113" t="s">
        <v>19478</v>
      </c>
      <c r="BB2601" s="107">
        <v>45884</v>
      </c>
    </row>
    <row r="2602" spans="1:54" s="207" customFormat="1" ht="13.95" customHeight="1" x14ac:dyDescent="0.25">
      <c r="A2602" s="208" t="s">
        <v>6201</v>
      </c>
      <c r="B2602" s="209" t="s">
        <v>20420</v>
      </c>
      <c r="C2602" s="113" t="s">
        <v>6202</v>
      </c>
      <c r="D2602" s="113" t="s">
        <v>24025</v>
      </c>
      <c r="E2602" s="210">
        <v>1994</v>
      </c>
      <c r="F2602" s="210">
        <v>35025</v>
      </c>
      <c r="G2602" s="113" t="s">
        <v>7</v>
      </c>
      <c r="H2602" s="113">
        <v>0</v>
      </c>
      <c r="I2602" s="113">
        <v>0</v>
      </c>
      <c r="J2602" s="115">
        <v>1</v>
      </c>
      <c r="K2602" s="116" t="s">
        <v>174</v>
      </c>
      <c r="L2602" s="115">
        <v>0</v>
      </c>
      <c r="M2602" s="115">
        <v>0</v>
      </c>
      <c r="N2602" s="115">
        <v>0</v>
      </c>
      <c r="O2602" s="115">
        <v>0</v>
      </c>
      <c r="P2602" s="115" t="s">
        <v>400</v>
      </c>
      <c r="Q2602" s="115" t="s">
        <v>400</v>
      </c>
      <c r="R2602" s="115">
        <v>0</v>
      </c>
      <c r="S2602" s="115">
        <v>0</v>
      </c>
      <c r="T2602" s="115">
        <v>0</v>
      </c>
      <c r="U2602" s="113" t="s">
        <v>174</v>
      </c>
      <c r="V2602" s="113" t="s">
        <v>174</v>
      </c>
      <c r="W2602" s="113" t="s">
        <v>174</v>
      </c>
      <c r="X2602" s="113" t="s">
        <v>174</v>
      </c>
      <c r="Y2602" s="113" t="s">
        <v>174</v>
      </c>
      <c r="Z2602" s="113" t="s">
        <v>174</v>
      </c>
      <c r="AA2602" s="113" t="s">
        <v>174</v>
      </c>
      <c r="AB2602" s="113" t="s">
        <v>174</v>
      </c>
      <c r="AC2602" s="113" t="s">
        <v>174</v>
      </c>
      <c r="AD2602" s="113" t="s">
        <v>174</v>
      </c>
      <c r="AE2602" s="113" t="s">
        <v>174</v>
      </c>
      <c r="AF2602" s="113" t="s">
        <v>174</v>
      </c>
      <c r="AG2602" s="113" t="s">
        <v>174</v>
      </c>
      <c r="AH2602" s="113" t="s">
        <v>174</v>
      </c>
      <c r="AI2602" s="113" t="s">
        <v>174</v>
      </c>
      <c r="AJ2602" s="113" t="s">
        <v>174</v>
      </c>
      <c r="AK2602" s="113" t="s">
        <v>174</v>
      </c>
      <c r="AL2602" s="113" t="s">
        <v>174</v>
      </c>
      <c r="AM2602" s="113" t="s">
        <v>174</v>
      </c>
      <c r="AN2602" s="113" t="s">
        <v>174</v>
      </c>
      <c r="AO2602" s="113" t="s">
        <v>174</v>
      </c>
      <c r="AP2602" s="113" t="s">
        <v>174</v>
      </c>
      <c r="AQ2602" s="113" t="s">
        <v>174</v>
      </c>
      <c r="AR2602" s="113" t="s">
        <v>174</v>
      </c>
      <c r="AS2602" s="113" t="s">
        <v>174</v>
      </c>
      <c r="AT2602" s="121" t="s">
        <v>174</v>
      </c>
      <c r="AU2602" s="113" t="s">
        <v>174</v>
      </c>
      <c r="AV2602" s="113" t="s">
        <v>174</v>
      </c>
      <c r="AW2602" s="113" t="s">
        <v>174</v>
      </c>
      <c r="AX2602" s="113"/>
      <c r="AY2602" s="113"/>
      <c r="AZ2602" s="113"/>
      <c r="BA2602" s="113"/>
      <c r="BB2602" s="107">
        <v>45884</v>
      </c>
    </row>
    <row r="2603" spans="1:54" s="207" customFormat="1" ht="13.95" customHeight="1" x14ac:dyDescent="0.25">
      <c r="A2603" s="208" t="s">
        <v>6203</v>
      </c>
      <c r="B2603" s="209" t="s">
        <v>20420</v>
      </c>
      <c r="C2603" s="113" t="s">
        <v>6204</v>
      </c>
      <c r="D2603" s="113" t="s">
        <v>24026</v>
      </c>
      <c r="E2603" s="210">
        <v>2001</v>
      </c>
      <c r="F2603" s="210">
        <v>35195</v>
      </c>
      <c r="G2603" s="113" t="s">
        <v>7</v>
      </c>
      <c r="H2603" s="113">
        <v>1</v>
      </c>
      <c r="I2603" s="113">
        <v>1</v>
      </c>
      <c r="J2603" s="115">
        <v>1</v>
      </c>
      <c r="K2603" s="116" t="s">
        <v>174</v>
      </c>
      <c r="L2603" s="115">
        <v>1</v>
      </c>
      <c r="M2603" s="115">
        <v>1</v>
      </c>
      <c r="N2603" s="115">
        <v>1</v>
      </c>
      <c r="O2603" s="115">
        <v>0</v>
      </c>
      <c r="P2603" s="115" t="s">
        <v>400</v>
      </c>
      <c r="Q2603" s="115" t="s">
        <v>400</v>
      </c>
      <c r="R2603" s="115">
        <v>0</v>
      </c>
      <c r="S2603" s="115">
        <v>0</v>
      </c>
      <c r="T2603" s="115">
        <v>0</v>
      </c>
      <c r="U2603" s="113" t="s">
        <v>174</v>
      </c>
      <c r="V2603" s="113" t="s">
        <v>174</v>
      </c>
      <c r="W2603" s="113" t="s">
        <v>174</v>
      </c>
      <c r="X2603" s="113" t="s">
        <v>174</v>
      </c>
      <c r="Y2603" s="113" t="s">
        <v>174</v>
      </c>
      <c r="Z2603" s="113" t="s">
        <v>174</v>
      </c>
      <c r="AA2603" s="113" t="s">
        <v>174</v>
      </c>
      <c r="AB2603" s="113" t="s">
        <v>174</v>
      </c>
      <c r="AC2603" s="113" t="s">
        <v>174</v>
      </c>
      <c r="AD2603" s="113" t="s">
        <v>174</v>
      </c>
      <c r="AE2603" s="113" t="s">
        <v>174</v>
      </c>
      <c r="AF2603" s="113" t="s">
        <v>174</v>
      </c>
      <c r="AG2603" s="113" t="s">
        <v>174</v>
      </c>
      <c r="AH2603" s="113" t="s">
        <v>174</v>
      </c>
      <c r="AI2603" s="113" t="s">
        <v>174</v>
      </c>
      <c r="AJ2603" s="113" t="s">
        <v>174</v>
      </c>
      <c r="AK2603" s="113" t="s">
        <v>174</v>
      </c>
      <c r="AL2603" s="113" t="s">
        <v>174</v>
      </c>
      <c r="AM2603" s="113" t="s">
        <v>174</v>
      </c>
      <c r="AN2603" s="113" t="s">
        <v>174</v>
      </c>
      <c r="AO2603" s="113" t="s">
        <v>174</v>
      </c>
      <c r="AP2603" s="113" t="s">
        <v>174</v>
      </c>
      <c r="AQ2603" s="113" t="s">
        <v>174</v>
      </c>
      <c r="AR2603" s="113" t="s">
        <v>174</v>
      </c>
      <c r="AS2603" s="113" t="s">
        <v>174</v>
      </c>
      <c r="AT2603" s="113">
        <v>1</v>
      </c>
      <c r="AU2603" s="113" t="s">
        <v>174</v>
      </c>
      <c r="AV2603" s="113" t="s">
        <v>174</v>
      </c>
      <c r="AW2603" s="113" t="s">
        <v>174</v>
      </c>
      <c r="AX2603" s="113"/>
      <c r="AY2603" s="113"/>
      <c r="AZ2603" s="113"/>
      <c r="BA2603" s="113"/>
      <c r="BB2603" s="107">
        <v>45884</v>
      </c>
    </row>
    <row r="2604" spans="1:54" s="207" customFormat="1" ht="13.95" customHeight="1" x14ac:dyDescent="0.25">
      <c r="A2604" s="208" t="s">
        <v>6205</v>
      </c>
      <c r="B2604" s="209" t="s">
        <v>20420</v>
      </c>
      <c r="C2604" s="113" t="s">
        <v>6206</v>
      </c>
      <c r="D2604" s="113" t="s">
        <v>24027</v>
      </c>
      <c r="E2604" s="210">
        <v>1992</v>
      </c>
      <c r="F2604" s="210">
        <v>35433</v>
      </c>
      <c r="G2604" s="113" t="s">
        <v>3</v>
      </c>
      <c r="H2604" s="113">
        <v>1</v>
      </c>
      <c r="I2604" s="113">
        <v>1</v>
      </c>
      <c r="J2604" s="115">
        <v>1</v>
      </c>
      <c r="K2604" s="116" t="s">
        <v>174</v>
      </c>
      <c r="L2604" s="115">
        <v>0</v>
      </c>
      <c r="M2604" s="115">
        <v>0</v>
      </c>
      <c r="N2604" s="115">
        <v>0</v>
      </c>
      <c r="O2604" s="115">
        <v>0</v>
      </c>
      <c r="P2604" s="115" t="s">
        <v>400</v>
      </c>
      <c r="Q2604" s="115" t="s">
        <v>400</v>
      </c>
      <c r="R2604" s="115">
        <v>0</v>
      </c>
      <c r="S2604" s="115">
        <v>0</v>
      </c>
      <c r="T2604" s="115">
        <v>0</v>
      </c>
      <c r="U2604" s="113" t="s">
        <v>174</v>
      </c>
      <c r="V2604" s="113" t="s">
        <v>174</v>
      </c>
      <c r="W2604" s="113" t="s">
        <v>174</v>
      </c>
      <c r="X2604" s="113" t="s">
        <v>174</v>
      </c>
      <c r="Y2604" s="113" t="s">
        <v>174</v>
      </c>
      <c r="Z2604" s="113" t="s">
        <v>174</v>
      </c>
      <c r="AA2604" s="113" t="s">
        <v>174</v>
      </c>
      <c r="AB2604" s="113" t="s">
        <v>174</v>
      </c>
      <c r="AC2604" s="113" t="s">
        <v>174</v>
      </c>
      <c r="AD2604" s="113" t="s">
        <v>174</v>
      </c>
      <c r="AE2604" s="113" t="s">
        <v>174</v>
      </c>
      <c r="AF2604" s="113" t="s">
        <v>174</v>
      </c>
      <c r="AG2604" s="113" t="s">
        <v>174</v>
      </c>
      <c r="AH2604" s="113" t="s">
        <v>174</v>
      </c>
      <c r="AI2604" s="113" t="s">
        <v>174</v>
      </c>
      <c r="AJ2604" s="113" t="s">
        <v>174</v>
      </c>
      <c r="AK2604" s="113" t="s">
        <v>174</v>
      </c>
      <c r="AL2604" s="113" t="s">
        <v>174</v>
      </c>
      <c r="AM2604" s="113" t="s">
        <v>174</v>
      </c>
      <c r="AN2604" s="113" t="s">
        <v>174</v>
      </c>
      <c r="AO2604" s="113" t="s">
        <v>174</v>
      </c>
      <c r="AP2604" s="113" t="s">
        <v>174</v>
      </c>
      <c r="AQ2604" s="113" t="s">
        <v>174</v>
      </c>
      <c r="AR2604" s="113" t="s">
        <v>174</v>
      </c>
      <c r="AS2604" s="113" t="s">
        <v>174</v>
      </c>
      <c r="AT2604" s="121" t="s">
        <v>174</v>
      </c>
      <c r="AU2604" s="113" t="s">
        <v>174</v>
      </c>
      <c r="AV2604" s="113" t="s">
        <v>174</v>
      </c>
      <c r="AW2604" s="113" t="s">
        <v>174</v>
      </c>
      <c r="AX2604" s="113"/>
      <c r="AY2604" s="113"/>
      <c r="AZ2604" s="113"/>
      <c r="BA2604" s="113"/>
      <c r="BB2604" s="107">
        <v>45884</v>
      </c>
    </row>
    <row r="2605" spans="1:54" s="207" customFormat="1" ht="13.95" customHeight="1" x14ac:dyDescent="0.25">
      <c r="A2605" s="208" t="s">
        <v>6207</v>
      </c>
      <c r="B2605" s="209" t="s">
        <v>20420</v>
      </c>
      <c r="C2605" s="113" t="s">
        <v>6208</v>
      </c>
      <c r="D2605" s="113" t="s">
        <v>24028</v>
      </c>
      <c r="E2605" s="210">
        <v>1978</v>
      </c>
      <c r="F2605" s="210">
        <v>35718</v>
      </c>
      <c r="G2605" s="113" t="s">
        <v>7</v>
      </c>
      <c r="H2605" s="113">
        <v>1</v>
      </c>
      <c r="I2605" s="113">
        <v>1</v>
      </c>
      <c r="J2605" s="115">
        <v>1</v>
      </c>
      <c r="K2605" s="211">
        <v>1</v>
      </c>
      <c r="L2605" s="115">
        <v>0</v>
      </c>
      <c r="M2605" s="115">
        <v>1</v>
      </c>
      <c r="N2605" s="115">
        <v>0</v>
      </c>
      <c r="O2605" s="115">
        <v>1</v>
      </c>
      <c r="P2605" s="115" t="s">
        <v>400</v>
      </c>
      <c r="Q2605" s="115" t="s">
        <v>400</v>
      </c>
      <c r="R2605" s="115">
        <v>0</v>
      </c>
      <c r="S2605" s="115">
        <v>0</v>
      </c>
      <c r="T2605" s="115">
        <v>0</v>
      </c>
      <c r="U2605" s="113" t="s">
        <v>174</v>
      </c>
      <c r="V2605" s="113" t="s">
        <v>174</v>
      </c>
      <c r="W2605" s="113" t="s">
        <v>174</v>
      </c>
      <c r="X2605" s="113" t="s">
        <v>174</v>
      </c>
      <c r="Y2605" s="113" t="s">
        <v>174</v>
      </c>
      <c r="Z2605" s="113" t="s">
        <v>174</v>
      </c>
      <c r="AA2605" s="113" t="s">
        <v>174</v>
      </c>
      <c r="AB2605" s="113" t="s">
        <v>174</v>
      </c>
      <c r="AC2605" s="113" t="s">
        <v>174</v>
      </c>
      <c r="AD2605" s="113" t="s">
        <v>174</v>
      </c>
      <c r="AE2605" s="113" t="s">
        <v>174</v>
      </c>
      <c r="AF2605" s="113" t="s">
        <v>174</v>
      </c>
      <c r="AG2605" s="113" t="s">
        <v>174</v>
      </c>
      <c r="AH2605" s="113" t="s">
        <v>174</v>
      </c>
      <c r="AI2605" s="113" t="s">
        <v>174</v>
      </c>
      <c r="AJ2605" s="113" t="s">
        <v>174</v>
      </c>
      <c r="AK2605" s="113" t="s">
        <v>174</v>
      </c>
      <c r="AL2605" s="113" t="s">
        <v>174</v>
      </c>
      <c r="AM2605" s="113" t="s">
        <v>174</v>
      </c>
      <c r="AN2605" s="113" t="s">
        <v>174</v>
      </c>
      <c r="AO2605" s="113" t="s">
        <v>174</v>
      </c>
      <c r="AP2605" s="113" t="s">
        <v>174</v>
      </c>
      <c r="AQ2605" s="113" t="s">
        <v>174</v>
      </c>
      <c r="AR2605" s="113" t="s">
        <v>174</v>
      </c>
      <c r="AS2605" s="113" t="s">
        <v>174</v>
      </c>
      <c r="AT2605" s="121" t="s">
        <v>174</v>
      </c>
      <c r="AU2605" s="113" t="s">
        <v>174</v>
      </c>
      <c r="AV2605" s="113" t="s">
        <v>174</v>
      </c>
      <c r="AW2605" s="113" t="s">
        <v>174</v>
      </c>
      <c r="AX2605" s="113"/>
      <c r="AY2605" s="113"/>
      <c r="AZ2605" s="113"/>
      <c r="BA2605" s="113"/>
      <c r="BB2605" s="107">
        <v>45884</v>
      </c>
    </row>
    <row r="2606" spans="1:54" s="207" customFormat="1" ht="13.95" customHeight="1" x14ac:dyDescent="0.25">
      <c r="A2606" s="208" t="s">
        <v>6209</v>
      </c>
      <c r="B2606" s="209" t="s">
        <v>20420</v>
      </c>
      <c r="C2606" s="113" t="s">
        <v>6210</v>
      </c>
      <c r="D2606" s="113" t="s">
        <v>6211</v>
      </c>
      <c r="E2606" s="210">
        <v>1984</v>
      </c>
      <c r="F2606" s="210">
        <v>35798</v>
      </c>
      <c r="G2606" s="113" t="s">
        <v>7</v>
      </c>
      <c r="H2606" s="113">
        <v>1</v>
      </c>
      <c r="I2606" s="113">
        <v>1</v>
      </c>
      <c r="J2606" s="115">
        <v>1</v>
      </c>
      <c r="K2606" s="116" t="s">
        <v>174</v>
      </c>
      <c r="L2606" s="115">
        <v>0</v>
      </c>
      <c r="M2606" s="115">
        <v>0</v>
      </c>
      <c r="N2606" s="115">
        <v>0</v>
      </c>
      <c r="O2606" s="115">
        <v>1</v>
      </c>
      <c r="P2606" s="115">
        <v>1</v>
      </c>
      <c r="Q2606" s="115" t="s">
        <v>400</v>
      </c>
      <c r="R2606" s="115">
        <v>1</v>
      </c>
      <c r="S2606" s="115">
        <v>0</v>
      </c>
      <c r="T2606" s="115">
        <v>0</v>
      </c>
      <c r="U2606" s="113" t="s">
        <v>174</v>
      </c>
      <c r="V2606" s="113" t="s">
        <v>174</v>
      </c>
      <c r="W2606" s="113" t="s">
        <v>174</v>
      </c>
      <c r="X2606" s="113" t="s">
        <v>174</v>
      </c>
      <c r="Y2606" s="113" t="s">
        <v>174</v>
      </c>
      <c r="Z2606" s="113" t="s">
        <v>174</v>
      </c>
      <c r="AA2606" s="113" t="s">
        <v>174</v>
      </c>
      <c r="AB2606" s="113" t="s">
        <v>174</v>
      </c>
      <c r="AC2606" s="113" t="s">
        <v>174</v>
      </c>
      <c r="AD2606" s="113" t="s">
        <v>174</v>
      </c>
      <c r="AE2606" s="113" t="s">
        <v>174</v>
      </c>
      <c r="AF2606" s="113" t="s">
        <v>174</v>
      </c>
      <c r="AG2606" s="113" t="s">
        <v>174</v>
      </c>
      <c r="AH2606" s="113" t="s">
        <v>174</v>
      </c>
      <c r="AI2606" s="113" t="s">
        <v>174</v>
      </c>
      <c r="AJ2606" s="113" t="s">
        <v>174</v>
      </c>
      <c r="AK2606" s="113" t="s">
        <v>174</v>
      </c>
      <c r="AL2606" s="113" t="s">
        <v>174</v>
      </c>
      <c r="AM2606" s="113" t="s">
        <v>174</v>
      </c>
      <c r="AN2606" s="113" t="s">
        <v>174</v>
      </c>
      <c r="AO2606" s="113" t="s">
        <v>174</v>
      </c>
      <c r="AP2606" s="113" t="s">
        <v>174</v>
      </c>
      <c r="AQ2606" s="113" t="s">
        <v>174</v>
      </c>
      <c r="AR2606" s="113" t="s">
        <v>174</v>
      </c>
      <c r="AS2606" s="113" t="s">
        <v>174</v>
      </c>
      <c r="AT2606" s="113">
        <v>1</v>
      </c>
      <c r="AU2606" s="113" t="s">
        <v>174</v>
      </c>
      <c r="AV2606" s="113" t="s">
        <v>174</v>
      </c>
      <c r="AW2606" s="113" t="s">
        <v>174</v>
      </c>
      <c r="AX2606" s="113"/>
      <c r="AY2606" s="113"/>
      <c r="AZ2606" s="113"/>
      <c r="BA2606" s="113"/>
      <c r="BB2606" s="107">
        <v>45884</v>
      </c>
    </row>
    <row r="2607" spans="1:54" s="207" customFormat="1" ht="13.95" customHeight="1" x14ac:dyDescent="0.25">
      <c r="A2607" s="208" t="s">
        <v>6212</v>
      </c>
      <c r="B2607" s="209" t="s">
        <v>20420</v>
      </c>
      <c r="C2607" s="113" t="s">
        <v>6213</v>
      </c>
      <c r="D2607" s="113" t="s">
        <v>24029</v>
      </c>
      <c r="E2607" s="210">
        <v>2002</v>
      </c>
      <c r="F2607" s="210">
        <v>55902</v>
      </c>
      <c r="G2607" s="113" t="s">
        <v>7</v>
      </c>
      <c r="H2607" s="113">
        <v>1</v>
      </c>
      <c r="I2607" s="113">
        <v>1</v>
      </c>
      <c r="J2607" s="115">
        <v>1</v>
      </c>
      <c r="K2607" s="116" t="s">
        <v>174</v>
      </c>
      <c r="L2607" s="115">
        <v>1</v>
      </c>
      <c r="M2607" s="115">
        <v>1</v>
      </c>
      <c r="N2607" s="115">
        <v>1</v>
      </c>
      <c r="O2607" s="115">
        <v>0</v>
      </c>
      <c r="P2607" s="115">
        <v>1</v>
      </c>
      <c r="Q2607" s="115">
        <v>1</v>
      </c>
      <c r="R2607" s="115">
        <v>1</v>
      </c>
      <c r="S2607" s="115">
        <v>0</v>
      </c>
      <c r="T2607" s="115">
        <v>1</v>
      </c>
      <c r="U2607" s="113" t="s">
        <v>174</v>
      </c>
      <c r="V2607" s="113" t="s">
        <v>174</v>
      </c>
      <c r="W2607" s="113" t="s">
        <v>174</v>
      </c>
      <c r="X2607" s="113" t="s">
        <v>174</v>
      </c>
      <c r="Y2607" s="113" t="s">
        <v>174</v>
      </c>
      <c r="Z2607" s="113">
        <v>1</v>
      </c>
      <c r="AA2607" s="113" t="s">
        <v>174</v>
      </c>
      <c r="AB2607" s="113">
        <v>1</v>
      </c>
      <c r="AC2607" s="113" t="s">
        <v>174</v>
      </c>
      <c r="AD2607" s="113" t="s">
        <v>174</v>
      </c>
      <c r="AE2607" s="113" t="s">
        <v>174</v>
      </c>
      <c r="AF2607" s="113" t="s">
        <v>174</v>
      </c>
      <c r="AG2607" s="113" t="s">
        <v>174</v>
      </c>
      <c r="AH2607" s="113" t="s">
        <v>174</v>
      </c>
      <c r="AI2607" s="113" t="s">
        <v>174</v>
      </c>
      <c r="AJ2607" s="113" t="s">
        <v>174</v>
      </c>
      <c r="AK2607" s="113" t="s">
        <v>174</v>
      </c>
      <c r="AL2607" s="113" t="s">
        <v>174</v>
      </c>
      <c r="AM2607" s="113" t="s">
        <v>174</v>
      </c>
      <c r="AN2607" s="113" t="s">
        <v>174</v>
      </c>
      <c r="AO2607" s="113" t="s">
        <v>174</v>
      </c>
      <c r="AP2607" s="113" t="s">
        <v>174</v>
      </c>
      <c r="AQ2607" s="113" t="s">
        <v>174</v>
      </c>
      <c r="AR2607" s="113" t="s">
        <v>174</v>
      </c>
      <c r="AS2607" s="113" t="s">
        <v>174</v>
      </c>
      <c r="AT2607" s="121" t="s">
        <v>174</v>
      </c>
      <c r="AU2607" s="113" t="s">
        <v>174</v>
      </c>
      <c r="AV2607" s="113">
        <v>1</v>
      </c>
      <c r="AW2607" s="113" t="s">
        <v>174</v>
      </c>
      <c r="AX2607" s="113"/>
      <c r="AY2607" s="113"/>
      <c r="AZ2607" s="124" t="s">
        <v>23203</v>
      </c>
      <c r="BA2607" s="113" t="s">
        <v>19478</v>
      </c>
      <c r="BB2607" s="107">
        <v>45884</v>
      </c>
    </row>
    <row r="2608" spans="1:54" s="207" customFormat="1" ht="13.95" customHeight="1" x14ac:dyDescent="0.25">
      <c r="A2608" s="208" t="s">
        <v>6214</v>
      </c>
      <c r="B2608" s="209" t="s">
        <v>20420</v>
      </c>
      <c r="C2608" s="113" t="s">
        <v>6215</v>
      </c>
      <c r="D2608" s="113" t="s">
        <v>24030</v>
      </c>
      <c r="E2608" s="210">
        <v>1995</v>
      </c>
      <c r="F2608" s="210">
        <v>36272</v>
      </c>
      <c r="G2608" s="113" t="s">
        <v>3</v>
      </c>
      <c r="H2608" s="113">
        <v>1</v>
      </c>
      <c r="I2608" s="113">
        <v>1</v>
      </c>
      <c r="J2608" s="115">
        <v>1</v>
      </c>
      <c r="K2608" s="116" t="s">
        <v>174</v>
      </c>
      <c r="L2608" s="115">
        <v>1</v>
      </c>
      <c r="M2608" s="115">
        <v>1</v>
      </c>
      <c r="N2608" s="115">
        <v>1</v>
      </c>
      <c r="O2608" s="115">
        <v>0</v>
      </c>
      <c r="P2608" s="115" t="s">
        <v>400</v>
      </c>
      <c r="Q2608" s="115" t="s">
        <v>400</v>
      </c>
      <c r="R2608" s="115">
        <v>0</v>
      </c>
      <c r="S2608" s="115">
        <v>0</v>
      </c>
      <c r="T2608" s="115">
        <v>0</v>
      </c>
      <c r="U2608" s="113" t="s">
        <v>174</v>
      </c>
      <c r="V2608" s="113" t="s">
        <v>174</v>
      </c>
      <c r="W2608" s="113" t="s">
        <v>174</v>
      </c>
      <c r="X2608" s="113" t="s">
        <v>174</v>
      </c>
      <c r="Y2608" s="113" t="s">
        <v>174</v>
      </c>
      <c r="Z2608" s="113" t="s">
        <v>174</v>
      </c>
      <c r="AA2608" s="113" t="s">
        <v>174</v>
      </c>
      <c r="AB2608" s="113" t="s">
        <v>174</v>
      </c>
      <c r="AC2608" s="113" t="s">
        <v>174</v>
      </c>
      <c r="AD2608" s="113" t="s">
        <v>174</v>
      </c>
      <c r="AE2608" s="113" t="s">
        <v>174</v>
      </c>
      <c r="AF2608" s="113" t="s">
        <v>174</v>
      </c>
      <c r="AG2608" s="113" t="s">
        <v>174</v>
      </c>
      <c r="AH2608" s="113" t="s">
        <v>174</v>
      </c>
      <c r="AI2608" s="113" t="s">
        <v>174</v>
      </c>
      <c r="AJ2608" s="113" t="s">
        <v>174</v>
      </c>
      <c r="AK2608" s="113" t="s">
        <v>174</v>
      </c>
      <c r="AL2608" s="113" t="s">
        <v>174</v>
      </c>
      <c r="AM2608" s="113" t="s">
        <v>174</v>
      </c>
      <c r="AN2608" s="113" t="s">
        <v>174</v>
      </c>
      <c r="AO2608" s="113" t="s">
        <v>174</v>
      </c>
      <c r="AP2608" s="113" t="s">
        <v>174</v>
      </c>
      <c r="AQ2608" s="113" t="s">
        <v>174</v>
      </c>
      <c r="AR2608" s="113" t="s">
        <v>174</v>
      </c>
      <c r="AS2608" s="113" t="s">
        <v>174</v>
      </c>
      <c r="AT2608" s="121" t="s">
        <v>174</v>
      </c>
      <c r="AU2608" s="113" t="s">
        <v>174</v>
      </c>
      <c r="AV2608" s="113" t="s">
        <v>174</v>
      </c>
      <c r="AW2608" s="113" t="s">
        <v>174</v>
      </c>
      <c r="AX2608" s="113"/>
      <c r="AY2608" s="113"/>
      <c r="AZ2608" s="113"/>
      <c r="BA2608" s="113"/>
      <c r="BB2608" s="107">
        <v>45884</v>
      </c>
    </row>
    <row r="2609" spans="1:54" s="207" customFormat="1" ht="13.95" customHeight="1" x14ac:dyDescent="0.25">
      <c r="A2609" s="208" t="s">
        <v>6216</v>
      </c>
      <c r="B2609" s="209" t="s">
        <v>20420</v>
      </c>
      <c r="C2609" s="113" t="s">
        <v>6217</v>
      </c>
      <c r="D2609" s="113" t="s">
        <v>6218</v>
      </c>
      <c r="E2609" s="210">
        <v>1996</v>
      </c>
      <c r="F2609" s="210">
        <v>36281</v>
      </c>
      <c r="G2609" s="113" t="s">
        <v>7</v>
      </c>
      <c r="H2609" s="113">
        <v>0</v>
      </c>
      <c r="I2609" s="113">
        <v>0</v>
      </c>
      <c r="J2609" s="115">
        <v>1</v>
      </c>
      <c r="K2609" s="116" t="s">
        <v>174</v>
      </c>
      <c r="L2609" s="115">
        <v>0</v>
      </c>
      <c r="M2609" s="115">
        <v>1</v>
      </c>
      <c r="N2609" s="115">
        <v>0</v>
      </c>
      <c r="O2609" s="115">
        <v>0</v>
      </c>
      <c r="P2609" s="115" t="s">
        <v>400</v>
      </c>
      <c r="Q2609" s="115" t="s">
        <v>400</v>
      </c>
      <c r="R2609" s="115">
        <v>0</v>
      </c>
      <c r="S2609" s="115">
        <v>0</v>
      </c>
      <c r="T2609" s="115">
        <v>1</v>
      </c>
      <c r="U2609" s="113" t="s">
        <v>174</v>
      </c>
      <c r="V2609" s="113" t="s">
        <v>174</v>
      </c>
      <c r="W2609" s="113" t="s">
        <v>174</v>
      </c>
      <c r="X2609" s="113" t="s">
        <v>174</v>
      </c>
      <c r="Y2609" s="113" t="s">
        <v>174</v>
      </c>
      <c r="Z2609" s="113" t="s">
        <v>174</v>
      </c>
      <c r="AA2609" s="113" t="s">
        <v>174</v>
      </c>
      <c r="AB2609" s="113" t="s">
        <v>174</v>
      </c>
      <c r="AC2609" s="113" t="s">
        <v>174</v>
      </c>
      <c r="AD2609" s="113" t="s">
        <v>174</v>
      </c>
      <c r="AE2609" s="113" t="s">
        <v>174</v>
      </c>
      <c r="AF2609" s="113" t="s">
        <v>174</v>
      </c>
      <c r="AG2609" s="113" t="s">
        <v>174</v>
      </c>
      <c r="AH2609" s="113" t="s">
        <v>174</v>
      </c>
      <c r="AI2609" s="113" t="s">
        <v>174</v>
      </c>
      <c r="AJ2609" s="113" t="s">
        <v>174</v>
      </c>
      <c r="AK2609" s="113" t="s">
        <v>174</v>
      </c>
      <c r="AL2609" s="113" t="s">
        <v>174</v>
      </c>
      <c r="AM2609" s="113" t="s">
        <v>174</v>
      </c>
      <c r="AN2609" s="113" t="s">
        <v>174</v>
      </c>
      <c r="AO2609" s="113" t="s">
        <v>174</v>
      </c>
      <c r="AP2609" s="113" t="s">
        <v>174</v>
      </c>
      <c r="AQ2609" s="113" t="s">
        <v>174</v>
      </c>
      <c r="AR2609" s="113" t="s">
        <v>174</v>
      </c>
      <c r="AS2609" s="113" t="s">
        <v>174</v>
      </c>
      <c r="AT2609" s="121" t="s">
        <v>174</v>
      </c>
      <c r="AU2609" s="113" t="s">
        <v>174</v>
      </c>
      <c r="AV2609" s="113" t="s">
        <v>174</v>
      </c>
      <c r="AW2609" s="113" t="s">
        <v>174</v>
      </c>
      <c r="AX2609" s="113"/>
      <c r="AY2609" s="113"/>
      <c r="AZ2609" s="113"/>
      <c r="BA2609" s="113"/>
      <c r="BB2609" s="107">
        <v>45884</v>
      </c>
    </row>
    <row r="2610" spans="1:54" s="207" customFormat="1" ht="13.95" customHeight="1" x14ac:dyDescent="0.25">
      <c r="A2610" s="208" t="s">
        <v>6219</v>
      </c>
      <c r="B2610" s="209" t="s">
        <v>20420</v>
      </c>
      <c r="C2610" s="113" t="s">
        <v>6220</v>
      </c>
      <c r="D2610" s="113" t="s">
        <v>6221</v>
      </c>
      <c r="E2610" s="210">
        <v>1984</v>
      </c>
      <c r="F2610" s="210">
        <v>36500</v>
      </c>
      <c r="G2610" s="113" t="s">
        <v>7</v>
      </c>
      <c r="H2610" s="113">
        <v>1</v>
      </c>
      <c r="I2610" s="113">
        <v>1</v>
      </c>
      <c r="J2610" s="115">
        <v>1</v>
      </c>
      <c r="K2610" s="211">
        <v>1</v>
      </c>
      <c r="L2610" s="115">
        <v>1</v>
      </c>
      <c r="M2610" s="115">
        <v>1</v>
      </c>
      <c r="N2610" s="115">
        <v>1</v>
      </c>
      <c r="O2610" s="115">
        <v>0</v>
      </c>
      <c r="P2610" s="115" t="s">
        <v>400</v>
      </c>
      <c r="Q2610" s="115" t="s">
        <v>400</v>
      </c>
      <c r="R2610" s="115">
        <v>1</v>
      </c>
      <c r="S2610" s="115">
        <v>0</v>
      </c>
      <c r="T2610" s="115">
        <v>0</v>
      </c>
      <c r="U2610" s="113" t="s">
        <v>174</v>
      </c>
      <c r="V2610" s="113" t="s">
        <v>174</v>
      </c>
      <c r="W2610" s="113" t="s">
        <v>174</v>
      </c>
      <c r="X2610" s="113" t="s">
        <v>174</v>
      </c>
      <c r="Y2610" s="113" t="s">
        <v>174</v>
      </c>
      <c r="Z2610" s="113" t="s">
        <v>174</v>
      </c>
      <c r="AA2610" s="113" t="s">
        <v>174</v>
      </c>
      <c r="AB2610" s="113" t="s">
        <v>174</v>
      </c>
      <c r="AC2610" s="113" t="s">
        <v>174</v>
      </c>
      <c r="AD2610" s="113" t="s">
        <v>174</v>
      </c>
      <c r="AE2610" s="113" t="s">
        <v>174</v>
      </c>
      <c r="AF2610" s="113" t="s">
        <v>174</v>
      </c>
      <c r="AG2610" s="113" t="s">
        <v>174</v>
      </c>
      <c r="AH2610" s="113" t="s">
        <v>174</v>
      </c>
      <c r="AI2610" s="113" t="s">
        <v>174</v>
      </c>
      <c r="AJ2610" s="113" t="s">
        <v>174</v>
      </c>
      <c r="AK2610" s="113" t="s">
        <v>174</v>
      </c>
      <c r="AL2610" s="113" t="s">
        <v>174</v>
      </c>
      <c r="AM2610" s="113" t="s">
        <v>174</v>
      </c>
      <c r="AN2610" s="113" t="s">
        <v>174</v>
      </c>
      <c r="AO2610" s="113" t="s">
        <v>174</v>
      </c>
      <c r="AP2610" s="113" t="s">
        <v>174</v>
      </c>
      <c r="AQ2610" s="113" t="s">
        <v>174</v>
      </c>
      <c r="AR2610" s="113" t="s">
        <v>174</v>
      </c>
      <c r="AS2610" s="113" t="s">
        <v>174</v>
      </c>
      <c r="AT2610" s="121" t="s">
        <v>174</v>
      </c>
      <c r="AU2610" s="113" t="s">
        <v>174</v>
      </c>
      <c r="AV2610" s="113" t="s">
        <v>174</v>
      </c>
      <c r="AW2610" s="113" t="s">
        <v>174</v>
      </c>
      <c r="AX2610" s="113"/>
      <c r="AY2610" s="113"/>
      <c r="AZ2610" s="113"/>
      <c r="BA2610" s="113"/>
      <c r="BB2610" s="107">
        <v>45884</v>
      </c>
    </row>
    <row r="2611" spans="1:54" s="207" customFormat="1" ht="13.95" customHeight="1" x14ac:dyDescent="0.25">
      <c r="A2611" s="208" t="s">
        <v>6222</v>
      </c>
      <c r="B2611" s="209" t="s">
        <v>20420</v>
      </c>
      <c r="C2611" s="113" t="s">
        <v>6223</v>
      </c>
      <c r="D2611" s="113" t="s">
        <v>6224</v>
      </c>
      <c r="E2611" s="210">
        <v>1983</v>
      </c>
      <c r="F2611" s="210">
        <v>36687</v>
      </c>
      <c r="G2611" s="113" t="s">
        <v>7</v>
      </c>
      <c r="H2611" s="113">
        <v>1</v>
      </c>
      <c r="I2611" s="113">
        <v>1</v>
      </c>
      <c r="J2611" s="115">
        <v>1</v>
      </c>
      <c r="K2611" s="116" t="s">
        <v>174</v>
      </c>
      <c r="L2611" s="115">
        <v>0</v>
      </c>
      <c r="M2611" s="115">
        <v>0</v>
      </c>
      <c r="N2611" s="115">
        <v>0</v>
      </c>
      <c r="O2611" s="115">
        <v>0</v>
      </c>
      <c r="P2611" s="115" t="s">
        <v>400</v>
      </c>
      <c r="Q2611" s="115" t="s">
        <v>400</v>
      </c>
      <c r="R2611" s="115">
        <v>0</v>
      </c>
      <c r="S2611" s="115">
        <v>0</v>
      </c>
      <c r="T2611" s="115">
        <v>0</v>
      </c>
      <c r="U2611" s="113" t="s">
        <v>174</v>
      </c>
      <c r="V2611" s="113" t="s">
        <v>174</v>
      </c>
      <c r="W2611" s="113" t="s">
        <v>174</v>
      </c>
      <c r="X2611" s="113" t="s">
        <v>174</v>
      </c>
      <c r="Y2611" s="113" t="s">
        <v>174</v>
      </c>
      <c r="Z2611" s="113">
        <v>1</v>
      </c>
      <c r="AA2611" s="113" t="s">
        <v>174</v>
      </c>
      <c r="AB2611" s="113" t="s">
        <v>174</v>
      </c>
      <c r="AC2611" s="113" t="s">
        <v>174</v>
      </c>
      <c r="AD2611" s="113" t="s">
        <v>174</v>
      </c>
      <c r="AE2611" s="113" t="s">
        <v>174</v>
      </c>
      <c r="AF2611" s="113" t="s">
        <v>174</v>
      </c>
      <c r="AG2611" s="113" t="s">
        <v>174</v>
      </c>
      <c r="AH2611" s="113" t="s">
        <v>174</v>
      </c>
      <c r="AI2611" s="113" t="s">
        <v>174</v>
      </c>
      <c r="AJ2611" s="113" t="s">
        <v>174</v>
      </c>
      <c r="AK2611" s="113" t="s">
        <v>174</v>
      </c>
      <c r="AL2611" s="113" t="s">
        <v>174</v>
      </c>
      <c r="AM2611" s="113" t="s">
        <v>174</v>
      </c>
      <c r="AN2611" s="113" t="s">
        <v>174</v>
      </c>
      <c r="AO2611" s="113" t="s">
        <v>174</v>
      </c>
      <c r="AP2611" s="113" t="s">
        <v>174</v>
      </c>
      <c r="AQ2611" s="113" t="s">
        <v>174</v>
      </c>
      <c r="AR2611" s="113" t="s">
        <v>174</v>
      </c>
      <c r="AS2611" s="113" t="s">
        <v>174</v>
      </c>
      <c r="AT2611" s="113">
        <v>1</v>
      </c>
      <c r="AU2611" s="113" t="s">
        <v>174</v>
      </c>
      <c r="AV2611" s="113">
        <v>1</v>
      </c>
      <c r="AW2611" s="113" t="s">
        <v>174</v>
      </c>
      <c r="AX2611" s="113"/>
      <c r="AY2611" s="113"/>
      <c r="AZ2611" s="124" t="s">
        <v>23203</v>
      </c>
      <c r="BA2611" s="113" t="s">
        <v>19478</v>
      </c>
      <c r="BB2611" s="107">
        <v>45884</v>
      </c>
    </row>
    <row r="2612" spans="1:54" s="207" customFormat="1" ht="13.95" customHeight="1" x14ac:dyDescent="0.25">
      <c r="A2612" s="208" t="s">
        <v>6225</v>
      </c>
      <c r="B2612" s="209" t="s">
        <v>20420</v>
      </c>
      <c r="C2612" s="113" t="s">
        <v>6226</v>
      </c>
      <c r="D2612" s="113" t="s">
        <v>24031</v>
      </c>
      <c r="E2612" s="210">
        <v>1998</v>
      </c>
      <c r="F2612" s="210">
        <v>37414</v>
      </c>
      <c r="G2612" s="113" t="s">
        <v>7</v>
      </c>
      <c r="H2612" s="113">
        <v>1</v>
      </c>
      <c r="I2612" s="113">
        <v>1</v>
      </c>
      <c r="J2612" s="115">
        <v>1</v>
      </c>
      <c r="K2612" s="116" t="s">
        <v>174</v>
      </c>
      <c r="L2612" s="115">
        <v>1</v>
      </c>
      <c r="M2612" s="115">
        <v>0</v>
      </c>
      <c r="N2612" s="115">
        <v>0</v>
      </c>
      <c r="O2612" s="115">
        <v>0</v>
      </c>
      <c r="P2612" s="115">
        <v>1</v>
      </c>
      <c r="Q2612" s="115" t="s">
        <v>400</v>
      </c>
      <c r="R2612" s="115">
        <v>0</v>
      </c>
      <c r="S2612" s="115">
        <v>0</v>
      </c>
      <c r="T2612" s="115">
        <v>0</v>
      </c>
      <c r="U2612" s="113" t="s">
        <v>174</v>
      </c>
      <c r="V2612" s="113" t="s">
        <v>174</v>
      </c>
      <c r="W2612" s="113" t="s">
        <v>174</v>
      </c>
      <c r="X2612" s="113" t="s">
        <v>174</v>
      </c>
      <c r="Y2612" s="113" t="s">
        <v>174</v>
      </c>
      <c r="Z2612" s="113" t="s">
        <v>174</v>
      </c>
      <c r="AA2612" s="113" t="s">
        <v>174</v>
      </c>
      <c r="AB2612" s="113" t="s">
        <v>174</v>
      </c>
      <c r="AC2612" s="113" t="s">
        <v>174</v>
      </c>
      <c r="AD2612" s="113" t="s">
        <v>174</v>
      </c>
      <c r="AE2612" s="113" t="s">
        <v>174</v>
      </c>
      <c r="AF2612" s="113" t="s">
        <v>174</v>
      </c>
      <c r="AG2612" s="113" t="s">
        <v>174</v>
      </c>
      <c r="AH2612" s="113" t="s">
        <v>174</v>
      </c>
      <c r="AI2612" s="113" t="s">
        <v>174</v>
      </c>
      <c r="AJ2612" s="113" t="s">
        <v>174</v>
      </c>
      <c r="AK2612" s="113" t="s">
        <v>174</v>
      </c>
      <c r="AL2612" s="113" t="s">
        <v>174</v>
      </c>
      <c r="AM2612" s="113" t="s">
        <v>174</v>
      </c>
      <c r="AN2612" s="113" t="s">
        <v>174</v>
      </c>
      <c r="AO2612" s="113" t="s">
        <v>174</v>
      </c>
      <c r="AP2612" s="113" t="s">
        <v>174</v>
      </c>
      <c r="AQ2612" s="113" t="s">
        <v>174</v>
      </c>
      <c r="AR2612" s="113" t="s">
        <v>174</v>
      </c>
      <c r="AS2612" s="113" t="s">
        <v>174</v>
      </c>
      <c r="AT2612" s="121" t="s">
        <v>174</v>
      </c>
      <c r="AU2612" s="113" t="s">
        <v>174</v>
      </c>
      <c r="AV2612" s="113" t="s">
        <v>174</v>
      </c>
      <c r="AW2612" s="113" t="s">
        <v>174</v>
      </c>
      <c r="AX2612" s="113"/>
      <c r="AY2612" s="113"/>
      <c r="AZ2612" s="113"/>
      <c r="BA2612" s="113"/>
      <c r="BB2612" s="107">
        <v>45884</v>
      </c>
    </row>
    <row r="2613" spans="1:54" s="207" customFormat="1" ht="13.95" customHeight="1" x14ac:dyDescent="0.25">
      <c r="A2613" s="208" t="s">
        <v>6227</v>
      </c>
      <c r="B2613" s="209" t="s">
        <v>20420</v>
      </c>
      <c r="C2613" s="113" t="s">
        <v>6228</v>
      </c>
      <c r="D2613" s="113" t="s">
        <v>24032</v>
      </c>
      <c r="E2613" s="210">
        <v>1987</v>
      </c>
      <c r="F2613" s="210">
        <v>37544</v>
      </c>
      <c r="G2613" s="113" t="s">
        <v>3</v>
      </c>
      <c r="H2613" s="113">
        <v>1</v>
      </c>
      <c r="I2613" s="113">
        <v>1</v>
      </c>
      <c r="J2613" s="115">
        <v>1</v>
      </c>
      <c r="K2613" s="116" t="s">
        <v>174</v>
      </c>
      <c r="L2613" s="115">
        <v>1</v>
      </c>
      <c r="M2613" s="115">
        <v>0</v>
      </c>
      <c r="N2613" s="115">
        <v>0</v>
      </c>
      <c r="O2613" s="115">
        <v>1</v>
      </c>
      <c r="P2613" s="115">
        <v>1</v>
      </c>
      <c r="Q2613" s="115" t="s">
        <v>400</v>
      </c>
      <c r="R2613" s="115">
        <v>1</v>
      </c>
      <c r="S2613" s="115">
        <v>0</v>
      </c>
      <c r="T2613" s="115">
        <v>0</v>
      </c>
      <c r="U2613" s="113" t="s">
        <v>174</v>
      </c>
      <c r="V2613" s="113" t="s">
        <v>174</v>
      </c>
      <c r="W2613" s="113" t="s">
        <v>174</v>
      </c>
      <c r="X2613" s="113" t="s">
        <v>174</v>
      </c>
      <c r="Y2613" s="113" t="s">
        <v>174</v>
      </c>
      <c r="Z2613" s="113" t="s">
        <v>174</v>
      </c>
      <c r="AA2613" s="113" t="s">
        <v>174</v>
      </c>
      <c r="AB2613" s="113" t="s">
        <v>174</v>
      </c>
      <c r="AC2613" s="113" t="s">
        <v>174</v>
      </c>
      <c r="AD2613" s="113" t="s">
        <v>174</v>
      </c>
      <c r="AE2613" s="113" t="s">
        <v>174</v>
      </c>
      <c r="AF2613" s="113" t="s">
        <v>174</v>
      </c>
      <c r="AG2613" s="113" t="s">
        <v>174</v>
      </c>
      <c r="AH2613" s="113" t="s">
        <v>174</v>
      </c>
      <c r="AI2613" s="113" t="s">
        <v>174</v>
      </c>
      <c r="AJ2613" s="113" t="s">
        <v>174</v>
      </c>
      <c r="AK2613" s="113" t="s">
        <v>174</v>
      </c>
      <c r="AL2613" s="113" t="s">
        <v>174</v>
      </c>
      <c r="AM2613" s="113" t="s">
        <v>174</v>
      </c>
      <c r="AN2613" s="113" t="s">
        <v>174</v>
      </c>
      <c r="AO2613" s="113" t="s">
        <v>174</v>
      </c>
      <c r="AP2613" s="113" t="s">
        <v>174</v>
      </c>
      <c r="AQ2613" s="113" t="s">
        <v>174</v>
      </c>
      <c r="AR2613" s="113" t="s">
        <v>174</v>
      </c>
      <c r="AS2613" s="113" t="s">
        <v>174</v>
      </c>
      <c r="AT2613" s="121" t="s">
        <v>174</v>
      </c>
      <c r="AU2613" s="113" t="s">
        <v>174</v>
      </c>
      <c r="AV2613" s="113" t="s">
        <v>174</v>
      </c>
      <c r="AW2613" s="113" t="s">
        <v>174</v>
      </c>
      <c r="AX2613" s="113"/>
      <c r="AY2613" s="113"/>
      <c r="AZ2613" s="113"/>
      <c r="BA2613" s="113"/>
      <c r="BB2613" s="107">
        <v>45884</v>
      </c>
    </row>
    <row r="2614" spans="1:54" s="207" customFormat="1" ht="13.95" customHeight="1" x14ac:dyDescent="0.25">
      <c r="A2614" s="208" t="s">
        <v>6229</v>
      </c>
      <c r="B2614" s="209" t="s">
        <v>20420</v>
      </c>
      <c r="C2614" s="113" t="s">
        <v>6230</v>
      </c>
      <c r="D2614" s="113" t="s">
        <v>24033</v>
      </c>
      <c r="E2614" s="210">
        <v>1997</v>
      </c>
      <c r="F2614" s="210">
        <v>38178</v>
      </c>
      <c r="G2614" s="113" t="s">
        <v>7</v>
      </c>
      <c r="H2614" s="113">
        <v>1</v>
      </c>
      <c r="I2614" s="113">
        <v>1</v>
      </c>
      <c r="J2614" s="115">
        <v>1</v>
      </c>
      <c r="K2614" s="211">
        <v>1</v>
      </c>
      <c r="L2614" s="115">
        <v>0</v>
      </c>
      <c r="M2614" s="115">
        <v>0</v>
      </c>
      <c r="N2614" s="115">
        <v>0</v>
      </c>
      <c r="O2614" s="115">
        <v>0</v>
      </c>
      <c r="P2614" s="115" t="s">
        <v>400</v>
      </c>
      <c r="Q2614" s="115" t="s">
        <v>400</v>
      </c>
      <c r="R2614" s="115">
        <v>0</v>
      </c>
      <c r="S2614" s="115">
        <v>0</v>
      </c>
      <c r="T2614" s="115">
        <v>0</v>
      </c>
      <c r="U2614" s="113" t="s">
        <v>174</v>
      </c>
      <c r="V2614" s="113" t="s">
        <v>174</v>
      </c>
      <c r="W2614" s="113" t="s">
        <v>174</v>
      </c>
      <c r="X2614" s="113" t="s">
        <v>174</v>
      </c>
      <c r="Y2614" s="113" t="s">
        <v>174</v>
      </c>
      <c r="Z2614" s="113" t="s">
        <v>174</v>
      </c>
      <c r="AA2614" s="113" t="s">
        <v>174</v>
      </c>
      <c r="AB2614" s="113" t="s">
        <v>174</v>
      </c>
      <c r="AC2614" s="113" t="s">
        <v>174</v>
      </c>
      <c r="AD2614" s="113" t="s">
        <v>174</v>
      </c>
      <c r="AE2614" s="113" t="s">
        <v>174</v>
      </c>
      <c r="AF2614" s="113" t="s">
        <v>174</v>
      </c>
      <c r="AG2614" s="113" t="s">
        <v>174</v>
      </c>
      <c r="AH2614" s="113" t="s">
        <v>174</v>
      </c>
      <c r="AI2614" s="113" t="s">
        <v>174</v>
      </c>
      <c r="AJ2614" s="113" t="s">
        <v>174</v>
      </c>
      <c r="AK2614" s="113" t="s">
        <v>174</v>
      </c>
      <c r="AL2614" s="113" t="s">
        <v>174</v>
      </c>
      <c r="AM2614" s="113" t="s">
        <v>174</v>
      </c>
      <c r="AN2614" s="113" t="s">
        <v>174</v>
      </c>
      <c r="AO2614" s="113" t="s">
        <v>174</v>
      </c>
      <c r="AP2614" s="113" t="s">
        <v>174</v>
      </c>
      <c r="AQ2614" s="113" t="s">
        <v>174</v>
      </c>
      <c r="AR2614" s="113" t="s">
        <v>174</v>
      </c>
      <c r="AS2614" s="113" t="s">
        <v>174</v>
      </c>
      <c r="AT2614" s="121" t="s">
        <v>174</v>
      </c>
      <c r="AU2614" s="113" t="s">
        <v>174</v>
      </c>
      <c r="AV2614" s="113" t="s">
        <v>174</v>
      </c>
      <c r="AW2614" s="113" t="s">
        <v>174</v>
      </c>
      <c r="AX2614" s="113"/>
      <c r="AY2614" s="113"/>
      <c r="AZ2614" s="113"/>
      <c r="BA2614" s="113"/>
      <c r="BB2614" s="107">
        <v>45884</v>
      </c>
    </row>
    <row r="2615" spans="1:54" s="207" customFormat="1" ht="13.95" customHeight="1" x14ac:dyDescent="0.25">
      <c r="A2615" s="208" t="s">
        <v>6231</v>
      </c>
      <c r="B2615" s="209" t="s">
        <v>20420</v>
      </c>
      <c r="C2615" s="113" t="s">
        <v>6232</v>
      </c>
      <c r="D2615" s="113" t="s">
        <v>6233</v>
      </c>
      <c r="E2615" s="210">
        <v>1984</v>
      </c>
      <c r="F2615" s="210">
        <v>39082</v>
      </c>
      <c r="G2615" s="113" t="s">
        <v>7</v>
      </c>
      <c r="H2615" s="113">
        <v>1</v>
      </c>
      <c r="I2615" s="113">
        <v>1</v>
      </c>
      <c r="J2615" s="115">
        <v>1</v>
      </c>
      <c r="K2615" s="116" t="s">
        <v>174</v>
      </c>
      <c r="L2615" s="115">
        <v>1</v>
      </c>
      <c r="M2615" s="115">
        <v>1</v>
      </c>
      <c r="N2615" s="115">
        <v>0</v>
      </c>
      <c r="O2615" s="115">
        <v>1</v>
      </c>
      <c r="P2615" s="115">
        <v>1</v>
      </c>
      <c r="Q2615" s="115" t="s">
        <v>400</v>
      </c>
      <c r="R2615" s="115">
        <v>0</v>
      </c>
      <c r="S2615" s="115">
        <v>0</v>
      </c>
      <c r="T2615" s="115">
        <v>0</v>
      </c>
      <c r="U2615" s="113" t="s">
        <v>174</v>
      </c>
      <c r="V2615" s="113" t="s">
        <v>174</v>
      </c>
      <c r="W2615" s="113" t="s">
        <v>174</v>
      </c>
      <c r="X2615" s="113" t="s">
        <v>174</v>
      </c>
      <c r="Y2615" s="113" t="s">
        <v>174</v>
      </c>
      <c r="Z2615" s="113" t="s">
        <v>174</v>
      </c>
      <c r="AA2615" s="113" t="s">
        <v>174</v>
      </c>
      <c r="AB2615" s="113" t="s">
        <v>174</v>
      </c>
      <c r="AC2615" s="113" t="s">
        <v>174</v>
      </c>
      <c r="AD2615" s="113" t="s">
        <v>174</v>
      </c>
      <c r="AE2615" s="113" t="s">
        <v>174</v>
      </c>
      <c r="AF2615" s="113" t="s">
        <v>174</v>
      </c>
      <c r="AG2615" s="113" t="s">
        <v>174</v>
      </c>
      <c r="AH2615" s="113" t="s">
        <v>174</v>
      </c>
      <c r="AI2615" s="113" t="s">
        <v>174</v>
      </c>
      <c r="AJ2615" s="113" t="s">
        <v>174</v>
      </c>
      <c r="AK2615" s="113" t="s">
        <v>174</v>
      </c>
      <c r="AL2615" s="113" t="s">
        <v>174</v>
      </c>
      <c r="AM2615" s="113" t="s">
        <v>174</v>
      </c>
      <c r="AN2615" s="113" t="s">
        <v>174</v>
      </c>
      <c r="AO2615" s="113" t="s">
        <v>174</v>
      </c>
      <c r="AP2615" s="113" t="s">
        <v>174</v>
      </c>
      <c r="AQ2615" s="113" t="s">
        <v>174</v>
      </c>
      <c r="AR2615" s="113" t="s">
        <v>174</v>
      </c>
      <c r="AS2615" s="113" t="s">
        <v>174</v>
      </c>
      <c r="AT2615" s="121" t="s">
        <v>174</v>
      </c>
      <c r="AU2615" s="113" t="s">
        <v>174</v>
      </c>
      <c r="AV2615" s="113" t="s">
        <v>174</v>
      </c>
      <c r="AW2615" s="113" t="s">
        <v>174</v>
      </c>
      <c r="AX2615" s="113"/>
      <c r="AY2615" s="113"/>
      <c r="AZ2615" s="113"/>
      <c r="BA2615" s="113"/>
      <c r="BB2615" s="107">
        <v>45884</v>
      </c>
    </row>
    <row r="2616" spans="1:54" s="207" customFormat="1" ht="13.95" customHeight="1" x14ac:dyDescent="0.25">
      <c r="A2616" s="208" t="s">
        <v>6234</v>
      </c>
      <c r="B2616" s="209" t="s">
        <v>20420</v>
      </c>
      <c r="C2616" s="113" t="s">
        <v>6235</v>
      </c>
      <c r="D2616" s="113" t="s">
        <v>24034</v>
      </c>
      <c r="E2616" s="210">
        <v>1984</v>
      </c>
      <c r="F2616" s="210">
        <v>39860</v>
      </c>
      <c r="G2616" s="113" t="s">
        <v>7</v>
      </c>
      <c r="H2616" s="113">
        <v>1</v>
      </c>
      <c r="I2616" s="113">
        <v>1</v>
      </c>
      <c r="J2616" s="115">
        <v>1</v>
      </c>
      <c r="K2616" s="116" t="s">
        <v>174</v>
      </c>
      <c r="L2616" s="115">
        <v>0</v>
      </c>
      <c r="M2616" s="115">
        <v>1</v>
      </c>
      <c r="N2616" s="115">
        <v>1</v>
      </c>
      <c r="O2616" s="115">
        <v>0</v>
      </c>
      <c r="P2616" s="115" t="s">
        <v>400</v>
      </c>
      <c r="Q2616" s="115" t="s">
        <v>400</v>
      </c>
      <c r="R2616" s="115">
        <v>0</v>
      </c>
      <c r="S2616" s="115">
        <v>0</v>
      </c>
      <c r="T2616" s="115">
        <v>0</v>
      </c>
      <c r="U2616" s="113" t="s">
        <v>174</v>
      </c>
      <c r="V2616" s="113" t="s">
        <v>174</v>
      </c>
      <c r="W2616" s="113" t="s">
        <v>174</v>
      </c>
      <c r="X2616" s="113" t="s">
        <v>174</v>
      </c>
      <c r="Y2616" s="113" t="s">
        <v>174</v>
      </c>
      <c r="Z2616" s="113" t="s">
        <v>174</v>
      </c>
      <c r="AA2616" s="113" t="s">
        <v>174</v>
      </c>
      <c r="AB2616" s="113" t="s">
        <v>174</v>
      </c>
      <c r="AC2616" s="113" t="s">
        <v>174</v>
      </c>
      <c r="AD2616" s="113" t="s">
        <v>174</v>
      </c>
      <c r="AE2616" s="113" t="s">
        <v>174</v>
      </c>
      <c r="AF2616" s="113" t="s">
        <v>174</v>
      </c>
      <c r="AG2616" s="113" t="s">
        <v>174</v>
      </c>
      <c r="AH2616" s="113" t="s">
        <v>174</v>
      </c>
      <c r="AI2616" s="113" t="s">
        <v>174</v>
      </c>
      <c r="AJ2616" s="113" t="s">
        <v>174</v>
      </c>
      <c r="AK2616" s="113" t="s">
        <v>174</v>
      </c>
      <c r="AL2616" s="113" t="s">
        <v>174</v>
      </c>
      <c r="AM2616" s="113" t="s">
        <v>174</v>
      </c>
      <c r="AN2616" s="113" t="s">
        <v>174</v>
      </c>
      <c r="AO2616" s="113" t="s">
        <v>174</v>
      </c>
      <c r="AP2616" s="113" t="s">
        <v>174</v>
      </c>
      <c r="AQ2616" s="113" t="s">
        <v>174</v>
      </c>
      <c r="AR2616" s="113" t="s">
        <v>174</v>
      </c>
      <c r="AS2616" s="113" t="s">
        <v>174</v>
      </c>
      <c r="AT2616" s="121" t="s">
        <v>174</v>
      </c>
      <c r="AU2616" s="113" t="s">
        <v>174</v>
      </c>
      <c r="AV2616" s="113" t="s">
        <v>174</v>
      </c>
      <c r="AW2616" s="113" t="s">
        <v>174</v>
      </c>
      <c r="AX2616" s="113"/>
      <c r="AY2616" s="113"/>
      <c r="AZ2616" s="113"/>
      <c r="BA2616" s="113"/>
      <c r="BB2616" s="107">
        <v>45884</v>
      </c>
    </row>
    <row r="2617" spans="1:54" s="207" customFormat="1" ht="13.95" customHeight="1" x14ac:dyDescent="0.25">
      <c r="A2617" s="208" t="s">
        <v>6236</v>
      </c>
      <c r="B2617" s="209" t="s">
        <v>20420</v>
      </c>
      <c r="C2617" s="113" t="s">
        <v>6237</v>
      </c>
      <c r="D2617" s="113" t="s">
        <v>24035</v>
      </c>
      <c r="E2617" s="210">
        <v>1998</v>
      </c>
      <c r="F2617" s="210">
        <v>40120</v>
      </c>
      <c r="G2617" s="113" t="s">
        <v>3</v>
      </c>
      <c r="H2617" s="113">
        <v>1</v>
      </c>
      <c r="I2617" s="113">
        <v>1</v>
      </c>
      <c r="J2617" s="115">
        <v>1</v>
      </c>
      <c r="K2617" s="116" t="s">
        <v>174</v>
      </c>
      <c r="L2617" s="115">
        <v>0</v>
      </c>
      <c r="M2617" s="115">
        <v>0</v>
      </c>
      <c r="N2617" s="115">
        <v>0</v>
      </c>
      <c r="O2617" s="115">
        <v>0</v>
      </c>
      <c r="P2617" s="115" t="s">
        <v>400</v>
      </c>
      <c r="Q2617" s="115" t="s">
        <v>400</v>
      </c>
      <c r="R2617" s="115">
        <v>0</v>
      </c>
      <c r="S2617" s="115">
        <v>0</v>
      </c>
      <c r="T2617" s="115">
        <v>0</v>
      </c>
      <c r="U2617" s="113" t="s">
        <v>174</v>
      </c>
      <c r="V2617" s="113" t="s">
        <v>174</v>
      </c>
      <c r="W2617" s="113" t="s">
        <v>174</v>
      </c>
      <c r="X2617" s="113" t="s">
        <v>174</v>
      </c>
      <c r="Y2617" s="113" t="s">
        <v>174</v>
      </c>
      <c r="Z2617" s="113" t="s">
        <v>174</v>
      </c>
      <c r="AA2617" s="113" t="s">
        <v>174</v>
      </c>
      <c r="AB2617" s="113" t="s">
        <v>174</v>
      </c>
      <c r="AC2617" s="113" t="s">
        <v>174</v>
      </c>
      <c r="AD2617" s="113" t="s">
        <v>174</v>
      </c>
      <c r="AE2617" s="113" t="s">
        <v>174</v>
      </c>
      <c r="AF2617" s="113" t="s">
        <v>174</v>
      </c>
      <c r="AG2617" s="113" t="s">
        <v>174</v>
      </c>
      <c r="AH2617" s="113" t="s">
        <v>174</v>
      </c>
      <c r="AI2617" s="113" t="s">
        <v>174</v>
      </c>
      <c r="AJ2617" s="113" t="s">
        <v>174</v>
      </c>
      <c r="AK2617" s="113" t="s">
        <v>174</v>
      </c>
      <c r="AL2617" s="113" t="s">
        <v>174</v>
      </c>
      <c r="AM2617" s="113" t="s">
        <v>174</v>
      </c>
      <c r="AN2617" s="113" t="s">
        <v>174</v>
      </c>
      <c r="AO2617" s="113" t="s">
        <v>174</v>
      </c>
      <c r="AP2617" s="113" t="s">
        <v>174</v>
      </c>
      <c r="AQ2617" s="113" t="s">
        <v>174</v>
      </c>
      <c r="AR2617" s="113" t="s">
        <v>174</v>
      </c>
      <c r="AS2617" s="113" t="s">
        <v>174</v>
      </c>
      <c r="AT2617" s="121" t="s">
        <v>174</v>
      </c>
      <c r="AU2617" s="113" t="s">
        <v>174</v>
      </c>
      <c r="AV2617" s="113" t="s">
        <v>174</v>
      </c>
      <c r="AW2617" s="113" t="s">
        <v>174</v>
      </c>
      <c r="AX2617" s="113"/>
      <c r="AY2617" s="113"/>
      <c r="AZ2617" s="113"/>
      <c r="BA2617" s="113"/>
      <c r="BB2617" s="107">
        <v>45884</v>
      </c>
    </row>
    <row r="2618" spans="1:54" s="207" customFormat="1" ht="13.95" customHeight="1" x14ac:dyDescent="0.25">
      <c r="A2618" s="208" t="s">
        <v>6238</v>
      </c>
      <c r="B2618" s="209" t="s">
        <v>20420</v>
      </c>
      <c r="C2618" s="113" t="s">
        <v>6239</v>
      </c>
      <c r="D2618" s="113" t="s">
        <v>6240</v>
      </c>
      <c r="E2618" s="210">
        <v>2013</v>
      </c>
      <c r="F2618" s="210">
        <v>58582</v>
      </c>
      <c r="G2618" s="113" t="s">
        <v>10</v>
      </c>
      <c r="H2618" s="113">
        <v>1</v>
      </c>
      <c r="I2618" s="113">
        <v>1</v>
      </c>
      <c r="J2618" s="115" t="s">
        <v>400</v>
      </c>
      <c r="K2618" s="116" t="s">
        <v>174</v>
      </c>
      <c r="L2618" s="115">
        <v>0</v>
      </c>
      <c r="M2618" s="115">
        <v>0</v>
      </c>
      <c r="N2618" s="115">
        <v>0</v>
      </c>
      <c r="O2618" s="115">
        <v>0</v>
      </c>
      <c r="P2618" s="115" t="s">
        <v>400</v>
      </c>
      <c r="Q2618" s="115" t="s">
        <v>400</v>
      </c>
      <c r="R2618" s="115">
        <v>0</v>
      </c>
      <c r="S2618" s="115">
        <v>0</v>
      </c>
      <c r="T2618" s="115">
        <v>0</v>
      </c>
      <c r="U2618" s="113" t="s">
        <v>174</v>
      </c>
      <c r="V2618" s="113" t="s">
        <v>174</v>
      </c>
      <c r="W2618" s="113" t="s">
        <v>174</v>
      </c>
      <c r="X2618" s="113" t="s">
        <v>174</v>
      </c>
      <c r="Y2618" s="113" t="s">
        <v>174</v>
      </c>
      <c r="Z2618" s="113" t="s">
        <v>174</v>
      </c>
      <c r="AA2618" s="113" t="s">
        <v>174</v>
      </c>
      <c r="AB2618" s="113" t="s">
        <v>174</v>
      </c>
      <c r="AC2618" s="113" t="s">
        <v>174</v>
      </c>
      <c r="AD2618" s="113" t="s">
        <v>174</v>
      </c>
      <c r="AE2618" s="113" t="s">
        <v>174</v>
      </c>
      <c r="AF2618" s="113" t="s">
        <v>174</v>
      </c>
      <c r="AG2618" s="113" t="s">
        <v>174</v>
      </c>
      <c r="AH2618" s="113" t="s">
        <v>174</v>
      </c>
      <c r="AI2618" s="113" t="s">
        <v>174</v>
      </c>
      <c r="AJ2618" s="113" t="s">
        <v>174</v>
      </c>
      <c r="AK2618" s="113" t="s">
        <v>174</v>
      </c>
      <c r="AL2618" s="113" t="s">
        <v>174</v>
      </c>
      <c r="AM2618" s="113" t="s">
        <v>174</v>
      </c>
      <c r="AN2618" s="113" t="s">
        <v>174</v>
      </c>
      <c r="AO2618" s="113" t="s">
        <v>174</v>
      </c>
      <c r="AP2618" s="113" t="s">
        <v>174</v>
      </c>
      <c r="AQ2618" s="113" t="s">
        <v>174</v>
      </c>
      <c r="AR2618" s="113" t="s">
        <v>174</v>
      </c>
      <c r="AS2618" s="113" t="s">
        <v>174</v>
      </c>
      <c r="AT2618" s="121" t="s">
        <v>174</v>
      </c>
      <c r="AU2618" s="113" t="s">
        <v>174</v>
      </c>
      <c r="AV2618" s="113">
        <v>1</v>
      </c>
      <c r="AW2618" s="113" t="s">
        <v>174</v>
      </c>
      <c r="AX2618" s="113"/>
      <c r="AY2618" s="113"/>
      <c r="AZ2618" s="113"/>
      <c r="BA2618" s="113"/>
      <c r="BB2618" s="107">
        <v>45884</v>
      </c>
    </row>
    <row r="2619" spans="1:54" s="207" customFormat="1" ht="13.95" customHeight="1" x14ac:dyDescent="0.25">
      <c r="A2619" s="208" t="s">
        <v>6241</v>
      </c>
      <c r="B2619" s="209" t="s">
        <v>20420</v>
      </c>
      <c r="C2619" s="113" t="s">
        <v>6242</v>
      </c>
      <c r="D2619" s="113" t="s">
        <v>6243</v>
      </c>
      <c r="E2619" s="210">
        <v>1944</v>
      </c>
      <c r="F2619" s="210">
        <v>40998</v>
      </c>
      <c r="G2619" s="113" t="s">
        <v>10</v>
      </c>
      <c r="H2619" s="113">
        <v>1</v>
      </c>
      <c r="I2619" s="113">
        <v>1</v>
      </c>
      <c r="J2619" s="115">
        <v>1</v>
      </c>
      <c r="K2619" s="116" t="s">
        <v>174</v>
      </c>
      <c r="L2619" s="115">
        <v>1</v>
      </c>
      <c r="M2619" s="115">
        <v>1</v>
      </c>
      <c r="N2619" s="115">
        <v>0</v>
      </c>
      <c r="O2619" s="115">
        <v>0</v>
      </c>
      <c r="P2619" s="115" t="s">
        <v>400</v>
      </c>
      <c r="Q2619" s="115" t="s">
        <v>400</v>
      </c>
      <c r="R2619" s="115">
        <v>1</v>
      </c>
      <c r="S2619" s="115">
        <v>0</v>
      </c>
      <c r="T2619" s="115">
        <v>0</v>
      </c>
      <c r="U2619" s="113" t="s">
        <v>174</v>
      </c>
      <c r="V2619" s="113" t="s">
        <v>174</v>
      </c>
      <c r="W2619" s="113" t="s">
        <v>174</v>
      </c>
      <c r="X2619" s="113" t="s">
        <v>174</v>
      </c>
      <c r="Y2619" s="113" t="s">
        <v>174</v>
      </c>
      <c r="Z2619" s="113" t="s">
        <v>174</v>
      </c>
      <c r="AA2619" s="113" t="s">
        <v>174</v>
      </c>
      <c r="AB2619" s="113" t="s">
        <v>174</v>
      </c>
      <c r="AC2619" s="113" t="s">
        <v>174</v>
      </c>
      <c r="AD2619" s="113" t="s">
        <v>174</v>
      </c>
      <c r="AE2619" s="113" t="s">
        <v>174</v>
      </c>
      <c r="AF2619" s="113" t="s">
        <v>174</v>
      </c>
      <c r="AG2619" s="113" t="s">
        <v>174</v>
      </c>
      <c r="AH2619" s="113" t="s">
        <v>174</v>
      </c>
      <c r="AI2619" s="113" t="s">
        <v>174</v>
      </c>
      <c r="AJ2619" s="113" t="s">
        <v>174</v>
      </c>
      <c r="AK2619" s="113" t="s">
        <v>174</v>
      </c>
      <c r="AL2619" s="113" t="s">
        <v>174</v>
      </c>
      <c r="AM2619" s="113" t="s">
        <v>174</v>
      </c>
      <c r="AN2619" s="113" t="s">
        <v>174</v>
      </c>
      <c r="AO2619" s="113" t="s">
        <v>174</v>
      </c>
      <c r="AP2619" s="113" t="s">
        <v>174</v>
      </c>
      <c r="AQ2619" s="113" t="s">
        <v>174</v>
      </c>
      <c r="AR2619" s="113" t="s">
        <v>174</v>
      </c>
      <c r="AS2619" s="113" t="s">
        <v>174</v>
      </c>
      <c r="AT2619" s="121" t="s">
        <v>174</v>
      </c>
      <c r="AU2619" s="113" t="s">
        <v>174</v>
      </c>
      <c r="AV2619" s="113" t="s">
        <v>174</v>
      </c>
      <c r="AW2619" s="113" t="s">
        <v>174</v>
      </c>
      <c r="AX2619" s="113"/>
      <c r="AY2619" s="113"/>
      <c r="AZ2619" s="113"/>
      <c r="BA2619" s="113"/>
      <c r="BB2619" s="107">
        <v>45884</v>
      </c>
    </row>
    <row r="2620" spans="1:54" s="207" customFormat="1" ht="13.95" customHeight="1" x14ac:dyDescent="0.25">
      <c r="A2620" s="208" t="s">
        <v>6244</v>
      </c>
      <c r="B2620" s="209" t="s">
        <v>20420</v>
      </c>
      <c r="C2620" s="113" t="s">
        <v>6245</v>
      </c>
      <c r="D2620" s="113" t="s">
        <v>24036</v>
      </c>
      <c r="E2620" s="210">
        <v>1980</v>
      </c>
      <c r="F2620" s="210">
        <v>41400</v>
      </c>
      <c r="G2620" s="113" t="s">
        <v>7</v>
      </c>
      <c r="H2620" s="113">
        <v>1</v>
      </c>
      <c r="I2620" s="113">
        <v>1</v>
      </c>
      <c r="J2620" s="115">
        <v>1</v>
      </c>
      <c r="K2620" s="116" t="s">
        <v>174</v>
      </c>
      <c r="L2620" s="115">
        <v>1</v>
      </c>
      <c r="M2620" s="115">
        <v>1</v>
      </c>
      <c r="N2620" s="115">
        <v>0</v>
      </c>
      <c r="O2620" s="115">
        <v>1</v>
      </c>
      <c r="P2620" s="115" t="s">
        <v>400</v>
      </c>
      <c r="Q2620" s="115" t="s">
        <v>400</v>
      </c>
      <c r="R2620" s="115">
        <v>0</v>
      </c>
      <c r="S2620" s="115">
        <v>0</v>
      </c>
      <c r="T2620" s="115">
        <v>0</v>
      </c>
      <c r="U2620" s="113" t="s">
        <v>174</v>
      </c>
      <c r="V2620" s="113" t="s">
        <v>174</v>
      </c>
      <c r="W2620" s="113" t="s">
        <v>174</v>
      </c>
      <c r="X2620" s="113" t="s">
        <v>174</v>
      </c>
      <c r="Y2620" s="113" t="s">
        <v>174</v>
      </c>
      <c r="Z2620" s="113" t="s">
        <v>174</v>
      </c>
      <c r="AA2620" s="113" t="s">
        <v>174</v>
      </c>
      <c r="AB2620" s="113" t="s">
        <v>174</v>
      </c>
      <c r="AC2620" s="113" t="s">
        <v>174</v>
      </c>
      <c r="AD2620" s="113" t="s">
        <v>174</v>
      </c>
      <c r="AE2620" s="113" t="s">
        <v>174</v>
      </c>
      <c r="AF2620" s="113" t="s">
        <v>174</v>
      </c>
      <c r="AG2620" s="113" t="s">
        <v>174</v>
      </c>
      <c r="AH2620" s="113" t="s">
        <v>174</v>
      </c>
      <c r="AI2620" s="113" t="s">
        <v>174</v>
      </c>
      <c r="AJ2620" s="113" t="s">
        <v>174</v>
      </c>
      <c r="AK2620" s="113" t="s">
        <v>174</v>
      </c>
      <c r="AL2620" s="113" t="s">
        <v>174</v>
      </c>
      <c r="AM2620" s="113" t="s">
        <v>174</v>
      </c>
      <c r="AN2620" s="113" t="s">
        <v>174</v>
      </c>
      <c r="AO2620" s="113" t="s">
        <v>174</v>
      </c>
      <c r="AP2620" s="113" t="s">
        <v>174</v>
      </c>
      <c r="AQ2620" s="113" t="s">
        <v>174</v>
      </c>
      <c r="AR2620" s="113" t="s">
        <v>174</v>
      </c>
      <c r="AS2620" s="113" t="s">
        <v>174</v>
      </c>
      <c r="AT2620" s="121" t="s">
        <v>174</v>
      </c>
      <c r="AU2620" s="113" t="s">
        <v>174</v>
      </c>
      <c r="AV2620" s="113" t="s">
        <v>174</v>
      </c>
      <c r="AW2620" s="113" t="s">
        <v>174</v>
      </c>
      <c r="AX2620" s="113"/>
      <c r="AY2620" s="113"/>
      <c r="AZ2620" s="113"/>
      <c r="BA2620" s="113"/>
      <c r="BB2620" s="107">
        <v>45884</v>
      </c>
    </row>
    <row r="2621" spans="1:54" s="207" customFormat="1" ht="13.95" customHeight="1" x14ac:dyDescent="0.25">
      <c r="A2621" s="208" t="s">
        <v>6246</v>
      </c>
      <c r="B2621" s="209" t="s">
        <v>20420</v>
      </c>
      <c r="C2621" s="113" t="s">
        <v>6247</v>
      </c>
      <c r="D2621" s="113" t="s">
        <v>24037</v>
      </c>
      <c r="E2621" s="210">
        <v>1942</v>
      </c>
      <c r="F2621" s="210">
        <v>40958</v>
      </c>
      <c r="G2621" s="113" t="s">
        <v>7</v>
      </c>
      <c r="H2621" s="113">
        <v>1</v>
      </c>
      <c r="I2621" s="113">
        <v>1</v>
      </c>
      <c r="J2621" s="115">
        <v>1</v>
      </c>
      <c r="K2621" s="211">
        <v>1</v>
      </c>
      <c r="L2621" s="115">
        <v>1</v>
      </c>
      <c r="M2621" s="115">
        <v>1</v>
      </c>
      <c r="N2621" s="115">
        <v>0</v>
      </c>
      <c r="O2621" s="115">
        <v>1</v>
      </c>
      <c r="P2621" s="115" t="s">
        <v>400</v>
      </c>
      <c r="Q2621" s="115" t="s">
        <v>400</v>
      </c>
      <c r="R2621" s="115">
        <v>1</v>
      </c>
      <c r="S2621" s="115">
        <v>0</v>
      </c>
      <c r="T2621" s="115">
        <v>0</v>
      </c>
      <c r="U2621" s="113" t="s">
        <v>174</v>
      </c>
      <c r="V2621" s="113" t="s">
        <v>174</v>
      </c>
      <c r="W2621" s="113" t="s">
        <v>174</v>
      </c>
      <c r="X2621" s="113" t="s">
        <v>174</v>
      </c>
      <c r="Y2621" s="113" t="s">
        <v>174</v>
      </c>
      <c r="Z2621" s="113" t="s">
        <v>174</v>
      </c>
      <c r="AA2621" s="113" t="s">
        <v>174</v>
      </c>
      <c r="AB2621" s="113">
        <v>1</v>
      </c>
      <c r="AC2621" s="113" t="s">
        <v>174</v>
      </c>
      <c r="AD2621" s="113" t="s">
        <v>174</v>
      </c>
      <c r="AE2621" s="113" t="s">
        <v>174</v>
      </c>
      <c r="AF2621" s="113" t="s">
        <v>174</v>
      </c>
      <c r="AG2621" s="113" t="s">
        <v>174</v>
      </c>
      <c r="AH2621" s="113" t="s">
        <v>174</v>
      </c>
      <c r="AI2621" s="113" t="s">
        <v>174</v>
      </c>
      <c r="AJ2621" s="113" t="s">
        <v>174</v>
      </c>
      <c r="AK2621" s="113" t="s">
        <v>174</v>
      </c>
      <c r="AL2621" s="113" t="s">
        <v>174</v>
      </c>
      <c r="AM2621" s="113" t="s">
        <v>174</v>
      </c>
      <c r="AN2621" s="113" t="s">
        <v>174</v>
      </c>
      <c r="AO2621" s="113" t="s">
        <v>174</v>
      </c>
      <c r="AP2621" s="113" t="s">
        <v>174</v>
      </c>
      <c r="AQ2621" s="113" t="s">
        <v>174</v>
      </c>
      <c r="AR2621" s="113" t="s">
        <v>174</v>
      </c>
      <c r="AS2621" s="113" t="s">
        <v>174</v>
      </c>
      <c r="AT2621" s="121" t="s">
        <v>174</v>
      </c>
      <c r="AU2621" s="113" t="s">
        <v>174</v>
      </c>
      <c r="AV2621" s="113" t="s">
        <v>174</v>
      </c>
      <c r="AW2621" s="113" t="s">
        <v>174</v>
      </c>
      <c r="AX2621" s="113"/>
      <c r="AY2621" s="113"/>
      <c r="AZ2621" s="124" t="s">
        <v>23203</v>
      </c>
      <c r="BA2621" s="113" t="s">
        <v>19478</v>
      </c>
      <c r="BB2621" s="107">
        <v>45884</v>
      </c>
    </row>
    <row r="2622" spans="1:54" s="207" customFormat="1" ht="13.95" customHeight="1" x14ac:dyDescent="0.25">
      <c r="A2622" s="208" t="s">
        <v>6248</v>
      </c>
      <c r="B2622" s="209" t="s">
        <v>20420</v>
      </c>
      <c r="C2622" s="113" t="s">
        <v>6249</v>
      </c>
      <c r="D2622" s="113" t="s">
        <v>24038</v>
      </c>
      <c r="E2622" s="210">
        <v>1982</v>
      </c>
      <c r="F2622" s="210">
        <v>42703</v>
      </c>
      <c r="G2622" s="113" t="s">
        <v>7</v>
      </c>
      <c r="H2622" s="113">
        <v>1</v>
      </c>
      <c r="I2622" s="113">
        <v>1</v>
      </c>
      <c r="J2622" s="115">
        <v>1</v>
      </c>
      <c r="K2622" s="116" t="s">
        <v>174</v>
      </c>
      <c r="L2622" s="115">
        <v>0</v>
      </c>
      <c r="M2622" s="115">
        <v>1</v>
      </c>
      <c r="N2622" s="115">
        <v>0</v>
      </c>
      <c r="O2622" s="115">
        <v>0</v>
      </c>
      <c r="P2622" s="115" t="s">
        <v>400</v>
      </c>
      <c r="Q2622" s="115" t="s">
        <v>400</v>
      </c>
      <c r="R2622" s="115">
        <v>0</v>
      </c>
      <c r="S2622" s="115">
        <v>0</v>
      </c>
      <c r="T2622" s="115">
        <v>0</v>
      </c>
      <c r="U2622" s="113" t="s">
        <v>174</v>
      </c>
      <c r="V2622" s="113" t="s">
        <v>174</v>
      </c>
      <c r="W2622" s="113" t="s">
        <v>174</v>
      </c>
      <c r="X2622" s="113" t="s">
        <v>174</v>
      </c>
      <c r="Y2622" s="113" t="s">
        <v>174</v>
      </c>
      <c r="Z2622" s="113" t="s">
        <v>174</v>
      </c>
      <c r="AA2622" s="113" t="s">
        <v>174</v>
      </c>
      <c r="AB2622" s="113" t="s">
        <v>174</v>
      </c>
      <c r="AC2622" s="113" t="s">
        <v>174</v>
      </c>
      <c r="AD2622" s="113" t="s">
        <v>174</v>
      </c>
      <c r="AE2622" s="113" t="s">
        <v>174</v>
      </c>
      <c r="AF2622" s="113">
        <v>1</v>
      </c>
      <c r="AG2622" s="113" t="s">
        <v>174</v>
      </c>
      <c r="AH2622" s="113" t="s">
        <v>174</v>
      </c>
      <c r="AI2622" s="113" t="s">
        <v>174</v>
      </c>
      <c r="AJ2622" s="113" t="s">
        <v>174</v>
      </c>
      <c r="AK2622" s="113" t="s">
        <v>174</v>
      </c>
      <c r="AL2622" s="113" t="s">
        <v>174</v>
      </c>
      <c r="AM2622" s="113" t="s">
        <v>174</v>
      </c>
      <c r="AN2622" s="113" t="s">
        <v>174</v>
      </c>
      <c r="AO2622" s="113" t="s">
        <v>174</v>
      </c>
      <c r="AP2622" s="113" t="s">
        <v>174</v>
      </c>
      <c r="AQ2622" s="113" t="s">
        <v>174</v>
      </c>
      <c r="AR2622" s="113" t="s">
        <v>174</v>
      </c>
      <c r="AS2622" s="113" t="s">
        <v>174</v>
      </c>
      <c r="AT2622" s="121" t="s">
        <v>174</v>
      </c>
      <c r="AU2622" s="113" t="s">
        <v>174</v>
      </c>
      <c r="AV2622" s="113" t="s">
        <v>174</v>
      </c>
      <c r="AW2622" s="113" t="s">
        <v>174</v>
      </c>
      <c r="AX2622" s="113"/>
      <c r="AY2622" s="113"/>
      <c r="AZ2622" s="124" t="s">
        <v>23203</v>
      </c>
      <c r="BA2622" s="113" t="s">
        <v>19478</v>
      </c>
      <c r="BB2622" s="107">
        <v>45884</v>
      </c>
    </row>
    <row r="2623" spans="1:54" s="207" customFormat="1" ht="13.95" customHeight="1" x14ac:dyDescent="0.25">
      <c r="A2623" s="208" t="s">
        <v>6250</v>
      </c>
      <c r="B2623" s="209" t="s">
        <v>20420</v>
      </c>
      <c r="C2623" s="113" t="s">
        <v>6251</v>
      </c>
      <c r="D2623" s="113" t="s">
        <v>24039</v>
      </c>
      <c r="E2623" s="210">
        <v>2007</v>
      </c>
      <c r="F2623" s="210">
        <v>43648</v>
      </c>
      <c r="G2623" s="113" t="s">
        <v>8</v>
      </c>
      <c r="H2623" s="113">
        <v>0</v>
      </c>
      <c r="I2623" s="113">
        <v>0</v>
      </c>
      <c r="J2623" s="115">
        <v>1</v>
      </c>
      <c r="K2623" s="211">
        <v>1</v>
      </c>
      <c r="L2623" s="115">
        <v>0</v>
      </c>
      <c r="M2623" s="115">
        <v>0</v>
      </c>
      <c r="N2623" s="115">
        <v>1</v>
      </c>
      <c r="O2623" s="115">
        <v>0</v>
      </c>
      <c r="P2623" s="115" t="s">
        <v>400</v>
      </c>
      <c r="Q2623" s="115" t="s">
        <v>400</v>
      </c>
      <c r="R2623" s="115">
        <v>0</v>
      </c>
      <c r="S2623" s="115">
        <v>0</v>
      </c>
      <c r="T2623" s="115">
        <v>0</v>
      </c>
      <c r="U2623" s="113" t="s">
        <v>174</v>
      </c>
      <c r="V2623" s="113" t="s">
        <v>174</v>
      </c>
      <c r="W2623" s="113" t="s">
        <v>174</v>
      </c>
      <c r="X2623" s="113" t="s">
        <v>174</v>
      </c>
      <c r="Y2623" s="113" t="s">
        <v>174</v>
      </c>
      <c r="Z2623" s="113" t="s">
        <v>174</v>
      </c>
      <c r="AA2623" s="113" t="s">
        <v>174</v>
      </c>
      <c r="AB2623" s="113" t="s">
        <v>174</v>
      </c>
      <c r="AC2623" s="113" t="s">
        <v>174</v>
      </c>
      <c r="AD2623" s="113" t="s">
        <v>174</v>
      </c>
      <c r="AE2623" s="113" t="s">
        <v>174</v>
      </c>
      <c r="AF2623" s="113" t="s">
        <v>174</v>
      </c>
      <c r="AG2623" s="113" t="s">
        <v>174</v>
      </c>
      <c r="AH2623" s="113" t="s">
        <v>174</v>
      </c>
      <c r="AI2623" s="113" t="s">
        <v>174</v>
      </c>
      <c r="AJ2623" s="113" t="s">
        <v>174</v>
      </c>
      <c r="AK2623" s="113" t="s">
        <v>174</v>
      </c>
      <c r="AL2623" s="113" t="s">
        <v>174</v>
      </c>
      <c r="AM2623" s="113" t="s">
        <v>174</v>
      </c>
      <c r="AN2623" s="113" t="s">
        <v>174</v>
      </c>
      <c r="AO2623" s="113" t="s">
        <v>174</v>
      </c>
      <c r="AP2623" s="113" t="s">
        <v>174</v>
      </c>
      <c r="AQ2623" s="113" t="s">
        <v>174</v>
      </c>
      <c r="AR2623" s="113" t="s">
        <v>174</v>
      </c>
      <c r="AS2623" s="113" t="s">
        <v>174</v>
      </c>
      <c r="AT2623" s="121" t="s">
        <v>174</v>
      </c>
      <c r="AU2623" s="113" t="s">
        <v>174</v>
      </c>
      <c r="AV2623" s="113" t="s">
        <v>174</v>
      </c>
      <c r="AW2623" s="113" t="s">
        <v>174</v>
      </c>
      <c r="AX2623" s="113"/>
      <c r="AY2623" s="113"/>
      <c r="AZ2623" s="113"/>
      <c r="BA2623" s="113"/>
      <c r="BB2623" s="107">
        <v>45884</v>
      </c>
    </row>
    <row r="2624" spans="1:54" s="207" customFormat="1" ht="13.95" customHeight="1" x14ac:dyDescent="0.25">
      <c r="A2624" s="208" t="s">
        <v>6252</v>
      </c>
      <c r="B2624" s="209" t="s">
        <v>20420</v>
      </c>
      <c r="C2624" s="113" t="s">
        <v>6253</v>
      </c>
      <c r="D2624" s="113" t="s">
        <v>6254</v>
      </c>
      <c r="E2624" s="210">
        <v>1986</v>
      </c>
      <c r="F2624" s="210">
        <v>44931</v>
      </c>
      <c r="G2624" s="113" t="s">
        <v>7</v>
      </c>
      <c r="H2624" s="113">
        <v>1</v>
      </c>
      <c r="I2624" s="113">
        <v>1</v>
      </c>
      <c r="J2624" s="115">
        <v>1</v>
      </c>
      <c r="K2624" s="116" t="s">
        <v>174</v>
      </c>
      <c r="L2624" s="115">
        <v>0</v>
      </c>
      <c r="M2624" s="115">
        <v>1</v>
      </c>
      <c r="N2624" s="115">
        <v>1</v>
      </c>
      <c r="O2624" s="115">
        <v>0</v>
      </c>
      <c r="P2624" s="115" t="s">
        <v>400</v>
      </c>
      <c r="Q2624" s="115" t="s">
        <v>400</v>
      </c>
      <c r="R2624" s="115">
        <v>0</v>
      </c>
      <c r="S2624" s="115">
        <v>0</v>
      </c>
      <c r="T2624" s="115">
        <v>0</v>
      </c>
      <c r="U2624" s="113" t="s">
        <v>174</v>
      </c>
      <c r="V2624" s="113" t="s">
        <v>174</v>
      </c>
      <c r="W2624" s="113" t="s">
        <v>174</v>
      </c>
      <c r="X2624" s="113" t="s">
        <v>174</v>
      </c>
      <c r="Y2624" s="113" t="s">
        <v>174</v>
      </c>
      <c r="Z2624" s="113" t="s">
        <v>174</v>
      </c>
      <c r="AA2624" s="113" t="s">
        <v>174</v>
      </c>
      <c r="AB2624" s="113" t="s">
        <v>174</v>
      </c>
      <c r="AC2624" s="113" t="s">
        <v>174</v>
      </c>
      <c r="AD2624" s="113" t="s">
        <v>174</v>
      </c>
      <c r="AE2624" s="113" t="s">
        <v>174</v>
      </c>
      <c r="AF2624" s="113" t="s">
        <v>174</v>
      </c>
      <c r="AG2624" s="113" t="s">
        <v>174</v>
      </c>
      <c r="AH2624" s="113" t="s">
        <v>174</v>
      </c>
      <c r="AI2624" s="113" t="s">
        <v>174</v>
      </c>
      <c r="AJ2624" s="113" t="s">
        <v>174</v>
      </c>
      <c r="AK2624" s="113" t="s">
        <v>174</v>
      </c>
      <c r="AL2624" s="113" t="s">
        <v>174</v>
      </c>
      <c r="AM2624" s="113" t="s">
        <v>174</v>
      </c>
      <c r="AN2624" s="113" t="s">
        <v>174</v>
      </c>
      <c r="AO2624" s="113" t="s">
        <v>174</v>
      </c>
      <c r="AP2624" s="113" t="s">
        <v>174</v>
      </c>
      <c r="AQ2624" s="113" t="s">
        <v>174</v>
      </c>
      <c r="AR2624" s="113" t="s">
        <v>174</v>
      </c>
      <c r="AS2624" s="113" t="s">
        <v>174</v>
      </c>
      <c r="AT2624" s="113">
        <v>1</v>
      </c>
      <c r="AU2624" s="113" t="s">
        <v>174</v>
      </c>
      <c r="AV2624" s="113" t="s">
        <v>174</v>
      </c>
      <c r="AW2624" s="113" t="s">
        <v>174</v>
      </c>
      <c r="AX2624" s="113"/>
      <c r="AY2624" s="113"/>
      <c r="AZ2624" s="113"/>
      <c r="BA2624" s="113"/>
      <c r="BB2624" s="107">
        <v>45884</v>
      </c>
    </row>
    <row r="2625" spans="1:54" s="207" customFormat="1" ht="13.95" customHeight="1" x14ac:dyDescent="0.25">
      <c r="A2625" s="208" t="s">
        <v>6255</v>
      </c>
      <c r="B2625" s="209" t="s">
        <v>20420</v>
      </c>
      <c r="C2625" s="113" t="s">
        <v>20422</v>
      </c>
      <c r="D2625" s="113" t="s">
        <v>24040</v>
      </c>
      <c r="E2625" s="210">
        <v>1996</v>
      </c>
      <c r="F2625" s="210">
        <v>45310</v>
      </c>
      <c r="G2625" s="113" t="s">
        <v>11</v>
      </c>
      <c r="H2625" s="113">
        <v>0</v>
      </c>
      <c r="I2625" s="113">
        <v>0</v>
      </c>
      <c r="J2625" s="115" t="s">
        <v>400</v>
      </c>
      <c r="K2625" s="116" t="s">
        <v>174</v>
      </c>
      <c r="L2625" s="115">
        <v>0</v>
      </c>
      <c r="M2625" s="115">
        <v>0</v>
      </c>
      <c r="N2625" s="115">
        <v>0</v>
      </c>
      <c r="O2625" s="115">
        <v>0</v>
      </c>
      <c r="P2625" s="115" t="s">
        <v>400</v>
      </c>
      <c r="Q2625" s="115" t="s">
        <v>400</v>
      </c>
      <c r="R2625" s="115">
        <v>0</v>
      </c>
      <c r="S2625" s="115">
        <v>0</v>
      </c>
      <c r="T2625" s="115">
        <v>0</v>
      </c>
      <c r="U2625" s="113" t="s">
        <v>174</v>
      </c>
      <c r="V2625" s="113" t="s">
        <v>174</v>
      </c>
      <c r="W2625" s="113" t="s">
        <v>174</v>
      </c>
      <c r="X2625" s="113" t="s">
        <v>174</v>
      </c>
      <c r="Y2625" s="113" t="s">
        <v>174</v>
      </c>
      <c r="Z2625" s="113" t="s">
        <v>174</v>
      </c>
      <c r="AA2625" s="113" t="s">
        <v>174</v>
      </c>
      <c r="AB2625" s="113" t="s">
        <v>174</v>
      </c>
      <c r="AC2625" s="113" t="s">
        <v>174</v>
      </c>
      <c r="AD2625" s="113" t="s">
        <v>174</v>
      </c>
      <c r="AE2625" s="113" t="s">
        <v>174</v>
      </c>
      <c r="AF2625" s="113" t="s">
        <v>174</v>
      </c>
      <c r="AG2625" s="113" t="s">
        <v>174</v>
      </c>
      <c r="AH2625" s="113" t="s">
        <v>174</v>
      </c>
      <c r="AI2625" s="113" t="s">
        <v>174</v>
      </c>
      <c r="AJ2625" s="113" t="s">
        <v>174</v>
      </c>
      <c r="AK2625" s="113" t="s">
        <v>174</v>
      </c>
      <c r="AL2625" s="113" t="s">
        <v>174</v>
      </c>
      <c r="AM2625" s="113" t="s">
        <v>174</v>
      </c>
      <c r="AN2625" s="113" t="s">
        <v>174</v>
      </c>
      <c r="AO2625" s="113" t="s">
        <v>174</v>
      </c>
      <c r="AP2625" s="113" t="s">
        <v>174</v>
      </c>
      <c r="AQ2625" s="113" t="s">
        <v>174</v>
      </c>
      <c r="AR2625" s="113" t="s">
        <v>174</v>
      </c>
      <c r="AS2625" s="113" t="s">
        <v>174</v>
      </c>
      <c r="AT2625" s="121" t="s">
        <v>174</v>
      </c>
      <c r="AU2625" s="113" t="s">
        <v>174</v>
      </c>
      <c r="AV2625" s="113" t="s">
        <v>174</v>
      </c>
      <c r="AW2625" s="113" t="s">
        <v>174</v>
      </c>
      <c r="AX2625" s="113"/>
      <c r="AY2625" s="113"/>
      <c r="AZ2625" s="113"/>
      <c r="BA2625" s="113"/>
      <c r="BB2625" s="107">
        <v>45884</v>
      </c>
    </row>
    <row r="2626" spans="1:54" s="207" customFormat="1" ht="13.95" customHeight="1" x14ac:dyDescent="0.25">
      <c r="A2626" s="208" t="s">
        <v>6256</v>
      </c>
      <c r="B2626" s="209" t="s">
        <v>20420</v>
      </c>
      <c r="C2626" s="113" t="s">
        <v>6257</v>
      </c>
      <c r="D2626" s="113" t="s">
        <v>24041</v>
      </c>
      <c r="E2626" s="210">
        <v>1995</v>
      </c>
      <c r="F2626" s="210">
        <v>45366</v>
      </c>
      <c r="G2626" s="113" t="s">
        <v>7</v>
      </c>
      <c r="H2626" s="113">
        <v>1</v>
      </c>
      <c r="I2626" s="113">
        <v>1</v>
      </c>
      <c r="J2626" s="115">
        <v>1</v>
      </c>
      <c r="K2626" s="116" t="s">
        <v>174</v>
      </c>
      <c r="L2626" s="115">
        <v>1</v>
      </c>
      <c r="M2626" s="115">
        <v>1</v>
      </c>
      <c r="N2626" s="115">
        <v>0</v>
      </c>
      <c r="O2626" s="115">
        <v>1</v>
      </c>
      <c r="P2626" s="115" t="s">
        <v>400</v>
      </c>
      <c r="Q2626" s="115" t="s">
        <v>400</v>
      </c>
      <c r="R2626" s="115">
        <v>1</v>
      </c>
      <c r="S2626" s="115">
        <v>0</v>
      </c>
      <c r="T2626" s="115">
        <v>1</v>
      </c>
      <c r="U2626" s="113" t="s">
        <v>174</v>
      </c>
      <c r="V2626" s="113" t="s">
        <v>174</v>
      </c>
      <c r="W2626" s="113" t="s">
        <v>174</v>
      </c>
      <c r="X2626" s="113" t="s">
        <v>174</v>
      </c>
      <c r="Y2626" s="113" t="s">
        <v>174</v>
      </c>
      <c r="Z2626" s="113" t="s">
        <v>174</v>
      </c>
      <c r="AA2626" s="113" t="s">
        <v>174</v>
      </c>
      <c r="AB2626" s="113" t="s">
        <v>174</v>
      </c>
      <c r="AC2626" s="113" t="s">
        <v>174</v>
      </c>
      <c r="AD2626" s="113" t="s">
        <v>174</v>
      </c>
      <c r="AE2626" s="113" t="s">
        <v>174</v>
      </c>
      <c r="AF2626" s="113" t="s">
        <v>174</v>
      </c>
      <c r="AG2626" s="113" t="s">
        <v>174</v>
      </c>
      <c r="AH2626" s="113" t="s">
        <v>174</v>
      </c>
      <c r="AI2626" s="113" t="s">
        <v>174</v>
      </c>
      <c r="AJ2626" s="113" t="s">
        <v>174</v>
      </c>
      <c r="AK2626" s="113" t="s">
        <v>174</v>
      </c>
      <c r="AL2626" s="113" t="s">
        <v>174</v>
      </c>
      <c r="AM2626" s="113" t="s">
        <v>174</v>
      </c>
      <c r="AN2626" s="113" t="s">
        <v>174</v>
      </c>
      <c r="AO2626" s="113" t="s">
        <v>174</v>
      </c>
      <c r="AP2626" s="113" t="s">
        <v>174</v>
      </c>
      <c r="AQ2626" s="113" t="s">
        <v>174</v>
      </c>
      <c r="AR2626" s="113" t="s">
        <v>174</v>
      </c>
      <c r="AS2626" s="113" t="s">
        <v>174</v>
      </c>
      <c r="AT2626" s="121" t="s">
        <v>174</v>
      </c>
      <c r="AU2626" s="113" t="s">
        <v>174</v>
      </c>
      <c r="AV2626" s="113" t="s">
        <v>174</v>
      </c>
      <c r="AW2626" s="113" t="s">
        <v>174</v>
      </c>
      <c r="AX2626" s="113"/>
      <c r="AY2626" s="113"/>
      <c r="AZ2626" s="113"/>
      <c r="BA2626" s="113"/>
      <c r="BB2626" s="107">
        <v>45884</v>
      </c>
    </row>
    <row r="2627" spans="1:54" s="207" customFormat="1" ht="13.95" customHeight="1" x14ac:dyDescent="0.25">
      <c r="A2627" s="208" t="s">
        <v>6258</v>
      </c>
      <c r="B2627" s="209" t="s">
        <v>20420</v>
      </c>
      <c r="C2627" s="113" t="s">
        <v>6259</v>
      </c>
      <c r="D2627" s="113" t="s">
        <v>6260</v>
      </c>
      <c r="E2627" s="210">
        <v>1943</v>
      </c>
      <c r="F2627" s="210">
        <v>45543</v>
      </c>
      <c r="G2627" s="113" t="s">
        <v>7</v>
      </c>
      <c r="H2627" s="113">
        <v>1</v>
      </c>
      <c r="I2627" s="113">
        <v>0</v>
      </c>
      <c r="J2627" s="115">
        <v>1</v>
      </c>
      <c r="K2627" s="211">
        <v>1</v>
      </c>
      <c r="L2627" s="115">
        <v>1</v>
      </c>
      <c r="M2627" s="115">
        <v>1</v>
      </c>
      <c r="N2627" s="115">
        <v>1</v>
      </c>
      <c r="O2627" s="115">
        <v>1</v>
      </c>
      <c r="P2627" s="115" t="s">
        <v>400</v>
      </c>
      <c r="Q2627" s="115" t="s">
        <v>400</v>
      </c>
      <c r="R2627" s="115">
        <v>1</v>
      </c>
      <c r="S2627" s="115">
        <v>0</v>
      </c>
      <c r="T2627" s="115">
        <v>0</v>
      </c>
      <c r="U2627" s="113" t="s">
        <v>174</v>
      </c>
      <c r="V2627" s="113" t="s">
        <v>174</v>
      </c>
      <c r="W2627" s="113" t="s">
        <v>174</v>
      </c>
      <c r="X2627" s="113" t="s">
        <v>174</v>
      </c>
      <c r="Y2627" s="113" t="s">
        <v>174</v>
      </c>
      <c r="Z2627" s="113" t="s">
        <v>174</v>
      </c>
      <c r="AA2627" s="113" t="s">
        <v>174</v>
      </c>
      <c r="AB2627" s="113" t="s">
        <v>174</v>
      </c>
      <c r="AC2627" s="113" t="s">
        <v>174</v>
      </c>
      <c r="AD2627" s="113" t="s">
        <v>174</v>
      </c>
      <c r="AE2627" s="113" t="s">
        <v>174</v>
      </c>
      <c r="AF2627" s="113">
        <v>1</v>
      </c>
      <c r="AG2627" s="113" t="s">
        <v>174</v>
      </c>
      <c r="AH2627" s="113" t="s">
        <v>174</v>
      </c>
      <c r="AI2627" s="113" t="s">
        <v>174</v>
      </c>
      <c r="AJ2627" s="113" t="s">
        <v>174</v>
      </c>
      <c r="AK2627" s="113" t="s">
        <v>174</v>
      </c>
      <c r="AL2627" s="113" t="s">
        <v>174</v>
      </c>
      <c r="AM2627" s="113" t="s">
        <v>174</v>
      </c>
      <c r="AN2627" s="113" t="s">
        <v>174</v>
      </c>
      <c r="AO2627" s="113" t="s">
        <v>174</v>
      </c>
      <c r="AP2627" s="113" t="s">
        <v>174</v>
      </c>
      <c r="AQ2627" s="113" t="s">
        <v>174</v>
      </c>
      <c r="AR2627" s="113" t="s">
        <v>174</v>
      </c>
      <c r="AS2627" s="113" t="s">
        <v>174</v>
      </c>
      <c r="AT2627" s="121" t="s">
        <v>174</v>
      </c>
      <c r="AU2627" s="113" t="s">
        <v>174</v>
      </c>
      <c r="AV2627" s="113" t="s">
        <v>174</v>
      </c>
      <c r="AW2627" s="113" t="s">
        <v>174</v>
      </c>
      <c r="AX2627" s="113"/>
      <c r="AY2627" s="113"/>
      <c r="AZ2627" s="124" t="s">
        <v>23203</v>
      </c>
      <c r="BA2627" s="113" t="s">
        <v>19478</v>
      </c>
      <c r="BB2627" s="107">
        <v>45884</v>
      </c>
    </row>
    <row r="2628" spans="1:54" s="207" customFormat="1" ht="13.95" customHeight="1" x14ac:dyDescent="0.25">
      <c r="A2628" s="208" t="s">
        <v>6261</v>
      </c>
      <c r="B2628" s="209" t="s">
        <v>20420</v>
      </c>
      <c r="C2628" s="113" t="s">
        <v>6262</v>
      </c>
      <c r="D2628" s="113" t="s">
        <v>24042</v>
      </c>
      <c r="E2628" s="210">
        <v>1998</v>
      </c>
      <c r="F2628" s="210">
        <v>46221</v>
      </c>
      <c r="G2628" s="113" t="s">
        <v>3</v>
      </c>
      <c r="H2628" s="113">
        <v>1</v>
      </c>
      <c r="I2628" s="113">
        <v>1</v>
      </c>
      <c r="J2628" s="115">
        <v>1</v>
      </c>
      <c r="K2628" s="116" t="s">
        <v>174</v>
      </c>
      <c r="L2628" s="115">
        <v>0</v>
      </c>
      <c r="M2628" s="115">
        <v>0</v>
      </c>
      <c r="N2628" s="115">
        <v>0</v>
      </c>
      <c r="O2628" s="115">
        <v>0</v>
      </c>
      <c r="P2628" s="115" t="s">
        <v>400</v>
      </c>
      <c r="Q2628" s="115" t="s">
        <v>400</v>
      </c>
      <c r="R2628" s="115">
        <v>0</v>
      </c>
      <c r="S2628" s="115">
        <v>0</v>
      </c>
      <c r="T2628" s="115">
        <v>0</v>
      </c>
      <c r="U2628" s="113" t="s">
        <v>174</v>
      </c>
      <c r="V2628" s="113" t="s">
        <v>174</v>
      </c>
      <c r="W2628" s="113" t="s">
        <v>174</v>
      </c>
      <c r="X2628" s="113" t="s">
        <v>174</v>
      </c>
      <c r="Y2628" s="113" t="s">
        <v>174</v>
      </c>
      <c r="Z2628" s="113" t="s">
        <v>174</v>
      </c>
      <c r="AA2628" s="113" t="s">
        <v>174</v>
      </c>
      <c r="AB2628" s="113" t="s">
        <v>174</v>
      </c>
      <c r="AC2628" s="113" t="s">
        <v>174</v>
      </c>
      <c r="AD2628" s="113" t="s">
        <v>174</v>
      </c>
      <c r="AE2628" s="113" t="s">
        <v>174</v>
      </c>
      <c r="AF2628" s="113" t="s">
        <v>174</v>
      </c>
      <c r="AG2628" s="113" t="s">
        <v>174</v>
      </c>
      <c r="AH2628" s="113" t="s">
        <v>174</v>
      </c>
      <c r="AI2628" s="113" t="s">
        <v>174</v>
      </c>
      <c r="AJ2628" s="113" t="s">
        <v>174</v>
      </c>
      <c r="AK2628" s="113" t="s">
        <v>174</v>
      </c>
      <c r="AL2628" s="113" t="s">
        <v>174</v>
      </c>
      <c r="AM2628" s="113" t="s">
        <v>174</v>
      </c>
      <c r="AN2628" s="113" t="s">
        <v>174</v>
      </c>
      <c r="AO2628" s="113" t="s">
        <v>174</v>
      </c>
      <c r="AP2628" s="113" t="s">
        <v>174</v>
      </c>
      <c r="AQ2628" s="113" t="s">
        <v>174</v>
      </c>
      <c r="AR2628" s="113" t="s">
        <v>174</v>
      </c>
      <c r="AS2628" s="113" t="s">
        <v>174</v>
      </c>
      <c r="AT2628" s="121" t="s">
        <v>174</v>
      </c>
      <c r="AU2628" s="113" t="s">
        <v>174</v>
      </c>
      <c r="AV2628" s="113" t="s">
        <v>174</v>
      </c>
      <c r="AW2628" s="113" t="s">
        <v>174</v>
      </c>
      <c r="AX2628" s="113"/>
      <c r="AY2628" s="113"/>
      <c r="AZ2628" s="113"/>
      <c r="BA2628" s="113"/>
      <c r="BB2628" s="107">
        <v>45884</v>
      </c>
    </row>
    <row r="2629" spans="1:54" s="207" customFormat="1" ht="13.95" customHeight="1" x14ac:dyDescent="0.25">
      <c r="A2629" s="208" t="s">
        <v>6263</v>
      </c>
      <c r="B2629" s="209" t="s">
        <v>20420</v>
      </c>
      <c r="C2629" s="113" t="s">
        <v>6264</v>
      </c>
      <c r="D2629" s="113" t="s">
        <v>24043</v>
      </c>
      <c r="E2629" s="210">
        <v>1985</v>
      </c>
      <c r="F2629" s="210">
        <v>46441</v>
      </c>
      <c r="G2629" s="113" t="s">
        <v>7</v>
      </c>
      <c r="H2629" s="113">
        <v>0</v>
      </c>
      <c r="I2629" s="113">
        <v>0</v>
      </c>
      <c r="J2629" s="115">
        <v>0</v>
      </c>
      <c r="K2629" s="116" t="s">
        <v>174</v>
      </c>
      <c r="L2629" s="115">
        <v>0</v>
      </c>
      <c r="M2629" s="115">
        <v>1</v>
      </c>
      <c r="N2629" s="115">
        <v>1</v>
      </c>
      <c r="O2629" s="115">
        <v>0</v>
      </c>
      <c r="P2629" s="115" t="s">
        <v>400</v>
      </c>
      <c r="Q2629" s="115" t="s">
        <v>400</v>
      </c>
      <c r="R2629" s="115">
        <v>1</v>
      </c>
      <c r="S2629" s="115">
        <v>0</v>
      </c>
      <c r="T2629" s="115">
        <v>1</v>
      </c>
      <c r="U2629" s="113" t="s">
        <v>174</v>
      </c>
      <c r="V2629" s="113" t="s">
        <v>174</v>
      </c>
      <c r="W2629" s="113" t="s">
        <v>174</v>
      </c>
      <c r="X2629" s="113" t="s">
        <v>174</v>
      </c>
      <c r="Y2629" s="113" t="s">
        <v>174</v>
      </c>
      <c r="Z2629" s="113" t="s">
        <v>174</v>
      </c>
      <c r="AA2629" s="113" t="s">
        <v>174</v>
      </c>
      <c r="AB2629" s="113" t="s">
        <v>174</v>
      </c>
      <c r="AC2629" s="113" t="s">
        <v>174</v>
      </c>
      <c r="AD2629" s="113" t="s">
        <v>174</v>
      </c>
      <c r="AE2629" s="113" t="s">
        <v>174</v>
      </c>
      <c r="AF2629" s="113" t="s">
        <v>174</v>
      </c>
      <c r="AG2629" s="113" t="s">
        <v>174</v>
      </c>
      <c r="AH2629" s="113" t="s">
        <v>174</v>
      </c>
      <c r="AI2629" s="113" t="s">
        <v>174</v>
      </c>
      <c r="AJ2629" s="113" t="s">
        <v>174</v>
      </c>
      <c r="AK2629" s="113" t="s">
        <v>174</v>
      </c>
      <c r="AL2629" s="113" t="s">
        <v>174</v>
      </c>
      <c r="AM2629" s="113" t="s">
        <v>174</v>
      </c>
      <c r="AN2629" s="113" t="s">
        <v>174</v>
      </c>
      <c r="AO2629" s="113" t="s">
        <v>174</v>
      </c>
      <c r="AP2629" s="113" t="s">
        <v>174</v>
      </c>
      <c r="AQ2629" s="113" t="s">
        <v>174</v>
      </c>
      <c r="AR2629" s="113" t="s">
        <v>174</v>
      </c>
      <c r="AS2629" s="113" t="s">
        <v>174</v>
      </c>
      <c r="AT2629" s="121" t="s">
        <v>174</v>
      </c>
      <c r="AU2629" s="113" t="s">
        <v>174</v>
      </c>
      <c r="AV2629" s="113" t="s">
        <v>174</v>
      </c>
      <c r="AW2629" s="113" t="s">
        <v>174</v>
      </c>
      <c r="AX2629" s="113"/>
      <c r="AY2629" s="113"/>
      <c r="AZ2629" s="113"/>
      <c r="BA2629" s="113"/>
      <c r="BB2629" s="107">
        <v>45884</v>
      </c>
    </row>
    <row r="2630" spans="1:54" s="207" customFormat="1" ht="13.95" customHeight="1" x14ac:dyDescent="0.25">
      <c r="A2630" s="208" t="s">
        <v>6265</v>
      </c>
      <c r="B2630" s="209" t="s">
        <v>20420</v>
      </c>
      <c r="C2630" s="113" t="s">
        <v>6266</v>
      </c>
      <c r="D2630" s="113" t="s">
        <v>24044</v>
      </c>
      <c r="E2630" s="210">
        <v>2000</v>
      </c>
      <c r="F2630" s="210">
        <v>48918</v>
      </c>
      <c r="G2630" s="113" t="s">
        <v>7</v>
      </c>
      <c r="H2630" s="113">
        <v>1</v>
      </c>
      <c r="I2630" s="113">
        <v>1</v>
      </c>
      <c r="J2630" s="115">
        <v>1</v>
      </c>
      <c r="K2630" s="116" t="s">
        <v>174</v>
      </c>
      <c r="L2630" s="115">
        <v>1</v>
      </c>
      <c r="M2630" s="115">
        <v>1</v>
      </c>
      <c r="N2630" s="115">
        <v>1</v>
      </c>
      <c r="O2630" s="115">
        <v>1</v>
      </c>
      <c r="P2630" s="115" t="s">
        <v>400</v>
      </c>
      <c r="Q2630" s="115" t="s">
        <v>400</v>
      </c>
      <c r="R2630" s="115">
        <v>1</v>
      </c>
      <c r="S2630" s="115">
        <v>0</v>
      </c>
      <c r="T2630" s="115">
        <v>0</v>
      </c>
      <c r="U2630" s="113" t="s">
        <v>174</v>
      </c>
      <c r="V2630" s="113" t="s">
        <v>174</v>
      </c>
      <c r="W2630" s="113" t="s">
        <v>174</v>
      </c>
      <c r="X2630" s="113" t="s">
        <v>174</v>
      </c>
      <c r="Y2630" s="113" t="s">
        <v>174</v>
      </c>
      <c r="Z2630" s="113" t="s">
        <v>174</v>
      </c>
      <c r="AA2630" s="113" t="s">
        <v>174</v>
      </c>
      <c r="AB2630" s="113" t="s">
        <v>174</v>
      </c>
      <c r="AC2630" s="113" t="s">
        <v>174</v>
      </c>
      <c r="AD2630" s="113" t="s">
        <v>174</v>
      </c>
      <c r="AE2630" s="113" t="s">
        <v>174</v>
      </c>
      <c r="AF2630" s="113" t="s">
        <v>174</v>
      </c>
      <c r="AG2630" s="113" t="s">
        <v>174</v>
      </c>
      <c r="AH2630" s="113" t="s">
        <v>174</v>
      </c>
      <c r="AI2630" s="113" t="s">
        <v>174</v>
      </c>
      <c r="AJ2630" s="113" t="s">
        <v>174</v>
      </c>
      <c r="AK2630" s="113" t="s">
        <v>174</v>
      </c>
      <c r="AL2630" s="113" t="s">
        <v>174</v>
      </c>
      <c r="AM2630" s="113" t="s">
        <v>174</v>
      </c>
      <c r="AN2630" s="113" t="s">
        <v>174</v>
      </c>
      <c r="AO2630" s="113" t="s">
        <v>174</v>
      </c>
      <c r="AP2630" s="113" t="s">
        <v>174</v>
      </c>
      <c r="AQ2630" s="113" t="s">
        <v>174</v>
      </c>
      <c r="AR2630" s="113" t="s">
        <v>174</v>
      </c>
      <c r="AS2630" s="113" t="s">
        <v>174</v>
      </c>
      <c r="AT2630" s="121" t="s">
        <v>174</v>
      </c>
      <c r="AU2630" s="113" t="s">
        <v>174</v>
      </c>
      <c r="AV2630" s="113" t="s">
        <v>174</v>
      </c>
      <c r="AW2630" s="113" t="s">
        <v>174</v>
      </c>
      <c r="AX2630" s="113"/>
      <c r="AY2630" s="113"/>
      <c r="AZ2630" s="113"/>
      <c r="BA2630" s="113"/>
      <c r="BB2630" s="107">
        <v>45884</v>
      </c>
    </row>
    <row r="2631" spans="1:54" s="207" customFormat="1" ht="13.95" customHeight="1" x14ac:dyDescent="0.25">
      <c r="A2631" s="208" t="s">
        <v>6267</v>
      </c>
      <c r="B2631" s="209" t="s">
        <v>20420</v>
      </c>
      <c r="C2631" s="113" t="s">
        <v>6268</v>
      </c>
      <c r="D2631" s="113" t="s">
        <v>6269</v>
      </c>
      <c r="E2631" s="210">
        <v>1981</v>
      </c>
      <c r="F2631" s="210">
        <v>49153</v>
      </c>
      <c r="G2631" s="113" t="s">
        <v>7</v>
      </c>
      <c r="H2631" s="113">
        <v>1</v>
      </c>
      <c r="I2631" s="113">
        <v>1</v>
      </c>
      <c r="J2631" s="115">
        <v>1</v>
      </c>
      <c r="K2631" s="116" t="s">
        <v>174</v>
      </c>
      <c r="L2631" s="115">
        <v>0</v>
      </c>
      <c r="M2631" s="115">
        <v>1</v>
      </c>
      <c r="N2631" s="115">
        <v>1</v>
      </c>
      <c r="O2631" s="115">
        <v>0</v>
      </c>
      <c r="P2631" s="115" t="s">
        <v>400</v>
      </c>
      <c r="Q2631" s="115" t="s">
        <v>400</v>
      </c>
      <c r="R2631" s="115">
        <v>0</v>
      </c>
      <c r="S2631" s="115">
        <v>0</v>
      </c>
      <c r="T2631" s="115">
        <v>0</v>
      </c>
      <c r="U2631" s="113" t="s">
        <v>174</v>
      </c>
      <c r="V2631" s="113" t="s">
        <v>174</v>
      </c>
      <c r="W2631" s="113" t="s">
        <v>174</v>
      </c>
      <c r="X2631" s="113" t="s">
        <v>174</v>
      </c>
      <c r="Y2631" s="113" t="s">
        <v>174</v>
      </c>
      <c r="Z2631" s="113">
        <v>1</v>
      </c>
      <c r="AA2631" s="113" t="s">
        <v>174</v>
      </c>
      <c r="AB2631" s="113">
        <v>1</v>
      </c>
      <c r="AC2631" s="113" t="s">
        <v>174</v>
      </c>
      <c r="AD2631" s="113" t="s">
        <v>174</v>
      </c>
      <c r="AE2631" s="113" t="s">
        <v>174</v>
      </c>
      <c r="AF2631" s="113" t="s">
        <v>174</v>
      </c>
      <c r="AG2631" s="113" t="s">
        <v>174</v>
      </c>
      <c r="AH2631" s="113" t="s">
        <v>174</v>
      </c>
      <c r="AI2631" s="113" t="s">
        <v>174</v>
      </c>
      <c r="AJ2631" s="113" t="s">
        <v>174</v>
      </c>
      <c r="AK2631" s="113" t="s">
        <v>174</v>
      </c>
      <c r="AL2631" s="113" t="s">
        <v>174</v>
      </c>
      <c r="AM2631" s="113" t="s">
        <v>174</v>
      </c>
      <c r="AN2631" s="113" t="s">
        <v>174</v>
      </c>
      <c r="AO2631" s="113" t="s">
        <v>174</v>
      </c>
      <c r="AP2631" s="113" t="s">
        <v>174</v>
      </c>
      <c r="AQ2631" s="113" t="s">
        <v>174</v>
      </c>
      <c r="AR2631" s="113" t="s">
        <v>174</v>
      </c>
      <c r="AS2631" s="113" t="s">
        <v>174</v>
      </c>
      <c r="AT2631" s="113">
        <v>1</v>
      </c>
      <c r="AU2631" s="113" t="s">
        <v>174</v>
      </c>
      <c r="AV2631" s="113">
        <v>1</v>
      </c>
      <c r="AW2631" s="113" t="s">
        <v>174</v>
      </c>
      <c r="AX2631" s="113"/>
      <c r="AY2631" s="113"/>
      <c r="AZ2631" s="124" t="s">
        <v>23203</v>
      </c>
      <c r="BA2631" s="113" t="s">
        <v>19478</v>
      </c>
      <c r="BB2631" s="107">
        <v>45884</v>
      </c>
    </row>
    <row r="2632" spans="1:54" s="207" customFormat="1" ht="13.95" customHeight="1" x14ac:dyDescent="0.25">
      <c r="A2632" s="208" t="s">
        <v>6270</v>
      </c>
      <c r="B2632" s="209" t="s">
        <v>20420</v>
      </c>
      <c r="C2632" s="113" t="s">
        <v>6271</v>
      </c>
      <c r="D2632" s="113" t="s">
        <v>24045</v>
      </c>
      <c r="E2632" s="210">
        <v>1942</v>
      </c>
      <c r="F2632" s="210">
        <v>49226</v>
      </c>
      <c r="G2632" s="113" t="s">
        <v>7</v>
      </c>
      <c r="H2632" s="113">
        <v>1</v>
      </c>
      <c r="I2632" s="113">
        <v>1</v>
      </c>
      <c r="J2632" s="115">
        <v>1</v>
      </c>
      <c r="K2632" s="116" t="s">
        <v>174</v>
      </c>
      <c r="L2632" s="115">
        <v>1</v>
      </c>
      <c r="M2632" s="115">
        <v>1</v>
      </c>
      <c r="N2632" s="115">
        <v>0</v>
      </c>
      <c r="O2632" s="115">
        <v>1</v>
      </c>
      <c r="P2632" s="115" t="s">
        <v>400</v>
      </c>
      <c r="Q2632" s="115" t="s">
        <v>400</v>
      </c>
      <c r="R2632" s="115">
        <v>1</v>
      </c>
      <c r="S2632" s="115">
        <v>0</v>
      </c>
      <c r="T2632" s="115">
        <v>0</v>
      </c>
      <c r="U2632" s="113" t="s">
        <v>174</v>
      </c>
      <c r="V2632" s="113" t="s">
        <v>174</v>
      </c>
      <c r="W2632" s="113" t="s">
        <v>174</v>
      </c>
      <c r="X2632" s="113" t="s">
        <v>174</v>
      </c>
      <c r="Y2632" s="113" t="s">
        <v>174</v>
      </c>
      <c r="Z2632" s="113">
        <v>1</v>
      </c>
      <c r="AA2632" s="113" t="s">
        <v>174</v>
      </c>
      <c r="AB2632" s="113" t="s">
        <v>174</v>
      </c>
      <c r="AC2632" s="113" t="s">
        <v>174</v>
      </c>
      <c r="AD2632" s="113" t="s">
        <v>174</v>
      </c>
      <c r="AE2632" s="113" t="s">
        <v>174</v>
      </c>
      <c r="AF2632" s="113" t="s">
        <v>174</v>
      </c>
      <c r="AG2632" s="113" t="s">
        <v>174</v>
      </c>
      <c r="AH2632" s="113" t="s">
        <v>174</v>
      </c>
      <c r="AI2632" s="113" t="s">
        <v>174</v>
      </c>
      <c r="AJ2632" s="113" t="s">
        <v>174</v>
      </c>
      <c r="AK2632" s="113" t="s">
        <v>174</v>
      </c>
      <c r="AL2632" s="113" t="s">
        <v>174</v>
      </c>
      <c r="AM2632" s="113" t="s">
        <v>174</v>
      </c>
      <c r="AN2632" s="113" t="s">
        <v>174</v>
      </c>
      <c r="AO2632" s="113" t="s">
        <v>174</v>
      </c>
      <c r="AP2632" s="113" t="s">
        <v>174</v>
      </c>
      <c r="AQ2632" s="113" t="s">
        <v>174</v>
      </c>
      <c r="AR2632" s="113" t="s">
        <v>174</v>
      </c>
      <c r="AS2632" s="113" t="s">
        <v>174</v>
      </c>
      <c r="AT2632" s="121" t="s">
        <v>174</v>
      </c>
      <c r="AU2632" s="113" t="s">
        <v>174</v>
      </c>
      <c r="AV2632" s="113">
        <v>1</v>
      </c>
      <c r="AW2632" s="113" t="s">
        <v>174</v>
      </c>
      <c r="AX2632" s="113"/>
      <c r="AY2632" s="113"/>
      <c r="AZ2632" s="124" t="s">
        <v>23203</v>
      </c>
      <c r="BA2632" s="113" t="s">
        <v>19478</v>
      </c>
      <c r="BB2632" s="107">
        <v>45884</v>
      </c>
    </row>
    <row r="2633" spans="1:54" s="207" customFormat="1" ht="13.95" customHeight="1" x14ac:dyDescent="0.25">
      <c r="A2633" s="208" t="s">
        <v>6272</v>
      </c>
      <c r="B2633" s="209" t="s">
        <v>20420</v>
      </c>
      <c r="C2633" s="113" t="s">
        <v>6273</v>
      </c>
      <c r="D2633" s="113" t="s">
        <v>6274</v>
      </c>
      <c r="E2633" s="210">
        <v>1987</v>
      </c>
      <c r="F2633" s="210">
        <v>49251</v>
      </c>
      <c r="G2633" s="113" t="s">
        <v>8</v>
      </c>
      <c r="H2633" s="113">
        <v>0</v>
      </c>
      <c r="I2633" s="113">
        <v>0</v>
      </c>
      <c r="J2633" s="115">
        <v>0</v>
      </c>
      <c r="K2633" s="116" t="s">
        <v>174</v>
      </c>
      <c r="L2633" s="115">
        <v>0</v>
      </c>
      <c r="M2633" s="115">
        <v>0</v>
      </c>
      <c r="N2633" s="115">
        <v>0</v>
      </c>
      <c r="O2633" s="115">
        <v>0</v>
      </c>
      <c r="P2633" s="115" t="s">
        <v>400</v>
      </c>
      <c r="Q2633" s="115" t="s">
        <v>400</v>
      </c>
      <c r="R2633" s="115">
        <v>0</v>
      </c>
      <c r="S2633" s="115">
        <v>0</v>
      </c>
      <c r="T2633" s="115">
        <v>0</v>
      </c>
      <c r="U2633" s="113" t="s">
        <v>174</v>
      </c>
      <c r="V2633" s="113" t="s">
        <v>174</v>
      </c>
      <c r="W2633" s="113" t="s">
        <v>174</v>
      </c>
      <c r="X2633" s="113" t="s">
        <v>174</v>
      </c>
      <c r="Y2633" s="113" t="s">
        <v>174</v>
      </c>
      <c r="Z2633" s="113" t="s">
        <v>174</v>
      </c>
      <c r="AA2633" s="113" t="s">
        <v>174</v>
      </c>
      <c r="AB2633" s="113" t="s">
        <v>174</v>
      </c>
      <c r="AC2633" s="113" t="s">
        <v>174</v>
      </c>
      <c r="AD2633" s="113" t="s">
        <v>174</v>
      </c>
      <c r="AE2633" s="113" t="s">
        <v>174</v>
      </c>
      <c r="AF2633" s="113" t="s">
        <v>174</v>
      </c>
      <c r="AG2633" s="113" t="s">
        <v>174</v>
      </c>
      <c r="AH2633" s="113" t="s">
        <v>174</v>
      </c>
      <c r="AI2633" s="113" t="s">
        <v>174</v>
      </c>
      <c r="AJ2633" s="113" t="s">
        <v>174</v>
      </c>
      <c r="AK2633" s="113" t="s">
        <v>174</v>
      </c>
      <c r="AL2633" s="113" t="s">
        <v>174</v>
      </c>
      <c r="AM2633" s="113" t="s">
        <v>174</v>
      </c>
      <c r="AN2633" s="113" t="s">
        <v>174</v>
      </c>
      <c r="AO2633" s="113" t="s">
        <v>174</v>
      </c>
      <c r="AP2633" s="113" t="s">
        <v>174</v>
      </c>
      <c r="AQ2633" s="113" t="s">
        <v>174</v>
      </c>
      <c r="AR2633" s="113" t="s">
        <v>174</v>
      </c>
      <c r="AS2633" s="113" t="s">
        <v>174</v>
      </c>
      <c r="AT2633" s="121" t="s">
        <v>174</v>
      </c>
      <c r="AU2633" s="113" t="s">
        <v>174</v>
      </c>
      <c r="AV2633" s="113" t="s">
        <v>174</v>
      </c>
      <c r="AW2633" s="113" t="s">
        <v>174</v>
      </c>
      <c r="AX2633" s="113"/>
      <c r="AY2633" s="113"/>
      <c r="AZ2633" s="113"/>
      <c r="BA2633" s="113"/>
      <c r="BB2633" s="107">
        <v>45884</v>
      </c>
    </row>
    <row r="2634" spans="1:54" s="207" customFormat="1" ht="13.95" customHeight="1" x14ac:dyDescent="0.25">
      <c r="A2634" s="208" t="s">
        <v>6275</v>
      </c>
      <c r="B2634" s="209" t="s">
        <v>20420</v>
      </c>
      <c r="C2634" s="113" t="s">
        <v>6276</v>
      </c>
      <c r="D2634" s="113" t="s">
        <v>23962</v>
      </c>
      <c r="E2634" s="210">
        <v>1987</v>
      </c>
      <c r="F2634" s="210">
        <v>49902</v>
      </c>
      <c r="G2634" s="113" t="s">
        <v>8</v>
      </c>
      <c r="H2634" s="113">
        <v>0</v>
      </c>
      <c r="I2634" s="113">
        <v>0</v>
      </c>
      <c r="J2634" s="115">
        <v>0</v>
      </c>
      <c r="K2634" s="116" t="s">
        <v>174</v>
      </c>
      <c r="L2634" s="115">
        <v>0</v>
      </c>
      <c r="M2634" s="115">
        <v>0</v>
      </c>
      <c r="N2634" s="115">
        <v>0</v>
      </c>
      <c r="O2634" s="115">
        <v>0</v>
      </c>
      <c r="P2634" s="115" t="s">
        <v>400</v>
      </c>
      <c r="Q2634" s="115" t="s">
        <v>400</v>
      </c>
      <c r="R2634" s="115">
        <v>0</v>
      </c>
      <c r="S2634" s="115">
        <v>0</v>
      </c>
      <c r="T2634" s="115">
        <v>0</v>
      </c>
      <c r="U2634" s="113" t="s">
        <v>174</v>
      </c>
      <c r="V2634" s="113" t="s">
        <v>174</v>
      </c>
      <c r="W2634" s="113" t="s">
        <v>174</v>
      </c>
      <c r="X2634" s="113" t="s">
        <v>174</v>
      </c>
      <c r="Y2634" s="113" t="s">
        <v>174</v>
      </c>
      <c r="Z2634" s="113" t="s">
        <v>174</v>
      </c>
      <c r="AA2634" s="113" t="s">
        <v>174</v>
      </c>
      <c r="AB2634" s="113" t="s">
        <v>174</v>
      </c>
      <c r="AC2634" s="113" t="s">
        <v>174</v>
      </c>
      <c r="AD2634" s="113" t="s">
        <v>174</v>
      </c>
      <c r="AE2634" s="113" t="s">
        <v>174</v>
      </c>
      <c r="AF2634" s="113" t="s">
        <v>174</v>
      </c>
      <c r="AG2634" s="113" t="s">
        <v>174</v>
      </c>
      <c r="AH2634" s="113" t="s">
        <v>174</v>
      </c>
      <c r="AI2634" s="113" t="s">
        <v>174</v>
      </c>
      <c r="AJ2634" s="113" t="s">
        <v>174</v>
      </c>
      <c r="AK2634" s="113" t="s">
        <v>174</v>
      </c>
      <c r="AL2634" s="113" t="s">
        <v>174</v>
      </c>
      <c r="AM2634" s="113" t="s">
        <v>174</v>
      </c>
      <c r="AN2634" s="113" t="s">
        <v>174</v>
      </c>
      <c r="AO2634" s="113" t="s">
        <v>174</v>
      </c>
      <c r="AP2634" s="113" t="s">
        <v>174</v>
      </c>
      <c r="AQ2634" s="113" t="s">
        <v>174</v>
      </c>
      <c r="AR2634" s="113" t="s">
        <v>174</v>
      </c>
      <c r="AS2634" s="113" t="s">
        <v>174</v>
      </c>
      <c r="AT2634" s="121" t="s">
        <v>174</v>
      </c>
      <c r="AU2634" s="113" t="s">
        <v>174</v>
      </c>
      <c r="AV2634" s="113" t="s">
        <v>174</v>
      </c>
      <c r="AW2634" s="113" t="s">
        <v>174</v>
      </c>
      <c r="AX2634" s="113"/>
      <c r="AY2634" s="113"/>
      <c r="AZ2634" s="113"/>
      <c r="BA2634" s="113"/>
      <c r="BB2634" s="107">
        <v>45884</v>
      </c>
    </row>
    <row r="2635" spans="1:54" s="207" customFormat="1" ht="13.95" customHeight="1" x14ac:dyDescent="0.25">
      <c r="A2635" s="208" t="s">
        <v>6277</v>
      </c>
      <c r="B2635" s="209" t="s">
        <v>20420</v>
      </c>
      <c r="C2635" s="113" t="s">
        <v>6278</v>
      </c>
      <c r="D2635" s="113" t="s">
        <v>6279</v>
      </c>
      <c r="E2635" s="210">
        <v>1995</v>
      </c>
      <c r="F2635" s="210">
        <v>50598</v>
      </c>
      <c r="G2635" s="113" t="s">
        <v>7</v>
      </c>
      <c r="H2635" s="113">
        <v>1</v>
      </c>
      <c r="I2635" s="113">
        <v>1</v>
      </c>
      <c r="J2635" s="115">
        <v>1</v>
      </c>
      <c r="K2635" s="116" t="s">
        <v>174</v>
      </c>
      <c r="L2635" s="115">
        <v>1</v>
      </c>
      <c r="M2635" s="115">
        <v>1</v>
      </c>
      <c r="N2635" s="115">
        <v>1</v>
      </c>
      <c r="O2635" s="115">
        <v>1</v>
      </c>
      <c r="P2635" s="115">
        <v>1</v>
      </c>
      <c r="Q2635" s="115">
        <v>1</v>
      </c>
      <c r="R2635" s="115">
        <v>1</v>
      </c>
      <c r="S2635" s="115">
        <v>0</v>
      </c>
      <c r="T2635" s="115">
        <v>0</v>
      </c>
      <c r="U2635" s="113" t="s">
        <v>174</v>
      </c>
      <c r="V2635" s="113" t="s">
        <v>174</v>
      </c>
      <c r="W2635" s="113" t="s">
        <v>174</v>
      </c>
      <c r="X2635" s="113" t="s">
        <v>174</v>
      </c>
      <c r="Y2635" s="113" t="s">
        <v>174</v>
      </c>
      <c r="Z2635" s="113">
        <v>1</v>
      </c>
      <c r="AA2635" s="113" t="s">
        <v>174</v>
      </c>
      <c r="AB2635" s="113" t="s">
        <v>174</v>
      </c>
      <c r="AC2635" s="113" t="s">
        <v>174</v>
      </c>
      <c r="AD2635" s="113" t="s">
        <v>174</v>
      </c>
      <c r="AE2635" s="113" t="s">
        <v>174</v>
      </c>
      <c r="AF2635" s="113" t="s">
        <v>174</v>
      </c>
      <c r="AG2635" s="113" t="s">
        <v>174</v>
      </c>
      <c r="AH2635" s="113" t="s">
        <v>174</v>
      </c>
      <c r="AI2635" s="113" t="s">
        <v>174</v>
      </c>
      <c r="AJ2635" s="113" t="s">
        <v>174</v>
      </c>
      <c r="AK2635" s="113" t="s">
        <v>174</v>
      </c>
      <c r="AL2635" s="113" t="s">
        <v>174</v>
      </c>
      <c r="AM2635" s="113" t="s">
        <v>174</v>
      </c>
      <c r="AN2635" s="113" t="s">
        <v>174</v>
      </c>
      <c r="AO2635" s="113" t="s">
        <v>174</v>
      </c>
      <c r="AP2635" s="113" t="s">
        <v>174</v>
      </c>
      <c r="AQ2635" s="113" t="s">
        <v>174</v>
      </c>
      <c r="AR2635" s="113" t="s">
        <v>174</v>
      </c>
      <c r="AS2635" s="113" t="s">
        <v>174</v>
      </c>
      <c r="AT2635" s="121" t="s">
        <v>174</v>
      </c>
      <c r="AU2635" s="113" t="s">
        <v>174</v>
      </c>
      <c r="AV2635" s="113">
        <v>1</v>
      </c>
      <c r="AW2635" s="113" t="s">
        <v>174</v>
      </c>
      <c r="AX2635" s="113"/>
      <c r="AY2635" s="113"/>
      <c r="AZ2635" s="124" t="s">
        <v>23203</v>
      </c>
      <c r="BA2635" s="113" t="s">
        <v>19478</v>
      </c>
      <c r="BB2635" s="107">
        <v>45884</v>
      </c>
    </row>
    <row r="2636" spans="1:54" s="207" customFormat="1" ht="13.95" customHeight="1" x14ac:dyDescent="0.25">
      <c r="A2636" s="208" t="s">
        <v>6280</v>
      </c>
      <c r="B2636" s="209" t="s">
        <v>20420</v>
      </c>
      <c r="C2636" s="113" t="s">
        <v>6281</v>
      </c>
      <c r="D2636" s="113" t="s">
        <v>24046</v>
      </c>
      <c r="E2636" s="210">
        <v>1987</v>
      </c>
      <c r="F2636" s="210">
        <v>24659</v>
      </c>
      <c r="G2636" s="113" t="s">
        <v>11</v>
      </c>
      <c r="H2636" s="113">
        <v>0</v>
      </c>
      <c r="I2636" s="113">
        <v>0</v>
      </c>
      <c r="J2636" s="115">
        <v>1</v>
      </c>
      <c r="K2636" s="116" t="s">
        <v>174</v>
      </c>
      <c r="L2636" s="115">
        <v>0</v>
      </c>
      <c r="M2636" s="115">
        <v>0</v>
      </c>
      <c r="N2636" s="115">
        <v>0</v>
      </c>
      <c r="O2636" s="120">
        <v>0</v>
      </c>
      <c r="P2636" s="120">
        <v>0</v>
      </c>
      <c r="Q2636" s="120">
        <v>0</v>
      </c>
      <c r="R2636" s="120">
        <v>0</v>
      </c>
      <c r="S2636" s="115">
        <v>0</v>
      </c>
      <c r="T2636" s="115">
        <v>0</v>
      </c>
      <c r="U2636" s="113" t="s">
        <v>174</v>
      </c>
      <c r="V2636" s="113" t="s">
        <v>174</v>
      </c>
      <c r="W2636" s="113" t="s">
        <v>174</v>
      </c>
      <c r="X2636" s="113" t="s">
        <v>174</v>
      </c>
      <c r="Y2636" s="113" t="s">
        <v>174</v>
      </c>
      <c r="Z2636" s="113" t="s">
        <v>174</v>
      </c>
      <c r="AA2636" s="113" t="s">
        <v>174</v>
      </c>
      <c r="AB2636" s="113" t="s">
        <v>174</v>
      </c>
      <c r="AC2636" s="113" t="s">
        <v>174</v>
      </c>
      <c r="AD2636" s="113" t="s">
        <v>174</v>
      </c>
      <c r="AE2636" s="113" t="s">
        <v>174</v>
      </c>
      <c r="AF2636" s="113" t="s">
        <v>174</v>
      </c>
      <c r="AG2636" s="113" t="s">
        <v>174</v>
      </c>
      <c r="AH2636" s="113" t="s">
        <v>174</v>
      </c>
      <c r="AI2636" s="113" t="s">
        <v>174</v>
      </c>
      <c r="AJ2636" s="113" t="s">
        <v>174</v>
      </c>
      <c r="AK2636" s="113" t="s">
        <v>174</v>
      </c>
      <c r="AL2636" s="113" t="s">
        <v>174</v>
      </c>
      <c r="AM2636" s="113" t="s">
        <v>174</v>
      </c>
      <c r="AN2636" s="113" t="s">
        <v>174</v>
      </c>
      <c r="AO2636" s="113" t="s">
        <v>174</v>
      </c>
      <c r="AP2636" s="113" t="s">
        <v>174</v>
      </c>
      <c r="AQ2636" s="113" t="s">
        <v>174</v>
      </c>
      <c r="AR2636" s="113" t="s">
        <v>174</v>
      </c>
      <c r="AS2636" s="113" t="s">
        <v>174</v>
      </c>
      <c r="AT2636" s="121" t="s">
        <v>174</v>
      </c>
      <c r="AU2636" s="113" t="s">
        <v>174</v>
      </c>
      <c r="AV2636" s="113" t="s">
        <v>174</v>
      </c>
      <c r="AW2636" s="113" t="s">
        <v>174</v>
      </c>
      <c r="AX2636" s="113"/>
      <c r="AY2636" s="113"/>
      <c r="AZ2636" s="113"/>
      <c r="BA2636" s="113"/>
      <c r="BB2636" s="107">
        <v>45884</v>
      </c>
    </row>
    <row r="2637" spans="1:54" s="207" customFormat="1" ht="13.95" customHeight="1" x14ac:dyDescent="0.25">
      <c r="A2637" s="208" t="s">
        <v>6282</v>
      </c>
      <c r="B2637" s="209" t="s">
        <v>20420</v>
      </c>
      <c r="C2637" s="113" t="s">
        <v>6283</v>
      </c>
      <c r="D2637" s="113" t="s">
        <v>6284</v>
      </c>
      <c r="E2637" s="210">
        <v>2011</v>
      </c>
      <c r="F2637" s="210">
        <v>53483</v>
      </c>
      <c r="G2637" s="113" t="s">
        <v>6</v>
      </c>
      <c r="H2637" s="113">
        <v>1</v>
      </c>
      <c r="I2637" s="113">
        <v>1</v>
      </c>
      <c r="J2637" s="115">
        <v>1</v>
      </c>
      <c r="K2637" s="113">
        <v>0</v>
      </c>
      <c r="L2637" s="115">
        <v>0</v>
      </c>
      <c r="M2637" s="115">
        <v>0</v>
      </c>
      <c r="N2637" s="115">
        <v>0</v>
      </c>
      <c r="O2637" s="115">
        <v>0</v>
      </c>
      <c r="P2637" s="115">
        <v>0</v>
      </c>
      <c r="Q2637" s="115">
        <v>0</v>
      </c>
      <c r="R2637" s="115">
        <v>0</v>
      </c>
      <c r="S2637" s="115">
        <v>0</v>
      </c>
      <c r="T2637" s="115">
        <v>0</v>
      </c>
      <c r="U2637" s="113">
        <v>0</v>
      </c>
      <c r="V2637" s="113">
        <v>0</v>
      </c>
      <c r="W2637" s="113">
        <v>1</v>
      </c>
      <c r="X2637" s="113">
        <v>0</v>
      </c>
      <c r="Y2637" s="116">
        <v>0</v>
      </c>
      <c r="Z2637" s="116">
        <v>0</v>
      </c>
      <c r="AA2637" s="113">
        <v>0</v>
      </c>
      <c r="AB2637" s="116">
        <v>0</v>
      </c>
      <c r="AC2637" s="116">
        <v>0</v>
      </c>
      <c r="AD2637" s="116">
        <v>0</v>
      </c>
      <c r="AE2637" s="116">
        <v>0</v>
      </c>
      <c r="AF2637" s="116">
        <v>0</v>
      </c>
      <c r="AG2637" s="116">
        <v>0</v>
      </c>
      <c r="AH2637" s="116">
        <v>0</v>
      </c>
      <c r="AI2637" s="113">
        <v>0</v>
      </c>
      <c r="AJ2637" s="113">
        <v>0</v>
      </c>
      <c r="AK2637" s="113">
        <v>0</v>
      </c>
      <c r="AL2637" s="113">
        <v>0</v>
      </c>
      <c r="AM2637" s="113">
        <v>0</v>
      </c>
      <c r="AN2637" s="113">
        <v>0</v>
      </c>
      <c r="AO2637" s="113">
        <v>0</v>
      </c>
      <c r="AP2637" s="113">
        <v>0</v>
      </c>
      <c r="AQ2637" s="113">
        <v>0</v>
      </c>
      <c r="AR2637" s="113">
        <v>0</v>
      </c>
      <c r="AS2637" s="113">
        <v>0</v>
      </c>
      <c r="AT2637" s="121" t="s">
        <v>174</v>
      </c>
      <c r="AU2637" s="116">
        <v>0</v>
      </c>
      <c r="AV2637" s="116">
        <v>0</v>
      </c>
      <c r="AW2637" s="113">
        <v>0</v>
      </c>
      <c r="AX2637" s="113"/>
      <c r="AY2637" s="113"/>
      <c r="AZ2637" s="113"/>
      <c r="BA2637" s="113"/>
      <c r="BB2637" s="107">
        <v>45884</v>
      </c>
    </row>
    <row r="2638" spans="1:54" s="207" customFormat="1" ht="13.95" customHeight="1" x14ac:dyDescent="0.25">
      <c r="A2638" s="208" t="s">
        <v>6285</v>
      </c>
      <c r="B2638" s="209" t="s">
        <v>20420</v>
      </c>
      <c r="C2638" s="113" t="s">
        <v>6286</v>
      </c>
      <c r="D2638" s="113" t="s">
        <v>6287</v>
      </c>
      <c r="E2638" s="210">
        <v>1983</v>
      </c>
      <c r="F2638" s="210">
        <v>54158</v>
      </c>
      <c r="G2638" s="113" t="s">
        <v>7</v>
      </c>
      <c r="H2638" s="113">
        <v>1</v>
      </c>
      <c r="I2638" s="113">
        <v>1</v>
      </c>
      <c r="J2638" s="115">
        <v>1</v>
      </c>
      <c r="K2638" s="116" t="s">
        <v>174</v>
      </c>
      <c r="L2638" s="115">
        <v>1</v>
      </c>
      <c r="M2638" s="115">
        <v>0</v>
      </c>
      <c r="N2638" s="115">
        <v>1</v>
      </c>
      <c r="O2638" s="115">
        <v>1</v>
      </c>
      <c r="P2638" s="115">
        <v>1</v>
      </c>
      <c r="Q2638" s="115" t="s">
        <v>400</v>
      </c>
      <c r="R2638" s="115">
        <v>0</v>
      </c>
      <c r="S2638" s="115">
        <v>1</v>
      </c>
      <c r="T2638" s="115">
        <v>0</v>
      </c>
      <c r="U2638" s="113" t="s">
        <v>174</v>
      </c>
      <c r="V2638" s="113" t="s">
        <v>174</v>
      </c>
      <c r="W2638" s="113" t="s">
        <v>174</v>
      </c>
      <c r="X2638" s="113" t="s">
        <v>174</v>
      </c>
      <c r="Y2638" s="113" t="s">
        <v>174</v>
      </c>
      <c r="Z2638" s="113">
        <v>1</v>
      </c>
      <c r="AA2638" s="113" t="s">
        <v>174</v>
      </c>
      <c r="AB2638" s="113">
        <v>1</v>
      </c>
      <c r="AC2638" s="113" t="s">
        <v>174</v>
      </c>
      <c r="AD2638" s="113" t="s">
        <v>174</v>
      </c>
      <c r="AE2638" s="113" t="s">
        <v>174</v>
      </c>
      <c r="AF2638" s="113" t="s">
        <v>174</v>
      </c>
      <c r="AG2638" s="113" t="s">
        <v>174</v>
      </c>
      <c r="AH2638" s="113" t="s">
        <v>174</v>
      </c>
      <c r="AI2638" s="113" t="s">
        <v>174</v>
      </c>
      <c r="AJ2638" s="113" t="s">
        <v>174</v>
      </c>
      <c r="AK2638" s="113" t="s">
        <v>174</v>
      </c>
      <c r="AL2638" s="113" t="s">
        <v>174</v>
      </c>
      <c r="AM2638" s="113" t="s">
        <v>174</v>
      </c>
      <c r="AN2638" s="113" t="s">
        <v>174</v>
      </c>
      <c r="AO2638" s="113" t="s">
        <v>174</v>
      </c>
      <c r="AP2638" s="113" t="s">
        <v>174</v>
      </c>
      <c r="AQ2638" s="113" t="s">
        <v>174</v>
      </c>
      <c r="AR2638" s="113" t="s">
        <v>174</v>
      </c>
      <c r="AS2638" s="113" t="s">
        <v>174</v>
      </c>
      <c r="AT2638" s="121" t="s">
        <v>174</v>
      </c>
      <c r="AU2638" s="113" t="s">
        <v>174</v>
      </c>
      <c r="AV2638" s="113">
        <v>1</v>
      </c>
      <c r="AW2638" s="113" t="s">
        <v>174</v>
      </c>
      <c r="AX2638" s="113"/>
      <c r="AY2638" s="113"/>
      <c r="AZ2638" s="124" t="s">
        <v>23203</v>
      </c>
      <c r="BA2638" s="113" t="s">
        <v>19478</v>
      </c>
      <c r="BB2638" s="107">
        <v>45884</v>
      </c>
    </row>
    <row r="2639" spans="1:54" s="207" customFormat="1" ht="13.95" customHeight="1" x14ac:dyDescent="0.25">
      <c r="A2639" s="208" t="s">
        <v>6288</v>
      </c>
      <c r="B2639" s="209" t="s">
        <v>20420</v>
      </c>
      <c r="C2639" s="113" t="s">
        <v>6289</v>
      </c>
      <c r="D2639" s="113" t="s">
        <v>24047</v>
      </c>
      <c r="E2639" s="210">
        <v>1990</v>
      </c>
      <c r="F2639" s="213">
        <v>54228</v>
      </c>
      <c r="G2639" s="113" t="s">
        <v>7</v>
      </c>
      <c r="H2639" s="113">
        <v>1</v>
      </c>
      <c r="I2639" s="113">
        <v>1</v>
      </c>
      <c r="J2639" s="115">
        <v>1</v>
      </c>
      <c r="K2639" s="211">
        <v>1</v>
      </c>
      <c r="L2639" s="115">
        <v>1</v>
      </c>
      <c r="M2639" s="115">
        <v>1</v>
      </c>
      <c r="N2639" s="115">
        <v>1</v>
      </c>
      <c r="O2639" s="115">
        <v>0</v>
      </c>
      <c r="P2639" s="115" t="s">
        <v>400</v>
      </c>
      <c r="Q2639" s="115" t="s">
        <v>400</v>
      </c>
      <c r="R2639" s="115">
        <v>0</v>
      </c>
      <c r="S2639" s="115">
        <v>0</v>
      </c>
      <c r="T2639" s="115">
        <v>0</v>
      </c>
      <c r="U2639" s="113" t="s">
        <v>174</v>
      </c>
      <c r="V2639" s="113" t="s">
        <v>174</v>
      </c>
      <c r="W2639" s="113" t="s">
        <v>174</v>
      </c>
      <c r="X2639" s="113" t="s">
        <v>174</v>
      </c>
      <c r="Y2639" s="113" t="s">
        <v>174</v>
      </c>
      <c r="Z2639" s="113">
        <v>1</v>
      </c>
      <c r="AA2639" s="113" t="s">
        <v>174</v>
      </c>
      <c r="AB2639" s="113">
        <v>1</v>
      </c>
      <c r="AC2639" s="113" t="s">
        <v>174</v>
      </c>
      <c r="AD2639" s="113" t="s">
        <v>174</v>
      </c>
      <c r="AE2639" s="113" t="s">
        <v>174</v>
      </c>
      <c r="AF2639" s="113" t="s">
        <v>174</v>
      </c>
      <c r="AG2639" s="113" t="s">
        <v>174</v>
      </c>
      <c r="AH2639" s="113" t="s">
        <v>174</v>
      </c>
      <c r="AI2639" s="113" t="s">
        <v>174</v>
      </c>
      <c r="AJ2639" s="113" t="s">
        <v>174</v>
      </c>
      <c r="AK2639" s="113" t="s">
        <v>174</v>
      </c>
      <c r="AL2639" s="113" t="s">
        <v>174</v>
      </c>
      <c r="AM2639" s="113" t="s">
        <v>174</v>
      </c>
      <c r="AN2639" s="113" t="s">
        <v>174</v>
      </c>
      <c r="AO2639" s="113" t="s">
        <v>174</v>
      </c>
      <c r="AP2639" s="113" t="s">
        <v>174</v>
      </c>
      <c r="AQ2639" s="113" t="s">
        <v>174</v>
      </c>
      <c r="AR2639" s="113" t="s">
        <v>174</v>
      </c>
      <c r="AS2639" s="113" t="s">
        <v>174</v>
      </c>
      <c r="AT2639" s="113">
        <v>1</v>
      </c>
      <c r="AU2639" s="113" t="s">
        <v>174</v>
      </c>
      <c r="AV2639" s="113">
        <v>1</v>
      </c>
      <c r="AW2639" s="113" t="s">
        <v>174</v>
      </c>
      <c r="AX2639" s="113"/>
      <c r="AY2639" s="113"/>
      <c r="AZ2639" s="124" t="s">
        <v>23203</v>
      </c>
      <c r="BA2639" s="113" t="s">
        <v>19478</v>
      </c>
      <c r="BB2639" s="107">
        <v>45884</v>
      </c>
    </row>
    <row r="2640" spans="1:54" s="207" customFormat="1" ht="13.95" customHeight="1" x14ac:dyDescent="0.25">
      <c r="A2640" s="208" t="s">
        <v>6290</v>
      </c>
      <c r="B2640" s="209" t="s">
        <v>20420</v>
      </c>
      <c r="C2640" s="113" t="s">
        <v>6291</v>
      </c>
      <c r="D2640" s="113" t="s">
        <v>6292</v>
      </c>
      <c r="E2640" s="210">
        <v>1996</v>
      </c>
      <c r="F2640" s="210">
        <v>54640</v>
      </c>
      <c r="G2640" s="113" t="s">
        <v>10</v>
      </c>
      <c r="H2640" s="113">
        <v>1</v>
      </c>
      <c r="I2640" s="113">
        <v>1</v>
      </c>
      <c r="J2640" s="115">
        <v>1</v>
      </c>
      <c r="K2640" s="116" t="s">
        <v>174</v>
      </c>
      <c r="L2640" s="115">
        <v>0</v>
      </c>
      <c r="M2640" s="115">
        <v>1</v>
      </c>
      <c r="N2640" s="115">
        <v>0</v>
      </c>
      <c r="O2640" s="115">
        <v>0</v>
      </c>
      <c r="P2640" s="115" t="s">
        <v>400</v>
      </c>
      <c r="Q2640" s="115" t="s">
        <v>400</v>
      </c>
      <c r="R2640" s="115">
        <v>0</v>
      </c>
      <c r="S2640" s="115">
        <v>0</v>
      </c>
      <c r="T2640" s="115">
        <v>1</v>
      </c>
      <c r="U2640" s="113" t="s">
        <v>174</v>
      </c>
      <c r="V2640" s="113" t="s">
        <v>174</v>
      </c>
      <c r="W2640" s="113" t="s">
        <v>174</v>
      </c>
      <c r="X2640" s="113" t="s">
        <v>174</v>
      </c>
      <c r="Y2640" s="113" t="s">
        <v>174</v>
      </c>
      <c r="Z2640" s="113" t="s">
        <v>174</v>
      </c>
      <c r="AA2640" s="113" t="s">
        <v>174</v>
      </c>
      <c r="AB2640" s="113" t="s">
        <v>174</v>
      </c>
      <c r="AC2640" s="113" t="s">
        <v>174</v>
      </c>
      <c r="AD2640" s="113" t="s">
        <v>174</v>
      </c>
      <c r="AE2640" s="113" t="s">
        <v>174</v>
      </c>
      <c r="AF2640" s="113" t="s">
        <v>174</v>
      </c>
      <c r="AG2640" s="113" t="s">
        <v>174</v>
      </c>
      <c r="AH2640" s="113" t="s">
        <v>174</v>
      </c>
      <c r="AI2640" s="113" t="s">
        <v>174</v>
      </c>
      <c r="AJ2640" s="113" t="s">
        <v>174</v>
      </c>
      <c r="AK2640" s="113" t="s">
        <v>174</v>
      </c>
      <c r="AL2640" s="113" t="s">
        <v>174</v>
      </c>
      <c r="AM2640" s="113" t="s">
        <v>174</v>
      </c>
      <c r="AN2640" s="113" t="s">
        <v>174</v>
      </c>
      <c r="AO2640" s="113" t="s">
        <v>174</v>
      </c>
      <c r="AP2640" s="113" t="s">
        <v>174</v>
      </c>
      <c r="AQ2640" s="113" t="s">
        <v>174</v>
      </c>
      <c r="AR2640" s="113" t="s">
        <v>174</v>
      </c>
      <c r="AS2640" s="113" t="s">
        <v>174</v>
      </c>
      <c r="AT2640" s="121" t="s">
        <v>174</v>
      </c>
      <c r="AU2640" s="113" t="s">
        <v>174</v>
      </c>
      <c r="AV2640" s="113" t="s">
        <v>174</v>
      </c>
      <c r="AW2640" s="113" t="s">
        <v>174</v>
      </c>
      <c r="AX2640" s="113"/>
      <c r="AY2640" s="113"/>
      <c r="AZ2640" s="113"/>
      <c r="BA2640" s="113"/>
      <c r="BB2640" s="107">
        <v>45884</v>
      </c>
    </row>
    <row r="2641" spans="1:54" s="207" customFormat="1" ht="13.95" customHeight="1" x14ac:dyDescent="0.25">
      <c r="A2641" s="208" t="s">
        <v>6293</v>
      </c>
      <c r="B2641" s="209" t="s">
        <v>20420</v>
      </c>
      <c r="C2641" s="113" t="s">
        <v>6294</v>
      </c>
      <c r="D2641" s="113" t="s">
        <v>24048</v>
      </c>
      <c r="E2641" s="210">
        <v>1991</v>
      </c>
      <c r="F2641" s="210">
        <v>55955</v>
      </c>
      <c r="G2641" s="113" t="s">
        <v>7</v>
      </c>
      <c r="H2641" s="113">
        <v>1</v>
      </c>
      <c r="I2641" s="113">
        <v>1</v>
      </c>
      <c r="J2641" s="115">
        <v>1</v>
      </c>
      <c r="K2641" s="116" t="s">
        <v>174</v>
      </c>
      <c r="L2641" s="115">
        <v>0</v>
      </c>
      <c r="M2641" s="115">
        <v>0</v>
      </c>
      <c r="N2641" s="115">
        <v>1</v>
      </c>
      <c r="O2641" s="115">
        <v>0</v>
      </c>
      <c r="P2641" s="115" t="s">
        <v>400</v>
      </c>
      <c r="Q2641" s="115" t="s">
        <v>400</v>
      </c>
      <c r="R2641" s="115">
        <v>0</v>
      </c>
      <c r="S2641" s="115">
        <v>0</v>
      </c>
      <c r="T2641" s="115">
        <v>0</v>
      </c>
      <c r="U2641" s="113" t="s">
        <v>174</v>
      </c>
      <c r="V2641" s="113" t="s">
        <v>174</v>
      </c>
      <c r="W2641" s="113" t="s">
        <v>174</v>
      </c>
      <c r="X2641" s="113" t="s">
        <v>174</v>
      </c>
      <c r="Y2641" s="113" t="s">
        <v>174</v>
      </c>
      <c r="Z2641" s="113" t="s">
        <v>174</v>
      </c>
      <c r="AA2641" s="113" t="s">
        <v>174</v>
      </c>
      <c r="AB2641" s="113" t="s">
        <v>174</v>
      </c>
      <c r="AC2641" s="113" t="s">
        <v>174</v>
      </c>
      <c r="AD2641" s="113" t="s">
        <v>174</v>
      </c>
      <c r="AE2641" s="113" t="s">
        <v>174</v>
      </c>
      <c r="AF2641" s="113" t="s">
        <v>174</v>
      </c>
      <c r="AG2641" s="113" t="s">
        <v>174</v>
      </c>
      <c r="AH2641" s="113" t="s">
        <v>174</v>
      </c>
      <c r="AI2641" s="113" t="s">
        <v>174</v>
      </c>
      <c r="AJ2641" s="113" t="s">
        <v>174</v>
      </c>
      <c r="AK2641" s="113" t="s">
        <v>174</v>
      </c>
      <c r="AL2641" s="113" t="s">
        <v>174</v>
      </c>
      <c r="AM2641" s="113" t="s">
        <v>174</v>
      </c>
      <c r="AN2641" s="113" t="s">
        <v>174</v>
      </c>
      <c r="AO2641" s="113" t="s">
        <v>174</v>
      </c>
      <c r="AP2641" s="113" t="s">
        <v>174</v>
      </c>
      <c r="AQ2641" s="113" t="s">
        <v>174</v>
      </c>
      <c r="AR2641" s="113" t="s">
        <v>174</v>
      </c>
      <c r="AS2641" s="113" t="s">
        <v>174</v>
      </c>
      <c r="AT2641" s="121" t="s">
        <v>174</v>
      </c>
      <c r="AU2641" s="113" t="s">
        <v>174</v>
      </c>
      <c r="AV2641" s="113" t="s">
        <v>174</v>
      </c>
      <c r="AW2641" s="113" t="s">
        <v>174</v>
      </c>
      <c r="AX2641" s="113"/>
      <c r="AY2641" s="113"/>
      <c r="AZ2641" s="113"/>
      <c r="BA2641" s="113"/>
      <c r="BB2641" s="107">
        <v>45884</v>
      </c>
    </row>
    <row r="2642" spans="1:54" s="207" customFormat="1" ht="13.95" customHeight="1" x14ac:dyDescent="0.25">
      <c r="A2642" s="208" t="s">
        <v>6295</v>
      </c>
      <c r="B2642" s="209" t="s">
        <v>20420</v>
      </c>
      <c r="C2642" s="113" t="s">
        <v>6296</v>
      </c>
      <c r="D2642" s="113" t="s">
        <v>6297</v>
      </c>
      <c r="E2642" s="210">
        <v>1962</v>
      </c>
      <c r="F2642" s="210">
        <v>59949</v>
      </c>
      <c r="G2642" s="113" t="s">
        <v>10</v>
      </c>
      <c r="H2642" s="113">
        <v>1</v>
      </c>
      <c r="I2642" s="113">
        <v>1</v>
      </c>
      <c r="J2642" s="115">
        <v>1</v>
      </c>
      <c r="K2642" s="116" t="s">
        <v>174</v>
      </c>
      <c r="L2642" s="115">
        <v>0</v>
      </c>
      <c r="M2642" s="115">
        <v>0</v>
      </c>
      <c r="N2642" s="115">
        <v>0</v>
      </c>
      <c r="O2642" s="115">
        <v>0</v>
      </c>
      <c r="P2642" s="115" t="s">
        <v>400</v>
      </c>
      <c r="Q2642" s="115" t="s">
        <v>400</v>
      </c>
      <c r="R2642" s="115">
        <v>0</v>
      </c>
      <c r="S2642" s="115">
        <v>0</v>
      </c>
      <c r="T2642" s="115">
        <v>0</v>
      </c>
      <c r="U2642" s="113" t="s">
        <v>174</v>
      </c>
      <c r="V2642" s="113" t="s">
        <v>174</v>
      </c>
      <c r="W2642" s="113" t="s">
        <v>174</v>
      </c>
      <c r="X2642" s="113" t="s">
        <v>174</v>
      </c>
      <c r="Y2642" s="113" t="s">
        <v>174</v>
      </c>
      <c r="Z2642" s="113" t="s">
        <v>174</v>
      </c>
      <c r="AA2642" s="113" t="s">
        <v>174</v>
      </c>
      <c r="AB2642" s="113" t="s">
        <v>174</v>
      </c>
      <c r="AC2642" s="113" t="s">
        <v>174</v>
      </c>
      <c r="AD2642" s="113" t="s">
        <v>174</v>
      </c>
      <c r="AE2642" s="113" t="s">
        <v>174</v>
      </c>
      <c r="AF2642" s="113" t="s">
        <v>174</v>
      </c>
      <c r="AG2642" s="113" t="s">
        <v>174</v>
      </c>
      <c r="AH2642" s="113" t="s">
        <v>174</v>
      </c>
      <c r="AI2642" s="113" t="s">
        <v>174</v>
      </c>
      <c r="AJ2642" s="113" t="s">
        <v>174</v>
      </c>
      <c r="AK2642" s="113" t="s">
        <v>174</v>
      </c>
      <c r="AL2642" s="113" t="s">
        <v>174</v>
      </c>
      <c r="AM2642" s="113" t="s">
        <v>174</v>
      </c>
      <c r="AN2642" s="113" t="s">
        <v>174</v>
      </c>
      <c r="AO2642" s="113" t="s">
        <v>174</v>
      </c>
      <c r="AP2642" s="113" t="s">
        <v>174</v>
      </c>
      <c r="AQ2642" s="113" t="s">
        <v>174</v>
      </c>
      <c r="AR2642" s="113" t="s">
        <v>174</v>
      </c>
      <c r="AS2642" s="113" t="s">
        <v>174</v>
      </c>
      <c r="AT2642" s="113">
        <v>1</v>
      </c>
      <c r="AU2642" s="113" t="s">
        <v>174</v>
      </c>
      <c r="AV2642" s="113">
        <v>1</v>
      </c>
      <c r="AW2642" s="113" t="s">
        <v>174</v>
      </c>
      <c r="AX2642" s="113"/>
      <c r="AY2642" s="113"/>
      <c r="AZ2642" s="113"/>
      <c r="BA2642" s="113"/>
      <c r="BB2642" s="107">
        <v>45884</v>
      </c>
    </row>
    <row r="2643" spans="1:54" s="207" customFormat="1" ht="13.95" customHeight="1" x14ac:dyDescent="0.25">
      <c r="A2643" s="208" t="s">
        <v>6298</v>
      </c>
      <c r="B2643" s="209" t="s">
        <v>20420</v>
      </c>
      <c r="C2643" s="113" t="s">
        <v>19487</v>
      </c>
      <c r="D2643" s="113" t="s">
        <v>24049</v>
      </c>
      <c r="E2643" s="210">
        <v>2007</v>
      </c>
      <c r="F2643" s="210">
        <v>173027</v>
      </c>
      <c r="G2643" s="113" t="s">
        <v>6</v>
      </c>
      <c r="H2643" s="113">
        <v>1</v>
      </c>
      <c r="I2643" s="113">
        <v>1</v>
      </c>
      <c r="J2643" s="115">
        <v>1</v>
      </c>
      <c r="K2643" s="113">
        <v>1</v>
      </c>
      <c r="L2643" s="115">
        <v>0</v>
      </c>
      <c r="M2643" s="115">
        <v>1</v>
      </c>
      <c r="N2643" s="115">
        <v>1</v>
      </c>
      <c r="O2643" s="115">
        <v>1</v>
      </c>
      <c r="P2643" s="115">
        <v>0</v>
      </c>
      <c r="Q2643" s="115">
        <v>0</v>
      </c>
      <c r="R2643" s="115">
        <v>0</v>
      </c>
      <c r="S2643" s="115">
        <v>0</v>
      </c>
      <c r="T2643" s="115">
        <v>0</v>
      </c>
      <c r="U2643" s="113">
        <v>0</v>
      </c>
      <c r="V2643" s="113">
        <v>0</v>
      </c>
      <c r="W2643" s="113">
        <v>1</v>
      </c>
      <c r="X2643" s="113">
        <v>0</v>
      </c>
      <c r="Y2643" s="116">
        <v>0</v>
      </c>
      <c r="Z2643" s="116">
        <v>0</v>
      </c>
      <c r="AA2643" s="113">
        <v>1</v>
      </c>
      <c r="AB2643" s="116">
        <v>0</v>
      </c>
      <c r="AC2643" s="116">
        <v>0</v>
      </c>
      <c r="AD2643" s="116">
        <v>0</v>
      </c>
      <c r="AE2643" s="116">
        <v>0</v>
      </c>
      <c r="AF2643" s="116">
        <v>0</v>
      </c>
      <c r="AG2643" s="116">
        <v>0</v>
      </c>
      <c r="AH2643" s="116">
        <v>0</v>
      </c>
      <c r="AI2643" s="113">
        <v>0</v>
      </c>
      <c r="AJ2643" s="113">
        <v>0</v>
      </c>
      <c r="AK2643" s="113">
        <v>0</v>
      </c>
      <c r="AL2643" s="113">
        <v>0</v>
      </c>
      <c r="AM2643" s="113">
        <v>0</v>
      </c>
      <c r="AN2643" s="113">
        <v>0</v>
      </c>
      <c r="AO2643" s="113">
        <v>1</v>
      </c>
      <c r="AP2643" s="113">
        <v>1</v>
      </c>
      <c r="AQ2643" s="113">
        <v>0</v>
      </c>
      <c r="AR2643" s="113">
        <v>0</v>
      </c>
      <c r="AS2643" s="113">
        <v>0</v>
      </c>
      <c r="AT2643" s="113">
        <v>1</v>
      </c>
      <c r="AU2643" s="116">
        <v>0</v>
      </c>
      <c r="AV2643" s="113">
        <v>1</v>
      </c>
      <c r="AW2643" s="113">
        <v>1</v>
      </c>
      <c r="AX2643" s="113"/>
      <c r="AY2643" s="113"/>
      <c r="AZ2643" s="124" t="s">
        <v>24050</v>
      </c>
      <c r="BA2643" s="113" t="s">
        <v>21494</v>
      </c>
      <c r="BB2643" s="107">
        <v>45884</v>
      </c>
    </row>
    <row r="2644" spans="1:54" s="207" customFormat="1" ht="13.95" customHeight="1" x14ac:dyDescent="0.25">
      <c r="A2644" s="208" t="s">
        <v>6299</v>
      </c>
      <c r="B2644" s="209" t="s">
        <v>20420</v>
      </c>
      <c r="C2644" s="113" t="s">
        <v>6300</v>
      </c>
      <c r="D2644" s="113" t="s">
        <v>24051</v>
      </c>
      <c r="E2644" s="210">
        <v>1996</v>
      </c>
      <c r="F2644" s="210">
        <v>64935</v>
      </c>
      <c r="G2644" s="113" t="s">
        <v>11</v>
      </c>
      <c r="H2644" s="113">
        <v>0</v>
      </c>
      <c r="I2644" s="113">
        <v>0</v>
      </c>
      <c r="J2644" s="115" t="s">
        <v>400</v>
      </c>
      <c r="K2644" s="116" t="s">
        <v>174</v>
      </c>
      <c r="L2644" s="115">
        <v>0</v>
      </c>
      <c r="M2644" s="115">
        <v>0</v>
      </c>
      <c r="N2644" s="115">
        <v>0</v>
      </c>
      <c r="O2644" s="115">
        <v>0</v>
      </c>
      <c r="P2644" s="115" t="s">
        <v>400</v>
      </c>
      <c r="Q2644" s="115" t="s">
        <v>400</v>
      </c>
      <c r="R2644" s="115">
        <v>0</v>
      </c>
      <c r="S2644" s="115">
        <v>0</v>
      </c>
      <c r="T2644" s="115">
        <v>0</v>
      </c>
      <c r="U2644" s="113" t="s">
        <v>174</v>
      </c>
      <c r="V2644" s="113" t="s">
        <v>174</v>
      </c>
      <c r="W2644" s="113" t="s">
        <v>174</v>
      </c>
      <c r="X2644" s="113" t="s">
        <v>174</v>
      </c>
      <c r="Y2644" s="113" t="s">
        <v>174</v>
      </c>
      <c r="Z2644" s="113" t="s">
        <v>174</v>
      </c>
      <c r="AA2644" s="113" t="s">
        <v>174</v>
      </c>
      <c r="AB2644" s="113" t="s">
        <v>174</v>
      </c>
      <c r="AC2644" s="113" t="s">
        <v>174</v>
      </c>
      <c r="AD2644" s="113" t="s">
        <v>174</v>
      </c>
      <c r="AE2644" s="113" t="s">
        <v>174</v>
      </c>
      <c r="AF2644" s="113" t="s">
        <v>174</v>
      </c>
      <c r="AG2644" s="113" t="s">
        <v>174</v>
      </c>
      <c r="AH2644" s="113" t="s">
        <v>174</v>
      </c>
      <c r="AI2644" s="113" t="s">
        <v>174</v>
      </c>
      <c r="AJ2644" s="113" t="s">
        <v>174</v>
      </c>
      <c r="AK2644" s="113" t="s">
        <v>174</v>
      </c>
      <c r="AL2644" s="113" t="s">
        <v>174</v>
      </c>
      <c r="AM2644" s="113" t="s">
        <v>174</v>
      </c>
      <c r="AN2644" s="113" t="s">
        <v>174</v>
      </c>
      <c r="AO2644" s="113" t="s">
        <v>174</v>
      </c>
      <c r="AP2644" s="113" t="s">
        <v>174</v>
      </c>
      <c r="AQ2644" s="113" t="s">
        <v>174</v>
      </c>
      <c r="AR2644" s="113" t="s">
        <v>174</v>
      </c>
      <c r="AS2644" s="113" t="s">
        <v>174</v>
      </c>
      <c r="AT2644" s="121" t="s">
        <v>174</v>
      </c>
      <c r="AU2644" s="113" t="s">
        <v>174</v>
      </c>
      <c r="AV2644" s="113" t="s">
        <v>174</v>
      </c>
      <c r="AW2644" s="113" t="s">
        <v>174</v>
      </c>
      <c r="AX2644" s="113"/>
      <c r="AY2644" s="113"/>
      <c r="AZ2644" s="113"/>
      <c r="BA2644" s="113"/>
      <c r="BB2644" s="107">
        <v>45884</v>
      </c>
    </row>
    <row r="2645" spans="1:54" s="207" customFormat="1" ht="13.95" customHeight="1" x14ac:dyDescent="0.25">
      <c r="A2645" s="208" t="s">
        <v>6301</v>
      </c>
      <c r="B2645" s="209" t="s">
        <v>20420</v>
      </c>
      <c r="C2645" s="113" t="s">
        <v>6302</v>
      </c>
      <c r="D2645" s="113" t="s">
        <v>24052</v>
      </c>
      <c r="E2645" s="210">
        <v>1987</v>
      </c>
      <c r="F2645" s="210">
        <v>64176</v>
      </c>
      <c r="G2645" s="113" t="s">
        <v>11</v>
      </c>
      <c r="H2645" s="113">
        <v>0</v>
      </c>
      <c r="I2645" s="113">
        <v>0</v>
      </c>
      <c r="J2645" s="115" t="s">
        <v>400</v>
      </c>
      <c r="K2645" s="116" t="s">
        <v>174</v>
      </c>
      <c r="L2645" s="115">
        <v>0</v>
      </c>
      <c r="M2645" s="115">
        <v>0</v>
      </c>
      <c r="N2645" s="115">
        <v>0</v>
      </c>
      <c r="O2645" s="115">
        <v>0</v>
      </c>
      <c r="P2645" s="115" t="s">
        <v>400</v>
      </c>
      <c r="Q2645" s="115" t="s">
        <v>400</v>
      </c>
      <c r="R2645" s="115">
        <v>0</v>
      </c>
      <c r="S2645" s="115">
        <v>0</v>
      </c>
      <c r="T2645" s="115">
        <v>0</v>
      </c>
      <c r="U2645" s="113" t="s">
        <v>174</v>
      </c>
      <c r="V2645" s="113" t="s">
        <v>174</v>
      </c>
      <c r="W2645" s="113" t="s">
        <v>174</v>
      </c>
      <c r="X2645" s="113" t="s">
        <v>174</v>
      </c>
      <c r="Y2645" s="113" t="s">
        <v>174</v>
      </c>
      <c r="Z2645" s="113" t="s">
        <v>174</v>
      </c>
      <c r="AA2645" s="113" t="s">
        <v>174</v>
      </c>
      <c r="AB2645" s="113" t="s">
        <v>174</v>
      </c>
      <c r="AC2645" s="113" t="s">
        <v>174</v>
      </c>
      <c r="AD2645" s="113" t="s">
        <v>174</v>
      </c>
      <c r="AE2645" s="113" t="s">
        <v>174</v>
      </c>
      <c r="AF2645" s="113" t="s">
        <v>174</v>
      </c>
      <c r="AG2645" s="113" t="s">
        <v>174</v>
      </c>
      <c r="AH2645" s="113" t="s">
        <v>174</v>
      </c>
      <c r="AI2645" s="113" t="s">
        <v>174</v>
      </c>
      <c r="AJ2645" s="113" t="s">
        <v>174</v>
      </c>
      <c r="AK2645" s="113" t="s">
        <v>174</v>
      </c>
      <c r="AL2645" s="113" t="s">
        <v>174</v>
      </c>
      <c r="AM2645" s="113" t="s">
        <v>174</v>
      </c>
      <c r="AN2645" s="113" t="s">
        <v>174</v>
      </c>
      <c r="AO2645" s="113" t="s">
        <v>174</v>
      </c>
      <c r="AP2645" s="113" t="s">
        <v>174</v>
      </c>
      <c r="AQ2645" s="113" t="s">
        <v>174</v>
      </c>
      <c r="AR2645" s="113" t="s">
        <v>174</v>
      </c>
      <c r="AS2645" s="113" t="s">
        <v>174</v>
      </c>
      <c r="AT2645" s="121" t="s">
        <v>174</v>
      </c>
      <c r="AU2645" s="113" t="s">
        <v>174</v>
      </c>
      <c r="AV2645" s="113" t="s">
        <v>174</v>
      </c>
      <c r="AW2645" s="113" t="s">
        <v>174</v>
      </c>
      <c r="AX2645" s="113"/>
      <c r="AY2645" s="113"/>
      <c r="AZ2645" s="113"/>
      <c r="BA2645" s="113"/>
      <c r="BB2645" s="107">
        <v>45884</v>
      </c>
    </row>
    <row r="2646" spans="1:54" s="207" customFormat="1" ht="13.95" customHeight="1" x14ac:dyDescent="0.25">
      <c r="A2646" s="208" t="s">
        <v>6303</v>
      </c>
      <c r="B2646" s="209" t="s">
        <v>20420</v>
      </c>
      <c r="C2646" s="113" t="s">
        <v>6304</v>
      </c>
      <c r="D2646" s="113" t="s">
        <v>6305</v>
      </c>
      <c r="E2646" s="210">
        <v>1987</v>
      </c>
      <c r="F2646" s="210">
        <v>63569</v>
      </c>
      <c r="G2646" s="113" t="s">
        <v>8</v>
      </c>
      <c r="H2646" s="113">
        <v>0</v>
      </c>
      <c r="I2646" s="113">
        <v>0</v>
      </c>
      <c r="J2646" s="115">
        <v>0</v>
      </c>
      <c r="K2646" s="116" t="s">
        <v>174</v>
      </c>
      <c r="L2646" s="115">
        <v>0</v>
      </c>
      <c r="M2646" s="115">
        <v>0</v>
      </c>
      <c r="N2646" s="115">
        <v>0</v>
      </c>
      <c r="O2646" s="115">
        <v>0</v>
      </c>
      <c r="P2646" s="115" t="s">
        <v>400</v>
      </c>
      <c r="Q2646" s="115" t="s">
        <v>400</v>
      </c>
      <c r="R2646" s="115">
        <v>0</v>
      </c>
      <c r="S2646" s="115">
        <v>0</v>
      </c>
      <c r="T2646" s="115">
        <v>0</v>
      </c>
      <c r="U2646" s="113" t="s">
        <v>174</v>
      </c>
      <c r="V2646" s="113" t="s">
        <v>174</v>
      </c>
      <c r="W2646" s="113" t="s">
        <v>174</v>
      </c>
      <c r="X2646" s="113" t="s">
        <v>174</v>
      </c>
      <c r="Y2646" s="113" t="s">
        <v>174</v>
      </c>
      <c r="Z2646" s="113" t="s">
        <v>174</v>
      </c>
      <c r="AA2646" s="113" t="s">
        <v>174</v>
      </c>
      <c r="AB2646" s="113" t="s">
        <v>174</v>
      </c>
      <c r="AC2646" s="113" t="s">
        <v>174</v>
      </c>
      <c r="AD2646" s="113" t="s">
        <v>174</v>
      </c>
      <c r="AE2646" s="113" t="s">
        <v>174</v>
      </c>
      <c r="AF2646" s="113" t="s">
        <v>174</v>
      </c>
      <c r="AG2646" s="113" t="s">
        <v>174</v>
      </c>
      <c r="AH2646" s="113" t="s">
        <v>174</v>
      </c>
      <c r="AI2646" s="113" t="s">
        <v>174</v>
      </c>
      <c r="AJ2646" s="113" t="s">
        <v>174</v>
      </c>
      <c r="AK2646" s="113" t="s">
        <v>174</v>
      </c>
      <c r="AL2646" s="113" t="s">
        <v>174</v>
      </c>
      <c r="AM2646" s="113" t="s">
        <v>174</v>
      </c>
      <c r="AN2646" s="113" t="s">
        <v>174</v>
      </c>
      <c r="AO2646" s="113" t="s">
        <v>174</v>
      </c>
      <c r="AP2646" s="113" t="s">
        <v>174</v>
      </c>
      <c r="AQ2646" s="113" t="s">
        <v>174</v>
      </c>
      <c r="AR2646" s="113" t="s">
        <v>174</v>
      </c>
      <c r="AS2646" s="113" t="s">
        <v>174</v>
      </c>
      <c r="AT2646" s="121" t="s">
        <v>174</v>
      </c>
      <c r="AU2646" s="113" t="s">
        <v>174</v>
      </c>
      <c r="AV2646" s="113" t="s">
        <v>174</v>
      </c>
      <c r="AW2646" s="113" t="s">
        <v>174</v>
      </c>
      <c r="AX2646" s="113"/>
      <c r="AY2646" s="113"/>
      <c r="AZ2646" s="113"/>
      <c r="BA2646" s="113"/>
      <c r="BB2646" s="107">
        <v>45884</v>
      </c>
    </row>
    <row r="2647" spans="1:54" s="207" customFormat="1" ht="13.95" customHeight="1" x14ac:dyDescent="0.25">
      <c r="A2647" s="208" t="s">
        <v>6306</v>
      </c>
      <c r="B2647" s="209" t="s">
        <v>20420</v>
      </c>
      <c r="C2647" s="113" t="s">
        <v>6307</v>
      </c>
      <c r="D2647" s="113" t="s">
        <v>6308</v>
      </c>
      <c r="E2647" s="210">
        <v>1876</v>
      </c>
      <c r="F2647" s="210">
        <v>63787</v>
      </c>
      <c r="G2647" s="113" t="s">
        <v>6</v>
      </c>
      <c r="H2647" s="113">
        <v>1</v>
      </c>
      <c r="I2647" s="113">
        <v>1</v>
      </c>
      <c r="J2647" s="115">
        <v>1</v>
      </c>
      <c r="K2647" s="113">
        <v>1</v>
      </c>
      <c r="L2647" s="115">
        <v>1</v>
      </c>
      <c r="M2647" s="115">
        <v>1</v>
      </c>
      <c r="N2647" s="115">
        <v>0</v>
      </c>
      <c r="O2647" s="115">
        <v>0</v>
      </c>
      <c r="P2647" s="115">
        <v>1</v>
      </c>
      <c r="Q2647" s="115">
        <v>0</v>
      </c>
      <c r="R2647" s="115">
        <v>0</v>
      </c>
      <c r="S2647" s="115">
        <v>0</v>
      </c>
      <c r="T2647" s="115">
        <v>0</v>
      </c>
      <c r="U2647" s="113">
        <v>0</v>
      </c>
      <c r="V2647" s="113">
        <v>0</v>
      </c>
      <c r="W2647" s="113">
        <v>1</v>
      </c>
      <c r="X2647" s="113">
        <v>0</v>
      </c>
      <c r="Y2647" s="116">
        <v>0</v>
      </c>
      <c r="Z2647" s="116">
        <v>0</v>
      </c>
      <c r="AA2647" s="113">
        <v>0</v>
      </c>
      <c r="AB2647" s="113">
        <v>1</v>
      </c>
      <c r="AC2647" s="116">
        <v>0</v>
      </c>
      <c r="AD2647" s="116">
        <v>0</v>
      </c>
      <c r="AE2647" s="116">
        <v>0</v>
      </c>
      <c r="AF2647" s="116">
        <v>0</v>
      </c>
      <c r="AG2647" s="116">
        <v>0</v>
      </c>
      <c r="AH2647" s="116">
        <v>0</v>
      </c>
      <c r="AI2647" s="113">
        <v>0</v>
      </c>
      <c r="AJ2647" s="113">
        <v>0</v>
      </c>
      <c r="AK2647" s="113">
        <v>0</v>
      </c>
      <c r="AL2647" s="113">
        <v>0</v>
      </c>
      <c r="AM2647" s="113">
        <v>0</v>
      </c>
      <c r="AN2647" s="113">
        <v>0</v>
      </c>
      <c r="AO2647" s="113">
        <v>1</v>
      </c>
      <c r="AP2647" s="113">
        <v>0</v>
      </c>
      <c r="AQ2647" s="113">
        <v>0</v>
      </c>
      <c r="AR2647" s="113">
        <v>0</v>
      </c>
      <c r="AS2647" s="113">
        <v>0</v>
      </c>
      <c r="AT2647" s="121" t="s">
        <v>174</v>
      </c>
      <c r="AU2647" s="116">
        <v>0</v>
      </c>
      <c r="AV2647" s="116">
        <v>0</v>
      </c>
      <c r="AW2647" s="113">
        <v>0</v>
      </c>
      <c r="AX2647" s="113"/>
      <c r="AY2647" s="113"/>
      <c r="AZ2647" s="124" t="s">
        <v>23203</v>
      </c>
      <c r="BA2647" s="113" t="s">
        <v>19478</v>
      </c>
      <c r="BB2647" s="107">
        <v>45884</v>
      </c>
    </row>
    <row r="2648" spans="1:54" s="207" customFormat="1" ht="13.95" customHeight="1" x14ac:dyDescent="0.25">
      <c r="A2648" s="208" t="s">
        <v>6309</v>
      </c>
      <c r="B2648" s="209" t="s">
        <v>20420</v>
      </c>
      <c r="C2648" s="113" t="s">
        <v>6310</v>
      </c>
      <c r="D2648" s="113" t="s">
        <v>24053</v>
      </c>
      <c r="E2648" s="210">
        <v>1991</v>
      </c>
      <c r="F2648" s="210">
        <v>67338</v>
      </c>
      <c r="G2648" s="113" t="s">
        <v>7</v>
      </c>
      <c r="H2648" s="113">
        <v>1</v>
      </c>
      <c r="I2648" s="113">
        <v>1</v>
      </c>
      <c r="J2648" s="115">
        <v>1</v>
      </c>
      <c r="K2648" s="116" t="s">
        <v>174</v>
      </c>
      <c r="L2648" s="115">
        <v>0</v>
      </c>
      <c r="M2648" s="115">
        <v>0</v>
      </c>
      <c r="N2648" s="115">
        <v>0</v>
      </c>
      <c r="O2648" s="115">
        <v>0</v>
      </c>
      <c r="P2648" s="115" t="s">
        <v>400</v>
      </c>
      <c r="Q2648" s="115" t="s">
        <v>400</v>
      </c>
      <c r="R2648" s="115">
        <v>0</v>
      </c>
      <c r="S2648" s="115">
        <v>0</v>
      </c>
      <c r="T2648" s="115">
        <v>0</v>
      </c>
      <c r="U2648" s="113" t="s">
        <v>174</v>
      </c>
      <c r="V2648" s="113" t="s">
        <v>174</v>
      </c>
      <c r="W2648" s="113" t="s">
        <v>174</v>
      </c>
      <c r="X2648" s="113" t="s">
        <v>174</v>
      </c>
      <c r="Y2648" s="113" t="s">
        <v>174</v>
      </c>
      <c r="Z2648" s="113" t="s">
        <v>174</v>
      </c>
      <c r="AA2648" s="113" t="s">
        <v>174</v>
      </c>
      <c r="AB2648" s="113" t="s">
        <v>174</v>
      </c>
      <c r="AC2648" s="113" t="s">
        <v>174</v>
      </c>
      <c r="AD2648" s="113" t="s">
        <v>174</v>
      </c>
      <c r="AE2648" s="113" t="s">
        <v>174</v>
      </c>
      <c r="AF2648" s="113">
        <v>1</v>
      </c>
      <c r="AG2648" s="113" t="s">
        <v>174</v>
      </c>
      <c r="AH2648" s="113" t="s">
        <v>174</v>
      </c>
      <c r="AI2648" s="113" t="s">
        <v>174</v>
      </c>
      <c r="AJ2648" s="113" t="s">
        <v>174</v>
      </c>
      <c r="AK2648" s="113" t="s">
        <v>174</v>
      </c>
      <c r="AL2648" s="113" t="s">
        <v>174</v>
      </c>
      <c r="AM2648" s="113" t="s">
        <v>174</v>
      </c>
      <c r="AN2648" s="113" t="s">
        <v>174</v>
      </c>
      <c r="AO2648" s="113" t="s">
        <v>174</v>
      </c>
      <c r="AP2648" s="113" t="s">
        <v>174</v>
      </c>
      <c r="AQ2648" s="113" t="s">
        <v>174</v>
      </c>
      <c r="AR2648" s="113" t="s">
        <v>174</v>
      </c>
      <c r="AS2648" s="113" t="s">
        <v>174</v>
      </c>
      <c r="AT2648" s="113">
        <v>1</v>
      </c>
      <c r="AU2648" s="113" t="s">
        <v>174</v>
      </c>
      <c r="AV2648" s="113" t="s">
        <v>174</v>
      </c>
      <c r="AW2648" s="113" t="s">
        <v>174</v>
      </c>
      <c r="AX2648" s="113"/>
      <c r="AY2648" s="113"/>
      <c r="AZ2648" s="124" t="s">
        <v>23203</v>
      </c>
      <c r="BA2648" s="113" t="s">
        <v>19478</v>
      </c>
      <c r="BB2648" s="107">
        <v>45884</v>
      </c>
    </row>
    <row r="2649" spans="1:54" s="207" customFormat="1" ht="13.95" customHeight="1" x14ac:dyDescent="0.25">
      <c r="A2649" s="208" t="s">
        <v>6311</v>
      </c>
      <c r="B2649" s="209" t="s">
        <v>20420</v>
      </c>
      <c r="C2649" s="113" t="s">
        <v>6312</v>
      </c>
      <c r="D2649" s="113" t="s">
        <v>24054</v>
      </c>
      <c r="E2649" s="210">
        <v>1950</v>
      </c>
      <c r="F2649" s="210">
        <v>68139</v>
      </c>
      <c r="G2649" s="113" t="s">
        <v>7</v>
      </c>
      <c r="H2649" s="113">
        <v>1</v>
      </c>
      <c r="I2649" s="113">
        <v>1</v>
      </c>
      <c r="J2649" s="115">
        <v>1</v>
      </c>
      <c r="K2649" s="116" t="s">
        <v>174</v>
      </c>
      <c r="L2649" s="115">
        <v>1</v>
      </c>
      <c r="M2649" s="115">
        <v>1</v>
      </c>
      <c r="N2649" s="115">
        <v>1</v>
      </c>
      <c r="O2649" s="115">
        <v>1</v>
      </c>
      <c r="P2649" s="115">
        <v>1</v>
      </c>
      <c r="Q2649" s="115" t="s">
        <v>400</v>
      </c>
      <c r="R2649" s="115">
        <v>1</v>
      </c>
      <c r="S2649" s="115">
        <v>0</v>
      </c>
      <c r="T2649" s="115">
        <v>0</v>
      </c>
      <c r="U2649" s="113" t="s">
        <v>174</v>
      </c>
      <c r="V2649" s="113" t="s">
        <v>174</v>
      </c>
      <c r="W2649" s="113" t="s">
        <v>174</v>
      </c>
      <c r="X2649" s="113" t="s">
        <v>174</v>
      </c>
      <c r="Y2649" s="113" t="s">
        <v>174</v>
      </c>
      <c r="Z2649" s="113">
        <v>1</v>
      </c>
      <c r="AA2649" s="113" t="s">
        <v>174</v>
      </c>
      <c r="AB2649" s="113">
        <v>1</v>
      </c>
      <c r="AC2649" s="113" t="s">
        <v>174</v>
      </c>
      <c r="AD2649" s="113" t="s">
        <v>174</v>
      </c>
      <c r="AE2649" s="113" t="s">
        <v>174</v>
      </c>
      <c r="AF2649" s="113" t="s">
        <v>174</v>
      </c>
      <c r="AG2649" s="113" t="s">
        <v>174</v>
      </c>
      <c r="AH2649" s="113" t="s">
        <v>174</v>
      </c>
      <c r="AI2649" s="113" t="s">
        <v>174</v>
      </c>
      <c r="AJ2649" s="113" t="s">
        <v>174</v>
      </c>
      <c r="AK2649" s="113" t="s">
        <v>174</v>
      </c>
      <c r="AL2649" s="113" t="s">
        <v>174</v>
      </c>
      <c r="AM2649" s="113" t="s">
        <v>174</v>
      </c>
      <c r="AN2649" s="113" t="s">
        <v>174</v>
      </c>
      <c r="AO2649" s="113" t="s">
        <v>174</v>
      </c>
      <c r="AP2649" s="113" t="s">
        <v>174</v>
      </c>
      <c r="AQ2649" s="113" t="s">
        <v>174</v>
      </c>
      <c r="AR2649" s="113" t="s">
        <v>174</v>
      </c>
      <c r="AS2649" s="113" t="s">
        <v>174</v>
      </c>
      <c r="AT2649" s="113">
        <v>1</v>
      </c>
      <c r="AU2649" s="113" t="s">
        <v>174</v>
      </c>
      <c r="AV2649" s="113">
        <v>1</v>
      </c>
      <c r="AW2649" s="113" t="s">
        <v>174</v>
      </c>
      <c r="AX2649" s="113"/>
      <c r="AY2649" s="113"/>
      <c r="AZ2649" s="124" t="s">
        <v>23203</v>
      </c>
      <c r="BA2649" s="113" t="s">
        <v>19478</v>
      </c>
      <c r="BB2649" s="107">
        <v>45884</v>
      </c>
    </row>
    <row r="2650" spans="1:54" s="207" customFormat="1" ht="13.95" customHeight="1" x14ac:dyDescent="0.25">
      <c r="A2650" s="208" t="s">
        <v>6313</v>
      </c>
      <c r="B2650" s="209" t="s">
        <v>20420</v>
      </c>
      <c r="C2650" s="113" t="s">
        <v>19475</v>
      </c>
      <c r="D2650" s="113" t="s">
        <v>6314</v>
      </c>
      <c r="E2650" s="210">
        <v>1996</v>
      </c>
      <c r="F2650" s="210">
        <v>69205</v>
      </c>
      <c r="G2650" s="113" t="s">
        <v>10</v>
      </c>
      <c r="H2650" s="113">
        <v>1</v>
      </c>
      <c r="I2650" s="113">
        <v>1</v>
      </c>
      <c r="J2650" s="115">
        <v>1</v>
      </c>
      <c r="K2650" s="116" t="s">
        <v>174</v>
      </c>
      <c r="L2650" s="115">
        <v>0</v>
      </c>
      <c r="M2650" s="115">
        <v>0</v>
      </c>
      <c r="N2650" s="115">
        <v>0</v>
      </c>
      <c r="O2650" s="115">
        <v>0</v>
      </c>
      <c r="P2650" s="115" t="s">
        <v>400</v>
      </c>
      <c r="Q2650" s="115" t="s">
        <v>400</v>
      </c>
      <c r="R2650" s="115">
        <v>0</v>
      </c>
      <c r="S2650" s="115">
        <v>0</v>
      </c>
      <c r="T2650" s="115">
        <v>0</v>
      </c>
      <c r="U2650" s="113" t="s">
        <v>174</v>
      </c>
      <c r="V2650" s="113" t="s">
        <v>174</v>
      </c>
      <c r="W2650" s="113" t="s">
        <v>174</v>
      </c>
      <c r="X2650" s="113" t="s">
        <v>174</v>
      </c>
      <c r="Y2650" s="113" t="s">
        <v>174</v>
      </c>
      <c r="Z2650" s="113" t="s">
        <v>174</v>
      </c>
      <c r="AA2650" s="113" t="s">
        <v>174</v>
      </c>
      <c r="AB2650" s="113" t="s">
        <v>174</v>
      </c>
      <c r="AC2650" s="113" t="s">
        <v>174</v>
      </c>
      <c r="AD2650" s="113" t="s">
        <v>174</v>
      </c>
      <c r="AE2650" s="113" t="s">
        <v>174</v>
      </c>
      <c r="AF2650" s="113" t="s">
        <v>174</v>
      </c>
      <c r="AG2650" s="113" t="s">
        <v>174</v>
      </c>
      <c r="AH2650" s="113" t="s">
        <v>174</v>
      </c>
      <c r="AI2650" s="113" t="s">
        <v>174</v>
      </c>
      <c r="AJ2650" s="113" t="s">
        <v>174</v>
      </c>
      <c r="AK2650" s="113" t="s">
        <v>174</v>
      </c>
      <c r="AL2650" s="113" t="s">
        <v>174</v>
      </c>
      <c r="AM2650" s="113" t="s">
        <v>174</v>
      </c>
      <c r="AN2650" s="113" t="s">
        <v>174</v>
      </c>
      <c r="AO2650" s="113" t="s">
        <v>174</v>
      </c>
      <c r="AP2650" s="113" t="s">
        <v>174</v>
      </c>
      <c r="AQ2650" s="113" t="s">
        <v>174</v>
      </c>
      <c r="AR2650" s="113" t="s">
        <v>174</v>
      </c>
      <c r="AS2650" s="113" t="s">
        <v>174</v>
      </c>
      <c r="AT2650" s="113">
        <v>1</v>
      </c>
      <c r="AU2650" s="113" t="s">
        <v>174</v>
      </c>
      <c r="AV2650" s="113">
        <v>1</v>
      </c>
      <c r="AW2650" s="113" t="s">
        <v>174</v>
      </c>
      <c r="AX2650" s="113"/>
      <c r="AY2650" s="113"/>
      <c r="AZ2650" s="113"/>
      <c r="BA2650" s="113"/>
      <c r="BB2650" s="107">
        <v>45884</v>
      </c>
    </row>
    <row r="2651" spans="1:54" s="207" customFormat="1" ht="13.95" customHeight="1" x14ac:dyDescent="0.25">
      <c r="A2651" s="208" t="s">
        <v>6315</v>
      </c>
      <c r="B2651" s="209" t="s">
        <v>20420</v>
      </c>
      <c r="C2651" s="113" t="s">
        <v>6316</v>
      </c>
      <c r="D2651" s="113" t="s">
        <v>24055</v>
      </c>
      <c r="E2651" s="210">
        <v>1984</v>
      </c>
      <c r="F2651" s="210">
        <v>69404</v>
      </c>
      <c r="G2651" s="113" t="s">
        <v>7</v>
      </c>
      <c r="H2651" s="113">
        <v>1</v>
      </c>
      <c r="I2651" s="113">
        <v>1</v>
      </c>
      <c r="J2651" s="115">
        <v>1</v>
      </c>
      <c r="K2651" s="116" t="s">
        <v>174</v>
      </c>
      <c r="L2651" s="115">
        <v>0</v>
      </c>
      <c r="M2651" s="115">
        <v>0</v>
      </c>
      <c r="N2651" s="115">
        <v>1</v>
      </c>
      <c r="O2651" s="115">
        <v>0</v>
      </c>
      <c r="P2651" s="115" t="s">
        <v>400</v>
      </c>
      <c r="Q2651" s="115" t="s">
        <v>400</v>
      </c>
      <c r="R2651" s="115">
        <v>0</v>
      </c>
      <c r="S2651" s="115">
        <v>0</v>
      </c>
      <c r="T2651" s="115">
        <v>0</v>
      </c>
      <c r="U2651" s="113" t="s">
        <v>174</v>
      </c>
      <c r="V2651" s="113" t="s">
        <v>174</v>
      </c>
      <c r="W2651" s="113" t="s">
        <v>174</v>
      </c>
      <c r="X2651" s="113" t="s">
        <v>174</v>
      </c>
      <c r="Y2651" s="113" t="s">
        <v>174</v>
      </c>
      <c r="Z2651" s="113" t="s">
        <v>174</v>
      </c>
      <c r="AA2651" s="113" t="s">
        <v>174</v>
      </c>
      <c r="AB2651" s="113" t="s">
        <v>174</v>
      </c>
      <c r="AC2651" s="113" t="s">
        <v>174</v>
      </c>
      <c r="AD2651" s="113" t="s">
        <v>174</v>
      </c>
      <c r="AE2651" s="113" t="s">
        <v>174</v>
      </c>
      <c r="AF2651" s="113" t="s">
        <v>174</v>
      </c>
      <c r="AG2651" s="113" t="s">
        <v>174</v>
      </c>
      <c r="AH2651" s="113" t="s">
        <v>174</v>
      </c>
      <c r="AI2651" s="113" t="s">
        <v>174</v>
      </c>
      <c r="AJ2651" s="113" t="s">
        <v>174</v>
      </c>
      <c r="AK2651" s="113" t="s">
        <v>174</v>
      </c>
      <c r="AL2651" s="113" t="s">
        <v>174</v>
      </c>
      <c r="AM2651" s="113" t="s">
        <v>174</v>
      </c>
      <c r="AN2651" s="113" t="s">
        <v>174</v>
      </c>
      <c r="AO2651" s="113" t="s">
        <v>174</v>
      </c>
      <c r="AP2651" s="113" t="s">
        <v>174</v>
      </c>
      <c r="AQ2651" s="113" t="s">
        <v>174</v>
      </c>
      <c r="AR2651" s="113" t="s">
        <v>174</v>
      </c>
      <c r="AS2651" s="113" t="s">
        <v>174</v>
      </c>
      <c r="AT2651" s="121" t="s">
        <v>174</v>
      </c>
      <c r="AU2651" s="113" t="s">
        <v>174</v>
      </c>
      <c r="AV2651" s="113" t="s">
        <v>174</v>
      </c>
      <c r="AW2651" s="113" t="s">
        <v>174</v>
      </c>
      <c r="AX2651" s="113"/>
      <c r="AY2651" s="113"/>
      <c r="AZ2651" s="113"/>
      <c r="BA2651" s="113"/>
      <c r="BB2651" s="107">
        <v>45884</v>
      </c>
    </row>
    <row r="2652" spans="1:54" s="207" customFormat="1" ht="13.95" customHeight="1" x14ac:dyDescent="0.25">
      <c r="A2652" s="208" t="s">
        <v>6317</v>
      </c>
      <c r="B2652" s="209" t="s">
        <v>20420</v>
      </c>
      <c r="C2652" s="113" t="s">
        <v>6318</v>
      </c>
      <c r="D2652" s="113" t="s">
        <v>24056</v>
      </c>
      <c r="E2652" s="210">
        <v>1975</v>
      </c>
      <c r="F2652" s="210">
        <v>71389</v>
      </c>
      <c r="G2652" s="113" t="s">
        <v>3</v>
      </c>
      <c r="H2652" s="113">
        <v>1</v>
      </c>
      <c r="I2652" s="113">
        <v>1</v>
      </c>
      <c r="J2652" s="115">
        <v>1</v>
      </c>
      <c r="K2652" s="116" t="s">
        <v>174</v>
      </c>
      <c r="L2652" s="115">
        <v>1</v>
      </c>
      <c r="M2652" s="115">
        <v>0</v>
      </c>
      <c r="N2652" s="115">
        <v>1</v>
      </c>
      <c r="O2652" s="115">
        <v>1</v>
      </c>
      <c r="P2652" s="115">
        <v>1</v>
      </c>
      <c r="Q2652" s="115" t="s">
        <v>400</v>
      </c>
      <c r="R2652" s="115">
        <v>0</v>
      </c>
      <c r="S2652" s="115">
        <v>0</v>
      </c>
      <c r="T2652" s="115">
        <v>0</v>
      </c>
      <c r="U2652" s="113" t="s">
        <v>174</v>
      </c>
      <c r="V2652" s="113" t="s">
        <v>174</v>
      </c>
      <c r="W2652" s="113" t="s">
        <v>174</v>
      </c>
      <c r="X2652" s="113" t="s">
        <v>174</v>
      </c>
      <c r="Y2652" s="113" t="s">
        <v>174</v>
      </c>
      <c r="Z2652" s="113" t="s">
        <v>174</v>
      </c>
      <c r="AA2652" s="113" t="s">
        <v>174</v>
      </c>
      <c r="AB2652" s="113" t="s">
        <v>174</v>
      </c>
      <c r="AC2652" s="113" t="s">
        <v>174</v>
      </c>
      <c r="AD2652" s="113" t="s">
        <v>174</v>
      </c>
      <c r="AE2652" s="113" t="s">
        <v>174</v>
      </c>
      <c r="AF2652" s="113" t="s">
        <v>174</v>
      </c>
      <c r="AG2652" s="113" t="s">
        <v>174</v>
      </c>
      <c r="AH2652" s="113" t="s">
        <v>174</v>
      </c>
      <c r="AI2652" s="113" t="s">
        <v>174</v>
      </c>
      <c r="AJ2652" s="113" t="s">
        <v>174</v>
      </c>
      <c r="AK2652" s="113" t="s">
        <v>174</v>
      </c>
      <c r="AL2652" s="113" t="s">
        <v>174</v>
      </c>
      <c r="AM2652" s="113" t="s">
        <v>174</v>
      </c>
      <c r="AN2652" s="113" t="s">
        <v>174</v>
      </c>
      <c r="AO2652" s="113" t="s">
        <v>174</v>
      </c>
      <c r="AP2652" s="113" t="s">
        <v>174</v>
      </c>
      <c r="AQ2652" s="113" t="s">
        <v>174</v>
      </c>
      <c r="AR2652" s="113" t="s">
        <v>174</v>
      </c>
      <c r="AS2652" s="113" t="s">
        <v>174</v>
      </c>
      <c r="AT2652" s="121" t="s">
        <v>174</v>
      </c>
      <c r="AU2652" s="113" t="s">
        <v>174</v>
      </c>
      <c r="AV2652" s="113" t="s">
        <v>174</v>
      </c>
      <c r="AW2652" s="113" t="s">
        <v>174</v>
      </c>
      <c r="AX2652" s="113"/>
      <c r="AY2652" s="113"/>
      <c r="AZ2652" s="113"/>
      <c r="BA2652" s="113"/>
      <c r="BB2652" s="107">
        <v>45884</v>
      </c>
    </row>
    <row r="2653" spans="1:54" s="207" customFormat="1" ht="13.95" customHeight="1" x14ac:dyDescent="0.25">
      <c r="A2653" s="208" t="s">
        <v>6319</v>
      </c>
      <c r="B2653" s="209" t="s">
        <v>20420</v>
      </c>
      <c r="C2653" s="113" t="s">
        <v>6320</v>
      </c>
      <c r="D2653" s="113" t="s">
        <v>6321</v>
      </c>
      <c r="E2653" s="210">
        <v>1974</v>
      </c>
      <c r="F2653" s="210">
        <v>72189</v>
      </c>
      <c r="G2653" s="113" t="s">
        <v>6</v>
      </c>
      <c r="H2653" s="113">
        <v>1</v>
      </c>
      <c r="I2653" s="113">
        <v>1</v>
      </c>
      <c r="J2653" s="115">
        <v>1</v>
      </c>
      <c r="K2653" s="113">
        <v>0</v>
      </c>
      <c r="L2653" s="115">
        <v>1</v>
      </c>
      <c r="M2653" s="115">
        <v>0</v>
      </c>
      <c r="N2653" s="115">
        <v>1</v>
      </c>
      <c r="O2653" s="115">
        <v>1</v>
      </c>
      <c r="P2653" s="115">
        <v>1</v>
      </c>
      <c r="Q2653" s="115">
        <v>0</v>
      </c>
      <c r="R2653" s="115">
        <v>1</v>
      </c>
      <c r="S2653" s="115">
        <v>1</v>
      </c>
      <c r="T2653" s="115">
        <v>0</v>
      </c>
      <c r="U2653" s="113">
        <v>0</v>
      </c>
      <c r="V2653" s="113">
        <v>0</v>
      </c>
      <c r="W2653" s="113">
        <v>1</v>
      </c>
      <c r="X2653" s="113">
        <v>0</v>
      </c>
      <c r="Y2653" s="116">
        <v>0</v>
      </c>
      <c r="Z2653" s="113">
        <v>1</v>
      </c>
      <c r="AA2653" s="113">
        <v>0</v>
      </c>
      <c r="AB2653" s="113">
        <v>0</v>
      </c>
      <c r="AC2653" s="116">
        <v>0</v>
      </c>
      <c r="AD2653" s="116">
        <v>0</v>
      </c>
      <c r="AE2653" s="116">
        <v>0</v>
      </c>
      <c r="AF2653" s="116">
        <v>0</v>
      </c>
      <c r="AG2653" s="116">
        <v>0</v>
      </c>
      <c r="AH2653" s="116">
        <v>0</v>
      </c>
      <c r="AI2653" s="113">
        <v>0</v>
      </c>
      <c r="AJ2653" s="113">
        <v>0</v>
      </c>
      <c r="AK2653" s="113">
        <v>0</v>
      </c>
      <c r="AL2653" s="113">
        <v>0</v>
      </c>
      <c r="AM2653" s="113">
        <v>0</v>
      </c>
      <c r="AN2653" s="113">
        <v>0</v>
      </c>
      <c r="AO2653" s="113">
        <v>1</v>
      </c>
      <c r="AP2653" s="113">
        <v>0</v>
      </c>
      <c r="AQ2653" s="113">
        <v>0</v>
      </c>
      <c r="AR2653" s="113">
        <v>0</v>
      </c>
      <c r="AS2653" s="113">
        <v>0</v>
      </c>
      <c r="AT2653" s="113">
        <v>1</v>
      </c>
      <c r="AU2653" s="116">
        <v>0</v>
      </c>
      <c r="AV2653" s="113">
        <v>1</v>
      </c>
      <c r="AW2653" s="113">
        <v>1</v>
      </c>
      <c r="AX2653" s="113"/>
      <c r="AY2653" s="113"/>
      <c r="AZ2653" s="124" t="s">
        <v>23203</v>
      </c>
      <c r="BA2653" s="113" t="s">
        <v>19478</v>
      </c>
      <c r="BB2653" s="107">
        <v>45884</v>
      </c>
    </row>
    <row r="2654" spans="1:54" s="207" customFormat="1" ht="13.95" customHeight="1" x14ac:dyDescent="0.25">
      <c r="A2654" s="208" t="s">
        <v>6322</v>
      </c>
      <c r="B2654" s="209" t="s">
        <v>20420</v>
      </c>
      <c r="C2654" s="113" t="s">
        <v>6323</v>
      </c>
      <c r="D2654" s="113" t="s">
        <v>6324</v>
      </c>
      <c r="E2654" s="210">
        <v>1930</v>
      </c>
      <c r="F2654" s="210">
        <v>74121</v>
      </c>
      <c r="G2654" s="113" t="s">
        <v>10</v>
      </c>
      <c r="H2654" s="113">
        <v>1</v>
      </c>
      <c r="I2654" s="113">
        <v>1</v>
      </c>
      <c r="J2654" s="115">
        <v>1</v>
      </c>
      <c r="K2654" s="116" t="s">
        <v>174</v>
      </c>
      <c r="L2654" s="115">
        <v>0</v>
      </c>
      <c r="M2654" s="115">
        <v>0</v>
      </c>
      <c r="N2654" s="115">
        <v>0</v>
      </c>
      <c r="O2654" s="115">
        <v>0</v>
      </c>
      <c r="P2654" s="115" t="s">
        <v>400</v>
      </c>
      <c r="Q2654" s="115" t="s">
        <v>400</v>
      </c>
      <c r="R2654" s="115">
        <v>0</v>
      </c>
      <c r="S2654" s="115">
        <v>0</v>
      </c>
      <c r="T2654" s="115">
        <v>0</v>
      </c>
      <c r="U2654" s="113" t="s">
        <v>174</v>
      </c>
      <c r="V2654" s="113" t="s">
        <v>174</v>
      </c>
      <c r="W2654" s="113" t="s">
        <v>174</v>
      </c>
      <c r="X2654" s="113" t="s">
        <v>174</v>
      </c>
      <c r="Y2654" s="113" t="s">
        <v>174</v>
      </c>
      <c r="Z2654" s="113" t="s">
        <v>174</v>
      </c>
      <c r="AA2654" s="113" t="s">
        <v>174</v>
      </c>
      <c r="AB2654" s="113" t="s">
        <v>174</v>
      </c>
      <c r="AC2654" s="113" t="s">
        <v>174</v>
      </c>
      <c r="AD2654" s="113" t="s">
        <v>174</v>
      </c>
      <c r="AE2654" s="113" t="s">
        <v>174</v>
      </c>
      <c r="AF2654" s="113" t="s">
        <v>174</v>
      </c>
      <c r="AG2654" s="113" t="s">
        <v>174</v>
      </c>
      <c r="AH2654" s="113" t="s">
        <v>174</v>
      </c>
      <c r="AI2654" s="113" t="s">
        <v>174</v>
      </c>
      <c r="AJ2654" s="113" t="s">
        <v>174</v>
      </c>
      <c r="AK2654" s="113" t="s">
        <v>174</v>
      </c>
      <c r="AL2654" s="113" t="s">
        <v>174</v>
      </c>
      <c r="AM2654" s="113" t="s">
        <v>174</v>
      </c>
      <c r="AN2654" s="113" t="s">
        <v>174</v>
      </c>
      <c r="AO2654" s="113" t="s">
        <v>174</v>
      </c>
      <c r="AP2654" s="113" t="s">
        <v>174</v>
      </c>
      <c r="AQ2654" s="113" t="s">
        <v>174</v>
      </c>
      <c r="AR2654" s="113" t="s">
        <v>174</v>
      </c>
      <c r="AS2654" s="113" t="s">
        <v>174</v>
      </c>
      <c r="AT2654" s="121" t="s">
        <v>174</v>
      </c>
      <c r="AU2654" s="113" t="s">
        <v>174</v>
      </c>
      <c r="AV2654" s="113">
        <v>1</v>
      </c>
      <c r="AW2654" s="113" t="s">
        <v>174</v>
      </c>
      <c r="AX2654" s="113"/>
      <c r="AY2654" s="113"/>
      <c r="AZ2654" s="113"/>
      <c r="BA2654" s="113"/>
      <c r="BB2654" s="107">
        <v>45884</v>
      </c>
    </row>
    <row r="2655" spans="1:54" s="207" customFormat="1" ht="13.95" customHeight="1" x14ac:dyDescent="0.25">
      <c r="A2655" s="208" t="s">
        <v>6325</v>
      </c>
      <c r="B2655" s="209" t="s">
        <v>20420</v>
      </c>
      <c r="C2655" s="113" t="s">
        <v>6326</v>
      </c>
      <c r="D2655" s="113" t="s">
        <v>6327</v>
      </c>
      <c r="E2655" s="210">
        <v>1992</v>
      </c>
      <c r="F2655" s="210">
        <v>83009</v>
      </c>
      <c r="G2655" s="113" t="s">
        <v>7</v>
      </c>
      <c r="H2655" s="113">
        <v>1</v>
      </c>
      <c r="I2655" s="113">
        <v>1</v>
      </c>
      <c r="J2655" s="115">
        <v>1</v>
      </c>
      <c r="K2655" s="211">
        <v>1</v>
      </c>
      <c r="L2655" s="115">
        <v>1</v>
      </c>
      <c r="M2655" s="115">
        <v>1</v>
      </c>
      <c r="N2655" s="115">
        <v>1</v>
      </c>
      <c r="O2655" s="115">
        <v>1</v>
      </c>
      <c r="P2655" s="115">
        <v>1</v>
      </c>
      <c r="Q2655" s="115" t="s">
        <v>400</v>
      </c>
      <c r="R2655" s="115">
        <v>0</v>
      </c>
      <c r="S2655" s="115">
        <v>0</v>
      </c>
      <c r="T2655" s="115">
        <v>1</v>
      </c>
      <c r="U2655" s="113" t="s">
        <v>174</v>
      </c>
      <c r="V2655" s="113" t="s">
        <v>174</v>
      </c>
      <c r="W2655" s="113" t="s">
        <v>174</v>
      </c>
      <c r="X2655" s="113" t="s">
        <v>174</v>
      </c>
      <c r="Y2655" s="113" t="s">
        <v>174</v>
      </c>
      <c r="Z2655" s="113">
        <v>1</v>
      </c>
      <c r="AA2655" s="113" t="s">
        <v>174</v>
      </c>
      <c r="AB2655" s="113">
        <v>1</v>
      </c>
      <c r="AC2655" s="113" t="s">
        <v>174</v>
      </c>
      <c r="AD2655" s="113" t="s">
        <v>174</v>
      </c>
      <c r="AE2655" s="113" t="s">
        <v>174</v>
      </c>
      <c r="AF2655" s="113" t="s">
        <v>174</v>
      </c>
      <c r="AG2655" s="113" t="s">
        <v>174</v>
      </c>
      <c r="AH2655" s="113" t="s">
        <v>174</v>
      </c>
      <c r="AI2655" s="113" t="s">
        <v>174</v>
      </c>
      <c r="AJ2655" s="113" t="s">
        <v>174</v>
      </c>
      <c r="AK2655" s="113" t="s">
        <v>174</v>
      </c>
      <c r="AL2655" s="113" t="s">
        <v>174</v>
      </c>
      <c r="AM2655" s="113" t="s">
        <v>174</v>
      </c>
      <c r="AN2655" s="113" t="s">
        <v>174</v>
      </c>
      <c r="AO2655" s="113" t="s">
        <v>174</v>
      </c>
      <c r="AP2655" s="113" t="s">
        <v>174</v>
      </c>
      <c r="AQ2655" s="113" t="s">
        <v>174</v>
      </c>
      <c r="AR2655" s="113" t="s">
        <v>174</v>
      </c>
      <c r="AS2655" s="113" t="s">
        <v>174</v>
      </c>
      <c r="AT2655" s="121" t="s">
        <v>174</v>
      </c>
      <c r="AU2655" s="113" t="s">
        <v>174</v>
      </c>
      <c r="AV2655" s="113">
        <v>1</v>
      </c>
      <c r="AW2655" s="113" t="s">
        <v>174</v>
      </c>
      <c r="AX2655" s="113"/>
      <c r="AY2655" s="113"/>
      <c r="AZ2655" s="124" t="s">
        <v>23203</v>
      </c>
      <c r="BA2655" s="113" t="s">
        <v>19478</v>
      </c>
      <c r="BB2655" s="107">
        <v>45884</v>
      </c>
    </row>
    <row r="2656" spans="1:54" s="207" customFormat="1" ht="13.95" customHeight="1" x14ac:dyDescent="0.25">
      <c r="A2656" s="208" t="s">
        <v>6328</v>
      </c>
      <c r="B2656" s="209" t="s">
        <v>20420</v>
      </c>
      <c r="C2656" s="113" t="s">
        <v>6329</v>
      </c>
      <c r="D2656" s="113" t="s">
        <v>24057</v>
      </c>
      <c r="E2656" s="210">
        <v>1987</v>
      </c>
      <c r="F2656" s="210">
        <v>87619</v>
      </c>
      <c r="G2656" s="113" t="s">
        <v>7</v>
      </c>
      <c r="H2656" s="113">
        <v>1</v>
      </c>
      <c r="I2656" s="113">
        <v>1</v>
      </c>
      <c r="J2656" s="115">
        <v>1</v>
      </c>
      <c r="K2656" s="116" t="s">
        <v>174</v>
      </c>
      <c r="L2656" s="115">
        <v>0</v>
      </c>
      <c r="M2656" s="115">
        <v>0</v>
      </c>
      <c r="N2656" s="115">
        <v>1</v>
      </c>
      <c r="O2656" s="115">
        <v>1</v>
      </c>
      <c r="P2656" s="115" t="s">
        <v>400</v>
      </c>
      <c r="Q2656" s="115" t="s">
        <v>400</v>
      </c>
      <c r="R2656" s="115">
        <v>1</v>
      </c>
      <c r="S2656" s="115">
        <v>0</v>
      </c>
      <c r="T2656" s="115">
        <v>0</v>
      </c>
      <c r="U2656" s="113" t="s">
        <v>174</v>
      </c>
      <c r="V2656" s="113" t="s">
        <v>174</v>
      </c>
      <c r="W2656" s="113" t="s">
        <v>174</v>
      </c>
      <c r="X2656" s="113" t="s">
        <v>174</v>
      </c>
      <c r="Y2656" s="113" t="s">
        <v>174</v>
      </c>
      <c r="Z2656" s="113" t="s">
        <v>174</v>
      </c>
      <c r="AA2656" s="113" t="s">
        <v>174</v>
      </c>
      <c r="AB2656" s="113" t="s">
        <v>174</v>
      </c>
      <c r="AC2656" s="113" t="s">
        <v>174</v>
      </c>
      <c r="AD2656" s="113" t="s">
        <v>174</v>
      </c>
      <c r="AE2656" s="113" t="s">
        <v>174</v>
      </c>
      <c r="AF2656" s="113" t="s">
        <v>174</v>
      </c>
      <c r="AG2656" s="113" t="s">
        <v>174</v>
      </c>
      <c r="AH2656" s="113" t="s">
        <v>174</v>
      </c>
      <c r="AI2656" s="113" t="s">
        <v>174</v>
      </c>
      <c r="AJ2656" s="113" t="s">
        <v>174</v>
      </c>
      <c r="AK2656" s="113" t="s">
        <v>174</v>
      </c>
      <c r="AL2656" s="113" t="s">
        <v>174</v>
      </c>
      <c r="AM2656" s="113" t="s">
        <v>174</v>
      </c>
      <c r="AN2656" s="113" t="s">
        <v>174</v>
      </c>
      <c r="AO2656" s="113" t="s">
        <v>174</v>
      </c>
      <c r="AP2656" s="113" t="s">
        <v>174</v>
      </c>
      <c r="AQ2656" s="113" t="s">
        <v>174</v>
      </c>
      <c r="AR2656" s="113" t="s">
        <v>174</v>
      </c>
      <c r="AS2656" s="113" t="s">
        <v>174</v>
      </c>
      <c r="AT2656" s="121" t="s">
        <v>174</v>
      </c>
      <c r="AU2656" s="113" t="s">
        <v>174</v>
      </c>
      <c r="AV2656" s="113" t="s">
        <v>174</v>
      </c>
      <c r="AW2656" s="113" t="s">
        <v>174</v>
      </c>
      <c r="AX2656" s="113"/>
      <c r="AY2656" s="113"/>
      <c r="AZ2656" s="113"/>
      <c r="BA2656" s="113"/>
      <c r="BB2656" s="107">
        <v>45884</v>
      </c>
    </row>
    <row r="2657" spans="1:54" s="207" customFormat="1" ht="13.95" customHeight="1" x14ac:dyDescent="0.25">
      <c r="A2657" s="208" t="s">
        <v>6330</v>
      </c>
      <c r="B2657" s="209" t="s">
        <v>20420</v>
      </c>
      <c r="C2657" s="113" t="s">
        <v>6331</v>
      </c>
      <c r="D2657" s="113" t="s">
        <v>6332</v>
      </c>
      <c r="E2657" s="210">
        <v>2000</v>
      </c>
      <c r="F2657" s="210">
        <v>87772</v>
      </c>
      <c r="G2657" s="113" t="s">
        <v>7</v>
      </c>
      <c r="H2657" s="113">
        <v>1</v>
      </c>
      <c r="I2657" s="113">
        <v>1</v>
      </c>
      <c r="J2657" s="115">
        <v>1</v>
      </c>
      <c r="K2657" s="116" t="s">
        <v>174</v>
      </c>
      <c r="L2657" s="115">
        <v>0</v>
      </c>
      <c r="M2657" s="115">
        <v>0</v>
      </c>
      <c r="N2657" s="115">
        <v>0</v>
      </c>
      <c r="O2657" s="115">
        <v>0</v>
      </c>
      <c r="P2657" s="115" t="s">
        <v>400</v>
      </c>
      <c r="Q2657" s="115" t="s">
        <v>400</v>
      </c>
      <c r="R2657" s="115">
        <v>0</v>
      </c>
      <c r="S2657" s="115">
        <v>0</v>
      </c>
      <c r="T2657" s="115">
        <v>0</v>
      </c>
      <c r="U2657" s="113" t="s">
        <v>174</v>
      </c>
      <c r="V2657" s="113" t="s">
        <v>174</v>
      </c>
      <c r="W2657" s="113" t="s">
        <v>174</v>
      </c>
      <c r="X2657" s="113" t="s">
        <v>174</v>
      </c>
      <c r="Y2657" s="113" t="s">
        <v>174</v>
      </c>
      <c r="Z2657" s="113" t="s">
        <v>174</v>
      </c>
      <c r="AA2657" s="113" t="s">
        <v>174</v>
      </c>
      <c r="AB2657" s="113" t="s">
        <v>174</v>
      </c>
      <c r="AC2657" s="113" t="s">
        <v>174</v>
      </c>
      <c r="AD2657" s="113" t="s">
        <v>174</v>
      </c>
      <c r="AE2657" s="113" t="s">
        <v>174</v>
      </c>
      <c r="AF2657" s="113" t="s">
        <v>174</v>
      </c>
      <c r="AG2657" s="113" t="s">
        <v>174</v>
      </c>
      <c r="AH2657" s="113" t="s">
        <v>174</v>
      </c>
      <c r="AI2657" s="113" t="s">
        <v>174</v>
      </c>
      <c r="AJ2657" s="113" t="s">
        <v>174</v>
      </c>
      <c r="AK2657" s="113" t="s">
        <v>174</v>
      </c>
      <c r="AL2657" s="113" t="s">
        <v>174</v>
      </c>
      <c r="AM2657" s="113" t="s">
        <v>174</v>
      </c>
      <c r="AN2657" s="113" t="s">
        <v>174</v>
      </c>
      <c r="AO2657" s="113" t="s">
        <v>174</v>
      </c>
      <c r="AP2657" s="113" t="s">
        <v>174</v>
      </c>
      <c r="AQ2657" s="113" t="s">
        <v>174</v>
      </c>
      <c r="AR2657" s="113" t="s">
        <v>174</v>
      </c>
      <c r="AS2657" s="113" t="s">
        <v>174</v>
      </c>
      <c r="AT2657" s="121" t="s">
        <v>174</v>
      </c>
      <c r="AU2657" s="113" t="s">
        <v>174</v>
      </c>
      <c r="AV2657" s="113">
        <v>1</v>
      </c>
      <c r="AW2657" s="113" t="s">
        <v>174</v>
      </c>
      <c r="AX2657" s="113"/>
      <c r="AY2657" s="113"/>
      <c r="AZ2657" s="113"/>
      <c r="BA2657" s="113"/>
      <c r="BB2657" s="107">
        <v>45884</v>
      </c>
    </row>
    <row r="2658" spans="1:54" s="207" customFormat="1" ht="13.95" customHeight="1" x14ac:dyDescent="0.25">
      <c r="A2658" s="208" t="s">
        <v>6333</v>
      </c>
      <c r="B2658" s="209" t="s">
        <v>20420</v>
      </c>
      <c r="C2658" s="113" t="s">
        <v>6334</v>
      </c>
      <c r="D2658" s="113" t="s">
        <v>24058</v>
      </c>
      <c r="E2658" s="210">
        <v>1995</v>
      </c>
      <c r="F2658" s="210">
        <v>94828</v>
      </c>
      <c r="G2658" s="113" t="s">
        <v>7</v>
      </c>
      <c r="H2658" s="113">
        <v>1</v>
      </c>
      <c r="I2658" s="113">
        <v>1</v>
      </c>
      <c r="J2658" s="115">
        <v>1</v>
      </c>
      <c r="K2658" s="116" t="s">
        <v>174</v>
      </c>
      <c r="L2658" s="115">
        <v>0</v>
      </c>
      <c r="M2658" s="115">
        <v>0</v>
      </c>
      <c r="N2658" s="115">
        <v>0</v>
      </c>
      <c r="O2658" s="115">
        <v>0</v>
      </c>
      <c r="P2658" s="115" t="s">
        <v>400</v>
      </c>
      <c r="Q2658" s="115" t="s">
        <v>400</v>
      </c>
      <c r="R2658" s="115">
        <v>0</v>
      </c>
      <c r="S2658" s="115">
        <v>0</v>
      </c>
      <c r="T2658" s="115">
        <v>0</v>
      </c>
      <c r="U2658" s="113" t="s">
        <v>174</v>
      </c>
      <c r="V2658" s="113" t="s">
        <v>174</v>
      </c>
      <c r="W2658" s="113" t="s">
        <v>174</v>
      </c>
      <c r="X2658" s="113" t="s">
        <v>174</v>
      </c>
      <c r="Y2658" s="113" t="s">
        <v>174</v>
      </c>
      <c r="Z2658" s="113" t="s">
        <v>174</v>
      </c>
      <c r="AA2658" s="113" t="s">
        <v>174</v>
      </c>
      <c r="AB2658" s="113" t="s">
        <v>174</v>
      </c>
      <c r="AC2658" s="113" t="s">
        <v>174</v>
      </c>
      <c r="AD2658" s="113" t="s">
        <v>174</v>
      </c>
      <c r="AE2658" s="113" t="s">
        <v>174</v>
      </c>
      <c r="AF2658" s="113">
        <v>1</v>
      </c>
      <c r="AG2658" s="113" t="s">
        <v>174</v>
      </c>
      <c r="AH2658" s="113" t="s">
        <v>174</v>
      </c>
      <c r="AI2658" s="113" t="s">
        <v>174</v>
      </c>
      <c r="AJ2658" s="113" t="s">
        <v>174</v>
      </c>
      <c r="AK2658" s="113" t="s">
        <v>174</v>
      </c>
      <c r="AL2658" s="113" t="s">
        <v>174</v>
      </c>
      <c r="AM2658" s="113" t="s">
        <v>174</v>
      </c>
      <c r="AN2658" s="113" t="s">
        <v>174</v>
      </c>
      <c r="AO2658" s="113" t="s">
        <v>174</v>
      </c>
      <c r="AP2658" s="113" t="s">
        <v>174</v>
      </c>
      <c r="AQ2658" s="113" t="s">
        <v>174</v>
      </c>
      <c r="AR2658" s="113" t="s">
        <v>174</v>
      </c>
      <c r="AS2658" s="113" t="s">
        <v>174</v>
      </c>
      <c r="AT2658" s="113">
        <v>1</v>
      </c>
      <c r="AU2658" s="113" t="s">
        <v>174</v>
      </c>
      <c r="AV2658" s="113" t="s">
        <v>174</v>
      </c>
      <c r="AW2658" s="113" t="s">
        <v>174</v>
      </c>
      <c r="AX2658" s="113"/>
      <c r="AY2658" s="113"/>
      <c r="AZ2658" s="124" t="s">
        <v>23203</v>
      </c>
      <c r="BA2658" s="113" t="s">
        <v>19478</v>
      </c>
      <c r="BB2658" s="107">
        <v>45884</v>
      </c>
    </row>
    <row r="2659" spans="1:54" s="207" customFormat="1" ht="13.95" customHeight="1" x14ac:dyDescent="0.25">
      <c r="A2659" s="208" t="s">
        <v>6335</v>
      </c>
      <c r="B2659" s="209" t="s">
        <v>20420</v>
      </c>
      <c r="C2659" s="113" t="s">
        <v>6336</v>
      </c>
      <c r="D2659" s="113" t="s">
        <v>24059</v>
      </c>
      <c r="E2659" s="210">
        <v>1983</v>
      </c>
      <c r="F2659" s="210">
        <v>95494</v>
      </c>
      <c r="G2659" s="113" t="s">
        <v>0</v>
      </c>
      <c r="H2659" s="113">
        <v>1</v>
      </c>
      <c r="I2659" s="113">
        <v>1</v>
      </c>
      <c r="J2659" s="115">
        <v>1</v>
      </c>
      <c r="K2659" s="211">
        <v>1</v>
      </c>
      <c r="L2659" s="115">
        <v>0</v>
      </c>
      <c r="M2659" s="115">
        <v>1</v>
      </c>
      <c r="N2659" s="115">
        <v>0</v>
      </c>
      <c r="O2659" s="115">
        <v>0</v>
      </c>
      <c r="P2659" s="115" t="s">
        <v>400</v>
      </c>
      <c r="Q2659" s="115" t="s">
        <v>400</v>
      </c>
      <c r="R2659" s="115">
        <v>0</v>
      </c>
      <c r="S2659" s="115">
        <v>0</v>
      </c>
      <c r="T2659" s="115">
        <v>0</v>
      </c>
      <c r="U2659" s="113" t="s">
        <v>174</v>
      </c>
      <c r="V2659" s="113" t="s">
        <v>174</v>
      </c>
      <c r="W2659" s="113" t="s">
        <v>174</v>
      </c>
      <c r="X2659" s="113" t="s">
        <v>174</v>
      </c>
      <c r="Y2659" s="113" t="s">
        <v>174</v>
      </c>
      <c r="Z2659" s="113">
        <v>1</v>
      </c>
      <c r="AA2659" s="113" t="s">
        <v>174</v>
      </c>
      <c r="AB2659" s="113" t="s">
        <v>174</v>
      </c>
      <c r="AC2659" s="113" t="s">
        <v>174</v>
      </c>
      <c r="AD2659" s="113" t="s">
        <v>174</v>
      </c>
      <c r="AE2659" s="113" t="s">
        <v>174</v>
      </c>
      <c r="AF2659" s="113">
        <v>1</v>
      </c>
      <c r="AG2659" s="113">
        <v>1</v>
      </c>
      <c r="AH2659" s="113" t="s">
        <v>174</v>
      </c>
      <c r="AI2659" s="113" t="s">
        <v>174</v>
      </c>
      <c r="AJ2659" s="113" t="s">
        <v>174</v>
      </c>
      <c r="AK2659" s="113" t="s">
        <v>174</v>
      </c>
      <c r="AL2659" s="113" t="s">
        <v>174</v>
      </c>
      <c r="AM2659" s="113" t="s">
        <v>174</v>
      </c>
      <c r="AN2659" s="113" t="s">
        <v>174</v>
      </c>
      <c r="AO2659" s="113" t="s">
        <v>174</v>
      </c>
      <c r="AP2659" s="113" t="s">
        <v>174</v>
      </c>
      <c r="AQ2659" s="113" t="s">
        <v>174</v>
      </c>
      <c r="AR2659" s="113" t="s">
        <v>174</v>
      </c>
      <c r="AS2659" s="113" t="s">
        <v>174</v>
      </c>
      <c r="AT2659" s="113">
        <v>1</v>
      </c>
      <c r="AU2659" s="113" t="s">
        <v>174</v>
      </c>
      <c r="AV2659" s="113">
        <v>1</v>
      </c>
      <c r="AW2659" s="113" t="s">
        <v>174</v>
      </c>
      <c r="AX2659" s="113"/>
      <c r="AY2659" s="113"/>
      <c r="AZ2659" s="124" t="s">
        <v>23203</v>
      </c>
      <c r="BA2659" s="113" t="s">
        <v>19478</v>
      </c>
      <c r="BB2659" s="107">
        <v>45884</v>
      </c>
    </row>
    <row r="2660" spans="1:54" s="207" customFormat="1" ht="13.95" customHeight="1" x14ac:dyDescent="0.25">
      <c r="A2660" s="208" t="s">
        <v>6337</v>
      </c>
      <c r="B2660" s="209" t="s">
        <v>20420</v>
      </c>
      <c r="C2660" s="113" t="s">
        <v>6338</v>
      </c>
      <c r="D2660" s="113" t="s">
        <v>6339</v>
      </c>
      <c r="E2660" s="210">
        <v>1926</v>
      </c>
      <c r="F2660" s="210">
        <v>90793</v>
      </c>
      <c r="G2660" s="113" t="s">
        <v>6</v>
      </c>
      <c r="H2660" s="113">
        <v>1</v>
      </c>
      <c r="I2660" s="113">
        <v>1</v>
      </c>
      <c r="J2660" s="115">
        <v>1</v>
      </c>
      <c r="K2660" s="211">
        <v>1</v>
      </c>
      <c r="L2660" s="115">
        <v>1</v>
      </c>
      <c r="M2660" s="115">
        <v>1</v>
      </c>
      <c r="N2660" s="115">
        <v>1</v>
      </c>
      <c r="O2660" s="115">
        <v>1</v>
      </c>
      <c r="P2660" s="115">
        <v>1</v>
      </c>
      <c r="Q2660" s="115">
        <v>0</v>
      </c>
      <c r="R2660" s="115">
        <v>1</v>
      </c>
      <c r="S2660" s="115">
        <v>0</v>
      </c>
      <c r="T2660" s="115">
        <v>0</v>
      </c>
      <c r="U2660" s="113">
        <v>0</v>
      </c>
      <c r="V2660" s="113">
        <v>0</v>
      </c>
      <c r="W2660" s="113">
        <v>1</v>
      </c>
      <c r="X2660" s="113">
        <v>0</v>
      </c>
      <c r="Y2660" s="116">
        <v>0</v>
      </c>
      <c r="Z2660" s="113">
        <v>0</v>
      </c>
      <c r="AA2660" s="113">
        <v>1</v>
      </c>
      <c r="AB2660" s="113">
        <v>0</v>
      </c>
      <c r="AC2660" s="116">
        <v>0</v>
      </c>
      <c r="AD2660" s="116">
        <v>0</v>
      </c>
      <c r="AE2660" s="116">
        <v>0</v>
      </c>
      <c r="AF2660" s="116">
        <v>0</v>
      </c>
      <c r="AG2660" s="116">
        <v>0</v>
      </c>
      <c r="AH2660" s="116">
        <v>0</v>
      </c>
      <c r="AI2660" s="113">
        <v>1</v>
      </c>
      <c r="AJ2660" s="113">
        <v>0</v>
      </c>
      <c r="AK2660" s="113">
        <v>0</v>
      </c>
      <c r="AL2660" s="113">
        <v>0</v>
      </c>
      <c r="AM2660" s="113">
        <v>1</v>
      </c>
      <c r="AN2660" s="113">
        <v>1</v>
      </c>
      <c r="AO2660" s="113">
        <v>1</v>
      </c>
      <c r="AP2660" s="113">
        <v>0</v>
      </c>
      <c r="AQ2660" s="113">
        <v>0</v>
      </c>
      <c r="AR2660" s="113">
        <v>0</v>
      </c>
      <c r="AS2660" s="113">
        <v>0</v>
      </c>
      <c r="AT2660" s="113">
        <v>1</v>
      </c>
      <c r="AU2660" s="116">
        <v>0</v>
      </c>
      <c r="AV2660" s="116">
        <v>0</v>
      </c>
      <c r="AW2660" s="113">
        <v>0</v>
      </c>
      <c r="AX2660" s="116" t="s">
        <v>22143</v>
      </c>
      <c r="AY2660" s="116" t="s">
        <v>22144</v>
      </c>
      <c r="AZ2660" s="126" t="s">
        <v>21938</v>
      </c>
      <c r="BA2660" s="113" t="s">
        <v>19768</v>
      </c>
      <c r="BB2660" s="107">
        <v>45884</v>
      </c>
    </row>
    <row r="2661" spans="1:54" s="207" customFormat="1" ht="13.95" customHeight="1" x14ac:dyDescent="0.25">
      <c r="A2661" s="208" t="s">
        <v>6340</v>
      </c>
      <c r="B2661" s="209" t="s">
        <v>20420</v>
      </c>
      <c r="C2661" s="113" t="s">
        <v>6341</v>
      </c>
      <c r="D2661" s="113" t="s">
        <v>6342</v>
      </c>
      <c r="E2661" s="210">
        <v>1969</v>
      </c>
      <c r="F2661" s="210">
        <v>103190</v>
      </c>
      <c r="G2661" s="113" t="s">
        <v>6</v>
      </c>
      <c r="H2661" s="113">
        <v>1</v>
      </c>
      <c r="I2661" s="113">
        <v>1</v>
      </c>
      <c r="J2661" s="115">
        <v>1</v>
      </c>
      <c r="K2661" s="113">
        <v>0</v>
      </c>
      <c r="L2661" s="115">
        <v>1</v>
      </c>
      <c r="M2661" s="115">
        <v>1</v>
      </c>
      <c r="N2661" s="115">
        <v>1</v>
      </c>
      <c r="O2661" s="115">
        <v>1</v>
      </c>
      <c r="P2661" s="115">
        <v>0</v>
      </c>
      <c r="Q2661" s="115">
        <v>0</v>
      </c>
      <c r="R2661" s="115">
        <v>0</v>
      </c>
      <c r="S2661" s="115">
        <v>0</v>
      </c>
      <c r="T2661" s="115">
        <v>0</v>
      </c>
      <c r="U2661" s="113">
        <v>0</v>
      </c>
      <c r="V2661" s="113">
        <v>0</v>
      </c>
      <c r="W2661" s="113">
        <v>1</v>
      </c>
      <c r="X2661" s="113">
        <v>0</v>
      </c>
      <c r="Y2661" s="116">
        <v>0</v>
      </c>
      <c r="Z2661" s="113">
        <v>1</v>
      </c>
      <c r="AA2661" s="113">
        <v>0</v>
      </c>
      <c r="AB2661" s="113">
        <v>0</v>
      </c>
      <c r="AC2661" s="116">
        <v>0</v>
      </c>
      <c r="AD2661" s="116">
        <v>0</v>
      </c>
      <c r="AE2661" s="116">
        <v>0</v>
      </c>
      <c r="AF2661" s="116">
        <v>0</v>
      </c>
      <c r="AG2661" s="116">
        <v>0</v>
      </c>
      <c r="AH2661" s="116">
        <v>0</v>
      </c>
      <c r="AI2661" s="113">
        <v>0</v>
      </c>
      <c r="AJ2661" s="113">
        <v>0</v>
      </c>
      <c r="AK2661" s="113">
        <v>0</v>
      </c>
      <c r="AL2661" s="113">
        <v>0</v>
      </c>
      <c r="AM2661" s="113">
        <v>0</v>
      </c>
      <c r="AN2661" s="113">
        <v>0</v>
      </c>
      <c r="AO2661" s="113">
        <v>1</v>
      </c>
      <c r="AP2661" s="113">
        <v>0</v>
      </c>
      <c r="AQ2661" s="113">
        <v>0</v>
      </c>
      <c r="AR2661" s="113">
        <v>0</v>
      </c>
      <c r="AS2661" s="113">
        <v>0</v>
      </c>
      <c r="AT2661" s="121" t="s">
        <v>174</v>
      </c>
      <c r="AU2661" s="116">
        <v>0</v>
      </c>
      <c r="AV2661" s="113">
        <v>1</v>
      </c>
      <c r="AW2661" s="113">
        <v>1</v>
      </c>
      <c r="AX2661" s="113"/>
      <c r="AY2661" s="113"/>
      <c r="AZ2661" s="124" t="s">
        <v>23203</v>
      </c>
      <c r="BA2661" s="113" t="s">
        <v>19761</v>
      </c>
      <c r="BB2661" s="107">
        <v>45884</v>
      </c>
    </row>
    <row r="2662" spans="1:54" s="207" customFormat="1" ht="13.95" customHeight="1" x14ac:dyDescent="0.25">
      <c r="A2662" s="208" t="s">
        <v>6343</v>
      </c>
      <c r="B2662" s="209" t="s">
        <v>20420</v>
      </c>
      <c r="C2662" s="113" t="s">
        <v>6344</v>
      </c>
      <c r="D2662" s="113" t="s">
        <v>6345</v>
      </c>
      <c r="E2662" s="210">
        <v>1990</v>
      </c>
      <c r="F2662" s="213">
        <v>106859</v>
      </c>
      <c r="G2662" s="113" t="s">
        <v>0</v>
      </c>
      <c r="H2662" s="113">
        <v>1</v>
      </c>
      <c r="I2662" s="113">
        <v>1</v>
      </c>
      <c r="J2662" s="115">
        <v>1</v>
      </c>
      <c r="K2662" s="211">
        <v>1</v>
      </c>
      <c r="L2662" s="115">
        <v>0</v>
      </c>
      <c r="M2662" s="115">
        <v>1</v>
      </c>
      <c r="N2662" s="115">
        <v>0</v>
      </c>
      <c r="O2662" s="115">
        <v>0</v>
      </c>
      <c r="P2662" s="115" t="s">
        <v>400</v>
      </c>
      <c r="Q2662" s="115" t="s">
        <v>400</v>
      </c>
      <c r="R2662" s="115">
        <v>0</v>
      </c>
      <c r="S2662" s="115">
        <v>0</v>
      </c>
      <c r="T2662" s="115">
        <v>1</v>
      </c>
      <c r="U2662" s="113" t="s">
        <v>174</v>
      </c>
      <c r="V2662" s="113" t="s">
        <v>174</v>
      </c>
      <c r="W2662" s="113" t="s">
        <v>174</v>
      </c>
      <c r="X2662" s="113" t="s">
        <v>174</v>
      </c>
      <c r="Y2662" s="113" t="s">
        <v>174</v>
      </c>
      <c r="Z2662" s="113">
        <v>1</v>
      </c>
      <c r="AA2662" s="113" t="s">
        <v>174</v>
      </c>
      <c r="AB2662" s="113">
        <v>1</v>
      </c>
      <c r="AC2662" s="113" t="s">
        <v>174</v>
      </c>
      <c r="AD2662" s="113">
        <v>1</v>
      </c>
      <c r="AE2662" s="113" t="s">
        <v>174</v>
      </c>
      <c r="AF2662" s="113" t="s">
        <v>174</v>
      </c>
      <c r="AG2662" s="113" t="s">
        <v>174</v>
      </c>
      <c r="AH2662" s="113" t="s">
        <v>174</v>
      </c>
      <c r="AI2662" s="113" t="s">
        <v>174</v>
      </c>
      <c r="AJ2662" s="113" t="s">
        <v>174</v>
      </c>
      <c r="AK2662" s="113" t="s">
        <v>174</v>
      </c>
      <c r="AL2662" s="113" t="s">
        <v>174</v>
      </c>
      <c r="AM2662" s="113" t="s">
        <v>174</v>
      </c>
      <c r="AN2662" s="113" t="s">
        <v>174</v>
      </c>
      <c r="AO2662" s="113" t="s">
        <v>174</v>
      </c>
      <c r="AP2662" s="113" t="s">
        <v>174</v>
      </c>
      <c r="AQ2662" s="113" t="s">
        <v>174</v>
      </c>
      <c r="AR2662" s="113" t="s">
        <v>174</v>
      </c>
      <c r="AS2662" s="113" t="s">
        <v>174</v>
      </c>
      <c r="AT2662" s="121" t="s">
        <v>174</v>
      </c>
      <c r="AU2662" s="113" t="s">
        <v>174</v>
      </c>
      <c r="AV2662" s="113">
        <v>1</v>
      </c>
      <c r="AW2662" s="113" t="s">
        <v>174</v>
      </c>
      <c r="AX2662" s="113"/>
      <c r="AY2662" s="113"/>
      <c r="AZ2662" s="124" t="s">
        <v>23203</v>
      </c>
      <c r="BA2662" s="113" t="s">
        <v>19478</v>
      </c>
      <c r="BB2662" s="107">
        <v>45884</v>
      </c>
    </row>
    <row r="2663" spans="1:54" s="207" customFormat="1" ht="13.95" customHeight="1" x14ac:dyDescent="0.25">
      <c r="A2663" s="208" t="s">
        <v>6346</v>
      </c>
      <c r="B2663" s="209" t="s">
        <v>20420</v>
      </c>
      <c r="C2663" s="113" t="s">
        <v>6347</v>
      </c>
      <c r="D2663" s="113" t="s">
        <v>6348</v>
      </c>
      <c r="E2663" s="210">
        <v>2005</v>
      </c>
      <c r="F2663" s="210">
        <v>111459</v>
      </c>
      <c r="G2663" s="113" t="s">
        <v>6</v>
      </c>
      <c r="H2663" s="113">
        <v>1</v>
      </c>
      <c r="I2663" s="113">
        <v>1</v>
      </c>
      <c r="J2663" s="115">
        <v>1</v>
      </c>
      <c r="K2663" s="113">
        <v>1</v>
      </c>
      <c r="L2663" s="115">
        <v>0</v>
      </c>
      <c r="M2663" s="115">
        <v>1</v>
      </c>
      <c r="N2663" s="115">
        <v>1</v>
      </c>
      <c r="O2663" s="115">
        <v>1</v>
      </c>
      <c r="P2663" s="115">
        <v>0</v>
      </c>
      <c r="Q2663" s="115">
        <v>0</v>
      </c>
      <c r="R2663" s="115">
        <v>1</v>
      </c>
      <c r="S2663" s="115">
        <v>0</v>
      </c>
      <c r="T2663" s="120">
        <v>0</v>
      </c>
      <c r="U2663" s="113">
        <v>0</v>
      </c>
      <c r="V2663" s="113">
        <v>0</v>
      </c>
      <c r="W2663" s="113">
        <v>1</v>
      </c>
      <c r="X2663" s="113">
        <v>0</v>
      </c>
      <c r="Y2663" s="116">
        <v>0</v>
      </c>
      <c r="Z2663" s="113">
        <v>0</v>
      </c>
      <c r="AA2663" s="113">
        <v>1</v>
      </c>
      <c r="AB2663" s="113">
        <v>1</v>
      </c>
      <c r="AC2663" s="116">
        <v>0</v>
      </c>
      <c r="AD2663" s="116">
        <v>0</v>
      </c>
      <c r="AE2663" s="116">
        <v>0</v>
      </c>
      <c r="AF2663" s="116">
        <v>0</v>
      </c>
      <c r="AG2663" s="116">
        <v>0</v>
      </c>
      <c r="AH2663" s="116">
        <v>0</v>
      </c>
      <c r="AI2663" s="113">
        <v>0</v>
      </c>
      <c r="AJ2663" s="113">
        <v>0</v>
      </c>
      <c r="AK2663" s="113">
        <v>0</v>
      </c>
      <c r="AL2663" s="113">
        <v>0</v>
      </c>
      <c r="AM2663" s="113">
        <v>0</v>
      </c>
      <c r="AN2663" s="113">
        <v>0</v>
      </c>
      <c r="AO2663" s="113">
        <v>1</v>
      </c>
      <c r="AP2663" s="113">
        <v>0</v>
      </c>
      <c r="AQ2663" s="113">
        <v>0</v>
      </c>
      <c r="AR2663" s="113">
        <v>0</v>
      </c>
      <c r="AS2663" s="113">
        <v>0</v>
      </c>
      <c r="AT2663" s="113">
        <v>1</v>
      </c>
      <c r="AU2663" s="116">
        <v>0</v>
      </c>
      <c r="AV2663" s="113">
        <v>1</v>
      </c>
      <c r="AW2663" s="113">
        <v>0</v>
      </c>
      <c r="AX2663" s="113"/>
      <c r="AY2663" s="113"/>
      <c r="AZ2663" s="124" t="s">
        <v>23203</v>
      </c>
      <c r="BA2663" s="113" t="s">
        <v>19478</v>
      </c>
      <c r="BB2663" s="107">
        <v>45884</v>
      </c>
    </row>
    <row r="2664" spans="1:54" s="207" customFormat="1" ht="13.95" customHeight="1" x14ac:dyDescent="0.25">
      <c r="A2664" s="208" t="s">
        <v>6349</v>
      </c>
      <c r="B2664" s="209" t="s">
        <v>20420</v>
      </c>
      <c r="C2664" s="113" t="s">
        <v>6350</v>
      </c>
      <c r="D2664" s="113" t="s">
        <v>6351</v>
      </c>
      <c r="E2664" s="210">
        <v>1971</v>
      </c>
      <c r="F2664" s="210">
        <v>140587</v>
      </c>
      <c r="G2664" s="113" t="s">
        <v>0</v>
      </c>
      <c r="H2664" s="113">
        <v>1</v>
      </c>
      <c r="I2664" s="113">
        <v>1</v>
      </c>
      <c r="J2664" s="115">
        <v>1</v>
      </c>
      <c r="K2664" s="211">
        <v>1</v>
      </c>
      <c r="L2664" s="115">
        <v>1</v>
      </c>
      <c r="M2664" s="115">
        <v>1</v>
      </c>
      <c r="N2664" s="115">
        <v>1</v>
      </c>
      <c r="O2664" s="115">
        <v>1</v>
      </c>
      <c r="P2664" s="115" t="s">
        <v>400</v>
      </c>
      <c r="Q2664" s="115" t="s">
        <v>400</v>
      </c>
      <c r="R2664" s="115">
        <v>1</v>
      </c>
      <c r="S2664" s="115">
        <v>0</v>
      </c>
      <c r="T2664" s="115">
        <v>0</v>
      </c>
      <c r="U2664" s="113" t="s">
        <v>174</v>
      </c>
      <c r="V2664" s="113" t="s">
        <v>174</v>
      </c>
      <c r="W2664" s="113" t="s">
        <v>174</v>
      </c>
      <c r="X2664" s="113" t="s">
        <v>174</v>
      </c>
      <c r="Y2664" s="113" t="s">
        <v>174</v>
      </c>
      <c r="Z2664" s="113" t="s">
        <v>174</v>
      </c>
      <c r="AA2664" s="113" t="s">
        <v>174</v>
      </c>
      <c r="AB2664" s="113">
        <v>1</v>
      </c>
      <c r="AC2664" s="113" t="s">
        <v>174</v>
      </c>
      <c r="AD2664" s="113" t="s">
        <v>174</v>
      </c>
      <c r="AE2664" s="113" t="s">
        <v>174</v>
      </c>
      <c r="AF2664" s="113" t="s">
        <v>174</v>
      </c>
      <c r="AG2664" s="113" t="s">
        <v>174</v>
      </c>
      <c r="AH2664" s="113" t="s">
        <v>174</v>
      </c>
      <c r="AI2664" s="113" t="s">
        <v>174</v>
      </c>
      <c r="AJ2664" s="113" t="s">
        <v>174</v>
      </c>
      <c r="AK2664" s="113" t="s">
        <v>174</v>
      </c>
      <c r="AL2664" s="113" t="s">
        <v>174</v>
      </c>
      <c r="AM2664" s="113" t="s">
        <v>174</v>
      </c>
      <c r="AN2664" s="113" t="s">
        <v>174</v>
      </c>
      <c r="AO2664" s="113" t="s">
        <v>174</v>
      </c>
      <c r="AP2664" s="113" t="s">
        <v>174</v>
      </c>
      <c r="AQ2664" s="113" t="s">
        <v>174</v>
      </c>
      <c r="AR2664" s="113" t="s">
        <v>174</v>
      </c>
      <c r="AS2664" s="113" t="s">
        <v>174</v>
      </c>
      <c r="AT2664" s="113">
        <v>1</v>
      </c>
      <c r="AU2664" s="113" t="s">
        <v>174</v>
      </c>
      <c r="AV2664" s="113">
        <v>1</v>
      </c>
      <c r="AW2664" s="113" t="s">
        <v>174</v>
      </c>
      <c r="AX2664" s="113"/>
      <c r="AY2664" s="113"/>
      <c r="AZ2664" s="124" t="s">
        <v>23203</v>
      </c>
      <c r="BA2664" s="113" t="s">
        <v>19478</v>
      </c>
      <c r="BB2664" s="107">
        <v>45884</v>
      </c>
    </row>
    <row r="2665" spans="1:54" s="207" customFormat="1" ht="13.95" customHeight="1" x14ac:dyDescent="0.25">
      <c r="A2665" s="208" t="s">
        <v>6352</v>
      </c>
      <c r="B2665" s="209" t="s">
        <v>20420</v>
      </c>
      <c r="C2665" s="113" t="s">
        <v>6353</v>
      </c>
      <c r="D2665" s="113" t="s">
        <v>24060</v>
      </c>
      <c r="E2665" s="210">
        <v>1929</v>
      </c>
      <c r="F2665" s="210">
        <v>140842</v>
      </c>
      <c r="G2665" s="113" t="s">
        <v>10</v>
      </c>
      <c r="H2665" s="113">
        <v>1</v>
      </c>
      <c r="I2665" s="113">
        <v>1</v>
      </c>
      <c r="J2665" s="115">
        <v>1</v>
      </c>
      <c r="K2665" s="116" t="s">
        <v>174</v>
      </c>
      <c r="L2665" s="115">
        <v>1</v>
      </c>
      <c r="M2665" s="115">
        <v>1</v>
      </c>
      <c r="N2665" s="115">
        <v>1</v>
      </c>
      <c r="O2665" s="115">
        <v>1</v>
      </c>
      <c r="P2665" s="115">
        <v>1</v>
      </c>
      <c r="Q2665" s="115" t="s">
        <v>400</v>
      </c>
      <c r="R2665" s="115">
        <v>0</v>
      </c>
      <c r="S2665" s="115">
        <v>0</v>
      </c>
      <c r="T2665" s="115">
        <v>0</v>
      </c>
      <c r="U2665" s="113" t="s">
        <v>174</v>
      </c>
      <c r="V2665" s="113" t="s">
        <v>174</v>
      </c>
      <c r="W2665" s="113" t="s">
        <v>174</v>
      </c>
      <c r="X2665" s="113" t="s">
        <v>174</v>
      </c>
      <c r="Y2665" s="113" t="s">
        <v>174</v>
      </c>
      <c r="Z2665" s="113" t="s">
        <v>174</v>
      </c>
      <c r="AA2665" s="113" t="s">
        <v>174</v>
      </c>
      <c r="AB2665" s="113" t="s">
        <v>174</v>
      </c>
      <c r="AC2665" s="113" t="s">
        <v>174</v>
      </c>
      <c r="AD2665" s="113" t="s">
        <v>174</v>
      </c>
      <c r="AE2665" s="113" t="s">
        <v>174</v>
      </c>
      <c r="AF2665" s="113" t="s">
        <v>174</v>
      </c>
      <c r="AG2665" s="113" t="s">
        <v>174</v>
      </c>
      <c r="AH2665" s="113" t="s">
        <v>174</v>
      </c>
      <c r="AI2665" s="113" t="s">
        <v>174</v>
      </c>
      <c r="AJ2665" s="113" t="s">
        <v>174</v>
      </c>
      <c r="AK2665" s="113" t="s">
        <v>174</v>
      </c>
      <c r="AL2665" s="113" t="s">
        <v>174</v>
      </c>
      <c r="AM2665" s="113" t="s">
        <v>174</v>
      </c>
      <c r="AN2665" s="113" t="s">
        <v>174</v>
      </c>
      <c r="AO2665" s="113" t="s">
        <v>174</v>
      </c>
      <c r="AP2665" s="113" t="s">
        <v>174</v>
      </c>
      <c r="AQ2665" s="113" t="s">
        <v>174</v>
      </c>
      <c r="AR2665" s="113" t="s">
        <v>174</v>
      </c>
      <c r="AS2665" s="113" t="s">
        <v>174</v>
      </c>
      <c r="AT2665" s="113">
        <v>1</v>
      </c>
      <c r="AU2665" s="113" t="s">
        <v>174</v>
      </c>
      <c r="AV2665" s="113">
        <v>1</v>
      </c>
      <c r="AW2665" s="113" t="s">
        <v>174</v>
      </c>
      <c r="AX2665" s="113"/>
      <c r="AY2665" s="113"/>
      <c r="AZ2665" s="113"/>
      <c r="BA2665" s="113"/>
      <c r="BB2665" s="107">
        <v>45884</v>
      </c>
    </row>
    <row r="2666" spans="1:54" s="207" customFormat="1" ht="13.95" customHeight="1" x14ac:dyDescent="0.25">
      <c r="A2666" s="208" t="s">
        <v>6354</v>
      </c>
      <c r="B2666" s="209" t="s">
        <v>20420</v>
      </c>
      <c r="C2666" s="113" t="s">
        <v>6355</v>
      </c>
      <c r="D2666" s="113" t="s">
        <v>24061</v>
      </c>
      <c r="E2666" s="210">
        <v>1983</v>
      </c>
      <c r="F2666" s="210">
        <v>152285</v>
      </c>
      <c r="G2666" s="113" t="s">
        <v>2</v>
      </c>
      <c r="H2666" s="113">
        <v>1</v>
      </c>
      <c r="I2666" s="113">
        <v>1</v>
      </c>
      <c r="J2666" s="115">
        <v>1</v>
      </c>
      <c r="K2666" s="116" t="s">
        <v>174</v>
      </c>
      <c r="L2666" s="115">
        <v>0</v>
      </c>
      <c r="M2666" s="115">
        <v>0</v>
      </c>
      <c r="N2666" s="115">
        <v>0</v>
      </c>
      <c r="O2666" s="115">
        <v>0</v>
      </c>
      <c r="P2666" s="115" t="s">
        <v>400</v>
      </c>
      <c r="Q2666" s="115" t="s">
        <v>400</v>
      </c>
      <c r="R2666" s="115">
        <v>0</v>
      </c>
      <c r="S2666" s="115">
        <v>0</v>
      </c>
      <c r="T2666" s="115">
        <v>0</v>
      </c>
      <c r="U2666" s="113" t="s">
        <v>174</v>
      </c>
      <c r="V2666" s="113" t="s">
        <v>174</v>
      </c>
      <c r="W2666" s="113" t="s">
        <v>174</v>
      </c>
      <c r="X2666" s="113" t="s">
        <v>174</v>
      </c>
      <c r="Y2666" s="113" t="s">
        <v>174</v>
      </c>
      <c r="Z2666" s="113" t="s">
        <v>174</v>
      </c>
      <c r="AA2666" s="113" t="s">
        <v>174</v>
      </c>
      <c r="AB2666" s="113" t="s">
        <v>174</v>
      </c>
      <c r="AC2666" s="113" t="s">
        <v>174</v>
      </c>
      <c r="AD2666" s="113" t="s">
        <v>174</v>
      </c>
      <c r="AE2666" s="113" t="s">
        <v>174</v>
      </c>
      <c r="AF2666" s="113" t="s">
        <v>174</v>
      </c>
      <c r="AG2666" s="113" t="s">
        <v>174</v>
      </c>
      <c r="AH2666" s="113" t="s">
        <v>174</v>
      </c>
      <c r="AI2666" s="113" t="s">
        <v>174</v>
      </c>
      <c r="AJ2666" s="113" t="s">
        <v>174</v>
      </c>
      <c r="AK2666" s="113" t="s">
        <v>174</v>
      </c>
      <c r="AL2666" s="113" t="s">
        <v>174</v>
      </c>
      <c r="AM2666" s="113" t="s">
        <v>174</v>
      </c>
      <c r="AN2666" s="113" t="s">
        <v>174</v>
      </c>
      <c r="AO2666" s="113" t="s">
        <v>174</v>
      </c>
      <c r="AP2666" s="113" t="s">
        <v>174</v>
      </c>
      <c r="AQ2666" s="113" t="s">
        <v>174</v>
      </c>
      <c r="AR2666" s="113" t="s">
        <v>174</v>
      </c>
      <c r="AS2666" s="113" t="s">
        <v>174</v>
      </c>
      <c r="AT2666" s="121" t="s">
        <v>174</v>
      </c>
      <c r="AU2666" s="113" t="s">
        <v>174</v>
      </c>
      <c r="AV2666" s="113" t="s">
        <v>174</v>
      </c>
      <c r="AW2666" s="113" t="s">
        <v>174</v>
      </c>
      <c r="AX2666" s="113"/>
      <c r="AY2666" s="113"/>
      <c r="AZ2666" s="113"/>
      <c r="BA2666" s="113"/>
      <c r="BB2666" s="107">
        <v>45884</v>
      </c>
    </row>
    <row r="2667" spans="1:54" s="207" customFormat="1" ht="13.95" customHeight="1" x14ac:dyDescent="0.25">
      <c r="A2667" s="208" t="s">
        <v>6356</v>
      </c>
      <c r="B2667" s="209" t="s">
        <v>20420</v>
      </c>
      <c r="C2667" s="113" t="s">
        <v>6357</v>
      </c>
      <c r="D2667" s="113" t="s">
        <v>6358</v>
      </c>
      <c r="E2667" s="210">
        <v>1982</v>
      </c>
      <c r="F2667" s="210">
        <v>154309</v>
      </c>
      <c r="G2667" s="113" t="s">
        <v>0</v>
      </c>
      <c r="H2667" s="113">
        <v>1</v>
      </c>
      <c r="I2667" s="113">
        <v>0</v>
      </c>
      <c r="J2667" s="115">
        <v>1</v>
      </c>
      <c r="K2667" s="116" t="s">
        <v>174</v>
      </c>
      <c r="L2667" s="115">
        <v>1</v>
      </c>
      <c r="M2667" s="115">
        <v>1</v>
      </c>
      <c r="N2667" s="115">
        <v>1</v>
      </c>
      <c r="O2667" s="115">
        <v>1</v>
      </c>
      <c r="P2667" s="115" t="s">
        <v>400</v>
      </c>
      <c r="Q2667" s="115" t="s">
        <v>400</v>
      </c>
      <c r="R2667" s="115">
        <v>0</v>
      </c>
      <c r="S2667" s="115">
        <v>0</v>
      </c>
      <c r="T2667" s="115">
        <v>0</v>
      </c>
      <c r="U2667" s="113" t="s">
        <v>174</v>
      </c>
      <c r="V2667" s="113" t="s">
        <v>174</v>
      </c>
      <c r="W2667" s="113" t="s">
        <v>174</v>
      </c>
      <c r="X2667" s="113" t="s">
        <v>174</v>
      </c>
      <c r="Y2667" s="113" t="s">
        <v>174</v>
      </c>
      <c r="Z2667" s="113">
        <v>1</v>
      </c>
      <c r="AA2667" s="113" t="s">
        <v>174</v>
      </c>
      <c r="AB2667" s="113">
        <v>1</v>
      </c>
      <c r="AC2667" s="113" t="s">
        <v>174</v>
      </c>
      <c r="AD2667" s="113">
        <v>1</v>
      </c>
      <c r="AE2667" s="113" t="s">
        <v>174</v>
      </c>
      <c r="AF2667" s="113" t="s">
        <v>174</v>
      </c>
      <c r="AG2667" s="113" t="s">
        <v>174</v>
      </c>
      <c r="AH2667" s="113" t="s">
        <v>174</v>
      </c>
      <c r="AI2667" s="113" t="s">
        <v>174</v>
      </c>
      <c r="AJ2667" s="113" t="s">
        <v>174</v>
      </c>
      <c r="AK2667" s="113" t="s">
        <v>174</v>
      </c>
      <c r="AL2667" s="113" t="s">
        <v>174</v>
      </c>
      <c r="AM2667" s="113" t="s">
        <v>174</v>
      </c>
      <c r="AN2667" s="113" t="s">
        <v>174</v>
      </c>
      <c r="AO2667" s="113" t="s">
        <v>174</v>
      </c>
      <c r="AP2667" s="113" t="s">
        <v>174</v>
      </c>
      <c r="AQ2667" s="113" t="s">
        <v>174</v>
      </c>
      <c r="AR2667" s="113" t="s">
        <v>174</v>
      </c>
      <c r="AS2667" s="113" t="s">
        <v>174</v>
      </c>
      <c r="AT2667" s="113">
        <v>1</v>
      </c>
      <c r="AU2667" s="113" t="s">
        <v>174</v>
      </c>
      <c r="AV2667" s="113">
        <v>1</v>
      </c>
      <c r="AW2667" s="113" t="s">
        <v>174</v>
      </c>
      <c r="AX2667" s="113"/>
      <c r="AY2667" s="113"/>
      <c r="AZ2667" s="124" t="s">
        <v>23203</v>
      </c>
      <c r="BA2667" s="113" t="s">
        <v>19478</v>
      </c>
      <c r="BB2667" s="107">
        <v>45884</v>
      </c>
    </row>
    <row r="2668" spans="1:54" s="207" customFormat="1" ht="13.95" customHeight="1" x14ac:dyDescent="0.25">
      <c r="A2668" s="208" t="s">
        <v>6359</v>
      </c>
      <c r="B2668" s="209" t="s">
        <v>20420</v>
      </c>
      <c r="C2668" s="113" t="s">
        <v>19483</v>
      </c>
      <c r="D2668" s="113" t="s">
        <v>6360</v>
      </c>
      <c r="E2668" s="210">
        <v>1998</v>
      </c>
      <c r="F2668" s="210">
        <v>227031</v>
      </c>
      <c r="G2668" s="113" t="s">
        <v>6</v>
      </c>
      <c r="H2668" s="113">
        <v>1</v>
      </c>
      <c r="I2668" s="113">
        <v>1</v>
      </c>
      <c r="J2668" s="115">
        <v>1</v>
      </c>
      <c r="K2668" s="113">
        <v>1</v>
      </c>
      <c r="L2668" s="115">
        <v>0</v>
      </c>
      <c r="M2668" s="115">
        <v>0</v>
      </c>
      <c r="N2668" s="115">
        <v>0</v>
      </c>
      <c r="O2668" s="115">
        <v>0</v>
      </c>
      <c r="P2668" s="115">
        <v>1</v>
      </c>
      <c r="Q2668" s="115">
        <v>0</v>
      </c>
      <c r="R2668" s="115">
        <v>0</v>
      </c>
      <c r="S2668" s="115">
        <v>1</v>
      </c>
      <c r="T2668" s="115">
        <v>0</v>
      </c>
      <c r="U2668" s="113">
        <v>0</v>
      </c>
      <c r="V2668" s="113">
        <v>0</v>
      </c>
      <c r="W2668" s="113">
        <v>1</v>
      </c>
      <c r="X2668" s="113">
        <v>0</v>
      </c>
      <c r="Y2668" s="116">
        <v>0</v>
      </c>
      <c r="Z2668" s="113">
        <v>0</v>
      </c>
      <c r="AA2668" s="113">
        <v>0</v>
      </c>
      <c r="AB2668" s="113">
        <v>0</v>
      </c>
      <c r="AC2668" s="116">
        <v>0</v>
      </c>
      <c r="AD2668" s="116">
        <v>0</v>
      </c>
      <c r="AE2668" s="116">
        <v>0</v>
      </c>
      <c r="AF2668" s="116">
        <v>0</v>
      </c>
      <c r="AG2668" s="116">
        <v>0</v>
      </c>
      <c r="AH2668" s="116">
        <v>0</v>
      </c>
      <c r="AI2668" s="113">
        <v>0</v>
      </c>
      <c r="AJ2668" s="113">
        <v>0</v>
      </c>
      <c r="AK2668" s="113">
        <v>0</v>
      </c>
      <c r="AL2668" s="113">
        <v>0</v>
      </c>
      <c r="AM2668" s="113">
        <v>0</v>
      </c>
      <c r="AN2668" s="113">
        <v>0</v>
      </c>
      <c r="AO2668" s="113">
        <v>1</v>
      </c>
      <c r="AP2668" s="113">
        <v>1</v>
      </c>
      <c r="AQ2668" s="113">
        <v>1</v>
      </c>
      <c r="AR2668" s="113">
        <v>0</v>
      </c>
      <c r="AS2668" s="113">
        <v>0</v>
      </c>
      <c r="AT2668" s="113">
        <v>1</v>
      </c>
      <c r="AU2668" s="116">
        <v>0</v>
      </c>
      <c r="AV2668" s="113">
        <v>1</v>
      </c>
      <c r="AW2668" s="113">
        <v>0</v>
      </c>
      <c r="AX2668" s="113"/>
      <c r="AY2668" s="113"/>
      <c r="AZ2668" s="126" t="s">
        <v>19484</v>
      </c>
      <c r="BA2668" s="113" t="s">
        <v>21494</v>
      </c>
      <c r="BB2668" s="107">
        <v>45884</v>
      </c>
    </row>
    <row r="2669" spans="1:54" s="207" customFormat="1" ht="13.95" customHeight="1" x14ac:dyDescent="0.25">
      <c r="A2669" s="208" t="s">
        <v>6361</v>
      </c>
      <c r="B2669" s="209" t="s">
        <v>20420</v>
      </c>
      <c r="C2669" s="113" t="s">
        <v>6362</v>
      </c>
      <c r="D2669" s="113" t="s">
        <v>6363</v>
      </c>
      <c r="E2669" s="210">
        <v>1956</v>
      </c>
      <c r="F2669" s="210">
        <v>175215</v>
      </c>
      <c r="G2669" s="113" t="s">
        <v>6</v>
      </c>
      <c r="H2669" s="113">
        <v>1</v>
      </c>
      <c r="I2669" s="113">
        <v>1</v>
      </c>
      <c r="J2669" s="115">
        <v>1</v>
      </c>
      <c r="K2669" s="113">
        <v>0</v>
      </c>
      <c r="L2669" s="115">
        <v>1</v>
      </c>
      <c r="M2669" s="115">
        <v>1</v>
      </c>
      <c r="N2669" s="115">
        <v>1</v>
      </c>
      <c r="O2669" s="115">
        <v>1</v>
      </c>
      <c r="P2669" s="115">
        <v>1</v>
      </c>
      <c r="Q2669" s="115">
        <v>0</v>
      </c>
      <c r="R2669" s="115">
        <v>1</v>
      </c>
      <c r="S2669" s="115">
        <v>0</v>
      </c>
      <c r="T2669" s="115">
        <v>1</v>
      </c>
      <c r="U2669" s="113">
        <v>0</v>
      </c>
      <c r="V2669" s="113">
        <v>0</v>
      </c>
      <c r="W2669" s="113">
        <v>1</v>
      </c>
      <c r="X2669" s="113">
        <v>1</v>
      </c>
      <c r="Y2669" s="116">
        <v>0</v>
      </c>
      <c r="Z2669" s="113">
        <v>0</v>
      </c>
      <c r="AA2669" s="113">
        <v>0</v>
      </c>
      <c r="AB2669" s="113">
        <v>1</v>
      </c>
      <c r="AC2669" s="116">
        <v>0</v>
      </c>
      <c r="AD2669" s="116">
        <v>0</v>
      </c>
      <c r="AE2669" s="116">
        <v>0</v>
      </c>
      <c r="AF2669" s="116">
        <v>0</v>
      </c>
      <c r="AG2669" s="116">
        <v>0</v>
      </c>
      <c r="AH2669" s="116">
        <v>0</v>
      </c>
      <c r="AI2669" s="113">
        <v>0</v>
      </c>
      <c r="AJ2669" s="113">
        <v>0</v>
      </c>
      <c r="AK2669" s="113">
        <v>0</v>
      </c>
      <c r="AL2669" s="113">
        <v>0</v>
      </c>
      <c r="AM2669" s="113">
        <v>0</v>
      </c>
      <c r="AN2669" s="113">
        <v>1</v>
      </c>
      <c r="AO2669" s="113">
        <v>1</v>
      </c>
      <c r="AP2669" s="113">
        <v>1</v>
      </c>
      <c r="AQ2669" s="113">
        <v>0</v>
      </c>
      <c r="AR2669" s="113">
        <v>0</v>
      </c>
      <c r="AS2669" s="113">
        <v>0</v>
      </c>
      <c r="AT2669" s="113">
        <v>1</v>
      </c>
      <c r="AU2669" s="116">
        <v>0</v>
      </c>
      <c r="AV2669" s="113">
        <v>1</v>
      </c>
      <c r="AW2669" s="113">
        <v>0</v>
      </c>
      <c r="AX2669" s="113"/>
      <c r="AY2669" s="113"/>
      <c r="AZ2669" s="124" t="s">
        <v>23203</v>
      </c>
      <c r="BA2669" s="113" t="s">
        <v>19762</v>
      </c>
      <c r="BB2669" s="107">
        <v>45884</v>
      </c>
    </row>
    <row r="2670" spans="1:54" s="207" customFormat="1" ht="13.95" customHeight="1" x14ac:dyDescent="0.25">
      <c r="A2670" s="208" t="s">
        <v>6364</v>
      </c>
      <c r="B2670" s="209" t="s">
        <v>20420</v>
      </c>
      <c r="C2670" s="113" t="s">
        <v>6365</v>
      </c>
      <c r="D2670" s="113" t="s">
        <v>6366</v>
      </c>
      <c r="E2670" s="210">
        <v>1977</v>
      </c>
      <c r="F2670" s="210">
        <v>193102</v>
      </c>
      <c r="G2670" s="113" t="s">
        <v>6</v>
      </c>
      <c r="H2670" s="113">
        <v>1</v>
      </c>
      <c r="I2670" s="113">
        <v>1</v>
      </c>
      <c r="J2670" s="115">
        <v>1</v>
      </c>
      <c r="K2670" s="113">
        <v>1</v>
      </c>
      <c r="L2670" s="115">
        <v>1</v>
      </c>
      <c r="M2670" s="115">
        <v>1</v>
      </c>
      <c r="N2670" s="115">
        <v>0</v>
      </c>
      <c r="O2670" s="115">
        <v>0</v>
      </c>
      <c r="P2670" s="115">
        <v>1</v>
      </c>
      <c r="Q2670" s="115">
        <v>0</v>
      </c>
      <c r="R2670" s="115">
        <v>0</v>
      </c>
      <c r="S2670" s="115">
        <v>0</v>
      </c>
      <c r="T2670" s="115">
        <v>1</v>
      </c>
      <c r="U2670" s="113">
        <v>0</v>
      </c>
      <c r="V2670" s="113">
        <v>0</v>
      </c>
      <c r="W2670" s="113">
        <v>1</v>
      </c>
      <c r="X2670" s="113">
        <v>0</v>
      </c>
      <c r="Y2670" s="116">
        <v>0</v>
      </c>
      <c r="Z2670" s="113">
        <v>0</v>
      </c>
      <c r="AA2670" s="113">
        <v>0</v>
      </c>
      <c r="AB2670" s="113">
        <v>0</v>
      </c>
      <c r="AC2670" s="116">
        <v>0</v>
      </c>
      <c r="AD2670" s="116">
        <v>0</v>
      </c>
      <c r="AE2670" s="116">
        <v>0</v>
      </c>
      <c r="AF2670" s="116">
        <v>0</v>
      </c>
      <c r="AG2670" s="116">
        <v>0</v>
      </c>
      <c r="AH2670" s="116">
        <v>0</v>
      </c>
      <c r="AI2670" s="113">
        <v>0</v>
      </c>
      <c r="AJ2670" s="113">
        <v>0</v>
      </c>
      <c r="AK2670" s="113">
        <v>0</v>
      </c>
      <c r="AL2670" s="113">
        <v>1</v>
      </c>
      <c r="AM2670" s="113">
        <v>1</v>
      </c>
      <c r="AN2670" s="113">
        <v>0</v>
      </c>
      <c r="AO2670" s="113">
        <v>1</v>
      </c>
      <c r="AP2670" s="113">
        <v>0</v>
      </c>
      <c r="AQ2670" s="113">
        <v>0</v>
      </c>
      <c r="AR2670" s="113">
        <v>0</v>
      </c>
      <c r="AS2670" s="113">
        <v>0</v>
      </c>
      <c r="AT2670" s="113">
        <v>1</v>
      </c>
      <c r="AU2670" s="116">
        <v>0</v>
      </c>
      <c r="AV2670" s="113">
        <v>1</v>
      </c>
      <c r="AW2670" s="113">
        <v>0</v>
      </c>
      <c r="AX2670" s="113"/>
      <c r="AY2670" s="113"/>
      <c r="AZ2670" s="126" t="s">
        <v>22145</v>
      </c>
      <c r="BA2670" s="113" t="s">
        <v>19763</v>
      </c>
      <c r="BB2670" s="107">
        <v>45884</v>
      </c>
    </row>
    <row r="2671" spans="1:54" s="207" customFormat="1" ht="13.95" customHeight="1" x14ac:dyDescent="0.25">
      <c r="A2671" s="208" t="s">
        <v>6367</v>
      </c>
      <c r="B2671" s="209" t="s">
        <v>20420</v>
      </c>
      <c r="C2671" s="113" t="s">
        <v>6368</v>
      </c>
      <c r="D2671" s="113" t="s">
        <v>24062</v>
      </c>
      <c r="E2671" s="210">
        <v>1998</v>
      </c>
      <c r="F2671" s="210">
        <v>196206</v>
      </c>
      <c r="G2671" s="113" t="s">
        <v>6</v>
      </c>
      <c r="H2671" s="113">
        <v>1</v>
      </c>
      <c r="I2671" s="113">
        <v>1</v>
      </c>
      <c r="J2671" s="115">
        <v>1</v>
      </c>
      <c r="K2671" s="113">
        <v>1</v>
      </c>
      <c r="L2671" s="115">
        <v>0</v>
      </c>
      <c r="M2671" s="115">
        <v>0</v>
      </c>
      <c r="N2671" s="115">
        <v>0</v>
      </c>
      <c r="O2671" s="115">
        <v>0</v>
      </c>
      <c r="P2671" s="115">
        <v>1</v>
      </c>
      <c r="Q2671" s="115">
        <v>0</v>
      </c>
      <c r="R2671" s="115">
        <v>0</v>
      </c>
      <c r="S2671" s="115">
        <v>0</v>
      </c>
      <c r="T2671" s="115">
        <v>0</v>
      </c>
      <c r="U2671" s="113">
        <v>0</v>
      </c>
      <c r="V2671" s="113">
        <v>0</v>
      </c>
      <c r="W2671" s="113">
        <v>1</v>
      </c>
      <c r="X2671" s="113">
        <v>0</v>
      </c>
      <c r="Y2671" s="116">
        <v>0</v>
      </c>
      <c r="Z2671" s="113">
        <v>0</v>
      </c>
      <c r="AA2671" s="113">
        <v>0</v>
      </c>
      <c r="AB2671" s="113">
        <v>0</v>
      </c>
      <c r="AC2671" s="116">
        <v>0</v>
      </c>
      <c r="AD2671" s="116">
        <v>0</v>
      </c>
      <c r="AE2671" s="116">
        <v>0</v>
      </c>
      <c r="AF2671" s="116">
        <v>0</v>
      </c>
      <c r="AG2671" s="116">
        <v>0</v>
      </c>
      <c r="AH2671" s="116">
        <v>0</v>
      </c>
      <c r="AI2671" s="113">
        <v>0</v>
      </c>
      <c r="AJ2671" s="113">
        <v>0</v>
      </c>
      <c r="AK2671" s="113">
        <v>0</v>
      </c>
      <c r="AL2671" s="113">
        <v>0</v>
      </c>
      <c r="AM2671" s="113">
        <v>0</v>
      </c>
      <c r="AN2671" s="113">
        <v>0</v>
      </c>
      <c r="AO2671" s="113">
        <v>1</v>
      </c>
      <c r="AP2671" s="113">
        <v>0</v>
      </c>
      <c r="AQ2671" s="113">
        <v>0</v>
      </c>
      <c r="AR2671" s="113">
        <v>0</v>
      </c>
      <c r="AS2671" s="113">
        <v>1</v>
      </c>
      <c r="AT2671" s="121" t="s">
        <v>174</v>
      </c>
      <c r="AU2671" s="116">
        <v>0</v>
      </c>
      <c r="AV2671" s="113">
        <v>1</v>
      </c>
      <c r="AW2671" s="113">
        <v>0</v>
      </c>
      <c r="AX2671" s="113"/>
      <c r="AY2671" s="113"/>
      <c r="AZ2671" s="214" t="s">
        <v>21939</v>
      </c>
      <c r="BA2671" s="113" t="s">
        <v>21494</v>
      </c>
      <c r="BB2671" s="107">
        <v>45884</v>
      </c>
    </row>
    <row r="2672" spans="1:54" s="207" customFormat="1" ht="13.95" customHeight="1" x14ac:dyDescent="0.25">
      <c r="A2672" s="208" t="s">
        <v>6369</v>
      </c>
      <c r="B2672" s="209" t="s">
        <v>20420</v>
      </c>
      <c r="C2672" s="113" t="s">
        <v>6370</v>
      </c>
      <c r="D2672" s="113" t="s">
        <v>24063</v>
      </c>
      <c r="E2672" s="210">
        <v>1975</v>
      </c>
      <c r="F2672" s="210">
        <v>219208</v>
      </c>
      <c r="G2672" s="113" t="s">
        <v>6</v>
      </c>
      <c r="H2672" s="113">
        <v>1</v>
      </c>
      <c r="I2672" s="113">
        <v>1</v>
      </c>
      <c r="J2672" s="115">
        <v>1</v>
      </c>
      <c r="K2672" s="113">
        <v>0</v>
      </c>
      <c r="L2672" s="115">
        <v>1</v>
      </c>
      <c r="M2672" s="115">
        <v>1</v>
      </c>
      <c r="N2672" s="115">
        <v>0</v>
      </c>
      <c r="O2672" s="115">
        <v>1</v>
      </c>
      <c r="P2672" s="115">
        <v>0</v>
      </c>
      <c r="Q2672" s="115">
        <v>0</v>
      </c>
      <c r="R2672" s="115">
        <v>0</v>
      </c>
      <c r="S2672" s="115">
        <v>0</v>
      </c>
      <c r="T2672" s="115">
        <v>1</v>
      </c>
      <c r="U2672" s="113">
        <v>0</v>
      </c>
      <c r="V2672" s="113">
        <v>0</v>
      </c>
      <c r="W2672" s="113">
        <v>1</v>
      </c>
      <c r="X2672" s="113">
        <v>0</v>
      </c>
      <c r="Y2672" s="116">
        <v>0</v>
      </c>
      <c r="Z2672" s="113">
        <v>0</v>
      </c>
      <c r="AA2672" s="113">
        <v>0</v>
      </c>
      <c r="AB2672" s="113">
        <v>0</v>
      </c>
      <c r="AC2672" s="116">
        <v>0</v>
      </c>
      <c r="AD2672" s="116">
        <v>0</v>
      </c>
      <c r="AE2672" s="116">
        <v>0</v>
      </c>
      <c r="AF2672" s="116">
        <v>0</v>
      </c>
      <c r="AG2672" s="116">
        <v>0</v>
      </c>
      <c r="AH2672" s="116">
        <v>0</v>
      </c>
      <c r="AI2672" s="113">
        <v>0</v>
      </c>
      <c r="AJ2672" s="113">
        <v>0</v>
      </c>
      <c r="AK2672" s="113">
        <v>0</v>
      </c>
      <c r="AL2672" s="113">
        <v>0</v>
      </c>
      <c r="AM2672" s="113">
        <v>0</v>
      </c>
      <c r="AN2672" s="113">
        <v>0</v>
      </c>
      <c r="AO2672" s="113">
        <v>1</v>
      </c>
      <c r="AP2672" s="113">
        <v>0</v>
      </c>
      <c r="AQ2672" s="113">
        <v>0</v>
      </c>
      <c r="AR2672" s="113">
        <v>0</v>
      </c>
      <c r="AS2672" s="113">
        <v>0</v>
      </c>
      <c r="AT2672" s="113">
        <v>1</v>
      </c>
      <c r="AU2672" s="116">
        <v>0</v>
      </c>
      <c r="AV2672" s="113">
        <v>1</v>
      </c>
      <c r="AW2672" s="113">
        <v>0</v>
      </c>
      <c r="AX2672" s="113"/>
      <c r="AY2672" s="113"/>
      <c r="AZ2672" s="124" t="s">
        <v>21940</v>
      </c>
      <c r="BA2672" s="113" t="s">
        <v>19764</v>
      </c>
      <c r="BB2672" s="107">
        <v>45884</v>
      </c>
    </row>
    <row r="2673" spans="1:54" s="207" customFormat="1" ht="13.95" customHeight="1" x14ac:dyDescent="0.25">
      <c r="A2673" s="208" t="s">
        <v>6371</v>
      </c>
      <c r="B2673" s="209" t="s">
        <v>20420</v>
      </c>
      <c r="C2673" s="113" t="s">
        <v>6372</v>
      </c>
      <c r="D2673" s="113" t="s">
        <v>24064</v>
      </c>
      <c r="E2673" s="210">
        <v>1973</v>
      </c>
      <c r="F2673" s="210">
        <v>230762</v>
      </c>
      <c r="G2673" s="113" t="s">
        <v>6</v>
      </c>
      <c r="H2673" s="113">
        <v>1</v>
      </c>
      <c r="I2673" s="113">
        <v>1</v>
      </c>
      <c r="J2673" s="115">
        <v>1</v>
      </c>
      <c r="K2673" s="113">
        <v>0</v>
      </c>
      <c r="L2673" s="115">
        <v>0</v>
      </c>
      <c r="M2673" s="115">
        <v>1</v>
      </c>
      <c r="N2673" s="115">
        <v>1</v>
      </c>
      <c r="O2673" s="115">
        <v>1</v>
      </c>
      <c r="P2673" s="115">
        <v>0</v>
      </c>
      <c r="Q2673" s="115">
        <v>0</v>
      </c>
      <c r="R2673" s="115">
        <v>1</v>
      </c>
      <c r="S2673" s="115">
        <v>0</v>
      </c>
      <c r="T2673" s="115">
        <v>1</v>
      </c>
      <c r="U2673" s="113">
        <v>0</v>
      </c>
      <c r="V2673" s="113">
        <v>0</v>
      </c>
      <c r="W2673" s="113">
        <v>1</v>
      </c>
      <c r="X2673" s="113">
        <v>0</v>
      </c>
      <c r="Y2673" s="116">
        <v>0</v>
      </c>
      <c r="Z2673" s="113">
        <v>0</v>
      </c>
      <c r="AA2673" s="113">
        <v>0</v>
      </c>
      <c r="AB2673" s="113">
        <v>0</v>
      </c>
      <c r="AC2673" s="116">
        <v>0</v>
      </c>
      <c r="AD2673" s="116">
        <v>0</v>
      </c>
      <c r="AE2673" s="116">
        <v>0</v>
      </c>
      <c r="AF2673" s="116">
        <v>0</v>
      </c>
      <c r="AG2673" s="116">
        <v>0</v>
      </c>
      <c r="AH2673" s="116">
        <v>0</v>
      </c>
      <c r="AI2673" s="113">
        <v>0</v>
      </c>
      <c r="AJ2673" s="113">
        <v>0</v>
      </c>
      <c r="AK2673" s="113">
        <v>0</v>
      </c>
      <c r="AL2673" s="113">
        <v>0</v>
      </c>
      <c r="AM2673" s="113">
        <v>0</v>
      </c>
      <c r="AN2673" s="113">
        <v>0</v>
      </c>
      <c r="AO2673" s="113">
        <v>1</v>
      </c>
      <c r="AP2673" s="113">
        <v>0</v>
      </c>
      <c r="AQ2673" s="113">
        <v>0</v>
      </c>
      <c r="AR2673" s="113">
        <v>0</v>
      </c>
      <c r="AS2673" s="113">
        <v>0</v>
      </c>
      <c r="AT2673" s="113">
        <v>1</v>
      </c>
      <c r="AU2673" s="116">
        <v>0</v>
      </c>
      <c r="AV2673" s="113">
        <v>1</v>
      </c>
      <c r="AW2673" s="113">
        <v>0</v>
      </c>
      <c r="AX2673" s="113"/>
      <c r="AY2673" s="113"/>
      <c r="AZ2673" s="113"/>
      <c r="BA2673" s="113"/>
      <c r="BB2673" s="107">
        <v>45884</v>
      </c>
    </row>
    <row r="2674" spans="1:54" s="207" customFormat="1" ht="13.95" customHeight="1" x14ac:dyDescent="0.25">
      <c r="A2674" s="208" t="s">
        <v>6373</v>
      </c>
      <c r="B2674" s="209" t="s">
        <v>20420</v>
      </c>
      <c r="C2674" s="113" t="s">
        <v>6374</v>
      </c>
      <c r="D2674" s="113" t="s">
        <v>6375</v>
      </c>
      <c r="E2674" s="210">
        <v>1987</v>
      </c>
      <c r="F2674" s="210">
        <v>247983</v>
      </c>
      <c r="G2674" s="113" t="s">
        <v>8</v>
      </c>
      <c r="H2674" s="113">
        <v>1</v>
      </c>
      <c r="I2674" s="113">
        <v>1</v>
      </c>
      <c r="J2674" s="115">
        <v>1</v>
      </c>
      <c r="K2674" s="116" t="s">
        <v>174</v>
      </c>
      <c r="L2674" s="115">
        <v>0</v>
      </c>
      <c r="M2674" s="115">
        <v>0</v>
      </c>
      <c r="N2674" s="115">
        <v>0</v>
      </c>
      <c r="O2674" s="115">
        <v>0</v>
      </c>
      <c r="P2674" s="115" t="s">
        <v>400</v>
      </c>
      <c r="Q2674" s="115" t="s">
        <v>400</v>
      </c>
      <c r="R2674" s="115">
        <v>0</v>
      </c>
      <c r="S2674" s="115">
        <v>0</v>
      </c>
      <c r="T2674" s="115">
        <v>0</v>
      </c>
      <c r="U2674" s="113" t="s">
        <v>174</v>
      </c>
      <c r="V2674" s="113" t="s">
        <v>174</v>
      </c>
      <c r="W2674" s="113" t="s">
        <v>174</v>
      </c>
      <c r="X2674" s="113" t="s">
        <v>174</v>
      </c>
      <c r="Y2674" s="113" t="s">
        <v>174</v>
      </c>
      <c r="Z2674" s="113" t="s">
        <v>174</v>
      </c>
      <c r="AA2674" s="113" t="s">
        <v>174</v>
      </c>
      <c r="AB2674" s="113" t="s">
        <v>174</v>
      </c>
      <c r="AC2674" s="113" t="s">
        <v>174</v>
      </c>
      <c r="AD2674" s="113" t="s">
        <v>174</v>
      </c>
      <c r="AE2674" s="113" t="s">
        <v>174</v>
      </c>
      <c r="AF2674" s="113" t="s">
        <v>174</v>
      </c>
      <c r="AG2674" s="113" t="s">
        <v>174</v>
      </c>
      <c r="AH2674" s="113" t="s">
        <v>174</v>
      </c>
      <c r="AI2674" s="113" t="s">
        <v>174</v>
      </c>
      <c r="AJ2674" s="113" t="s">
        <v>174</v>
      </c>
      <c r="AK2674" s="113" t="s">
        <v>174</v>
      </c>
      <c r="AL2674" s="113" t="s">
        <v>174</v>
      </c>
      <c r="AM2674" s="113" t="s">
        <v>174</v>
      </c>
      <c r="AN2674" s="113" t="s">
        <v>174</v>
      </c>
      <c r="AO2674" s="113" t="s">
        <v>174</v>
      </c>
      <c r="AP2674" s="113" t="s">
        <v>174</v>
      </c>
      <c r="AQ2674" s="113" t="s">
        <v>174</v>
      </c>
      <c r="AR2674" s="113" t="s">
        <v>174</v>
      </c>
      <c r="AS2674" s="113" t="s">
        <v>174</v>
      </c>
      <c r="AT2674" s="121" t="s">
        <v>174</v>
      </c>
      <c r="AU2674" s="113" t="s">
        <v>174</v>
      </c>
      <c r="AV2674" s="113" t="s">
        <v>174</v>
      </c>
      <c r="AW2674" s="113" t="s">
        <v>174</v>
      </c>
      <c r="AX2674" s="113"/>
      <c r="AY2674" s="113"/>
      <c r="AZ2674" s="113"/>
      <c r="BA2674" s="113"/>
      <c r="BB2674" s="107">
        <v>45884</v>
      </c>
    </row>
    <row r="2675" spans="1:54" s="207" customFormat="1" ht="13.95" customHeight="1" x14ac:dyDescent="0.25">
      <c r="A2675" s="208" t="s">
        <v>6376</v>
      </c>
      <c r="B2675" s="209" t="s">
        <v>20420</v>
      </c>
      <c r="C2675" s="113" t="s">
        <v>6377</v>
      </c>
      <c r="D2675" s="113" t="s">
        <v>6378</v>
      </c>
      <c r="E2675" s="210">
        <v>1992</v>
      </c>
      <c r="F2675" s="210">
        <v>285000</v>
      </c>
      <c r="G2675" s="113" t="s">
        <v>4</v>
      </c>
      <c r="H2675" s="113">
        <v>1</v>
      </c>
      <c r="I2675" s="113">
        <v>1</v>
      </c>
      <c r="J2675" s="115">
        <v>1</v>
      </c>
      <c r="K2675" s="113">
        <v>0</v>
      </c>
      <c r="L2675" s="115">
        <v>0</v>
      </c>
      <c r="M2675" s="115">
        <v>0</v>
      </c>
      <c r="N2675" s="115">
        <v>0</v>
      </c>
      <c r="O2675" s="115">
        <v>0</v>
      </c>
      <c r="P2675" s="115">
        <v>0</v>
      </c>
      <c r="Q2675" s="115">
        <v>0</v>
      </c>
      <c r="R2675" s="115">
        <v>0</v>
      </c>
      <c r="S2675" s="115">
        <v>0</v>
      </c>
      <c r="T2675" s="115">
        <v>0</v>
      </c>
      <c r="U2675" s="113">
        <v>0</v>
      </c>
      <c r="V2675" s="113">
        <v>0</v>
      </c>
      <c r="W2675" s="113">
        <v>1</v>
      </c>
      <c r="X2675" s="113">
        <v>0</v>
      </c>
      <c r="Y2675" s="116">
        <v>0</v>
      </c>
      <c r="Z2675" s="113">
        <v>0</v>
      </c>
      <c r="AA2675" s="113">
        <v>0</v>
      </c>
      <c r="AB2675" s="113">
        <v>0</v>
      </c>
      <c r="AC2675" s="116">
        <v>0</v>
      </c>
      <c r="AD2675" s="116">
        <v>0</v>
      </c>
      <c r="AE2675" s="116">
        <v>0</v>
      </c>
      <c r="AF2675" s="116">
        <v>0</v>
      </c>
      <c r="AG2675" s="116">
        <v>0</v>
      </c>
      <c r="AH2675" s="116">
        <v>0</v>
      </c>
      <c r="AI2675" s="113">
        <v>0</v>
      </c>
      <c r="AJ2675" s="113">
        <v>0</v>
      </c>
      <c r="AK2675" s="113">
        <v>0</v>
      </c>
      <c r="AL2675" s="113">
        <v>0</v>
      </c>
      <c r="AM2675" s="113">
        <v>0</v>
      </c>
      <c r="AN2675" s="113">
        <v>0</v>
      </c>
      <c r="AO2675" s="113">
        <v>0</v>
      </c>
      <c r="AP2675" s="113">
        <v>0</v>
      </c>
      <c r="AQ2675" s="113">
        <v>0</v>
      </c>
      <c r="AR2675" s="113">
        <v>0</v>
      </c>
      <c r="AS2675" s="113">
        <v>0</v>
      </c>
      <c r="AT2675" s="113">
        <v>1</v>
      </c>
      <c r="AU2675" s="116">
        <v>0</v>
      </c>
      <c r="AV2675" s="113">
        <v>1</v>
      </c>
      <c r="AW2675" s="113">
        <v>0</v>
      </c>
      <c r="AX2675" s="113"/>
      <c r="AY2675" s="113"/>
      <c r="AZ2675" s="113"/>
      <c r="BA2675" s="113"/>
      <c r="BB2675" s="107">
        <v>45884</v>
      </c>
    </row>
    <row r="2676" spans="1:54" s="207" customFormat="1" ht="13.95" customHeight="1" x14ac:dyDescent="0.25">
      <c r="A2676" s="208" t="s">
        <v>6379</v>
      </c>
      <c r="B2676" s="209" t="s">
        <v>20420</v>
      </c>
      <c r="C2676" s="113" t="s">
        <v>6380</v>
      </c>
      <c r="D2676" s="113" t="s">
        <v>24065</v>
      </c>
      <c r="E2676" s="210">
        <v>1949</v>
      </c>
      <c r="F2676" s="210">
        <v>287037</v>
      </c>
      <c r="G2676" s="113" t="s">
        <v>0</v>
      </c>
      <c r="H2676" s="113">
        <v>1</v>
      </c>
      <c r="I2676" s="113">
        <v>1</v>
      </c>
      <c r="J2676" s="115">
        <v>1</v>
      </c>
      <c r="K2676" s="211">
        <v>1</v>
      </c>
      <c r="L2676" s="115">
        <v>1</v>
      </c>
      <c r="M2676" s="115">
        <v>1</v>
      </c>
      <c r="N2676" s="115">
        <v>1</v>
      </c>
      <c r="O2676" s="115">
        <v>1</v>
      </c>
      <c r="P2676" s="115">
        <v>1</v>
      </c>
      <c r="Q2676" s="120">
        <v>1</v>
      </c>
      <c r="R2676" s="115">
        <v>1</v>
      </c>
      <c r="S2676" s="115">
        <v>0</v>
      </c>
      <c r="T2676" s="115">
        <v>1</v>
      </c>
      <c r="U2676" s="113" t="s">
        <v>174</v>
      </c>
      <c r="V2676" s="113" t="s">
        <v>174</v>
      </c>
      <c r="W2676" s="113" t="s">
        <v>174</v>
      </c>
      <c r="X2676" s="113" t="s">
        <v>174</v>
      </c>
      <c r="Y2676" s="113" t="s">
        <v>174</v>
      </c>
      <c r="Z2676" s="113">
        <v>1</v>
      </c>
      <c r="AA2676" s="113" t="s">
        <v>174</v>
      </c>
      <c r="AB2676" s="113">
        <v>1</v>
      </c>
      <c r="AC2676" s="113" t="s">
        <v>174</v>
      </c>
      <c r="AD2676" s="113">
        <v>1</v>
      </c>
      <c r="AE2676" s="113" t="s">
        <v>174</v>
      </c>
      <c r="AF2676" s="113" t="s">
        <v>174</v>
      </c>
      <c r="AG2676" s="113">
        <v>1</v>
      </c>
      <c r="AH2676" s="113">
        <v>1</v>
      </c>
      <c r="AI2676" s="113" t="s">
        <v>174</v>
      </c>
      <c r="AJ2676" s="113" t="s">
        <v>174</v>
      </c>
      <c r="AK2676" s="113" t="s">
        <v>174</v>
      </c>
      <c r="AL2676" s="113" t="s">
        <v>174</v>
      </c>
      <c r="AM2676" s="113" t="s">
        <v>174</v>
      </c>
      <c r="AN2676" s="113" t="s">
        <v>174</v>
      </c>
      <c r="AO2676" s="113" t="s">
        <v>174</v>
      </c>
      <c r="AP2676" s="113" t="s">
        <v>174</v>
      </c>
      <c r="AQ2676" s="113" t="s">
        <v>174</v>
      </c>
      <c r="AR2676" s="113" t="s">
        <v>174</v>
      </c>
      <c r="AS2676" s="113" t="s">
        <v>174</v>
      </c>
      <c r="AT2676" s="121" t="s">
        <v>174</v>
      </c>
      <c r="AU2676" s="113" t="s">
        <v>174</v>
      </c>
      <c r="AV2676" s="113">
        <v>1</v>
      </c>
      <c r="AW2676" s="113" t="s">
        <v>174</v>
      </c>
      <c r="AX2676" s="113"/>
      <c r="AY2676" s="113"/>
      <c r="AZ2676" s="124" t="s">
        <v>23203</v>
      </c>
      <c r="BA2676" s="113" t="s">
        <v>19480</v>
      </c>
      <c r="BB2676" s="107">
        <v>45884</v>
      </c>
    </row>
    <row r="2677" spans="1:54" s="207" customFormat="1" ht="13.95" customHeight="1" x14ac:dyDescent="0.25">
      <c r="A2677" s="208" t="s">
        <v>6381</v>
      </c>
      <c r="B2677" s="209" t="s">
        <v>20420</v>
      </c>
      <c r="C2677" s="113" t="s">
        <v>6382</v>
      </c>
      <c r="D2677" s="113" t="s">
        <v>6383</v>
      </c>
      <c r="E2677" s="210">
        <v>1998</v>
      </c>
      <c r="F2677" s="210">
        <v>677992</v>
      </c>
      <c r="G2677" s="113" t="s">
        <v>0</v>
      </c>
      <c r="H2677" s="113">
        <v>1</v>
      </c>
      <c r="I2677" s="113">
        <v>1</v>
      </c>
      <c r="J2677" s="115">
        <v>1</v>
      </c>
      <c r="K2677" s="116" t="s">
        <v>174</v>
      </c>
      <c r="L2677" s="115">
        <v>1</v>
      </c>
      <c r="M2677" s="115">
        <v>1</v>
      </c>
      <c r="N2677" s="115">
        <v>1</v>
      </c>
      <c r="O2677" s="115">
        <v>0</v>
      </c>
      <c r="P2677" s="115">
        <v>1</v>
      </c>
      <c r="Q2677" s="115" t="s">
        <v>400</v>
      </c>
      <c r="R2677" s="115">
        <v>0</v>
      </c>
      <c r="S2677" s="115">
        <v>0</v>
      </c>
      <c r="T2677" s="115">
        <v>0</v>
      </c>
      <c r="U2677" s="113" t="s">
        <v>174</v>
      </c>
      <c r="V2677" s="113" t="s">
        <v>174</v>
      </c>
      <c r="W2677" s="113" t="s">
        <v>174</v>
      </c>
      <c r="X2677" s="113" t="s">
        <v>174</v>
      </c>
      <c r="Y2677" s="113" t="s">
        <v>174</v>
      </c>
      <c r="Z2677" s="113">
        <v>1</v>
      </c>
      <c r="AA2677" s="113">
        <v>1</v>
      </c>
      <c r="AB2677" s="113">
        <v>1</v>
      </c>
      <c r="AC2677" s="113" t="s">
        <v>174</v>
      </c>
      <c r="AD2677" s="113">
        <v>1</v>
      </c>
      <c r="AE2677" s="113" t="s">
        <v>174</v>
      </c>
      <c r="AF2677" s="113">
        <v>1</v>
      </c>
      <c r="AG2677" s="113" t="s">
        <v>174</v>
      </c>
      <c r="AH2677" s="113">
        <v>1</v>
      </c>
      <c r="AI2677" s="113" t="s">
        <v>174</v>
      </c>
      <c r="AJ2677" s="113" t="s">
        <v>174</v>
      </c>
      <c r="AK2677" s="113" t="s">
        <v>174</v>
      </c>
      <c r="AL2677" s="113" t="s">
        <v>174</v>
      </c>
      <c r="AM2677" s="113" t="s">
        <v>174</v>
      </c>
      <c r="AN2677" s="113" t="s">
        <v>174</v>
      </c>
      <c r="AO2677" s="113">
        <v>1</v>
      </c>
      <c r="AP2677" s="113" t="s">
        <v>174</v>
      </c>
      <c r="AQ2677" s="113">
        <v>1</v>
      </c>
      <c r="AR2677" s="113" t="s">
        <v>174</v>
      </c>
      <c r="AS2677" s="113" t="s">
        <v>174</v>
      </c>
      <c r="AT2677" s="121" t="s">
        <v>174</v>
      </c>
      <c r="AU2677" s="113" t="s">
        <v>174</v>
      </c>
      <c r="AV2677" s="113">
        <v>1</v>
      </c>
      <c r="AW2677" s="113" t="s">
        <v>174</v>
      </c>
      <c r="AX2677" s="113"/>
      <c r="AY2677" s="113"/>
      <c r="AZ2677" s="124" t="s">
        <v>23203</v>
      </c>
      <c r="BA2677" s="113" t="s">
        <v>19478</v>
      </c>
      <c r="BB2677" s="107">
        <v>45884</v>
      </c>
    </row>
    <row r="2678" spans="1:54" s="207" customFormat="1" ht="13.95" customHeight="1" x14ac:dyDescent="0.25">
      <c r="A2678" s="208" t="s">
        <v>6384</v>
      </c>
      <c r="B2678" s="209" t="s">
        <v>20420</v>
      </c>
      <c r="C2678" s="113" t="s">
        <v>6385</v>
      </c>
      <c r="D2678" s="113" t="s">
        <v>6386</v>
      </c>
      <c r="E2678" s="210">
        <v>1972</v>
      </c>
      <c r="F2678" s="210">
        <v>464118</v>
      </c>
      <c r="G2678" s="113" t="s">
        <v>4</v>
      </c>
      <c r="H2678" s="113">
        <v>1</v>
      </c>
      <c r="I2678" s="113">
        <v>1</v>
      </c>
      <c r="J2678" s="115">
        <v>1</v>
      </c>
      <c r="K2678" s="113">
        <v>0</v>
      </c>
      <c r="L2678" s="115">
        <v>0</v>
      </c>
      <c r="M2678" s="115">
        <v>1</v>
      </c>
      <c r="N2678" s="115">
        <v>0</v>
      </c>
      <c r="O2678" s="115">
        <v>1</v>
      </c>
      <c r="P2678" s="115">
        <v>1</v>
      </c>
      <c r="Q2678" s="115">
        <v>0</v>
      </c>
      <c r="R2678" s="115">
        <v>0</v>
      </c>
      <c r="S2678" s="115">
        <v>0</v>
      </c>
      <c r="T2678" s="115">
        <v>0</v>
      </c>
      <c r="U2678" s="113">
        <v>1</v>
      </c>
      <c r="V2678" s="113">
        <v>0</v>
      </c>
      <c r="W2678" s="113">
        <v>1</v>
      </c>
      <c r="X2678" s="113">
        <v>0</v>
      </c>
      <c r="Y2678" s="116">
        <v>0</v>
      </c>
      <c r="Z2678" s="113">
        <v>0</v>
      </c>
      <c r="AA2678" s="113">
        <v>0</v>
      </c>
      <c r="AB2678" s="113">
        <v>1</v>
      </c>
      <c r="AC2678" s="116">
        <v>0</v>
      </c>
      <c r="AD2678" s="116">
        <v>0</v>
      </c>
      <c r="AE2678" s="116">
        <v>0</v>
      </c>
      <c r="AF2678" s="116">
        <v>0</v>
      </c>
      <c r="AG2678" s="116">
        <v>0</v>
      </c>
      <c r="AH2678" s="116">
        <v>0</v>
      </c>
      <c r="AI2678" s="113">
        <v>1</v>
      </c>
      <c r="AJ2678" s="113">
        <v>0</v>
      </c>
      <c r="AK2678" s="113">
        <v>0</v>
      </c>
      <c r="AL2678" s="113">
        <v>0</v>
      </c>
      <c r="AM2678" s="113">
        <v>0</v>
      </c>
      <c r="AN2678" s="113">
        <v>1</v>
      </c>
      <c r="AO2678" s="113">
        <v>1</v>
      </c>
      <c r="AP2678" s="113">
        <v>1</v>
      </c>
      <c r="AQ2678" s="113">
        <v>0</v>
      </c>
      <c r="AR2678" s="113">
        <v>0</v>
      </c>
      <c r="AS2678" s="113">
        <v>0</v>
      </c>
      <c r="AT2678" s="121" t="s">
        <v>174</v>
      </c>
      <c r="AU2678" s="116">
        <v>0</v>
      </c>
      <c r="AV2678" s="113">
        <v>1</v>
      </c>
      <c r="AW2678" s="113">
        <v>0</v>
      </c>
      <c r="AX2678" s="113" t="s">
        <v>21490</v>
      </c>
      <c r="AY2678" s="113" t="s">
        <v>22146</v>
      </c>
      <c r="AZ2678" s="124" t="s">
        <v>23203</v>
      </c>
      <c r="BA2678" s="113" t="s">
        <v>19478</v>
      </c>
      <c r="BB2678" s="107">
        <v>45884</v>
      </c>
    </row>
    <row r="2679" spans="1:54" s="207" customFormat="1" ht="13.95" customHeight="1" x14ac:dyDescent="0.25">
      <c r="A2679" s="208" t="s">
        <v>6387</v>
      </c>
      <c r="B2679" s="209" t="s">
        <v>20420</v>
      </c>
      <c r="C2679" s="113" t="s">
        <v>6388</v>
      </c>
      <c r="D2679" s="113" t="s">
        <v>6389</v>
      </c>
      <c r="E2679" s="210">
        <v>1988</v>
      </c>
      <c r="F2679" s="210">
        <v>471063</v>
      </c>
      <c r="G2679" s="113" t="s">
        <v>6</v>
      </c>
      <c r="H2679" s="113">
        <v>1</v>
      </c>
      <c r="I2679" s="113">
        <v>1</v>
      </c>
      <c r="J2679" s="115">
        <v>1</v>
      </c>
      <c r="K2679" s="113">
        <v>0</v>
      </c>
      <c r="L2679" s="115">
        <v>1</v>
      </c>
      <c r="M2679" s="115">
        <v>1</v>
      </c>
      <c r="N2679" s="115">
        <v>1</v>
      </c>
      <c r="O2679" s="115">
        <v>1</v>
      </c>
      <c r="P2679" s="115">
        <v>0</v>
      </c>
      <c r="Q2679" s="115">
        <v>0</v>
      </c>
      <c r="R2679" s="115">
        <v>0</v>
      </c>
      <c r="S2679" s="115">
        <v>0</v>
      </c>
      <c r="T2679" s="115">
        <v>0</v>
      </c>
      <c r="U2679" s="113">
        <v>0</v>
      </c>
      <c r="V2679" s="113">
        <v>0</v>
      </c>
      <c r="W2679" s="113">
        <v>1</v>
      </c>
      <c r="X2679" s="113">
        <v>1</v>
      </c>
      <c r="Y2679" s="116">
        <v>0</v>
      </c>
      <c r="Z2679" s="113">
        <v>0</v>
      </c>
      <c r="AA2679" s="113">
        <v>1</v>
      </c>
      <c r="AB2679" s="113">
        <v>0</v>
      </c>
      <c r="AC2679" s="116">
        <v>0</v>
      </c>
      <c r="AD2679" s="116">
        <v>0</v>
      </c>
      <c r="AE2679" s="116">
        <v>0</v>
      </c>
      <c r="AF2679" s="116">
        <v>0</v>
      </c>
      <c r="AG2679" s="116">
        <v>0</v>
      </c>
      <c r="AH2679" s="116">
        <v>0</v>
      </c>
      <c r="AI2679" s="113">
        <v>0</v>
      </c>
      <c r="AJ2679" s="113">
        <v>0</v>
      </c>
      <c r="AK2679" s="113">
        <v>0</v>
      </c>
      <c r="AL2679" s="113">
        <v>0</v>
      </c>
      <c r="AM2679" s="113">
        <v>0</v>
      </c>
      <c r="AN2679" s="113">
        <v>1</v>
      </c>
      <c r="AO2679" s="113">
        <v>1</v>
      </c>
      <c r="AP2679" s="113">
        <v>1</v>
      </c>
      <c r="AQ2679" s="113">
        <v>0</v>
      </c>
      <c r="AR2679" s="113">
        <v>0</v>
      </c>
      <c r="AS2679" s="113">
        <v>0</v>
      </c>
      <c r="AT2679" s="121" t="s">
        <v>174</v>
      </c>
      <c r="AU2679" s="116">
        <v>0</v>
      </c>
      <c r="AV2679" s="113">
        <v>1</v>
      </c>
      <c r="AW2679" s="113">
        <v>0</v>
      </c>
      <c r="AX2679" s="113"/>
      <c r="AY2679" s="113"/>
      <c r="AZ2679" s="124" t="s">
        <v>21941</v>
      </c>
      <c r="BA2679" s="113" t="s">
        <v>19765</v>
      </c>
      <c r="BB2679" s="107">
        <v>45884</v>
      </c>
    </row>
    <row r="2680" spans="1:54" s="207" customFormat="1" ht="13.95" customHeight="1" x14ac:dyDescent="0.25">
      <c r="A2680" s="208" t="s">
        <v>6390</v>
      </c>
      <c r="B2680" s="209" t="s">
        <v>20420</v>
      </c>
      <c r="C2680" s="113" t="s">
        <v>6391</v>
      </c>
      <c r="D2680" s="113" t="s">
        <v>24066</v>
      </c>
      <c r="E2680" s="210">
        <v>1999</v>
      </c>
      <c r="F2680" s="210">
        <v>623423</v>
      </c>
      <c r="G2680" s="113" t="s">
        <v>4</v>
      </c>
      <c r="H2680" s="113">
        <v>1</v>
      </c>
      <c r="I2680" s="113">
        <v>1</v>
      </c>
      <c r="J2680" s="115">
        <v>1</v>
      </c>
      <c r="K2680" s="113">
        <v>0</v>
      </c>
      <c r="L2680" s="115">
        <v>1</v>
      </c>
      <c r="M2680" s="115">
        <v>1</v>
      </c>
      <c r="N2680" s="115">
        <v>0</v>
      </c>
      <c r="O2680" s="115">
        <v>1</v>
      </c>
      <c r="P2680" s="115">
        <v>0</v>
      </c>
      <c r="Q2680" s="115">
        <v>0</v>
      </c>
      <c r="R2680" s="115">
        <v>1</v>
      </c>
      <c r="S2680" s="115">
        <v>0</v>
      </c>
      <c r="T2680" s="115">
        <v>1</v>
      </c>
      <c r="U2680" s="113">
        <v>0</v>
      </c>
      <c r="V2680" s="113">
        <v>0</v>
      </c>
      <c r="W2680" s="113">
        <v>1</v>
      </c>
      <c r="X2680" s="113">
        <v>0</v>
      </c>
      <c r="Y2680" s="116">
        <v>0</v>
      </c>
      <c r="Z2680" s="113">
        <v>0</v>
      </c>
      <c r="AA2680" s="113">
        <v>0</v>
      </c>
      <c r="AB2680" s="113">
        <v>0</v>
      </c>
      <c r="AC2680" s="116">
        <v>0</v>
      </c>
      <c r="AD2680" s="116">
        <v>0</v>
      </c>
      <c r="AE2680" s="116">
        <v>0</v>
      </c>
      <c r="AF2680" s="116">
        <v>0</v>
      </c>
      <c r="AG2680" s="116">
        <v>0</v>
      </c>
      <c r="AH2680" s="116">
        <v>0</v>
      </c>
      <c r="AI2680" s="113">
        <v>1</v>
      </c>
      <c r="AJ2680" s="113">
        <v>0</v>
      </c>
      <c r="AK2680" s="113">
        <v>0</v>
      </c>
      <c r="AL2680" s="113">
        <v>1</v>
      </c>
      <c r="AM2680" s="113">
        <v>1</v>
      </c>
      <c r="AN2680" s="113">
        <v>1</v>
      </c>
      <c r="AO2680" s="113">
        <v>1</v>
      </c>
      <c r="AP2680" s="113">
        <v>0</v>
      </c>
      <c r="AQ2680" s="113">
        <v>0</v>
      </c>
      <c r="AR2680" s="113">
        <v>0</v>
      </c>
      <c r="AS2680" s="113">
        <v>1</v>
      </c>
      <c r="AT2680" s="113">
        <v>1</v>
      </c>
      <c r="AU2680" s="116">
        <v>0</v>
      </c>
      <c r="AV2680" s="113">
        <v>1</v>
      </c>
      <c r="AW2680" s="113">
        <v>0</v>
      </c>
      <c r="AX2680" s="113" t="s">
        <v>21491</v>
      </c>
      <c r="AY2680" s="113" t="s">
        <v>22147</v>
      </c>
      <c r="AZ2680" s="124" t="s">
        <v>19485</v>
      </c>
      <c r="BA2680" s="113" t="s">
        <v>19766</v>
      </c>
      <c r="BB2680" s="107">
        <v>45884</v>
      </c>
    </row>
    <row r="2681" spans="1:54" s="207" customFormat="1" ht="13.95" customHeight="1" x14ac:dyDescent="0.25">
      <c r="A2681" s="208" t="s">
        <v>6392</v>
      </c>
      <c r="B2681" s="209" t="s">
        <v>20420</v>
      </c>
      <c r="C2681" s="113" t="s">
        <v>6393</v>
      </c>
      <c r="D2681" s="113" t="s">
        <v>24067</v>
      </c>
      <c r="E2681" s="210">
        <v>1982</v>
      </c>
      <c r="F2681" s="210">
        <v>577593</v>
      </c>
      <c r="G2681" s="113" t="s">
        <v>4</v>
      </c>
      <c r="H2681" s="113">
        <v>1</v>
      </c>
      <c r="I2681" s="113">
        <v>0</v>
      </c>
      <c r="J2681" s="115">
        <v>1</v>
      </c>
      <c r="K2681" s="113">
        <v>0</v>
      </c>
      <c r="L2681" s="120">
        <v>0</v>
      </c>
      <c r="M2681" s="120">
        <v>0</v>
      </c>
      <c r="N2681" s="115">
        <v>1</v>
      </c>
      <c r="O2681" s="115">
        <v>0</v>
      </c>
      <c r="P2681" s="115">
        <v>1</v>
      </c>
      <c r="Q2681" s="115">
        <v>1</v>
      </c>
      <c r="R2681" s="115">
        <v>0</v>
      </c>
      <c r="S2681" s="115">
        <v>0</v>
      </c>
      <c r="T2681" s="115">
        <v>0</v>
      </c>
      <c r="U2681" s="113">
        <v>1</v>
      </c>
      <c r="V2681" s="113">
        <v>0</v>
      </c>
      <c r="W2681" s="113">
        <v>1</v>
      </c>
      <c r="X2681" s="113">
        <v>0</v>
      </c>
      <c r="Y2681" s="116">
        <v>0</v>
      </c>
      <c r="Z2681" s="113">
        <v>0</v>
      </c>
      <c r="AA2681" s="113">
        <v>0</v>
      </c>
      <c r="AB2681" s="113">
        <v>0</v>
      </c>
      <c r="AC2681" s="116">
        <v>0</v>
      </c>
      <c r="AD2681" s="116">
        <v>0</v>
      </c>
      <c r="AE2681" s="116">
        <v>0</v>
      </c>
      <c r="AF2681" s="116">
        <v>0</v>
      </c>
      <c r="AG2681" s="116">
        <v>0</v>
      </c>
      <c r="AH2681" s="116">
        <v>0</v>
      </c>
      <c r="AI2681" s="113">
        <v>0</v>
      </c>
      <c r="AJ2681" s="113">
        <v>0</v>
      </c>
      <c r="AK2681" s="113">
        <v>0</v>
      </c>
      <c r="AL2681" s="113">
        <v>0</v>
      </c>
      <c r="AM2681" s="113">
        <v>1</v>
      </c>
      <c r="AN2681" s="113">
        <v>1</v>
      </c>
      <c r="AO2681" s="113">
        <v>1</v>
      </c>
      <c r="AP2681" s="113">
        <v>1</v>
      </c>
      <c r="AQ2681" s="113">
        <v>0</v>
      </c>
      <c r="AR2681" s="113">
        <v>0</v>
      </c>
      <c r="AS2681" s="113">
        <v>0</v>
      </c>
      <c r="AT2681" s="113">
        <v>1</v>
      </c>
      <c r="AU2681" s="116">
        <v>0</v>
      </c>
      <c r="AV2681" s="113">
        <v>1</v>
      </c>
      <c r="AW2681" s="113">
        <v>0</v>
      </c>
      <c r="AX2681" s="113" t="s">
        <v>21491</v>
      </c>
      <c r="AY2681" s="113" t="s">
        <v>22148</v>
      </c>
      <c r="AZ2681" s="124" t="s">
        <v>19486</v>
      </c>
      <c r="BA2681" s="113" t="s">
        <v>19767</v>
      </c>
      <c r="BB2681" s="107">
        <v>45884</v>
      </c>
    </row>
    <row r="2682" spans="1:54" s="207" customFormat="1" ht="13.65" customHeight="1" x14ac:dyDescent="0.25">
      <c r="A2682" s="208" t="s">
        <v>20222</v>
      </c>
      <c r="B2682" s="209" t="s">
        <v>19892</v>
      </c>
      <c r="C2682" s="113" t="s">
        <v>19893</v>
      </c>
      <c r="D2682" s="113" t="s">
        <v>24068</v>
      </c>
      <c r="E2682" s="210">
        <v>2016</v>
      </c>
      <c r="F2682" s="210">
        <v>1409</v>
      </c>
      <c r="G2682" s="113" t="s">
        <v>1</v>
      </c>
      <c r="H2682" s="113">
        <v>0</v>
      </c>
      <c r="I2682" s="113">
        <v>0</v>
      </c>
      <c r="J2682" s="115">
        <v>1</v>
      </c>
      <c r="K2682" s="113" t="s">
        <v>174</v>
      </c>
      <c r="L2682" s="115">
        <v>1</v>
      </c>
      <c r="M2682" s="115">
        <v>0</v>
      </c>
      <c r="N2682" s="115">
        <v>0</v>
      </c>
      <c r="O2682" s="115">
        <v>0</v>
      </c>
      <c r="P2682" s="115">
        <v>1</v>
      </c>
      <c r="Q2682" s="115" t="s">
        <v>400</v>
      </c>
      <c r="R2682" s="115">
        <v>0</v>
      </c>
      <c r="S2682" s="115">
        <v>0</v>
      </c>
      <c r="T2682" s="115">
        <v>0</v>
      </c>
      <c r="U2682" s="119"/>
      <c r="V2682" s="119"/>
      <c r="W2682" s="119"/>
      <c r="X2682" s="119"/>
      <c r="Y2682" s="119"/>
      <c r="Z2682" s="119"/>
      <c r="AA2682" s="119"/>
      <c r="AB2682" s="119"/>
      <c r="AC2682" s="119"/>
      <c r="AD2682" s="119"/>
      <c r="AE2682" s="119"/>
      <c r="AF2682" s="119"/>
      <c r="AG2682" s="119"/>
      <c r="AH2682" s="119"/>
      <c r="AI2682" s="119"/>
      <c r="AJ2682" s="119"/>
      <c r="AK2682" s="119"/>
      <c r="AL2682" s="119"/>
      <c r="AM2682" s="119"/>
      <c r="AN2682" s="119"/>
      <c r="AO2682" s="119"/>
      <c r="AP2682" s="119"/>
      <c r="AQ2682" s="119"/>
      <c r="AR2682" s="119"/>
      <c r="AS2682" s="119"/>
      <c r="AT2682" s="119"/>
      <c r="AU2682" s="119"/>
      <c r="AV2682" s="119"/>
      <c r="AW2682" s="119"/>
      <c r="AX2682" s="119"/>
      <c r="AY2682" s="119"/>
      <c r="AZ2682" s="118"/>
      <c r="BA2682" s="119"/>
      <c r="BB2682" s="107">
        <v>45884</v>
      </c>
    </row>
    <row r="2683" spans="1:54" s="207" customFormat="1" ht="13.65" customHeight="1" x14ac:dyDescent="0.25">
      <c r="A2683" s="208" t="s">
        <v>20223</v>
      </c>
      <c r="B2683" s="209" t="s">
        <v>19892</v>
      </c>
      <c r="C2683" s="113" t="s">
        <v>19894</v>
      </c>
      <c r="D2683" s="113" t="s">
        <v>20214</v>
      </c>
      <c r="E2683" s="210">
        <v>2017</v>
      </c>
      <c r="F2683" s="210">
        <v>3479</v>
      </c>
      <c r="G2683" s="113" t="s">
        <v>1</v>
      </c>
      <c r="H2683" s="113">
        <v>1</v>
      </c>
      <c r="I2683" s="113">
        <v>1</v>
      </c>
      <c r="J2683" s="115">
        <v>1</v>
      </c>
      <c r="K2683" s="211">
        <v>1</v>
      </c>
      <c r="L2683" s="115">
        <v>0</v>
      </c>
      <c r="M2683" s="115">
        <v>0</v>
      </c>
      <c r="N2683" s="115">
        <v>1</v>
      </c>
      <c r="O2683" s="115">
        <v>0</v>
      </c>
      <c r="P2683" s="115" t="s">
        <v>400</v>
      </c>
      <c r="Q2683" s="115">
        <v>1</v>
      </c>
      <c r="R2683" s="115">
        <v>0</v>
      </c>
      <c r="S2683" s="115">
        <v>0</v>
      </c>
      <c r="T2683" s="115">
        <v>0</v>
      </c>
      <c r="U2683" s="119"/>
      <c r="V2683" s="119"/>
      <c r="W2683" s="119"/>
      <c r="X2683" s="119"/>
      <c r="Y2683" s="119"/>
      <c r="Z2683" s="119"/>
      <c r="AA2683" s="119"/>
      <c r="AB2683" s="119"/>
      <c r="AC2683" s="119"/>
      <c r="AD2683" s="119"/>
      <c r="AE2683" s="119"/>
      <c r="AF2683" s="119"/>
      <c r="AG2683" s="119"/>
      <c r="AH2683" s="119"/>
      <c r="AI2683" s="119"/>
      <c r="AJ2683" s="119"/>
      <c r="AK2683" s="119"/>
      <c r="AL2683" s="119"/>
      <c r="AM2683" s="119"/>
      <c r="AN2683" s="119"/>
      <c r="AO2683" s="119"/>
      <c r="AP2683" s="119"/>
      <c r="AQ2683" s="119"/>
      <c r="AR2683" s="119"/>
      <c r="AS2683" s="119"/>
      <c r="AT2683" s="119"/>
      <c r="AU2683" s="119"/>
      <c r="AV2683" s="119"/>
      <c r="AW2683" s="119"/>
      <c r="AX2683" s="119"/>
      <c r="AY2683" s="119"/>
      <c r="AZ2683" s="118"/>
      <c r="BA2683" s="119"/>
      <c r="BB2683" s="107">
        <v>45884</v>
      </c>
    </row>
    <row r="2684" spans="1:54" s="207" customFormat="1" ht="13.65" customHeight="1" x14ac:dyDescent="0.25">
      <c r="A2684" s="208" t="s">
        <v>20224</v>
      </c>
      <c r="B2684" s="209" t="s">
        <v>19892</v>
      </c>
      <c r="C2684" s="113" t="s">
        <v>19895</v>
      </c>
      <c r="D2684" s="113" t="s">
        <v>24069</v>
      </c>
      <c r="E2684" s="210">
        <v>2017</v>
      </c>
      <c r="F2684" s="210">
        <v>611</v>
      </c>
      <c r="G2684" s="113" t="s">
        <v>1</v>
      </c>
      <c r="H2684" s="113">
        <v>0</v>
      </c>
      <c r="I2684" s="113">
        <v>0</v>
      </c>
      <c r="J2684" s="115">
        <v>1</v>
      </c>
      <c r="K2684" s="113" t="s">
        <v>174</v>
      </c>
      <c r="L2684" s="115">
        <v>0</v>
      </c>
      <c r="M2684" s="115">
        <v>0</v>
      </c>
      <c r="N2684" s="115">
        <v>0</v>
      </c>
      <c r="O2684" s="115">
        <v>1</v>
      </c>
      <c r="P2684" s="115">
        <v>1</v>
      </c>
      <c r="Q2684" s="115" t="s">
        <v>400</v>
      </c>
      <c r="R2684" s="115">
        <v>1</v>
      </c>
      <c r="S2684" s="115">
        <v>0</v>
      </c>
      <c r="T2684" s="115">
        <v>0</v>
      </c>
      <c r="U2684" s="119"/>
      <c r="V2684" s="119"/>
      <c r="W2684" s="119"/>
      <c r="X2684" s="119"/>
      <c r="Y2684" s="119"/>
      <c r="Z2684" s="119"/>
      <c r="AA2684" s="119"/>
      <c r="AB2684" s="119"/>
      <c r="AC2684" s="119"/>
      <c r="AD2684" s="119"/>
      <c r="AE2684" s="119"/>
      <c r="AF2684" s="119"/>
      <c r="AG2684" s="119"/>
      <c r="AH2684" s="119"/>
      <c r="AI2684" s="119"/>
      <c r="AJ2684" s="119"/>
      <c r="AK2684" s="119"/>
      <c r="AL2684" s="119"/>
      <c r="AM2684" s="119"/>
      <c r="AN2684" s="119"/>
      <c r="AO2684" s="119"/>
      <c r="AP2684" s="119"/>
      <c r="AQ2684" s="119"/>
      <c r="AR2684" s="119"/>
      <c r="AS2684" s="119"/>
      <c r="AT2684" s="119"/>
      <c r="AU2684" s="119"/>
      <c r="AV2684" s="119"/>
      <c r="AW2684" s="119"/>
      <c r="AX2684" s="119"/>
      <c r="AY2684" s="119"/>
      <c r="AZ2684" s="118"/>
      <c r="BA2684" s="119"/>
      <c r="BB2684" s="107">
        <v>45884</v>
      </c>
    </row>
    <row r="2685" spans="1:54" s="207" customFormat="1" ht="13.65" customHeight="1" x14ac:dyDescent="0.25">
      <c r="A2685" s="208" t="s">
        <v>20225</v>
      </c>
      <c r="B2685" s="209" t="s">
        <v>19892</v>
      </c>
      <c r="C2685" s="113" t="s">
        <v>19896</v>
      </c>
      <c r="D2685" s="113" t="s">
        <v>24070</v>
      </c>
      <c r="E2685" s="210">
        <v>2017</v>
      </c>
      <c r="F2685" s="210">
        <v>659</v>
      </c>
      <c r="G2685" s="113" t="s">
        <v>1</v>
      </c>
      <c r="H2685" s="113">
        <v>0</v>
      </c>
      <c r="I2685" s="113">
        <v>0</v>
      </c>
      <c r="J2685" s="115">
        <v>1</v>
      </c>
      <c r="K2685" s="211">
        <v>1</v>
      </c>
      <c r="L2685" s="115">
        <v>1</v>
      </c>
      <c r="M2685" s="115">
        <v>0</v>
      </c>
      <c r="N2685" s="115">
        <v>0</v>
      </c>
      <c r="O2685" s="115">
        <v>0</v>
      </c>
      <c r="P2685" s="115">
        <v>1</v>
      </c>
      <c r="Q2685" s="115" t="s">
        <v>400</v>
      </c>
      <c r="R2685" s="115">
        <v>0</v>
      </c>
      <c r="S2685" s="115">
        <v>0</v>
      </c>
      <c r="T2685" s="115">
        <v>0</v>
      </c>
      <c r="U2685" s="119"/>
      <c r="V2685" s="119"/>
      <c r="W2685" s="119"/>
      <c r="X2685" s="119"/>
      <c r="Y2685" s="119"/>
      <c r="Z2685" s="119"/>
      <c r="AA2685" s="119"/>
      <c r="AB2685" s="119"/>
      <c r="AC2685" s="119"/>
      <c r="AD2685" s="119"/>
      <c r="AE2685" s="119"/>
      <c r="AF2685" s="119"/>
      <c r="AG2685" s="119"/>
      <c r="AH2685" s="119"/>
      <c r="AI2685" s="119"/>
      <c r="AJ2685" s="119"/>
      <c r="AK2685" s="119"/>
      <c r="AL2685" s="119"/>
      <c r="AM2685" s="119"/>
      <c r="AN2685" s="119"/>
      <c r="AO2685" s="119"/>
      <c r="AP2685" s="119"/>
      <c r="AQ2685" s="119"/>
      <c r="AR2685" s="119"/>
      <c r="AS2685" s="119"/>
      <c r="AT2685" s="119"/>
      <c r="AU2685" s="119"/>
      <c r="AV2685" s="119"/>
      <c r="AW2685" s="119"/>
      <c r="AX2685" s="119"/>
      <c r="AY2685" s="119"/>
      <c r="AZ2685" s="118"/>
      <c r="BA2685" s="119"/>
      <c r="BB2685" s="107">
        <v>45884</v>
      </c>
    </row>
    <row r="2686" spans="1:54" s="207" customFormat="1" ht="13.65" customHeight="1" x14ac:dyDescent="0.25">
      <c r="A2686" s="208" t="s">
        <v>20226</v>
      </c>
      <c r="B2686" s="209" t="s">
        <v>19892</v>
      </c>
      <c r="C2686" s="113" t="s">
        <v>19897</v>
      </c>
      <c r="D2686" s="113" t="s">
        <v>24071</v>
      </c>
      <c r="E2686" s="210">
        <v>2017</v>
      </c>
      <c r="F2686" s="210">
        <v>1048</v>
      </c>
      <c r="G2686" s="113" t="s">
        <v>1</v>
      </c>
      <c r="H2686" s="113">
        <v>0</v>
      </c>
      <c r="I2686" s="113">
        <v>0</v>
      </c>
      <c r="J2686" s="115">
        <v>1</v>
      </c>
      <c r="K2686" s="113" t="s">
        <v>174</v>
      </c>
      <c r="L2686" s="115">
        <v>0</v>
      </c>
      <c r="M2686" s="115">
        <v>1</v>
      </c>
      <c r="N2686" s="115">
        <v>0</v>
      </c>
      <c r="O2686" s="115">
        <v>0</v>
      </c>
      <c r="P2686" s="115" t="s">
        <v>400</v>
      </c>
      <c r="Q2686" s="115" t="s">
        <v>400</v>
      </c>
      <c r="R2686" s="115">
        <v>1</v>
      </c>
      <c r="S2686" s="115">
        <v>0</v>
      </c>
      <c r="T2686" s="115">
        <v>0</v>
      </c>
      <c r="U2686" s="119"/>
      <c r="V2686" s="119"/>
      <c r="W2686" s="119"/>
      <c r="X2686" s="119"/>
      <c r="Y2686" s="119"/>
      <c r="Z2686" s="119"/>
      <c r="AA2686" s="119"/>
      <c r="AB2686" s="119"/>
      <c r="AC2686" s="119"/>
      <c r="AD2686" s="119"/>
      <c r="AE2686" s="119"/>
      <c r="AF2686" s="119"/>
      <c r="AG2686" s="119"/>
      <c r="AH2686" s="119"/>
      <c r="AI2686" s="119"/>
      <c r="AJ2686" s="119"/>
      <c r="AK2686" s="119"/>
      <c r="AL2686" s="119"/>
      <c r="AM2686" s="119"/>
      <c r="AN2686" s="119"/>
      <c r="AO2686" s="119"/>
      <c r="AP2686" s="119"/>
      <c r="AQ2686" s="119"/>
      <c r="AR2686" s="119"/>
      <c r="AS2686" s="119"/>
      <c r="AT2686" s="119"/>
      <c r="AU2686" s="119"/>
      <c r="AV2686" s="119"/>
      <c r="AW2686" s="119"/>
      <c r="AX2686" s="119"/>
      <c r="AY2686" s="119"/>
      <c r="AZ2686" s="118"/>
      <c r="BA2686" s="119"/>
      <c r="BB2686" s="107">
        <v>45884</v>
      </c>
    </row>
    <row r="2687" spans="1:54" s="207" customFormat="1" ht="13.65" customHeight="1" x14ac:dyDescent="0.25">
      <c r="A2687" s="208" t="s">
        <v>20227</v>
      </c>
      <c r="B2687" s="209" t="s">
        <v>19892</v>
      </c>
      <c r="C2687" s="113" t="s">
        <v>19898</v>
      </c>
      <c r="D2687" s="113" t="s">
        <v>24072</v>
      </c>
      <c r="E2687" s="210">
        <v>2017</v>
      </c>
      <c r="F2687" s="210">
        <v>2073</v>
      </c>
      <c r="G2687" s="113" t="s">
        <v>11</v>
      </c>
      <c r="H2687" s="113">
        <v>0</v>
      </c>
      <c r="I2687" s="113">
        <v>0</v>
      </c>
      <c r="J2687" s="115">
        <v>0</v>
      </c>
      <c r="K2687" s="113" t="s">
        <v>174</v>
      </c>
      <c r="L2687" s="115">
        <v>0</v>
      </c>
      <c r="M2687" s="115">
        <v>0</v>
      </c>
      <c r="N2687" s="115">
        <v>0</v>
      </c>
      <c r="O2687" s="115">
        <v>0</v>
      </c>
      <c r="P2687" s="115" t="s">
        <v>400</v>
      </c>
      <c r="Q2687" s="115" t="s">
        <v>400</v>
      </c>
      <c r="R2687" s="115">
        <v>0</v>
      </c>
      <c r="S2687" s="115">
        <v>0</v>
      </c>
      <c r="T2687" s="115">
        <v>0</v>
      </c>
      <c r="U2687" s="113" t="s">
        <v>174</v>
      </c>
      <c r="V2687" s="113" t="s">
        <v>174</v>
      </c>
      <c r="W2687" s="113" t="s">
        <v>174</v>
      </c>
      <c r="X2687" s="113" t="s">
        <v>174</v>
      </c>
      <c r="Y2687" s="113" t="s">
        <v>174</v>
      </c>
      <c r="Z2687" s="113" t="s">
        <v>174</v>
      </c>
      <c r="AA2687" s="113" t="s">
        <v>174</v>
      </c>
      <c r="AB2687" s="113" t="s">
        <v>174</v>
      </c>
      <c r="AC2687" s="113" t="s">
        <v>174</v>
      </c>
      <c r="AD2687" s="113" t="s">
        <v>174</v>
      </c>
      <c r="AE2687" s="113" t="s">
        <v>174</v>
      </c>
      <c r="AF2687" s="113" t="s">
        <v>174</v>
      </c>
      <c r="AG2687" s="113" t="s">
        <v>174</v>
      </c>
      <c r="AH2687" s="113" t="s">
        <v>174</v>
      </c>
      <c r="AI2687" s="113" t="s">
        <v>174</v>
      </c>
      <c r="AJ2687" s="113" t="s">
        <v>174</v>
      </c>
      <c r="AK2687" s="113" t="s">
        <v>174</v>
      </c>
      <c r="AL2687" s="113" t="s">
        <v>174</v>
      </c>
      <c r="AM2687" s="113" t="s">
        <v>174</v>
      </c>
      <c r="AN2687" s="113" t="s">
        <v>174</v>
      </c>
      <c r="AO2687" s="113" t="s">
        <v>174</v>
      </c>
      <c r="AP2687" s="113" t="s">
        <v>174</v>
      </c>
      <c r="AQ2687" s="113" t="s">
        <v>174</v>
      </c>
      <c r="AR2687" s="113" t="s">
        <v>174</v>
      </c>
      <c r="AS2687" s="113" t="s">
        <v>174</v>
      </c>
      <c r="AT2687" s="113" t="s">
        <v>174</v>
      </c>
      <c r="AU2687" s="113" t="s">
        <v>174</v>
      </c>
      <c r="AV2687" s="113" t="s">
        <v>174</v>
      </c>
      <c r="AW2687" s="113" t="s">
        <v>174</v>
      </c>
      <c r="AX2687" s="113"/>
      <c r="AY2687" s="113"/>
      <c r="AZ2687" s="126"/>
      <c r="BA2687" s="113"/>
      <c r="BB2687" s="107">
        <v>45884</v>
      </c>
    </row>
    <row r="2688" spans="1:54" s="207" customFormat="1" ht="13.65" customHeight="1" x14ac:dyDescent="0.25">
      <c r="A2688" s="208" t="s">
        <v>20228</v>
      </c>
      <c r="B2688" s="209" t="s">
        <v>19892</v>
      </c>
      <c r="C2688" s="113" t="s">
        <v>19899</v>
      </c>
      <c r="D2688" s="113" t="s">
        <v>24073</v>
      </c>
      <c r="E2688" s="210">
        <v>2017</v>
      </c>
      <c r="F2688" s="210">
        <v>378</v>
      </c>
      <c r="G2688" s="113" t="s">
        <v>8</v>
      </c>
      <c r="H2688" s="113">
        <v>0</v>
      </c>
      <c r="I2688" s="113">
        <v>0</v>
      </c>
      <c r="J2688" s="115">
        <v>1</v>
      </c>
      <c r="K2688" s="113" t="s">
        <v>174</v>
      </c>
      <c r="L2688" s="115">
        <v>0</v>
      </c>
      <c r="M2688" s="115">
        <v>1</v>
      </c>
      <c r="N2688" s="115">
        <v>1</v>
      </c>
      <c r="O2688" s="115">
        <v>0</v>
      </c>
      <c r="P2688" s="115" t="s">
        <v>400</v>
      </c>
      <c r="Q2688" s="115" t="s">
        <v>400</v>
      </c>
      <c r="R2688" s="115">
        <v>0</v>
      </c>
      <c r="S2688" s="115">
        <v>0</v>
      </c>
      <c r="T2688" s="115">
        <v>0</v>
      </c>
      <c r="U2688" s="113" t="s">
        <v>174</v>
      </c>
      <c r="V2688" s="113" t="s">
        <v>174</v>
      </c>
      <c r="W2688" s="113" t="s">
        <v>174</v>
      </c>
      <c r="X2688" s="113" t="s">
        <v>174</v>
      </c>
      <c r="Y2688" s="113" t="s">
        <v>174</v>
      </c>
      <c r="Z2688" s="113" t="s">
        <v>174</v>
      </c>
      <c r="AA2688" s="113" t="s">
        <v>174</v>
      </c>
      <c r="AB2688" s="113" t="s">
        <v>174</v>
      </c>
      <c r="AC2688" s="113" t="s">
        <v>174</v>
      </c>
      <c r="AD2688" s="113" t="s">
        <v>174</v>
      </c>
      <c r="AE2688" s="113" t="s">
        <v>174</v>
      </c>
      <c r="AF2688" s="113" t="s">
        <v>174</v>
      </c>
      <c r="AG2688" s="113" t="s">
        <v>174</v>
      </c>
      <c r="AH2688" s="113" t="s">
        <v>174</v>
      </c>
      <c r="AI2688" s="113" t="s">
        <v>174</v>
      </c>
      <c r="AJ2688" s="113" t="s">
        <v>174</v>
      </c>
      <c r="AK2688" s="113" t="s">
        <v>174</v>
      </c>
      <c r="AL2688" s="113" t="s">
        <v>174</v>
      </c>
      <c r="AM2688" s="113" t="s">
        <v>174</v>
      </c>
      <c r="AN2688" s="113" t="s">
        <v>174</v>
      </c>
      <c r="AO2688" s="113" t="s">
        <v>174</v>
      </c>
      <c r="AP2688" s="113" t="s">
        <v>174</v>
      </c>
      <c r="AQ2688" s="113" t="s">
        <v>174</v>
      </c>
      <c r="AR2688" s="113" t="s">
        <v>174</v>
      </c>
      <c r="AS2688" s="113" t="s">
        <v>174</v>
      </c>
      <c r="AT2688" s="113" t="s">
        <v>174</v>
      </c>
      <c r="AU2688" s="113" t="s">
        <v>174</v>
      </c>
      <c r="AV2688" s="113" t="s">
        <v>174</v>
      </c>
      <c r="AW2688" s="113" t="s">
        <v>174</v>
      </c>
      <c r="AX2688" s="113"/>
      <c r="AY2688" s="113"/>
      <c r="AZ2688" s="126"/>
      <c r="BA2688" s="113"/>
      <c r="BB2688" s="107">
        <v>45884</v>
      </c>
    </row>
    <row r="2689" spans="1:54" s="207" customFormat="1" ht="13.65" customHeight="1" x14ac:dyDescent="0.25">
      <c r="A2689" s="208" t="s">
        <v>20229</v>
      </c>
      <c r="B2689" s="209" t="s">
        <v>19892</v>
      </c>
      <c r="C2689" s="113" t="s">
        <v>19900</v>
      </c>
      <c r="D2689" s="113" t="s">
        <v>24074</v>
      </c>
      <c r="E2689" s="210">
        <v>2018</v>
      </c>
      <c r="F2689" s="210">
        <v>378</v>
      </c>
      <c r="G2689" s="113" t="s">
        <v>1</v>
      </c>
      <c r="H2689" s="113">
        <v>0</v>
      </c>
      <c r="I2689" s="113">
        <v>0</v>
      </c>
      <c r="J2689" s="115">
        <v>1</v>
      </c>
      <c r="K2689" s="113" t="s">
        <v>174</v>
      </c>
      <c r="L2689" s="115">
        <v>0</v>
      </c>
      <c r="M2689" s="115">
        <v>0</v>
      </c>
      <c r="N2689" s="115">
        <v>0</v>
      </c>
      <c r="O2689" s="115">
        <v>0</v>
      </c>
      <c r="P2689" s="115">
        <v>1</v>
      </c>
      <c r="Q2689" s="115" t="s">
        <v>400</v>
      </c>
      <c r="R2689" s="115">
        <v>1</v>
      </c>
      <c r="S2689" s="115">
        <v>0</v>
      </c>
      <c r="T2689" s="115">
        <v>0</v>
      </c>
      <c r="U2689" s="119"/>
      <c r="V2689" s="119"/>
      <c r="W2689" s="119"/>
      <c r="X2689" s="119"/>
      <c r="Y2689" s="119"/>
      <c r="Z2689" s="119"/>
      <c r="AA2689" s="119"/>
      <c r="AB2689" s="119"/>
      <c r="AC2689" s="119"/>
      <c r="AD2689" s="119"/>
      <c r="AE2689" s="119"/>
      <c r="AF2689" s="119"/>
      <c r="AG2689" s="119"/>
      <c r="AH2689" s="119"/>
      <c r="AI2689" s="119"/>
      <c r="AJ2689" s="119"/>
      <c r="AK2689" s="119"/>
      <c r="AL2689" s="119"/>
      <c r="AM2689" s="119"/>
      <c r="AN2689" s="119"/>
      <c r="AO2689" s="119"/>
      <c r="AP2689" s="119"/>
      <c r="AQ2689" s="119"/>
      <c r="AR2689" s="119"/>
      <c r="AS2689" s="119"/>
      <c r="AT2689" s="119"/>
      <c r="AU2689" s="119"/>
      <c r="AV2689" s="119"/>
      <c r="AW2689" s="119"/>
      <c r="AX2689" s="119"/>
      <c r="AY2689" s="119"/>
      <c r="AZ2689" s="118"/>
      <c r="BA2689" s="119"/>
      <c r="BB2689" s="107">
        <v>45884</v>
      </c>
    </row>
    <row r="2690" spans="1:54" s="207" customFormat="1" ht="13.65" customHeight="1" x14ac:dyDescent="0.25">
      <c r="A2690" s="208" t="s">
        <v>20230</v>
      </c>
      <c r="B2690" s="209" t="s">
        <v>19892</v>
      </c>
      <c r="C2690" s="113" t="s">
        <v>19901</v>
      </c>
      <c r="D2690" s="113" t="s">
        <v>24075</v>
      </c>
      <c r="E2690" s="210">
        <v>2017</v>
      </c>
      <c r="F2690" s="210">
        <v>492</v>
      </c>
      <c r="G2690" s="113" t="s">
        <v>1</v>
      </c>
      <c r="H2690" s="113">
        <v>0</v>
      </c>
      <c r="I2690" s="113">
        <v>0</v>
      </c>
      <c r="J2690" s="115">
        <v>1</v>
      </c>
      <c r="K2690" s="113" t="s">
        <v>174</v>
      </c>
      <c r="L2690" s="115">
        <v>1</v>
      </c>
      <c r="M2690" s="115">
        <v>0</v>
      </c>
      <c r="N2690" s="115">
        <v>0</v>
      </c>
      <c r="O2690" s="115">
        <v>0</v>
      </c>
      <c r="P2690" s="115">
        <v>1</v>
      </c>
      <c r="Q2690" s="115" t="s">
        <v>400</v>
      </c>
      <c r="R2690" s="115">
        <v>1</v>
      </c>
      <c r="S2690" s="115">
        <v>0</v>
      </c>
      <c r="T2690" s="115">
        <v>0</v>
      </c>
      <c r="U2690" s="119"/>
      <c r="V2690" s="119"/>
      <c r="W2690" s="119"/>
      <c r="X2690" s="119"/>
      <c r="Y2690" s="119"/>
      <c r="Z2690" s="119"/>
      <c r="AA2690" s="119"/>
      <c r="AB2690" s="119"/>
      <c r="AC2690" s="119"/>
      <c r="AD2690" s="119"/>
      <c r="AE2690" s="119"/>
      <c r="AF2690" s="119"/>
      <c r="AG2690" s="119"/>
      <c r="AH2690" s="119"/>
      <c r="AI2690" s="119"/>
      <c r="AJ2690" s="119"/>
      <c r="AK2690" s="119"/>
      <c r="AL2690" s="119"/>
      <c r="AM2690" s="119"/>
      <c r="AN2690" s="119"/>
      <c r="AO2690" s="119"/>
      <c r="AP2690" s="119"/>
      <c r="AQ2690" s="119"/>
      <c r="AR2690" s="119"/>
      <c r="AS2690" s="119"/>
      <c r="AT2690" s="119"/>
      <c r="AU2690" s="119"/>
      <c r="AV2690" s="119"/>
      <c r="AW2690" s="119"/>
      <c r="AX2690" s="119"/>
      <c r="AY2690" s="119"/>
      <c r="AZ2690" s="118"/>
      <c r="BA2690" s="119"/>
      <c r="BB2690" s="107">
        <v>45884</v>
      </c>
    </row>
    <row r="2691" spans="1:54" s="207" customFormat="1" ht="13.65" customHeight="1" x14ac:dyDescent="0.25">
      <c r="A2691" s="208" t="s">
        <v>20231</v>
      </c>
      <c r="B2691" s="209" t="s">
        <v>19892</v>
      </c>
      <c r="C2691" s="113" t="s">
        <v>19902</v>
      </c>
      <c r="D2691" s="113" t="s">
        <v>24076</v>
      </c>
      <c r="E2691" s="210">
        <v>2017</v>
      </c>
      <c r="F2691" s="210">
        <v>765</v>
      </c>
      <c r="G2691" s="113" t="s">
        <v>1</v>
      </c>
      <c r="H2691" s="113">
        <v>0</v>
      </c>
      <c r="I2691" s="113">
        <v>0</v>
      </c>
      <c r="J2691" s="115">
        <v>1</v>
      </c>
      <c r="K2691" s="113" t="s">
        <v>174</v>
      </c>
      <c r="L2691" s="115">
        <v>1</v>
      </c>
      <c r="M2691" s="115">
        <v>0</v>
      </c>
      <c r="N2691" s="115">
        <v>0</v>
      </c>
      <c r="O2691" s="115">
        <v>1</v>
      </c>
      <c r="P2691" s="115" t="s">
        <v>400</v>
      </c>
      <c r="Q2691" s="115" t="s">
        <v>400</v>
      </c>
      <c r="R2691" s="115">
        <v>1</v>
      </c>
      <c r="S2691" s="115">
        <v>0</v>
      </c>
      <c r="T2691" s="115">
        <v>0</v>
      </c>
      <c r="U2691" s="119"/>
      <c r="V2691" s="119"/>
      <c r="W2691" s="119"/>
      <c r="X2691" s="119"/>
      <c r="Y2691" s="119"/>
      <c r="Z2691" s="119"/>
      <c r="AA2691" s="119"/>
      <c r="AB2691" s="119"/>
      <c r="AC2691" s="119"/>
      <c r="AD2691" s="119"/>
      <c r="AE2691" s="119"/>
      <c r="AF2691" s="119"/>
      <c r="AG2691" s="119"/>
      <c r="AH2691" s="119"/>
      <c r="AI2691" s="119"/>
      <c r="AJ2691" s="119"/>
      <c r="AK2691" s="119"/>
      <c r="AL2691" s="119"/>
      <c r="AM2691" s="119"/>
      <c r="AN2691" s="119"/>
      <c r="AO2691" s="119"/>
      <c r="AP2691" s="119"/>
      <c r="AQ2691" s="119"/>
      <c r="AR2691" s="119"/>
      <c r="AS2691" s="119"/>
      <c r="AT2691" s="119"/>
      <c r="AU2691" s="119"/>
      <c r="AV2691" s="119"/>
      <c r="AW2691" s="119"/>
      <c r="AX2691" s="119"/>
      <c r="AY2691" s="119"/>
      <c r="AZ2691" s="118"/>
      <c r="BA2691" s="119"/>
      <c r="BB2691" s="107">
        <v>45884</v>
      </c>
    </row>
    <row r="2692" spans="1:54" s="207" customFormat="1" ht="13.65" customHeight="1" x14ac:dyDescent="0.25">
      <c r="A2692" s="208" t="s">
        <v>20232</v>
      </c>
      <c r="B2692" s="209" t="s">
        <v>19892</v>
      </c>
      <c r="C2692" s="113" t="s">
        <v>19903</v>
      </c>
      <c r="D2692" s="113" t="s">
        <v>24077</v>
      </c>
      <c r="E2692" s="210">
        <v>2016</v>
      </c>
      <c r="F2692" s="210">
        <v>1579</v>
      </c>
      <c r="G2692" s="113" t="s">
        <v>1</v>
      </c>
      <c r="H2692" s="113">
        <v>0</v>
      </c>
      <c r="I2692" s="113">
        <v>0</v>
      </c>
      <c r="J2692" s="115">
        <v>1</v>
      </c>
      <c r="K2692" s="113" t="s">
        <v>174</v>
      </c>
      <c r="L2692" s="115">
        <v>1</v>
      </c>
      <c r="M2692" s="115">
        <v>0</v>
      </c>
      <c r="N2692" s="115">
        <v>0</v>
      </c>
      <c r="O2692" s="115">
        <v>1</v>
      </c>
      <c r="P2692" s="115">
        <v>1</v>
      </c>
      <c r="Q2692" s="115" t="s">
        <v>400</v>
      </c>
      <c r="R2692" s="115">
        <v>1</v>
      </c>
      <c r="S2692" s="115">
        <v>0</v>
      </c>
      <c r="T2692" s="115">
        <v>0</v>
      </c>
      <c r="U2692" s="119"/>
      <c r="V2692" s="119"/>
      <c r="W2692" s="119"/>
      <c r="X2692" s="119"/>
      <c r="Y2692" s="119"/>
      <c r="Z2692" s="119"/>
      <c r="AA2692" s="119"/>
      <c r="AB2692" s="119"/>
      <c r="AC2692" s="119"/>
      <c r="AD2692" s="119"/>
      <c r="AE2692" s="119"/>
      <c r="AF2692" s="119"/>
      <c r="AG2692" s="119"/>
      <c r="AH2692" s="119"/>
      <c r="AI2692" s="119"/>
      <c r="AJ2692" s="119"/>
      <c r="AK2692" s="119"/>
      <c r="AL2692" s="119"/>
      <c r="AM2692" s="119"/>
      <c r="AN2692" s="119"/>
      <c r="AO2692" s="119"/>
      <c r="AP2692" s="119"/>
      <c r="AQ2692" s="119"/>
      <c r="AR2692" s="119"/>
      <c r="AS2692" s="119"/>
      <c r="AT2692" s="119"/>
      <c r="AU2692" s="119"/>
      <c r="AV2692" s="119"/>
      <c r="AW2692" s="119"/>
      <c r="AX2692" s="119"/>
      <c r="AY2692" s="119"/>
      <c r="AZ2692" s="118"/>
      <c r="BA2692" s="119"/>
      <c r="BB2692" s="107">
        <v>45884</v>
      </c>
    </row>
    <row r="2693" spans="1:54" s="207" customFormat="1" ht="13.65" customHeight="1" x14ac:dyDescent="0.25">
      <c r="A2693" s="208" t="s">
        <v>20233</v>
      </c>
      <c r="B2693" s="209" t="s">
        <v>19892</v>
      </c>
      <c r="C2693" s="113" t="s">
        <v>19904</v>
      </c>
      <c r="D2693" s="113" t="s">
        <v>24078</v>
      </c>
      <c r="E2693" s="210">
        <v>2018</v>
      </c>
      <c r="F2693" s="210">
        <v>312</v>
      </c>
      <c r="G2693" s="113" t="s">
        <v>1</v>
      </c>
      <c r="H2693" s="113">
        <v>0</v>
      </c>
      <c r="I2693" s="113">
        <v>0</v>
      </c>
      <c r="J2693" s="115">
        <v>1</v>
      </c>
      <c r="K2693" s="113" t="s">
        <v>174</v>
      </c>
      <c r="L2693" s="115">
        <v>1</v>
      </c>
      <c r="M2693" s="115">
        <v>0</v>
      </c>
      <c r="N2693" s="115">
        <v>0</v>
      </c>
      <c r="O2693" s="115">
        <v>0</v>
      </c>
      <c r="P2693" s="115">
        <v>1</v>
      </c>
      <c r="Q2693" s="115" t="s">
        <v>400</v>
      </c>
      <c r="R2693" s="115">
        <v>0</v>
      </c>
      <c r="S2693" s="115">
        <v>0</v>
      </c>
      <c r="T2693" s="115">
        <v>0</v>
      </c>
      <c r="U2693" s="119"/>
      <c r="V2693" s="119"/>
      <c r="W2693" s="119"/>
      <c r="X2693" s="119"/>
      <c r="Y2693" s="119"/>
      <c r="Z2693" s="119"/>
      <c r="AA2693" s="119"/>
      <c r="AB2693" s="119"/>
      <c r="AC2693" s="119"/>
      <c r="AD2693" s="119"/>
      <c r="AE2693" s="119"/>
      <c r="AF2693" s="119"/>
      <c r="AG2693" s="119"/>
      <c r="AH2693" s="119"/>
      <c r="AI2693" s="119"/>
      <c r="AJ2693" s="119"/>
      <c r="AK2693" s="119"/>
      <c r="AL2693" s="119"/>
      <c r="AM2693" s="119"/>
      <c r="AN2693" s="119"/>
      <c r="AO2693" s="119"/>
      <c r="AP2693" s="119"/>
      <c r="AQ2693" s="119"/>
      <c r="AR2693" s="119"/>
      <c r="AS2693" s="119"/>
      <c r="AT2693" s="119"/>
      <c r="AU2693" s="119"/>
      <c r="AV2693" s="119"/>
      <c r="AW2693" s="119"/>
      <c r="AX2693" s="119"/>
      <c r="AY2693" s="119"/>
      <c r="AZ2693" s="118"/>
      <c r="BA2693" s="119"/>
      <c r="BB2693" s="107">
        <v>45884</v>
      </c>
    </row>
    <row r="2694" spans="1:54" s="207" customFormat="1" ht="13.65" customHeight="1" x14ac:dyDescent="0.25">
      <c r="A2694" s="208" t="s">
        <v>20234</v>
      </c>
      <c r="B2694" s="209" t="s">
        <v>19892</v>
      </c>
      <c r="C2694" s="113" t="s">
        <v>19905</v>
      </c>
      <c r="D2694" s="113" t="s">
        <v>24079</v>
      </c>
      <c r="E2694" s="210">
        <v>2016</v>
      </c>
      <c r="F2694" s="210">
        <v>834</v>
      </c>
      <c r="G2694" s="113" t="s">
        <v>1</v>
      </c>
      <c r="H2694" s="113">
        <v>0</v>
      </c>
      <c r="I2694" s="113">
        <v>0</v>
      </c>
      <c r="J2694" s="115">
        <v>1</v>
      </c>
      <c r="K2694" s="113" t="s">
        <v>174</v>
      </c>
      <c r="L2694" s="115">
        <v>1</v>
      </c>
      <c r="M2694" s="115">
        <v>0</v>
      </c>
      <c r="N2694" s="115">
        <v>0</v>
      </c>
      <c r="O2694" s="115">
        <v>0</v>
      </c>
      <c r="P2694" s="115">
        <v>1</v>
      </c>
      <c r="Q2694" s="115" t="s">
        <v>400</v>
      </c>
      <c r="R2694" s="115">
        <v>1</v>
      </c>
      <c r="S2694" s="115">
        <v>0</v>
      </c>
      <c r="T2694" s="115">
        <v>0</v>
      </c>
      <c r="U2694" s="119"/>
      <c r="V2694" s="119"/>
      <c r="W2694" s="119"/>
      <c r="X2694" s="119"/>
      <c r="Y2694" s="119"/>
      <c r="Z2694" s="119"/>
      <c r="AA2694" s="119"/>
      <c r="AB2694" s="119"/>
      <c r="AC2694" s="119"/>
      <c r="AD2694" s="119"/>
      <c r="AE2694" s="119"/>
      <c r="AF2694" s="119"/>
      <c r="AG2694" s="119"/>
      <c r="AH2694" s="119"/>
      <c r="AI2694" s="119"/>
      <c r="AJ2694" s="119"/>
      <c r="AK2694" s="119"/>
      <c r="AL2694" s="119"/>
      <c r="AM2694" s="119"/>
      <c r="AN2694" s="119"/>
      <c r="AO2694" s="119"/>
      <c r="AP2694" s="119"/>
      <c r="AQ2694" s="119"/>
      <c r="AR2694" s="119"/>
      <c r="AS2694" s="119"/>
      <c r="AT2694" s="119"/>
      <c r="AU2694" s="119"/>
      <c r="AV2694" s="119"/>
      <c r="AW2694" s="119"/>
      <c r="AX2694" s="119"/>
      <c r="AY2694" s="119"/>
      <c r="AZ2694" s="118"/>
      <c r="BA2694" s="119"/>
      <c r="BB2694" s="107">
        <v>45884</v>
      </c>
    </row>
    <row r="2695" spans="1:54" s="207" customFormat="1" ht="13.65" customHeight="1" x14ac:dyDescent="0.25">
      <c r="A2695" s="208" t="s">
        <v>20235</v>
      </c>
      <c r="B2695" s="209" t="s">
        <v>19892</v>
      </c>
      <c r="C2695" s="113" t="s">
        <v>19906</v>
      </c>
      <c r="D2695" s="113" t="s">
        <v>24080</v>
      </c>
      <c r="E2695" s="210">
        <v>2018</v>
      </c>
      <c r="F2695" s="210">
        <v>611</v>
      </c>
      <c r="G2695" s="113" t="s">
        <v>8</v>
      </c>
      <c r="H2695" s="113">
        <v>0</v>
      </c>
      <c r="I2695" s="113">
        <v>0</v>
      </c>
      <c r="J2695" s="115">
        <v>0</v>
      </c>
      <c r="K2695" s="113" t="s">
        <v>174</v>
      </c>
      <c r="L2695" s="115">
        <v>0</v>
      </c>
      <c r="M2695" s="115">
        <v>0</v>
      </c>
      <c r="N2695" s="115">
        <v>0</v>
      </c>
      <c r="O2695" s="115">
        <v>0</v>
      </c>
      <c r="P2695" s="115" t="s">
        <v>400</v>
      </c>
      <c r="Q2695" s="115" t="s">
        <v>400</v>
      </c>
      <c r="R2695" s="115">
        <v>0</v>
      </c>
      <c r="S2695" s="115">
        <v>0</v>
      </c>
      <c r="T2695" s="115">
        <v>0</v>
      </c>
      <c r="U2695" s="113" t="s">
        <v>174</v>
      </c>
      <c r="V2695" s="113" t="s">
        <v>174</v>
      </c>
      <c r="W2695" s="113" t="s">
        <v>174</v>
      </c>
      <c r="X2695" s="113" t="s">
        <v>174</v>
      </c>
      <c r="Y2695" s="113" t="s">
        <v>174</v>
      </c>
      <c r="Z2695" s="113" t="s">
        <v>174</v>
      </c>
      <c r="AA2695" s="113" t="s">
        <v>174</v>
      </c>
      <c r="AB2695" s="113" t="s">
        <v>174</v>
      </c>
      <c r="AC2695" s="113" t="s">
        <v>174</v>
      </c>
      <c r="AD2695" s="113" t="s">
        <v>174</v>
      </c>
      <c r="AE2695" s="113" t="s">
        <v>174</v>
      </c>
      <c r="AF2695" s="113" t="s">
        <v>174</v>
      </c>
      <c r="AG2695" s="113" t="s">
        <v>174</v>
      </c>
      <c r="AH2695" s="113" t="s">
        <v>174</v>
      </c>
      <c r="AI2695" s="113" t="s">
        <v>174</v>
      </c>
      <c r="AJ2695" s="113" t="s">
        <v>174</v>
      </c>
      <c r="AK2695" s="113" t="s">
        <v>174</v>
      </c>
      <c r="AL2695" s="113" t="s">
        <v>174</v>
      </c>
      <c r="AM2695" s="113" t="s">
        <v>174</v>
      </c>
      <c r="AN2695" s="113" t="s">
        <v>174</v>
      </c>
      <c r="AO2695" s="113" t="s">
        <v>174</v>
      </c>
      <c r="AP2695" s="113" t="s">
        <v>174</v>
      </c>
      <c r="AQ2695" s="113" t="s">
        <v>174</v>
      </c>
      <c r="AR2695" s="113" t="s">
        <v>174</v>
      </c>
      <c r="AS2695" s="113" t="s">
        <v>174</v>
      </c>
      <c r="AT2695" s="113" t="s">
        <v>174</v>
      </c>
      <c r="AU2695" s="113" t="s">
        <v>174</v>
      </c>
      <c r="AV2695" s="113" t="s">
        <v>174</v>
      </c>
      <c r="AW2695" s="113" t="s">
        <v>174</v>
      </c>
      <c r="AX2695" s="113"/>
      <c r="AY2695" s="113"/>
      <c r="AZ2695" s="126"/>
      <c r="BA2695" s="113"/>
      <c r="BB2695" s="107">
        <v>45884</v>
      </c>
    </row>
    <row r="2696" spans="1:54" s="207" customFormat="1" ht="13.65" customHeight="1" x14ac:dyDescent="0.25">
      <c r="A2696" s="208" t="s">
        <v>20236</v>
      </c>
      <c r="B2696" s="209" t="s">
        <v>19892</v>
      </c>
      <c r="C2696" s="113" t="s">
        <v>19907</v>
      </c>
      <c r="D2696" s="113" t="s">
        <v>24081</v>
      </c>
      <c r="E2696" s="210">
        <v>2016</v>
      </c>
      <c r="F2696" s="210">
        <v>1101</v>
      </c>
      <c r="G2696" s="113" t="s">
        <v>8</v>
      </c>
      <c r="H2696" s="113">
        <v>0</v>
      </c>
      <c r="I2696" s="113">
        <v>0</v>
      </c>
      <c r="J2696" s="115" t="s">
        <v>400</v>
      </c>
      <c r="K2696" s="113" t="s">
        <v>174</v>
      </c>
      <c r="L2696" s="115">
        <v>0</v>
      </c>
      <c r="M2696" s="115">
        <v>0</v>
      </c>
      <c r="N2696" s="115">
        <v>0</v>
      </c>
      <c r="O2696" s="115">
        <v>0</v>
      </c>
      <c r="P2696" s="115" t="s">
        <v>400</v>
      </c>
      <c r="Q2696" s="115" t="s">
        <v>400</v>
      </c>
      <c r="R2696" s="115">
        <v>0</v>
      </c>
      <c r="S2696" s="115">
        <v>0</v>
      </c>
      <c r="T2696" s="115">
        <v>0</v>
      </c>
      <c r="U2696" s="113" t="s">
        <v>174</v>
      </c>
      <c r="V2696" s="113" t="s">
        <v>174</v>
      </c>
      <c r="W2696" s="113" t="s">
        <v>174</v>
      </c>
      <c r="X2696" s="113" t="s">
        <v>174</v>
      </c>
      <c r="Y2696" s="113" t="s">
        <v>174</v>
      </c>
      <c r="Z2696" s="113" t="s">
        <v>174</v>
      </c>
      <c r="AA2696" s="113" t="s">
        <v>174</v>
      </c>
      <c r="AB2696" s="113" t="s">
        <v>174</v>
      </c>
      <c r="AC2696" s="113" t="s">
        <v>174</v>
      </c>
      <c r="AD2696" s="113" t="s">
        <v>174</v>
      </c>
      <c r="AE2696" s="113" t="s">
        <v>174</v>
      </c>
      <c r="AF2696" s="113" t="s">
        <v>174</v>
      </c>
      <c r="AG2696" s="113" t="s">
        <v>174</v>
      </c>
      <c r="AH2696" s="113" t="s">
        <v>174</v>
      </c>
      <c r="AI2696" s="113" t="s">
        <v>174</v>
      </c>
      <c r="AJ2696" s="113" t="s">
        <v>174</v>
      </c>
      <c r="AK2696" s="113" t="s">
        <v>174</v>
      </c>
      <c r="AL2696" s="113" t="s">
        <v>174</v>
      </c>
      <c r="AM2696" s="113" t="s">
        <v>174</v>
      </c>
      <c r="AN2696" s="113" t="s">
        <v>174</v>
      </c>
      <c r="AO2696" s="113" t="s">
        <v>174</v>
      </c>
      <c r="AP2696" s="113" t="s">
        <v>174</v>
      </c>
      <c r="AQ2696" s="113" t="s">
        <v>174</v>
      </c>
      <c r="AR2696" s="113" t="s">
        <v>174</v>
      </c>
      <c r="AS2696" s="113" t="s">
        <v>174</v>
      </c>
      <c r="AT2696" s="113" t="s">
        <v>174</v>
      </c>
      <c r="AU2696" s="113" t="s">
        <v>174</v>
      </c>
      <c r="AV2696" s="113" t="s">
        <v>174</v>
      </c>
      <c r="AW2696" s="113" t="s">
        <v>174</v>
      </c>
      <c r="AX2696" s="113"/>
      <c r="AY2696" s="113"/>
      <c r="AZ2696" s="126"/>
      <c r="BA2696" s="113"/>
      <c r="BB2696" s="107">
        <v>45884</v>
      </c>
    </row>
    <row r="2697" spans="1:54" s="207" customFormat="1" ht="13.65" customHeight="1" x14ac:dyDescent="0.25">
      <c r="A2697" s="208" t="s">
        <v>20237</v>
      </c>
      <c r="B2697" s="209" t="s">
        <v>19892</v>
      </c>
      <c r="C2697" s="113" t="s">
        <v>19908</v>
      </c>
      <c r="D2697" s="113" t="s">
        <v>24082</v>
      </c>
      <c r="E2697" s="210">
        <v>2016</v>
      </c>
      <c r="F2697" s="210">
        <v>9812</v>
      </c>
      <c r="G2697" s="113" t="s">
        <v>1</v>
      </c>
      <c r="H2697" s="113">
        <v>1</v>
      </c>
      <c r="I2697" s="113">
        <v>1</v>
      </c>
      <c r="J2697" s="115">
        <v>1</v>
      </c>
      <c r="K2697" s="113" t="s">
        <v>174</v>
      </c>
      <c r="L2697" s="115">
        <v>0</v>
      </c>
      <c r="M2697" s="115">
        <v>0</v>
      </c>
      <c r="N2697" s="115">
        <v>0</v>
      </c>
      <c r="O2697" s="115">
        <v>0</v>
      </c>
      <c r="P2697" s="115" t="s">
        <v>400</v>
      </c>
      <c r="Q2697" s="115" t="s">
        <v>400</v>
      </c>
      <c r="R2697" s="115">
        <v>0</v>
      </c>
      <c r="S2697" s="115">
        <v>0</v>
      </c>
      <c r="T2697" s="115">
        <v>0</v>
      </c>
      <c r="U2697" s="119"/>
      <c r="V2697" s="119"/>
      <c r="W2697" s="119"/>
      <c r="X2697" s="119"/>
      <c r="Y2697" s="119"/>
      <c r="Z2697" s="119"/>
      <c r="AA2697" s="119"/>
      <c r="AB2697" s="119"/>
      <c r="AC2697" s="119"/>
      <c r="AD2697" s="119"/>
      <c r="AE2697" s="119"/>
      <c r="AF2697" s="119"/>
      <c r="AG2697" s="119"/>
      <c r="AH2697" s="119"/>
      <c r="AI2697" s="119"/>
      <c r="AJ2697" s="119"/>
      <c r="AK2697" s="119"/>
      <c r="AL2697" s="119"/>
      <c r="AM2697" s="119"/>
      <c r="AN2697" s="119"/>
      <c r="AO2697" s="119"/>
      <c r="AP2697" s="119"/>
      <c r="AQ2697" s="119"/>
      <c r="AR2697" s="119"/>
      <c r="AS2697" s="119"/>
      <c r="AT2697" s="119"/>
      <c r="AU2697" s="119"/>
      <c r="AV2697" s="119"/>
      <c r="AW2697" s="119"/>
      <c r="AX2697" s="119"/>
      <c r="AY2697" s="119"/>
      <c r="AZ2697" s="118"/>
      <c r="BA2697" s="119"/>
      <c r="BB2697" s="107">
        <v>45884</v>
      </c>
    </row>
    <row r="2698" spans="1:54" s="207" customFormat="1" ht="13.65" customHeight="1" x14ac:dyDescent="0.25">
      <c r="A2698" s="208" t="s">
        <v>20238</v>
      </c>
      <c r="B2698" s="209" t="s">
        <v>19892</v>
      </c>
      <c r="C2698" s="113" t="s">
        <v>19909</v>
      </c>
      <c r="D2698" s="113" t="s">
        <v>20215</v>
      </c>
      <c r="E2698" s="210">
        <v>2016</v>
      </c>
      <c r="F2698" s="210">
        <v>833</v>
      </c>
      <c r="G2698" s="113" t="s">
        <v>1</v>
      </c>
      <c r="H2698" s="113">
        <v>0</v>
      </c>
      <c r="I2698" s="113">
        <v>0</v>
      </c>
      <c r="J2698" s="115">
        <v>0</v>
      </c>
      <c r="K2698" s="113" t="s">
        <v>174</v>
      </c>
      <c r="L2698" s="115">
        <v>0</v>
      </c>
      <c r="M2698" s="115">
        <v>0</v>
      </c>
      <c r="N2698" s="115">
        <v>1</v>
      </c>
      <c r="O2698" s="115">
        <v>0</v>
      </c>
      <c r="P2698" s="115" t="s">
        <v>400</v>
      </c>
      <c r="Q2698" s="115" t="s">
        <v>400</v>
      </c>
      <c r="R2698" s="115">
        <v>0</v>
      </c>
      <c r="S2698" s="115">
        <v>0</v>
      </c>
      <c r="T2698" s="115">
        <v>0</v>
      </c>
      <c r="U2698" s="119"/>
      <c r="V2698" s="119"/>
      <c r="W2698" s="119"/>
      <c r="X2698" s="119"/>
      <c r="Y2698" s="119"/>
      <c r="Z2698" s="119"/>
      <c r="AA2698" s="119"/>
      <c r="AB2698" s="119"/>
      <c r="AC2698" s="119"/>
      <c r="AD2698" s="119"/>
      <c r="AE2698" s="119"/>
      <c r="AF2698" s="119"/>
      <c r="AG2698" s="119"/>
      <c r="AH2698" s="119"/>
      <c r="AI2698" s="119"/>
      <c r="AJ2698" s="119"/>
      <c r="AK2698" s="119"/>
      <c r="AL2698" s="119"/>
      <c r="AM2698" s="119"/>
      <c r="AN2698" s="119"/>
      <c r="AO2698" s="119"/>
      <c r="AP2698" s="119"/>
      <c r="AQ2698" s="119"/>
      <c r="AR2698" s="119"/>
      <c r="AS2698" s="119"/>
      <c r="AT2698" s="119"/>
      <c r="AU2698" s="119"/>
      <c r="AV2698" s="119"/>
      <c r="AW2698" s="119"/>
      <c r="AX2698" s="119"/>
      <c r="AY2698" s="119"/>
      <c r="AZ2698" s="118"/>
      <c r="BA2698" s="119"/>
      <c r="BB2698" s="107">
        <v>45884</v>
      </c>
    </row>
    <row r="2699" spans="1:54" s="207" customFormat="1" ht="13.65" customHeight="1" x14ac:dyDescent="0.25">
      <c r="A2699" s="208" t="s">
        <v>20239</v>
      </c>
      <c r="B2699" s="209" t="s">
        <v>19892</v>
      </c>
      <c r="C2699" s="113" t="s">
        <v>19910</v>
      </c>
      <c r="D2699" s="113" t="s">
        <v>20216</v>
      </c>
      <c r="E2699" s="210">
        <v>2018</v>
      </c>
      <c r="F2699" s="210">
        <v>1001</v>
      </c>
      <c r="G2699" s="113" t="s">
        <v>1</v>
      </c>
      <c r="H2699" s="113">
        <v>0</v>
      </c>
      <c r="I2699" s="113">
        <v>0</v>
      </c>
      <c r="J2699" s="115">
        <v>1</v>
      </c>
      <c r="K2699" s="113" t="s">
        <v>174</v>
      </c>
      <c r="L2699" s="115">
        <v>0</v>
      </c>
      <c r="M2699" s="115">
        <v>0</v>
      </c>
      <c r="N2699" s="115">
        <v>0</v>
      </c>
      <c r="O2699" s="115">
        <v>1</v>
      </c>
      <c r="P2699" s="115">
        <v>1</v>
      </c>
      <c r="Q2699" s="115" t="s">
        <v>400</v>
      </c>
      <c r="R2699" s="115">
        <v>1</v>
      </c>
      <c r="S2699" s="115">
        <v>0</v>
      </c>
      <c r="T2699" s="115">
        <v>0</v>
      </c>
      <c r="U2699" s="119"/>
      <c r="V2699" s="119"/>
      <c r="W2699" s="119"/>
      <c r="X2699" s="119"/>
      <c r="Y2699" s="119"/>
      <c r="Z2699" s="119"/>
      <c r="AA2699" s="119"/>
      <c r="AB2699" s="119"/>
      <c r="AC2699" s="119"/>
      <c r="AD2699" s="119"/>
      <c r="AE2699" s="119"/>
      <c r="AF2699" s="119"/>
      <c r="AG2699" s="119"/>
      <c r="AH2699" s="119"/>
      <c r="AI2699" s="119"/>
      <c r="AJ2699" s="119"/>
      <c r="AK2699" s="119"/>
      <c r="AL2699" s="119"/>
      <c r="AM2699" s="119"/>
      <c r="AN2699" s="119"/>
      <c r="AO2699" s="119"/>
      <c r="AP2699" s="119"/>
      <c r="AQ2699" s="119"/>
      <c r="AR2699" s="119"/>
      <c r="AS2699" s="119"/>
      <c r="AT2699" s="119"/>
      <c r="AU2699" s="119"/>
      <c r="AV2699" s="119"/>
      <c r="AW2699" s="119"/>
      <c r="AX2699" s="119"/>
      <c r="AY2699" s="119"/>
      <c r="AZ2699" s="118"/>
      <c r="BA2699" s="119"/>
      <c r="BB2699" s="107">
        <v>45884</v>
      </c>
    </row>
    <row r="2700" spans="1:54" s="207" customFormat="1" ht="13.65" customHeight="1" x14ac:dyDescent="0.25">
      <c r="A2700" s="208" t="s">
        <v>20240</v>
      </c>
      <c r="B2700" s="209" t="s">
        <v>19892</v>
      </c>
      <c r="C2700" s="113" t="s">
        <v>19911</v>
      </c>
      <c r="D2700" s="113" t="s">
        <v>20217</v>
      </c>
      <c r="E2700" s="210">
        <v>2018</v>
      </c>
      <c r="F2700" s="210">
        <v>1274</v>
      </c>
      <c r="G2700" s="113" t="s">
        <v>1</v>
      </c>
      <c r="H2700" s="113">
        <v>0</v>
      </c>
      <c r="I2700" s="113">
        <v>0</v>
      </c>
      <c r="J2700" s="115">
        <v>1</v>
      </c>
      <c r="K2700" s="113" t="s">
        <v>174</v>
      </c>
      <c r="L2700" s="115">
        <v>1</v>
      </c>
      <c r="M2700" s="115">
        <v>1</v>
      </c>
      <c r="N2700" s="115">
        <v>0</v>
      </c>
      <c r="O2700" s="115">
        <v>1</v>
      </c>
      <c r="P2700" s="115" t="s">
        <v>400</v>
      </c>
      <c r="Q2700" s="115" t="s">
        <v>400</v>
      </c>
      <c r="R2700" s="115">
        <v>0</v>
      </c>
      <c r="S2700" s="115">
        <v>0</v>
      </c>
      <c r="T2700" s="115">
        <v>0</v>
      </c>
      <c r="U2700" s="119"/>
      <c r="V2700" s="119"/>
      <c r="W2700" s="119"/>
      <c r="X2700" s="119"/>
      <c r="Y2700" s="119"/>
      <c r="Z2700" s="119"/>
      <c r="AA2700" s="119"/>
      <c r="AB2700" s="119"/>
      <c r="AC2700" s="119"/>
      <c r="AD2700" s="119"/>
      <c r="AE2700" s="119"/>
      <c r="AF2700" s="119"/>
      <c r="AG2700" s="119"/>
      <c r="AH2700" s="119"/>
      <c r="AI2700" s="119"/>
      <c r="AJ2700" s="119"/>
      <c r="AK2700" s="119"/>
      <c r="AL2700" s="119"/>
      <c r="AM2700" s="119"/>
      <c r="AN2700" s="119"/>
      <c r="AO2700" s="119"/>
      <c r="AP2700" s="119"/>
      <c r="AQ2700" s="119"/>
      <c r="AR2700" s="119"/>
      <c r="AS2700" s="119"/>
      <c r="AT2700" s="119"/>
      <c r="AU2700" s="119"/>
      <c r="AV2700" s="119"/>
      <c r="AW2700" s="119"/>
      <c r="AX2700" s="119"/>
      <c r="AY2700" s="119"/>
      <c r="AZ2700" s="118"/>
      <c r="BA2700" s="119"/>
      <c r="BB2700" s="107">
        <v>45884</v>
      </c>
    </row>
    <row r="2701" spans="1:54" s="207" customFormat="1" ht="13.65" customHeight="1" x14ac:dyDescent="0.25">
      <c r="A2701" s="208" t="s">
        <v>20241</v>
      </c>
      <c r="B2701" s="209" t="s">
        <v>19892</v>
      </c>
      <c r="C2701" s="113" t="s">
        <v>19912</v>
      </c>
      <c r="D2701" s="113" t="s">
        <v>20218</v>
      </c>
      <c r="E2701" s="210">
        <v>2016</v>
      </c>
      <c r="F2701" s="210">
        <v>4335</v>
      </c>
      <c r="G2701" s="113" t="s">
        <v>1</v>
      </c>
      <c r="H2701" s="113">
        <v>1</v>
      </c>
      <c r="I2701" s="113">
        <v>1</v>
      </c>
      <c r="J2701" s="115">
        <v>1</v>
      </c>
      <c r="K2701" s="113" t="s">
        <v>174</v>
      </c>
      <c r="L2701" s="115">
        <v>0</v>
      </c>
      <c r="M2701" s="115">
        <v>0</v>
      </c>
      <c r="N2701" s="115">
        <v>1</v>
      </c>
      <c r="O2701" s="115">
        <v>0</v>
      </c>
      <c r="P2701" s="115" t="s">
        <v>400</v>
      </c>
      <c r="Q2701" s="115" t="s">
        <v>400</v>
      </c>
      <c r="R2701" s="115">
        <v>1</v>
      </c>
      <c r="S2701" s="115">
        <v>0</v>
      </c>
      <c r="T2701" s="115">
        <v>0</v>
      </c>
      <c r="U2701" s="119"/>
      <c r="V2701" s="119"/>
      <c r="W2701" s="119"/>
      <c r="X2701" s="119"/>
      <c r="Y2701" s="119"/>
      <c r="Z2701" s="119"/>
      <c r="AA2701" s="119"/>
      <c r="AB2701" s="119"/>
      <c r="AC2701" s="119"/>
      <c r="AD2701" s="119"/>
      <c r="AE2701" s="119"/>
      <c r="AF2701" s="119"/>
      <c r="AG2701" s="119"/>
      <c r="AH2701" s="119"/>
      <c r="AI2701" s="119"/>
      <c r="AJ2701" s="119"/>
      <c r="AK2701" s="119"/>
      <c r="AL2701" s="119"/>
      <c r="AM2701" s="119"/>
      <c r="AN2701" s="119"/>
      <c r="AO2701" s="119"/>
      <c r="AP2701" s="119"/>
      <c r="AQ2701" s="119"/>
      <c r="AR2701" s="119"/>
      <c r="AS2701" s="119"/>
      <c r="AT2701" s="119"/>
      <c r="AU2701" s="119"/>
      <c r="AV2701" s="119"/>
      <c r="AW2701" s="119"/>
      <c r="AX2701" s="119"/>
      <c r="AY2701" s="119"/>
      <c r="AZ2701" s="118"/>
      <c r="BA2701" s="119"/>
      <c r="BB2701" s="107">
        <v>45884</v>
      </c>
    </row>
    <row r="2702" spans="1:54" s="207" customFormat="1" ht="13.65" customHeight="1" x14ac:dyDescent="0.25">
      <c r="A2702" s="208" t="s">
        <v>20242</v>
      </c>
      <c r="B2702" s="209" t="s">
        <v>19892</v>
      </c>
      <c r="C2702" s="113" t="s">
        <v>19913</v>
      </c>
      <c r="D2702" s="113" t="s">
        <v>20219</v>
      </c>
      <c r="E2702" s="210">
        <v>2016</v>
      </c>
      <c r="F2702" s="210">
        <v>11176</v>
      </c>
      <c r="G2702" s="113" t="s">
        <v>8</v>
      </c>
      <c r="H2702" s="113">
        <v>1</v>
      </c>
      <c r="I2702" s="113">
        <v>1</v>
      </c>
      <c r="J2702" s="115">
        <v>1</v>
      </c>
      <c r="K2702" s="113">
        <v>0</v>
      </c>
      <c r="L2702" s="115">
        <v>0</v>
      </c>
      <c r="M2702" s="115">
        <v>0</v>
      </c>
      <c r="N2702" s="115">
        <v>0</v>
      </c>
      <c r="O2702" s="115">
        <v>0</v>
      </c>
      <c r="P2702" s="115">
        <v>0</v>
      </c>
      <c r="Q2702" s="115">
        <v>0</v>
      </c>
      <c r="R2702" s="115">
        <v>0</v>
      </c>
      <c r="S2702" s="115">
        <v>0</v>
      </c>
      <c r="T2702" s="115">
        <v>0</v>
      </c>
      <c r="U2702" s="113" t="s">
        <v>174</v>
      </c>
      <c r="V2702" s="113" t="s">
        <v>174</v>
      </c>
      <c r="W2702" s="113" t="s">
        <v>174</v>
      </c>
      <c r="X2702" s="113" t="s">
        <v>174</v>
      </c>
      <c r="Y2702" s="113" t="s">
        <v>174</v>
      </c>
      <c r="Z2702" s="113" t="s">
        <v>174</v>
      </c>
      <c r="AA2702" s="113" t="s">
        <v>174</v>
      </c>
      <c r="AB2702" s="113" t="s">
        <v>174</v>
      </c>
      <c r="AC2702" s="113" t="s">
        <v>174</v>
      </c>
      <c r="AD2702" s="113" t="s">
        <v>174</v>
      </c>
      <c r="AE2702" s="113" t="s">
        <v>174</v>
      </c>
      <c r="AF2702" s="113" t="s">
        <v>174</v>
      </c>
      <c r="AG2702" s="113" t="s">
        <v>174</v>
      </c>
      <c r="AH2702" s="113" t="s">
        <v>174</v>
      </c>
      <c r="AI2702" s="113" t="s">
        <v>174</v>
      </c>
      <c r="AJ2702" s="113" t="s">
        <v>174</v>
      </c>
      <c r="AK2702" s="113" t="s">
        <v>174</v>
      </c>
      <c r="AL2702" s="113" t="s">
        <v>174</v>
      </c>
      <c r="AM2702" s="113" t="s">
        <v>174</v>
      </c>
      <c r="AN2702" s="113" t="s">
        <v>174</v>
      </c>
      <c r="AO2702" s="113" t="s">
        <v>174</v>
      </c>
      <c r="AP2702" s="113" t="s">
        <v>174</v>
      </c>
      <c r="AQ2702" s="113" t="s">
        <v>174</v>
      </c>
      <c r="AR2702" s="113" t="s">
        <v>174</v>
      </c>
      <c r="AS2702" s="113" t="s">
        <v>174</v>
      </c>
      <c r="AT2702" s="113" t="s">
        <v>174</v>
      </c>
      <c r="AU2702" s="113" t="s">
        <v>174</v>
      </c>
      <c r="AV2702" s="113" t="s">
        <v>174</v>
      </c>
      <c r="AW2702" s="113" t="s">
        <v>174</v>
      </c>
      <c r="AX2702" s="113"/>
      <c r="AY2702" s="113"/>
      <c r="AZ2702" s="126"/>
      <c r="BA2702" s="113"/>
      <c r="BB2702" s="107">
        <v>45884</v>
      </c>
    </row>
    <row r="2703" spans="1:54" s="207" customFormat="1" ht="13.65" customHeight="1" x14ac:dyDescent="0.25">
      <c r="A2703" s="208" t="s">
        <v>20243</v>
      </c>
      <c r="B2703" s="209" t="s">
        <v>19892</v>
      </c>
      <c r="C2703" s="113" t="s">
        <v>19914</v>
      </c>
      <c r="D2703" s="113" t="s">
        <v>24083</v>
      </c>
      <c r="E2703" s="210">
        <v>2017</v>
      </c>
      <c r="F2703" s="213">
        <v>4682</v>
      </c>
      <c r="G2703" s="113" t="s">
        <v>1</v>
      </c>
      <c r="H2703" s="113">
        <v>1</v>
      </c>
      <c r="I2703" s="113">
        <v>1</v>
      </c>
      <c r="J2703" s="115">
        <v>1</v>
      </c>
      <c r="K2703" s="113" t="s">
        <v>174</v>
      </c>
      <c r="L2703" s="115">
        <v>0</v>
      </c>
      <c r="M2703" s="115">
        <v>0</v>
      </c>
      <c r="N2703" s="115">
        <v>0</v>
      </c>
      <c r="O2703" s="115">
        <v>0</v>
      </c>
      <c r="P2703" s="115" t="s">
        <v>400</v>
      </c>
      <c r="Q2703" s="115" t="s">
        <v>400</v>
      </c>
      <c r="R2703" s="115">
        <v>0</v>
      </c>
      <c r="S2703" s="115">
        <v>0</v>
      </c>
      <c r="T2703" s="115">
        <v>0</v>
      </c>
      <c r="U2703" s="119"/>
      <c r="V2703" s="119"/>
      <c r="W2703" s="119"/>
      <c r="X2703" s="119"/>
      <c r="Y2703" s="119"/>
      <c r="Z2703" s="119"/>
      <c r="AA2703" s="119"/>
      <c r="AB2703" s="119"/>
      <c r="AC2703" s="119"/>
      <c r="AD2703" s="119"/>
      <c r="AE2703" s="119"/>
      <c r="AF2703" s="119"/>
      <c r="AG2703" s="119"/>
      <c r="AH2703" s="119"/>
      <c r="AI2703" s="119"/>
      <c r="AJ2703" s="119"/>
      <c r="AK2703" s="119"/>
      <c r="AL2703" s="119"/>
      <c r="AM2703" s="119"/>
      <c r="AN2703" s="119"/>
      <c r="AO2703" s="119"/>
      <c r="AP2703" s="119"/>
      <c r="AQ2703" s="119"/>
      <c r="AR2703" s="119"/>
      <c r="AS2703" s="119"/>
      <c r="AT2703" s="119"/>
      <c r="AU2703" s="119"/>
      <c r="AV2703" s="119"/>
      <c r="AW2703" s="119"/>
      <c r="AX2703" s="119"/>
      <c r="AY2703" s="119"/>
      <c r="AZ2703" s="118"/>
      <c r="BA2703" s="119"/>
      <c r="BB2703" s="107">
        <v>45884</v>
      </c>
    </row>
    <row r="2704" spans="1:54" s="207" customFormat="1" ht="13.65" customHeight="1" x14ac:dyDescent="0.25">
      <c r="A2704" s="208" t="s">
        <v>20433</v>
      </c>
      <c r="B2704" s="209" t="s">
        <v>19892</v>
      </c>
      <c r="C2704" s="113" t="s">
        <v>20423</v>
      </c>
      <c r="D2704" s="113" t="s">
        <v>24084</v>
      </c>
      <c r="E2704" s="210">
        <v>2018</v>
      </c>
      <c r="F2704" s="210">
        <v>2828</v>
      </c>
      <c r="G2704" s="113" t="s">
        <v>1</v>
      </c>
      <c r="H2704" s="113">
        <v>0</v>
      </c>
      <c r="I2704" s="113">
        <v>0</v>
      </c>
      <c r="J2704" s="115">
        <v>1</v>
      </c>
      <c r="K2704" s="113">
        <v>1</v>
      </c>
      <c r="L2704" s="115">
        <v>1</v>
      </c>
      <c r="M2704" s="115">
        <v>0</v>
      </c>
      <c r="N2704" s="115">
        <v>1</v>
      </c>
      <c r="O2704" s="115">
        <v>1</v>
      </c>
      <c r="P2704" s="115">
        <v>1</v>
      </c>
      <c r="Q2704" s="115">
        <v>0</v>
      </c>
      <c r="R2704" s="115">
        <v>1</v>
      </c>
      <c r="S2704" s="115">
        <v>0</v>
      </c>
      <c r="T2704" s="115">
        <v>0</v>
      </c>
      <c r="U2704" s="119"/>
      <c r="V2704" s="119"/>
      <c r="W2704" s="119"/>
      <c r="X2704" s="119"/>
      <c r="Y2704" s="119"/>
      <c r="Z2704" s="119"/>
      <c r="AA2704" s="119"/>
      <c r="AB2704" s="119"/>
      <c r="AC2704" s="119"/>
      <c r="AD2704" s="119"/>
      <c r="AE2704" s="119"/>
      <c r="AF2704" s="119"/>
      <c r="AG2704" s="119"/>
      <c r="AH2704" s="119"/>
      <c r="AI2704" s="119"/>
      <c r="AJ2704" s="119"/>
      <c r="AK2704" s="119"/>
      <c r="AL2704" s="119"/>
      <c r="AM2704" s="119"/>
      <c r="AN2704" s="119"/>
      <c r="AO2704" s="119"/>
      <c r="AP2704" s="119"/>
      <c r="AQ2704" s="119"/>
      <c r="AR2704" s="119"/>
      <c r="AS2704" s="119"/>
      <c r="AT2704" s="119"/>
      <c r="AU2704" s="119"/>
      <c r="AV2704" s="119"/>
      <c r="AW2704" s="119"/>
      <c r="AX2704" s="119"/>
      <c r="AY2704" s="119"/>
      <c r="AZ2704" s="118"/>
      <c r="BA2704" s="119"/>
      <c r="BB2704" s="107">
        <v>45884</v>
      </c>
    </row>
    <row r="2705" spans="1:54" s="207" customFormat="1" ht="13.65" customHeight="1" x14ac:dyDescent="0.25">
      <c r="A2705" s="208" t="s">
        <v>20434</v>
      </c>
      <c r="B2705" s="209" t="s">
        <v>19892</v>
      </c>
      <c r="C2705" s="113" t="s">
        <v>20424</v>
      </c>
      <c r="D2705" s="113" t="s">
        <v>24085</v>
      </c>
      <c r="E2705" s="210">
        <v>2019</v>
      </c>
      <c r="F2705" s="210">
        <v>405</v>
      </c>
      <c r="G2705" s="113" t="s">
        <v>1</v>
      </c>
      <c r="H2705" s="113">
        <v>0</v>
      </c>
      <c r="I2705" s="113">
        <v>0</v>
      </c>
      <c r="J2705" s="115">
        <v>1</v>
      </c>
      <c r="K2705" s="113">
        <v>0</v>
      </c>
      <c r="L2705" s="115">
        <v>0</v>
      </c>
      <c r="M2705" s="115">
        <v>0</v>
      </c>
      <c r="N2705" s="115">
        <v>0</v>
      </c>
      <c r="O2705" s="115">
        <v>0</v>
      </c>
      <c r="P2705" s="115">
        <v>0</v>
      </c>
      <c r="Q2705" s="115">
        <v>0</v>
      </c>
      <c r="R2705" s="115">
        <v>1</v>
      </c>
      <c r="S2705" s="115">
        <v>0</v>
      </c>
      <c r="T2705" s="115">
        <v>0</v>
      </c>
      <c r="U2705" s="119"/>
      <c r="V2705" s="119"/>
      <c r="W2705" s="119"/>
      <c r="X2705" s="119"/>
      <c r="Y2705" s="119"/>
      <c r="Z2705" s="119"/>
      <c r="AA2705" s="119"/>
      <c r="AB2705" s="119"/>
      <c r="AC2705" s="119"/>
      <c r="AD2705" s="119"/>
      <c r="AE2705" s="119"/>
      <c r="AF2705" s="119"/>
      <c r="AG2705" s="119"/>
      <c r="AH2705" s="119"/>
      <c r="AI2705" s="119"/>
      <c r="AJ2705" s="119"/>
      <c r="AK2705" s="119"/>
      <c r="AL2705" s="119"/>
      <c r="AM2705" s="119"/>
      <c r="AN2705" s="119"/>
      <c r="AO2705" s="119"/>
      <c r="AP2705" s="119"/>
      <c r="AQ2705" s="119"/>
      <c r="AR2705" s="119"/>
      <c r="AS2705" s="119"/>
      <c r="AT2705" s="119"/>
      <c r="AU2705" s="119"/>
      <c r="AV2705" s="119"/>
      <c r="AW2705" s="119"/>
      <c r="AX2705" s="119"/>
      <c r="AY2705" s="119"/>
      <c r="AZ2705" s="118"/>
      <c r="BA2705" s="119"/>
      <c r="BB2705" s="107">
        <v>45884</v>
      </c>
    </row>
    <row r="2706" spans="1:54" s="207" customFormat="1" ht="13.65" customHeight="1" x14ac:dyDescent="0.25">
      <c r="A2706" s="208" t="s">
        <v>20435</v>
      </c>
      <c r="B2706" s="209" t="s">
        <v>19892</v>
      </c>
      <c r="C2706" s="113" t="s">
        <v>20425</v>
      </c>
      <c r="D2706" s="113" t="s">
        <v>24086</v>
      </c>
      <c r="E2706" s="210">
        <v>2019</v>
      </c>
      <c r="F2706" s="210">
        <v>1091</v>
      </c>
      <c r="G2706" s="113" t="s">
        <v>1</v>
      </c>
      <c r="H2706" s="113">
        <v>0</v>
      </c>
      <c r="I2706" s="113">
        <v>0</v>
      </c>
      <c r="J2706" s="115">
        <v>1</v>
      </c>
      <c r="K2706" s="113" t="s">
        <v>174</v>
      </c>
      <c r="L2706" s="115">
        <v>0</v>
      </c>
      <c r="M2706" s="115">
        <v>0</v>
      </c>
      <c r="N2706" s="115">
        <v>0</v>
      </c>
      <c r="O2706" s="115">
        <v>1</v>
      </c>
      <c r="P2706" s="115">
        <v>1</v>
      </c>
      <c r="Q2706" s="115" t="s">
        <v>400</v>
      </c>
      <c r="R2706" s="115">
        <v>1</v>
      </c>
      <c r="S2706" s="115">
        <v>0</v>
      </c>
      <c r="T2706" s="115">
        <v>0</v>
      </c>
      <c r="U2706" s="119"/>
      <c r="V2706" s="119"/>
      <c r="W2706" s="119"/>
      <c r="X2706" s="119"/>
      <c r="Y2706" s="119"/>
      <c r="Z2706" s="119"/>
      <c r="AA2706" s="119"/>
      <c r="AB2706" s="119"/>
      <c r="AC2706" s="119"/>
      <c r="AD2706" s="119"/>
      <c r="AE2706" s="119"/>
      <c r="AF2706" s="119"/>
      <c r="AG2706" s="119"/>
      <c r="AH2706" s="119"/>
      <c r="AI2706" s="119"/>
      <c r="AJ2706" s="119"/>
      <c r="AK2706" s="119"/>
      <c r="AL2706" s="119"/>
      <c r="AM2706" s="119"/>
      <c r="AN2706" s="119"/>
      <c r="AO2706" s="119"/>
      <c r="AP2706" s="119"/>
      <c r="AQ2706" s="119"/>
      <c r="AR2706" s="119"/>
      <c r="AS2706" s="119"/>
      <c r="AT2706" s="119"/>
      <c r="AU2706" s="119"/>
      <c r="AV2706" s="119"/>
      <c r="AW2706" s="119"/>
      <c r="AX2706" s="119"/>
      <c r="AY2706" s="119"/>
      <c r="AZ2706" s="118"/>
      <c r="BA2706" s="119"/>
      <c r="BB2706" s="107">
        <v>45884</v>
      </c>
    </row>
    <row r="2707" spans="1:54" s="207" customFormat="1" ht="13.65" customHeight="1" x14ac:dyDescent="0.25">
      <c r="A2707" s="208" t="s">
        <v>20436</v>
      </c>
      <c r="B2707" s="209" t="s">
        <v>19892</v>
      </c>
      <c r="C2707" s="113" t="s">
        <v>20426</v>
      </c>
      <c r="D2707" s="113" t="s">
        <v>24087</v>
      </c>
      <c r="E2707" s="210">
        <v>2019</v>
      </c>
      <c r="F2707" s="210">
        <v>1304</v>
      </c>
      <c r="G2707" s="113" t="s">
        <v>1</v>
      </c>
      <c r="H2707" s="113">
        <v>0</v>
      </c>
      <c r="I2707" s="113">
        <v>0</v>
      </c>
      <c r="J2707" s="115">
        <v>1</v>
      </c>
      <c r="K2707" s="113">
        <v>0</v>
      </c>
      <c r="L2707" s="115">
        <v>0</v>
      </c>
      <c r="M2707" s="115">
        <v>1</v>
      </c>
      <c r="N2707" s="115">
        <v>1</v>
      </c>
      <c r="O2707" s="115">
        <v>0</v>
      </c>
      <c r="P2707" s="212">
        <v>0</v>
      </c>
      <c r="Q2707" s="115">
        <v>0</v>
      </c>
      <c r="R2707" s="115">
        <v>1</v>
      </c>
      <c r="S2707" s="115">
        <v>0</v>
      </c>
      <c r="T2707" s="115">
        <v>0</v>
      </c>
      <c r="U2707" s="119"/>
      <c r="V2707" s="119"/>
      <c r="W2707" s="119"/>
      <c r="X2707" s="119"/>
      <c r="Y2707" s="119"/>
      <c r="Z2707" s="119"/>
      <c r="AA2707" s="119"/>
      <c r="AB2707" s="119"/>
      <c r="AC2707" s="119"/>
      <c r="AD2707" s="119"/>
      <c r="AE2707" s="119"/>
      <c r="AF2707" s="119"/>
      <c r="AG2707" s="119"/>
      <c r="AH2707" s="119"/>
      <c r="AI2707" s="119"/>
      <c r="AJ2707" s="119"/>
      <c r="AK2707" s="119"/>
      <c r="AL2707" s="119"/>
      <c r="AM2707" s="119"/>
      <c r="AN2707" s="119"/>
      <c r="AO2707" s="119"/>
      <c r="AP2707" s="119"/>
      <c r="AQ2707" s="119"/>
      <c r="AR2707" s="119"/>
      <c r="AS2707" s="119"/>
      <c r="AT2707" s="119"/>
      <c r="AU2707" s="119"/>
      <c r="AV2707" s="119"/>
      <c r="AW2707" s="119"/>
      <c r="AX2707" s="119"/>
      <c r="AY2707" s="119"/>
      <c r="AZ2707" s="118"/>
      <c r="BA2707" s="119"/>
      <c r="BB2707" s="107">
        <v>45884</v>
      </c>
    </row>
    <row r="2708" spans="1:54" s="207" customFormat="1" ht="13.65" customHeight="1" x14ac:dyDescent="0.25">
      <c r="A2708" s="208" t="s">
        <v>20437</v>
      </c>
      <c r="B2708" s="209" t="s">
        <v>19892</v>
      </c>
      <c r="C2708" s="113" t="s">
        <v>20427</v>
      </c>
      <c r="D2708" s="113" t="s">
        <v>24088</v>
      </c>
      <c r="E2708" s="210">
        <v>2019</v>
      </c>
      <c r="F2708" s="210">
        <v>3100</v>
      </c>
      <c r="G2708" s="113" t="s">
        <v>1</v>
      </c>
      <c r="H2708" s="113">
        <v>0</v>
      </c>
      <c r="I2708" s="113">
        <v>0</v>
      </c>
      <c r="J2708" s="115">
        <v>1</v>
      </c>
      <c r="K2708" s="113">
        <v>1</v>
      </c>
      <c r="L2708" s="115">
        <v>0</v>
      </c>
      <c r="M2708" s="115">
        <v>0</v>
      </c>
      <c r="N2708" s="115">
        <v>0</v>
      </c>
      <c r="O2708" s="115">
        <v>0</v>
      </c>
      <c r="P2708" s="115">
        <v>0</v>
      </c>
      <c r="Q2708" s="115">
        <v>1</v>
      </c>
      <c r="R2708" s="115">
        <v>0</v>
      </c>
      <c r="S2708" s="115">
        <v>0</v>
      </c>
      <c r="T2708" s="115">
        <v>0</v>
      </c>
      <c r="U2708" s="119"/>
      <c r="V2708" s="119"/>
      <c r="W2708" s="119"/>
      <c r="X2708" s="119"/>
      <c r="Y2708" s="119"/>
      <c r="Z2708" s="119"/>
      <c r="AA2708" s="119"/>
      <c r="AB2708" s="119"/>
      <c r="AC2708" s="119"/>
      <c r="AD2708" s="119"/>
      <c r="AE2708" s="119"/>
      <c r="AF2708" s="119"/>
      <c r="AG2708" s="119"/>
      <c r="AH2708" s="119"/>
      <c r="AI2708" s="119"/>
      <c r="AJ2708" s="119"/>
      <c r="AK2708" s="119"/>
      <c r="AL2708" s="119"/>
      <c r="AM2708" s="119"/>
      <c r="AN2708" s="119"/>
      <c r="AO2708" s="119"/>
      <c r="AP2708" s="119"/>
      <c r="AQ2708" s="119"/>
      <c r="AR2708" s="119"/>
      <c r="AS2708" s="119"/>
      <c r="AT2708" s="119"/>
      <c r="AU2708" s="119"/>
      <c r="AV2708" s="119"/>
      <c r="AW2708" s="119"/>
      <c r="AX2708" s="119"/>
      <c r="AY2708" s="119"/>
      <c r="AZ2708" s="118"/>
      <c r="BA2708" s="119"/>
      <c r="BB2708" s="107">
        <v>45884</v>
      </c>
    </row>
    <row r="2709" spans="1:54" s="207" customFormat="1" ht="13.65" customHeight="1" x14ac:dyDescent="0.25">
      <c r="A2709" s="208" t="s">
        <v>20438</v>
      </c>
      <c r="B2709" s="209" t="s">
        <v>19892</v>
      </c>
      <c r="C2709" s="113" t="s">
        <v>20428</v>
      </c>
      <c r="D2709" s="113" t="s">
        <v>24089</v>
      </c>
      <c r="E2709" s="210">
        <v>2018</v>
      </c>
      <c r="F2709" s="210">
        <v>605</v>
      </c>
      <c r="G2709" s="113" t="s">
        <v>1</v>
      </c>
      <c r="H2709" s="113">
        <v>0</v>
      </c>
      <c r="I2709" s="113">
        <v>0</v>
      </c>
      <c r="J2709" s="115">
        <v>1</v>
      </c>
      <c r="K2709" s="113">
        <v>0</v>
      </c>
      <c r="L2709" s="115">
        <v>1</v>
      </c>
      <c r="M2709" s="115">
        <v>0</v>
      </c>
      <c r="N2709" s="115">
        <v>0</v>
      </c>
      <c r="O2709" s="115">
        <v>0</v>
      </c>
      <c r="P2709" s="115">
        <v>1</v>
      </c>
      <c r="Q2709" s="115">
        <v>0</v>
      </c>
      <c r="R2709" s="115">
        <v>0</v>
      </c>
      <c r="S2709" s="115">
        <v>0</v>
      </c>
      <c r="T2709" s="115">
        <v>0</v>
      </c>
      <c r="U2709" s="119"/>
      <c r="V2709" s="119"/>
      <c r="W2709" s="119"/>
      <c r="X2709" s="119"/>
      <c r="Y2709" s="119"/>
      <c r="Z2709" s="119"/>
      <c r="AA2709" s="119"/>
      <c r="AB2709" s="119"/>
      <c r="AC2709" s="119"/>
      <c r="AD2709" s="119"/>
      <c r="AE2709" s="119"/>
      <c r="AF2709" s="119"/>
      <c r="AG2709" s="119"/>
      <c r="AH2709" s="119"/>
      <c r="AI2709" s="119"/>
      <c r="AJ2709" s="119"/>
      <c r="AK2709" s="119"/>
      <c r="AL2709" s="119"/>
      <c r="AM2709" s="119"/>
      <c r="AN2709" s="119"/>
      <c r="AO2709" s="119"/>
      <c r="AP2709" s="119"/>
      <c r="AQ2709" s="119"/>
      <c r="AR2709" s="119"/>
      <c r="AS2709" s="119"/>
      <c r="AT2709" s="119"/>
      <c r="AU2709" s="119"/>
      <c r="AV2709" s="119"/>
      <c r="AW2709" s="119"/>
      <c r="AX2709" s="119"/>
      <c r="AY2709" s="119"/>
      <c r="AZ2709" s="118"/>
      <c r="BA2709" s="119"/>
      <c r="BB2709" s="107">
        <v>45884</v>
      </c>
    </row>
    <row r="2710" spans="1:54" s="207" customFormat="1" ht="13.65" customHeight="1" x14ac:dyDescent="0.25">
      <c r="A2710" s="208" t="s">
        <v>20439</v>
      </c>
      <c r="B2710" s="209" t="s">
        <v>19892</v>
      </c>
      <c r="C2710" s="113" t="s">
        <v>20429</v>
      </c>
      <c r="D2710" s="113" t="s">
        <v>24090</v>
      </c>
      <c r="E2710" s="210">
        <v>2019</v>
      </c>
      <c r="F2710" s="210">
        <v>575</v>
      </c>
      <c r="G2710" s="113" t="s">
        <v>1</v>
      </c>
      <c r="H2710" s="113">
        <v>0</v>
      </c>
      <c r="I2710" s="113">
        <v>0</v>
      </c>
      <c r="J2710" s="115">
        <v>1</v>
      </c>
      <c r="K2710" s="113">
        <v>0</v>
      </c>
      <c r="L2710" s="115">
        <v>0</v>
      </c>
      <c r="M2710" s="115">
        <v>0</v>
      </c>
      <c r="N2710" s="115">
        <v>0</v>
      </c>
      <c r="O2710" s="115">
        <v>0</v>
      </c>
      <c r="P2710" s="115">
        <v>1</v>
      </c>
      <c r="Q2710" s="115">
        <v>0</v>
      </c>
      <c r="R2710" s="115">
        <v>1</v>
      </c>
      <c r="S2710" s="115">
        <v>0</v>
      </c>
      <c r="T2710" s="115">
        <v>0</v>
      </c>
      <c r="U2710" s="119"/>
      <c r="V2710" s="119"/>
      <c r="W2710" s="119"/>
      <c r="X2710" s="119"/>
      <c r="Y2710" s="119"/>
      <c r="Z2710" s="119"/>
      <c r="AA2710" s="119"/>
      <c r="AB2710" s="119"/>
      <c r="AC2710" s="119"/>
      <c r="AD2710" s="119"/>
      <c r="AE2710" s="119"/>
      <c r="AF2710" s="119"/>
      <c r="AG2710" s="119"/>
      <c r="AH2710" s="119"/>
      <c r="AI2710" s="119"/>
      <c r="AJ2710" s="119"/>
      <c r="AK2710" s="119"/>
      <c r="AL2710" s="119"/>
      <c r="AM2710" s="119"/>
      <c r="AN2710" s="119"/>
      <c r="AO2710" s="119"/>
      <c r="AP2710" s="119"/>
      <c r="AQ2710" s="119"/>
      <c r="AR2710" s="119"/>
      <c r="AS2710" s="119"/>
      <c r="AT2710" s="119"/>
      <c r="AU2710" s="119"/>
      <c r="AV2710" s="119"/>
      <c r="AW2710" s="119"/>
      <c r="AX2710" s="119"/>
      <c r="AY2710" s="119"/>
      <c r="AZ2710" s="118"/>
      <c r="BA2710" s="119"/>
      <c r="BB2710" s="107">
        <v>45884</v>
      </c>
    </row>
    <row r="2711" spans="1:54" s="207" customFormat="1" ht="13.65" customHeight="1" x14ac:dyDescent="0.25">
      <c r="A2711" s="208" t="s">
        <v>20440</v>
      </c>
      <c r="B2711" s="209" t="s">
        <v>19892</v>
      </c>
      <c r="C2711" s="113" t="s">
        <v>20430</v>
      </c>
      <c r="D2711" s="113" t="s">
        <v>24091</v>
      </c>
      <c r="E2711" s="210">
        <v>2018</v>
      </c>
      <c r="F2711" s="210">
        <v>430</v>
      </c>
      <c r="G2711" s="113" t="s">
        <v>1</v>
      </c>
      <c r="H2711" s="113">
        <v>0</v>
      </c>
      <c r="I2711" s="113">
        <v>0</v>
      </c>
      <c r="J2711" s="115">
        <v>1</v>
      </c>
      <c r="K2711" s="113">
        <v>0</v>
      </c>
      <c r="L2711" s="115">
        <v>0</v>
      </c>
      <c r="M2711" s="115">
        <v>0</v>
      </c>
      <c r="N2711" s="115">
        <v>0</v>
      </c>
      <c r="O2711" s="115">
        <v>0</v>
      </c>
      <c r="P2711" s="115">
        <v>1</v>
      </c>
      <c r="Q2711" s="115">
        <v>0</v>
      </c>
      <c r="R2711" s="115">
        <v>1</v>
      </c>
      <c r="S2711" s="115">
        <v>0</v>
      </c>
      <c r="T2711" s="115">
        <v>0</v>
      </c>
      <c r="U2711" s="119"/>
      <c r="V2711" s="119"/>
      <c r="W2711" s="119"/>
      <c r="X2711" s="119"/>
      <c r="Y2711" s="119"/>
      <c r="Z2711" s="119"/>
      <c r="AA2711" s="119"/>
      <c r="AB2711" s="119"/>
      <c r="AC2711" s="119"/>
      <c r="AD2711" s="119"/>
      <c r="AE2711" s="119"/>
      <c r="AF2711" s="119"/>
      <c r="AG2711" s="119"/>
      <c r="AH2711" s="119"/>
      <c r="AI2711" s="119"/>
      <c r="AJ2711" s="119"/>
      <c r="AK2711" s="119"/>
      <c r="AL2711" s="119"/>
      <c r="AM2711" s="119"/>
      <c r="AN2711" s="119"/>
      <c r="AO2711" s="119"/>
      <c r="AP2711" s="119"/>
      <c r="AQ2711" s="119"/>
      <c r="AR2711" s="119"/>
      <c r="AS2711" s="119"/>
      <c r="AT2711" s="119"/>
      <c r="AU2711" s="119"/>
      <c r="AV2711" s="119"/>
      <c r="AW2711" s="119"/>
      <c r="AX2711" s="119"/>
      <c r="AY2711" s="119"/>
      <c r="AZ2711" s="118"/>
      <c r="BA2711" s="119"/>
      <c r="BB2711" s="107">
        <v>45884</v>
      </c>
    </row>
    <row r="2712" spans="1:54" s="207" customFormat="1" ht="13.65" customHeight="1" x14ac:dyDescent="0.25">
      <c r="A2712" s="208" t="s">
        <v>20441</v>
      </c>
      <c r="B2712" s="209" t="s">
        <v>19892</v>
      </c>
      <c r="C2712" s="113" t="s">
        <v>20431</v>
      </c>
      <c r="D2712" s="113" t="s">
        <v>24092</v>
      </c>
      <c r="E2712" s="210">
        <v>2018</v>
      </c>
      <c r="F2712" s="210">
        <v>173</v>
      </c>
      <c r="G2712" s="113" t="s">
        <v>1</v>
      </c>
      <c r="H2712" s="113">
        <v>0</v>
      </c>
      <c r="I2712" s="113">
        <v>0</v>
      </c>
      <c r="J2712" s="115">
        <v>1</v>
      </c>
      <c r="K2712" s="113">
        <v>0</v>
      </c>
      <c r="L2712" s="115">
        <v>0</v>
      </c>
      <c r="M2712" s="115">
        <v>0</v>
      </c>
      <c r="N2712" s="115">
        <v>0</v>
      </c>
      <c r="O2712" s="115">
        <v>0</v>
      </c>
      <c r="P2712" s="115">
        <v>0</v>
      </c>
      <c r="Q2712" s="115">
        <v>0</v>
      </c>
      <c r="R2712" s="115">
        <v>1</v>
      </c>
      <c r="S2712" s="115">
        <v>0</v>
      </c>
      <c r="T2712" s="115">
        <v>0</v>
      </c>
      <c r="U2712" s="119"/>
      <c r="V2712" s="119"/>
      <c r="W2712" s="119"/>
      <c r="X2712" s="119"/>
      <c r="Y2712" s="119"/>
      <c r="Z2712" s="119"/>
      <c r="AA2712" s="119"/>
      <c r="AB2712" s="119"/>
      <c r="AC2712" s="119"/>
      <c r="AD2712" s="119"/>
      <c r="AE2712" s="119"/>
      <c r="AF2712" s="119"/>
      <c r="AG2712" s="119"/>
      <c r="AH2712" s="119"/>
      <c r="AI2712" s="119"/>
      <c r="AJ2712" s="119"/>
      <c r="AK2712" s="119"/>
      <c r="AL2712" s="119"/>
      <c r="AM2712" s="119"/>
      <c r="AN2712" s="119"/>
      <c r="AO2712" s="119"/>
      <c r="AP2712" s="119"/>
      <c r="AQ2712" s="119"/>
      <c r="AR2712" s="119"/>
      <c r="AS2712" s="119"/>
      <c r="AT2712" s="119"/>
      <c r="AU2712" s="119"/>
      <c r="AV2712" s="119"/>
      <c r="AW2712" s="119"/>
      <c r="AX2712" s="119"/>
      <c r="AY2712" s="119"/>
      <c r="AZ2712" s="118"/>
      <c r="BA2712" s="119"/>
      <c r="BB2712" s="107">
        <v>45884</v>
      </c>
    </row>
    <row r="2713" spans="1:54" s="207" customFormat="1" ht="13.65" customHeight="1" x14ac:dyDescent="0.25">
      <c r="A2713" s="208" t="s">
        <v>20442</v>
      </c>
      <c r="B2713" s="209" t="s">
        <v>19892</v>
      </c>
      <c r="C2713" s="113" t="s">
        <v>20432</v>
      </c>
      <c r="D2713" s="113" t="s">
        <v>24093</v>
      </c>
      <c r="E2713" s="210">
        <v>2018</v>
      </c>
      <c r="F2713" s="210">
        <v>13584</v>
      </c>
      <c r="G2713" s="113" t="s">
        <v>3</v>
      </c>
      <c r="H2713" s="113">
        <v>1</v>
      </c>
      <c r="I2713" s="113">
        <v>1</v>
      </c>
      <c r="J2713" s="115">
        <v>1</v>
      </c>
      <c r="K2713" s="113">
        <v>1</v>
      </c>
      <c r="L2713" s="115">
        <v>0</v>
      </c>
      <c r="M2713" s="115">
        <v>1</v>
      </c>
      <c r="N2713" s="115">
        <v>1</v>
      </c>
      <c r="O2713" s="115">
        <v>0</v>
      </c>
      <c r="P2713" s="212">
        <v>0</v>
      </c>
      <c r="Q2713" s="115">
        <v>1</v>
      </c>
      <c r="R2713" s="115">
        <v>0</v>
      </c>
      <c r="S2713" s="115">
        <v>0</v>
      </c>
      <c r="T2713" s="115">
        <v>0</v>
      </c>
      <c r="U2713" s="113">
        <v>0</v>
      </c>
      <c r="V2713" s="113">
        <v>0</v>
      </c>
      <c r="W2713" s="113">
        <v>0</v>
      </c>
      <c r="X2713" s="113">
        <v>0</v>
      </c>
      <c r="Y2713" s="113">
        <v>0</v>
      </c>
      <c r="Z2713" s="113">
        <v>0</v>
      </c>
      <c r="AA2713" s="113">
        <v>0</v>
      </c>
      <c r="AB2713" s="113">
        <v>0</v>
      </c>
      <c r="AC2713" s="113">
        <v>0</v>
      </c>
      <c r="AD2713" s="113">
        <v>0</v>
      </c>
      <c r="AE2713" s="113">
        <v>0</v>
      </c>
      <c r="AF2713" s="113">
        <v>0</v>
      </c>
      <c r="AG2713" s="113">
        <v>0</v>
      </c>
      <c r="AH2713" s="113">
        <v>0</v>
      </c>
      <c r="AI2713" s="113">
        <v>0</v>
      </c>
      <c r="AJ2713" s="113">
        <v>0</v>
      </c>
      <c r="AK2713" s="113">
        <v>0</v>
      </c>
      <c r="AL2713" s="113">
        <v>0</v>
      </c>
      <c r="AM2713" s="113">
        <v>0</v>
      </c>
      <c r="AN2713" s="113">
        <v>0</v>
      </c>
      <c r="AO2713" s="113">
        <v>0</v>
      </c>
      <c r="AP2713" s="113">
        <v>0</v>
      </c>
      <c r="AQ2713" s="113">
        <v>0</v>
      </c>
      <c r="AR2713" s="113">
        <v>0</v>
      </c>
      <c r="AS2713" s="113">
        <v>0</v>
      </c>
      <c r="AT2713" s="113">
        <v>0</v>
      </c>
      <c r="AU2713" s="113">
        <v>0</v>
      </c>
      <c r="AV2713" s="113">
        <v>0</v>
      </c>
      <c r="AW2713" s="113">
        <v>0</v>
      </c>
      <c r="AX2713" s="113"/>
      <c r="AY2713" s="113"/>
      <c r="AZ2713" s="126"/>
      <c r="BA2713" s="113"/>
      <c r="BB2713" s="107">
        <v>45884</v>
      </c>
    </row>
    <row r="2714" spans="1:54" s="207" customFormat="1" ht="13.65" customHeight="1" x14ac:dyDescent="0.25">
      <c r="A2714" s="208" t="s">
        <v>21496</v>
      </c>
      <c r="B2714" s="209" t="s">
        <v>19892</v>
      </c>
      <c r="C2714" s="113" t="s">
        <v>24464</v>
      </c>
      <c r="D2714" s="113" t="s">
        <v>24094</v>
      </c>
      <c r="E2714" s="210">
        <v>2019</v>
      </c>
      <c r="F2714" s="210">
        <v>7200</v>
      </c>
      <c r="G2714" s="113" t="s">
        <v>1</v>
      </c>
      <c r="H2714" s="113">
        <v>1</v>
      </c>
      <c r="I2714" s="113">
        <v>1</v>
      </c>
      <c r="J2714" s="115">
        <v>1</v>
      </c>
      <c r="K2714" s="113">
        <v>0</v>
      </c>
      <c r="L2714" s="115">
        <v>0</v>
      </c>
      <c r="M2714" s="115">
        <v>1</v>
      </c>
      <c r="N2714" s="115">
        <v>1</v>
      </c>
      <c r="O2714" s="115">
        <v>0</v>
      </c>
      <c r="P2714" s="115">
        <v>0</v>
      </c>
      <c r="Q2714" s="115">
        <v>0</v>
      </c>
      <c r="R2714" s="115">
        <v>0</v>
      </c>
      <c r="S2714" s="115">
        <v>0</v>
      </c>
      <c r="T2714" s="115">
        <v>0</v>
      </c>
      <c r="U2714" s="119"/>
      <c r="V2714" s="119"/>
      <c r="W2714" s="119"/>
      <c r="X2714" s="119"/>
      <c r="Y2714" s="119"/>
      <c r="Z2714" s="119"/>
      <c r="AA2714" s="119"/>
      <c r="AB2714" s="119"/>
      <c r="AC2714" s="119"/>
      <c r="AD2714" s="119"/>
      <c r="AE2714" s="119"/>
      <c r="AF2714" s="119"/>
      <c r="AG2714" s="119"/>
      <c r="AH2714" s="119"/>
      <c r="AI2714" s="119"/>
      <c r="AJ2714" s="119"/>
      <c r="AK2714" s="119"/>
      <c r="AL2714" s="119"/>
      <c r="AM2714" s="119"/>
      <c r="AN2714" s="119"/>
      <c r="AO2714" s="119"/>
      <c r="AP2714" s="119"/>
      <c r="AQ2714" s="119"/>
      <c r="AR2714" s="119"/>
      <c r="AS2714" s="119"/>
      <c r="AT2714" s="119"/>
      <c r="AU2714" s="119"/>
      <c r="AV2714" s="119"/>
      <c r="AW2714" s="119"/>
      <c r="AX2714" s="119"/>
      <c r="AY2714" s="119"/>
      <c r="AZ2714" s="118"/>
      <c r="BA2714" s="119"/>
      <c r="BB2714" s="107">
        <v>45884</v>
      </c>
    </row>
    <row r="2715" spans="1:54" s="207" customFormat="1" ht="13.65" customHeight="1" x14ac:dyDescent="0.25">
      <c r="A2715" s="208" t="s">
        <v>21497</v>
      </c>
      <c r="B2715" s="209" t="s">
        <v>19892</v>
      </c>
      <c r="C2715" s="113" t="s">
        <v>24465</v>
      </c>
      <c r="D2715" s="113" t="s">
        <v>24095</v>
      </c>
      <c r="E2715" s="210">
        <v>2019</v>
      </c>
      <c r="F2715" s="213">
        <v>6540</v>
      </c>
      <c r="G2715" s="113" t="s">
        <v>11</v>
      </c>
      <c r="H2715" s="113">
        <v>0</v>
      </c>
      <c r="I2715" s="113">
        <v>0</v>
      </c>
      <c r="J2715" s="115">
        <v>1</v>
      </c>
      <c r="K2715" s="113">
        <v>0</v>
      </c>
      <c r="L2715" s="115">
        <v>0</v>
      </c>
      <c r="M2715" s="115">
        <v>0</v>
      </c>
      <c r="N2715" s="115">
        <v>0</v>
      </c>
      <c r="O2715" s="115">
        <v>0</v>
      </c>
      <c r="P2715" s="115">
        <v>0</v>
      </c>
      <c r="Q2715" s="115">
        <v>0</v>
      </c>
      <c r="R2715" s="115">
        <v>0</v>
      </c>
      <c r="S2715" s="115">
        <v>0</v>
      </c>
      <c r="T2715" s="115">
        <v>0</v>
      </c>
      <c r="U2715" s="113"/>
      <c r="V2715" s="113"/>
      <c r="W2715" s="113"/>
      <c r="X2715" s="113"/>
      <c r="Y2715" s="113"/>
      <c r="Z2715" s="113"/>
      <c r="AA2715" s="113"/>
      <c r="AB2715" s="113"/>
      <c r="AC2715" s="113"/>
      <c r="AD2715" s="113"/>
      <c r="AE2715" s="113"/>
      <c r="AF2715" s="113"/>
      <c r="AG2715" s="113"/>
      <c r="AH2715" s="113"/>
      <c r="AI2715" s="113"/>
      <c r="AJ2715" s="113"/>
      <c r="AK2715" s="113"/>
      <c r="AL2715" s="113"/>
      <c r="AM2715" s="113"/>
      <c r="AN2715" s="113"/>
      <c r="AO2715" s="113"/>
      <c r="AP2715" s="113"/>
      <c r="AQ2715" s="113"/>
      <c r="AR2715" s="113"/>
      <c r="AS2715" s="113"/>
      <c r="AT2715" s="113"/>
      <c r="AU2715" s="113"/>
      <c r="AV2715" s="113"/>
      <c r="AW2715" s="113"/>
      <c r="AX2715" s="113"/>
      <c r="AY2715" s="113"/>
      <c r="AZ2715" s="126"/>
      <c r="BA2715" s="113"/>
      <c r="BB2715" s="107">
        <v>45884</v>
      </c>
    </row>
    <row r="2716" spans="1:54" s="207" customFormat="1" ht="13.65" customHeight="1" x14ac:dyDescent="0.25">
      <c r="A2716" s="208" t="s">
        <v>21498</v>
      </c>
      <c r="B2716" s="209" t="s">
        <v>19892</v>
      </c>
      <c r="C2716" s="113" t="s">
        <v>24466</v>
      </c>
      <c r="D2716" s="113" t="s">
        <v>24096</v>
      </c>
      <c r="E2716" s="210">
        <v>2019</v>
      </c>
      <c r="F2716" s="210">
        <v>293</v>
      </c>
      <c r="G2716" s="113" t="s">
        <v>1</v>
      </c>
      <c r="H2716" s="113">
        <v>0</v>
      </c>
      <c r="I2716" s="113">
        <v>0</v>
      </c>
      <c r="J2716" s="115">
        <v>1</v>
      </c>
      <c r="K2716" s="113">
        <v>0</v>
      </c>
      <c r="L2716" s="115">
        <v>0</v>
      </c>
      <c r="M2716" s="115">
        <v>0</v>
      </c>
      <c r="N2716" s="115">
        <v>0</v>
      </c>
      <c r="O2716" s="115">
        <v>0</v>
      </c>
      <c r="P2716" s="115">
        <v>0</v>
      </c>
      <c r="Q2716" s="115">
        <v>0</v>
      </c>
      <c r="R2716" s="115">
        <v>1</v>
      </c>
      <c r="S2716" s="115">
        <v>0</v>
      </c>
      <c r="T2716" s="115">
        <v>0</v>
      </c>
      <c r="U2716" s="119"/>
      <c r="V2716" s="119"/>
      <c r="W2716" s="119"/>
      <c r="X2716" s="119"/>
      <c r="Y2716" s="119"/>
      <c r="Z2716" s="119"/>
      <c r="AA2716" s="119"/>
      <c r="AB2716" s="119"/>
      <c r="AC2716" s="119"/>
      <c r="AD2716" s="119"/>
      <c r="AE2716" s="119"/>
      <c r="AF2716" s="119"/>
      <c r="AG2716" s="119"/>
      <c r="AH2716" s="119"/>
      <c r="AI2716" s="119"/>
      <c r="AJ2716" s="119"/>
      <c r="AK2716" s="119"/>
      <c r="AL2716" s="119"/>
      <c r="AM2716" s="119"/>
      <c r="AN2716" s="119"/>
      <c r="AO2716" s="119"/>
      <c r="AP2716" s="119"/>
      <c r="AQ2716" s="119"/>
      <c r="AR2716" s="119"/>
      <c r="AS2716" s="119"/>
      <c r="AT2716" s="119"/>
      <c r="AU2716" s="119"/>
      <c r="AV2716" s="119"/>
      <c r="AW2716" s="119"/>
      <c r="AX2716" s="119"/>
      <c r="AY2716" s="119"/>
      <c r="AZ2716" s="118"/>
      <c r="BA2716" s="119"/>
      <c r="BB2716" s="107">
        <v>45884</v>
      </c>
    </row>
    <row r="2717" spans="1:54" s="207" customFormat="1" ht="13.65" customHeight="1" x14ac:dyDescent="0.25">
      <c r="A2717" s="208" t="s">
        <v>21499</v>
      </c>
      <c r="B2717" s="209" t="s">
        <v>19892</v>
      </c>
      <c r="C2717" s="113" t="s">
        <v>21495</v>
      </c>
      <c r="D2717" s="113" t="s">
        <v>24097</v>
      </c>
      <c r="E2717" s="210">
        <v>2019</v>
      </c>
      <c r="F2717" s="210">
        <v>1854</v>
      </c>
      <c r="G2717" s="113" t="s">
        <v>11</v>
      </c>
      <c r="H2717" s="113">
        <v>0</v>
      </c>
      <c r="I2717" s="113">
        <v>0</v>
      </c>
      <c r="J2717" s="115">
        <v>0</v>
      </c>
      <c r="K2717" s="113">
        <v>0</v>
      </c>
      <c r="L2717" s="115">
        <v>0</v>
      </c>
      <c r="M2717" s="115">
        <v>0</v>
      </c>
      <c r="N2717" s="115">
        <v>0</v>
      </c>
      <c r="O2717" s="115">
        <v>0</v>
      </c>
      <c r="P2717" s="115">
        <v>0</v>
      </c>
      <c r="Q2717" s="115">
        <v>0</v>
      </c>
      <c r="R2717" s="115">
        <v>0</v>
      </c>
      <c r="S2717" s="115">
        <v>0</v>
      </c>
      <c r="T2717" s="115">
        <v>0</v>
      </c>
      <c r="U2717" s="113"/>
      <c r="V2717" s="113"/>
      <c r="W2717" s="113"/>
      <c r="X2717" s="113"/>
      <c r="Y2717" s="113"/>
      <c r="Z2717" s="113"/>
      <c r="AA2717" s="113"/>
      <c r="AB2717" s="113"/>
      <c r="AC2717" s="113"/>
      <c r="AD2717" s="113"/>
      <c r="AE2717" s="113"/>
      <c r="AF2717" s="113"/>
      <c r="AG2717" s="113"/>
      <c r="AH2717" s="113"/>
      <c r="AI2717" s="113"/>
      <c r="AJ2717" s="113"/>
      <c r="AK2717" s="113"/>
      <c r="AL2717" s="113"/>
      <c r="AM2717" s="113"/>
      <c r="AN2717" s="113"/>
      <c r="AO2717" s="113"/>
      <c r="AP2717" s="113"/>
      <c r="AQ2717" s="113"/>
      <c r="AR2717" s="113"/>
      <c r="AS2717" s="113"/>
      <c r="AT2717" s="113"/>
      <c r="AU2717" s="113"/>
      <c r="AV2717" s="113"/>
      <c r="AW2717" s="113"/>
      <c r="AX2717" s="113"/>
      <c r="AY2717" s="113"/>
      <c r="AZ2717" s="126"/>
      <c r="BA2717" s="113"/>
      <c r="BB2717" s="107">
        <v>45884</v>
      </c>
    </row>
    <row r="2718" spans="1:54" s="207" customFormat="1" ht="13.65" customHeight="1" x14ac:dyDescent="0.25">
      <c r="A2718" s="208" t="s">
        <v>21500</v>
      </c>
      <c r="B2718" s="209" t="s">
        <v>19892</v>
      </c>
      <c r="C2718" s="113" t="s">
        <v>24467</v>
      </c>
      <c r="D2718" s="113" t="s">
        <v>24098</v>
      </c>
      <c r="E2718" s="210">
        <v>2019</v>
      </c>
      <c r="F2718" s="210">
        <v>5019</v>
      </c>
      <c r="G2718" s="113" t="s">
        <v>1</v>
      </c>
      <c r="H2718" s="113">
        <v>0</v>
      </c>
      <c r="I2718" s="113">
        <v>0</v>
      </c>
      <c r="J2718" s="115">
        <v>1</v>
      </c>
      <c r="K2718" s="113">
        <v>0</v>
      </c>
      <c r="L2718" s="115">
        <v>0</v>
      </c>
      <c r="M2718" s="115">
        <v>0</v>
      </c>
      <c r="N2718" s="115">
        <v>0</v>
      </c>
      <c r="O2718" s="115">
        <v>0</v>
      </c>
      <c r="P2718" s="115">
        <v>1</v>
      </c>
      <c r="Q2718" s="115">
        <v>0</v>
      </c>
      <c r="R2718" s="115">
        <v>0</v>
      </c>
      <c r="S2718" s="115">
        <v>0</v>
      </c>
      <c r="T2718" s="115">
        <v>0</v>
      </c>
      <c r="U2718" s="119"/>
      <c r="V2718" s="119"/>
      <c r="W2718" s="119"/>
      <c r="X2718" s="119"/>
      <c r="Y2718" s="119"/>
      <c r="Z2718" s="119"/>
      <c r="AA2718" s="119"/>
      <c r="AB2718" s="119"/>
      <c r="AC2718" s="119"/>
      <c r="AD2718" s="119"/>
      <c r="AE2718" s="119"/>
      <c r="AF2718" s="119"/>
      <c r="AG2718" s="119"/>
      <c r="AH2718" s="119"/>
      <c r="AI2718" s="119"/>
      <c r="AJ2718" s="119"/>
      <c r="AK2718" s="119"/>
      <c r="AL2718" s="119"/>
      <c r="AM2718" s="119"/>
      <c r="AN2718" s="119"/>
      <c r="AO2718" s="119"/>
      <c r="AP2718" s="119"/>
      <c r="AQ2718" s="119"/>
      <c r="AR2718" s="119"/>
      <c r="AS2718" s="119"/>
      <c r="AT2718" s="119"/>
      <c r="AU2718" s="119"/>
      <c r="AV2718" s="119"/>
      <c r="AW2718" s="119"/>
      <c r="AX2718" s="119"/>
      <c r="AY2718" s="119"/>
      <c r="AZ2718" s="118"/>
      <c r="BA2718" s="119"/>
      <c r="BB2718" s="107">
        <v>45884</v>
      </c>
    </row>
    <row r="2719" spans="1:54" s="207" customFormat="1" ht="13.65" customHeight="1" x14ac:dyDescent="0.25">
      <c r="A2719" s="208" t="s">
        <v>21501</v>
      </c>
      <c r="B2719" s="209" t="s">
        <v>19892</v>
      </c>
      <c r="C2719" s="113" t="s">
        <v>24468</v>
      </c>
      <c r="D2719" s="113" t="s">
        <v>24099</v>
      </c>
      <c r="E2719" s="210">
        <v>2020</v>
      </c>
      <c r="F2719" s="210">
        <v>671</v>
      </c>
      <c r="G2719" s="113" t="s">
        <v>8</v>
      </c>
      <c r="H2719" s="113">
        <v>0</v>
      </c>
      <c r="I2719" s="113">
        <v>0</v>
      </c>
      <c r="J2719" s="115" t="s">
        <v>400</v>
      </c>
      <c r="K2719" s="113">
        <v>0</v>
      </c>
      <c r="L2719" s="115">
        <v>0</v>
      </c>
      <c r="M2719" s="115">
        <v>0</v>
      </c>
      <c r="N2719" s="115">
        <v>0</v>
      </c>
      <c r="O2719" s="115">
        <v>0</v>
      </c>
      <c r="P2719" s="115">
        <v>0</v>
      </c>
      <c r="Q2719" s="115">
        <v>0</v>
      </c>
      <c r="R2719" s="115">
        <v>0</v>
      </c>
      <c r="S2719" s="115">
        <v>0</v>
      </c>
      <c r="T2719" s="115">
        <v>0</v>
      </c>
      <c r="U2719" s="113"/>
      <c r="V2719" s="113"/>
      <c r="W2719" s="113"/>
      <c r="X2719" s="113"/>
      <c r="Y2719" s="113"/>
      <c r="Z2719" s="113"/>
      <c r="AA2719" s="113"/>
      <c r="AB2719" s="113"/>
      <c r="AC2719" s="113"/>
      <c r="AD2719" s="113"/>
      <c r="AE2719" s="113"/>
      <c r="AF2719" s="113"/>
      <c r="AG2719" s="113"/>
      <c r="AH2719" s="113"/>
      <c r="AI2719" s="113"/>
      <c r="AJ2719" s="113"/>
      <c r="AK2719" s="113"/>
      <c r="AL2719" s="113"/>
      <c r="AM2719" s="113"/>
      <c r="AN2719" s="113"/>
      <c r="AO2719" s="113"/>
      <c r="AP2719" s="113"/>
      <c r="AQ2719" s="113"/>
      <c r="AR2719" s="113"/>
      <c r="AS2719" s="113"/>
      <c r="AT2719" s="113"/>
      <c r="AU2719" s="113"/>
      <c r="AV2719" s="113"/>
      <c r="AW2719" s="113"/>
      <c r="AX2719" s="113"/>
      <c r="AY2719" s="113"/>
      <c r="AZ2719" s="126"/>
      <c r="BA2719" s="113"/>
      <c r="BB2719" s="107">
        <v>45884</v>
      </c>
    </row>
    <row r="2720" spans="1:54" s="207" customFormat="1" ht="13.65" customHeight="1" x14ac:dyDescent="0.25">
      <c r="A2720" s="208" t="s">
        <v>21502</v>
      </c>
      <c r="B2720" s="209" t="s">
        <v>19892</v>
      </c>
      <c r="C2720" s="113" t="s">
        <v>24469</v>
      </c>
      <c r="D2720" s="113" t="s">
        <v>24100</v>
      </c>
      <c r="E2720" s="210">
        <v>2020</v>
      </c>
      <c r="F2720" s="210">
        <v>1558</v>
      </c>
      <c r="G2720" s="113" t="s">
        <v>1</v>
      </c>
      <c r="H2720" s="113">
        <v>0</v>
      </c>
      <c r="I2720" s="113">
        <v>0</v>
      </c>
      <c r="J2720" s="115">
        <v>1</v>
      </c>
      <c r="K2720" s="113">
        <v>0</v>
      </c>
      <c r="L2720" s="115">
        <v>0</v>
      </c>
      <c r="M2720" s="115">
        <v>1</v>
      </c>
      <c r="N2720" s="115">
        <v>1</v>
      </c>
      <c r="O2720" s="115">
        <v>0</v>
      </c>
      <c r="P2720" s="115">
        <v>0</v>
      </c>
      <c r="Q2720" s="115">
        <v>0</v>
      </c>
      <c r="R2720" s="115">
        <v>0</v>
      </c>
      <c r="S2720" s="115">
        <v>0</v>
      </c>
      <c r="T2720" s="115">
        <v>0</v>
      </c>
      <c r="U2720" s="119"/>
      <c r="V2720" s="119"/>
      <c r="W2720" s="119"/>
      <c r="X2720" s="119"/>
      <c r="Y2720" s="119"/>
      <c r="Z2720" s="119"/>
      <c r="AA2720" s="119"/>
      <c r="AB2720" s="119"/>
      <c r="AC2720" s="119"/>
      <c r="AD2720" s="119"/>
      <c r="AE2720" s="119"/>
      <c r="AF2720" s="119"/>
      <c r="AG2720" s="119"/>
      <c r="AH2720" s="119"/>
      <c r="AI2720" s="119"/>
      <c r="AJ2720" s="119"/>
      <c r="AK2720" s="119"/>
      <c r="AL2720" s="119"/>
      <c r="AM2720" s="119"/>
      <c r="AN2720" s="119"/>
      <c r="AO2720" s="119"/>
      <c r="AP2720" s="119"/>
      <c r="AQ2720" s="119"/>
      <c r="AR2720" s="119"/>
      <c r="AS2720" s="119"/>
      <c r="AT2720" s="119"/>
      <c r="AU2720" s="119"/>
      <c r="AV2720" s="119"/>
      <c r="AW2720" s="119"/>
      <c r="AX2720" s="119"/>
      <c r="AY2720" s="119"/>
      <c r="AZ2720" s="118"/>
      <c r="BA2720" s="119"/>
      <c r="BB2720" s="107">
        <v>45884</v>
      </c>
    </row>
    <row r="2721" spans="1:54" s="207" customFormat="1" ht="13.65" customHeight="1" x14ac:dyDescent="0.25">
      <c r="A2721" s="208" t="s">
        <v>21503</v>
      </c>
      <c r="B2721" s="209" t="s">
        <v>19892</v>
      </c>
      <c r="C2721" s="113" t="s">
        <v>24470</v>
      </c>
      <c r="D2721" s="113" t="s">
        <v>24101</v>
      </c>
      <c r="E2721" s="210">
        <v>2020</v>
      </c>
      <c r="F2721" s="210">
        <v>5924</v>
      </c>
      <c r="G2721" s="113" t="s">
        <v>1</v>
      </c>
      <c r="H2721" s="113">
        <v>0</v>
      </c>
      <c r="I2721" s="113">
        <v>0</v>
      </c>
      <c r="J2721" s="115">
        <v>1</v>
      </c>
      <c r="K2721" s="113">
        <v>0</v>
      </c>
      <c r="L2721" s="115">
        <v>0</v>
      </c>
      <c r="M2721" s="115">
        <v>0</v>
      </c>
      <c r="N2721" s="115">
        <v>0</v>
      </c>
      <c r="O2721" s="115">
        <v>0</v>
      </c>
      <c r="P2721" s="115">
        <v>0</v>
      </c>
      <c r="Q2721" s="115">
        <v>0</v>
      </c>
      <c r="R2721" s="115">
        <v>0</v>
      </c>
      <c r="S2721" s="115">
        <v>0</v>
      </c>
      <c r="T2721" s="115">
        <v>0</v>
      </c>
      <c r="U2721" s="119"/>
      <c r="V2721" s="119"/>
      <c r="W2721" s="119"/>
      <c r="X2721" s="119"/>
      <c r="Y2721" s="119"/>
      <c r="Z2721" s="119"/>
      <c r="AA2721" s="119"/>
      <c r="AB2721" s="119"/>
      <c r="AC2721" s="119"/>
      <c r="AD2721" s="119"/>
      <c r="AE2721" s="119"/>
      <c r="AF2721" s="119"/>
      <c r="AG2721" s="119"/>
      <c r="AH2721" s="119"/>
      <c r="AI2721" s="119"/>
      <c r="AJ2721" s="119"/>
      <c r="AK2721" s="119"/>
      <c r="AL2721" s="119"/>
      <c r="AM2721" s="119"/>
      <c r="AN2721" s="119"/>
      <c r="AO2721" s="119"/>
      <c r="AP2721" s="119"/>
      <c r="AQ2721" s="119"/>
      <c r="AR2721" s="119"/>
      <c r="AS2721" s="119"/>
      <c r="AT2721" s="119"/>
      <c r="AU2721" s="119"/>
      <c r="AV2721" s="119"/>
      <c r="AW2721" s="119"/>
      <c r="AX2721" s="119"/>
      <c r="AY2721" s="119"/>
      <c r="AZ2721" s="118"/>
      <c r="BA2721" s="119"/>
      <c r="BB2721" s="107">
        <v>45884</v>
      </c>
    </row>
    <row r="2722" spans="1:54" s="207" customFormat="1" ht="13.65" customHeight="1" x14ac:dyDescent="0.25">
      <c r="A2722" s="208" t="s">
        <v>21504</v>
      </c>
      <c r="B2722" s="209" t="s">
        <v>19892</v>
      </c>
      <c r="C2722" s="113" t="s">
        <v>24471</v>
      </c>
      <c r="D2722" s="113" t="s">
        <v>24102</v>
      </c>
      <c r="E2722" s="210">
        <v>2020</v>
      </c>
      <c r="F2722" s="210">
        <v>5473</v>
      </c>
      <c r="G2722" s="113" t="s">
        <v>1</v>
      </c>
      <c r="H2722" s="113">
        <v>1</v>
      </c>
      <c r="I2722" s="113">
        <v>1</v>
      </c>
      <c r="J2722" s="115">
        <v>1</v>
      </c>
      <c r="K2722" s="113">
        <v>1</v>
      </c>
      <c r="L2722" s="115">
        <v>0</v>
      </c>
      <c r="M2722" s="115">
        <v>0</v>
      </c>
      <c r="N2722" s="115">
        <v>0</v>
      </c>
      <c r="O2722" s="115">
        <v>0</v>
      </c>
      <c r="P2722" s="115">
        <v>0</v>
      </c>
      <c r="Q2722" s="115">
        <v>0</v>
      </c>
      <c r="R2722" s="115">
        <v>0</v>
      </c>
      <c r="S2722" s="115">
        <v>0</v>
      </c>
      <c r="T2722" s="115">
        <v>0</v>
      </c>
      <c r="U2722" s="119"/>
      <c r="V2722" s="119"/>
      <c r="W2722" s="119"/>
      <c r="X2722" s="119"/>
      <c r="Y2722" s="119"/>
      <c r="Z2722" s="119"/>
      <c r="AA2722" s="119"/>
      <c r="AB2722" s="119"/>
      <c r="AC2722" s="119"/>
      <c r="AD2722" s="119"/>
      <c r="AE2722" s="119"/>
      <c r="AF2722" s="119"/>
      <c r="AG2722" s="119"/>
      <c r="AH2722" s="119"/>
      <c r="AI2722" s="119"/>
      <c r="AJ2722" s="119"/>
      <c r="AK2722" s="119"/>
      <c r="AL2722" s="119"/>
      <c r="AM2722" s="119"/>
      <c r="AN2722" s="119"/>
      <c r="AO2722" s="119"/>
      <c r="AP2722" s="119"/>
      <c r="AQ2722" s="119"/>
      <c r="AR2722" s="119"/>
      <c r="AS2722" s="119"/>
      <c r="AT2722" s="119"/>
      <c r="AU2722" s="119"/>
      <c r="AV2722" s="119"/>
      <c r="AW2722" s="119"/>
      <c r="AX2722" s="119"/>
      <c r="AY2722" s="119"/>
      <c r="AZ2722" s="118"/>
      <c r="BA2722" s="119"/>
      <c r="BB2722" s="107">
        <v>45884</v>
      </c>
    </row>
    <row r="2723" spans="1:54" s="207" customFormat="1" ht="13.65" customHeight="1" x14ac:dyDescent="0.25">
      <c r="A2723" s="208" t="s">
        <v>21505</v>
      </c>
      <c r="B2723" s="209" t="s">
        <v>19892</v>
      </c>
      <c r="C2723" s="113" t="s">
        <v>24472</v>
      </c>
      <c r="D2723" s="113" t="s">
        <v>24103</v>
      </c>
      <c r="E2723" s="210">
        <v>2020</v>
      </c>
      <c r="F2723" s="210">
        <v>1509</v>
      </c>
      <c r="G2723" s="113" t="s">
        <v>1</v>
      </c>
      <c r="H2723" s="113">
        <v>0</v>
      </c>
      <c r="I2723" s="113">
        <v>0</v>
      </c>
      <c r="J2723" s="115">
        <v>1</v>
      </c>
      <c r="K2723" s="113">
        <v>0</v>
      </c>
      <c r="L2723" s="115">
        <v>0</v>
      </c>
      <c r="M2723" s="115">
        <v>0</v>
      </c>
      <c r="N2723" s="115">
        <v>0</v>
      </c>
      <c r="O2723" s="115">
        <v>0</v>
      </c>
      <c r="P2723" s="115">
        <v>0</v>
      </c>
      <c r="Q2723" s="115">
        <v>0</v>
      </c>
      <c r="R2723" s="115">
        <v>0</v>
      </c>
      <c r="S2723" s="115">
        <v>0</v>
      </c>
      <c r="T2723" s="115">
        <v>0</v>
      </c>
      <c r="U2723" s="119"/>
      <c r="V2723" s="119"/>
      <c r="W2723" s="119"/>
      <c r="X2723" s="119"/>
      <c r="Y2723" s="119"/>
      <c r="Z2723" s="119"/>
      <c r="AA2723" s="119"/>
      <c r="AB2723" s="119"/>
      <c r="AC2723" s="119"/>
      <c r="AD2723" s="119"/>
      <c r="AE2723" s="119"/>
      <c r="AF2723" s="119"/>
      <c r="AG2723" s="119"/>
      <c r="AH2723" s="119"/>
      <c r="AI2723" s="119"/>
      <c r="AJ2723" s="119"/>
      <c r="AK2723" s="119"/>
      <c r="AL2723" s="119"/>
      <c r="AM2723" s="119"/>
      <c r="AN2723" s="119"/>
      <c r="AO2723" s="119"/>
      <c r="AP2723" s="119"/>
      <c r="AQ2723" s="119"/>
      <c r="AR2723" s="119"/>
      <c r="AS2723" s="119"/>
      <c r="AT2723" s="119"/>
      <c r="AU2723" s="119"/>
      <c r="AV2723" s="119"/>
      <c r="AW2723" s="119"/>
      <c r="AX2723" s="119"/>
      <c r="AY2723" s="119"/>
      <c r="AZ2723" s="118"/>
      <c r="BA2723" s="119"/>
      <c r="BB2723" s="107">
        <v>45884</v>
      </c>
    </row>
    <row r="2724" spans="1:54" s="207" customFormat="1" ht="13.65" customHeight="1" x14ac:dyDescent="0.25">
      <c r="A2724" s="208" t="s">
        <v>21506</v>
      </c>
      <c r="B2724" s="209" t="s">
        <v>19892</v>
      </c>
      <c r="C2724" s="113" t="s">
        <v>24473</v>
      </c>
      <c r="D2724" s="113" t="s">
        <v>24104</v>
      </c>
      <c r="E2724" s="210">
        <v>2020</v>
      </c>
      <c r="F2724" s="210">
        <v>1053</v>
      </c>
      <c r="G2724" s="113" t="s">
        <v>1</v>
      </c>
      <c r="H2724" s="113">
        <v>0</v>
      </c>
      <c r="I2724" s="113">
        <v>0</v>
      </c>
      <c r="J2724" s="115">
        <v>1</v>
      </c>
      <c r="K2724" s="113">
        <v>0</v>
      </c>
      <c r="L2724" s="115">
        <v>0</v>
      </c>
      <c r="M2724" s="115">
        <v>0</v>
      </c>
      <c r="N2724" s="115">
        <v>0</v>
      </c>
      <c r="O2724" s="115">
        <v>0</v>
      </c>
      <c r="P2724" s="115">
        <v>0</v>
      </c>
      <c r="Q2724" s="115">
        <v>0</v>
      </c>
      <c r="R2724" s="115">
        <v>0</v>
      </c>
      <c r="S2724" s="115">
        <v>0</v>
      </c>
      <c r="T2724" s="115">
        <v>0</v>
      </c>
      <c r="U2724" s="119"/>
      <c r="V2724" s="119"/>
      <c r="W2724" s="119"/>
      <c r="X2724" s="119"/>
      <c r="Y2724" s="119"/>
      <c r="Z2724" s="119"/>
      <c r="AA2724" s="119"/>
      <c r="AB2724" s="119"/>
      <c r="AC2724" s="119"/>
      <c r="AD2724" s="119"/>
      <c r="AE2724" s="119"/>
      <c r="AF2724" s="119"/>
      <c r="AG2724" s="119"/>
      <c r="AH2724" s="119"/>
      <c r="AI2724" s="119"/>
      <c r="AJ2724" s="119"/>
      <c r="AK2724" s="119"/>
      <c r="AL2724" s="119"/>
      <c r="AM2724" s="119"/>
      <c r="AN2724" s="119"/>
      <c r="AO2724" s="119"/>
      <c r="AP2724" s="119"/>
      <c r="AQ2724" s="119"/>
      <c r="AR2724" s="119"/>
      <c r="AS2724" s="119"/>
      <c r="AT2724" s="119"/>
      <c r="AU2724" s="119"/>
      <c r="AV2724" s="119"/>
      <c r="AW2724" s="119"/>
      <c r="AX2724" s="119"/>
      <c r="AY2724" s="119"/>
      <c r="AZ2724" s="118"/>
      <c r="BA2724" s="119"/>
      <c r="BB2724" s="107">
        <v>45884</v>
      </c>
    </row>
    <row r="2725" spans="1:54" s="207" customFormat="1" ht="13.65" customHeight="1" x14ac:dyDescent="0.25">
      <c r="A2725" s="208" t="s">
        <v>21507</v>
      </c>
      <c r="B2725" s="209" t="s">
        <v>19892</v>
      </c>
      <c r="C2725" s="113" t="s">
        <v>24474</v>
      </c>
      <c r="D2725" s="113" t="s">
        <v>24105</v>
      </c>
      <c r="E2725" s="210">
        <v>2020</v>
      </c>
      <c r="F2725" s="210">
        <v>1418</v>
      </c>
      <c r="G2725" s="113" t="s">
        <v>1</v>
      </c>
      <c r="H2725" s="113">
        <v>0</v>
      </c>
      <c r="I2725" s="113">
        <v>0</v>
      </c>
      <c r="J2725" s="115">
        <v>1</v>
      </c>
      <c r="K2725" s="113">
        <v>0</v>
      </c>
      <c r="L2725" s="115">
        <v>1</v>
      </c>
      <c r="M2725" s="115">
        <v>0</v>
      </c>
      <c r="N2725" s="115">
        <v>0</v>
      </c>
      <c r="O2725" s="115">
        <v>1</v>
      </c>
      <c r="P2725" s="115">
        <v>0</v>
      </c>
      <c r="Q2725" s="115">
        <v>0</v>
      </c>
      <c r="R2725" s="115">
        <v>1</v>
      </c>
      <c r="S2725" s="115">
        <v>0</v>
      </c>
      <c r="T2725" s="115">
        <v>0</v>
      </c>
      <c r="U2725" s="119"/>
      <c r="V2725" s="119"/>
      <c r="W2725" s="119"/>
      <c r="X2725" s="119"/>
      <c r="Y2725" s="119"/>
      <c r="Z2725" s="119"/>
      <c r="AA2725" s="119"/>
      <c r="AB2725" s="119"/>
      <c r="AC2725" s="119"/>
      <c r="AD2725" s="119"/>
      <c r="AE2725" s="119"/>
      <c r="AF2725" s="119"/>
      <c r="AG2725" s="119"/>
      <c r="AH2725" s="119"/>
      <c r="AI2725" s="119"/>
      <c r="AJ2725" s="119"/>
      <c r="AK2725" s="119"/>
      <c r="AL2725" s="119"/>
      <c r="AM2725" s="119"/>
      <c r="AN2725" s="119"/>
      <c r="AO2725" s="119"/>
      <c r="AP2725" s="119"/>
      <c r="AQ2725" s="119"/>
      <c r="AR2725" s="119"/>
      <c r="AS2725" s="119"/>
      <c r="AT2725" s="119"/>
      <c r="AU2725" s="119"/>
      <c r="AV2725" s="119"/>
      <c r="AW2725" s="119"/>
      <c r="AX2725" s="119"/>
      <c r="AY2725" s="119"/>
      <c r="AZ2725" s="118"/>
      <c r="BA2725" s="119"/>
      <c r="BB2725" s="107">
        <v>45884</v>
      </c>
    </row>
    <row r="2726" spans="1:54" s="207" customFormat="1" ht="13.65" customHeight="1" x14ac:dyDescent="0.25">
      <c r="A2726" s="208" t="s">
        <v>21508</v>
      </c>
      <c r="B2726" s="209" t="s">
        <v>19892</v>
      </c>
      <c r="C2726" s="113" t="s">
        <v>24475</v>
      </c>
      <c r="D2726" s="113" t="s">
        <v>24106</v>
      </c>
      <c r="E2726" s="210">
        <v>2020</v>
      </c>
      <c r="F2726" s="210">
        <v>170</v>
      </c>
      <c r="G2726" s="113" t="s">
        <v>1</v>
      </c>
      <c r="H2726" s="113">
        <v>0</v>
      </c>
      <c r="I2726" s="113">
        <v>0</v>
      </c>
      <c r="J2726" s="115">
        <v>1</v>
      </c>
      <c r="K2726" s="113">
        <v>0</v>
      </c>
      <c r="L2726" s="115">
        <v>0</v>
      </c>
      <c r="M2726" s="115">
        <v>0</v>
      </c>
      <c r="N2726" s="115">
        <v>0</v>
      </c>
      <c r="O2726" s="115">
        <v>0</v>
      </c>
      <c r="P2726" s="115">
        <v>0</v>
      </c>
      <c r="Q2726" s="115">
        <v>0</v>
      </c>
      <c r="R2726" s="115">
        <v>0</v>
      </c>
      <c r="S2726" s="115">
        <v>0</v>
      </c>
      <c r="T2726" s="115">
        <v>0</v>
      </c>
      <c r="U2726" s="119"/>
      <c r="V2726" s="119"/>
      <c r="W2726" s="119"/>
      <c r="X2726" s="119"/>
      <c r="Y2726" s="119"/>
      <c r="Z2726" s="119"/>
      <c r="AA2726" s="119"/>
      <c r="AB2726" s="119"/>
      <c r="AC2726" s="119"/>
      <c r="AD2726" s="119"/>
      <c r="AE2726" s="119"/>
      <c r="AF2726" s="119"/>
      <c r="AG2726" s="119"/>
      <c r="AH2726" s="119"/>
      <c r="AI2726" s="119"/>
      <c r="AJ2726" s="119"/>
      <c r="AK2726" s="119"/>
      <c r="AL2726" s="119"/>
      <c r="AM2726" s="119"/>
      <c r="AN2726" s="119"/>
      <c r="AO2726" s="119"/>
      <c r="AP2726" s="119"/>
      <c r="AQ2726" s="119"/>
      <c r="AR2726" s="119"/>
      <c r="AS2726" s="119"/>
      <c r="AT2726" s="119"/>
      <c r="AU2726" s="119"/>
      <c r="AV2726" s="119"/>
      <c r="AW2726" s="119"/>
      <c r="AX2726" s="119"/>
      <c r="AY2726" s="119"/>
      <c r="AZ2726" s="118"/>
      <c r="BA2726" s="119"/>
      <c r="BB2726" s="107">
        <v>45884</v>
      </c>
    </row>
    <row r="2727" spans="1:54" s="207" customFormat="1" ht="13.65" customHeight="1" x14ac:dyDescent="0.25">
      <c r="A2727" s="208" t="s">
        <v>21509</v>
      </c>
      <c r="B2727" s="209" t="s">
        <v>19892</v>
      </c>
      <c r="C2727" s="113" t="s">
        <v>24476</v>
      </c>
      <c r="D2727" s="113" t="s">
        <v>24107</v>
      </c>
      <c r="E2727" s="210">
        <v>2021</v>
      </c>
      <c r="F2727" s="210">
        <v>578</v>
      </c>
      <c r="G2727" s="113" t="s">
        <v>1</v>
      </c>
      <c r="H2727" s="113">
        <v>0</v>
      </c>
      <c r="I2727" s="113">
        <v>0</v>
      </c>
      <c r="J2727" s="115">
        <v>1</v>
      </c>
      <c r="K2727" s="113">
        <v>0</v>
      </c>
      <c r="L2727" s="115">
        <v>0</v>
      </c>
      <c r="M2727" s="115">
        <v>0</v>
      </c>
      <c r="N2727" s="115">
        <v>0</v>
      </c>
      <c r="O2727" s="115">
        <v>0</v>
      </c>
      <c r="P2727" s="115">
        <v>1</v>
      </c>
      <c r="Q2727" s="115">
        <v>0</v>
      </c>
      <c r="R2727" s="115">
        <v>1</v>
      </c>
      <c r="S2727" s="115">
        <v>0</v>
      </c>
      <c r="T2727" s="115">
        <v>0</v>
      </c>
      <c r="U2727" s="119"/>
      <c r="V2727" s="119"/>
      <c r="W2727" s="119"/>
      <c r="X2727" s="119"/>
      <c r="Y2727" s="119"/>
      <c r="Z2727" s="119"/>
      <c r="AA2727" s="119"/>
      <c r="AB2727" s="119"/>
      <c r="AC2727" s="119"/>
      <c r="AD2727" s="119"/>
      <c r="AE2727" s="119"/>
      <c r="AF2727" s="119"/>
      <c r="AG2727" s="119"/>
      <c r="AH2727" s="119"/>
      <c r="AI2727" s="119"/>
      <c r="AJ2727" s="119"/>
      <c r="AK2727" s="119"/>
      <c r="AL2727" s="119"/>
      <c r="AM2727" s="119"/>
      <c r="AN2727" s="119"/>
      <c r="AO2727" s="119"/>
      <c r="AP2727" s="119"/>
      <c r="AQ2727" s="119"/>
      <c r="AR2727" s="119"/>
      <c r="AS2727" s="119"/>
      <c r="AT2727" s="119"/>
      <c r="AU2727" s="119"/>
      <c r="AV2727" s="119"/>
      <c r="AW2727" s="119"/>
      <c r="AX2727" s="119"/>
      <c r="AY2727" s="119"/>
      <c r="AZ2727" s="118"/>
      <c r="BA2727" s="119"/>
      <c r="BB2727" s="107">
        <v>45884</v>
      </c>
    </row>
    <row r="2728" spans="1:54" s="207" customFormat="1" ht="13.65" customHeight="1" x14ac:dyDescent="0.25">
      <c r="A2728" s="208" t="s">
        <v>21510</v>
      </c>
      <c r="B2728" s="209" t="s">
        <v>19892</v>
      </c>
      <c r="C2728" s="113" t="s">
        <v>24477</v>
      </c>
      <c r="D2728" s="113" t="s">
        <v>24108</v>
      </c>
      <c r="E2728" s="210">
        <v>2021</v>
      </c>
      <c r="F2728" s="210">
        <v>12520</v>
      </c>
      <c r="G2728" s="113" t="s">
        <v>3</v>
      </c>
      <c r="H2728" s="113">
        <v>1</v>
      </c>
      <c r="I2728" s="113">
        <v>1</v>
      </c>
      <c r="J2728" s="115">
        <v>1</v>
      </c>
      <c r="K2728" s="113" t="s">
        <v>174</v>
      </c>
      <c r="L2728" s="120">
        <v>0</v>
      </c>
      <c r="M2728" s="115">
        <v>1</v>
      </c>
      <c r="N2728" s="115">
        <v>1</v>
      </c>
      <c r="O2728" s="120">
        <v>0</v>
      </c>
      <c r="P2728" s="115" t="s">
        <v>400</v>
      </c>
      <c r="Q2728" s="115" t="s">
        <v>400</v>
      </c>
      <c r="R2728" s="120">
        <v>0</v>
      </c>
      <c r="S2728" s="120">
        <v>0</v>
      </c>
      <c r="T2728" s="120">
        <v>0</v>
      </c>
      <c r="U2728" s="113">
        <v>0</v>
      </c>
      <c r="V2728" s="113">
        <v>0</v>
      </c>
      <c r="W2728" s="113" t="s">
        <v>174</v>
      </c>
      <c r="X2728" s="113" t="s">
        <v>174</v>
      </c>
      <c r="Y2728" s="113" t="s">
        <v>174</v>
      </c>
      <c r="Z2728" s="113" t="s">
        <v>174</v>
      </c>
      <c r="AA2728" s="113" t="s">
        <v>174</v>
      </c>
      <c r="AB2728" s="113" t="s">
        <v>174</v>
      </c>
      <c r="AC2728" s="113" t="s">
        <v>174</v>
      </c>
      <c r="AD2728" s="113" t="s">
        <v>174</v>
      </c>
      <c r="AE2728" s="113" t="s">
        <v>174</v>
      </c>
      <c r="AF2728" s="113" t="s">
        <v>174</v>
      </c>
      <c r="AG2728" s="113" t="s">
        <v>174</v>
      </c>
      <c r="AH2728" s="113" t="s">
        <v>174</v>
      </c>
      <c r="AI2728" s="113" t="s">
        <v>174</v>
      </c>
      <c r="AJ2728" s="113" t="s">
        <v>174</v>
      </c>
      <c r="AK2728" s="113" t="s">
        <v>174</v>
      </c>
      <c r="AL2728" s="113" t="s">
        <v>174</v>
      </c>
      <c r="AM2728" s="113" t="s">
        <v>174</v>
      </c>
      <c r="AN2728" s="113" t="s">
        <v>174</v>
      </c>
      <c r="AO2728" s="113" t="s">
        <v>174</v>
      </c>
      <c r="AP2728" s="113" t="s">
        <v>174</v>
      </c>
      <c r="AQ2728" s="113" t="s">
        <v>174</v>
      </c>
      <c r="AR2728" s="113" t="s">
        <v>174</v>
      </c>
      <c r="AS2728" s="113" t="s">
        <v>174</v>
      </c>
      <c r="AT2728" s="113" t="s">
        <v>174</v>
      </c>
      <c r="AU2728" s="113" t="s">
        <v>174</v>
      </c>
      <c r="AV2728" s="113" t="s">
        <v>174</v>
      </c>
      <c r="AW2728" s="113" t="s">
        <v>174</v>
      </c>
      <c r="AX2728" s="113"/>
      <c r="AY2728" s="113"/>
      <c r="AZ2728" s="126"/>
      <c r="BA2728" s="113"/>
      <c r="BB2728" s="107">
        <v>45884</v>
      </c>
    </row>
    <row r="2729" spans="1:54" s="207" customFormat="1" ht="13.65" customHeight="1" x14ac:dyDescent="0.25">
      <c r="A2729" s="208" t="s">
        <v>21949</v>
      </c>
      <c r="B2729" s="209" t="s">
        <v>19892</v>
      </c>
      <c r="C2729" s="113" t="s">
        <v>21942</v>
      </c>
      <c r="D2729" s="113" t="s">
        <v>24109</v>
      </c>
      <c r="E2729" s="210">
        <v>2021</v>
      </c>
      <c r="F2729" s="210">
        <v>1000</v>
      </c>
      <c r="G2729" s="113" t="s">
        <v>24478</v>
      </c>
      <c r="H2729" s="113">
        <v>0</v>
      </c>
      <c r="I2729" s="113">
        <v>0</v>
      </c>
      <c r="J2729" s="115">
        <v>1</v>
      </c>
      <c r="K2729" s="113" t="s">
        <v>174</v>
      </c>
      <c r="L2729" s="115">
        <v>0</v>
      </c>
      <c r="M2729" s="115">
        <v>1</v>
      </c>
      <c r="N2729" s="115">
        <v>1</v>
      </c>
      <c r="O2729" s="115">
        <v>0</v>
      </c>
      <c r="P2729" s="115" t="s">
        <v>400</v>
      </c>
      <c r="Q2729" s="115" t="s">
        <v>400</v>
      </c>
      <c r="R2729" s="115">
        <v>1</v>
      </c>
      <c r="S2729" s="115">
        <v>0</v>
      </c>
      <c r="T2729" s="115">
        <v>0</v>
      </c>
      <c r="U2729" s="119"/>
      <c r="V2729" s="119"/>
      <c r="W2729" s="119"/>
      <c r="X2729" s="119"/>
      <c r="Y2729" s="119"/>
      <c r="Z2729" s="119"/>
      <c r="AA2729" s="119"/>
      <c r="AB2729" s="119"/>
      <c r="AC2729" s="119"/>
      <c r="AD2729" s="119"/>
      <c r="AE2729" s="119"/>
      <c r="AF2729" s="119"/>
      <c r="AG2729" s="119"/>
      <c r="AH2729" s="119"/>
      <c r="AI2729" s="119"/>
      <c r="AJ2729" s="119"/>
      <c r="AK2729" s="119"/>
      <c r="AL2729" s="119"/>
      <c r="AM2729" s="119"/>
      <c r="AN2729" s="119"/>
      <c r="AO2729" s="119"/>
      <c r="AP2729" s="119"/>
      <c r="AQ2729" s="119"/>
      <c r="AR2729" s="119"/>
      <c r="AS2729" s="119"/>
      <c r="AT2729" s="119"/>
      <c r="AU2729" s="119"/>
      <c r="AV2729" s="119"/>
      <c r="AW2729" s="119"/>
      <c r="AX2729" s="119"/>
      <c r="AY2729" s="119"/>
      <c r="AZ2729" s="118"/>
      <c r="BA2729" s="119"/>
      <c r="BB2729" s="107">
        <v>45884</v>
      </c>
    </row>
    <row r="2730" spans="1:54" s="207" customFormat="1" ht="13.65" customHeight="1" x14ac:dyDescent="0.25">
      <c r="A2730" s="208" t="s">
        <v>21950</v>
      </c>
      <c r="B2730" s="209" t="s">
        <v>19892</v>
      </c>
      <c r="C2730" s="113" t="s">
        <v>21943</v>
      </c>
      <c r="D2730" s="113" t="s">
        <v>24110</v>
      </c>
      <c r="E2730" s="210">
        <v>2021</v>
      </c>
      <c r="F2730" s="210">
        <v>3604</v>
      </c>
      <c r="G2730" s="113" t="s">
        <v>24478</v>
      </c>
      <c r="H2730" s="113">
        <v>0</v>
      </c>
      <c r="I2730" s="113">
        <v>0</v>
      </c>
      <c r="J2730" s="115">
        <v>1</v>
      </c>
      <c r="K2730" s="113" t="s">
        <v>174</v>
      </c>
      <c r="L2730" s="115">
        <v>1</v>
      </c>
      <c r="M2730" s="115">
        <v>0</v>
      </c>
      <c r="N2730" s="115">
        <v>0</v>
      </c>
      <c r="O2730" s="115">
        <v>1</v>
      </c>
      <c r="P2730" s="115">
        <v>1</v>
      </c>
      <c r="Q2730" s="115">
        <v>1</v>
      </c>
      <c r="R2730" s="115">
        <v>1</v>
      </c>
      <c r="S2730" s="115">
        <v>0</v>
      </c>
      <c r="T2730" s="115">
        <v>0</v>
      </c>
      <c r="U2730" s="119"/>
      <c r="V2730" s="119"/>
      <c r="W2730" s="119"/>
      <c r="X2730" s="119"/>
      <c r="Y2730" s="119"/>
      <c r="Z2730" s="119"/>
      <c r="AA2730" s="119"/>
      <c r="AB2730" s="119"/>
      <c r="AC2730" s="119"/>
      <c r="AD2730" s="119"/>
      <c r="AE2730" s="119"/>
      <c r="AF2730" s="119"/>
      <c r="AG2730" s="119"/>
      <c r="AH2730" s="119"/>
      <c r="AI2730" s="119"/>
      <c r="AJ2730" s="119"/>
      <c r="AK2730" s="119"/>
      <c r="AL2730" s="119"/>
      <c r="AM2730" s="119"/>
      <c r="AN2730" s="119"/>
      <c r="AO2730" s="119"/>
      <c r="AP2730" s="119"/>
      <c r="AQ2730" s="119"/>
      <c r="AR2730" s="119"/>
      <c r="AS2730" s="119"/>
      <c r="AT2730" s="119"/>
      <c r="AU2730" s="119"/>
      <c r="AV2730" s="119"/>
      <c r="AW2730" s="119"/>
      <c r="AX2730" s="119"/>
      <c r="AY2730" s="119"/>
      <c r="AZ2730" s="118"/>
      <c r="BA2730" s="119"/>
      <c r="BB2730" s="107">
        <v>45884</v>
      </c>
    </row>
    <row r="2731" spans="1:54" s="207" customFormat="1" ht="13.65" customHeight="1" x14ac:dyDescent="0.25">
      <c r="A2731" s="208" t="s">
        <v>21951</v>
      </c>
      <c r="B2731" s="209" t="s">
        <v>19892</v>
      </c>
      <c r="C2731" s="113" t="s">
        <v>21944</v>
      </c>
      <c r="D2731" s="113" t="s">
        <v>24111</v>
      </c>
      <c r="E2731" s="210">
        <v>2021</v>
      </c>
      <c r="F2731" s="213">
        <v>117732</v>
      </c>
      <c r="G2731" s="113" t="s">
        <v>24479</v>
      </c>
      <c r="H2731" s="113">
        <v>1</v>
      </c>
      <c r="I2731" s="113">
        <v>1</v>
      </c>
      <c r="J2731" s="115">
        <v>1</v>
      </c>
      <c r="K2731" s="211">
        <v>1</v>
      </c>
      <c r="L2731" s="115">
        <v>0</v>
      </c>
      <c r="M2731" s="115">
        <v>1</v>
      </c>
      <c r="N2731" s="115">
        <v>1</v>
      </c>
      <c r="O2731" s="120">
        <v>1</v>
      </c>
      <c r="P2731" s="120">
        <v>1</v>
      </c>
      <c r="Q2731" s="120">
        <v>1</v>
      </c>
      <c r="R2731" s="120">
        <v>1</v>
      </c>
      <c r="S2731" s="115">
        <v>0</v>
      </c>
      <c r="T2731" s="115">
        <v>0</v>
      </c>
      <c r="U2731" s="113" t="s">
        <v>174</v>
      </c>
      <c r="V2731" s="113" t="s">
        <v>174</v>
      </c>
      <c r="W2731" s="113">
        <v>1</v>
      </c>
      <c r="X2731" s="113" t="s">
        <v>174</v>
      </c>
      <c r="Y2731" s="113" t="s">
        <v>174</v>
      </c>
      <c r="Z2731" s="113" t="s">
        <v>174</v>
      </c>
      <c r="AA2731" s="113" t="s">
        <v>174</v>
      </c>
      <c r="AB2731" s="113" t="s">
        <v>174</v>
      </c>
      <c r="AC2731" s="113" t="s">
        <v>174</v>
      </c>
      <c r="AD2731" s="113" t="s">
        <v>174</v>
      </c>
      <c r="AE2731" s="113" t="s">
        <v>174</v>
      </c>
      <c r="AF2731" s="113" t="s">
        <v>174</v>
      </c>
      <c r="AG2731" s="113" t="s">
        <v>174</v>
      </c>
      <c r="AH2731" s="113" t="s">
        <v>174</v>
      </c>
      <c r="AI2731" s="113" t="s">
        <v>174</v>
      </c>
      <c r="AJ2731" s="113" t="s">
        <v>174</v>
      </c>
      <c r="AK2731" s="113" t="s">
        <v>174</v>
      </c>
      <c r="AL2731" s="113" t="s">
        <v>174</v>
      </c>
      <c r="AM2731" s="113" t="s">
        <v>174</v>
      </c>
      <c r="AN2731" s="113" t="s">
        <v>174</v>
      </c>
      <c r="AO2731" s="113" t="s">
        <v>174</v>
      </c>
      <c r="AP2731" s="113" t="s">
        <v>174</v>
      </c>
      <c r="AQ2731" s="113" t="s">
        <v>174</v>
      </c>
      <c r="AR2731" s="113" t="s">
        <v>174</v>
      </c>
      <c r="AS2731" s="113" t="s">
        <v>174</v>
      </c>
      <c r="AT2731" s="113" t="s">
        <v>174</v>
      </c>
      <c r="AU2731" s="113" t="s">
        <v>174</v>
      </c>
      <c r="AV2731" s="113" t="s">
        <v>174</v>
      </c>
      <c r="AW2731" s="113">
        <v>1</v>
      </c>
      <c r="AX2731" s="113"/>
      <c r="AY2731" s="113"/>
      <c r="AZ2731" s="126"/>
      <c r="BA2731" s="113"/>
      <c r="BB2731" s="107">
        <v>45884</v>
      </c>
    </row>
    <row r="2732" spans="1:54" s="207" customFormat="1" ht="13.65" customHeight="1" x14ac:dyDescent="0.25">
      <c r="A2732" s="208" t="s">
        <v>21952</v>
      </c>
      <c r="B2732" s="209" t="s">
        <v>19892</v>
      </c>
      <c r="C2732" s="113" t="s">
        <v>21945</v>
      </c>
      <c r="D2732" s="113" t="s">
        <v>24112</v>
      </c>
      <c r="E2732" s="210">
        <v>2021</v>
      </c>
      <c r="F2732" s="210">
        <v>42174</v>
      </c>
      <c r="G2732" s="95" t="s">
        <v>7</v>
      </c>
      <c r="H2732" s="113">
        <v>1</v>
      </c>
      <c r="I2732" s="113">
        <v>1</v>
      </c>
      <c r="J2732" s="115">
        <v>1</v>
      </c>
      <c r="K2732" s="113">
        <v>1</v>
      </c>
      <c r="L2732" s="115">
        <v>1</v>
      </c>
      <c r="M2732" s="115">
        <v>1</v>
      </c>
      <c r="N2732" s="115">
        <v>1</v>
      </c>
      <c r="O2732" s="115">
        <v>1</v>
      </c>
      <c r="P2732" s="115">
        <v>1</v>
      </c>
      <c r="Q2732" s="115">
        <v>1</v>
      </c>
      <c r="R2732" s="115">
        <v>1</v>
      </c>
      <c r="S2732" s="115">
        <v>0</v>
      </c>
      <c r="T2732" s="115">
        <v>1</v>
      </c>
      <c r="U2732" s="113" t="s">
        <v>174</v>
      </c>
      <c r="V2732" s="113" t="s">
        <v>174</v>
      </c>
      <c r="W2732" s="113">
        <v>1</v>
      </c>
      <c r="X2732" s="113" t="s">
        <v>174</v>
      </c>
      <c r="Y2732" s="113" t="s">
        <v>174</v>
      </c>
      <c r="Z2732" s="113" t="s">
        <v>174</v>
      </c>
      <c r="AA2732" s="113" t="s">
        <v>174</v>
      </c>
      <c r="AB2732" s="113" t="s">
        <v>174</v>
      </c>
      <c r="AC2732" s="113" t="s">
        <v>174</v>
      </c>
      <c r="AD2732" s="113" t="s">
        <v>174</v>
      </c>
      <c r="AE2732" s="113" t="s">
        <v>174</v>
      </c>
      <c r="AF2732" s="113" t="s">
        <v>174</v>
      </c>
      <c r="AG2732" s="113" t="s">
        <v>174</v>
      </c>
      <c r="AH2732" s="113" t="s">
        <v>174</v>
      </c>
      <c r="AI2732" s="113" t="s">
        <v>174</v>
      </c>
      <c r="AJ2732" s="113" t="s">
        <v>174</v>
      </c>
      <c r="AK2732" s="113" t="s">
        <v>174</v>
      </c>
      <c r="AL2732" s="113" t="s">
        <v>174</v>
      </c>
      <c r="AM2732" s="113" t="s">
        <v>174</v>
      </c>
      <c r="AN2732" s="113" t="s">
        <v>174</v>
      </c>
      <c r="AO2732" s="113" t="s">
        <v>174</v>
      </c>
      <c r="AP2732" s="113" t="s">
        <v>174</v>
      </c>
      <c r="AQ2732" s="113" t="s">
        <v>174</v>
      </c>
      <c r="AR2732" s="113" t="s">
        <v>174</v>
      </c>
      <c r="AS2732" s="113" t="s">
        <v>174</v>
      </c>
      <c r="AT2732" s="113" t="s">
        <v>174</v>
      </c>
      <c r="AU2732" s="113" t="s">
        <v>174</v>
      </c>
      <c r="AV2732" s="113" t="s">
        <v>174</v>
      </c>
      <c r="AW2732" s="113">
        <v>1</v>
      </c>
      <c r="AX2732" s="113"/>
      <c r="AY2732" s="113"/>
      <c r="AZ2732" s="126"/>
      <c r="BA2732" s="113"/>
      <c r="BB2732" s="107">
        <v>45884</v>
      </c>
    </row>
    <row r="2733" spans="1:54" s="207" customFormat="1" ht="13.65" customHeight="1" x14ac:dyDescent="0.25">
      <c r="A2733" s="208" t="s">
        <v>21953</v>
      </c>
      <c r="B2733" s="209" t="s">
        <v>19892</v>
      </c>
      <c r="C2733" s="113" t="s">
        <v>21946</v>
      </c>
      <c r="D2733" s="113" t="s">
        <v>24113</v>
      </c>
      <c r="E2733" s="210">
        <v>2021</v>
      </c>
      <c r="F2733" s="210">
        <v>6283</v>
      </c>
      <c r="G2733" s="113" t="s">
        <v>24480</v>
      </c>
      <c r="H2733" s="113">
        <v>0</v>
      </c>
      <c r="I2733" s="113">
        <v>0</v>
      </c>
      <c r="J2733" s="115">
        <v>0</v>
      </c>
      <c r="K2733" s="113">
        <v>0</v>
      </c>
      <c r="L2733" s="115">
        <v>0</v>
      </c>
      <c r="M2733" s="115">
        <v>0</v>
      </c>
      <c r="N2733" s="115">
        <v>0</v>
      </c>
      <c r="O2733" s="115">
        <v>0</v>
      </c>
      <c r="P2733" s="115">
        <v>0</v>
      </c>
      <c r="Q2733" s="115">
        <v>0</v>
      </c>
      <c r="R2733" s="115">
        <v>0</v>
      </c>
      <c r="S2733" s="115">
        <v>0</v>
      </c>
      <c r="T2733" s="115">
        <v>0</v>
      </c>
      <c r="U2733" s="113" t="s">
        <v>174</v>
      </c>
      <c r="V2733" s="113" t="s">
        <v>174</v>
      </c>
      <c r="W2733" s="113" t="s">
        <v>174</v>
      </c>
      <c r="X2733" s="113" t="s">
        <v>174</v>
      </c>
      <c r="Y2733" s="113" t="s">
        <v>174</v>
      </c>
      <c r="Z2733" s="113" t="s">
        <v>174</v>
      </c>
      <c r="AA2733" s="113" t="s">
        <v>174</v>
      </c>
      <c r="AB2733" s="113" t="s">
        <v>174</v>
      </c>
      <c r="AC2733" s="113" t="s">
        <v>174</v>
      </c>
      <c r="AD2733" s="113" t="s">
        <v>174</v>
      </c>
      <c r="AE2733" s="113" t="s">
        <v>174</v>
      </c>
      <c r="AF2733" s="113" t="s">
        <v>174</v>
      </c>
      <c r="AG2733" s="113" t="s">
        <v>174</v>
      </c>
      <c r="AH2733" s="113" t="s">
        <v>174</v>
      </c>
      <c r="AI2733" s="113" t="s">
        <v>174</v>
      </c>
      <c r="AJ2733" s="113" t="s">
        <v>174</v>
      </c>
      <c r="AK2733" s="113" t="s">
        <v>174</v>
      </c>
      <c r="AL2733" s="113" t="s">
        <v>174</v>
      </c>
      <c r="AM2733" s="113" t="s">
        <v>174</v>
      </c>
      <c r="AN2733" s="113" t="s">
        <v>174</v>
      </c>
      <c r="AO2733" s="113" t="s">
        <v>174</v>
      </c>
      <c r="AP2733" s="113" t="s">
        <v>174</v>
      </c>
      <c r="AQ2733" s="113" t="s">
        <v>174</v>
      </c>
      <c r="AR2733" s="113" t="s">
        <v>174</v>
      </c>
      <c r="AS2733" s="113" t="s">
        <v>174</v>
      </c>
      <c r="AT2733" s="113" t="s">
        <v>174</v>
      </c>
      <c r="AU2733" s="113" t="s">
        <v>174</v>
      </c>
      <c r="AV2733" s="113" t="s">
        <v>174</v>
      </c>
      <c r="AW2733" s="113" t="s">
        <v>174</v>
      </c>
      <c r="AX2733" s="113"/>
      <c r="AY2733" s="113"/>
      <c r="AZ2733" s="126"/>
      <c r="BA2733" s="113"/>
      <c r="BB2733" s="107">
        <v>45884</v>
      </c>
    </row>
    <row r="2734" spans="1:54" s="207" customFormat="1" ht="13.65" customHeight="1" x14ac:dyDescent="0.25">
      <c r="A2734" s="208" t="s">
        <v>21954</v>
      </c>
      <c r="B2734" s="209" t="s">
        <v>19892</v>
      </c>
      <c r="C2734" s="113" t="s">
        <v>21947</v>
      </c>
      <c r="D2734" s="113" t="s">
        <v>24114</v>
      </c>
      <c r="E2734" s="210">
        <v>2022</v>
      </c>
      <c r="F2734" s="210">
        <v>5305</v>
      </c>
      <c r="G2734" s="95" t="s">
        <v>10</v>
      </c>
      <c r="H2734" s="113">
        <v>1</v>
      </c>
      <c r="I2734" s="113">
        <v>1</v>
      </c>
      <c r="J2734" s="115">
        <v>1</v>
      </c>
      <c r="K2734" s="113">
        <v>0</v>
      </c>
      <c r="L2734" s="115">
        <v>0</v>
      </c>
      <c r="M2734" s="115">
        <v>0</v>
      </c>
      <c r="N2734" s="115">
        <v>0</v>
      </c>
      <c r="O2734" s="115">
        <v>0</v>
      </c>
      <c r="P2734" s="115">
        <v>0</v>
      </c>
      <c r="Q2734" s="115">
        <v>0</v>
      </c>
      <c r="R2734" s="115">
        <v>0</v>
      </c>
      <c r="S2734" s="115">
        <v>0</v>
      </c>
      <c r="T2734" s="115">
        <v>0</v>
      </c>
      <c r="U2734" s="113" t="s">
        <v>174</v>
      </c>
      <c r="V2734" s="113" t="s">
        <v>174</v>
      </c>
      <c r="W2734" s="113" t="s">
        <v>174</v>
      </c>
      <c r="X2734" s="113" t="s">
        <v>174</v>
      </c>
      <c r="Y2734" s="113" t="s">
        <v>174</v>
      </c>
      <c r="Z2734" s="113" t="s">
        <v>174</v>
      </c>
      <c r="AA2734" s="113" t="s">
        <v>174</v>
      </c>
      <c r="AB2734" s="113" t="s">
        <v>174</v>
      </c>
      <c r="AC2734" s="113" t="s">
        <v>174</v>
      </c>
      <c r="AD2734" s="113" t="s">
        <v>174</v>
      </c>
      <c r="AE2734" s="113" t="s">
        <v>174</v>
      </c>
      <c r="AF2734" s="113" t="s">
        <v>174</v>
      </c>
      <c r="AG2734" s="113" t="s">
        <v>174</v>
      </c>
      <c r="AH2734" s="113" t="s">
        <v>174</v>
      </c>
      <c r="AI2734" s="113" t="s">
        <v>174</v>
      </c>
      <c r="AJ2734" s="113" t="s">
        <v>174</v>
      </c>
      <c r="AK2734" s="113" t="s">
        <v>174</v>
      </c>
      <c r="AL2734" s="113" t="s">
        <v>174</v>
      </c>
      <c r="AM2734" s="113" t="s">
        <v>174</v>
      </c>
      <c r="AN2734" s="113" t="s">
        <v>174</v>
      </c>
      <c r="AO2734" s="113">
        <v>1</v>
      </c>
      <c r="AP2734" s="113" t="s">
        <v>174</v>
      </c>
      <c r="AQ2734" s="113" t="s">
        <v>174</v>
      </c>
      <c r="AR2734" s="113" t="s">
        <v>174</v>
      </c>
      <c r="AS2734" s="113" t="s">
        <v>174</v>
      </c>
      <c r="AT2734" s="113" t="s">
        <v>174</v>
      </c>
      <c r="AU2734" s="113" t="s">
        <v>174</v>
      </c>
      <c r="AV2734" s="113" t="s">
        <v>174</v>
      </c>
      <c r="AW2734" s="113" t="s">
        <v>174</v>
      </c>
      <c r="AX2734" s="113"/>
      <c r="AY2734" s="113"/>
      <c r="AZ2734" s="127" t="s">
        <v>22149</v>
      </c>
      <c r="BA2734" s="113" t="s">
        <v>21948</v>
      </c>
      <c r="BB2734" s="107">
        <v>45884</v>
      </c>
    </row>
    <row r="2735" spans="1:54" s="207" customFormat="1" ht="13.65" customHeight="1" x14ac:dyDescent="0.25">
      <c r="A2735" s="208" t="s">
        <v>21981</v>
      </c>
      <c r="B2735" s="209" t="s">
        <v>19892</v>
      </c>
      <c r="C2735" s="113" t="s">
        <v>24481</v>
      </c>
      <c r="D2735" s="113" t="s">
        <v>24115</v>
      </c>
      <c r="E2735" s="210">
        <v>2022</v>
      </c>
      <c r="F2735" s="210">
        <v>2574</v>
      </c>
      <c r="G2735" s="113" t="s">
        <v>24478</v>
      </c>
      <c r="H2735" s="113">
        <v>0</v>
      </c>
      <c r="I2735" s="113">
        <v>0</v>
      </c>
      <c r="J2735" s="120">
        <v>1</v>
      </c>
      <c r="K2735" s="113" t="s">
        <v>174</v>
      </c>
      <c r="L2735" s="120">
        <v>1</v>
      </c>
      <c r="M2735" s="120">
        <v>0</v>
      </c>
      <c r="N2735" s="120">
        <v>1</v>
      </c>
      <c r="O2735" s="120">
        <v>1</v>
      </c>
      <c r="P2735" s="120">
        <v>1</v>
      </c>
      <c r="Q2735" s="115" t="s">
        <v>400</v>
      </c>
      <c r="R2735" s="120">
        <v>1</v>
      </c>
      <c r="S2735" s="120">
        <v>0</v>
      </c>
      <c r="T2735" s="120">
        <v>0</v>
      </c>
      <c r="U2735" s="119"/>
      <c r="V2735" s="119"/>
      <c r="W2735" s="119"/>
      <c r="X2735" s="119"/>
      <c r="Y2735" s="119"/>
      <c r="Z2735" s="119"/>
      <c r="AA2735" s="119"/>
      <c r="AB2735" s="119"/>
      <c r="AC2735" s="119"/>
      <c r="AD2735" s="119"/>
      <c r="AE2735" s="119"/>
      <c r="AF2735" s="119"/>
      <c r="AG2735" s="119"/>
      <c r="AH2735" s="119"/>
      <c r="AI2735" s="119"/>
      <c r="AJ2735" s="119"/>
      <c r="AK2735" s="119"/>
      <c r="AL2735" s="119"/>
      <c r="AM2735" s="119"/>
      <c r="AN2735" s="119"/>
      <c r="AO2735" s="119"/>
      <c r="AP2735" s="119"/>
      <c r="AQ2735" s="119"/>
      <c r="AR2735" s="119"/>
      <c r="AS2735" s="119"/>
      <c r="AT2735" s="119"/>
      <c r="AU2735" s="119"/>
      <c r="AV2735" s="119"/>
      <c r="AW2735" s="119"/>
      <c r="AX2735" s="119"/>
      <c r="AY2735" s="119"/>
      <c r="AZ2735" s="118"/>
      <c r="BA2735" s="119"/>
      <c r="BB2735" s="107">
        <v>45884</v>
      </c>
    </row>
    <row r="2736" spans="1:54" s="207" customFormat="1" ht="13.65" customHeight="1" x14ac:dyDescent="0.25">
      <c r="A2736" s="208" t="s">
        <v>21982</v>
      </c>
      <c r="B2736" s="209" t="s">
        <v>19892</v>
      </c>
      <c r="C2736" s="113" t="s">
        <v>24482</v>
      </c>
      <c r="D2736" s="113" t="s">
        <v>24116</v>
      </c>
      <c r="E2736" s="210">
        <v>2022</v>
      </c>
      <c r="F2736" s="210">
        <v>295</v>
      </c>
      <c r="G2736" s="113" t="s">
        <v>24478</v>
      </c>
      <c r="H2736" s="113">
        <v>0</v>
      </c>
      <c r="I2736" s="113">
        <v>0</v>
      </c>
      <c r="J2736" s="120">
        <v>1</v>
      </c>
      <c r="K2736" s="113" t="s">
        <v>174</v>
      </c>
      <c r="L2736" s="120">
        <v>0</v>
      </c>
      <c r="M2736" s="120">
        <v>0</v>
      </c>
      <c r="N2736" s="120">
        <v>0</v>
      </c>
      <c r="O2736" s="120">
        <v>0</v>
      </c>
      <c r="P2736" s="120">
        <v>1</v>
      </c>
      <c r="Q2736" s="115" t="s">
        <v>400</v>
      </c>
      <c r="R2736" s="120">
        <v>0</v>
      </c>
      <c r="S2736" s="120">
        <v>0</v>
      </c>
      <c r="T2736" s="120">
        <v>0</v>
      </c>
      <c r="U2736" s="119"/>
      <c r="V2736" s="119"/>
      <c r="W2736" s="119"/>
      <c r="X2736" s="119"/>
      <c r="Y2736" s="119"/>
      <c r="Z2736" s="119"/>
      <c r="AA2736" s="119"/>
      <c r="AB2736" s="119"/>
      <c r="AC2736" s="119"/>
      <c r="AD2736" s="119"/>
      <c r="AE2736" s="119"/>
      <c r="AF2736" s="119"/>
      <c r="AG2736" s="119"/>
      <c r="AH2736" s="119"/>
      <c r="AI2736" s="119"/>
      <c r="AJ2736" s="119"/>
      <c r="AK2736" s="119"/>
      <c r="AL2736" s="119"/>
      <c r="AM2736" s="119"/>
      <c r="AN2736" s="119"/>
      <c r="AO2736" s="119"/>
      <c r="AP2736" s="119"/>
      <c r="AQ2736" s="119"/>
      <c r="AR2736" s="119"/>
      <c r="AS2736" s="119"/>
      <c r="AT2736" s="119"/>
      <c r="AU2736" s="119"/>
      <c r="AV2736" s="119"/>
      <c r="AW2736" s="119"/>
      <c r="AX2736" s="119"/>
      <c r="AY2736" s="119"/>
      <c r="AZ2736" s="118"/>
      <c r="BA2736" s="119"/>
      <c r="BB2736" s="107">
        <v>45884</v>
      </c>
    </row>
    <row r="2737" spans="1:54" s="207" customFormat="1" ht="13.65" customHeight="1" x14ac:dyDescent="0.25">
      <c r="A2737" s="208" t="s">
        <v>21983</v>
      </c>
      <c r="B2737" s="209" t="s">
        <v>19892</v>
      </c>
      <c r="C2737" s="113" t="s">
        <v>21980</v>
      </c>
      <c r="D2737" s="113" t="s">
        <v>24117</v>
      </c>
      <c r="E2737" s="210">
        <v>2022</v>
      </c>
      <c r="F2737" s="210">
        <v>218</v>
      </c>
      <c r="G2737" s="113" t="s">
        <v>24478</v>
      </c>
      <c r="H2737" s="113">
        <v>0</v>
      </c>
      <c r="I2737" s="113">
        <v>0</v>
      </c>
      <c r="J2737" s="120">
        <v>1</v>
      </c>
      <c r="K2737" s="113" t="s">
        <v>174</v>
      </c>
      <c r="L2737" s="120">
        <v>0</v>
      </c>
      <c r="M2737" s="120">
        <v>0</v>
      </c>
      <c r="N2737" s="120">
        <v>1</v>
      </c>
      <c r="O2737" s="120">
        <v>0</v>
      </c>
      <c r="P2737" s="115" t="s">
        <v>400</v>
      </c>
      <c r="Q2737" s="115" t="s">
        <v>400</v>
      </c>
      <c r="R2737" s="120">
        <v>0</v>
      </c>
      <c r="S2737" s="120">
        <v>0</v>
      </c>
      <c r="T2737" s="120">
        <v>0</v>
      </c>
      <c r="U2737" s="119"/>
      <c r="V2737" s="119"/>
      <c r="W2737" s="119"/>
      <c r="X2737" s="119"/>
      <c r="Y2737" s="119"/>
      <c r="Z2737" s="119"/>
      <c r="AA2737" s="119"/>
      <c r="AB2737" s="119"/>
      <c r="AC2737" s="119"/>
      <c r="AD2737" s="119"/>
      <c r="AE2737" s="119"/>
      <c r="AF2737" s="119"/>
      <c r="AG2737" s="119"/>
      <c r="AH2737" s="119"/>
      <c r="AI2737" s="119"/>
      <c r="AJ2737" s="119"/>
      <c r="AK2737" s="119"/>
      <c r="AL2737" s="119"/>
      <c r="AM2737" s="119"/>
      <c r="AN2737" s="119"/>
      <c r="AO2737" s="119"/>
      <c r="AP2737" s="119"/>
      <c r="AQ2737" s="119"/>
      <c r="AR2737" s="119"/>
      <c r="AS2737" s="119"/>
      <c r="AT2737" s="119"/>
      <c r="AU2737" s="119"/>
      <c r="AV2737" s="119"/>
      <c r="AW2737" s="119"/>
      <c r="AX2737" s="119"/>
      <c r="AY2737" s="119"/>
      <c r="AZ2737" s="118"/>
      <c r="BA2737" s="119"/>
      <c r="BB2737" s="107">
        <v>45884</v>
      </c>
    </row>
    <row r="2738" spans="1:54" s="207" customFormat="1" ht="13.65" customHeight="1" x14ac:dyDescent="0.25">
      <c r="A2738" s="208" t="s">
        <v>21984</v>
      </c>
      <c r="B2738" s="209" t="s">
        <v>19892</v>
      </c>
      <c r="C2738" s="113" t="s">
        <v>24483</v>
      </c>
      <c r="D2738" s="113" t="s">
        <v>24118</v>
      </c>
      <c r="E2738" s="210">
        <v>2022</v>
      </c>
      <c r="F2738" s="213">
        <v>10038</v>
      </c>
      <c r="G2738" s="113" t="s">
        <v>24484</v>
      </c>
      <c r="H2738" s="113">
        <v>0</v>
      </c>
      <c r="I2738" s="113">
        <v>0</v>
      </c>
      <c r="J2738" s="120">
        <v>1</v>
      </c>
      <c r="K2738" s="113" t="s">
        <v>174</v>
      </c>
      <c r="L2738" s="120">
        <v>0</v>
      </c>
      <c r="M2738" s="120">
        <v>0</v>
      </c>
      <c r="N2738" s="120">
        <v>0</v>
      </c>
      <c r="O2738" s="120">
        <v>0</v>
      </c>
      <c r="P2738" s="115" t="s">
        <v>400</v>
      </c>
      <c r="Q2738" s="115" t="s">
        <v>400</v>
      </c>
      <c r="R2738" s="120">
        <v>0</v>
      </c>
      <c r="S2738" s="120">
        <v>0</v>
      </c>
      <c r="T2738" s="120">
        <v>0</v>
      </c>
      <c r="U2738" s="113" t="s">
        <v>174</v>
      </c>
      <c r="V2738" s="113" t="s">
        <v>174</v>
      </c>
      <c r="W2738" s="113" t="s">
        <v>174</v>
      </c>
      <c r="X2738" s="113" t="s">
        <v>174</v>
      </c>
      <c r="Y2738" s="113" t="s">
        <v>174</v>
      </c>
      <c r="Z2738" s="113" t="s">
        <v>174</v>
      </c>
      <c r="AA2738" s="113" t="s">
        <v>174</v>
      </c>
      <c r="AB2738" s="113" t="s">
        <v>174</v>
      </c>
      <c r="AC2738" s="113" t="s">
        <v>174</v>
      </c>
      <c r="AD2738" s="113" t="s">
        <v>174</v>
      </c>
      <c r="AE2738" s="113" t="s">
        <v>174</v>
      </c>
      <c r="AF2738" s="113" t="s">
        <v>174</v>
      </c>
      <c r="AG2738" s="113" t="s">
        <v>174</v>
      </c>
      <c r="AH2738" s="113" t="s">
        <v>174</v>
      </c>
      <c r="AI2738" s="113" t="s">
        <v>174</v>
      </c>
      <c r="AJ2738" s="113" t="s">
        <v>174</v>
      </c>
      <c r="AK2738" s="113" t="s">
        <v>174</v>
      </c>
      <c r="AL2738" s="113" t="s">
        <v>174</v>
      </c>
      <c r="AM2738" s="113" t="s">
        <v>174</v>
      </c>
      <c r="AN2738" s="113" t="s">
        <v>174</v>
      </c>
      <c r="AO2738" s="113" t="s">
        <v>174</v>
      </c>
      <c r="AP2738" s="113" t="s">
        <v>174</v>
      </c>
      <c r="AQ2738" s="113" t="s">
        <v>174</v>
      </c>
      <c r="AR2738" s="113" t="s">
        <v>174</v>
      </c>
      <c r="AS2738" s="113" t="s">
        <v>174</v>
      </c>
      <c r="AT2738" s="113" t="s">
        <v>174</v>
      </c>
      <c r="AU2738" s="113" t="s">
        <v>174</v>
      </c>
      <c r="AV2738" s="113" t="s">
        <v>174</v>
      </c>
      <c r="AW2738" s="113" t="s">
        <v>174</v>
      </c>
      <c r="AX2738" s="113"/>
      <c r="AY2738" s="113"/>
      <c r="AZ2738" s="126"/>
      <c r="BA2738" s="113"/>
      <c r="BB2738" s="107">
        <v>45884</v>
      </c>
    </row>
    <row r="2739" spans="1:54" s="207" customFormat="1" ht="13.65" customHeight="1" x14ac:dyDescent="0.25">
      <c r="A2739" s="208" t="s">
        <v>21985</v>
      </c>
      <c r="B2739" s="209" t="s">
        <v>19892</v>
      </c>
      <c r="C2739" s="113" t="s">
        <v>24485</v>
      </c>
      <c r="D2739" s="113" t="s">
        <v>24119</v>
      </c>
      <c r="E2739" s="210">
        <v>2022</v>
      </c>
      <c r="F2739" s="210">
        <v>350</v>
      </c>
      <c r="G2739" s="113" t="s">
        <v>24478</v>
      </c>
      <c r="H2739" s="113">
        <v>0</v>
      </c>
      <c r="I2739" s="113">
        <v>0</v>
      </c>
      <c r="J2739" s="120">
        <v>1</v>
      </c>
      <c r="K2739" s="113" t="s">
        <v>174</v>
      </c>
      <c r="L2739" s="120">
        <v>1</v>
      </c>
      <c r="M2739" s="120">
        <v>0</v>
      </c>
      <c r="N2739" s="120">
        <v>0</v>
      </c>
      <c r="O2739" s="120">
        <v>0</v>
      </c>
      <c r="P2739" s="115" t="s">
        <v>400</v>
      </c>
      <c r="Q2739" s="120">
        <v>1</v>
      </c>
      <c r="R2739" s="120">
        <v>0</v>
      </c>
      <c r="S2739" s="120">
        <v>0</v>
      </c>
      <c r="T2739" s="120">
        <v>0</v>
      </c>
      <c r="U2739" s="119"/>
      <c r="V2739" s="119"/>
      <c r="W2739" s="119"/>
      <c r="X2739" s="119"/>
      <c r="Y2739" s="119"/>
      <c r="Z2739" s="119"/>
      <c r="AA2739" s="119"/>
      <c r="AB2739" s="119"/>
      <c r="AC2739" s="119"/>
      <c r="AD2739" s="119"/>
      <c r="AE2739" s="119"/>
      <c r="AF2739" s="119"/>
      <c r="AG2739" s="119"/>
      <c r="AH2739" s="119"/>
      <c r="AI2739" s="119"/>
      <c r="AJ2739" s="119"/>
      <c r="AK2739" s="119"/>
      <c r="AL2739" s="119"/>
      <c r="AM2739" s="119"/>
      <c r="AN2739" s="119"/>
      <c r="AO2739" s="119"/>
      <c r="AP2739" s="119"/>
      <c r="AQ2739" s="119"/>
      <c r="AR2739" s="119"/>
      <c r="AS2739" s="119"/>
      <c r="AT2739" s="119"/>
      <c r="AU2739" s="119"/>
      <c r="AV2739" s="119"/>
      <c r="AW2739" s="119"/>
      <c r="AX2739" s="119"/>
      <c r="AY2739" s="119"/>
      <c r="AZ2739" s="118"/>
      <c r="BA2739" s="119"/>
      <c r="BB2739" s="107">
        <v>45884</v>
      </c>
    </row>
    <row r="2740" spans="1:54" s="207" customFormat="1" ht="13.65" customHeight="1" x14ac:dyDescent="0.25">
      <c r="A2740" s="208" t="s">
        <v>21986</v>
      </c>
      <c r="B2740" s="209" t="s">
        <v>19892</v>
      </c>
      <c r="C2740" s="113" t="s">
        <v>24486</v>
      </c>
      <c r="D2740" s="113" t="s">
        <v>24120</v>
      </c>
      <c r="E2740" s="210">
        <v>2023</v>
      </c>
      <c r="F2740" s="210">
        <v>334</v>
      </c>
      <c r="G2740" s="113" t="s">
        <v>24487</v>
      </c>
      <c r="H2740" s="113">
        <v>0</v>
      </c>
      <c r="I2740" s="113">
        <v>0</v>
      </c>
      <c r="J2740" s="120">
        <v>1</v>
      </c>
      <c r="K2740" s="211">
        <v>1</v>
      </c>
      <c r="L2740" s="120">
        <v>0</v>
      </c>
      <c r="M2740" s="120">
        <v>0</v>
      </c>
      <c r="N2740" s="120">
        <v>1</v>
      </c>
      <c r="O2740" s="120">
        <v>0</v>
      </c>
      <c r="P2740" s="115" t="s">
        <v>400</v>
      </c>
      <c r="Q2740" s="120">
        <v>1</v>
      </c>
      <c r="R2740" s="120">
        <v>0</v>
      </c>
      <c r="S2740" s="120">
        <v>0</v>
      </c>
      <c r="T2740" s="120">
        <v>0</v>
      </c>
      <c r="U2740" s="119"/>
      <c r="V2740" s="119"/>
      <c r="W2740" s="119"/>
      <c r="X2740" s="119"/>
      <c r="Y2740" s="119"/>
      <c r="Z2740" s="119"/>
      <c r="AA2740" s="119"/>
      <c r="AB2740" s="119"/>
      <c r="AC2740" s="119"/>
      <c r="AD2740" s="119"/>
      <c r="AE2740" s="119"/>
      <c r="AF2740" s="119"/>
      <c r="AG2740" s="119"/>
      <c r="AH2740" s="119"/>
      <c r="AI2740" s="119"/>
      <c r="AJ2740" s="119"/>
      <c r="AK2740" s="119"/>
      <c r="AL2740" s="119"/>
      <c r="AM2740" s="119"/>
      <c r="AN2740" s="119"/>
      <c r="AO2740" s="119"/>
      <c r="AP2740" s="119"/>
      <c r="AQ2740" s="119"/>
      <c r="AR2740" s="119"/>
      <c r="AS2740" s="119"/>
      <c r="AT2740" s="119"/>
      <c r="AU2740" s="119"/>
      <c r="AV2740" s="119"/>
      <c r="AW2740" s="119"/>
      <c r="AX2740" s="119"/>
      <c r="AY2740" s="119"/>
      <c r="AZ2740" s="118"/>
      <c r="BA2740" s="119"/>
      <c r="BB2740" s="107">
        <v>45884</v>
      </c>
    </row>
    <row r="2741" spans="1:54" s="207" customFormat="1" ht="13.65" customHeight="1" x14ac:dyDescent="0.25">
      <c r="A2741" s="208" t="s">
        <v>21987</v>
      </c>
      <c r="B2741" s="209" t="s">
        <v>19892</v>
      </c>
      <c r="C2741" s="113" t="s">
        <v>24488</v>
      </c>
      <c r="D2741" s="113" t="s">
        <v>24121</v>
      </c>
      <c r="E2741" s="210">
        <v>2023</v>
      </c>
      <c r="F2741" s="210">
        <v>5465</v>
      </c>
      <c r="G2741" s="113" t="s">
        <v>24478</v>
      </c>
      <c r="H2741" s="113">
        <v>0</v>
      </c>
      <c r="I2741" s="113">
        <v>0</v>
      </c>
      <c r="J2741" s="120">
        <v>1</v>
      </c>
      <c r="K2741" s="113" t="s">
        <v>174</v>
      </c>
      <c r="L2741" s="120">
        <v>1</v>
      </c>
      <c r="M2741" s="120">
        <v>1</v>
      </c>
      <c r="N2741" s="120">
        <v>1</v>
      </c>
      <c r="O2741" s="120">
        <v>1</v>
      </c>
      <c r="P2741" s="115" t="s">
        <v>400</v>
      </c>
      <c r="Q2741" s="115" t="s">
        <v>400</v>
      </c>
      <c r="R2741" s="120">
        <v>0</v>
      </c>
      <c r="S2741" s="120">
        <v>0</v>
      </c>
      <c r="T2741" s="120">
        <v>0</v>
      </c>
      <c r="U2741" s="119"/>
      <c r="V2741" s="119"/>
      <c r="W2741" s="119"/>
      <c r="X2741" s="119"/>
      <c r="Y2741" s="119"/>
      <c r="Z2741" s="119"/>
      <c r="AA2741" s="119"/>
      <c r="AB2741" s="119"/>
      <c r="AC2741" s="119"/>
      <c r="AD2741" s="119"/>
      <c r="AE2741" s="119"/>
      <c r="AF2741" s="119"/>
      <c r="AG2741" s="119"/>
      <c r="AH2741" s="119"/>
      <c r="AI2741" s="119"/>
      <c r="AJ2741" s="119"/>
      <c r="AK2741" s="119"/>
      <c r="AL2741" s="119"/>
      <c r="AM2741" s="119"/>
      <c r="AN2741" s="119"/>
      <c r="AO2741" s="119"/>
      <c r="AP2741" s="119"/>
      <c r="AQ2741" s="119"/>
      <c r="AR2741" s="119"/>
      <c r="AS2741" s="119"/>
      <c r="AT2741" s="119"/>
      <c r="AU2741" s="119"/>
      <c r="AV2741" s="119"/>
      <c r="AW2741" s="119"/>
      <c r="AX2741" s="119"/>
      <c r="AY2741" s="119"/>
      <c r="AZ2741" s="118"/>
      <c r="BA2741" s="119"/>
      <c r="BB2741" s="107">
        <v>45884</v>
      </c>
    </row>
    <row r="2742" spans="1:54" s="207" customFormat="1" ht="13.65" customHeight="1" x14ac:dyDescent="0.25">
      <c r="A2742" s="208" t="s">
        <v>21988</v>
      </c>
      <c r="B2742" s="209" t="s">
        <v>19892</v>
      </c>
      <c r="C2742" s="113" t="s">
        <v>24489</v>
      </c>
      <c r="D2742" s="113" t="s">
        <v>24122</v>
      </c>
      <c r="E2742" s="210">
        <v>2023</v>
      </c>
      <c r="F2742" s="210">
        <v>1638</v>
      </c>
      <c r="G2742" s="113" t="s">
        <v>24478</v>
      </c>
      <c r="H2742" s="113">
        <v>0</v>
      </c>
      <c r="I2742" s="113">
        <v>0</v>
      </c>
      <c r="J2742" s="120">
        <v>1</v>
      </c>
      <c r="K2742" s="113" t="s">
        <v>174</v>
      </c>
      <c r="L2742" s="120">
        <v>1</v>
      </c>
      <c r="M2742" s="120">
        <v>1</v>
      </c>
      <c r="N2742" s="120">
        <v>0</v>
      </c>
      <c r="O2742" s="120">
        <v>0</v>
      </c>
      <c r="P2742" s="115" t="s">
        <v>400</v>
      </c>
      <c r="Q2742" s="115" t="s">
        <v>400</v>
      </c>
      <c r="R2742" s="120">
        <v>0</v>
      </c>
      <c r="S2742" s="120">
        <v>0</v>
      </c>
      <c r="T2742" s="120">
        <v>0</v>
      </c>
      <c r="U2742" s="119"/>
      <c r="V2742" s="119"/>
      <c r="W2742" s="119"/>
      <c r="X2742" s="119"/>
      <c r="Y2742" s="119"/>
      <c r="Z2742" s="119"/>
      <c r="AA2742" s="119"/>
      <c r="AB2742" s="119"/>
      <c r="AC2742" s="119"/>
      <c r="AD2742" s="119"/>
      <c r="AE2742" s="119"/>
      <c r="AF2742" s="119"/>
      <c r="AG2742" s="119"/>
      <c r="AH2742" s="119"/>
      <c r="AI2742" s="119"/>
      <c r="AJ2742" s="119"/>
      <c r="AK2742" s="119"/>
      <c r="AL2742" s="119"/>
      <c r="AM2742" s="119"/>
      <c r="AN2742" s="119"/>
      <c r="AO2742" s="119"/>
      <c r="AP2742" s="119"/>
      <c r="AQ2742" s="119"/>
      <c r="AR2742" s="119"/>
      <c r="AS2742" s="119"/>
      <c r="AT2742" s="119"/>
      <c r="AU2742" s="119"/>
      <c r="AV2742" s="119"/>
      <c r="AW2742" s="119"/>
      <c r="AX2742" s="119"/>
      <c r="AY2742" s="119"/>
      <c r="AZ2742" s="118"/>
      <c r="BA2742" s="119"/>
      <c r="BB2742" s="107">
        <v>45884</v>
      </c>
    </row>
    <row r="2743" spans="1:54" s="207" customFormat="1" ht="13.5" customHeight="1" x14ac:dyDescent="0.25">
      <c r="A2743" s="208" t="s">
        <v>21989</v>
      </c>
      <c r="B2743" s="209" t="s">
        <v>19892</v>
      </c>
      <c r="C2743" s="113" t="s">
        <v>24490</v>
      </c>
      <c r="D2743" s="113" t="s">
        <v>24123</v>
      </c>
      <c r="E2743" s="210">
        <v>2023</v>
      </c>
      <c r="F2743" s="210">
        <v>432</v>
      </c>
      <c r="G2743" s="113" t="s">
        <v>24478</v>
      </c>
      <c r="H2743" s="113">
        <v>0</v>
      </c>
      <c r="I2743" s="113">
        <v>0</v>
      </c>
      <c r="J2743" s="120">
        <v>1</v>
      </c>
      <c r="K2743" s="113" t="s">
        <v>174</v>
      </c>
      <c r="L2743" s="120">
        <v>0</v>
      </c>
      <c r="M2743" s="120">
        <v>0</v>
      </c>
      <c r="N2743" s="120">
        <v>0</v>
      </c>
      <c r="O2743" s="120">
        <v>0</v>
      </c>
      <c r="P2743" s="120">
        <v>1</v>
      </c>
      <c r="Q2743" s="115" t="s">
        <v>400</v>
      </c>
      <c r="R2743" s="120">
        <v>1</v>
      </c>
      <c r="S2743" s="120">
        <v>0</v>
      </c>
      <c r="T2743" s="120">
        <v>0</v>
      </c>
      <c r="U2743" s="119"/>
      <c r="V2743" s="119"/>
      <c r="W2743" s="119"/>
      <c r="X2743" s="119"/>
      <c r="Y2743" s="119"/>
      <c r="Z2743" s="119"/>
      <c r="AA2743" s="119"/>
      <c r="AB2743" s="119"/>
      <c r="AC2743" s="119"/>
      <c r="AD2743" s="119"/>
      <c r="AE2743" s="119"/>
      <c r="AF2743" s="119"/>
      <c r="AG2743" s="119"/>
      <c r="AH2743" s="119"/>
      <c r="AI2743" s="119"/>
      <c r="AJ2743" s="119"/>
      <c r="AK2743" s="119"/>
      <c r="AL2743" s="119"/>
      <c r="AM2743" s="119"/>
      <c r="AN2743" s="119"/>
      <c r="AO2743" s="119"/>
      <c r="AP2743" s="119"/>
      <c r="AQ2743" s="119"/>
      <c r="AR2743" s="119"/>
      <c r="AS2743" s="119"/>
      <c r="AT2743" s="119"/>
      <c r="AU2743" s="119"/>
      <c r="AV2743" s="119"/>
      <c r="AW2743" s="119"/>
      <c r="AX2743" s="119"/>
      <c r="AY2743" s="119"/>
      <c r="AZ2743" s="118"/>
      <c r="BA2743" s="119"/>
      <c r="BB2743" s="107">
        <v>45884</v>
      </c>
    </row>
    <row r="2744" spans="1:54" s="207" customFormat="1" ht="13.5" customHeight="1" x14ac:dyDescent="0.25">
      <c r="A2744" s="208" t="s">
        <v>24168</v>
      </c>
      <c r="B2744" s="209" t="s">
        <v>19892</v>
      </c>
      <c r="C2744" s="113" t="s">
        <v>24124</v>
      </c>
      <c r="D2744" s="113" t="s">
        <v>24125</v>
      </c>
      <c r="E2744" s="210">
        <v>2023</v>
      </c>
      <c r="F2744" s="210">
        <v>953</v>
      </c>
      <c r="G2744" s="113" t="s">
        <v>1</v>
      </c>
      <c r="H2744" s="113" t="s">
        <v>400</v>
      </c>
      <c r="I2744" s="113" t="s">
        <v>400</v>
      </c>
      <c r="J2744" s="94">
        <v>1</v>
      </c>
      <c r="K2744" s="113" t="s">
        <v>174</v>
      </c>
      <c r="L2744" s="94">
        <v>1</v>
      </c>
      <c r="M2744" s="94">
        <v>0</v>
      </c>
      <c r="N2744" s="94">
        <v>1</v>
      </c>
      <c r="O2744" s="94">
        <v>0</v>
      </c>
      <c r="P2744" s="94">
        <v>1</v>
      </c>
      <c r="Q2744" s="120" t="s">
        <v>24126</v>
      </c>
      <c r="R2744" s="94">
        <v>1</v>
      </c>
      <c r="S2744" s="94">
        <v>0</v>
      </c>
      <c r="T2744" s="94">
        <v>0</v>
      </c>
      <c r="U2744" s="119"/>
      <c r="V2744" s="119"/>
      <c r="W2744" s="119"/>
      <c r="X2744" s="119"/>
      <c r="Y2744" s="119"/>
      <c r="Z2744" s="119"/>
      <c r="AA2744" s="119"/>
      <c r="AB2744" s="119"/>
      <c r="AC2744" s="119"/>
      <c r="AD2744" s="119"/>
      <c r="AE2744" s="119"/>
      <c r="AF2744" s="119"/>
      <c r="AG2744" s="119"/>
      <c r="AH2744" s="119"/>
      <c r="AI2744" s="119"/>
      <c r="AJ2744" s="119"/>
      <c r="AK2744" s="119"/>
      <c r="AL2744" s="119"/>
      <c r="AM2744" s="119"/>
      <c r="AN2744" s="119"/>
      <c r="AO2744" s="119"/>
      <c r="AP2744" s="119"/>
      <c r="AQ2744" s="119"/>
      <c r="AR2744" s="119"/>
      <c r="AS2744" s="119"/>
      <c r="AT2744" s="119"/>
      <c r="AU2744" s="119"/>
      <c r="AV2744" s="119"/>
      <c r="AW2744" s="119"/>
      <c r="AX2744" s="119"/>
      <c r="AY2744" s="119"/>
      <c r="AZ2744" s="118"/>
      <c r="BA2744" s="119"/>
      <c r="BB2744" s="107">
        <v>45884</v>
      </c>
    </row>
    <row r="2745" spans="1:54" s="207" customFormat="1" ht="13.5" customHeight="1" x14ac:dyDescent="0.25">
      <c r="A2745" s="208" t="s">
        <v>24169</v>
      </c>
      <c r="B2745" s="209" t="s">
        <v>19892</v>
      </c>
      <c r="C2745" s="113" t="s">
        <v>24127</v>
      </c>
      <c r="D2745" s="113" t="s">
        <v>24128</v>
      </c>
      <c r="E2745" s="210">
        <v>2023</v>
      </c>
      <c r="F2745" s="210">
        <v>671</v>
      </c>
      <c r="G2745" s="113" t="s">
        <v>1</v>
      </c>
      <c r="H2745" s="113" t="s">
        <v>400</v>
      </c>
      <c r="I2745" s="113" t="s">
        <v>400</v>
      </c>
      <c r="J2745" s="94">
        <v>1</v>
      </c>
      <c r="K2745" s="113" t="s">
        <v>174</v>
      </c>
      <c r="L2745" s="94">
        <v>0</v>
      </c>
      <c r="M2745" s="94">
        <v>1</v>
      </c>
      <c r="N2745" s="94">
        <v>0</v>
      </c>
      <c r="O2745" s="94">
        <v>0</v>
      </c>
      <c r="P2745" s="120" t="s">
        <v>24126</v>
      </c>
      <c r="Q2745" s="120" t="s">
        <v>24126</v>
      </c>
      <c r="R2745" s="94">
        <v>0</v>
      </c>
      <c r="S2745" s="94">
        <v>0</v>
      </c>
      <c r="T2745" s="94">
        <v>0</v>
      </c>
      <c r="U2745" s="119"/>
      <c r="V2745" s="119"/>
      <c r="W2745" s="119"/>
      <c r="X2745" s="119"/>
      <c r="Y2745" s="119"/>
      <c r="Z2745" s="119"/>
      <c r="AA2745" s="119"/>
      <c r="AB2745" s="119"/>
      <c r="AC2745" s="119"/>
      <c r="AD2745" s="119"/>
      <c r="AE2745" s="119"/>
      <c r="AF2745" s="119"/>
      <c r="AG2745" s="119"/>
      <c r="AH2745" s="119"/>
      <c r="AI2745" s="119"/>
      <c r="AJ2745" s="119"/>
      <c r="AK2745" s="119"/>
      <c r="AL2745" s="119"/>
      <c r="AM2745" s="119"/>
      <c r="AN2745" s="119"/>
      <c r="AO2745" s="119"/>
      <c r="AP2745" s="119"/>
      <c r="AQ2745" s="119"/>
      <c r="AR2745" s="119"/>
      <c r="AS2745" s="119"/>
      <c r="AT2745" s="119"/>
      <c r="AU2745" s="119"/>
      <c r="AV2745" s="119"/>
      <c r="AW2745" s="119"/>
      <c r="AX2745" s="119"/>
      <c r="AY2745" s="119"/>
      <c r="AZ2745" s="118"/>
      <c r="BA2745" s="119"/>
      <c r="BB2745" s="107">
        <v>45884</v>
      </c>
    </row>
    <row r="2746" spans="1:54" s="207" customFormat="1" ht="13.5" customHeight="1" x14ac:dyDescent="0.25">
      <c r="A2746" s="208" t="s">
        <v>24170</v>
      </c>
      <c r="B2746" s="209" t="s">
        <v>19892</v>
      </c>
      <c r="C2746" s="113" t="s">
        <v>24129</v>
      </c>
      <c r="D2746" s="113" t="s">
        <v>24130</v>
      </c>
      <c r="E2746" s="210">
        <v>2023</v>
      </c>
      <c r="F2746" s="210">
        <v>4800</v>
      </c>
      <c r="G2746" s="113" t="s">
        <v>1</v>
      </c>
      <c r="H2746" s="113" t="s">
        <v>400</v>
      </c>
      <c r="I2746" s="113" t="s">
        <v>400</v>
      </c>
      <c r="J2746" s="94">
        <v>1</v>
      </c>
      <c r="K2746" s="113" t="s">
        <v>174</v>
      </c>
      <c r="L2746" s="94">
        <v>1</v>
      </c>
      <c r="M2746" s="94">
        <v>1</v>
      </c>
      <c r="N2746" s="94">
        <v>1</v>
      </c>
      <c r="O2746" s="94">
        <v>1</v>
      </c>
      <c r="P2746" s="94">
        <v>1</v>
      </c>
      <c r="Q2746" s="120" t="s">
        <v>24126</v>
      </c>
      <c r="R2746" s="94">
        <v>1</v>
      </c>
      <c r="S2746" s="94">
        <v>0</v>
      </c>
      <c r="T2746" s="94">
        <v>0</v>
      </c>
      <c r="U2746" s="119"/>
      <c r="V2746" s="119"/>
      <c r="W2746" s="119"/>
      <c r="X2746" s="119"/>
      <c r="Y2746" s="119"/>
      <c r="Z2746" s="119"/>
      <c r="AA2746" s="119"/>
      <c r="AB2746" s="119"/>
      <c r="AC2746" s="119"/>
      <c r="AD2746" s="119"/>
      <c r="AE2746" s="119"/>
      <c r="AF2746" s="119"/>
      <c r="AG2746" s="119"/>
      <c r="AH2746" s="119"/>
      <c r="AI2746" s="119"/>
      <c r="AJ2746" s="119"/>
      <c r="AK2746" s="119"/>
      <c r="AL2746" s="119"/>
      <c r="AM2746" s="119"/>
      <c r="AN2746" s="119"/>
      <c r="AO2746" s="119"/>
      <c r="AP2746" s="119"/>
      <c r="AQ2746" s="119"/>
      <c r="AR2746" s="119"/>
      <c r="AS2746" s="119"/>
      <c r="AT2746" s="119"/>
      <c r="AU2746" s="119"/>
      <c r="AV2746" s="119"/>
      <c r="AW2746" s="119"/>
      <c r="AX2746" s="119"/>
      <c r="AY2746" s="119"/>
      <c r="AZ2746" s="118"/>
      <c r="BA2746" s="119"/>
      <c r="BB2746" s="107">
        <v>45884</v>
      </c>
    </row>
    <row r="2747" spans="1:54" s="207" customFormat="1" ht="13.5" customHeight="1" x14ac:dyDescent="0.25">
      <c r="A2747" s="208" t="s">
        <v>24171</v>
      </c>
      <c r="B2747" s="209" t="s">
        <v>19892</v>
      </c>
      <c r="C2747" s="113" t="s">
        <v>24131</v>
      </c>
      <c r="D2747" s="113" t="s">
        <v>24132</v>
      </c>
      <c r="E2747" s="210">
        <v>2023</v>
      </c>
      <c r="F2747" s="210">
        <v>11199</v>
      </c>
      <c r="G2747" s="113" t="s">
        <v>3</v>
      </c>
      <c r="H2747" s="95">
        <v>1</v>
      </c>
      <c r="I2747" s="95">
        <v>1</v>
      </c>
      <c r="J2747" s="94">
        <v>1</v>
      </c>
      <c r="K2747" s="113" t="s">
        <v>174</v>
      </c>
      <c r="L2747" s="94">
        <v>0</v>
      </c>
      <c r="M2747" s="94">
        <v>0</v>
      </c>
      <c r="N2747" s="94">
        <v>0</v>
      </c>
      <c r="O2747" s="94">
        <v>0</v>
      </c>
      <c r="P2747" s="120" t="s">
        <v>24126</v>
      </c>
      <c r="Q2747" s="120" t="s">
        <v>24126</v>
      </c>
      <c r="R2747" s="94">
        <v>0</v>
      </c>
      <c r="S2747" s="94">
        <v>0</v>
      </c>
      <c r="T2747" s="94">
        <v>0</v>
      </c>
      <c r="U2747" s="113"/>
      <c r="V2747" s="113"/>
      <c r="W2747" s="113"/>
      <c r="X2747" s="113"/>
      <c r="Y2747" s="113"/>
      <c r="Z2747" s="113"/>
      <c r="AA2747" s="113"/>
      <c r="AB2747" s="113"/>
      <c r="AC2747" s="113"/>
      <c r="AD2747" s="113"/>
      <c r="AE2747" s="113"/>
      <c r="AF2747" s="113"/>
      <c r="AG2747" s="113"/>
      <c r="AH2747" s="113"/>
      <c r="AI2747" s="113"/>
      <c r="AJ2747" s="113"/>
      <c r="AK2747" s="113"/>
      <c r="AL2747" s="113"/>
      <c r="AM2747" s="113"/>
      <c r="AN2747" s="113"/>
      <c r="AO2747" s="113"/>
      <c r="AP2747" s="113"/>
      <c r="AQ2747" s="113"/>
      <c r="AR2747" s="113"/>
      <c r="AS2747" s="113"/>
      <c r="AT2747" s="113"/>
      <c r="AU2747" s="113"/>
      <c r="AV2747" s="113"/>
      <c r="AW2747" s="113"/>
      <c r="AX2747" s="113"/>
      <c r="AY2747" s="113"/>
      <c r="AZ2747" s="126"/>
      <c r="BA2747" s="113"/>
      <c r="BB2747" s="107">
        <v>45884</v>
      </c>
    </row>
    <row r="2748" spans="1:54" s="207" customFormat="1" ht="13.5" customHeight="1" x14ac:dyDescent="0.25">
      <c r="A2748" s="208" t="s">
        <v>24172</v>
      </c>
      <c r="B2748" s="209" t="s">
        <v>19892</v>
      </c>
      <c r="C2748" s="113" t="s">
        <v>24133</v>
      </c>
      <c r="D2748" s="113" t="s">
        <v>24134</v>
      </c>
      <c r="E2748" s="210">
        <v>2023</v>
      </c>
      <c r="F2748" s="210">
        <v>250</v>
      </c>
      <c r="G2748" s="113" t="s">
        <v>1</v>
      </c>
      <c r="H2748" s="113" t="s">
        <v>400</v>
      </c>
      <c r="I2748" s="113" t="s">
        <v>400</v>
      </c>
      <c r="J2748" s="94">
        <v>1</v>
      </c>
      <c r="K2748" s="113" t="s">
        <v>174</v>
      </c>
      <c r="L2748" s="94">
        <v>0</v>
      </c>
      <c r="M2748" s="94">
        <v>0</v>
      </c>
      <c r="N2748" s="94">
        <v>0</v>
      </c>
      <c r="O2748" s="94">
        <v>0</v>
      </c>
      <c r="P2748" s="120" t="s">
        <v>24126</v>
      </c>
      <c r="Q2748" s="120" t="s">
        <v>24126</v>
      </c>
      <c r="R2748" s="94">
        <v>1</v>
      </c>
      <c r="S2748" s="94">
        <v>0</v>
      </c>
      <c r="T2748" s="94">
        <v>0</v>
      </c>
      <c r="U2748" s="119"/>
      <c r="V2748" s="119"/>
      <c r="W2748" s="119"/>
      <c r="X2748" s="119"/>
      <c r="Y2748" s="119"/>
      <c r="Z2748" s="119"/>
      <c r="AA2748" s="119"/>
      <c r="AB2748" s="119"/>
      <c r="AC2748" s="119"/>
      <c r="AD2748" s="119"/>
      <c r="AE2748" s="119"/>
      <c r="AF2748" s="119"/>
      <c r="AG2748" s="119"/>
      <c r="AH2748" s="119"/>
      <c r="AI2748" s="119"/>
      <c r="AJ2748" s="119"/>
      <c r="AK2748" s="119"/>
      <c r="AL2748" s="119"/>
      <c r="AM2748" s="119"/>
      <c r="AN2748" s="119"/>
      <c r="AO2748" s="119"/>
      <c r="AP2748" s="119"/>
      <c r="AQ2748" s="119"/>
      <c r="AR2748" s="119"/>
      <c r="AS2748" s="119"/>
      <c r="AT2748" s="119"/>
      <c r="AU2748" s="119"/>
      <c r="AV2748" s="119"/>
      <c r="AW2748" s="119"/>
      <c r="AX2748" s="119"/>
      <c r="AY2748" s="119"/>
      <c r="AZ2748" s="118"/>
      <c r="BA2748" s="119"/>
      <c r="BB2748" s="107">
        <v>45884</v>
      </c>
    </row>
    <row r="2749" spans="1:54" s="207" customFormat="1" ht="13.5" customHeight="1" x14ac:dyDescent="0.25">
      <c r="A2749" s="208" t="s">
        <v>24173</v>
      </c>
      <c r="B2749" s="209" t="s">
        <v>19892</v>
      </c>
      <c r="C2749" s="113" t="s">
        <v>24135</v>
      </c>
      <c r="D2749" s="113" t="s">
        <v>24136</v>
      </c>
      <c r="E2749" s="210">
        <v>2023</v>
      </c>
      <c r="F2749" s="210">
        <v>1138</v>
      </c>
      <c r="G2749" s="113" t="s">
        <v>1</v>
      </c>
      <c r="H2749" s="113" t="s">
        <v>400</v>
      </c>
      <c r="I2749" s="113" t="s">
        <v>400</v>
      </c>
      <c r="J2749" s="94">
        <v>1</v>
      </c>
      <c r="K2749" s="113" t="s">
        <v>174</v>
      </c>
      <c r="L2749" s="94">
        <v>1</v>
      </c>
      <c r="M2749" s="94">
        <v>1</v>
      </c>
      <c r="N2749" s="94">
        <v>1</v>
      </c>
      <c r="O2749" s="94">
        <v>0</v>
      </c>
      <c r="P2749" s="120" t="s">
        <v>24126</v>
      </c>
      <c r="Q2749" s="120" t="s">
        <v>24126</v>
      </c>
      <c r="R2749" s="94">
        <v>0</v>
      </c>
      <c r="S2749" s="94">
        <v>0</v>
      </c>
      <c r="T2749" s="94">
        <v>0</v>
      </c>
      <c r="U2749" s="119"/>
      <c r="V2749" s="119"/>
      <c r="W2749" s="119"/>
      <c r="X2749" s="119"/>
      <c r="Y2749" s="119"/>
      <c r="Z2749" s="119"/>
      <c r="AA2749" s="119"/>
      <c r="AB2749" s="119"/>
      <c r="AC2749" s="119"/>
      <c r="AD2749" s="119"/>
      <c r="AE2749" s="119"/>
      <c r="AF2749" s="119"/>
      <c r="AG2749" s="119"/>
      <c r="AH2749" s="119"/>
      <c r="AI2749" s="119"/>
      <c r="AJ2749" s="119"/>
      <c r="AK2749" s="119"/>
      <c r="AL2749" s="119"/>
      <c r="AM2749" s="119"/>
      <c r="AN2749" s="119"/>
      <c r="AO2749" s="119"/>
      <c r="AP2749" s="119"/>
      <c r="AQ2749" s="119"/>
      <c r="AR2749" s="119"/>
      <c r="AS2749" s="119"/>
      <c r="AT2749" s="119"/>
      <c r="AU2749" s="119"/>
      <c r="AV2749" s="119"/>
      <c r="AW2749" s="119"/>
      <c r="AX2749" s="119"/>
      <c r="AY2749" s="119"/>
      <c r="AZ2749" s="118"/>
      <c r="BA2749" s="119"/>
      <c r="BB2749" s="107">
        <v>45884</v>
      </c>
    </row>
    <row r="2750" spans="1:54" s="207" customFormat="1" ht="13.5" customHeight="1" x14ac:dyDescent="0.25">
      <c r="A2750" s="208" t="s">
        <v>24174</v>
      </c>
      <c r="B2750" s="209" t="s">
        <v>19892</v>
      </c>
      <c r="C2750" s="113" t="s">
        <v>24137</v>
      </c>
      <c r="D2750" s="113" t="s">
        <v>24138</v>
      </c>
      <c r="E2750" s="210">
        <v>2023</v>
      </c>
      <c r="F2750" s="210">
        <v>216</v>
      </c>
      <c r="G2750" s="113" t="s">
        <v>1</v>
      </c>
      <c r="H2750" s="113" t="s">
        <v>400</v>
      </c>
      <c r="I2750" s="113" t="s">
        <v>400</v>
      </c>
      <c r="J2750" s="94">
        <v>1</v>
      </c>
      <c r="K2750" s="211">
        <v>1</v>
      </c>
      <c r="L2750" s="94">
        <v>0</v>
      </c>
      <c r="M2750" s="94">
        <v>0</v>
      </c>
      <c r="N2750" s="94">
        <v>1</v>
      </c>
      <c r="O2750" s="94">
        <v>0</v>
      </c>
      <c r="P2750" s="120" t="s">
        <v>24126</v>
      </c>
      <c r="Q2750" s="120" t="s">
        <v>24126</v>
      </c>
      <c r="R2750" s="94">
        <v>0</v>
      </c>
      <c r="S2750" s="94">
        <v>0</v>
      </c>
      <c r="T2750" s="94">
        <v>0</v>
      </c>
      <c r="U2750" s="119"/>
      <c r="V2750" s="119"/>
      <c r="W2750" s="119"/>
      <c r="X2750" s="119"/>
      <c r="Y2750" s="119"/>
      <c r="Z2750" s="119"/>
      <c r="AA2750" s="119"/>
      <c r="AB2750" s="119"/>
      <c r="AC2750" s="119"/>
      <c r="AD2750" s="119"/>
      <c r="AE2750" s="119"/>
      <c r="AF2750" s="119"/>
      <c r="AG2750" s="119"/>
      <c r="AH2750" s="119"/>
      <c r="AI2750" s="119"/>
      <c r="AJ2750" s="119"/>
      <c r="AK2750" s="119"/>
      <c r="AL2750" s="119"/>
      <c r="AM2750" s="119"/>
      <c r="AN2750" s="119"/>
      <c r="AO2750" s="119"/>
      <c r="AP2750" s="119"/>
      <c r="AQ2750" s="119"/>
      <c r="AR2750" s="119"/>
      <c r="AS2750" s="119"/>
      <c r="AT2750" s="119"/>
      <c r="AU2750" s="119"/>
      <c r="AV2750" s="119"/>
      <c r="AW2750" s="119"/>
      <c r="AX2750" s="119"/>
      <c r="AY2750" s="119"/>
      <c r="AZ2750" s="118"/>
      <c r="BA2750" s="119"/>
      <c r="BB2750" s="107">
        <v>45884</v>
      </c>
    </row>
    <row r="2751" spans="1:54" s="207" customFormat="1" ht="13.5" customHeight="1" x14ac:dyDescent="0.25">
      <c r="A2751" s="208" t="s">
        <v>24175</v>
      </c>
      <c r="B2751" s="209" t="s">
        <v>19892</v>
      </c>
      <c r="C2751" s="113" t="s">
        <v>24139</v>
      </c>
      <c r="D2751" s="113" t="s">
        <v>24140</v>
      </c>
      <c r="E2751" s="210">
        <v>2024</v>
      </c>
      <c r="F2751" s="210">
        <v>354</v>
      </c>
      <c r="G2751" s="113" t="s">
        <v>1</v>
      </c>
      <c r="H2751" s="113" t="s">
        <v>400</v>
      </c>
      <c r="I2751" s="113" t="s">
        <v>400</v>
      </c>
      <c r="J2751" s="94">
        <v>1</v>
      </c>
      <c r="K2751" s="113" t="s">
        <v>174</v>
      </c>
      <c r="L2751" s="94">
        <v>0</v>
      </c>
      <c r="M2751" s="94">
        <v>0</v>
      </c>
      <c r="N2751" s="94">
        <v>0</v>
      </c>
      <c r="O2751" s="94">
        <v>0</v>
      </c>
      <c r="P2751" s="120" t="s">
        <v>24126</v>
      </c>
      <c r="Q2751" s="120" t="s">
        <v>24126</v>
      </c>
      <c r="R2751" s="94">
        <v>0</v>
      </c>
      <c r="S2751" s="94">
        <v>0</v>
      </c>
      <c r="T2751" s="94">
        <v>0</v>
      </c>
      <c r="U2751" s="119"/>
      <c r="V2751" s="119"/>
      <c r="W2751" s="119"/>
      <c r="X2751" s="119"/>
      <c r="Y2751" s="119"/>
      <c r="Z2751" s="119"/>
      <c r="AA2751" s="119"/>
      <c r="AB2751" s="119"/>
      <c r="AC2751" s="119"/>
      <c r="AD2751" s="119"/>
      <c r="AE2751" s="119"/>
      <c r="AF2751" s="119"/>
      <c r="AG2751" s="119"/>
      <c r="AH2751" s="119"/>
      <c r="AI2751" s="119"/>
      <c r="AJ2751" s="119"/>
      <c r="AK2751" s="119"/>
      <c r="AL2751" s="119"/>
      <c r="AM2751" s="119"/>
      <c r="AN2751" s="119"/>
      <c r="AO2751" s="119"/>
      <c r="AP2751" s="119"/>
      <c r="AQ2751" s="119"/>
      <c r="AR2751" s="119"/>
      <c r="AS2751" s="119"/>
      <c r="AT2751" s="119"/>
      <c r="AU2751" s="119"/>
      <c r="AV2751" s="119"/>
      <c r="AW2751" s="119"/>
      <c r="AX2751" s="119"/>
      <c r="AY2751" s="119"/>
      <c r="AZ2751" s="118"/>
      <c r="BA2751" s="119"/>
      <c r="BB2751" s="107">
        <v>45884</v>
      </c>
    </row>
    <row r="2752" spans="1:54" s="207" customFormat="1" ht="13.5" customHeight="1" x14ac:dyDescent="0.25">
      <c r="A2752" s="208" t="s">
        <v>24176</v>
      </c>
      <c r="B2752" s="209" t="s">
        <v>19892</v>
      </c>
      <c r="C2752" s="113" t="s">
        <v>24141</v>
      </c>
      <c r="D2752" s="113" t="s">
        <v>24142</v>
      </c>
      <c r="E2752" s="210">
        <v>2024</v>
      </c>
      <c r="F2752" s="210">
        <v>1606</v>
      </c>
      <c r="G2752" s="113" t="s">
        <v>1</v>
      </c>
      <c r="H2752" s="113" t="s">
        <v>400</v>
      </c>
      <c r="I2752" s="113" t="s">
        <v>400</v>
      </c>
      <c r="J2752" s="94">
        <v>1</v>
      </c>
      <c r="K2752" s="113" t="s">
        <v>174</v>
      </c>
      <c r="L2752" s="94">
        <v>0</v>
      </c>
      <c r="M2752" s="94">
        <v>1</v>
      </c>
      <c r="N2752" s="94">
        <v>1</v>
      </c>
      <c r="O2752" s="94">
        <v>0</v>
      </c>
      <c r="P2752" s="120" t="s">
        <v>24126</v>
      </c>
      <c r="Q2752" s="120" t="s">
        <v>24126</v>
      </c>
      <c r="R2752" s="94">
        <v>0</v>
      </c>
      <c r="S2752" s="94">
        <v>0</v>
      </c>
      <c r="T2752" s="94">
        <v>0</v>
      </c>
      <c r="U2752" s="119"/>
      <c r="V2752" s="119"/>
      <c r="W2752" s="119"/>
      <c r="X2752" s="119"/>
      <c r="Y2752" s="119"/>
      <c r="Z2752" s="119"/>
      <c r="AA2752" s="119"/>
      <c r="AB2752" s="119"/>
      <c r="AC2752" s="119"/>
      <c r="AD2752" s="119"/>
      <c r="AE2752" s="119"/>
      <c r="AF2752" s="119"/>
      <c r="AG2752" s="119"/>
      <c r="AH2752" s="119"/>
      <c r="AI2752" s="119"/>
      <c r="AJ2752" s="119"/>
      <c r="AK2752" s="119"/>
      <c r="AL2752" s="119"/>
      <c r="AM2752" s="119"/>
      <c r="AN2752" s="119"/>
      <c r="AO2752" s="119"/>
      <c r="AP2752" s="119"/>
      <c r="AQ2752" s="119"/>
      <c r="AR2752" s="119"/>
      <c r="AS2752" s="119"/>
      <c r="AT2752" s="119"/>
      <c r="AU2752" s="119"/>
      <c r="AV2752" s="119"/>
      <c r="AW2752" s="119"/>
      <c r="AX2752" s="119"/>
      <c r="AY2752" s="119"/>
      <c r="AZ2752" s="118"/>
      <c r="BA2752" s="119"/>
      <c r="BB2752" s="107">
        <v>45884</v>
      </c>
    </row>
    <row r="2753" spans="1:54" s="207" customFormat="1" ht="13.5" customHeight="1" x14ac:dyDescent="0.25">
      <c r="A2753" s="215" t="s">
        <v>24491</v>
      </c>
      <c r="B2753" s="218" t="s">
        <v>24492</v>
      </c>
      <c r="C2753" s="216" t="s">
        <v>24493</v>
      </c>
      <c r="D2753" s="212" t="s">
        <v>24494</v>
      </c>
      <c r="E2753" s="213">
        <v>2024</v>
      </c>
      <c r="F2753" s="216">
        <v>2151</v>
      </c>
      <c r="G2753" s="217" t="s">
        <v>1</v>
      </c>
      <c r="H2753" s="216" t="s">
        <v>24126</v>
      </c>
      <c r="I2753" s="216" t="s">
        <v>24126</v>
      </c>
      <c r="J2753" s="216" t="s">
        <v>24126</v>
      </c>
      <c r="K2753" s="216" t="s">
        <v>24126</v>
      </c>
      <c r="L2753" s="216" t="s">
        <v>24126</v>
      </c>
      <c r="M2753" s="216" t="s">
        <v>24126</v>
      </c>
      <c r="N2753" s="216" t="s">
        <v>24126</v>
      </c>
      <c r="O2753" s="216" t="s">
        <v>24126</v>
      </c>
      <c r="P2753" s="216" t="s">
        <v>24126</v>
      </c>
      <c r="Q2753" s="216" t="s">
        <v>24126</v>
      </c>
      <c r="R2753" s="216" t="s">
        <v>24126</v>
      </c>
      <c r="S2753" s="216" t="s">
        <v>24126</v>
      </c>
      <c r="T2753" s="216" t="s">
        <v>24126</v>
      </c>
      <c r="U2753" s="216"/>
      <c r="V2753" s="216"/>
      <c r="W2753" s="216"/>
      <c r="X2753" s="216"/>
      <c r="Y2753" s="216"/>
      <c r="Z2753" s="216"/>
      <c r="AA2753" s="216"/>
      <c r="AB2753" s="216"/>
      <c r="AC2753" s="216"/>
      <c r="AD2753" s="216"/>
      <c r="AE2753" s="216"/>
      <c r="AF2753" s="216"/>
      <c r="AG2753" s="216"/>
      <c r="AH2753" s="216"/>
      <c r="AI2753" s="216"/>
      <c r="AJ2753" s="216"/>
      <c r="AK2753" s="216"/>
      <c r="AL2753" s="216"/>
      <c r="AM2753" s="216"/>
      <c r="AN2753" s="216"/>
      <c r="AO2753" s="216"/>
      <c r="AP2753" s="216"/>
      <c r="AQ2753" s="216"/>
      <c r="AR2753" s="216"/>
      <c r="AS2753" s="216"/>
      <c r="AT2753" s="216"/>
      <c r="AU2753" s="216"/>
      <c r="AV2753" s="216"/>
      <c r="AW2753" s="216"/>
      <c r="AX2753" s="216"/>
      <c r="AY2753" s="216"/>
      <c r="AZ2753" s="216"/>
      <c r="BA2753" s="216"/>
      <c r="BB2753" s="107">
        <v>45884</v>
      </c>
    </row>
    <row r="2754" spans="1:54" s="207" customFormat="1" ht="13.5" customHeight="1" x14ac:dyDescent="0.25">
      <c r="A2754" s="215" t="s">
        <v>24495</v>
      </c>
      <c r="B2754" s="218" t="s">
        <v>24492</v>
      </c>
      <c r="C2754" s="212" t="s">
        <v>24496</v>
      </c>
      <c r="D2754" s="212" t="s">
        <v>24497</v>
      </c>
      <c r="E2754" s="213">
        <v>2024</v>
      </c>
      <c r="F2754" s="216">
        <v>1753</v>
      </c>
      <c r="G2754" s="217" t="s">
        <v>1</v>
      </c>
      <c r="H2754" s="216" t="s">
        <v>24126</v>
      </c>
      <c r="I2754" s="216" t="s">
        <v>24126</v>
      </c>
      <c r="J2754" s="216" t="s">
        <v>24126</v>
      </c>
      <c r="K2754" s="216" t="s">
        <v>24126</v>
      </c>
      <c r="L2754" s="216" t="s">
        <v>24126</v>
      </c>
      <c r="M2754" s="216" t="s">
        <v>24126</v>
      </c>
      <c r="N2754" s="216" t="s">
        <v>24126</v>
      </c>
      <c r="O2754" s="216" t="s">
        <v>24126</v>
      </c>
      <c r="P2754" s="216" t="s">
        <v>24126</v>
      </c>
      <c r="Q2754" s="216" t="s">
        <v>24126</v>
      </c>
      <c r="R2754" s="216" t="s">
        <v>24126</v>
      </c>
      <c r="S2754" s="216" t="s">
        <v>24126</v>
      </c>
      <c r="T2754" s="216" t="s">
        <v>24126</v>
      </c>
      <c r="U2754" s="216"/>
      <c r="V2754" s="216"/>
      <c r="W2754" s="216"/>
      <c r="X2754" s="216"/>
      <c r="Y2754" s="216"/>
      <c r="Z2754" s="216"/>
      <c r="AA2754" s="216"/>
      <c r="AB2754" s="216"/>
      <c r="AC2754" s="216"/>
      <c r="AD2754" s="216"/>
      <c r="AE2754" s="216"/>
      <c r="AF2754" s="216"/>
      <c r="AG2754" s="216"/>
      <c r="AH2754" s="216"/>
      <c r="AI2754" s="216"/>
      <c r="AJ2754" s="216"/>
      <c r="AK2754" s="216"/>
      <c r="AL2754" s="216"/>
      <c r="AM2754" s="216"/>
      <c r="AN2754" s="216"/>
      <c r="AO2754" s="216"/>
      <c r="AP2754" s="216"/>
      <c r="AQ2754" s="216"/>
      <c r="AR2754" s="216"/>
      <c r="AS2754" s="216"/>
      <c r="AT2754" s="216"/>
      <c r="AU2754" s="216"/>
      <c r="AV2754" s="216"/>
      <c r="AW2754" s="216"/>
      <c r="AX2754" s="216"/>
      <c r="AY2754" s="216"/>
      <c r="AZ2754" s="216"/>
      <c r="BA2754" s="216"/>
      <c r="BB2754" s="107">
        <v>45884</v>
      </c>
    </row>
    <row r="2755" spans="1:54" s="207" customFormat="1" ht="13.5" customHeight="1" x14ac:dyDescent="0.25">
      <c r="A2755" s="215" t="s">
        <v>24498</v>
      </c>
      <c r="B2755" s="218" t="s">
        <v>24492</v>
      </c>
      <c r="C2755" s="212" t="s">
        <v>24499</v>
      </c>
      <c r="D2755" s="212" t="s">
        <v>24500</v>
      </c>
      <c r="E2755" s="213">
        <v>2025</v>
      </c>
      <c r="F2755" s="216">
        <v>275</v>
      </c>
      <c r="G2755" s="217" t="s">
        <v>1</v>
      </c>
      <c r="H2755" s="216" t="s">
        <v>24126</v>
      </c>
      <c r="I2755" s="216" t="s">
        <v>24126</v>
      </c>
      <c r="J2755" s="216" t="s">
        <v>24126</v>
      </c>
      <c r="K2755" s="216" t="s">
        <v>24126</v>
      </c>
      <c r="L2755" s="216" t="s">
        <v>24126</v>
      </c>
      <c r="M2755" s="216" t="s">
        <v>24126</v>
      </c>
      <c r="N2755" s="216" t="s">
        <v>24126</v>
      </c>
      <c r="O2755" s="216" t="s">
        <v>24126</v>
      </c>
      <c r="P2755" s="216" t="s">
        <v>24126</v>
      </c>
      <c r="Q2755" s="216" t="s">
        <v>24126</v>
      </c>
      <c r="R2755" s="216" t="s">
        <v>24126</v>
      </c>
      <c r="S2755" s="216" t="s">
        <v>24126</v>
      </c>
      <c r="T2755" s="216" t="s">
        <v>24126</v>
      </c>
      <c r="U2755" s="216"/>
      <c r="V2755" s="216"/>
      <c r="W2755" s="216"/>
      <c r="X2755" s="216"/>
      <c r="Y2755" s="216"/>
      <c r="Z2755" s="216"/>
      <c r="AA2755" s="216"/>
      <c r="AB2755" s="216"/>
      <c r="AC2755" s="216"/>
      <c r="AD2755" s="216"/>
      <c r="AE2755" s="216"/>
      <c r="AF2755" s="216"/>
      <c r="AG2755" s="216"/>
      <c r="AH2755" s="216"/>
      <c r="AI2755" s="216"/>
      <c r="AJ2755" s="216"/>
      <c r="AK2755" s="216"/>
      <c r="AL2755" s="216"/>
      <c r="AM2755" s="216"/>
      <c r="AN2755" s="216"/>
      <c r="AO2755" s="216"/>
      <c r="AP2755" s="216"/>
      <c r="AQ2755" s="216"/>
      <c r="AR2755" s="216"/>
      <c r="AS2755" s="216"/>
      <c r="AT2755" s="216"/>
      <c r="AU2755" s="216"/>
      <c r="AV2755" s="216"/>
      <c r="AW2755" s="216"/>
      <c r="AX2755" s="216"/>
      <c r="AY2755" s="216"/>
      <c r="AZ2755" s="216"/>
      <c r="BA2755" s="216"/>
      <c r="BB2755" s="107">
        <v>45884</v>
      </c>
    </row>
    <row r="2756" spans="1:54" s="207" customFormat="1" ht="13.5" customHeight="1" x14ac:dyDescent="0.25">
      <c r="A2756" s="215" t="s">
        <v>24501</v>
      </c>
      <c r="B2756" s="218" t="s">
        <v>24492</v>
      </c>
      <c r="C2756" s="212" t="s">
        <v>24502</v>
      </c>
      <c r="D2756" s="212" t="s">
        <v>24503</v>
      </c>
      <c r="E2756" s="213">
        <v>2025</v>
      </c>
      <c r="F2756" s="216">
        <v>2775</v>
      </c>
      <c r="G2756" s="217" t="s">
        <v>1</v>
      </c>
      <c r="H2756" s="216" t="s">
        <v>24126</v>
      </c>
      <c r="I2756" s="216" t="s">
        <v>24126</v>
      </c>
      <c r="J2756" s="216" t="s">
        <v>24126</v>
      </c>
      <c r="K2756" s="216" t="s">
        <v>24126</v>
      </c>
      <c r="L2756" s="216" t="s">
        <v>24126</v>
      </c>
      <c r="M2756" s="216" t="s">
        <v>24126</v>
      </c>
      <c r="N2756" s="216" t="s">
        <v>24126</v>
      </c>
      <c r="O2756" s="216" t="s">
        <v>24126</v>
      </c>
      <c r="P2756" s="216" t="s">
        <v>24126</v>
      </c>
      <c r="Q2756" s="216" t="s">
        <v>24126</v>
      </c>
      <c r="R2756" s="216" t="s">
        <v>24126</v>
      </c>
      <c r="S2756" s="216" t="s">
        <v>24126</v>
      </c>
      <c r="T2756" s="216" t="s">
        <v>24126</v>
      </c>
      <c r="U2756" s="216"/>
      <c r="V2756" s="216"/>
      <c r="W2756" s="216"/>
      <c r="X2756" s="216"/>
      <c r="Y2756" s="216"/>
      <c r="Z2756" s="216"/>
      <c r="AA2756" s="216"/>
      <c r="AB2756" s="216"/>
      <c r="AC2756" s="216"/>
      <c r="AD2756" s="216"/>
      <c r="AE2756" s="216"/>
      <c r="AF2756" s="216"/>
      <c r="AG2756" s="216"/>
      <c r="AH2756" s="216"/>
      <c r="AI2756" s="216"/>
      <c r="AJ2756" s="216"/>
      <c r="AK2756" s="216"/>
      <c r="AL2756" s="216"/>
      <c r="AM2756" s="216"/>
      <c r="AN2756" s="216"/>
      <c r="AO2756" s="216"/>
      <c r="AP2756" s="216"/>
      <c r="AQ2756" s="216"/>
      <c r="AR2756" s="216"/>
      <c r="AS2756" s="216"/>
      <c r="AT2756" s="216"/>
      <c r="AU2756" s="216"/>
      <c r="AV2756" s="216"/>
      <c r="AW2756" s="216"/>
      <c r="AX2756" s="216"/>
      <c r="AY2756" s="216"/>
      <c r="AZ2756" s="216"/>
      <c r="BA2756" s="216"/>
      <c r="BB2756" s="107">
        <v>45884</v>
      </c>
    </row>
    <row r="2757" spans="1:54" s="207" customFormat="1" ht="13.5" customHeight="1" x14ac:dyDescent="0.25">
      <c r="A2757" s="215" t="s">
        <v>24504</v>
      </c>
      <c r="B2757" s="218" t="s">
        <v>24492</v>
      </c>
      <c r="C2757" s="212" t="s">
        <v>24505</v>
      </c>
      <c r="D2757" s="212" t="s">
        <v>24506</v>
      </c>
      <c r="E2757" s="213">
        <v>2025</v>
      </c>
      <c r="F2757" s="216">
        <v>668</v>
      </c>
      <c r="G2757" s="217" t="s">
        <v>1</v>
      </c>
      <c r="H2757" s="216" t="s">
        <v>24126</v>
      </c>
      <c r="I2757" s="216" t="s">
        <v>24126</v>
      </c>
      <c r="J2757" s="216" t="s">
        <v>24126</v>
      </c>
      <c r="K2757" s="216" t="s">
        <v>24126</v>
      </c>
      <c r="L2757" s="216" t="s">
        <v>24126</v>
      </c>
      <c r="M2757" s="216" t="s">
        <v>24126</v>
      </c>
      <c r="N2757" s="216" t="s">
        <v>24126</v>
      </c>
      <c r="O2757" s="216" t="s">
        <v>24126</v>
      </c>
      <c r="P2757" s="216" t="s">
        <v>24126</v>
      </c>
      <c r="Q2757" s="216" t="s">
        <v>24126</v>
      </c>
      <c r="R2757" s="216" t="s">
        <v>24126</v>
      </c>
      <c r="S2757" s="216" t="s">
        <v>24126</v>
      </c>
      <c r="T2757" s="216" t="s">
        <v>24126</v>
      </c>
      <c r="U2757" s="216"/>
      <c r="V2757" s="216"/>
      <c r="W2757" s="216"/>
      <c r="X2757" s="216"/>
      <c r="Y2757" s="216"/>
      <c r="Z2757" s="216"/>
      <c r="AA2757" s="216"/>
      <c r="AB2757" s="216"/>
      <c r="AC2757" s="216"/>
      <c r="AD2757" s="216"/>
      <c r="AE2757" s="216"/>
      <c r="AF2757" s="216"/>
      <c r="AG2757" s="216"/>
      <c r="AH2757" s="216"/>
      <c r="AI2757" s="216"/>
      <c r="AJ2757" s="216"/>
      <c r="AK2757" s="216"/>
      <c r="AL2757" s="216"/>
      <c r="AM2757" s="216"/>
      <c r="AN2757" s="216"/>
      <c r="AO2757" s="216"/>
      <c r="AP2757" s="216"/>
      <c r="AQ2757" s="216"/>
      <c r="AR2757" s="216"/>
      <c r="AS2757" s="216"/>
      <c r="AT2757" s="216"/>
      <c r="AU2757" s="216"/>
      <c r="AV2757" s="216"/>
      <c r="AW2757" s="216"/>
      <c r="AX2757" s="216"/>
      <c r="AY2757" s="216"/>
      <c r="AZ2757" s="216"/>
      <c r="BA2757" s="216"/>
      <c r="BB2757" s="107">
        <v>45884</v>
      </c>
    </row>
    <row r="2758" spans="1:54" s="207" customFormat="1" ht="13.5" customHeight="1" x14ac:dyDescent="0.25">
      <c r="A2758" s="215" t="s">
        <v>24507</v>
      </c>
      <c r="B2758" s="218" t="s">
        <v>24492</v>
      </c>
      <c r="C2758" s="212" t="s">
        <v>24508</v>
      </c>
      <c r="D2758" s="212" t="s">
        <v>24509</v>
      </c>
      <c r="E2758" s="213">
        <v>2025</v>
      </c>
      <c r="F2758" s="216">
        <v>972</v>
      </c>
      <c r="G2758" s="217" t="s">
        <v>1</v>
      </c>
      <c r="H2758" s="216" t="s">
        <v>24126</v>
      </c>
      <c r="I2758" s="216" t="s">
        <v>24126</v>
      </c>
      <c r="J2758" s="216" t="s">
        <v>24126</v>
      </c>
      <c r="K2758" s="216" t="s">
        <v>24126</v>
      </c>
      <c r="L2758" s="216" t="s">
        <v>24126</v>
      </c>
      <c r="M2758" s="216" t="s">
        <v>24126</v>
      </c>
      <c r="N2758" s="216" t="s">
        <v>24126</v>
      </c>
      <c r="O2758" s="216" t="s">
        <v>24126</v>
      </c>
      <c r="P2758" s="216" t="s">
        <v>24126</v>
      </c>
      <c r="Q2758" s="216" t="s">
        <v>24126</v>
      </c>
      <c r="R2758" s="216" t="s">
        <v>24126</v>
      </c>
      <c r="S2758" s="216" t="s">
        <v>24126</v>
      </c>
      <c r="T2758" s="216" t="s">
        <v>24126</v>
      </c>
      <c r="U2758" s="216"/>
      <c r="V2758" s="216"/>
      <c r="W2758" s="216"/>
      <c r="X2758" s="216"/>
      <c r="Y2758" s="216"/>
      <c r="Z2758" s="216"/>
      <c r="AA2758" s="216"/>
      <c r="AB2758" s="216"/>
      <c r="AC2758" s="216"/>
      <c r="AD2758" s="216"/>
      <c r="AE2758" s="216"/>
      <c r="AF2758" s="216"/>
      <c r="AG2758" s="216"/>
      <c r="AH2758" s="216"/>
      <c r="AI2758" s="216"/>
      <c r="AJ2758" s="216"/>
      <c r="AK2758" s="216"/>
      <c r="AL2758" s="216"/>
      <c r="AM2758" s="216"/>
      <c r="AN2758" s="216"/>
      <c r="AO2758" s="216"/>
      <c r="AP2758" s="216"/>
      <c r="AQ2758" s="216"/>
      <c r="AR2758" s="216"/>
      <c r="AS2758" s="216"/>
      <c r="AT2758" s="216"/>
      <c r="AU2758" s="216"/>
      <c r="AV2758" s="216"/>
      <c r="AW2758" s="216"/>
      <c r="AX2758" s="216"/>
      <c r="AY2758" s="216"/>
      <c r="AZ2758" s="216"/>
      <c r="BA2758" s="216"/>
      <c r="BB2758" s="107">
        <v>45884</v>
      </c>
    </row>
    <row r="2759" spans="1:54" s="207" customFormat="1" ht="13.5" customHeight="1" x14ac:dyDescent="0.25">
      <c r="A2759" s="215" t="s">
        <v>24510</v>
      </c>
      <c r="B2759" s="218" t="s">
        <v>24492</v>
      </c>
      <c r="C2759" s="212" t="s">
        <v>24511</v>
      </c>
      <c r="D2759" s="212" t="s">
        <v>24512</v>
      </c>
      <c r="E2759" s="213">
        <v>2025</v>
      </c>
      <c r="F2759" s="216">
        <v>618</v>
      </c>
      <c r="G2759" s="217" t="s">
        <v>1</v>
      </c>
      <c r="H2759" s="216" t="s">
        <v>24126</v>
      </c>
      <c r="I2759" s="216" t="s">
        <v>24126</v>
      </c>
      <c r="J2759" s="216" t="s">
        <v>24126</v>
      </c>
      <c r="K2759" s="216" t="s">
        <v>24126</v>
      </c>
      <c r="L2759" s="216" t="s">
        <v>24126</v>
      </c>
      <c r="M2759" s="216" t="s">
        <v>24126</v>
      </c>
      <c r="N2759" s="216" t="s">
        <v>24126</v>
      </c>
      <c r="O2759" s="216" t="s">
        <v>24126</v>
      </c>
      <c r="P2759" s="216" t="s">
        <v>24126</v>
      </c>
      <c r="Q2759" s="216" t="s">
        <v>24126</v>
      </c>
      <c r="R2759" s="216" t="s">
        <v>24126</v>
      </c>
      <c r="S2759" s="216" t="s">
        <v>24126</v>
      </c>
      <c r="T2759" s="216" t="s">
        <v>24126</v>
      </c>
      <c r="U2759" s="216"/>
      <c r="V2759" s="216"/>
      <c r="W2759" s="216"/>
      <c r="X2759" s="216"/>
      <c r="Y2759" s="216"/>
      <c r="Z2759" s="216"/>
      <c r="AA2759" s="216"/>
      <c r="AB2759" s="216"/>
      <c r="AC2759" s="216"/>
      <c r="AD2759" s="216"/>
      <c r="AE2759" s="216"/>
      <c r="AF2759" s="216"/>
      <c r="AG2759" s="216"/>
      <c r="AH2759" s="216"/>
      <c r="AI2759" s="216"/>
      <c r="AJ2759" s="216"/>
      <c r="AK2759" s="216"/>
      <c r="AL2759" s="216"/>
      <c r="AM2759" s="216"/>
      <c r="AN2759" s="216"/>
      <c r="AO2759" s="216"/>
      <c r="AP2759" s="216"/>
      <c r="AQ2759" s="216"/>
      <c r="AR2759" s="216"/>
      <c r="AS2759" s="216"/>
      <c r="AT2759" s="216"/>
      <c r="AU2759" s="216"/>
      <c r="AV2759" s="216"/>
      <c r="AW2759" s="216"/>
      <c r="AX2759" s="216"/>
      <c r="AY2759" s="216"/>
      <c r="AZ2759" s="216"/>
      <c r="BA2759" s="216"/>
      <c r="BB2759" s="107">
        <v>45884</v>
      </c>
    </row>
    <row r="2760" spans="1:54" s="207" customFormat="1" ht="13.5" customHeight="1" x14ac:dyDescent="0.25">
      <c r="A2760" s="215" t="s">
        <v>24513</v>
      </c>
      <c r="B2760" s="218" t="s">
        <v>24492</v>
      </c>
      <c r="C2760" s="212" t="s">
        <v>24514</v>
      </c>
      <c r="D2760" s="212" t="s">
        <v>24515</v>
      </c>
      <c r="E2760" s="213">
        <v>2025</v>
      </c>
      <c r="F2760" s="216">
        <v>2537</v>
      </c>
      <c r="G2760" s="217" t="s">
        <v>1</v>
      </c>
      <c r="H2760" s="216" t="s">
        <v>24126</v>
      </c>
      <c r="I2760" s="216" t="s">
        <v>24126</v>
      </c>
      <c r="J2760" s="216" t="s">
        <v>24126</v>
      </c>
      <c r="K2760" s="216" t="s">
        <v>24126</v>
      </c>
      <c r="L2760" s="216" t="s">
        <v>24126</v>
      </c>
      <c r="M2760" s="216" t="s">
        <v>24126</v>
      </c>
      <c r="N2760" s="216" t="s">
        <v>24126</v>
      </c>
      <c r="O2760" s="216" t="s">
        <v>24126</v>
      </c>
      <c r="P2760" s="216" t="s">
        <v>24126</v>
      </c>
      <c r="Q2760" s="216" t="s">
        <v>24126</v>
      </c>
      <c r="R2760" s="216" t="s">
        <v>24126</v>
      </c>
      <c r="S2760" s="216" t="s">
        <v>24126</v>
      </c>
      <c r="T2760" s="216" t="s">
        <v>24126</v>
      </c>
      <c r="U2760" s="216"/>
      <c r="V2760" s="216"/>
      <c r="W2760" s="216"/>
      <c r="X2760" s="216"/>
      <c r="Y2760" s="216"/>
      <c r="Z2760" s="216"/>
      <c r="AA2760" s="216"/>
      <c r="AB2760" s="216"/>
      <c r="AC2760" s="216"/>
      <c r="AD2760" s="216"/>
      <c r="AE2760" s="216"/>
      <c r="AF2760" s="216"/>
      <c r="AG2760" s="216"/>
      <c r="AH2760" s="216"/>
      <c r="AI2760" s="216"/>
      <c r="AJ2760" s="216"/>
      <c r="AK2760" s="216"/>
      <c r="AL2760" s="216"/>
      <c r="AM2760" s="216"/>
      <c r="AN2760" s="216"/>
      <c r="AO2760" s="216"/>
      <c r="AP2760" s="216"/>
      <c r="AQ2760" s="216"/>
      <c r="AR2760" s="216"/>
      <c r="AS2760" s="216"/>
      <c r="AT2760" s="216"/>
      <c r="AU2760" s="216"/>
      <c r="AV2760" s="216"/>
      <c r="AW2760" s="216"/>
      <c r="AX2760" s="216"/>
      <c r="AY2760" s="216"/>
      <c r="AZ2760" s="216"/>
      <c r="BA2760" s="216"/>
      <c r="BB2760" s="107">
        <v>45884</v>
      </c>
    </row>
    <row r="2761" spans="1:54" s="207" customFormat="1" ht="12" x14ac:dyDescent="0.25">
      <c r="A2761" s="215" t="s">
        <v>24516</v>
      </c>
      <c r="B2761" s="218" t="s">
        <v>24492</v>
      </c>
      <c r="C2761" s="212" t="s">
        <v>24517</v>
      </c>
      <c r="D2761" s="212" t="s">
        <v>24518</v>
      </c>
      <c r="E2761" s="213">
        <v>2025</v>
      </c>
      <c r="F2761" s="216">
        <v>1494</v>
      </c>
      <c r="G2761" s="217" t="s">
        <v>1</v>
      </c>
      <c r="H2761" s="216" t="s">
        <v>24126</v>
      </c>
      <c r="I2761" s="216" t="s">
        <v>24126</v>
      </c>
      <c r="J2761" s="216" t="s">
        <v>24126</v>
      </c>
      <c r="K2761" s="216" t="s">
        <v>24126</v>
      </c>
      <c r="L2761" s="216" t="s">
        <v>24126</v>
      </c>
      <c r="M2761" s="216" t="s">
        <v>24126</v>
      </c>
      <c r="N2761" s="216" t="s">
        <v>24126</v>
      </c>
      <c r="O2761" s="216" t="s">
        <v>24126</v>
      </c>
      <c r="P2761" s="216" t="s">
        <v>24126</v>
      </c>
      <c r="Q2761" s="216" t="s">
        <v>24126</v>
      </c>
      <c r="R2761" s="216" t="s">
        <v>24126</v>
      </c>
      <c r="S2761" s="216" t="s">
        <v>24126</v>
      </c>
      <c r="T2761" s="216" t="s">
        <v>24126</v>
      </c>
      <c r="U2761" s="216"/>
      <c r="V2761" s="216"/>
      <c r="W2761" s="216"/>
      <c r="X2761" s="216"/>
      <c r="Y2761" s="216"/>
      <c r="Z2761" s="216"/>
      <c r="AA2761" s="216"/>
      <c r="AB2761" s="216"/>
      <c r="AC2761" s="216"/>
      <c r="AD2761" s="216"/>
      <c r="AE2761" s="216"/>
      <c r="AF2761" s="216"/>
      <c r="AG2761" s="216"/>
      <c r="AH2761" s="216"/>
      <c r="AI2761" s="216"/>
      <c r="AJ2761" s="216"/>
      <c r="AK2761" s="216"/>
      <c r="AL2761" s="216"/>
      <c r="AM2761" s="216"/>
      <c r="AN2761" s="216"/>
      <c r="AO2761" s="216"/>
      <c r="AP2761" s="216"/>
      <c r="AQ2761" s="216"/>
      <c r="AR2761" s="216"/>
      <c r="AS2761" s="216"/>
      <c r="AT2761" s="216"/>
      <c r="AU2761" s="216"/>
      <c r="AV2761" s="216"/>
      <c r="AW2761" s="216"/>
      <c r="AX2761" s="216"/>
      <c r="AY2761" s="216"/>
      <c r="AZ2761" s="216"/>
      <c r="BA2761" s="216"/>
      <c r="BB2761" s="107">
        <v>45884</v>
      </c>
    </row>
    <row r="2762" spans="1:54" s="8" customFormat="1" ht="13.95" customHeight="1" x14ac:dyDescent="0.25">
      <c r="A2762" s="219" t="s">
        <v>6394</v>
      </c>
      <c r="B2762" s="220" t="s">
        <v>6395</v>
      </c>
      <c r="C2762" s="98" t="s">
        <v>6396</v>
      </c>
      <c r="D2762" s="98" t="s">
        <v>20584</v>
      </c>
      <c r="E2762" s="141">
        <v>1979</v>
      </c>
      <c r="F2762" s="141">
        <v>50</v>
      </c>
      <c r="G2762" s="98" t="s">
        <v>1</v>
      </c>
      <c r="H2762" s="98">
        <v>0</v>
      </c>
      <c r="I2762" s="98">
        <v>0</v>
      </c>
      <c r="J2762" s="98" t="s">
        <v>400</v>
      </c>
      <c r="K2762" s="98" t="s">
        <v>400</v>
      </c>
      <c r="L2762" s="98" t="s">
        <v>400</v>
      </c>
      <c r="M2762" s="98" t="s">
        <v>400</v>
      </c>
      <c r="N2762" s="98" t="s">
        <v>400</v>
      </c>
      <c r="O2762" s="98" t="s">
        <v>400</v>
      </c>
      <c r="P2762" s="98" t="s">
        <v>400</v>
      </c>
      <c r="Q2762" s="98" t="s">
        <v>400</v>
      </c>
      <c r="R2762" s="98" t="s">
        <v>400</v>
      </c>
      <c r="S2762" s="98" t="s">
        <v>400</v>
      </c>
      <c r="T2762" s="98" t="s">
        <v>400</v>
      </c>
      <c r="U2762" s="128"/>
      <c r="V2762" s="128"/>
      <c r="W2762" s="128"/>
      <c r="X2762" s="128"/>
      <c r="Y2762" s="128"/>
      <c r="Z2762" s="128"/>
      <c r="AA2762" s="128"/>
      <c r="AB2762" s="128"/>
      <c r="AC2762" s="128"/>
      <c r="AD2762" s="128"/>
      <c r="AE2762" s="128"/>
      <c r="AF2762" s="128"/>
      <c r="AG2762" s="128"/>
      <c r="AH2762" s="128"/>
      <c r="AI2762" s="128"/>
      <c r="AJ2762" s="128"/>
      <c r="AK2762" s="128"/>
      <c r="AL2762" s="128"/>
      <c r="AM2762" s="128"/>
      <c r="AN2762" s="128"/>
      <c r="AO2762" s="128"/>
      <c r="AP2762" s="128"/>
      <c r="AQ2762" s="128"/>
      <c r="AR2762" s="128"/>
      <c r="AS2762" s="128"/>
      <c r="AT2762" s="128"/>
      <c r="AU2762" s="128"/>
      <c r="AV2762" s="128"/>
      <c r="AW2762" s="128"/>
      <c r="AX2762" s="128"/>
      <c r="AY2762" s="128"/>
      <c r="AZ2762" s="128"/>
      <c r="BA2762" s="128"/>
      <c r="BB2762" s="107">
        <v>45884</v>
      </c>
    </row>
    <row r="2763" spans="1:54" s="8" customFormat="1" ht="13.95" customHeight="1" x14ac:dyDescent="0.25">
      <c r="A2763" s="219" t="s">
        <v>6397</v>
      </c>
      <c r="B2763" s="220" t="s">
        <v>6395</v>
      </c>
      <c r="C2763" s="98" t="s">
        <v>6398</v>
      </c>
      <c r="D2763" s="98" t="s">
        <v>21687</v>
      </c>
      <c r="E2763" s="141">
        <v>1979</v>
      </c>
      <c r="F2763" s="141">
        <v>56</v>
      </c>
      <c r="G2763" s="98" t="s">
        <v>1</v>
      </c>
      <c r="H2763" s="98">
        <v>0</v>
      </c>
      <c r="I2763" s="98">
        <v>0</v>
      </c>
      <c r="J2763" s="98" t="s">
        <v>400</v>
      </c>
      <c r="K2763" s="98" t="s">
        <v>400</v>
      </c>
      <c r="L2763" s="98" t="s">
        <v>400</v>
      </c>
      <c r="M2763" s="98" t="s">
        <v>400</v>
      </c>
      <c r="N2763" s="98" t="s">
        <v>400</v>
      </c>
      <c r="O2763" s="98" t="s">
        <v>400</v>
      </c>
      <c r="P2763" s="98" t="s">
        <v>400</v>
      </c>
      <c r="Q2763" s="98" t="s">
        <v>400</v>
      </c>
      <c r="R2763" s="98" t="s">
        <v>400</v>
      </c>
      <c r="S2763" s="98" t="s">
        <v>400</v>
      </c>
      <c r="T2763" s="98" t="s">
        <v>400</v>
      </c>
      <c r="U2763" s="128"/>
      <c r="V2763" s="128"/>
      <c r="W2763" s="128"/>
      <c r="X2763" s="128"/>
      <c r="Y2763" s="128"/>
      <c r="Z2763" s="128"/>
      <c r="AA2763" s="128"/>
      <c r="AB2763" s="128"/>
      <c r="AC2763" s="128"/>
      <c r="AD2763" s="128"/>
      <c r="AE2763" s="128"/>
      <c r="AF2763" s="128"/>
      <c r="AG2763" s="128"/>
      <c r="AH2763" s="128"/>
      <c r="AI2763" s="128"/>
      <c r="AJ2763" s="128"/>
      <c r="AK2763" s="128"/>
      <c r="AL2763" s="128"/>
      <c r="AM2763" s="128"/>
      <c r="AN2763" s="128"/>
      <c r="AO2763" s="128"/>
      <c r="AP2763" s="128"/>
      <c r="AQ2763" s="128"/>
      <c r="AR2763" s="128"/>
      <c r="AS2763" s="128"/>
      <c r="AT2763" s="128"/>
      <c r="AU2763" s="128"/>
      <c r="AV2763" s="128"/>
      <c r="AW2763" s="128"/>
      <c r="AX2763" s="128"/>
      <c r="AY2763" s="128"/>
      <c r="AZ2763" s="128"/>
      <c r="BA2763" s="128"/>
      <c r="BB2763" s="107">
        <v>45884</v>
      </c>
    </row>
    <row r="2764" spans="1:54" s="8" customFormat="1" ht="13.95" customHeight="1" x14ac:dyDescent="0.25">
      <c r="A2764" s="219" t="s">
        <v>6399</v>
      </c>
      <c r="B2764" s="220" t="s">
        <v>6395</v>
      </c>
      <c r="C2764" s="98" t="s">
        <v>6400</v>
      </c>
      <c r="D2764" s="98" t="s">
        <v>21688</v>
      </c>
      <c r="E2764" s="141">
        <v>1979</v>
      </c>
      <c r="F2764" s="141">
        <v>61</v>
      </c>
      <c r="G2764" s="98" t="s">
        <v>1</v>
      </c>
      <c r="H2764" s="98">
        <v>0</v>
      </c>
      <c r="I2764" s="98">
        <v>0</v>
      </c>
      <c r="J2764" s="98" t="s">
        <v>400</v>
      </c>
      <c r="K2764" s="98" t="s">
        <v>400</v>
      </c>
      <c r="L2764" s="98" t="s">
        <v>400</v>
      </c>
      <c r="M2764" s="98" t="s">
        <v>400</v>
      </c>
      <c r="N2764" s="98" t="s">
        <v>400</v>
      </c>
      <c r="O2764" s="98" t="s">
        <v>400</v>
      </c>
      <c r="P2764" s="98" t="s">
        <v>400</v>
      </c>
      <c r="Q2764" s="98" t="s">
        <v>400</v>
      </c>
      <c r="R2764" s="98" t="s">
        <v>400</v>
      </c>
      <c r="S2764" s="98" t="s">
        <v>400</v>
      </c>
      <c r="T2764" s="98" t="s">
        <v>400</v>
      </c>
      <c r="U2764" s="128"/>
      <c r="V2764" s="128"/>
      <c r="W2764" s="128"/>
      <c r="X2764" s="128"/>
      <c r="Y2764" s="128"/>
      <c r="Z2764" s="128"/>
      <c r="AA2764" s="128"/>
      <c r="AB2764" s="128"/>
      <c r="AC2764" s="128"/>
      <c r="AD2764" s="128"/>
      <c r="AE2764" s="128"/>
      <c r="AF2764" s="128"/>
      <c r="AG2764" s="128"/>
      <c r="AH2764" s="128"/>
      <c r="AI2764" s="128"/>
      <c r="AJ2764" s="128"/>
      <c r="AK2764" s="128"/>
      <c r="AL2764" s="128"/>
      <c r="AM2764" s="128"/>
      <c r="AN2764" s="128"/>
      <c r="AO2764" s="128"/>
      <c r="AP2764" s="128"/>
      <c r="AQ2764" s="128"/>
      <c r="AR2764" s="128"/>
      <c r="AS2764" s="128"/>
      <c r="AT2764" s="128"/>
      <c r="AU2764" s="128"/>
      <c r="AV2764" s="128"/>
      <c r="AW2764" s="128"/>
      <c r="AX2764" s="128"/>
      <c r="AY2764" s="128"/>
      <c r="AZ2764" s="128"/>
      <c r="BA2764" s="128"/>
      <c r="BB2764" s="107">
        <v>45884</v>
      </c>
    </row>
    <row r="2765" spans="1:54" s="8" customFormat="1" ht="13.95" customHeight="1" x14ac:dyDescent="0.25">
      <c r="A2765" s="219" t="s">
        <v>6401</v>
      </c>
      <c r="B2765" s="220" t="s">
        <v>6395</v>
      </c>
      <c r="C2765" s="98" t="s">
        <v>6402</v>
      </c>
      <c r="D2765" s="98" t="s">
        <v>21689</v>
      </c>
      <c r="E2765" s="141">
        <v>1979</v>
      </c>
      <c r="F2765" s="141">
        <v>65</v>
      </c>
      <c r="G2765" s="98" t="s">
        <v>1</v>
      </c>
      <c r="H2765" s="98">
        <v>0</v>
      </c>
      <c r="I2765" s="98">
        <v>0</v>
      </c>
      <c r="J2765" s="98" t="s">
        <v>400</v>
      </c>
      <c r="K2765" s="98" t="s">
        <v>400</v>
      </c>
      <c r="L2765" s="98" t="s">
        <v>400</v>
      </c>
      <c r="M2765" s="98" t="s">
        <v>400</v>
      </c>
      <c r="N2765" s="98" t="s">
        <v>400</v>
      </c>
      <c r="O2765" s="98" t="s">
        <v>400</v>
      </c>
      <c r="P2765" s="98" t="s">
        <v>400</v>
      </c>
      <c r="Q2765" s="98" t="s">
        <v>400</v>
      </c>
      <c r="R2765" s="98" t="s">
        <v>400</v>
      </c>
      <c r="S2765" s="98" t="s">
        <v>400</v>
      </c>
      <c r="T2765" s="98" t="s">
        <v>400</v>
      </c>
      <c r="U2765" s="128"/>
      <c r="V2765" s="128"/>
      <c r="W2765" s="128"/>
      <c r="X2765" s="128"/>
      <c r="Y2765" s="128"/>
      <c r="Z2765" s="128"/>
      <c r="AA2765" s="128"/>
      <c r="AB2765" s="128"/>
      <c r="AC2765" s="128"/>
      <c r="AD2765" s="128"/>
      <c r="AE2765" s="128"/>
      <c r="AF2765" s="128"/>
      <c r="AG2765" s="128"/>
      <c r="AH2765" s="128"/>
      <c r="AI2765" s="128"/>
      <c r="AJ2765" s="128"/>
      <c r="AK2765" s="128"/>
      <c r="AL2765" s="128"/>
      <c r="AM2765" s="128"/>
      <c r="AN2765" s="128"/>
      <c r="AO2765" s="128"/>
      <c r="AP2765" s="128"/>
      <c r="AQ2765" s="128"/>
      <c r="AR2765" s="128"/>
      <c r="AS2765" s="128"/>
      <c r="AT2765" s="128"/>
      <c r="AU2765" s="128"/>
      <c r="AV2765" s="128"/>
      <c r="AW2765" s="128"/>
      <c r="AX2765" s="128"/>
      <c r="AY2765" s="128"/>
      <c r="AZ2765" s="128"/>
      <c r="BA2765" s="128"/>
      <c r="BB2765" s="107">
        <v>45884</v>
      </c>
    </row>
    <row r="2766" spans="1:54" s="8" customFormat="1" ht="13.95" customHeight="1" x14ac:dyDescent="0.25">
      <c r="A2766" s="219" t="s">
        <v>6403</v>
      </c>
      <c r="B2766" s="220" t="s">
        <v>6395</v>
      </c>
      <c r="C2766" s="98" t="s">
        <v>6404</v>
      </c>
      <c r="D2766" s="98" t="s">
        <v>21690</v>
      </c>
      <c r="E2766" s="141">
        <v>1979</v>
      </c>
      <c r="F2766" s="141">
        <v>90</v>
      </c>
      <c r="G2766" s="98" t="s">
        <v>1</v>
      </c>
      <c r="H2766" s="98">
        <v>0</v>
      </c>
      <c r="I2766" s="98">
        <v>0</v>
      </c>
      <c r="J2766" s="98" t="s">
        <v>400</v>
      </c>
      <c r="K2766" s="98" t="s">
        <v>400</v>
      </c>
      <c r="L2766" s="98" t="s">
        <v>400</v>
      </c>
      <c r="M2766" s="98" t="s">
        <v>400</v>
      </c>
      <c r="N2766" s="98" t="s">
        <v>400</v>
      </c>
      <c r="O2766" s="98" t="s">
        <v>400</v>
      </c>
      <c r="P2766" s="98" t="s">
        <v>400</v>
      </c>
      <c r="Q2766" s="98" t="s">
        <v>400</v>
      </c>
      <c r="R2766" s="98" t="s">
        <v>400</v>
      </c>
      <c r="S2766" s="98" t="s">
        <v>400</v>
      </c>
      <c r="T2766" s="98" t="s">
        <v>400</v>
      </c>
      <c r="U2766" s="128"/>
      <c r="V2766" s="128"/>
      <c r="W2766" s="128"/>
      <c r="X2766" s="128"/>
      <c r="Y2766" s="128"/>
      <c r="Z2766" s="128"/>
      <c r="AA2766" s="128"/>
      <c r="AB2766" s="128"/>
      <c r="AC2766" s="128"/>
      <c r="AD2766" s="128"/>
      <c r="AE2766" s="128"/>
      <c r="AF2766" s="128"/>
      <c r="AG2766" s="128"/>
      <c r="AH2766" s="128"/>
      <c r="AI2766" s="128"/>
      <c r="AJ2766" s="128"/>
      <c r="AK2766" s="128"/>
      <c r="AL2766" s="128"/>
      <c r="AM2766" s="128"/>
      <c r="AN2766" s="128"/>
      <c r="AO2766" s="128"/>
      <c r="AP2766" s="128"/>
      <c r="AQ2766" s="128"/>
      <c r="AR2766" s="128"/>
      <c r="AS2766" s="128"/>
      <c r="AT2766" s="128"/>
      <c r="AU2766" s="128"/>
      <c r="AV2766" s="128"/>
      <c r="AW2766" s="128"/>
      <c r="AX2766" s="128"/>
      <c r="AY2766" s="128"/>
      <c r="AZ2766" s="128"/>
      <c r="BA2766" s="128"/>
      <c r="BB2766" s="107">
        <v>45884</v>
      </c>
    </row>
    <row r="2767" spans="1:54" s="8" customFormat="1" ht="13.95" customHeight="1" x14ac:dyDescent="0.25">
      <c r="A2767" s="219" t="s">
        <v>6405</v>
      </c>
      <c r="B2767" s="220" t="s">
        <v>6395</v>
      </c>
      <c r="C2767" s="98" t="s">
        <v>6406</v>
      </c>
      <c r="D2767" s="98" t="s">
        <v>21691</v>
      </c>
      <c r="E2767" s="141">
        <v>1986</v>
      </c>
      <c r="F2767" s="141">
        <v>95</v>
      </c>
      <c r="G2767" s="98" t="s">
        <v>8</v>
      </c>
      <c r="H2767" s="98">
        <v>0</v>
      </c>
      <c r="I2767" s="98">
        <v>0</v>
      </c>
      <c r="J2767" s="98" t="s">
        <v>400</v>
      </c>
      <c r="K2767" s="98" t="s">
        <v>400</v>
      </c>
      <c r="L2767" s="98" t="s">
        <v>400</v>
      </c>
      <c r="M2767" s="98" t="s">
        <v>400</v>
      </c>
      <c r="N2767" s="98" t="s">
        <v>400</v>
      </c>
      <c r="O2767" s="98" t="s">
        <v>400</v>
      </c>
      <c r="P2767" s="98" t="s">
        <v>400</v>
      </c>
      <c r="Q2767" s="98" t="s">
        <v>400</v>
      </c>
      <c r="R2767" s="98" t="s">
        <v>400</v>
      </c>
      <c r="S2767" s="98" t="s">
        <v>400</v>
      </c>
      <c r="T2767" s="98" t="s">
        <v>400</v>
      </c>
      <c r="U2767" s="98">
        <v>0</v>
      </c>
      <c r="V2767" s="98">
        <v>0</v>
      </c>
      <c r="W2767" s="98" t="s">
        <v>400</v>
      </c>
      <c r="X2767" s="98" t="s">
        <v>400</v>
      </c>
      <c r="Y2767" s="98">
        <v>0</v>
      </c>
      <c r="Z2767" s="98" t="s">
        <v>400</v>
      </c>
      <c r="AA2767" s="98" t="s">
        <v>400</v>
      </c>
      <c r="AB2767" s="98">
        <v>0</v>
      </c>
      <c r="AC2767" s="98">
        <v>0</v>
      </c>
      <c r="AD2767" s="98"/>
      <c r="AE2767" s="98">
        <v>0</v>
      </c>
      <c r="AF2767" s="98">
        <v>0</v>
      </c>
      <c r="AG2767" s="98">
        <v>0</v>
      </c>
      <c r="AH2767" s="98">
        <v>0</v>
      </c>
      <c r="AI2767" s="98">
        <v>0</v>
      </c>
      <c r="AJ2767" s="98">
        <v>0</v>
      </c>
      <c r="AK2767" s="98">
        <v>0</v>
      </c>
      <c r="AL2767" s="98">
        <v>0</v>
      </c>
      <c r="AM2767" s="98"/>
      <c r="AN2767" s="98"/>
      <c r="AO2767" s="98"/>
      <c r="AP2767" s="98">
        <v>0</v>
      </c>
      <c r="AQ2767" s="98">
        <v>0</v>
      </c>
      <c r="AR2767" s="98"/>
      <c r="AS2767" s="98"/>
      <c r="AT2767" s="98"/>
      <c r="AU2767" s="98"/>
      <c r="AV2767" s="98"/>
      <c r="AW2767" s="98"/>
      <c r="AX2767" s="98"/>
      <c r="AY2767" s="98"/>
      <c r="AZ2767" s="98"/>
      <c r="BA2767" s="98"/>
      <c r="BB2767" s="107">
        <v>45884</v>
      </c>
    </row>
    <row r="2768" spans="1:54" s="8" customFormat="1" ht="13.95" customHeight="1" x14ac:dyDescent="0.25">
      <c r="A2768" s="219" t="s">
        <v>6407</v>
      </c>
      <c r="B2768" s="220" t="s">
        <v>6395</v>
      </c>
      <c r="C2768" s="98" t="s">
        <v>6408</v>
      </c>
      <c r="D2768" s="98" t="s">
        <v>21692</v>
      </c>
      <c r="E2768" s="141">
        <v>1978</v>
      </c>
      <c r="F2768" s="141">
        <v>111</v>
      </c>
      <c r="G2768" s="98" t="s">
        <v>1</v>
      </c>
      <c r="H2768" s="98">
        <v>0</v>
      </c>
      <c r="I2768" s="98">
        <v>0</v>
      </c>
      <c r="J2768" s="98" t="s">
        <v>400</v>
      </c>
      <c r="K2768" s="98" t="s">
        <v>400</v>
      </c>
      <c r="L2768" s="98" t="s">
        <v>400</v>
      </c>
      <c r="M2768" s="98" t="s">
        <v>400</v>
      </c>
      <c r="N2768" s="98" t="s">
        <v>400</v>
      </c>
      <c r="O2768" s="98" t="s">
        <v>400</v>
      </c>
      <c r="P2768" s="98" t="s">
        <v>400</v>
      </c>
      <c r="Q2768" s="98" t="s">
        <v>400</v>
      </c>
      <c r="R2768" s="98" t="s">
        <v>400</v>
      </c>
      <c r="S2768" s="98" t="s">
        <v>400</v>
      </c>
      <c r="T2768" s="98" t="s">
        <v>400</v>
      </c>
      <c r="U2768" s="128"/>
      <c r="V2768" s="128"/>
      <c r="W2768" s="128"/>
      <c r="X2768" s="128"/>
      <c r="Y2768" s="128"/>
      <c r="Z2768" s="128"/>
      <c r="AA2768" s="128"/>
      <c r="AB2768" s="128"/>
      <c r="AC2768" s="128"/>
      <c r="AD2768" s="128"/>
      <c r="AE2768" s="128"/>
      <c r="AF2768" s="128"/>
      <c r="AG2768" s="128"/>
      <c r="AH2768" s="128"/>
      <c r="AI2768" s="128"/>
      <c r="AJ2768" s="128"/>
      <c r="AK2768" s="128"/>
      <c r="AL2768" s="128"/>
      <c r="AM2768" s="128"/>
      <c r="AN2768" s="128"/>
      <c r="AO2768" s="128"/>
      <c r="AP2768" s="128"/>
      <c r="AQ2768" s="128"/>
      <c r="AR2768" s="128"/>
      <c r="AS2768" s="128"/>
      <c r="AT2768" s="128"/>
      <c r="AU2768" s="128"/>
      <c r="AV2768" s="128"/>
      <c r="AW2768" s="128"/>
      <c r="AX2768" s="128"/>
      <c r="AY2768" s="128"/>
      <c r="AZ2768" s="128"/>
      <c r="BA2768" s="128"/>
      <c r="BB2768" s="107">
        <v>45884</v>
      </c>
    </row>
    <row r="2769" spans="1:54" s="8" customFormat="1" ht="13.95" customHeight="1" x14ac:dyDescent="0.25">
      <c r="A2769" s="219" t="s">
        <v>6409</v>
      </c>
      <c r="B2769" s="220" t="s">
        <v>6395</v>
      </c>
      <c r="C2769" s="98" t="s">
        <v>6410</v>
      </c>
      <c r="D2769" s="98" t="s">
        <v>21693</v>
      </c>
      <c r="E2769" s="141">
        <v>1979</v>
      </c>
      <c r="F2769" s="141">
        <v>112</v>
      </c>
      <c r="G2769" s="98" t="s">
        <v>1</v>
      </c>
      <c r="H2769" s="98">
        <v>0</v>
      </c>
      <c r="I2769" s="98">
        <v>0</v>
      </c>
      <c r="J2769" s="98" t="s">
        <v>400</v>
      </c>
      <c r="K2769" s="98" t="s">
        <v>400</v>
      </c>
      <c r="L2769" s="98" t="s">
        <v>400</v>
      </c>
      <c r="M2769" s="98" t="s">
        <v>400</v>
      </c>
      <c r="N2769" s="98" t="s">
        <v>400</v>
      </c>
      <c r="O2769" s="98" t="s">
        <v>400</v>
      </c>
      <c r="P2769" s="98" t="s">
        <v>400</v>
      </c>
      <c r="Q2769" s="98" t="s">
        <v>400</v>
      </c>
      <c r="R2769" s="98" t="s">
        <v>400</v>
      </c>
      <c r="S2769" s="98" t="s">
        <v>400</v>
      </c>
      <c r="T2769" s="98" t="s">
        <v>400</v>
      </c>
      <c r="U2769" s="128"/>
      <c r="V2769" s="128"/>
      <c r="W2769" s="128"/>
      <c r="X2769" s="128"/>
      <c r="Y2769" s="128"/>
      <c r="Z2769" s="128"/>
      <c r="AA2769" s="128"/>
      <c r="AB2769" s="128"/>
      <c r="AC2769" s="128"/>
      <c r="AD2769" s="128"/>
      <c r="AE2769" s="128"/>
      <c r="AF2769" s="128"/>
      <c r="AG2769" s="128"/>
      <c r="AH2769" s="128"/>
      <c r="AI2769" s="128"/>
      <c r="AJ2769" s="128"/>
      <c r="AK2769" s="128"/>
      <c r="AL2769" s="128"/>
      <c r="AM2769" s="128"/>
      <c r="AN2769" s="128"/>
      <c r="AO2769" s="128"/>
      <c r="AP2769" s="128"/>
      <c r="AQ2769" s="128"/>
      <c r="AR2769" s="128"/>
      <c r="AS2769" s="128"/>
      <c r="AT2769" s="128"/>
      <c r="AU2769" s="128"/>
      <c r="AV2769" s="128"/>
      <c r="AW2769" s="128"/>
      <c r="AX2769" s="128"/>
      <c r="AY2769" s="128"/>
      <c r="AZ2769" s="128"/>
      <c r="BA2769" s="128"/>
      <c r="BB2769" s="107">
        <v>45884</v>
      </c>
    </row>
    <row r="2770" spans="1:54" s="8" customFormat="1" ht="13.95" customHeight="1" x14ac:dyDescent="0.25">
      <c r="A2770" s="219" t="s">
        <v>6411</v>
      </c>
      <c r="B2770" s="220" t="s">
        <v>6395</v>
      </c>
      <c r="C2770" s="98" t="s">
        <v>6412</v>
      </c>
      <c r="D2770" s="98" t="s">
        <v>21694</v>
      </c>
      <c r="E2770" s="141">
        <v>1979</v>
      </c>
      <c r="F2770" s="141">
        <v>125</v>
      </c>
      <c r="G2770" s="98" t="s">
        <v>1</v>
      </c>
      <c r="H2770" s="98">
        <v>0</v>
      </c>
      <c r="I2770" s="98">
        <v>0</v>
      </c>
      <c r="J2770" s="98" t="s">
        <v>400</v>
      </c>
      <c r="K2770" s="98" t="s">
        <v>400</v>
      </c>
      <c r="L2770" s="98" t="s">
        <v>400</v>
      </c>
      <c r="M2770" s="98" t="s">
        <v>400</v>
      </c>
      <c r="N2770" s="98" t="s">
        <v>400</v>
      </c>
      <c r="O2770" s="98" t="s">
        <v>400</v>
      </c>
      <c r="P2770" s="98" t="s">
        <v>400</v>
      </c>
      <c r="Q2770" s="98" t="s">
        <v>400</v>
      </c>
      <c r="R2770" s="98" t="s">
        <v>400</v>
      </c>
      <c r="S2770" s="98" t="s">
        <v>400</v>
      </c>
      <c r="T2770" s="98" t="s">
        <v>400</v>
      </c>
      <c r="U2770" s="128"/>
      <c r="V2770" s="128"/>
      <c r="W2770" s="128"/>
      <c r="X2770" s="128"/>
      <c r="Y2770" s="128"/>
      <c r="Z2770" s="128"/>
      <c r="AA2770" s="128"/>
      <c r="AB2770" s="128"/>
      <c r="AC2770" s="128"/>
      <c r="AD2770" s="128"/>
      <c r="AE2770" s="128"/>
      <c r="AF2770" s="128"/>
      <c r="AG2770" s="128"/>
      <c r="AH2770" s="128"/>
      <c r="AI2770" s="128"/>
      <c r="AJ2770" s="128"/>
      <c r="AK2770" s="128"/>
      <c r="AL2770" s="128"/>
      <c r="AM2770" s="128"/>
      <c r="AN2770" s="128"/>
      <c r="AO2770" s="128"/>
      <c r="AP2770" s="128"/>
      <c r="AQ2770" s="128"/>
      <c r="AR2770" s="128"/>
      <c r="AS2770" s="128"/>
      <c r="AT2770" s="128"/>
      <c r="AU2770" s="128"/>
      <c r="AV2770" s="128"/>
      <c r="AW2770" s="128"/>
      <c r="AX2770" s="128"/>
      <c r="AY2770" s="128"/>
      <c r="AZ2770" s="128"/>
      <c r="BA2770" s="128"/>
      <c r="BB2770" s="107">
        <v>45884</v>
      </c>
    </row>
    <row r="2771" spans="1:54" s="8" customFormat="1" ht="13.95" customHeight="1" x14ac:dyDescent="0.25">
      <c r="A2771" s="219" t="s">
        <v>6413</v>
      </c>
      <c r="B2771" s="220" t="s">
        <v>6395</v>
      </c>
      <c r="C2771" s="98" t="s">
        <v>6414</v>
      </c>
      <c r="D2771" s="98" t="s">
        <v>20585</v>
      </c>
      <c r="E2771" s="141">
        <v>1987</v>
      </c>
      <c r="F2771" s="141">
        <v>128</v>
      </c>
      <c r="G2771" s="98" t="s">
        <v>1</v>
      </c>
      <c r="H2771" s="98">
        <v>0</v>
      </c>
      <c r="I2771" s="98">
        <v>0</v>
      </c>
      <c r="J2771" s="98" t="s">
        <v>400</v>
      </c>
      <c r="K2771" s="98" t="s">
        <v>400</v>
      </c>
      <c r="L2771" s="98" t="s">
        <v>400</v>
      </c>
      <c r="M2771" s="98" t="s">
        <v>400</v>
      </c>
      <c r="N2771" s="98" t="s">
        <v>400</v>
      </c>
      <c r="O2771" s="98" t="s">
        <v>400</v>
      </c>
      <c r="P2771" s="98" t="s">
        <v>400</v>
      </c>
      <c r="Q2771" s="98" t="s">
        <v>400</v>
      </c>
      <c r="R2771" s="98" t="s">
        <v>400</v>
      </c>
      <c r="S2771" s="98" t="s">
        <v>400</v>
      </c>
      <c r="T2771" s="98" t="s">
        <v>400</v>
      </c>
      <c r="U2771" s="128"/>
      <c r="V2771" s="128"/>
      <c r="W2771" s="128"/>
      <c r="X2771" s="128"/>
      <c r="Y2771" s="128"/>
      <c r="Z2771" s="128"/>
      <c r="AA2771" s="128"/>
      <c r="AB2771" s="128"/>
      <c r="AC2771" s="128"/>
      <c r="AD2771" s="128"/>
      <c r="AE2771" s="128"/>
      <c r="AF2771" s="128"/>
      <c r="AG2771" s="128"/>
      <c r="AH2771" s="128"/>
      <c r="AI2771" s="128"/>
      <c r="AJ2771" s="128"/>
      <c r="AK2771" s="128"/>
      <c r="AL2771" s="128"/>
      <c r="AM2771" s="128"/>
      <c r="AN2771" s="128"/>
      <c r="AO2771" s="128"/>
      <c r="AP2771" s="128"/>
      <c r="AQ2771" s="128"/>
      <c r="AR2771" s="128"/>
      <c r="AS2771" s="128"/>
      <c r="AT2771" s="128"/>
      <c r="AU2771" s="128"/>
      <c r="AV2771" s="128"/>
      <c r="AW2771" s="128"/>
      <c r="AX2771" s="128"/>
      <c r="AY2771" s="128"/>
      <c r="AZ2771" s="128"/>
      <c r="BA2771" s="128"/>
      <c r="BB2771" s="107">
        <v>45884</v>
      </c>
    </row>
    <row r="2772" spans="1:54" s="8" customFormat="1" ht="13.95" customHeight="1" x14ac:dyDescent="0.25">
      <c r="A2772" s="219" t="s">
        <v>6415</v>
      </c>
      <c r="B2772" s="220" t="s">
        <v>6395</v>
      </c>
      <c r="C2772" s="98" t="s">
        <v>6416</v>
      </c>
      <c r="D2772" s="98" t="s">
        <v>20586</v>
      </c>
      <c r="E2772" s="141">
        <v>2007</v>
      </c>
      <c r="F2772" s="141">
        <v>129</v>
      </c>
      <c r="G2772" s="98" t="s">
        <v>1</v>
      </c>
      <c r="H2772" s="98">
        <v>0</v>
      </c>
      <c r="I2772" s="98">
        <v>0</v>
      </c>
      <c r="J2772" s="98" t="s">
        <v>400</v>
      </c>
      <c r="K2772" s="98" t="s">
        <v>400</v>
      </c>
      <c r="L2772" s="98" t="s">
        <v>400</v>
      </c>
      <c r="M2772" s="98" t="s">
        <v>400</v>
      </c>
      <c r="N2772" s="98" t="s">
        <v>400</v>
      </c>
      <c r="O2772" s="98" t="s">
        <v>400</v>
      </c>
      <c r="P2772" s="98" t="s">
        <v>400</v>
      </c>
      <c r="Q2772" s="98" t="s">
        <v>400</v>
      </c>
      <c r="R2772" s="98" t="s">
        <v>400</v>
      </c>
      <c r="S2772" s="98" t="s">
        <v>400</v>
      </c>
      <c r="T2772" s="98" t="s">
        <v>400</v>
      </c>
      <c r="U2772" s="128"/>
      <c r="V2772" s="128"/>
      <c r="W2772" s="128"/>
      <c r="X2772" s="128"/>
      <c r="Y2772" s="128"/>
      <c r="Z2772" s="128"/>
      <c r="AA2772" s="128"/>
      <c r="AB2772" s="128"/>
      <c r="AC2772" s="128"/>
      <c r="AD2772" s="128"/>
      <c r="AE2772" s="128"/>
      <c r="AF2772" s="128"/>
      <c r="AG2772" s="128"/>
      <c r="AH2772" s="128"/>
      <c r="AI2772" s="128"/>
      <c r="AJ2772" s="128"/>
      <c r="AK2772" s="128"/>
      <c r="AL2772" s="128"/>
      <c r="AM2772" s="128"/>
      <c r="AN2772" s="128"/>
      <c r="AO2772" s="128"/>
      <c r="AP2772" s="128"/>
      <c r="AQ2772" s="128"/>
      <c r="AR2772" s="128"/>
      <c r="AS2772" s="128"/>
      <c r="AT2772" s="128"/>
      <c r="AU2772" s="128"/>
      <c r="AV2772" s="128"/>
      <c r="AW2772" s="128"/>
      <c r="AX2772" s="128"/>
      <c r="AY2772" s="128"/>
      <c r="AZ2772" s="128"/>
      <c r="BA2772" s="128"/>
      <c r="BB2772" s="107">
        <v>45884</v>
      </c>
    </row>
    <row r="2773" spans="1:54" s="8" customFormat="1" ht="13.95" customHeight="1" x14ac:dyDescent="0.25">
      <c r="A2773" s="219" t="s">
        <v>6417</v>
      </c>
      <c r="B2773" s="220" t="s">
        <v>6395</v>
      </c>
      <c r="C2773" s="98" t="s">
        <v>6418</v>
      </c>
      <c r="D2773" s="98" t="s">
        <v>21695</v>
      </c>
      <c r="E2773" s="141">
        <v>1979</v>
      </c>
      <c r="F2773" s="141">
        <v>130</v>
      </c>
      <c r="G2773" s="98" t="s">
        <v>1</v>
      </c>
      <c r="H2773" s="98">
        <v>0</v>
      </c>
      <c r="I2773" s="98">
        <v>0</v>
      </c>
      <c r="J2773" s="98" t="s">
        <v>400</v>
      </c>
      <c r="K2773" s="98" t="s">
        <v>400</v>
      </c>
      <c r="L2773" s="98" t="s">
        <v>400</v>
      </c>
      <c r="M2773" s="98" t="s">
        <v>400</v>
      </c>
      <c r="N2773" s="98" t="s">
        <v>400</v>
      </c>
      <c r="O2773" s="98" t="s">
        <v>400</v>
      </c>
      <c r="P2773" s="98" t="s">
        <v>400</v>
      </c>
      <c r="Q2773" s="98" t="s">
        <v>400</v>
      </c>
      <c r="R2773" s="98" t="s">
        <v>400</v>
      </c>
      <c r="S2773" s="98" t="s">
        <v>400</v>
      </c>
      <c r="T2773" s="98" t="s">
        <v>400</v>
      </c>
      <c r="U2773" s="128"/>
      <c r="V2773" s="128"/>
      <c r="W2773" s="128"/>
      <c r="X2773" s="128"/>
      <c r="Y2773" s="128"/>
      <c r="Z2773" s="128"/>
      <c r="AA2773" s="128"/>
      <c r="AB2773" s="128"/>
      <c r="AC2773" s="128"/>
      <c r="AD2773" s="128"/>
      <c r="AE2773" s="128"/>
      <c r="AF2773" s="128"/>
      <c r="AG2773" s="128"/>
      <c r="AH2773" s="128"/>
      <c r="AI2773" s="128"/>
      <c r="AJ2773" s="128"/>
      <c r="AK2773" s="128"/>
      <c r="AL2773" s="128"/>
      <c r="AM2773" s="128"/>
      <c r="AN2773" s="128"/>
      <c r="AO2773" s="128"/>
      <c r="AP2773" s="128"/>
      <c r="AQ2773" s="128"/>
      <c r="AR2773" s="128"/>
      <c r="AS2773" s="128"/>
      <c r="AT2773" s="128"/>
      <c r="AU2773" s="128"/>
      <c r="AV2773" s="128"/>
      <c r="AW2773" s="128"/>
      <c r="AX2773" s="128"/>
      <c r="AY2773" s="128"/>
      <c r="AZ2773" s="128"/>
      <c r="BA2773" s="128"/>
      <c r="BB2773" s="107">
        <v>45884</v>
      </c>
    </row>
    <row r="2774" spans="1:54" s="8" customFormat="1" ht="13.95" customHeight="1" x14ac:dyDescent="0.25">
      <c r="A2774" s="219" t="s">
        <v>6419</v>
      </c>
      <c r="B2774" s="220" t="s">
        <v>6395</v>
      </c>
      <c r="C2774" s="98" t="s">
        <v>6420</v>
      </c>
      <c r="D2774" s="98" t="s">
        <v>21696</v>
      </c>
      <c r="E2774" s="141">
        <v>1979</v>
      </c>
      <c r="F2774" s="141">
        <v>132</v>
      </c>
      <c r="G2774" s="98" t="s">
        <v>1</v>
      </c>
      <c r="H2774" s="98">
        <v>0</v>
      </c>
      <c r="I2774" s="98">
        <v>0</v>
      </c>
      <c r="J2774" s="98" t="s">
        <v>400</v>
      </c>
      <c r="K2774" s="98" t="s">
        <v>400</v>
      </c>
      <c r="L2774" s="98" t="s">
        <v>400</v>
      </c>
      <c r="M2774" s="98" t="s">
        <v>400</v>
      </c>
      <c r="N2774" s="98" t="s">
        <v>400</v>
      </c>
      <c r="O2774" s="98" t="s">
        <v>400</v>
      </c>
      <c r="P2774" s="98" t="s">
        <v>400</v>
      </c>
      <c r="Q2774" s="98" t="s">
        <v>400</v>
      </c>
      <c r="R2774" s="98" t="s">
        <v>400</v>
      </c>
      <c r="S2774" s="98" t="s">
        <v>400</v>
      </c>
      <c r="T2774" s="98" t="s">
        <v>400</v>
      </c>
      <c r="U2774" s="128"/>
      <c r="V2774" s="128"/>
      <c r="W2774" s="128"/>
      <c r="X2774" s="128"/>
      <c r="Y2774" s="128"/>
      <c r="Z2774" s="128"/>
      <c r="AA2774" s="128"/>
      <c r="AB2774" s="128"/>
      <c r="AC2774" s="128"/>
      <c r="AD2774" s="128"/>
      <c r="AE2774" s="128"/>
      <c r="AF2774" s="128"/>
      <c r="AG2774" s="128"/>
      <c r="AH2774" s="128"/>
      <c r="AI2774" s="128"/>
      <c r="AJ2774" s="128"/>
      <c r="AK2774" s="128"/>
      <c r="AL2774" s="128"/>
      <c r="AM2774" s="128"/>
      <c r="AN2774" s="128"/>
      <c r="AO2774" s="128"/>
      <c r="AP2774" s="128"/>
      <c r="AQ2774" s="128"/>
      <c r="AR2774" s="128"/>
      <c r="AS2774" s="128"/>
      <c r="AT2774" s="128"/>
      <c r="AU2774" s="128"/>
      <c r="AV2774" s="128"/>
      <c r="AW2774" s="128"/>
      <c r="AX2774" s="128"/>
      <c r="AY2774" s="128"/>
      <c r="AZ2774" s="128"/>
      <c r="BA2774" s="128"/>
      <c r="BB2774" s="107">
        <v>45884</v>
      </c>
    </row>
    <row r="2775" spans="1:54" s="8" customFormat="1" ht="13.95" customHeight="1" x14ac:dyDescent="0.25">
      <c r="A2775" s="219" t="s">
        <v>6421</v>
      </c>
      <c r="B2775" s="220" t="s">
        <v>6395</v>
      </c>
      <c r="C2775" s="98" t="s">
        <v>6422</v>
      </c>
      <c r="D2775" s="98" t="s">
        <v>20587</v>
      </c>
      <c r="E2775" s="141">
        <v>1979</v>
      </c>
      <c r="F2775" s="141">
        <v>137</v>
      </c>
      <c r="G2775" s="98" t="s">
        <v>1</v>
      </c>
      <c r="H2775" s="98">
        <v>0</v>
      </c>
      <c r="I2775" s="98">
        <v>0</v>
      </c>
      <c r="J2775" s="98" t="s">
        <v>400</v>
      </c>
      <c r="K2775" s="98" t="s">
        <v>400</v>
      </c>
      <c r="L2775" s="98" t="s">
        <v>400</v>
      </c>
      <c r="M2775" s="98" t="s">
        <v>400</v>
      </c>
      <c r="N2775" s="98" t="s">
        <v>400</v>
      </c>
      <c r="O2775" s="98" t="s">
        <v>400</v>
      </c>
      <c r="P2775" s="98" t="s">
        <v>400</v>
      </c>
      <c r="Q2775" s="98" t="s">
        <v>400</v>
      </c>
      <c r="R2775" s="98" t="s">
        <v>400</v>
      </c>
      <c r="S2775" s="98" t="s">
        <v>400</v>
      </c>
      <c r="T2775" s="98" t="s">
        <v>400</v>
      </c>
      <c r="U2775" s="128"/>
      <c r="V2775" s="128"/>
      <c r="W2775" s="128"/>
      <c r="X2775" s="128"/>
      <c r="Y2775" s="128"/>
      <c r="Z2775" s="128"/>
      <c r="AA2775" s="128"/>
      <c r="AB2775" s="128"/>
      <c r="AC2775" s="128"/>
      <c r="AD2775" s="128"/>
      <c r="AE2775" s="128"/>
      <c r="AF2775" s="128"/>
      <c r="AG2775" s="128"/>
      <c r="AH2775" s="128"/>
      <c r="AI2775" s="128"/>
      <c r="AJ2775" s="128"/>
      <c r="AK2775" s="128"/>
      <c r="AL2775" s="128"/>
      <c r="AM2775" s="128"/>
      <c r="AN2775" s="128"/>
      <c r="AO2775" s="128"/>
      <c r="AP2775" s="128"/>
      <c r="AQ2775" s="128"/>
      <c r="AR2775" s="128"/>
      <c r="AS2775" s="128"/>
      <c r="AT2775" s="128"/>
      <c r="AU2775" s="128"/>
      <c r="AV2775" s="128"/>
      <c r="AW2775" s="128"/>
      <c r="AX2775" s="128"/>
      <c r="AY2775" s="128"/>
      <c r="AZ2775" s="128"/>
      <c r="BA2775" s="128"/>
      <c r="BB2775" s="107">
        <v>45884</v>
      </c>
    </row>
    <row r="2776" spans="1:54" s="8" customFormat="1" ht="13.95" customHeight="1" x14ac:dyDescent="0.25">
      <c r="A2776" s="219" t="s">
        <v>6423</v>
      </c>
      <c r="B2776" s="220" t="s">
        <v>6395</v>
      </c>
      <c r="C2776" s="98" t="s">
        <v>6424</v>
      </c>
      <c r="D2776" s="98" t="s">
        <v>21697</v>
      </c>
      <c r="E2776" s="141">
        <v>1979</v>
      </c>
      <c r="F2776" s="141">
        <v>150</v>
      </c>
      <c r="G2776" s="98" t="s">
        <v>1</v>
      </c>
      <c r="H2776" s="98">
        <v>0</v>
      </c>
      <c r="I2776" s="98">
        <v>0</v>
      </c>
      <c r="J2776" s="98" t="s">
        <v>400</v>
      </c>
      <c r="K2776" s="98" t="s">
        <v>400</v>
      </c>
      <c r="L2776" s="98" t="s">
        <v>400</v>
      </c>
      <c r="M2776" s="98" t="s">
        <v>400</v>
      </c>
      <c r="N2776" s="98" t="s">
        <v>400</v>
      </c>
      <c r="O2776" s="98" t="s">
        <v>400</v>
      </c>
      <c r="P2776" s="98" t="s">
        <v>400</v>
      </c>
      <c r="Q2776" s="98" t="s">
        <v>400</v>
      </c>
      <c r="R2776" s="98" t="s">
        <v>400</v>
      </c>
      <c r="S2776" s="98" t="s">
        <v>400</v>
      </c>
      <c r="T2776" s="98" t="s">
        <v>400</v>
      </c>
      <c r="U2776" s="128"/>
      <c r="V2776" s="128"/>
      <c r="W2776" s="128"/>
      <c r="X2776" s="128"/>
      <c r="Y2776" s="128"/>
      <c r="Z2776" s="128"/>
      <c r="AA2776" s="128"/>
      <c r="AB2776" s="128"/>
      <c r="AC2776" s="128"/>
      <c r="AD2776" s="128"/>
      <c r="AE2776" s="128"/>
      <c r="AF2776" s="128"/>
      <c r="AG2776" s="128"/>
      <c r="AH2776" s="128"/>
      <c r="AI2776" s="128"/>
      <c r="AJ2776" s="128"/>
      <c r="AK2776" s="128"/>
      <c r="AL2776" s="128"/>
      <c r="AM2776" s="128"/>
      <c r="AN2776" s="128"/>
      <c r="AO2776" s="128"/>
      <c r="AP2776" s="128"/>
      <c r="AQ2776" s="128"/>
      <c r="AR2776" s="128"/>
      <c r="AS2776" s="128"/>
      <c r="AT2776" s="128"/>
      <c r="AU2776" s="128"/>
      <c r="AV2776" s="128"/>
      <c r="AW2776" s="128"/>
      <c r="AX2776" s="128"/>
      <c r="AY2776" s="128"/>
      <c r="AZ2776" s="128"/>
      <c r="BA2776" s="128"/>
      <c r="BB2776" s="107">
        <v>45884</v>
      </c>
    </row>
    <row r="2777" spans="1:54" s="8" customFormat="1" ht="13.95" customHeight="1" x14ac:dyDescent="0.25">
      <c r="A2777" s="219" t="s">
        <v>6425</v>
      </c>
      <c r="B2777" s="220" t="s">
        <v>6395</v>
      </c>
      <c r="C2777" s="98" t="s">
        <v>6426</v>
      </c>
      <c r="D2777" s="98" t="s">
        <v>21698</v>
      </c>
      <c r="E2777" s="141">
        <v>1979</v>
      </c>
      <c r="F2777" s="141">
        <v>151</v>
      </c>
      <c r="G2777" s="98" t="s">
        <v>1</v>
      </c>
      <c r="H2777" s="98">
        <v>0</v>
      </c>
      <c r="I2777" s="98">
        <v>0</v>
      </c>
      <c r="J2777" s="98" t="s">
        <v>400</v>
      </c>
      <c r="K2777" s="98" t="s">
        <v>400</v>
      </c>
      <c r="L2777" s="98" t="s">
        <v>400</v>
      </c>
      <c r="M2777" s="98" t="s">
        <v>400</v>
      </c>
      <c r="N2777" s="98" t="s">
        <v>400</v>
      </c>
      <c r="O2777" s="98" t="s">
        <v>400</v>
      </c>
      <c r="P2777" s="98" t="s">
        <v>400</v>
      </c>
      <c r="Q2777" s="98" t="s">
        <v>400</v>
      </c>
      <c r="R2777" s="98" t="s">
        <v>400</v>
      </c>
      <c r="S2777" s="98" t="s">
        <v>400</v>
      </c>
      <c r="T2777" s="98" t="s">
        <v>400</v>
      </c>
      <c r="U2777" s="128"/>
      <c r="V2777" s="128"/>
      <c r="W2777" s="128"/>
      <c r="X2777" s="128"/>
      <c r="Y2777" s="128"/>
      <c r="Z2777" s="128"/>
      <c r="AA2777" s="128"/>
      <c r="AB2777" s="128"/>
      <c r="AC2777" s="128"/>
      <c r="AD2777" s="128"/>
      <c r="AE2777" s="128"/>
      <c r="AF2777" s="128"/>
      <c r="AG2777" s="128"/>
      <c r="AH2777" s="128"/>
      <c r="AI2777" s="128"/>
      <c r="AJ2777" s="128"/>
      <c r="AK2777" s="128"/>
      <c r="AL2777" s="128"/>
      <c r="AM2777" s="128"/>
      <c r="AN2777" s="128"/>
      <c r="AO2777" s="128"/>
      <c r="AP2777" s="128"/>
      <c r="AQ2777" s="128"/>
      <c r="AR2777" s="128"/>
      <c r="AS2777" s="128"/>
      <c r="AT2777" s="128"/>
      <c r="AU2777" s="128"/>
      <c r="AV2777" s="128"/>
      <c r="AW2777" s="128"/>
      <c r="AX2777" s="128"/>
      <c r="AY2777" s="128"/>
      <c r="AZ2777" s="128"/>
      <c r="BA2777" s="128"/>
      <c r="BB2777" s="107">
        <v>45884</v>
      </c>
    </row>
    <row r="2778" spans="1:54" s="8" customFormat="1" ht="13.95" customHeight="1" x14ac:dyDescent="0.25">
      <c r="A2778" s="219" t="s">
        <v>6427</v>
      </c>
      <c r="B2778" s="220" t="s">
        <v>6395</v>
      </c>
      <c r="C2778" s="98" t="s">
        <v>6428</v>
      </c>
      <c r="D2778" s="98" t="s">
        <v>21699</v>
      </c>
      <c r="E2778" s="141">
        <v>1979</v>
      </c>
      <c r="F2778" s="141">
        <v>151</v>
      </c>
      <c r="G2778" s="98" t="s">
        <v>1</v>
      </c>
      <c r="H2778" s="98">
        <v>0</v>
      </c>
      <c r="I2778" s="98">
        <v>0</v>
      </c>
      <c r="J2778" s="98" t="s">
        <v>400</v>
      </c>
      <c r="K2778" s="98" t="s">
        <v>400</v>
      </c>
      <c r="L2778" s="98" t="s">
        <v>400</v>
      </c>
      <c r="M2778" s="98" t="s">
        <v>400</v>
      </c>
      <c r="N2778" s="98" t="s">
        <v>400</v>
      </c>
      <c r="O2778" s="98" t="s">
        <v>400</v>
      </c>
      <c r="P2778" s="98" t="s">
        <v>400</v>
      </c>
      <c r="Q2778" s="98" t="s">
        <v>400</v>
      </c>
      <c r="R2778" s="98" t="s">
        <v>400</v>
      </c>
      <c r="S2778" s="98" t="s">
        <v>400</v>
      </c>
      <c r="T2778" s="98" t="s">
        <v>400</v>
      </c>
      <c r="U2778" s="128"/>
      <c r="V2778" s="128"/>
      <c r="W2778" s="128"/>
      <c r="X2778" s="128"/>
      <c r="Y2778" s="128"/>
      <c r="Z2778" s="128"/>
      <c r="AA2778" s="128"/>
      <c r="AB2778" s="128"/>
      <c r="AC2778" s="128"/>
      <c r="AD2778" s="128"/>
      <c r="AE2778" s="128"/>
      <c r="AF2778" s="128"/>
      <c r="AG2778" s="128"/>
      <c r="AH2778" s="128"/>
      <c r="AI2778" s="128"/>
      <c r="AJ2778" s="128"/>
      <c r="AK2778" s="128"/>
      <c r="AL2778" s="128"/>
      <c r="AM2778" s="128"/>
      <c r="AN2778" s="128"/>
      <c r="AO2778" s="128"/>
      <c r="AP2778" s="128"/>
      <c r="AQ2778" s="128"/>
      <c r="AR2778" s="128"/>
      <c r="AS2778" s="128"/>
      <c r="AT2778" s="128"/>
      <c r="AU2778" s="128"/>
      <c r="AV2778" s="128"/>
      <c r="AW2778" s="128"/>
      <c r="AX2778" s="128"/>
      <c r="AY2778" s="128"/>
      <c r="AZ2778" s="128"/>
      <c r="BA2778" s="128"/>
      <c r="BB2778" s="107">
        <v>45884</v>
      </c>
    </row>
    <row r="2779" spans="1:54" s="8" customFormat="1" ht="13.95" customHeight="1" x14ac:dyDescent="0.25">
      <c r="A2779" s="219" t="s">
        <v>6429</v>
      </c>
      <c r="B2779" s="220" t="s">
        <v>6395</v>
      </c>
      <c r="C2779" s="98" t="s">
        <v>6430</v>
      </c>
      <c r="D2779" s="98" t="s">
        <v>21700</v>
      </c>
      <c r="E2779" s="141">
        <v>1983</v>
      </c>
      <c r="F2779" s="141">
        <v>151</v>
      </c>
      <c r="G2779" s="98" t="s">
        <v>1</v>
      </c>
      <c r="H2779" s="98">
        <v>0</v>
      </c>
      <c r="I2779" s="98">
        <v>0</v>
      </c>
      <c r="J2779" s="98" t="s">
        <v>400</v>
      </c>
      <c r="K2779" s="98" t="s">
        <v>400</v>
      </c>
      <c r="L2779" s="98" t="s">
        <v>400</v>
      </c>
      <c r="M2779" s="98" t="s">
        <v>400</v>
      </c>
      <c r="N2779" s="98" t="s">
        <v>400</v>
      </c>
      <c r="O2779" s="98" t="s">
        <v>400</v>
      </c>
      <c r="P2779" s="98" t="s">
        <v>400</v>
      </c>
      <c r="Q2779" s="98" t="s">
        <v>400</v>
      </c>
      <c r="R2779" s="98" t="s">
        <v>400</v>
      </c>
      <c r="S2779" s="98" t="s">
        <v>400</v>
      </c>
      <c r="T2779" s="98" t="s">
        <v>400</v>
      </c>
      <c r="U2779" s="128"/>
      <c r="V2779" s="128"/>
      <c r="W2779" s="128"/>
      <c r="X2779" s="128"/>
      <c r="Y2779" s="128"/>
      <c r="Z2779" s="128"/>
      <c r="AA2779" s="128"/>
      <c r="AB2779" s="128"/>
      <c r="AC2779" s="128"/>
      <c r="AD2779" s="128"/>
      <c r="AE2779" s="128"/>
      <c r="AF2779" s="128"/>
      <c r="AG2779" s="128"/>
      <c r="AH2779" s="128"/>
      <c r="AI2779" s="128"/>
      <c r="AJ2779" s="128"/>
      <c r="AK2779" s="128"/>
      <c r="AL2779" s="128"/>
      <c r="AM2779" s="128"/>
      <c r="AN2779" s="128"/>
      <c r="AO2779" s="128"/>
      <c r="AP2779" s="128"/>
      <c r="AQ2779" s="128"/>
      <c r="AR2779" s="128"/>
      <c r="AS2779" s="128"/>
      <c r="AT2779" s="128"/>
      <c r="AU2779" s="128"/>
      <c r="AV2779" s="128"/>
      <c r="AW2779" s="128"/>
      <c r="AX2779" s="128"/>
      <c r="AY2779" s="128"/>
      <c r="AZ2779" s="128"/>
      <c r="BA2779" s="128"/>
      <c r="BB2779" s="107">
        <v>45884</v>
      </c>
    </row>
    <row r="2780" spans="1:54" s="8" customFormat="1" ht="13.95" customHeight="1" x14ac:dyDescent="0.25">
      <c r="A2780" s="219" t="s">
        <v>6431</v>
      </c>
      <c r="B2780" s="220" t="s">
        <v>6395</v>
      </c>
      <c r="C2780" s="98" t="s">
        <v>6432</v>
      </c>
      <c r="D2780" s="98" t="s">
        <v>21701</v>
      </c>
      <c r="E2780" s="141">
        <v>1984</v>
      </c>
      <c r="F2780" s="141">
        <v>157</v>
      </c>
      <c r="G2780" s="98" t="s">
        <v>1</v>
      </c>
      <c r="H2780" s="98">
        <v>0</v>
      </c>
      <c r="I2780" s="98">
        <v>0</v>
      </c>
      <c r="J2780" s="98" t="s">
        <v>400</v>
      </c>
      <c r="K2780" s="98" t="s">
        <v>400</v>
      </c>
      <c r="L2780" s="98" t="s">
        <v>400</v>
      </c>
      <c r="M2780" s="98" t="s">
        <v>400</v>
      </c>
      <c r="N2780" s="98" t="s">
        <v>400</v>
      </c>
      <c r="O2780" s="98" t="s">
        <v>400</v>
      </c>
      <c r="P2780" s="98" t="s">
        <v>400</v>
      </c>
      <c r="Q2780" s="98" t="s">
        <v>400</v>
      </c>
      <c r="R2780" s="98" t="s">
        <v>400</v>
      </c>
      <c r="S2780" s="98" t="s">
        <v>400</v>
      </c>
      <c r="T2780" s="98" t="s">
        <v>400</v>
      </c>
      <c r="U2780" s="128"/>
      <c r="V2780" s="128"/>
      <c r="W2780" s="128"/>
      <c r="X2780" s="128"/>
      <c r="Y2780" s="128"/>
      <c r="Z2780" s="128"/>
      <c r="AA2780" s="128"/>
      <c r="AB2780" s="128"/>
      <c r="AC2780" s="128"/>
      <c r="AD2780" s="128"/>
      <c r="AE2780" s="128"/>
      <c r="AF2780" s="128"/>
      <c r="AG2780" s="128"/>
      <c r="AH2780" s="128"/>
      <c r="AI2780" s="128"/>
      <c r="AJ2780" s="128"/>
      <c r="AK2780" s="128"/>
      <c r="AL2780" s="128"/>
      <c r="AM2780" s="128"/>
      <c r="AN2780" s="128"/>
      <c r="AO2780" s="128"/>
      <c r="AP2780" s="128"/>
      <c r="AQ2780" s="128"/>
      <c r="AR2780" s="128"/>
      <c r="AS2780" s="128"/>
      <c r="AT2780" s="128"/>
      <c r="AU2780" s="128"/>
      <c r="AV2780" s="128"/>
      <c r="AW2780" s="128"/>
      <c r="AX2780" s="128"/>
      <c r="AY2780" s="128"/>
      <c r="AZ2780" s="128"/>
      <c r="BA2780" s="128"/>
      <c r="BB2780" s="107">
        <v>45884</v>
      </c>
    </row>
    <row r="2781" spans="1:54" s="8" customFormat="1" ht="13.95" customHeight="1" x14ac:dyDescent="0.25">
      <c r="A2781" s="219" t="s">
        <v>6433</v>
      </c>
      <c r="B2781" s="220" t="s">
        <v>6395</v>
      </c>
      <c r="C2781" s="98" t="s">
        <v>6434</v>
      </c>
      <c r="D2781" s="98" t="s">
        <v>20588</v>
      </c>
      <c r="E2781" s="141">
        <v>1972</v>
      </c>
      <c r="F2781" s="141">
        <v>160</v>
      </c>
      <c r="G2781" s="98" t="s">
        <v>1</v>
      </c>
      <c r="H2781" s="98">
        <v>0</v>
      </c>
      <c r="I2781" s="98">
        <v>0</v>
      </c>
      <c r="J2781" s="98" t="s">
        <v>400</v>
      </c>
      <c r="K2781" s="98" t="s">
        <v>400</v>
      </c>
      <c r="L2781" s="98" t="s">
        <v>400</v>
      </c>
      <c r="M2781" s="98" t="s">
        <v>400</v>
      </c>
      <c r="N2781" s="98" t="s">
        <v>400</v>
      </c>
      <c r="O2781" s="98" t="s">
        <v>400</v>
      </c>
      <c r="P2781" s="98" t="s">
        <v>400</v>
      </c>
      <c r="Q2781" s="98" t="s">
        <v>400</v>
      </c>
      <c r="R2781" s="98" t="s">
        <v>400</v>
      </c>
      <c r="S2781" s="98" t="s">
        <v>400</v>
      </c>
      <c r="T2781" s="98" t="s">
        <v>400</v>
      </c>
      <c r="U2781" s="128"/>
      <c r="V2781" s="128"/>
      <c r="W2781" s="128"/>
      <c r="X2781" s="128"/>
      <c r="Y2781" s="128"/>
      <c r="Z2781" s="128"/>
      <c r="AA2781" s="128"/>
      <c r="AB2781" s="128"/>
      <c r="AC2781" s="128"/>
      <c r="AD2781" s="128"/>
      <c r="AE2781" s="128"/>
      <c r="AF2781" s="128"/>
      <c r="AG2781" s="128"/>
      <c r="AH2781" s="128"/>
      <c r="AI2781" s="128"/>
      <c r="AJ2781" s="128"/>
      <c r="AK2781" s="128"/>
      <c r="AL2781" s="128"/>
      <c r="AM2781" s="128"/>
      <c r="AN2781" s="128"/>
      <c r="AO2781" s="128"/>
      <c r="AP2781" s="128"/>
      <c r="AQ2781" s="128"/>
      <c r="AR2781" s="128"/>
      <c r="AS2781" s="128"/>
      <c r="AT2781" s="128"/>
      <c r="AU2781" s="128"/>
      <c r="AV2781" s="128"/>
      <c r="AW2781" s="128"/>
      <c r="AX2781" s="128"/>
      <c r="AY2781" s="128"/>
      <c r="AZ2781" s="128"/>
      <c r="BA2781" s="128"/>
      <c r="BB2781" s="107">
        <v>45884</v>
      </c>
    </row>
    <row r="2782" spans="1:54" s="8" customFormat="1" ht="13.95" customHeight="1" x14ac:dyDescent="0.25">
      <c r="A2782" s="219" t="s">
        <v>6435</v>
      </c>
      <c r="B2782" s="220" t="s">
        <v>6395</v>
      </c>
      <c r="C2782" s="98" t="s">
        <v>6436</v>
      </c>
      <c r="D2782" s="98" t="s">
        <v>20589</v>
      </c>
      <c r="E2782" s="141">
        <v>1979</v>
      </c>
      <c r="F2782" s="141">
        <v>163</v>
      </c>
      <c r="G2782" s="98" t="s">
        <v>1</v>
      </c>
      <c r="H2782" s="98">
        <v>0</v>
      </c>
      <c r="I2782" s="98">
        <v>0</v>
      </c>
      <c r="J2782" s="98" t="s">
        <v>400</v>
      </c>
      <c r="K2782" s="98" t="s">
        <v>400</v>
      </c>
      <c r="L2782" s="98" t="s">
        <v>400</v>
      </c>
      <c r="M2782" s="98" t="s">
        <v>400</v>
      </c>
      <c r="N2782" s="98" t="s">
        <v>400</v>
      </c>
      <c r="O2782" s="98" t="s">
        <v>400</v>
      </c>
      <c r="P2782" s="98" t="s">
        <v>400</v>
      </c>
      <c r="Q2782" s="98" t="s">
        <v>400</v>
      </c>
      <c r="R2782" s="98" t="s">
        <v>400</v>
      </c>
      <c r="S2782" s="98" t="s">
        <v>400</v>
      </c>
      <c r="T2782" s="98" t="s">
        <v>400</v>
      </c>
      <c r="U2782" s="128"/>
      <c r="V2782" s="128"/>
      <c r="W2782" s="128"/>
      <c r="X2782" s="128"/>
      <c r="Y2782" s="128"/>
      <c r="Z2782" s="128"/>
      <c r="AA2782" s="128"/>
      <c r="AB2782" s="128"/>
      <c r="AC2782" s="128"/>
      <c r="AD2782" s="128"/>
      <c r="AE2782" s="128"/>
      <c r="AF2782" s="128"/>
      <c r="AG2782" s="128"/>
      <c r="AH2782" s="128"/>
      <c r="AI2782" s="128"/>
      <c r="AJ2782" s="128"/>
      <c r="AK2782" s="128"/>
      <c r="AL2782" s="128"/>
      <c r="AM2782" s="128"/>
      <c r="AN2782" s="128"/>
      <c r="AO2782" s="128"/>
      <c r="AP2782" s="128"/>
      <c r="AQ2782" s="128"/>
      <c r="AR2782" s="128"/>
      <c r="AS2782" s="128"/>
      <c r="AT2782" s="128"/>
      <c r="AU2782" s="128"/>
      <c r="AV2782" s="128"/>
      <c r="AW2782" s="128"/>
      <c r="AX2782" s="128"/>
      <c r="AY2782" s="128"/>
      <c r="AZ2782" s="128"/>
      <c r="BA2782" s="128"/>
      <c r="BB2782" s="107">
        <v>45884</v>
      </c>
    </row>
    <row r="2783" spans="1:54" s="8" customFormat="1" ht="13.95" customHeight="1" x14ac:dyDescent="0.25">
      <c r="A2783" s="219" t="s">
        <v>6437</v>
      </c>
      <c r="B2783" s="220" t="s">
        <v>6395</v>
      </c>
      <c r="C2783" s="98" t="s">
        <v>6438</v>
      </c>
      <c r="D2783" s="98" t="s">
        <v>21702</v>
      </c>
      <c r="E2783" s="141">
        <v>1979</v>
      </c>
      <c r="F2783" s="141">
        <v>165</v>
      </c>
      <c r="G2783" s="98" t="s">
        <v>1</v>
      </c>
      <c r="H2783" s="98">
        <v>0</v>
      </c>
      <c r="I2783" s="98">
        <v>0</v>
      </c>
      <c r="J2783" s="98" t="s">
        <v>400</v>
      </c>
      <c r="K2783" s="98" t="s">
        <v>400</v>
      </c>
      <c r="L2783" s="98" t="s">
        <v>400</v>
      </c>
      <c r="M2783" s="98" t="s">
        <v>400</v>
      </c>
      <c r="N2783" s="98" t="s">
        <v>400</v>
      </c>
      <c r="O2783" s="98" t="s">
        <v>400</v>
      </c>
      <c r="P2783" s="98" t="s">
        <v>400</v>
      </c>
      <c r="Q2783" s="98" t="s">
        <v>400</v>
      </c>
      <c r="R2783" s="98" t="s">
        <v>400</v>
      </c>
      <c r="S2783" s="98" t="s">
        <v>400</v>
      </c>
      <c r="T2783" s="98" t="s">
        <v>400</v>
      </c>
      <c r="U2783" s="128"/>
      <c r="V2783" s="128"/>
      <c r="W2783" s="128"/>
      <c r="X2783" s="128"/>
      <c r="Y2783" s="128"/>
      <c r="Z2783" s="128"/>
      <c r="AA2783" s="128"/>
      <c r="AB2783" s="128"/>
      <c r="AC2783" s="128"/>
      <c r="AD2783" s="128"/>
      <c r="AE2783" s="128"/>
      <c r="AF2783" s="128"/>
      <c r="AG2783" s="128"/>
      <c r="AH2783" s="128"/>
      <c r="AI2783" s="128"/>
      <c r="AJ2783" s="128"/>
      <c r="AK2783" s="128"/>
      <c r="AL2783" s="128"/>
      <c r="AM2783" s="128"/>
      <c r="AN2783" s="128"/>
      <c r="AO2783" s="128"/>
      <c r="AP2783" s="128"/>
      <c r="AQ2783" s="128"/>
      <c r="AR2783" s="128"/>
      <c r="AS2783" s="128"/>
      <c r="AT2783" s="128"/>
      <c r="AU2783" s="128"/>
      <c r="AV2783" s="128"/>
      <c r="AW2783" s="128"/>
      <c r="AX2783" s="128"/>
      <c r="AY2783" s="128"/>
      <c r="AZ2783" s="128"/>
      <c r="BA2783" s="128"/>
      <c r="BB2783" s="107">
        <v>45884</v>
      </c>
    </row>
    <row r="2784" spans="1:54" s="8" customFormat="1" ht="13.95" customHeight="1" x14ac:dyDescent="0.25">
      <c r="A2784" s="219" t="s">
        <v>6439</v>
      </c>
      <c r="B2784" s="220" t="s">
        <v>6395</v>
      </c>
      <c r="C2784" s="98" t="s">
        <v>6440</v>
      </c>
      <c r="D2784" s="98" t="s">
        <v>21703</v>
      </c>
      <c r="E2784" s="141">
        <v>1983</v>
      </c>
      <c r="F2784" s="141">
        <v>170</v>
      </c>
      <c r="G2784" s="98" t="s">
        <v>1</v>
      </c>
      <c r="H2784" s="98">
        <v>0</v>
      </c>
      <c r="I2784" s="98">
        <v>0</v>
      </c>
      <c r="J2784" s="98" t="s">
        <v>400</v>
      </c>
      <c r="K2784" s="98" t="s">
        <v>400</v>
      </c>
      <c r="L2784" s="98" t="s">
        <v>400</v>
      </c>
      <c r="M2784" s="98" t="s">
        <v>400</v>
      </c>
      <c r="N2784" s="98" t="s">
        <v>400</v>
      </c>
      <c r="O2784" s="98" t="s">
        <v>400</v>
      </c>
      <c r="P2784" s="98" t="s">
        <v>400</v>
      </c>
      <c r="Q2784" s="98" t="s">
        <v>400</v>
      </c>
      <c r="R2784" s="98" t="s">
        <v>400</v>
      </c>
      <c r="S2784" s="98" t="s">
        <v>400</v>
      </c>
      <c r="T2784" s="98" t="s">
        <v>400</v>
      </c>
      <c r="U2784" s="128"/>
      <c r="V2784" s="128"/>
      <c r="W2784" s="128"/>
      <c r="X2784" s="128"/>
      <c r="Y2784" s="128"/>
      <c r="Z2784" s="128"/>
      <c r="AA2784" s="128"/>
      <c r="AB2784" s="128"/>
      <c r="AC2784" s="128"/>
      <c r="AD2784" s="128"/>
      <c r="AE2784" s="128"/>
      <c r="AF2784" s="128"/>
      <c r="AG2784" s="128"/>
      <c r="AH2784" s="128"/>
      <c r="AI2784" s="128"/>
      <c r="AJ2784" s="128"/>
      <c r="AK2784" s="128"/>
      <c r="AL2784" s="128"/>
      <c r="AM2784" s="128"/>
      <c r="AN2784" s="128"/>
      <c r="AO2784" s="128"/>
      <c r="AP2784" s="128"/>
      <c r="AQ2784" s="128"/>
      <c r="AR2784" s="128"/>
      <c r="AS2784" s="128"/>
      <c r="AT2784" s="128"/>
      <c r="AU2784" s="128"/>
      <c r="AV2784" s="128"/>
      <c r="AW2784" s="128"/>
      <c r="AX2784" s="128"/>
      <c r="AY2784" s="128"/>
      <c r="AZ2784" s="128"/>
      <c r="BA2784" s="128"/>
      <c r="BB2784" s="107">
        <v>45884</v>
      </c>
    </row>
    <row r="2785" spans="1:54" s="8" customFormat="1" ht="13.95" customHeight="1" x14ac:dyDescent="0.25">
      <c r="A2785" s="219" t="s">
        <v>6441</v>
      </c>
      <c r="B2785" s="220" t="s">
        <v>6395</v>
      </c>
      <c r="C2785" s="98" t="s">
        <v>6442</v>
      </c>
      <c r="D2785" s="98" t="s">
        <v>20590</v>
      </c>
      <c r="E2785" s="141">
        <v>1972</v>
      </c>
      <c r="F2785" s="141">
        <v>171</v>
      </c>
      <c r="G2785" s="98" t="s">
        <v>1</v>
      </c>
      <c r="H2785" s="98">
        <v>0</v>
      </c>
      <c r="I2785" s="98">
        <v>0</v>
      </c>
      <c r="J2785" s="98" t="s">
        <v>400</v>
      </c>
      <c r="K2785" s="98" t="s">
        <v>400</v>
      </c>
      <c r="L2785" s="98" t="s">
        <v>400</v>
      </c>
      <c r="M2785" s="98" t="s">
        <v>400</v>
      </c>
      <c r="N2785" s="98" t="s">
        <v>400</v>
      </c>
      <c r="O2785" s="98" t="s">
        <v>400</v>
      </c>
      <c r="P2785" s="98" t="s">
        <v>400</v>
      </c>
      <c r="Q2785" s="98" t="s">
        <v>400</v>
      </c>
      <c r="R2785" s="98" t="s">
        <v>400</v>
      </c>
      <c r="S2785" s="98" t="s">
        <v>400</v>
      </c>
      <c r="T2785" s="98" t="s">
        <v>400</v>
      </c>
      <c r="U2785" s="128"/>
      <c r="V2785" s="128"/>
      <c r="W2785" s="128"/>
      <c r="X2785" s="128"/>
      <c r="Y2785" s="128"/>
      <c r="Z2785" s="128"/>
      <c r="AA2785" s="128"/>
      <c r="AB2785" s="128"/>
      <c r="AC2785" s="128"/>
      <c r="AD2785" s="128"/>
      <c r="AE2785" s="128"/>
      <c r="AF2785" s="128"/>
      <c r="AG2785" s="128"/>
      <c r="AH2785" s="128"/>
      <c r="AI2785" s="128"/>
      <c r="AJ2785" s="128"/>
      <c r="AK2785" s="128"/>
      <c r="AL2785" s="128"/>
      <c r="AM2785" s="128"/>
      <c r="AN2785" s="128"/>
      <c r="AO2785" s="128"/>
      <c r="AP2785" s="128"/>
      <c r="AQ2785" s="128"/>
      <c r="AR2785" s="128"/>
      <c r="AS2785" s="128"/>
      <c r="AT2785" s="128"/>
      <c r="AU2785" s="128"/>
      <c r="AV2785" s="128"/>
      <c r="AW2785" s="128"/>
      <c r="AX2785" s="128"/>
      <c r="AY2785" s="128"/>
      <c r="AZ2785" s="128"/>
      <c r="BA2785" s="128"/>
      <c r="BB2785" s="107">
        <v>45884</v>
      </c>
    </row>
    <row r="2786" spans="1:54" s="8" customFormat="1" ht="13.95" customHeight="1" x14ac:dyDescent="0.25">
      <c r="A2786" s="219" t="s">
        <v>6443</v>
      </c>
      <c r="B2786" s="220" t="s">
        <v>6395</v>
      </c>
      <c r="C2786" s="98" t="s">
        <v>6444</v>
      </c>
      <c r="D2786" s="98" t="s">
        <v>21704</v>
      </c>
      <c r="E2786" s="141">
        <v>1979</v>
      </c>
      <c r="F2786" s="141">
        <v>173</v>
      </c>
      <c r="G2786" s="98" t="s">
        <v>1</v>
      </c>
      <c r="H2786" s="98">
        <v>0</v>
      </c>
      <c r="I2786" s="98">
        <v>0</v>
      </c>
      <c r="J2786" s="98" t="s">
        <v>400</v>
      </c>
      <c r="K2786" s="98" t="s">
        <v>400</v>
      </c>
      <c r="L2786" s="98" t="s">
        <v>400</v>
      </c>
      <c r="M2786" s="98" t="s">
        <v>400</v>
      </c>
      <c r="N2786" s="98" t="s">
        <v>400</v>
      </c>
      <c r="O2786" s="98" t="s">
        <v>400</v>
      </c>
      <c r="P2786" s="98" t="s">
        <v>400</v>
      </c>
      <c r="Q2786" s="98" t="s">
        <v>400</v>
      </c>
      <c r="R2786" s="98" t="s">
        <v>400</v>
      </c>
      <c r="S2786" s="98" t="s">
        <v>400</v>
      </c>
      <c r="T2786" s="98" t="s">
        <v>400</v>
      </c>
      <c r="U2786" s="128"/>
      <c r="V2786" s="128"/>
      <c r="W2786" s="128"/>
      <c r="X2786" s="128"/>
      <c r="Y2786" s="128"/>
      <c r="Z2786" s="128"/>
      <c r="AA2786" s="128"/>
      <c r="AB2786" s="128"/>
      <c r="AC2786" s="128"/>
      <c r="AD2786" s="128"/>
      <c r="AE2786" s="128"/>
      <c r="AF2786" s="128"/>
      <c r="AG2786" s="128"/>
      <c r="AH2786" s="128"/>
      <c r="AI2786" s="128"/>
      <c r="AJ2786" s="128"/>
      <c r="AK2786" s="128"/>
      <c r="AL2786" s="128"/>
      <c r="AM2786" s="128"/>
      <c r="AN2786" s="128"/>
      <c r="AO2786" s="128"/>
      <c r="AP2786" s="128"/>
      <c r="AQ2786" s="128"/>
      <c r="AR2786" s="128"/>
      <c r="AS2786" s="128"/>
      <c r="AT2786" s="128"/>
      <c r="AU2786" s="128"/>
      <c r="AV2786" s="128"/>
      <c r="AW2786" s="128"/>
      <c r="AX2786" s="128"/>
      <c r="AY2786" s="128"/>
      <c r="AZ2786" s="128"/>
      <c r="BA2786" s="128"/>
      <c r="BB2786" s="107">
        <v>45884</v>
      </c>
    </row>
    <row r="2787" spans="1:54" s="8" customFormat="1" ht="13.95" customHeight="1" x14ac:dyDescent="0.25">
      <c r="A2787" s="219" t="s">
        <v>6445</v>
      </c>
      <c r="B2787" s="220" t="s">
        <v>6395</v>
      </c>
      <c r="C2787" s="98" t="s">
        <v>6446</v>
      </c>
      <c r="D2787" s="98" t="s">
        <v>21705</v>
      </c>
      <c r="E2787" s="141">
        <v>1970</v>
      </c>
      <c r="F2787" s="141">
        <v>174</v>
      </c>
      <c r="G2787" s="98" t="s">
        <v>1</v>
      </c>
      <c r="H2787" s="98">
        <v>0</v>
      </c>
      <c r="I2787" s="98">
        <v>0</v>
      </c>
      <c r="J2787" s="98" t="s">
        <v>400</v>
      </c>
      <c r="K2787" s="98" t="s">
        <v>400</v>
      </c>
      <c r="L2787" s="98" t="s">
        <v>400</v>
      </c>
      <c r="M2787" s="98" t="s">
        <v>400</v>
      </c>
      <c r="N2787" s="98" t="s">
        <v>400</v>
      </c>
      <c r="O2787" s="98" t="s">
        <v>400</v>
      </c>
      <c r="P2787" s="98" t="s">
        <v>400</v>
      </c>
      <c r="Q2787" s="98" t="s">
        <v>400</v>
      </c>
      <c r="R2787" s="98" t="s">
        <v>400</v>
      </c>
      <c r="S2787" s="98" t="s">
        <v>400</v>
      </c>
      <c r="T2787" s="98" t="s">
        <v>400</v>
      </c>
      <c r="U2787" s="128"/>
      <c r="V2787" s="128"/>
      <c r="W2787" s="128"/>
      <c r="X2787" s="128"/>
      <c r="Y2787" s="128"/>
      <c r="Z2787" s="128"/>
      <c r="AA2787" s="128"/>
      <c r="AB2787" s="128"/>
      <c r="AC2787" s="128"/>
      <c r="AD2787" s="128"/>
      <c r="AE2787" s="128"/>
      <c r="AF2787" s="128"/>
      <c r="AG2787" s="128"/>
      <c r="AH2787" s="128"/>
      <c r="AI2787" s="128"/>
      <c r="AJ2787" s="128"/>
      <c r="AK2787" s="128"/>
      <c r="AL2787" s="128"/>
      <c r="AM2787" s="128"/>
      <c r="AN2787" s="128"/>
      <c r="AO2787" s="128"/>
      <c r="AP2787" s="128"/>
      <c r="AQ2787" s="128"/>
      <c r="AR2787" s="128"/>
      <c r="AS2787" s="128"/>
      <c r="AT2787" s="128"/>
      <c r="AU2787" s="128"/>
      <c r="AV2787" s="128"/>
      <c r="AW2787" s="128"/>
      <c r="AX2787" s="128"/>
      <c r="AY2787" s="128"/>
      <c r="AZ2787" s="128"/>
      <c r="BA2787" s="128"/>
      <c r="BB2787" s="107">
        <v>45884</v>
      </c>
    </row>
    <row r="2788" spans="1:54" s="8" customFormat="1" ht="13.95" customHeight="1" x14ac:dyDescent="0.25">
      <c r="A2788" s="219" t="s">
        <v>6447</v>
      </c>
      <c r="B2788" s="220" t="s">
        <v>6395</v>
      </c>
      <c r="C2788" s="98" t="s">
        <v>22150</v>
      </c>
      <c r="D2788" s="98" t="s">
        <v>21706</v>
      </c>
      <c r="E2788" s="141">
        <v>1976</v>
      </c>
      <c r="F2788" s="141">
        <v>176</v>
      </c>
      <c r="G2788" s="98" t="s">
        <v>1</v>
      </c>
      <c r="H2788" s="98">
        <v>0</v>
      </c>
      <c r="I2788" s="98">
        <v>0</v>
      </c>
      <c r="J2788" s="98" t="s">
        <v>400</v>
      </c>
      <c r="K2788" s="98" t="s">
        <v>400</v>
      </c>
      <c r="L2788" s="98" t="s">
        <v>400</v>
      </c>
      <c r="M2788" s="98" t="s">
        <v>400</v>
      </c>
      <c r="N2788" s="98" t="s">
        <v>400</v>
      </c>
      <c r="O2788" s="98" t="s">
        <v>400</v>
      </c>
      <c r="P2788" s="98" t="s">
        <v>400</v>
      </c>
      <c r="Q2788" s="98" t="s">
        <v>400</v>
      </c>
      <c r="R2788" s="98" t="s">
        <v>400</v>
      </c>
      <c r="S2788" s="98" t="s">
        <v>400</v>
      </c>
      <c r="T2788" s="98" t="s">
        <v>400</v>
      </c>
      <c r="U2788" s="128"/>
      <c r="V2788" s="128"/>
      <c r="W2788" s="128"/>
      <c r="X2788" s="128"/>
      <c r="Y2788" s="128"/>
      <c r="Z2788" s="128"/>
      <c r="AA2788" s="128"/>
      <c r="AB2788" s="128"/>
      <c r="AC2788" s="128"/>
      <c r="AD2788" s="128"/>
      <c r="AE2788" s="128"/>
      <c r="AF2788" s="128"/>
      <c r="AG2788" s="128"/>
      <c r="AH2788" s="128"/>
      <c r="AI2788" s="128"/>
      <c r="AJ2788" s="128"/>
      <c r="AK2788" s="128"/>
      <c r="AL2788" s="128"/>
      <c r="AM2788" s="128"/>
      <c r="AN2788" s="128"/>
      <c r="AO2788" s="128"/>
      <c r="AP2788" s="128"/>
      <c r="AQ2788" s="128"/>
      <c r="AR2788" s="128"/>
      <c r="AS2788" s="128"/>
      <c r="AT2788" s="128"/>
      <c r="AU2788" s="128"/>
      <c r="AV2788" s="128"/>
      <c r="AW2788" s="128"/>
      <c r="AX2788" s="128"/>
      <c r="AY2788" s="128"/>
      <c r="AZ2788" s="128"/>
      <c r="BA2788" s="128"/>
      <c r="BB2788" s="107">
        <v>45884</v>
      </c>
    </row>
    <row r="2789" spans="1:54" s="8" customFormat="1" ht="13.95" customHeight="1" x14ac:dyDescent="0.25">
      <c r="A2789" s="219" t="s">
        <v>6448</v>
      </c>
      <c r="B2789" s="220" t="s">
        <v>6395</v>
      </c>
      <c r="C2789" s="98" t="s">
        <v>6449</v>
      </c>
      <c r="D2789" s="98" t="s">
        <v>21707</v>
      </c>
      <c r="E2789" s="141">
        <v>1980</v>
      </c>
      <c r="F2789" s="141">
        <v>179</v>
      </c>
      <c r="G2789" s="98" t="s">
        <v>1</v>
      </c>
      <c r="H2789" s="98">
        <v>0</v>
      </c>
      <c r="I2789" s="98">
        <v>0</v>
      </c>
      <c r="J2789" s="98" t="s">
        <v>400</v>
      </c>
      <c r="K2789" s="98" t="s">
        <v>400</v>
      </c>
      <c r="L2789" s="98" t="s">
        <v>400</v>
      </c>
      <c r="M2789" s="98" t="s">
        <v>400</v>
      </c>
      <c r="N2789" s="98" t="s">
        <v>400</v>
      </c>
      <c r="O2789" s="98" t="s">
        <v>400</v>
      </c>
      <c r="P2789" s="98" t="s">
        <v>400</v>
      </c>
      <c r="Q2789" s="98" t="s">
        <v>400</v>
      </c>
      <c r="R2789" s="98" t="s">
        <v>400</v>
      </c>
      <c r="S2789" s="98" t="s">
        <v>400</v>
      </c>
      <c r="T2789" s="98" t="s">
        <v>400</v>
      </c>
      <c r="U2789" s="128"/>
      <c r="V2789" s="128"/>
      <c r="W2789" s="128"/>
      <c r="X2789" s="128"/>
      <c r="Y2789" s="128"/>
      <c r="Z2789" s="128"/>
      <c r="AA2789" s="128"/>
      <c r="AB2789" s="128"/>
      <c r="AC2789" s="128"/>
      <c r="AD2789" s="128"/>
      <c r="AE2789" s="128"/>
      <c r="AF2789" s="128"/>
      <c r="AG2789" s="128"/>
      <c r="AH2789" s="128"/>
      <c r="AI2789" s="128"/>
      <c r="AJ2789" s="128"/>
      <c r="AK2789" s="128"/>
      <c r="AL2789" s="128"/>
      <c r="AM2789" s="128"/>
      <c r="AN2789" s="128"/>
      <c r="AO2789" s="128"/>
      <c r="AP2789" s="128"/>
      <c r="AQ2789" s="128"/>
      <c r="AR2789" s="128"/>
      <c r="AS2789" s="128"/>
      <c r="AT2789" s="128"/>
      <c r="AU2789" s="128"/>
      <c r="AV2789" s="128"/>
      <c r="AW2789" s="128"/>
      <c r="AX2789" s="128"/>
      <c r="AY2789" s="128"/>
      <c r="AZ2789" s="128"/>
      <c r="BA2789" s="128"/>
      <c r="BB2789" s="107">
        <v>45884</v>
      </c>
    </row>
    <row r="2790" spans="1:54" s="8" customFormat="1" ht="13.95" customHeight="1" x14ac:dyDescent="0.25">
      <c r="A2790" s="219" t="s">
        <v>6450</v>
      </c>
      <c r="B2790" s="220" t="s">
        <v>6395</v>
      </c>
      <c r="C2790" s="98" t="s">
        <v>6451</v>
      </c>
      <c r="D2790" s="98" t="s">
        <v>20591</v>
      </c>
      <c r="E2790" s="141">
        <v>1972</v>
      </c>
      <c r="F2790" s="141">
        <v>181</v>
      </c>
      <c r="G2790" s="98" t="s">
        <v>1</v>
      </c>
      <c r="H2790" s="98">
        <v>0</v>
      </c>
      <c r="I2790" s="98">
        <v>0</v>
      </c>
      <c r="J2790" s="98" t="s">
        <v>400</v>
      </c>
      <c r="K2790" s="98" t="s">
        <v>400</v>
      </c>
      <c r="L2790" s="98" t="s">
        <v>400</v>
      </c>
      <c r="M2790" s="98" t="s">
        <v>400</v>
      </c>
      <c r="N2790" s="98" t="s">
        <v>400</v>
      </c>
      <c r="O2790" s="98" t="s">
        <v>400</v>
      </c>
      <c r="P2790" s="98" t="s">
        <v>400</v>
      </c>
      <c r="Q2790" s="98" t="s">
        <v>400</v>
      </c>
      <c r="R2790" s="98" t="s">
        <v>400</v>
      </c>
      <c r="S2790" s="98" t="s">
        <v>400</v>
      </c>
      <c r="T2790" s="98" t="s">
        <v>400</v>
      </c>
      <c r="U2790" s="128"/>
      <c r="V2790" s="128"/>
      <c r="W2790" s="128"/>
      <c r="X2790" s="128"/>
      <c r="Y2790" s="128"/>
      <c r="Z2790" s="128"/>
      <c r="AA2790" s="128"/>
      <c r="AB2790" s="128"/>
      <c r="AC2790" s="128"/>
      <c r="AD2790" s="128"/>
      <c r="AE2790" s="128"/>
      <c r="AF2790" s="128"/>
      <c r="AG2790" s="128"/>
      <c r="AH2790" s="128"/>
      <c r="AI2790" s="128"/>
      <c r="AJ2790" s="128"/>
      <c r="AK2790" s="128"/>
      <c r="AL2790" s="128"/>
      <c r="AM2790" s="128"/>
      <c r="AN2790" s="128"/>
      <c r="AO2790" s="128"/>
      <c r="AP2790" s="128"/>
      <c r="AQ2790" s="128"/>
      <c r="AR2790" s="128"/>
      <c r="AS2790" s="128"/>
      <c r="AT2790" s="128"/>
      <c r="AU2790" s="128"/>
      <c r="AV2790" s="128"/>
      <c r="AW2790" s="128"/>
      <c r="AX2790" s="128"/>
      <c r="AY2790" s="128"/>
      <c r="AZ2790" s="128"/>
      <c r="BA2790" s="128"/>
      <c r="BB2790" s="107">
        <v>45884</v>
      </c>
    </row>
    <row r="2791" spans="1:54" s="8" customFormat="1" ht="13.95" customHeight="1" x14ac:dyDescent="0.25">
      <c r="A2791" s="219" t="s">
        <v>6452</v>
      </c>
      <c r="B2791" s="220" t="s">
        <v>6395</v>
      </c>
      <c r="C2791" s="98" t="s">
        <v>6453</v>
      </c>
      <c r="D2791" s="98" t="s">
        <v>21708</v>
      </c>
      <c r="E2791" s="141">
        <v>1979</v>
      </c>
      <c r="F2791" s="141">
        <v>189</v>
      </c>
      <c r="G2791" s="98" t="s">
        <v>1</v>
      </c>
      <c r="H2791" s="98">
        <v>0</v>
      </c>
      <c r="I2791" s="98">
        <v>0</v>
      </c>
      <c r="J2791" s="98" t="s">
        <v>400</v>
      </c>
      <c r="K2791" s="98" t="s">
        <v>400</v>
      </c>
      <c r="L2791" s="98" t="s">
        <v>400</v>
      </c>
      <c r="M2791" s="98" t="s">
        <v>400</v>
      </c>
      <c r="N2791" s="98" t="s">
        <v>400</v>
      </c>
      <c r="O2791" s="98" t="s">
        <v>400</v>
      </c>
      <c r="P2791" s="98" t="s">
        <v>400</v>
      </c>
      <c r="Q2791" s="98" t="s">
        <v>400</v>
      </c>
      <c r="R2791" s="98" t="s">
        <v>400</v>
      </c>
      <c r="S2791" s="98" t="s">
        <v>400</v>
      </c>
      <c r="T2791" s="98" t="s">
        <v>400</v>
      </c>
      <c r="U2791" s="128"/>
      <c r="V2791" s="128"/>
      <c r="W2791" s="128"/>
      <c r="X2791" s="128"/>
      <c r="Y2791" s="128"/>
      <c r="Z2791" s="128"/>
      <c r="AA2791" s="128"/>
      <c r="AB2791" s="128"/>
      <c r="AC2791" s="128"/>
      <c r="AD2791" s="128"/>
      <c r="AE2791" s="128"/>
      <c r="AF2791" s="128"/>
      <c r="AG2791" s="128"/>
      <c r="AH2791" s="128"/>
      <c r="AI2791" s="128"/>
      <c r="AJ2791" s="128"/>
      <c r="AK2791" s="128"/>
      <c r="AL2791" s="128"/>
      <c r="AM2791" s="128"/>
      <c r="AN2791" s="128"/>
      <c r="AO2791" s="128"/>
      <c r="AP2791" s="128"/>
      <c r="AQ2791" s="128"/>
      <c r="AR2791" s="128"/>
      <c r="AS2791" s="128"/>
      <c r="AT2791" s="128"/>
      <c r="AU2791" s="128"/>
      <c r="AV2791" s="128"/>
      <c r="AW2791" s="128"/>
      <c r="AX2791" s="128"/>
      <c r="AY2791" s="128"/>
      <c r="AZ2791" s="128"/>
      <c r="BA2791" s="128"/>
      <c r="BB2791" s="107">
        <v>45884</v>
      </c>
    </row>
    <row r="2792" spans="1:54" s="8" customFormat="1" ht="13.95" customHeight="1" x14ac:dyDescent="0.25">
      <c r="A2792" s="219" t="s">
        <v>6454</v>
      </c>
      <c r="B2792" s="220" t="s">
        <v>6395</v>
      </c>
      <c r="C2792" s="98" t="s">
        <v>6455</v>
      </c>
      <c r="D2792" s="98" t="s">
        <v>21709</v>
      </c>
      <c r="E2792" s="141">
        <v>1971</v>
      </c>
      <c r="F2792" s="141">
        <v>194</v>
      </c>
      <c r="G2792" s="98" t="s">
        <v>1</v>
      </c>
      <c r="H2792" s="98">
        <v>0</v>
      </c>
      <c r="I2792" s="98">
        <v>0</v>
      </c>
      <c r="J2792" s="98" t="s">
        <v>400</v>
      </c>
      <c r="K2792" s="98" t="s">
        <v>400</v>
      </c>
      <c r="L2792" s="98" t="s">
        <v>400</v>
      </c>
      <c r="M2792" s="98" t="s">
        <v>400</v>
      </c>
      <c r="N2792" s="98" t="s">
        <v>400</v>
      </c>
      <c r="O2792" s="98" t="s">
        <v>400</v>
      </c>
      <c r="P2792" s="98" t="s">
        <v>400</v>
      </c>
      <c r="Q2792" s="98" t="s">
        <v>400</v>
      </c>
      <c r="R2792" s="98" t="s">
        <v>400</v>
      </c>
      <c r="S2792" s="98" t="s">
        <v>400</v>
      </c>
      <c r="T2792" s="98" t="s">
        <v>400</v>
      </c>
      <c r="U2792" s="128"/>
      <c r="V2792" s="128"/>
      <c r="W2792" s="128"/>
      <c r="X2792" s="128"/>
      <c r="Y2792" s="128"/>
      <c r="Z2792" s="128"/>
      <c r="AA2792" s="128"/>
      <c r="AB2792" s="128"/>
      <c r="AC2792" s="128"/>
      <c r="AD2792" s="128"/>
      <c r="AE2792" s="128"/>
      <c r="AF2792" s="128"/>
      <c r="AG2792" s="128"/>
      <c r="AH2792" s="128"/>
      <c r="AI2792" s="128"/>
      <c r="AJ2792" s="128"/>
      <c r="AK2792" s="128"/>
      <c r="AL2792" s="128"/>
      <c r="AM2792" s="128"/>
      <c r="AN2792" s="128"/>
      <c r="AO2792" s="128"/>
      <c r="AP2792" s="128"/>
      <c r="AQ2792" s="128"/>
      <c r="AR2792" s="128"/>
      <c r="AS2792" s="128"/>
      <c r="AT2792" s="128"/>
      <c r="AU2792" s="128"/>
      <c r="AV2792" s="128"/>
      <c r="AW2792" s="128"/>
      <c r="AX2792" s="128"/>
      <c r="AY2792" s="128"/>
      <c r="AZ2792" s="128"/>
      <c r="BA2792" s="128"/>
      <c r="BB2792" s="107">
        <v>45884</v>
      </c>
    </row>
    <row r="2793" spans="1:54" s="8" customFormat="1" ht="13.95" customHeight="1" x14ac:dyDescent="0.25">
      <c r="A2793" s="219" t="s">
        <v>6456</v>
      </c>
      <c r="B2793" s="220" t="s">
        <v>6395</v>
      </c>
      <c r="C2793" s="98" t="s">
        <v>6457</v>
      </c>
      <c r="D2793" s="98" t="s">
        <v>21710</v>
      </c>
      <c r="E2793" s="141">
        <v>1979</v>
      </c>
      <c r="F2793" s="141">
        <v>199</v>
      </c>
      <c r="G2793" s="98" t="s">
        <v>1</v>
      </c>
      <c r="H2793" s="98">
        <v>0</v>
      </c>
      <c r="I2793" s="98">
        <v>0</v>
      </c>
      <c r="J2793" s="98" t="s">
        <v>400</v>
      </c>
      <c r="K2793" s="98" t="s">
        <v>400</v>
      </c>
      <c r="L2793" s="98" t="s">
        <v>400</v>
      </c>
      <c r="M2793" s="98" t="s">
        <v>400</v>
      </c>
      <c r="N2793" s="98" t="s">
        <v>400</v>
      </c>
      <c r="O2793" s="98" t="s">
        <v>400</v>
      </c>
      <c r="P2793" s="98" t="s">
        <v>400</v>
      </c>
      <c r="Q2793" s="98" t="s">
        <v>400</v>
      </c>
      <c r="R2793" s="98" t="s">
        <v>400</v>
      </c>
      <c r="S2793" s="98" t="s">
        <v>400</v>
      </c>
      <c r="T2793" s="98" t="s">
        <v>400</v>
      </c>
      <c r="U2793" s="128"/>
      <c r="V2793" s="128"/>
      <c r="W2793" s="128"/>
      <c r="X2793" s="128"/>
      <c r="Y2793" s="128"/>
      <c r="Z2793" s="128"/>
      <c r="AA2793" s="128"/>
      <c r="AB2793" s="128"/>
      <c r="AC2793" s="128"/>
      <c r="AD2793" s="128"/>
      <c r="AE2793" s="128"/>
      <c r="AF2793" s="128"/>
      <c r="AG2793" s="128"/>
      <c r="AH2793" s="128"/>
      <c r="AI2793" s="128"/>
      <c r="AJ2793" s="128"/>
      <c r="AK2793" s="128"/>
      <c r="AL2793" s="128"/>
      <c r="AM2793" s="128"/>
      <c r="AN2793" s="128"/>
      <c r="AO2793" s="128"/>
      <c r="AP2793" s="128"/>
      <c r="AQ2793" s="128"/>
      <c r="AR2793" s="128"/>
      <c r="AS2793" s="128"/>
      <c r="AT2793" s="128"/>
      <c r="AU2793" s="128"/>
      <c r="AV2793" s="128"/>
      <c r="AW2793" s="128"/>
      <c r="AX2793" s="128"/>
      <c r="AY2793" s="128"/>
      <c r="AZ2793" s="128"/>
      <c r="BA2793" s="128"/>
      <c r="BB2793" s="107">
        <v>45884</v>
      </c>
    </row>
    <row r="2794" spans="1:54" s="8" customFormat="1" ht="13.95" customHeight="1" x14ac:dyDescent="0.25">
      <c r="A2794" s="219" t="s">
        <v>6458</v>
      </c>
      <c r="B2794" s="220" t="s">
        <v>6395</v>
      </c>
      <c r="C2794" s="98" t="s">
        <v>6459</v>
      </c>
      <c r="D2794" s="98" t="s">
        <v>20592</v>
      </c>
      <c r="E2794" s="141">
        <v>2000</v>
      </c>
      <c r="F2794" s="141">
        <v>200</v>
      </c>
      <c r="G2794" s="98" t="s">
        <v>1</v>
      </c>
      <c r="H2794" s="98">
        <v>0</v>
      </c>
      <c r="I2794" s="98">
        <v>0</v>
      </c>
      <c r="J2794" s="98" t="s">
        <v>400</v>
      </c>
      <c r="K2794" s="98" t="s">
        <v>400</v>
      </c>
      <c r="L2794" s="98" t="s">
        <v>400</v>
      </c>
      <c r="M2794" s="98" t="s">
        <v>400</v>
      </c>
      <c r="N2794" s="98" t="s">
        <v>400</v>
      </c>
      <c r="O2794" s="98" t="s">
        <v>400</v>
      </c>
      <c r="P2794" s="98" t="s">
        <v>400</v>
      </c>
      <c r="Q2794" s="98" t="s">
        <v>400</v>
      </c>
      <c r="R2794" s="98" t="s">
        <v>400</v>
      </c>
      <c r="S2794" s="98" t="s">
        <v>400</v>
      </c>
      <c r="T2794" s="98" t="s">
        <v>400</v>
      </c>
      <c r="U2794" s="128"/>
      <c r="V2794" s="128"/>
      <c r="W2794" s="128"/>
      <c r="X2794" s="128"/>
      <c r="Y2794" s="128"/>
      <c r="Z2794" s="128"/>
      <c r="AA2794" s="128"/>
      <c r="AB2794" s="128"/>
      <c r="AC2794" s="128"/>
      <c r="AD2794" s="128"/>
      <c r="AE2794" s="128"/>
      <c r="AF2794" s="128"/>
      <c r="AG2794" s="128"/>
      <c r="AH2794" s="128"/>
      <c r="AI2794" s="128"/>
      <c r="AJ2794" s="128"/>
      <c r="AK2794" s="128"/>
      <c r="AL2794" s="128"/>
      <c r="AM2794" s="128"/>
      <c r="AN2794" s="128"/>
      <c r="AO2794" s="128"/>
      <c r="AP2794" s="128"/>
      <c r="AQ2794" s="128"/>
      <c r="AR2794" s="128"/>
      <c r="AS2794" s="128"/>
      <c r="AT2794" s="128"/>
      <c r="AU2794" s="128"/>
      <c r="AV2794" s="128"/>
      <c r="AW2794" s="128"/>
      <c r="AX2794" s="128"/>
      <c r="AY2794" s="128"/>
      <c r="AZ2794" s="128"/>
      <c r="BA2794" s="128"/>
      <c r="BB2794" s="107">
        <v>45884</v>
      </c>
    </row>
    <row r="2795" spans="1:54" s="8" customFormat="1" ht="13.95" customHeight="1" x14ac:dyDescent="0.25">
      <c r="A2795" s="219" t="s">
        <v>6460</v>
      </c>
      <c r="B2795" s="220" t="s">
        <v>6395</v>
      </c>
      <c r="C2795" s="98" t="s">
        <v>6461</v>
      </c>
      <c r="D2795" s="98" t="s">
        <v>21711</v>
      </c>
      <c r="E2795" s="141">
        <v>2002</v>
      </c>
      <c r="F2795" s="141">
        <v>200</v>
      </c>
      <c r="G2795" s="98" t="s">
        <v>1</v>
      </c>
      <c r="H2795" s="98">
        <v>0</v>
      </c>
      <c r="I2795" s="98">
        <v>0</v>
      </c>
      <c r="J2795" s="98" t="s">
        <v>400</v>
      </c>
      <c r="K2795" s="98" t="s">
        <v>400</v>
      </c>
      <c r="L2795" s="98" t="s">
        <v>400</v>
      </c>
      <c r="M2795" s="98" t="s">
        <v>400</v>
      </c>
      <c r="N2795" s="98" t="s">
        <v>400</v>
      </c>
      <c r="O2795" s="98" t="s">
        <v>400</v>
      </c>
      <c r="P2795" s="98" t="s">
        <v>400</v>
      </c>
      <c r="Q2795" s="98" t="s">
        <v>400</v>
      </c>
      <c r="R2795" s="98" t="s">
        <v>400</v>
      </c>
      <c r="S2795" s="98" t="s">
        <v>400</v>
      </c>
      <c r="T2795" s="98" t="s">
        <v>400</v>
      </c>
      <c r="U2795" s="128"/>
      <c r="V2795" s="128"/>
      <c r="W2795" s="128"/>
      <c r="X2795" s="128"/>
      <c r="Y2795" s="128"/>
      <c r="Z2795" s="128"/>
      <c r="AA2795" s="128"/>
      <c r="AB2795" s="128"/>
      <c r="AC2795" s="128"/>
      <c r="AD2795" s="128"/>
      <c r="AE2795" s="128"/>
      <c r="AF2795" s="128"/>
      <c r="AG2795" s="128"/>
      <c r="AH2795" s="128"/>
      <c r="AI2795" s="128"/>
      <c r="AJ2795" s="128"/>
      <c r="AK2795" s="128"/>
      <c r="AL2795" s="128"/>
      <c r="AM2795" s="128"/>
      <c r="AN2795" s="128"/>
      <c r="AO2795" s="128"/>
      <c r="AP2795" s="128"/>
      <c r="AQ2795" s="128"/>
      <c r="AR2795" s="128"/>
      <c r="AS2795" s="128"/>
      <c r="AT2795" s="128"/>
      <c r="AU2795" s="128"/>
      <c r="AV2795" s="128"/>
      <c r="AW2795" s="128"/>
      <c r="AX2795" s="128"/>
      <c r="AY2795" s="128"/>
      <c r="AZ2795" s="128"/>
      <c r="BA2795" s="128"/>
      <c r="BB2795" s="107">
        <v>45884</v>
      </c>
    </row>
    <row r="2796" spans="1:54" s="8" customFormat="1" ht="13.95" customHeight="1" x14ac:dyDescent="0.25">
      <c r="A2796" s="219" t="s">
        <v>6462</v>
      </c>
      <c r="B2796" s="220" t="s">
        <v>6395</v>
      </c>
      <c r="C2796" s="98" t="s">
        <v>6463</v>
      </c>
      <c r="D2796" s="98" t="s">
        <v>20593</v>
      </c>
      <c r="E2796" s="141">
        <v>1984</v>
      </c>
      <c r="F2796" s="141">
        <v>200</v>
      </c>
      <c r="G2796" s="98" t="s">
        <v>1</v>
      </c>
      <c r="H2796" s="98">
        <v>0</v>
      </c>
      <c r="I2796" s="98">
        <v>0</v>
      </c>
      <c r="J2796" s="98" t="s">
        <v>400</v>
      </c>
      <c r="K2796" s="98" t="s">
        <v>400</v>
      </c>
      <c r="L2796" s="98" t="s">
        <v>400</v>
      </c>
      <c r="M2796" s="98" t="s">
        <v>400</v>
      </c>
      <c r="N2796" s="98" t="s">
        <v>400</v>
      </c>
      <c r="O2796" s="98" t="s">
        <v>400</v>
      </c>
      <c r="P2796" s="98" t="s">
        <v>400</v>
      </c>
      <c r="Q2796" s="98" t="s">
        <v>400</v>
      </c>
      <c r="R2796" s="98" t="s">
        <v>400</v>
      </c>
      <c r="S2796" s="98" t="s">
        <v>400</v>
      </c>
      <c r="T2796" s="98" t="s">
        <v>400</v>
      </c>
      <c r="U2796" s="128"/>
      <c r="V2796" s="128"/>
      <c r="W2796" s="128"/>
      <c r="X2796" s="128"/>
      <c r="Y2796" s="128"/>
      <c r="Z2796" s="128"/>
      <c r="AA2796" s="128"/>
      <c r="AB2796" s="128"/>
      <c r="AC2796" s="128"/>
      <c r="AD2796" s="128"/>
      <c r="AE2796" s="128"/>
      <c r="AF2796" s="128"/>
      <c r="AG2796" s="128"/>
      <c r="AH2796" s="128"/>
      <c r="AI2796" s="128"/>
      <c r="AJ2796" s="128"/>
      <c r="AK2796" s="128"/>
      <c r="AL2796" s="128"/>
      <c r="AM2796" s="128"/>
      <c r="AN2796" s="128"/>
      <c r="AO2796" s="128"/>
      <c r="AP2796" s="128"/>
      <c r="AQ2796" s="128"/>
      <c r="AR2796" s="128"/>
      <c r="AS2796" s="128"/>
      <c r="AT2796" s="128"/>
      <c r="AU2796" s="128"/>
      <c r="AV2796" s="128"/>
      <c r="AW2796" s="128"/>
      <c r="AX2796" s="128"/>
      <c r="AY2796" s="128"/>
      <c r="AZ2796" s="128"/>
      <c r="BA2796" s="128"/>
      <c r="BB2796" s="107">
        <v>45884</v>
      </c>
    </row>
    <row r="2797" spans="1:54" s="8" customFormat="1" ht="13.95" customHeight="1" x14ac:dyDescent="0.25">
      <c r="A2797" s="219" t="s">
        <v>6464</v>
      </c>
      <c r="B2797" s="220" t="s">
        <v>6395</v>
      </c>
      <c r="C2797" s="98" t="s">
        <v>6465</v>
      </c>
      <c r="D2797" s="98" t="s">
        <v>6466</v>
      </c>
      <c r="E2797" s="141">
        <v>2002</v>
      </c>
      <c r="F2797" s="141">
        <v>200</v>
      </c>
      <c r="G2797" s="98" t="s">
        <v>1</v>
      </c>
      <c r="H2797" s="98">
        <v>0</v>
      </c>
      <c r="I2797" s="98">
        <v>0</v>
      </c>
      <c r="J2797" s="98" t="s">
        <v>400</v>
      </c>
      <c r="K2797" s="98" t="s">
        <v>400</v>
      </c>
      <c r="L2797" s="98" t="s">
        <v>400</v>
      </c>
      <c r="M2797" s="98" t="s">
        <v>400</v>
      </c>
      <c r="N2797" s="98" t="s">
        <v>400</v>
      </c>
      <c r="O2797" s="98" t="s">
        <v>400</v>
      </c>
      <c r="P2797" s="98" t="s">
        <v>400</v>
      </c>
      <c r="Q2797" s="98" t="s">
        <v>400</v>
      </c>
      <c r="R2797" s="98" t="s">
        <v>400</v>
      </c>
      <c r="S2797" s="98" t="s">
        <v>400</v>
      </c>
      <c r="T2797" s="98" t="s">
        <v>400</v>
      </c>
      <c r="U2797" s="128"/>
      <c r="V2797" s="128"/>
      <c r="W2797" s="128"/>
      <c r="X2797" s="128"/>
      <c r="Y2797" s="128"/>
      <c r="Z2797" s="128"/>
      <c r="AA2797" s="128"/>
      <c r="AB2797" s="128"/>
      <c r="AC2797" s="128"/>
      <c r="AD2797" s="128"/>
      <c r="AE2797" s="128"/>
      <c r="AF2797" s="128"/>
      <c r="AG2797" s="128"/>
      <c r="AH2797" s="128"/>
      <c r="AI2797" s="128"/>
      <c r="AJ2797" s="128"/>
      <c r="AK2797" s="128"/>
      <c r="AL2797" s="128"/>
      <c r="AM2797" s="128"/>
      <c r="AN2797" s="128"/>
      <c r="AO2797" s="128"/>
      <c r="AP2797" s="128"/>
      <c r="AQ2797" s="128"/>
      <c r="AR2797" s="128"/>
      <c r="AS2797" s="128"/>
      <c r="AT2797" s="128"/>
      <c r="AU2797" s="128"/>
      <c r="AV2797" s="128"/>
      <c r="AW2797" s="128"/>
      <c r="AX2797" s="128"/>
      <c r="AY2797" s="128"/>
      <c r="AZ2797" s="128"/>
      <c r="BA2797" s="128"/>
      <c r="BB2797" s="107">
        <v>45884</v>
      </c>
    </row>
    <row r="2798" spans="1:54" s="8" customFormat="1" ht="13.95" customHeight="1" x14ac:dyDescent="0.25">
      <c r="A2798" s="219" t="s">
        <v>6467</v>
      </c>
      <c r="B2798" s="220" t="s">
        <v>6395</v>
      </c>
      <c r="C2798" s="98" t="s">
        <v>6468</v>
      </c>
      <c r="D2798" s="98" t="s">
        <v>21712</v>
      </c>
      <c r="E2798" s="141">
        <v>1999</v>
      </c>
      <c r="F2798" s="141">
        <v>200</v>
      </c>
      <c r="G2798" s="98" t="s">
        <v>1</v>
      </c>
      <c r="H2798" s="98">
        <v>0</v>
      </c>
      <c r="I2798" s="98">
        <v>0</v>
      </c>
      <c r="J2798" s="98" t="s">
        <v>400</v>
      </c>
      <c r="K2798" s="98" t="s">
        <v>400</v>
      </c>
      <c r="L2798" s="98" t="s">
        <v>400</v>
      </c>
      <c r="M2798" s="98" t="s">
        <v>400</v>
      </c>
      <c r="N2798" s="98" t="s">
        <v>400</v>
      </c>
      <c r="O2798" s="98" t="s">
        <v>400</v>
      </c>
      <c r="P2798" s="98" t="s">
        <v>400</v>
      </c>
      <c r="Q2798" s="98" t="s">
        <v>400</v>
      </c>
      <c r="R2798" s="98" t="s">
        <v>400</v>
      </c>
      <c r="S2798" s="98" t="s">
        <v>400</v>
      </c>
      <c r="T2798" s="98" t="s">
        <v>400</v>
      </c>
      <c r="U2798" s="128"/>
      <c r="V2798" s="128"/>
      <c r="W2798" s="128"/>
      <c r="X2798" s="128"/>
      <c r="Y2798" s="128"/>
      <c r="Z2798" s="128"/>
      <c r="AA2798" s="128"/>
      <c r="AB2798" s="128"/>
      <c r="AC2798" s="128"/>
      <c r="AD2798" s="128"/>
      <c r="AE2798" s="128"/>
      <c r="AF2798" s="128"/>
      <c r="AG2798" s="128"/>
      <c r="AH2798" s="128"/>
      <c r="AI2798" s="128"/>
      <c r="AJ2798" s="128"/>
      <c r="AK2798" s="128"/>
      <c r="AL2798" s="128"/>
      <c r="AM2798" s="128"/>
      <c r="AN2798" s="128"/>
      <c r="AO2798" s="128"/>
      <c r="AP2798" s="128"/>
      <c r="AQ2798" s="128"/>
      <c r="AR2798" s="128"/>
      <c r="AS2798" s="128"/>
      <c r="AT2798" s="128"/>
      <c r="AU2798" s="128"/>
      <c r="AV2798" s="128"/>
      <c r="AW2798" s="128"/>
      <c r="AX2798" s="128"/>
      <c r="AY2798" s="128"/>
      <c r="AZ2798" s="128"/>
      <c r="BA2798" s="128"/>
      <c r="BB2798" s="107">
        <v>45884</v>
      </c>
    </row>
    <row r="2799" spans="1:54" s="8" customFormat="1" ht="13.95" customHeight="1" x14ac:dyDescent="0.25">
      <c r="A2799" s="219" t="s">
        <v>6469</v>
      </c>
      <c r="B2799" s="220" t="s">
        <v>6395</v>
      </c>
      <c r="C2799" s="98" t="s">
        <v>6470</v>
      </c>
      <c r="D2799" s="98" t="s">
        <v>21713</v>
      </c>
      <c r="E2799" s="141">
        <v>1987</v>
      </c>
      <c r="F2799" s="141">
        <v>200</v>
      </c>
      <c r="G2799" s="98" t="s">
        <v>1</v>
      </c>
      <c r="H2799" s="98">
        <v>0</v>
      </c>
      <c r="I2799" s="98">
        <v>0</v>
      </c>
      <c r="J2799" s="98" t="s">
        <v>400</v>
      </c>
      <c r="K2799" s="98" t="s">
        <v>400</v>
      </c>
      <c r="L2799" s="98" t="s">
        <v>400</v>
      </c>
      <c r="M2799" s="98" t="s">
        <v>400</v>
      </c>
      <c r="N2799" s="98" t="s">
        <v>400</v>
      </c>
      <c r="O2799" s="98" t="s">
        <v>400</v>
      </c>
      <c r="P2799" s="98" t="s">
        <v>400</v>
      </c>
      <c r="Q2799" s="98" t="s">
        <v>400</v>
      </c>
      <c r="R2799" s="98" t="s">
        <v>400</v>
      </c>
      <c r="S2799" s="98" t="s">
        <v>400</v>
      </c>
      <c r="T2799" s="98" t="s">
        <v>400</v>
      </c>
      <c r="U2799" s="128"/>
      <c r="V2799" s="128"/>
      <c r="W2799" s="128"/>
      <c r="X2799" s="128"/>
      <c r="Y2799" s="128"/>
      <c r="Z2799" s="128"/>
      <c r="AA2799" s="128"/>
      <c r="AB2799" s="128"/>
      <c r="AC2799" s="128"/>
      <c r="AD2799" s="128"/>
      <c r="AE2799" s="128"/>
      <c r="AF2799" s="128"/>
      <c r="AG2799" s="128"/>
      <c r="AH2799" s="128"/>
      <c r="AI2799" s="128"/>
      <c r="AJ2799" s="128"/>
      <c r="AK2799" s="128"/>
      <c r="AL2799" s="128"/>
      <c r="AM2799" s="128"/>
      <c r="AN2799" s="128"/>
      <c r="AO2799" s="128"/>
      <c r="AP2799" s="128"/>
      <c r="AQ2799" s="128"/>
      <c r="AR2799" s="128"/>
      <c r="AS2799" s="128"/>
      <c r="AT2799" s="128"/>
      <c r="AU2799" s="128"/>
      <c r="AV2799" s="128"/>
      <c r="AW2799" s="128"/>
      <c r="AX2799" s="128"/>
      <c r="AY2799" s="128"/>
      <c r="AZ2799" s="128"/>
      <c r="BA2799" s="128"/>
      <c r="BB2799" s="107">
        <v>45884</v>
      </c>
    </row>
    <row r="2800" spans="1:54" s="8" customFormat="1" ht="13.95" customHeight="1" x14ac:dyDescent="0.25">
      <c r="A2800" s="219" t="s">
        <v>6471</v>
      </c>
      <c r="B2800" s="220" t="s">
        <v>6395</v>
      </c>
      <c r="C2800" s="98" t="s">
        <v>6472</v>
      </c>
      <c r="D2800" s="98" t="s">
        <v>21714</v>
      </c>
      <c r="E2800" s="141">
        <v>1998</v>
      </c>
      <c r="F2800" s="141">
        <v>200</v>
      </c>
      <c r="G2800" s="98" t="s">
        <v>1</v>
      </c>
      <c r="H2800" s="98">
        <v>0</v>
      </c>
      <c r="I2800" s="98">
        <v>0</v>
      </c>
      <c r="J2800" s="98" t="s">
        <v>400</v>
      </c>
      <c r="K2800" s="98" t="s">
        <v>400</v>
      </c>
      <c r="L2800" s="98" t="s">
        <v>400</v>
      </c>
      <c r="M2800" s="98" t="s">
        <v>400</v>
      </c>
      <c r="N2800" s="98" t="s">
        <v>400</v>
      </c>
      <c r="O2800" s="98" t="s">
        <v>400</v>
      </c>
      <c r="P2800" s="98" t="s">
        <v>400</v>
      </c>
      <c r="Q2800" s="98" t="s">
        <v>400</v>
      </c>
      <c r="R2800" s="98" t="s">
        <v>400</v>
      </c>
      <c r="S2800" s="98" t="s">
        <v>400</v>
      </c>
      <c r="T2800" s="98" t="s">
        <v>400</v>
      </c>
      <c r="U2800" s="128"/>
      <c r="V2800" s="128"/>
      <c r="W2800" s="128"/>
      <c r="X2800" s="128"/>
      <c r="Y2800" s="128"/>
      <c r="Z2800" s="128"/>
      <c r="AA2800" s="128"/>
      <c r="AB2800" s="128"/>
      <c r="AC2800" s="128"/>
      <c r="AD2800" s="128"/>
      <c r="AE2800" s="128"/>
      <c r="AF2800" s="128"/>
      <c r="AG2800" s="128"/>
      <c r="AH2800" s="128"/>
      <c r="AI2800" s="128"/>
      <c r="AJ2800" s="128"/>
      <c r="AK2800" s="128"/>
      <c r="AL2800" s="128"/>
      <c r="AM2800" s="128"/>
      <c r="AN2800" s="128"/>
      <c r="AO2800" s="128"/>
      <c r="AP2800" s="128"/>
      <c r="AQ2800" s="128"/>
      <c r="AR2800" s="128"/>
      <c r="AS2800" s="128"/>
      <c r="AT2800" s="128"/>
      <c r="AU2800" s="128"/>
      <c r="AV2800" s="128"/>
      <c r="AW2800" s="128"/>
      <c r="AX2800" s="128"/>
      <c r="AY2800" s="128"/>
      <c r="AZ2800" s="128"/>
      <c r="BA2800" s="128"/>
      <c r="BB2800" s="107">
        <v>45884</v>
      </c>
    </row>
    <row r="2801" spans="1:54" s="8" customFormat="1" ht="13.95" customHeight="1" x14ac:dyDescent="0.25">
      <c r="A2801" s="219" t="s">
        <v>6473</v>
      </c>
      <c r="B2801" s="220" t="s">
        <v>6395</v>
      </c>
      <c r="C2801" s="98" t="s">
        <v>6474</v>
      </c>
      <c r="D2801" s="98" t="s">
        <v>21715</v>
      </c>
      <c r="E2801" s="141">
        <v>2000</v>
      </c>
      <c r="F2801" s="141">
        <v>200</v>
      </c>
      <c r="G2801" s="98" t="s">
        <v>1</v>
      </c>
      <c r="H2801" s="98">
        <v>0</v>
      </c>
      <c r="I2801" s="98">
        <v>0</v>
      </c>
      <c r="J2801" s="98" t="s">
        <v>400</v>
      </c>
      <c r="K2801" s="98" t="s">
        <v>400</v>
      </c>
      <c r="L2801" s="98" t="s">
        <v>400</v>
      </c>
      <c r="M2801" s="98" t="s">
        <v>400</v>
      </c>
      <c r="N2801" s="98" t="s">
        <v>400</v>
      </c>
      <c r="O2801" s="98" t="s">
        <v>400</v>
      </c>
      <c r="P2801" s="98" t="s">
        <v>400</v>
      </c>
      <c r="Q2801" s="98" t="s">
        <v>400</v>
      </c>
      <c r="R2801" s="98" t="s">
        <v>400</v>
      </c>
      <c r="S2801" s="98" t="s">
        <v>400</v>
      </c>
      <c r="T2801" s="98" t="s">
        <v>400</v>
      </c>
      <c r="U2801" s="128"/>
      <c r="V2801" s="128"/>
      <c r="W2801" s="128"/>
      <c r="X2801" s="128"/>
      <c r="Y2801" s="128"/>
      <c r="Z2801" s="128"/>
      <c r="AA2801" s="128"/>
      <c r="AB2801" s="128"/>
      <c r="AC2801" s="128"/>
      <c r="AD2801" s="128"/>
      <c r="AE2801" s="128"/>
      <c r="AF2801" s="128"/>
      <c r="AG2801" s="128"/>
      <c r="AH2801" s="128"/>
      <c r="AI2801" s="128"/>
      <c r="AJ2801" s="128"/>
      <c r="AK2801" s="128"/>
      <c r="AL2801" s="128"/>
      <c r="AM2801" s="128"/>
      <c r="AN2801" s="128"/>
      <c r="AO2801" s="128"/>
      <c r="AP2801" s="128"/>
      <c r="AQ2801" s="128"/>
      <c r="AR2801" s="128"/>
      <c r="AS2801" s="128"/>
      <c r="AT2801" s="128"/>
      <c r="AU2801" s="128"/>
      <c r="AV2801" s="128"/>
      <c r="AW2801" s="128"/>
      <c r="AX2801" s="128"/>
      <c r="AY2801" s="128"/>
      <c r="AZ2801" s="128"/>
      <c r="BA2801" s="128"/>
      <c r="BB2801" s="107">
        <v>45884</v>
      </c>
    </row>
    <row r="2802" spans="1:54" s="8" customFormat="1" ht="13.95" customHeight="1" x14ac:dyDescent="0.25">
      <c r="A2802" s="219" t="s">
        <v>6475</v>
      </c>
      <c r="B2802" s="220" t="s">
        <v>6395</v>
      </c>
      <c r="C2802" s="98" t="s">
        <v>6476</v>
      </c>
      <c r="D2802" s="98" t="s">
        <v>20594</v>
      </c>
      <c r="E2802" s="141">
        <v>1988</v>
      </c>
      <c r="F2802" s="141">
        <v>200</v>
      </c>
      <c r="G2802" s="98" t="s">
        <v>1</v>
      </c>
      <c r="H2802" s="98">
        <v>0</v>
      </c>
      <c r="I2802" s="98">
        <v>0</v>
      </c>
      <c r="J2802" s="98" t="s">
        <v>400</v>
      </c>
      <c r="K2802" s="98" t="s">
        <v>400</v>
      </c>
      <c r="L2802" s="98" t="s">
        <v>400</v>
      </c>
      <c r="M2802" s="98" t="s">
        <v>400</v>
      </c>
      <c r="N2802" s="98" t="s">
        <v>400</v>
      </c>
      <c r="O2802" s="98" t="s">
        <v>400</v>
      </c>
      <c r="P2802" s="98" t="s">
        <v>400</v>
      </c>
      <c r="Q2802" s="98" t="s">
        <v>400</v>
      </c>
      <c r="R2802" s="98" t="s">
        <v>400</v>
      </c>
      <c r="S2802" s="98" t="s">
        <v>400</v>
      </c>
      <c r="T2802" s="98" t="s">
        <v>400</v>
      </c>
      <c r="U2802" s="128"/>
      <c r="V2802" s="128"/>
      <c r="W2802" s="128"/>
      <c r="X2802" s="128"/>
      <c r="Y2802" s="128"/>
      <c r="Z2802" s="128"/>
      <c r="AA2802" s="128"/>
      <c r="AB2802" s="128"/>
      <c r="AC2802" s="128"/>
      <c r="AD2802" s="128"/>
      <c r="AE2802" s="128"/>
      <c r="AF2802" s="128"/>
      <c r="AG2802" s="128"/>
      <c r="AH2802" s="128"/>
      <c r="AI2802" s="128"/>
      <c r="AJ2802" s="128"/>
      <c r="AK2802" s="128"/>
      <c r="AL2802" s="128"/>
      <c r="AM2802" s="128"/>
      <c r="AN2802" s="128"/>
      <c r="AO2802" s="128"/>
      <c r="AP2802" s="128"/>
      <c r="AQ2802" s="128"/>
      <c r="AR2802" s="128"/>
      <c r="AS2802" s="128"/>
      <c r="AT2802" s="128"/>
      <c r="AU2802" s="128"/>
      <c r="AV2802" s="128"/>
      <c r="AW2802" s="128"/>
      <c r="AX2802" s="128"/>
      <c r="AY2802" s="128"/>
      <c r="AZ2802" s="128"/>
      <c r="BA2802" s="128"/>
      <c r="BB2802" s="107">
        <v>45884</v>
      </c>
    </row>
    <row r="2803" spans="1:54" s="8" customFormat="1" ht="13.95" customHeight="1" x14ac:dyDescent="0.25">
      <c r="A2803" s="219" t="s">
        <v>6477</v>
      </c>
      <c r="B2803" s="220" t="s">
        <v>6395</v>
      </c>
      <c r="C2803" s="98" t="s">
        <v>6478</v>
      </c>
      <c r="D2803" s="98" t="s">
        <v>20595</v>
      </c>
      <c r="E2803" s="141">
        <v>1984</v>
      </c>
      <c r="F2803" s="141">
        <v>200</v>
      </c>
      <c r="G2803" s="98" t="s">
        <v>1</v>
      </c>
      <c r="H2803" s="98">
        <v>0</v>
      </c>
      <c r="I2803" s="98">
        <v>0</v>
      </c>
      <c r="J2803" s="98" t="s">
        <v>400</v>
      </c>
      <c r="K2803" s="98" t="s">
        <v>400</v>
      </c>
      <c r="L2803" s="98" t="s">
        <v>400</v>
      </c>
      <c r="M2803" s="98" t="s">
        <v>400</v>
      </c>
      <c r="N2803" s="98" t="s">
        <v>400</v>
      </c>
      <c r="O2803" s="98" t="s">
        <v>400</v>
      </c>
      <c r="P2803" s="98" t="s">
        <v>400</v>
      </c>
      <c r="Q2803" s="98" t="s">
        <v>400</v>
      </c>
      <c r="R2803" s="98" t="s">
        <v>400</v>
      </c>
      <c r="S2803" s="98" t="s">
        <v>400</v>
      </c>
      <c r="T2803" s="98" t="s">
        <v>400</v>
      </c>
      <c r="U2803" s="128"/>
      <c r="V2803" s="128"/>
      <c r="W2803" s="128"/>
      <c r="X2803" s="128"/>
      <c r="Y2803" s="128"/>
      <c r="Z2803" s="128"/>
      <c r="AA2803" s="128"/>
      <c r="AB2803" s="128"/>
      <c r="AC2803" s="128"/>
      <c r="AD2803" s="128"/>
      <c r="AE2803" s="128"/>
      <c r="AF2803" s="128"/>
      <c r="AG2803" s="128"/>
      <c r="AH2803" s="128"/>
      <c r="AI2803" s="128"/>
      <c r="AJ2803" s="128"/>
      <c r="AK2803" s="128"/>
      <c r="AL2803" s="128"/>
      <c r="AM2803" s="128"/>
      <c r="AN2803" s="128"/>
      <c r="AO2803" s="128"/>
      <c r="AP2803" s="128"/>
      <c r="AQ2803" s="128"/>
      <c r="AR2803" s="128"/>
      <c r="AS2803" s="128"/>
      <c r="AT2803" s="128"/>
      <c r="AU2803" s="128"/>
      <c r="AV2803" s="128"/>
      <c r="AW2803" s="128"/>
      <c r="AX2803" s="128"/>
      <c r="AY2803" s="128"/>
      <c r="AZ2803" s="128"/>
      <c r="BA2803" s="128"/>
      <c r="BB2803" s="107">
        <v>45884</v>
      </c>
    </row>
    <row r="2804" spans="1:54" s="8" customFormat="1" ht="13.95" customHeight="1" x14ac:dyDescent="0.25">
      <c r="A2804" s="219" t="s">
        <v>6479</v>
      </c>
      <c r="B2804" s="220" t="s">
        <v>6395</v>
      </c>
      <c r="C2804" s="98" t="s">
        <v>6480</v>
      </c>
      <c r="D2804" s="98" t="s">
        <v>21716</v>
      </c>
      <c r="E2804" s="141">
        <v>2002</v>
      </c>
      <c r="F2804" s="141">
        <v>200</v>
      </c>
      <c r="G2804" s="98" t="s">
        <v>1</v>
      </c>
      <c r="H2804" s="98">
        <v>0</v>
      </c>
      <c r="I2804" s="98">
        <v>0</v>
      </c>
      <c r="J2804" s="98" t="s">
        <v>400</v>
      </c>
      <c r="K2804" s="98" t="s">
        <v>400</v>
      </c>
      <c r="L2804" s="98" t="s">
        <v>400</v>
      </c>
      <c r="M2804" s="98" t="s">
        <v>400</v>
      </c>
      <c r="N2804" s="98" t="s">
        <v>400</v>
      </c>
      <c r="O2804" s="98" t="s">
        <v>400</v>
      </c>
      <c r="P2804" s="98" t="s">
        <v>400</v>
      </c>
      <c r="Q2804" s="98" t="s">
        <v>400</v>
      </c>
      <c r="R2804" s="98" t="s">
        <v>400</v>
      </c>
      <c r="S2804" s="98" t="s">
        <v>400</v>
      </c>
      <c r="T2804" s="98" t="s">
        <v>400</v>
      </c>
      <c r="U2804" s="128"/>
      <c r="V2804" s="128"/>
      <c r="W2804" s="128"/>
      <c r="X2804" s="128"/>
      <c r="Y2804" s="128"/>
      <c r="Z2804" s="128"/>
      <c r="AA2804" s="128"/>
      <c r="AB2804" s="128"/>
      <c r="AC2804" s="128"/>
      <c r="AD2804" s="128"/>
      <c r="AE2804" s="128"/>
      <c r="AF2804" s="128"/>
      <c r="AG2804" s="128"/>
      <c r="AH2804" s="128"/>
      <c r="AI2804" s="128"/>
      <c r="AJ2804" s="128"/>
      <c r="AK2804" s="128"/>
      <c r="AL2804" s="128"/>
      <c r="AM2804" s="128"/>
      <c r="AN2804" s="128"/>
      <c r="AO2804" s="128"/>
      <c r="AP2804" s="128"/>
      <c r="AQ2804" s="128"/>
      <c r="AR2804" s="128"/>
      <c r="AS2804" s="128"/>
      <c r="AT2804" s="128"/>
      <c r="AU2804" s="128"/>
      <c r="AV2804" s="128"/>
      <c r="AW2804" s="128"/>
      <c r="AX2804" s="128"/>
      <c r="AY2804" s="128"/>
      <c r="AZ2804" s="128"/>
      <c r="BA2804" s="128"/>
      <c r="BB2804" s="107">
        <v>45884</v>
      </c>
    </row>
    <row r="2805" spans="1:54" s="8" customFormat="1" ht="13.95" customHeight="1" x14ac:dyDescent="0.25">
      <c r="A2805" s="219" t="s">
        <v>6481</v>
      </c>
      <c r="B2805" s="220" t="s">
        <v>6395</v>
      </c>
      <c r="C2805" s="98" t="s">
        <v>6482</v>
      </c>
      <c r="D2805" s="98" t="s">
        <v>21717</v>
      </c>
      <c r="E2805" s="141">
        <v>1981</v>
      </c>
      <c r="F2805" s="141">
        <v>200</v>
      </c>
      <c r="G2805" s="98" t="s">
        <v>1</v>
      </c>
      <c r="H2805" s="98">
        <v>0</v>
      </c>
      <c r="I2805" s="98">
        <v>0</v>
      </c>
      <c r="J2805" s="98" t="s">
        <v>400</v>
      </c>
      <c r="K2805" s="98" t="s">
        <v>400</v>
      </c>
      <c r="L2805" s="98" t="s">
        <v>400</v>
      </c>
      <c r="M2805" s="98" t="s">
        <v>400</v>
      </c>
      <c r="N2805" s="98" t="s">
        <v>400</v>
      </c>
      <c r="O2805" s="98" t="s">
        <v>400</v>
      </c>
      <c r="P2805" s="98" t="s">
        <v>400</v>
      </c>
      <c r="Q2805" s="98" t="s">
        <v>400</v>
      </c>
      <c r="R2805" s="98" t="s">
        <v>400</v>
      </c>
      <c r="S2805" s="98" t="s">
        <v>400</v>
      </c>
      <c r="T2805" s="98" t="s">
        <v>400</v>
      </c>
      <c r="U2805" s="128"/>
      <c r="V2805" s="128"/>
      <c r="W2805" s="128"/>
      <c r="X2805" s="128"/>
      <c r="Y2805" s="128"/>
      <c r="Z2805" s="128"/>
      <c r="AA2805" s="128"/>
      <c r="AB2805" s="128"/>
      <c r="AC2805" s="128"/>
      <c r="AD2805" s="128"/>
      <c r="AE2805" s="128"/>
      <c r="AF2805" s="128"/>
      <c r="AG2805" s="128"/>
      <c r="AH2805" s="128"/>
      <c r="AI2805" s="128"/>
      <c r="AJ2805" s="128"/>
      <c r="AK2805" s="128"/>
      <c r="AL2805" s="128"/>
      <c r="AM2805" s="128"/>
      <c r="AN2805" s="128"/>
      <c r="AO2805" s="128"/>
      <c r="AP2805" s="128"/>
      <c r="AQ2805" s="128"/>
      <c r="AR2805" s="128"/>
      <c r="AS2805" s="128"/>
      <c r="AT2805" s="128"/>
      <c r="AU2805" s="128"/>
      <c r="AV2805" s="128"/>
      <c r="AW2805" s="128"/>
      <c r="AX2805" s="128"/>
      <c r="AY2805" s="128"/>
      <c r="AZ2805" s="128"/>
      <c r="BA2805" s="128"/>
      <c r="BB2805" s="107">
        <v>45884</v>
      </c>
    </row>
    <row r="2806" spans="1:54" s="8" customFormat="1" ht="13.95" customHeight="1" x14ac:dyDescent="0.25">
      <c r="A2806" s="219" t="s">
        <v>6483</v>
      </c>
      <c r="B2806" s="220" t="s">
        <v>6395</v>
      </c>
      <c r="C2806" s="98" t="s">
        <v>6484</v>
      </c>
      <c r="D2806" s="98" t="s">
        <v>21718</v>
      </c>
      <c r="E2806" s="141">
        <v>2002</v>
      </c>
      <c r="F2806" s="141">
        <v>200</v>
      </c>
      <c r="G2806" s="98" t="s">
        <v>1</v>
      </c>
      <c r="H2806" s="98">
        <v>0</v>
      </c>
      <c r="I2806" s="98">
        <v>0</v>
      </c>
      <c r="J2806" s="98" t="s">
        <v>400</v>
      </c>
      <c r="K2806" s="98" t="s">
        <v>400</v>
      </c>
      <c r="L2806" s="98" t="s">
        <v>400</v>
      </c>
      <c r="M2806" s="98" t="s">
        <v>400</v>
      </c>
      <c r="N2806" s="98" t="s">
        <v>400</v>
      </c>
      <c r="O2806" s="98" t="s">
        <v>400</v>
      </c>
      <c r="P2806" s="98" t="s">
        <v>400</v>
      </c>
      <c r="Q2806" s="98" t="s">
        <v>400</v>
      </c>
      <c r="R2806" s="98" t="s">
        <v>400</v>
      </c>
      <c r="S2806" s="98" t="s">
        <v>400</v>
      </c>
      <c r="T2806" s="98" t="s">
        <v>400</v>
      </c>
      <c r="U2806" s="128"/>
      <c r="V2806" s="128"/>
      <c r="W2806" s="128"/>
      <c r="X2806" s="128"/>
      <c r="Y2806" s="128"/>
      <c r="Z2806" s="128"/>
      <c r="AA2806" s="128"/>
      <c r="AB2806" s="128"/>
      <c r="AC2806" s="128"/>
      <c r="AD2806" s="128"/>
      <c r="AE2806" s="128"/>
      <c r="AF2806" s="128"/>
      <c r="AG2806" s="128"/>
      <c r="AH2806" s="128"/>
      <c r="AI2806" s="128"/>
      <c r="AJ2806" s="128"/>
      <c r="AK2806" s="128"/>
      <c r="AL2806" s="128"/>
      <c r="AM2806" s="128"/>
      <c r="AN2806" s="128"/>
      <c r="AO2806" s="128"/>
      <c r="AP2806" s="128"/>
      <c r="AQ2806" s="128"/>
      <c r="AR2806" s="128"/>
      <c r="AS2806" s="128"/>
      <c r="AT2806" s="128"/>
      <c r="AU2806" s="128"/>
      <c r="AV2806" s="128"/>
      <c r="AW2806" s="128"/>
      <c r="AX2806" s="128"/>
      <c r="AY2806" s="128"/>
      <c r="AZ2806" s="128"/>
      <c r="BA2806" s="128"/>
      <c r="BB2806" s="107">
        <v>45884</v>
      </c>
    </row>
    <row r="2807" spans="1:54" s="8" customFormat="1" ht="13.95" customHeight="1" x14ac:dyDescent="0.25">
      <c r="A2807" s="219" t="s">
        <v>6485</v>
      </c>
      <c r="B2807" s="220" t="s">
        <v>6395</v>
      </c>
      <c r="C2807" s="98" t="s">
        <v>6486</v>
      </c>
      <c r="D2807" s="98" t="s">
        <v>21719</v>
      </c>
      <c r="E2807" s="141">
        <v>1988</v>
      </c>
      <c r="F2807" s="141">
        <v>200</v>
      </c>
      <c r="G2807" s="98" t="s">
        <v>1</v>
      </c>
      <c r="H2807" s="98">
        <v>0</v>
      </c>
      <c r="I2807" s="98">
        <v>0</v>
      </c>
      <c r="J2807" s="98" t="s">
        <v>400</v>
      </c>
      <c r="K2807" s="98" t="s">
        <v>400</v>
      </c>
      <c r="L2807" s="98" t="s">
        <v>400</v>
      </c>
      <c r="M2807" s="98" t="s">
        <v>400</v>
      </c>
      <c r="N2807" s="98" t="s">
        <v>400</v>
      </c>
      <c r="O2807" s="98" t="s">
        <v>400</v>
      </c>
      <c r="P2807" s="98" t="s">
        <v>400</v>
      </c>
      <c r="Q2807" s="98" t="s">
        <v>400</v>
      </c>
      <c r="R2807" s="98" t="s">
        <v>400</v>
      </c>
      <c r="S2807" s="98" t="s">
        <v>400</v>
      </c>
      <c r="T2807" s="98" t="s">
        <v>400</v>
      </c>
      <c r="U2807" s="128"/>
      <c r="V2807" s="128"/>
      <c r="W2807" s="128"/>
      <c r="X2807" s="128"/>
      <c r="Y2807" s="128"/>
      <c r="Z2807" s="128"/>
      <c r="AA2807" s="128"/>
      <c r="AB2807" s="128"/>
      <c r="AC2807" s="128"/>
      <c r="AD2807" s="128"/>
      <c r="AE2807" s="128"/>
      <c r="AF2807" s="128"/>
      <c r="AG2807" s="128"/>
      <c r="AH2807" s="128"/>
      <c r="AI2807" s="128"/>
      <c r="AJ2807" s="128"/>
      <c r="AK2807" s="128"/>
      <c r="AL2807" s="128"/>
      <c r="AM2807" s="128"/>
      <c r="AN2807" s="128"/>
      <c r="AO2807" s="128"/>
      <c r="AP2807" s="128"/>
      <c r="AQ2807" s="128"/>
      <c r="AR2807" s="128"/>
      <c r="AS2807" s="128"/>
      <c r="AT2807" s="128"/>
      <c r="AU2807" s="128"/>
      <c r="AV2807" s="128"/>
      <c r="AW2807" s="128"/>
      <c r="AX2807" s="128"/>
      <c r="AY2807" s="128"/>
      <c r="AZ2807" s="128"/>
      <c r="BA2807" s="128"/>
      <c r="BB2807" s="107">
        <v>45884</v>
      </c>
    </row>
    <row r="2808" spans="1:54" s="8" customFormat="1" ht="13.95" customHeight="1" x14ac:dyDescent="0.25">
      <c r="A2808" s="219" t="s">
        <v>6487</v>
      </c>
      <c r="B2808" s="220" t="s">
        <v>6395</v>
      </c>
      <c r="C2808" s="98" t="s">
        <v>6488</v>
      </c>
      <c r="D2808" s="98" t="s">
        <v>20596</v>
      </c>
      <c r="E2808" s="141">
        <v>1979</v>
      </c>
      <c r="F2808" s="141">
        <v>200</v>
      </c>
      <c r="G2808" s="98" t="s">
        <v>1</v>
      </c>
      <c r="H2808" s="98">
        <v>0</v>
      </c>
      <c r="I2808" s="98">
        <v>0</v>
      </c>
      <c r="J2808" s="98" t="s">
        <v>400</v>
      </c>
      <c r="K2808" s="98" t="s">
        <v>400</v>
      </c>
      <c r="L2808" s="98" t="s">
        <v>400</v>
      </c>
      <c r="M2808" s="98" t="s">
        <v>400</v>
      </c>
      <c r="N2808" s="98" t="s">
        <v>400</v>
      </c>
      <c r="O2808" s="98" t="s">
        <v>400</v>
      </c>
      <c r="P2808" s="98" t="s">
        <v>400</v>
      </c>
      <c r="Q2808" s="98" t="s">
        <v>400</v>
      </c>
      <c r="R2808" s="98" t="s">
        <v>400</v>
      </c>
      <c r="S2808" s="98" t="s">
        <v>400</v>
      </c>
      <c r="T2808" s="98" t="s">
        <v>400</v>
      </c>
      <c r="U2808" s="128"/>
      <c r="V2808" s="128"/>
      <c r="W2808" s="128"/>
      <c r="X2808" s="128"/>
      <c r="Y2808" s="128"/>
      <c r="Z2808" s="128"/>
      <c r="AA2808" s="128"/>
      <c r="AB2808" s="128"/>
      <c r="AC2808" s="128"/>
      <c r="AD2808" s="128"/>
      <c r="AE2808" s="128"/>
      <c r="AF2808" s="128"/>
      <c r="AG2808" s="128"/>
      <c r="AH2808" s="128"/>
      <c r="AI2808" s="128"/>
      <c r="AJ2808" s="128"/>
      <c r="AK2808" s="128"/>
      <c r="AL2808" s="128"/>
      <c r="AM2808" s="128"/>
      <c r="AN2808" s="128"/>
      <c r="AO2808" s="128"/>
      <c r="AP2808" s="128"/>
      <c r="AQ2808" s="128"/>
      <c r="AR2808" s="128"/>
      <c r="AS2808" s="128"/>
      <c r="AT2808" s="128"/>
      <c r="AU2808" s="128"/>
      <c r="AV2808" s="128"/>
      <c r="AW2808" s="128"/>
      <c r="AX2808" s="128"/>
      <c r="AY2808" s="128"/>
      <c r="AZ2808" s="128"/>
      <c r="BA2808" s="128"/>
      <c r="BB2808" s="107">
        <v>45884</v>
      </c>
    </row>
    <row r="2809" spans="1:54" s="8" customFormat="1" ht="13.95" customHeight="1" x14ac:dyDescent="0.25">
      <c r="A2809" s="219" t="s">
        <v>6489</v>
      </c>
      <c r="B2809" s="220" t="s">
        <v>6395</v>
      </c>
      <c r="C2809" s="98" t="s">
        <v>6490</v>
      </c>
      <c r="D2809" s="98" t="s">
        <v>21720</v>
      </c>
      <c r="E2809" s="141">
        <v>1979</v>
      </c>
      <c r="F2809" s="141">
        <v>200</v>
      </c>
      <c r="G2809" s="98" t="s">
        <v>1</v>
      </c>
      <c r="H2809" s="98">
        <v>0</v>
      </c>
      <c r="I2809" s="98">
        <v>0</v>
      </c>
      <c r="J2809" s="98" t="s">
        <v>400</v>
      </c>
      <c r="K2809" s="98" t="s">
        <v>400</v>
      </c>
      <c r="L2809" s="98" t="s">
        <v>400</v>
      </c>
      <c r="M2809" s="98" t="s">
        <v>400</v>
      </c>
      <c r="N2809" s="98" t="s">
        <v>400</v>
      </c>
      <c r="O2809" s="98" t="s">
        <v>400</v>
      </c>
      <c r="P2809" s="98" t="s">
        <v>400</v>
      </c>
      <c r="Q2809" s="98" t="s">
        <v>400</v>
      </c>
      <c r="R2809" s="98" t="s">
        <v>400</v>
      </c>
      <c r="S2809" s="98" t="s">
        <v>400</v>
      </c>
      <c r="T2809" s="98" t="s">
        <v>400</v>
      </c>
      <c r="U2809" s="128"/>
      <c r="V2809" s="128"/>
      <c r="W2809" s="128"/>
      <c r="X2809" s="128"/>
      <c r="Y2809" s="128"/>
      <c r="Z2809" s="128"/>
      <c r="AA2809" s="128"/>
      <c r="AB2809" s="128"/>
      <c r="AC2809" s="128"/>
      <c r="AD2809" s="128"/>
      <c r="AE2809" s="128"/>
      <c r="AF2809" s="128"/>
      <c r="AG2809" s="128"/>
      <c r="AH2809" s="128"/>
      <c r="AI2809" s="128"/>
      <c r="AJ2809" s="128"/>
      <c r="AK2809" s="128"/>
      <c r="AL2809" s="128"/>
      <c r="AM2809" s="128"/>
      <c r="AN2809" s="128"/>
      <c r="AO2809" s="128"/>
      <c r="AP2809" s="128"/>
      <c r="AQ2809" s="128"/>
      <c r="AR2809" s="128"/>
      <c r="AS2809" s="128"/>
      <c r="AT2809" s="128"/>
      <c r="AU2809" s="128"/>
      <c r="AV2809" s="128"/>
      <c r="AW2809" s="128"/>
      <c r="AX2809" s="128"/>
      <c r="AY2809" s="128"/>
      <c r="AZ2809" s="128"/>
      <c r="BA2809" s="128"/>
      <c r="BB2809" s="107">
        <v>45884</v>
      </c>
    </row>
    <row r="2810" spans="1:54" s="8" customFormat="1" ht="13.95" customHeight="1" x14ac:dyDescent="0.25">
      <c r="A2810" s="219" t="s">
        <v>6491</v>
      </c>
      <c r="B2810" s="220" t="s">
        <v>6395</v>
      </c>
      <c r="C2810" s="98" t="s">
        <v>6492</v>
      </c>
      <c r="D2810" s="98" t="s">
        <v>21721</v>
      </c>
      <c r="E2810" s="141">
        <v>1984</v>
      </c>
      <c r="F2810" s="141">
        <v>201</v>
      </c>
      <c r="G2810" s="98" t="s">
        <v>1</v>
      </c>
      <c r="H2810" s="98">
        <v>0</v>
      </c>
      <c r="I2810" s="98">
        <v>0</v>
      </c>
      <c r="J2810" s="98" t="s">
        <v>400</v>
      </c>
      <c r="K2810" s="98" t="s">
        <v>400</v>
      </c>
      <c r="L2810" s="98" t="s">
        <v>400</v>
      </c>
      <c r="M2810" s="98" t="s">
        <v>400</v>
      </c>
      <c r="N2810" s="98" t="s">
        <v>400</v>
      </c>
      <c r="O2810" s="98" t="s">
        <v>400</v>
      </c>
      <c r="P2810" s="98" t="s">
        <v>400</v>
      </c>
      <c r="Q2810" s="98" t="s">
        <v>400</v>
      </c>
      <c r="R2810" s="98" t="s">
        <v>400</v>
      </c>
      <c r="S2810" s="98" t="s">
        <v>400</v>
      </c>
      <c r="T2810" s="98" t="s">
        <v>400</v>
      </c>
      <c r="U2810" s="128"/>
      <c r="V2810" s="128"/>
      <c r="W2810" s="128"/>
      <c r="X2810" s="128"/>
      <c r="Y2810" s="128"/>
      <c r="Z2810" s="128"/>
      <c r="AA2810" s="128"/>
      <c r="AB2810" s="128"/>
      <c r="AC2810" s="128"/>
      <c r="AD2810" s="128"/>
      <c r="AE2810" s="128"/>
      <c r="AF2810" s="128"/>
      <c r="AG2810" s="128"/>
      <c r="AH2810" s="128"/>
      <c r="AI2810" s="128"/>
      <c r="AJ2810" s="128"/>
      <c r="AK2810" s="128"/>
      <c r="AL2810" s="128"/>
      <c r="AM2810" s="128"/>
      <c r="AN2810" s="128"/>
      <c r="AO2810" s="128"/>
      <c r="AP2810" s="128"/>
      <c r="AQ2810" s="128"/>
      <c r="AR2810" s="128"/>
      <c r="AS2810" s="128"/>
      <c r="AT2810" s="128"/>
      <c r="AU2810" s="128"/>
      <c r="AV2810" s="128"/>
      <c r="AW2810" s="128"/>
      <c r="AX2810" s="128"/>
      <c r="AY2810" s="128"/>
      <c r="AZ2810" s="128"/>
      <c r="BA2810" s="128"/>
      <c r="BB2810" s="107">
        <v>45884</v>
      </c>
    </row>
    <row r="2811" spans="1:54" s="8" customFormat="1" ht="13.95" customHeight="1" x14ac:dyDescent="0.25">
      <c r="A2811" s="219" t="s">
        <v>6493</v>
      </c>
      <c r="B2811" s="220" t="s">
        <v>6395</v>
      </c>
      <c r="C2811" s="98" t="s">
        <v>6494</v>
      </c>
      <c r="D2811" s="98" t="s">
        <v>21722</v>
      </c>
      <c r="E2811" s="141">
        <v>2002</v>
      </c>
      <c r="F2811" s="141">
        <v>201</v>
      </c>
      <c r="G2811" s="98" t="s">
        <v>1</v>
      </c>
      <c r="H2811" s="98">
        <v>0</v>
      </c>
      <c r="I2811" s="98">
        <v>0</v>
      </c>
      <c r="J2811" s="98" t="s">
        <v>400</v>
      </c>
      <c r="K2811" s="98" t="s">
        <v>400</v>
      </c>
      <c r="L2811" s="98" t="s">
        <v>400</v>
      </c>
      <c r="M2811" s="98" t="s">
        <v>400</v>
      </c>
      <c r="N2811" s="98" t="s">
        <v>400</v>
      </c>
      <c r="O2811" s="98" t="s">
        <v>400</v>
      </c>
      <c r="P2811" s="98" t="s">
        <v>400</v>
      </c>
      <c r="Q2811" s="98" t="s">
        <v>400</v>
      </c>
      <c r="R2811" s="98" t="s">
        <v>400</v>
      </c>
      <c r="S2811" s="98" t="s">
        <v>400</v>
      </c>
      <c r="T2811" s="98" t="s">
        <v>400</v>
      </c>
      <c r="U2811" s="128"/>
      <c r="V2811" s="128"/>
      <c r="W2811" s="128"/>
      <c r="X2811" s="128"/>
      <c r="Y2811" s="128"/>
      <c r="Z2811" s="128"/>
      <c r="AA2811" s="128"/>
      <c r="AB2811" s="128"/>
      <c r="AC2811" s="128"/>
      <c r="AD2811" s="128"/>
      <c r="AE2811" s="128"/>
      <c r="AF2811" s="128"/>
      <c r="AG2811" s="128"/>
      <c r="AH2811" s="128"/>
      <c r="AI2811" s="128"/>
      <c r="AJ2811" s="128"/>
      <c r="AK2811" s="128"/>
      <c r="AL2811" s="128"/>
      <c r="AM2811" s="128"/>
      <c r="AN2811" s="128"/>
      <c r="AO2811" s="128"/>
      <c r="AP2811" s="128"/>
      <c r="AQ2811" s="128"/>
      <c r="AR2811" s="128"/>
      <c r="AS2811" s="128"/>
      <c r="AT2811" s="128"/>
      <c r="AU2811" s="128"/>
      <c r="AV2811" s="128"/>
      <c r="AW2811" s="128"/>
      <c r="AX2811" s="128"/>
      <c r="AY2811" s="128"/>
      <c r="AZ2811" s="128"/>
      <c r="BA2811" s="128"/>
      <c r="BB2811" s="107">
        <v>45884</v>
      </c>
    </row>
    <row r="2812" spans="1:54" s="8" customFormat="1" ht="13.95" customHeight="1" x14ac:dyDescent="0.25">
      <c r="A2812" s="219" t="s">
        <v>6495</v>
      </c>
      <c r="B2812" s="220" t="s">
        <v>6395</v>
      </c>
      <c r="C2812" s="98" t="s">
        <v>6496</v>
      </c>
      <c r="D2812" s="98" t="s">
        <v>20597</v>
      </c>
      <c r="E2812" s="141">
        <v>1984</v>
      </c>
      <c r="F2812" s="141">
        <v>201</v>
      </c>
      <c r="G2812" s="98" t="s">
        <v>1</v>
      </c>
      <c r="H2812" s="98">
        <v>0</v>
      </c>
      <c r="I2812" s="98">
        <v>0</v>
      </c>
      <c r="J2812" s="98" t="s">
        <v>400</v>
      </c>
      <c r="K2812" s="98" t="s">
        <v>400</v>
      </c>
      <c r="L2812" s="98" t="s">
        <v>400</v>
      </c>
      <c r="M2812" s="98" t="s">
        <v>400</v>
      </c>
      <c r="N2812" s="98" t="s">
        <v>400</v>
      </c>
      <c r="O2812" s="98" t="s">
        <v>400</v>
      </c>
      <c r="P2812" s="98" t="s">
        <v>400</v>
      </c>
      <c r="Q2812" s="98" t="s">
        <v>400</v>
      </c>
      <c r="R2812" s="98" t="s">
        <v>400</v>
      </c>
      <c r="S2812" s="98" t="s">
        <v>400</v>
      </c>
      <c r="T2812" s="98" t="s">
        <v>400</v>
      </c>
      <c r="U2812" s="128"/>
      <c r="V2812" s="128"/>
      <c r="W2812" s="128"/>
      <c r="X2812" s="128"/>
      <c r="Y2812" s="128"/>
      <c r="Z2812" s="128"/>
      <c r="AA2812" s="128"/>
      <c r="AB2812" s="128"/>
      <c r="AC2812" s="128"/>
      <c r="AD2812" s="128"/>
      <c r="AE2812" s="128"/>
      <c r="AF2812" s="128"/>
      <c r="AG2812" s="128"/>
      <c r="AH2812" s="128"/>
      <c r="AI2812" s="128"/>
      <c r="AJ2812" s="128"/>
      <c r="AK2812" s="128"/>
      <c r="AL2812" s="128"/>
      <c r="AM2812" s="128"/>
      <c r="AN2812" s="128"/>
      <c r="AO2812" s="128"/>
      <c r="AP2812" s="128"/>
      <c r="AQ2812" s="128"/>
      <c r="AR2812" s="128"/>
      <c r="AS2812" s="128"/>
      <c r="AT2812" s="128"/>
      <c r="AU2812" s="128"/>
      <c r="AV2812" s="128"/>
      <c r="AW2812" s="128"/>
      <c r="AX2812" s="128"/>
      <c r="AY2812" s="128"/>
      <c r="AZ2812" s="128"/>
      <c r="BA2812" s="128"/>
      <c r="BB2812" s="107">
        <v>45884</v>
      </c>
    </row>
    <row r="2813" spans="1:54" s="8" customFormat="1" ht="13.95" customHeight="1" x14ac:dyDescent="0.25">
      <c r="A2813" s="219" t="s">
        <v>6497</v>
      </c>
      <c r="B2813" s="220" t="s">
        <v>6395</v>
      </c>
      <c r="C2813" s="98" t="s">
        <v>6498</v>
      </c>
      <c r="D2813" s="98" t="s">
        <v>20598</v>
      </c>
      <c r="E2813" s="141">
        <v>1999</v>
      </c>
      <c r="F2813" s="141">
        <v>201</v>
      </c>
      <c r="G2813" s="98" t="s">
        <v>1</v>
      </c>
      <c r="H2813" s="98">
        <v>0</v>
      </c>
      <c r="I2813" s="98">
        <v>0</v>
      </c>
      <c r="J2813" s="98" t="s">
        <v>400</v>
      </c>
      <c r="K2813" s="98" t="s">
        <v>400</v>
      </c>
      <c r="L2813" s="98" t="s">
        <v>400</v>
      </c>
      <c r="M2813" s="98" t="s">
        <v>400</v>
      </c>
      <c r="N2813" s="98" t="s">
        <v>400</v>
      </c>
      <c r="O2813" s="98" t="s">
        <v>400</v>
      </c>
      <c r="P2813" s="98" t="s">
        <v>400</v>
      </c>
      <c r="Q2813" s="98" t="s">
        <v>400</v>
      </c>
      <c r="R2813" s="98" t="s">
        <v>400</v>
      </c>
      <c r="S2813" s="98" t="s">
        <v>400</v>
      </c>
      <c r="T2813" s="98" t="s">
        <v>400</v>
      </c>
      <c r="U2813" s="128"/>
      <c r="V2813" s="128"/>
      <c r="W2813" s="128"/>
      <c r="X2813" s="128"/>
      <c r="Y2813" s="128"/>
      <c r="Z2813" s="128"/>
      <c r="AA2813" s="128"/>
      <c r="AB2813" s="128"/>
      <c r="AC2813" s="128"/>
      <c r="AD2813" s="128"/>
      <c r="AE2813" s="128"/>
      <c r="AF2813" s="128"/>
      <c r="AG2813" s="128"/>
      <c r="AH2813" s="128"/>
      <c r="AI2813" s="128"/>
      <c r="AJ2813" s="128"/>
      <c r="AK2813" s="128"/>
      <c r="AL2813" s="128"/>
      <c r="AM2813" s="128"/>
      <c r="AN2813" s="128"/>
      <c r="AO2813" s="128"/>
      <c r="AP2813" s="128"/>
      <c r="AQ2813" s="128"/>
      <c r="AR2813" s="128"/>
      <c r="AS2813" s="128"/>
      <c r="AT2813" s="128"/>
      <c r="AU2813" s="128"/>
      <c r="AV2813" s="128"/>
      <c r="AW2813" s="128"/>
      <c r="AX2813" s="128"/>
      <c r="AY2813" s="128"/>
      <c r="AZ2813" s="128"/>
      <c r="BA2813" s="128"/>
      <c r="BB2813" s="107">
        <v>45884</v>
      </c>
    </row>
    <row r="2814" spans="1:54" s="8" customFormat="1" ht="13.95" customHeight="1" x14ac:dyDescent="0.25">
      <c r="A2814" s="219" t="s">
        <v>6499</v>
      </c>
      <c r="B2814" s="220" t="s">
        <v>6395</v>
      </c>
      <c r="C2814" s="98" t="s">
        <v>6500</v>
      </c>
      <c r="D2814" s="98" t="s">
        <v>20599</v>
      </c>
      <c r="E2814" s="141">
        <v>1998</v>
      </c>
      <c r="F2814" s="141">
        <v>201</v>
      </c>
      <c r="G2814" s="98" t="s">
        <v>1</v>
      </c>
      <c r="H2814" s="98">
        <v>0</v>
      </c>
      <c r="I2814" s="98">
        <v>0</v>
      </c>
      <c r="J2814" s="98" t="s">
        <v>400</v>
      </c>
      <c r="K2814" s="98" t="s">
        <v>400</v>
      </c>
      <c r="L2814" s="98" t="s">
        <v>400</v>
      </c>
      <c r="M2814" s="98" t="s">
        <v>400</v>
      </c>
      <c r="N2814" s="98" t="s">
        <v>400</v>
      </c>
      <c r="O2814" s="98" t="s">
        <v>400</v>
      </c>
      <c r="P2814" s="98" t="s">
        <v>400</v>
      </c>
      <c r="Q2814" s="98" t="s">
        <v>400</v>
      </c>
      <c r="R2814" s="98" t="s">
        <v>400</v>
      </c>
      <c r="S2814" s="98" t="s">
        <v>400</v>
      </c>
      <c r="T2814" s="98" t="s">
        <v>400</v>
      </c>
      <c r="U2814" s="128"/>
      <c r="V2814" s="128"/>
      <c r="W2814" s="128"/>
      <c r="X2814" s="128"/>
      <c r="Y2814" s="128"/>
      <c r="Z2814" s="128"/>
      <c r="AA2814" s="128"/>
      <c r="AB2814" s="128"/>
      <c r="AC2814" s="128"/>
      <c r="AD2814" s="128"/>
      <c r="AE2814" s="128"/>
      <c r="AF2814" s="128"/>
      <c r="AG2814" s="128"/>
      <c r="AH2814" s="128"/>
      <c r="AI2814" s="128"/>
      <c r="AJ2814" s="128"/>
      <c r="AK2814" s="128"/>
      <c r="AL2814" s="128"/>
      <c r="AM2814" s="128"/>
      <c r="AN2814" s="128"/>
      <c r="AO2814" s="128"/>
      <c r="AP2814" s="128"/>
      <c r="AQ2814" s="128"/>
      <c r="AR2814" s="128"/>
      <c r="AS2814" s="128"/>
      <c r="AT2814" s="128"/>
      <c r="AU2814" s="128"/>
      <c r="AV2814" s="128"/>
      <c r="AW2814" s="128"/>
      <c r="AX2814" s="128"/>
      <c r="AY2814" s="128"/>
      <c r="AZ2814" s="128"/>
      <c r="BA2814" s="128"/>
      <c r="BB2814" s="107">
        <v>45884</v>
      </c>
    </row>
    <row r="2815" spans="1:54" s="8" customFormat="1" ht="13.95" customHeight="1" x14ac:dyDescent="0.25">
      <c r="A2815" s="219" t="s">
        <v>6501</v>
      </c>
      <c r="B2815" s="220" t="s">
        <v>6395</v>
      </c>
      <c r="C2815" s="98" t="s">
        <v>6502</v>
      </c>
      <c r="D2815" s="98" t="s">
        <v>20600</v>
      </c>
      <c r="E2815" s="141">
        <v>2001</v>
      </c>
      <c r="F2815" s="141">
        <v>211</v>
      </c>
      <c r="G2815" s="98" t="s">
        <v>1</v>
      </c>
      <c r="H2815" s="98">
        <v>0</v>
      </c>
      <c r="I2815" s="98">
        <v>0</v>
      </c>
      <c r="J2815" s="98" t="s">
        <v>400</v>
      </c>
      <c r="K2815" s="98" t="s">
        <v>400</v>
      </c>
      <c r="L2815" s="98" t="s">
        <v>400</v>
      </c>
      <c r="M2815" s="98" t="s">
        <v>400</v>
      </c>
      <c r="N2815" s="98" t="s">
        <v>400</v>
      </c>
      <c r="O2815" s="98" t="s">
        <v>400</v>
      </c>
      <c r="P2815" s="98" t="s">
        <v>400</v>
      </c>
      <c r="Q2815" s="98" t="s">
        <v>400</v>
      </c>
      <c r="R2815" s="98" t="s">
        <v>400</v>
      </c>
      <c r="S2815" s="98" t="s">
        <v>400</v>
      </c>
      <c r="T2815" s="98" t="s">
        <v>400</v>
      </c>
      <c r="U2815" s="128"/>
      <c r="V2815" s="128"/>
      <c r="W2815" s="128"/>
      <c r="X2815" s="128"/>
      <c r="Y2815" s="128"/>
      <c r="Z2815" s="128"/>
      <c r="AA2815" s="128"/>
      <c r="AB2815" s="128"/>
      <c r="AC2815" s="128"/>
      <c r="AD2815" s="128"/>
      <c r="AE2815" s="128"/>
      <c r="AF2815" s="128"/>
      <c r="AG2815" s="128"/>
      <c r="AH2815" s="128"/>
      <c r="AI2815" s="128"/>
      <c r="AJ2815" s="128"/>
      <c r="AK2815" s="128"/>
      <c r="AL2815" s="128"/>
      <c r="AM2815" s="128"/>
      <c r="AN2815" s="128"/>
      <c r="AO2815" s="128"/>
      <c r="AP2815" s="128"/>
      <c r="AQ2815" s="128"/>
      <c r="AR2815" s="128"/>
      <c r="AS2815" s="128"/>
      <c r="AT2815" s="128"/>
      <c r="AU2815" s="128"/>
      <c r="AV2815" s="128"/>
      <c r="AW2815" s="128"/>
      <c r="AX2815" s="128"/>
      <c r="AY2815" s="128"/>
      <c r="AZ2815" s="128"/>
      <c r="BA2815" s="128"/>
      <c r="BB2815" s="107">
        <v>45884</v>
      </c>
    </row>
    <row r="2816" spans="1:54" s="8" customFormat="1" ht="13.95" customHeight="1" x14ac:dyDescent="0.25">
      <c r="A2816" s="219" t="s">
        <v>6503</v>
      </c>
      <c r="B2816" s="220" t="s">
        <v>6395</v>
      </c>
      <c r="C2816" s="98" t="s">
        <v>6504</v>
      </c>
      <c r="D2816" s="98" t="s">
        <v>21723</v>
      </c>
      <c r="E2816" s="141">
        <v>1979</v>
      </c>
      <c r="F2816" s="141">
        <v>213</v>
      </c>
      <c r="G2816" s="98" t="s">
        <v>1</v>
      </c>
      <c r="H2816" s="98">
        <v>0</v>
      </c>
      <c r="I2816" s="98">
        <v>0</v>
      </c>
      <c r="J2816" s="98" t="s">
        <v>400</v>
      </c>
      <c r="K2816" s="98" t="s">
        <v>400</v>
      </c>
      <c r="L2816" s="98" t="s">
        <v>400</v>
      </c>
      <c r="M2816" s="98" t="s">
        <v>400</v>
      </c>
      <c r="N2816" s="98" t="s">
        <v>400</v>
      </c>
      <c r="O2816" s="98" t="s">
        <v>400</v>
      </c>
      <c r="P2816" s="98" t="s">
        <v>400</v>
      </c>
      <c r="Q2816" s="98" t="s">
        <v>400</v>
      </c>
      <c r="R2816" s="98" t="s">
        <v>400</v>
      </c>
      <c r="S2816" s="98" t="s">
        <v>400</v>
      </c>
      <c r="T2816" s="98" t="s">
        <v>400</v>
      </c>
      <c r="U2816" s="128"/>
      <c r="V2816" s="128"/>
      <c r="W2816" s="128"/>
      <c r="X2816" s="128"/>
      <c r="Y2816" s="128"/>
      <c r="Z2816" s="128"/>
      <c r="AA2816" s="128"/>
      <c r="AB2816" s="128"/>
      <c r="AC2816" s="128"/>
      <c r="AD2816" s="128"/>
      <c r="AE2816" s="128"/>
      <c r="AF2816" s="128"/>
      <c r="AG2816" s="128"/>
      <c r="AH2816" s="128"/>
      <c r="AI2816" s="128"/>
      <c r="AJ2816" s="128"/>
      <c r="AK2816" s="128"/>
      <c r="AL2816" s="128"/>
      <c r="AM2816" s="128"/>
      <c r="AN2816" s="128"/>
      <c r="AO2816" s="128"/>
      <c r="AP2816" s="128"/>
      <c r="AQ2816" s="128"/>
      <c r="AR2816" s="128"/>
      <c r="AS2816" s="128"/>
      <c r="AT2816" s="128"/>
      <c r="AU2816" s="128"/>
      <c r="AV2816" s="128"/>
      <c r="AW2816" s="128"/>
      <c r="AX2816" s="128"/>
      <c r="AY2816" s="128"/>
      <c r="AZ2816" s="128"/>
      <c r="BA2816" s="128"/>
      <c r="BB2816" s="107">
        <v>45884</v>
      </c>
    </row>
    <row r="2817" spans="1:54" s="8" customFormat="1" ht="13.95" customHeight="1" x14ac:dyDescent="0.25">
      <c r="A2817" s="219" t="s">
        <v>6505</v>
      </c>
      <c r="B2817" s="220" t="s">
        <v>6395</v>
      </c>
      <c r="C2817" s="98" t="s">
        <v>6506</v>
      </c>
      <c r="D2817" s="98" t="s">
        <v>21724</v>
      </c>
      <c r="E2817" s="141">
        <v>2002</v>
      </c>
      <c r="F2817" s="141">
        <v>213</v>
      </c>
      <c r="G2817" s="98" t="s">
        <v>1</v>
      </c>
      <c r="H2817" s="98">
        <v>0</v>
      </c>
      <c r="I2817" s="98">
        <v>0</v>
      </c>
      <c r="J2817" s="98" t="s">
        <v>400</v>
      </c>
      <c r="K2817" s="98" t="s">
        <v>400</v>
      </c>
      <c r="L2817" s="98" t="s">
        <v>400</v>
      </c>
      <c r="M2817" s="98" t="s">
        <v>400</v>
      </c>
      <c r="N2817" s="98" t="s">
        <v>400</v>
      </c>
      <c r="O2817" s="98" t="s">
        <v>400</v>
      </c>
      <c r="P2817" s="98" t="s">
        <v>400</v>
      </c>
      <c r="Q2817" s="98" t="s">
        <v>400</v>
      </c>
      <c r="R2817" s="98" t="s">
        <v>400</v>
      </c>
      <c r="S2817" s="98" t="s">
        <v>400</v>
      </c>
      <c r="T2817" s="98" t="s">
        <v>400</v>
      </c>
      <c r="U2817" s="128"/>
      <c r="V2817" s="128"/>
      <c r="W2817" s="128"/>
      <c r="X2817" s="128"/>
      <c r="Y2817" s="128"/>
      <c r="Z2817" s="128"/>
      <c r="AA2817" s="128"/>
      <c r="AB2817" s="128"/>
      <c r="AC2817" s="128"/>
      <c r="AD2817" s="128"/>
      <c r="AE2817" s="128"/>
      <c r="AF2817" s="128"/>
      <c r="AG2817" s="128"/>
      <c r="AH2817" s="128"/>
      <c r="AI2817" s="128"/>
      <c r="AJ2817" s="128"/>
      <c r="AK2817" s="128"/>
      <c r="AL2817" s="128"/>
      <c r="AM2817" s="128"/>
      <c r="AN2817" s="128"/>
      <c r="AO2817" s="128"/>
      <c r="AP2817" s="128"/>
      <c r="AQ2817" s="128"/>
      <c r="AR2817" s="128"/>
      <c r="AS2817" s="128"/>
      <c r="AT2817" s="128"/>
      <c r="AU2817" s="128"/>
      <c r="AV2817" s="128"/>
      <c r="AW2817" s="128"/>
      <c r="AX2817" s="128"/>
      <c r="AY2817" s="128"/>
      <c r="AZ2817" s="128"/>
      <c r="BA2817" s="128"/>
      <c r="BB2817" s="107">
        <v>45884</v>
      </c>
    </row>
    <row r="2818" spans="1:54" s="8" customFormat="1" ht="13.95" customHeight="1" x14ac:dyDescent="0.25">
      <c r="A2818" s="219" t="s">
        <v>6507</v>
      </c>
      <c r="B2818" s="220" t="s">
        <v>6395</v>
      </c>
      <c r="C2818" s="98" t="s">
        <v>6508</v>
      </c>
      <c r="D2818" s="98" t="s">
        <v>20601</v>
      </c>
      <c r="E2818" s="141">
        <v>2000</v>
      </c>
      <c r="F2818" s="141">
        <v>213</v>
      </c>
      <c r="G2818" s="98" t="s">
        <v>1</v>
      </c>
      <c r="H2818" s="98">
        <v>0</v>
      </c>
      <c r="I2818" s="98">
        <v>0</v>
      </c>
      <c r="J2818" s="98" t="s">
        <v>400</v>
      </c>
      <c r="K2818" s="98" t="s">
        <v>400</v>
      </c>
      <c r="L2818" s="98" t="s">
        <v>400</v>
      </c>
      <c r="M2818" s="98" t="s">
        <v>400</v>
      </c>
      <c r="N2818" s="98" t="s">
        <v>400</v>
      </c>
      <c r="O2818" s="98" t="s">
        <v>400</v>
      </c>
      <c r="P2818" s="98" t="s">
        <v>400</v>
      </c>
      <c r="Q2818" s="98" t="s">
        <v>400</v>
      </c>
      <c r="R2818" s="98" t="s">
        <v>400</v>
      </c>
      <c r="S2818" s="98" t="s">
        <v>400</v>
      </c>
      <c r="T2818" s="98" t="s">
        <v>400</v>
      </c>
      <c r="U2818" s="128"/>
      <c r="V2818" s="128"/>
      <c r="W2818" s="128"/>
      <c r="X2818" s="128"/>
      <c r="Y2818" s="128"/>
      <c r="Z2818" s="128"/>
      <c r="AA2818" s="128"/>
      <c r="AB2818" s="128"/>
      <c r="AC2818" s="128"/>
      <c r="AD2818" s="128"/>
      <c r="AE2818" s="128"/>
      <c r="AF2818" s="128"/>
      <c r="AG2818" s="128"/>
      <c r="AH2818" s="128"/>
      <c r="AI2818" s="128"/>
      <c r="AJ2818" s="128"/>
      <c r="AK2818" s="128"/>
      <c r="AL2818" s="128"/>
      <c r="AM2818" s="128"/>
      <c r="AN2818" s="128"/>
      <c r="AO2818" s="128"/>
      <c r="AP2818" s="128"/>
      <c r="AQ2818" s="128"/>
      <c r="AR2818" s="128"/>
      <c r="AS2818" s="128"/>
      <c r="AT2818" s="128"/>
      <c r="AU2818" s="128"/>
      <c r="AV2818" s="128"/>
      <c r="AW2818" s="128"/>
      <c r="AX2818" s="128"/>
      <c r="AY2818" s="128"/>
      <c r="AZ2818" s="128"/>
      <c r="BA2818" s="128"/>
      <c r="BB2818" s="107">
        <v>45884</v>
      </c>
    </row>
    <row r="2819" spans="1:54" s="8" customFormat="1" ht="13.95" customHeight="1" x14ac:dyDescent="0.25">
      <c r="A2819" s="219" t="s">
        <v>6509</v>
      </c>
      <c r="B2819" s="220" t="s">
        <v>6395</v>
      </c>
      <c r="C2819" s="98" t="s">
        <v>6510</v>
      </c>
      <c r="D2819" s="98" t="s">
        <v>21725</v>
      </c>
      <c r="E2819" s="141">
        <v>1979</v>
      </c>
      <c r="F2819" s="141">
        <v>214</v>
      </c>
      <c r="G2819" s="98" t="s">
        <v>1</v>
      </c>
      <c r="H2819" s="98">
        <v>0</v>
      </c>
      <c r="I2819" s="98">
        <v>0</v>
      </c>
      <c r="J2819" s="98" t="s">
        <v>400</v>
      </c>
      <c r="K2819" s="98" t="s">
        <v>400</v>
      </c>
      <c r="L2819" s="98" t="s">
        <v>400</v>
      </c>
      <c r="M2819" s="98" t="s">
        <v>400</v>
      </c>
      <c r="N2819" s="98" t="s">
        <v>400</v>
      </c>
      <c r="O2819" s="98" t="s">
        <v>400</v>
      </c>
      <c r="P2819" s="98" t="s">
        <v>400</v>
      </c>
      <c r="Q2819" s="98" t="s">
        <v>400</v>
      </c>
      <c r="R2819" s="98" t="s">
        <v>400</v>
      </c>
      <c r="S2819" s="98" t="s">
        <v>400</v>
      </c>
      <c r="T2819" s="98" t="s">
        <v>400</v>
      </c>
      <c r="U2819" s="128"/>
      <c r="V2819" s="128"/>
      <c r="W2819" s="128"/>
      <c r="X2819" s="128"/>
      <c r="Y2819" s="128"/>
      <c r="Z2819" s="128"/>
      <c r="AA2819" s="128"/>
      <c r="AB2819" s="128"/>
      <c r="AC2819" s="128"/>
      <c r="AD2819" s="128"/>
      <c r="AE2819" s="128"/>
      <c r="AF2819" s="128"/>
      <c r="AG2819" s="128"/>
      <c r="AH2819" s="128"/>
      <c r="AI2819" s="128"/>
      <c r="AJ2819" s="128"/>
      <c r="AK2819" s="128"/>
      <c r="AL2819" s="128"/>
      <c r="AM2819" s="128"/>
      <c r="AN2819" s="128"/>
      <c r="AO2819" s="128"/>
      <c r="AP2819" s="128"/>
      <c r="AQ2819" s="128"/>
      <c r="AR2819" s="128"/>
      <c r="AS2819" s="128"/>
      <c r="AT2819" s="128"/>
      <c r="AU2819" s="128"/>
      <c r="AV2819" s="128"/>
      <c r="AW2819" s="128"/>
      <c r="AX2819" s="128"/>
      <c r="AY2819" s="128"/>
      <c r="AZ2819" s="128"/>
      <c r="BA2819" s="128"/>
      <c r="BB2819" s="107">
        <v>45884</v>
      </c>
    </row>
    <row r="2820" spans="1:54" s="8" customFormat="1" ht="13.95" customHeight="1" x14ac:dyDescent="0.25">
      <c r="A2820" s="219" t="s">
        <v>6511</v>
      </c>
      <c r="B2820" s="220" t="s">
        <v>6395</v>
      </c>
      <c r="C2820" s="98" t="s">
        <v>6512</v>
      </c>
      <c r="D2820" s="98" t="s">
        <v>21726</v>
      </c>
      <c r="E2820" s="141">
        <v>1979</v>
      </c>
      <c r="F2820" s="141">
        <v>215</v>
      </c>
      <c r="G2820" s="98" t="s">
        <v>1</v>
      </c>
      <c r="H2820" s="98">
        <v>0</v>
      </c>
      <c r="I2820" s="98">
        <v>0</v>
      </c>
      <c r="J2820" s="98" t="s">
        <v>400</v>
      </c>
      <c r="K2820" s="98" t="s">
        <v>400</v>
      </c>
      <c r="L2820" s="98" t="s">
        <v>400</v>
      </c>
      <c r="M2820" s="98" t="s">
        <v>400</v>
      </c>
      <c r="N2820" s="98" t="s">
        <v>400</v>
      </c>
      <c r="O2820" s="98" t="s">
        <v>400</v>
      </c>
      <c r="P2820" s="98" t="s">
        <v>400</v>
      </c>
      <c r="Q2820" s="98" t="s">
        <v>400</v>
      </c>
      <c r="R2820" s="98" t="s">
        <v>400</v>
      </c>
      <c r="S2820" s="98" t="s">
        <v>400</v>
      </c>
      <c r="T2820" s="98" t="s">
        <v>400</v>
      </c>
      <c r="U2820" s="128"/>
      <c r="V2820" s="128"/>
      <c r="W2820" s="128"/>
      <c r="X2820" s="128"/>
      <c r="Y2820" s="128"/>
      <c r="Z2820" s="128"/>
      <c r="AA2820" s="128"/>
      <c r="AB2820" s="128"/>
      <c r="AC2820" s="128"/>
      <c r="AD2820" s="128"/>
      <c r="AE2820" s="128"/>
      <c r="AF2820" s="128"/>
      <c r="AG2820" s="128"/>
      <c r="AH2820" s="128"/>
      <c r="AI2820" s="128"/>
      <c r="AJ2820" s="128"/>
      <c r="AK2820" s="128"/>
      <c r="AL2820" s="128"/>
      <c r="AM2820" s="128"/>
      <c r="AN2820" s="128"/>
      <c r="AO2820" s="128"/>
      <c r="AP2820" s="128"/>
      <c r="AQ2820" s="128"/>
      <c r="AR2820" s="128"/>
      <c r="AS2820" s="128"/>
      <c r="AT2820" s="128"/>
      <c r="AU2820" s="128"/>
      <c r="AV2820" s="128"/>
      <c r="AW2820" s="128"/>
      <c r="AX2820" s="128"/>
      <c r="AY2820" s="128"/>
      <c r="AZ2820" s="128"/>
      <c r="BA2820" s="128"/>
      <c r="BB2820" s="107">
        <v>45884</v>
      </c>
    </row>
    <row r="2821" spans="1:54" s="8" customFormat="1" ht="13.95" customHeight="1" x14ac:dyDescent="0.25">
      <c r="A2821" s="219" t="s">
        <v>6513</v>
      </c>
      <c r="B2821" s="220" t="s">
        <v>6395</v>
      </c>
      <c r="C2821" s="98" t="s">
        <v>6514</v>
      </c>
      <c r="D2821" s="98" t="s">
        <v>20602</v>
      </c>
      <c r="E2821" s="141">
        <v>2002</v>
      </c>
      <c r="F2821" s="141">
        <v>216</v>
      </c>
      <c r="G2821" s="98" t="s">
        <v>1</v>
      </c>
      <c r="H2821" s="98">
        <v>0</v>
      </c>
      <c r="I2821" s="98">
        <v>0</v>
      </c>
      <c r="J2821" s="98" t="s">
        <v>400</v>
      </c>
      <c r="K2821" s="98" t="s">
        <v>400</v>
      </c>
      <c r="L2821" s="98" t="s">
        <v>400</v>
      </c>
      <c r="M2821" s="98" t="s">
        <v>400</v>
      </c>
      <c r="N2821" s="98" t="s">
        <v>400</v>
      </c>
      <c r="O2821" s="98" t="s">
        <v>400</v>
      </c>
      <c r="P2821" s="98" t="s">
        <v>400</v>
      </c>
      <c r="Q2821" s="98" t="s">
        <v>400</v>
      </c>
      <c r="R2821" s="98" t="s">
        <v>400</v>
      </c>
      <c r="S2821" s="98" t="s">
        <v>400</v>
      </c>
      <c r="T2821" s="98" t="s">
        <v>400</v>
      </c>
      <c r="U2821" s="128"/>
      <c r="V2821" s="128"/>
      <c r="W2821" s="128"/>
      <c r="X2821" s="128"/>
      <c r="Y2821" s="128"/>
      <c r="Z2821" s="128"/>
      <c r="AA2821" s="128"/>
      <c r="AB2821" s="128"/>
      <c r="AC2821" s="128"/>
      <c r="AD2821" s="128"/>
      <c r="AE2821" s="128"/>
      <c r="AF2821" s="128"/>
      <c r="AG2821" s="128"/>
      <c r="AH2821" s="128"/>
      <c r="AI2821" s="128"/>
      <c r="AJ2821" s="128"/>
      <c r="AK2821" s="128"/>
      <c r="AL2821" s="128"/>
      <c r="AM2821" s="128"/>
      <c r="AN2821" s="128"/>
      <c r="AO2821" s="128"/>
      <c r="AP2821" s="128"/>
      <c r="AQ2821" s="128"/>
      <c r="AR2821" s="128"/>
      <c r="AS2821" s="128"/>
      <c r="AT2821" s="128"/>
      <c r="AU2821" s="128"/>
      <c r="AV2821" s="128"/>
      <c r="AW2821" s="128"/>
      <c r="AX2821" s="128"/>
      <c r="AY2821" s="128"/>
      <c r="AZ2821" s="128"/>
      <c r="BA2821" s="128"/>
      <c r="BB2821" s="107">
        <v>45884</v>
      </c>
    </row>
    <row r="2822" spans="1:54" s="8" customFormat="1" ht="13.95" customHeight="1" x14ac:dyDescent="0.25">
      <c r="A2822" s="219" t="s">
        <v>6515</v>
      </c>
      <c r="B2822" s="220" t="s">
        <v>6395</v>
      </c>
      <c r="C2822" s="98" t="s">
        <v>6516</v>
      </c>
      <c r="D2822" s="98" t="s">
        <v>20485</v>
      </c>
      <c r="E2822" s="141">
        <v>2013</v>
      </c>
      <c r="F2822" s="141">
        <v>1179</v>
      </c>
      <c r="G2822" s="98" t="s">
        <v>1</v>
      </c>
      <c r="H2822" s="98">
        <v>0</v>
      </c>
      <c r="I2822" s="98">
        <v>0</v>
      </c>
      <c r="J2822" s="98" t="s">
        <v>400</v>
      </c>
      <c r="K2822" s="98" t="s">
        <v>400</v>
      </c>
      <c r="L2822" s="98" t="s">
        <v>400</v>
      </c>
      <c r="M2822" s="98" t="s">
        <v>400</v>
      </c>
      <c r="N2822" s="98" t="s">
        <v>400</v>
      </c>
      <c r="O2822" s="98" t="s">
        <v>400</v>
      </c>
      <c r="P2822" s="98" t="s">
        <v>400</v>
      </c>
      <c r="Q2822" s="98" t="s">
        <v>400</v>
      </c>
      <c r="R2822" s="98" t="s">
        <v>400</v>
      </c>
      <c r="S2822" s="98" t="s">
        <v>400</v>
      </c>
      <c r="T2822" s="98" t="s">
        <v>400</v>
      </c>
      <c r="U2822" s="128"/>
      <c r="V2822" s="128"/>
      <c r="W2822" s="128"/>
      <c r="X2822" s="128"/>
      <c r="Y2822" s="128"/>
      <c r="Z2822" s="128"/>
      <c r="AA2822" s="128"/>
      <c r="AB2822" s="128"/>
      <c r="AC2822" s="128"/>
      <c r="AD2822" s="128"/>
      <c r="AE2822" s="128"/>
      <c r="AF2822" s="128"/>
      <c r="AG2822" s="128"/>
      <c r="AH2822" s="128"/>
      <c r="AI2822" s="128"/>
      <c r="AJ2822" s="128"/>
      <c r="AK2822" s="128"/>
      <c r="AL2822" s="128"/>
      <c r="AM2822" s="128"/>
      <c r="AN2822" s="128"/>
      <c r="AO2822" s="128"/>
      <c r="AP2822" s="128"/>
      <c r="AQ2822" s="128"/>
      <c r="AR2822" s="128"/>
      <c r="AS2822" s="128"/>
      <c r="AT2822" s="128"/>
      <c r="AU2822" s="128"/>
      <c r="AV2822" s="128"/>
      <c r="AW2822" s="128"/>
      <c r="AX2822" s="128"/>
      <c r="AY2822" s="128"/>
      <c r="AZ2822" s="128"/>
      <c r="BA2822" s="128"/>
      <c r="BB2822" s="107">
        <v>45884</v>
      </c>
    </row>
    <row r="2823" spans="1:54" s="8" customFormat="1" ht="13.95" customHeight="1" x14ac:dyDescent="0.25">
      <c r="A2823" s="219" t="s">
        <v>6517</v>
      </c>
      <c r="B2823" s="220" t="s">
        <v>6395</v>
      </c>
      <c r="C2823" s="98" t="s">
        <v>6518</v>
      </c>
      <c r="D2823" s="98" t="s">
        <v>21727</v>
      </c>
      <c r="E2823" s="141">
        <v>1998</v>
      </c>
      <c r="F2823" s="141">
        <v>220</v>
      </c>
      <c r="G2823" s="98" t="s">
        <v>1</v>
      </c>
      <c r="H2823" s="98">
        <v>0</v>
      </c>
      <c r="I2823" s="98">
        <v>0</v>
      </c>
      <c r="J2823" s="98" t="s">
        <v>400</v>
      </c>
      <c r="K2823" s="98" t="s">
        <v>400</v>
      </c>
      <c r="L2823" s="98" t="s">
        <v>400</v>
      </c>
      <c r="M2823" s="98" t="s">
        <v>400</v>
      </c>
      <c r="N2823" s="98" t="s">
        <v>400</v>
      </c>
      <c r="O2823" s="98" t="s">
        <v>400</v>
      </c>
      <c r="P2823" s="98" t="s">
        <v>400</v>
      </c>
      <c r="Q2823" s="98" t="s">
        <v>400</v>
      </c>
      <c r="R2823" s="98" t="s">
        <v>400</v>
      </c>
      <c r="S2823" s="98" t="s">
        <v>400</v>
      </c>
      <c r="T2823" s="98" t="s">
        <v>400</v>
      </c>
      <c r="U2823" s="128"/>
      <c r="V2823" s="128"/>
      <c r="W2823" s="128"/>
      <c r="X2823" s="128"/>
      <c r="Y2823" s="128"/>
      <c r="Z2823" s="128"/>
      <c r="AA2823" s="128"/>
      <c r="AB2823" s="128"/>
      <c r="AC2823" s="128"/>
      <c r="AD2823" s="128"/>
      <c r="AE2823" s="128"/>
      <c r="AF2823" s="128"/>
      <c r="AG2823" s="128"/>
      <c r="AH2823" s="128"/>
      <c r="AI2823" s="128"/>
      <c r="AJ2823" s="128"/>
      <c r="AK2823" s="128"/>
      <c r="AL2823" s="128"/>
      <c r="AM2823" s="128"/>
      <c r="AN2823" s="128"/>
      <c r="AO2823" s="128"/>
      <c r="AP2823" s="128"/>
      <c r="AQ2823" s="128"/>
      <c r="AR2823" s="128"/>
      <c r="AS2823" s="128"/>
      <c r="AT2823" s="128"/>
      <c r="AU2823" s="128"/>
      <c r="AV2823" s="128"/>
      <c r="AW2823" s="128"/>
      <c r="AX2823" s="128"/>
      <c r="AY2823" s="128"/>
      <c r="AZ2823" s="128"/>
      <c r="BA2823" s="128"/>
      <c r="BB2823" s="107">
        <v>45884</v>
      </c>
    </row>
    <row r="2824" spans="1:54" s="8" customFormat="1" ht="13.95" customHeight="1" x14ac:dyDescent="0.25">
      <c r="A2824" s="219" t="s">
        <v>6519</v>
      </c>
      <c r="B2824" s="220" t="s">
        <v>6395</v>
      </c>
      <c r="C2824" s="98" t="s">
        <v>6520</v>
      </c>
      <c r="D2824" s="98" t="s">
        <v>21728</v>
      </c>
      <c r="E2824" s="141">
        <v>1967</v>
      </c>
      <c r="F2824" s="141">
        <v>220</v>
      </c>
      <c r="G2824" s="98" t="s">
        <v>1</v>
      </c>
      <c r="H2824" s="98">
        <v>0</v>
      </c>
      <c r="I2824" s="98">
        <v>0</v>
      </c>
      <c r="J2824" s="98" t="s">
        <v>400</v>
      </c>
      <c r="K2824" s="98" t="s">
        <v>400</v>
      </c>
      <c r="L2824" s="98" t="s">
        <v>400</v>
      </c>
      <c r="M2824" s="98" t="s">
        <v>400</v>
      </c>
      <c r="N2824" s="98" t="s">
        <v>400</v>
      </c>
      <c r="O2824" s="98" t="s">
        <v>400</v>
      </c>
      <c r="P2824" s="98" t="s">
        <v>400</v>
      </c>
      <c r="Q2824" s="98" t="s">
        <v>400</v>
      </c>
      <c r="R2824" s="98" t="s">
        <v>400</v>
      </c>
      <c r="S2824" s="98" t="s">
        <v>400</v>
      </c>
      <c r="T2824" s="98" t="s">
        <v>400</v>
      </c>
      <c r="U2824" s="128"/>
      <c r="V2824" s="128"/>
      <c r="W2824" s="128"/>
      <c r="X2824" s="128"/>
      <c r="Y2824" s="128"/>
      <c r="Z2824" s="128"/>
      <c r="AA2824" s="128"/>
      <c r="AB2824" s="128"/>
      <c r="AC2824" s="128"/>
      <c r="AD2824" s="128"/>
      <c r="AE2824" s="128"/>
      <c r="AF2824" s="128"/>
      <c r="AG2824" s="128"/>
      <c r="AH2824" s="128"/>
      <c r="AI2824" s="128"/>
      <c r="AJ2824" s="128"/>
      <c r="AK2824" s="128"/>
      <c r="AL2824" s="128"/>
      <c r="AM2824" s="128"/>
      <c r="AN2824" s="128"/>
      <c r="AO2824" s="128"/>
      <c r="AP2824" s="128"/>
      <c r="AQ2824" s="128"/>
      <c r="AR2824" s="128"/>
      <c r="AS2824" s="128"/>
      <c r="AT2824" s="128"/>
      <c r="AU2824" s="128"/>
      <c r="AV2824" s="128"/>
      <c r="AW2824" s="128"/>
      <c r="AX2824" s="128"/>
      <c r="AY2824" s="128"/>
      <c r="AZ2824" s="128"/>
      <c r="BA2824" s="128"/>
      <c r="BB2824" s="107">
        <v>45884</v>
      </c>
    </row>
    <row r="2825" spans="1:54" s="8" customFormat="1" ht="13.95" customHeight="1" x14ac:dyDescent="0.25">
      <c r="A2825" s="219" t="s">
        <v>6521</v>
      </c>
      <c r="B2825" s="220" t="s">
        <v>6395</v>
      </c>
      <c r="C2825" s="98" t="s">
        <v>6522</v>
      </c>
      <c r="D2825" s="98" t="s">
        <v>21729</v>
      </c>
      <c r="E2825" s="141">
        <v>1986</v>
      </c>
      <c r="F2825" s="141">
        <v>225</v>
      </c>
      <c r="G2825" s="98" t="s">
        <v>8</v>
      </c>
      <c r="H2825" s="98">
        <v>0</v>
      </c>
      <c r="I2825" s="98">
        <v>0</v>
      </c>
      <c r="J2825" s="98" t="s">
        <v>400</v>
      </c>
      <c r="K2825" s="98" t="s">
        <v>400</v>
      </c>
      <c r="L2825" s="98" t="s">
        <v>400</v>
      </c>
      <c r="M2825" s="98" t="s">
        <v>400</v>
      </c>
      <c r="N2825" s="98" t="s">
        <v>400</v>
      </c>
      <c r="O2825" s="98" t="s">
        <v>400</v>
      </c>
      <c r="P2825" s="98" t="s">
        <v>400</v>
      </c>
      <c r="Q2825" s="98" t="s">
        <v>400</v>
      </c>
      <c r="R2825" s="98" t="s">
        <v>400</v>
      </c>
      <c r="S2825" s="98" t="s">
        <v>400</v>
      </c>
      <c r="T2825" s="98" t="s">
        <v>400</v>
      </c>
      <c r="U2825" s="98">
        <v>0</v>
      </c>
      <c r="V2825" s="98">
        <v>0</v>
      </c>
      <c r="W2825" s="98" t="s">
        <v>400</v>
      </c>
      <c r="X2825" s="98">
        <v>0</v>
      </c>
      <c r="Y2825" s="98">
        <v>0</v>
      </c>
      <c r="Z2825" s="98">
        <v>0</v>
      </c>
      <c r="AA2825" s="98" t="s">
        <v>400</v>
      </c>
      <c r="AB2825" s="98">
        <v>0</v>
      </c>
      <c r="AC2825" s="98">
        <v>0</v>
      </c>
      <c r="AD2825" s="98">
        <v>0</v>
      </c>
      <c r="AE2825" s="98">
        <v>0</v>
      </c>
      <c r="AF2825" s="98">
        <v>0</v>
      </c>
      <c r="AG2825" s="98">
        <v>0</v>
      </c>
      <c r="AH2825" s="98">
        <v>0</v>
      </c>
      <c r="AI2825" s="98">
        <v>0</v>
      </c>
      <c r="AJ2825" s="98">
        <v>0</v>
      </c>
      <c r="AK2825" s="98">
        <v>0</v>
      </c>
      <c r="AL2825" s="98">
        <v>0</v>
      </c>
      <c r="AM2825" s="98">
        <v>0</v>
      </c>
      <c r="AN2825" s="98">
        <v>0</v>
      </c>
      <c r="AO2825" s="98">
        <v>0</v>
      </c>
      <c r="AP2825" s="98">
        <v>0</v>
      </c>
      <c r="AQ2825" s="98">
        <v>0</v>
      </c>
      <c r="AR2825" s="98">
        <v>0</v>
      </c>
      <c r="AS2825" s="98">
        <v>0</v>
      </c>
      <c r="AT2825" s="129">
        <v>0</v>
      </c>
      <c r="AU2825" s="98">
        <v>0</v>
      </c>
      <c r="AV2825" s="98">
        <v>0</v>
      </c>
      <c r="AW2825" s="98">
        <v>0</v>
      </c>
      <c r="AX2825" s="98"/>
      <c r="AY2825" s="98"/>
      <c r="AZ2825" s="98"/>
      <c r="BA2825" s="98"/>
      <c r="BB2825" s="107">
        <v>45884</v>
      </c>
    </row>
    <row r="2826" spans="1:54" s="8" customFormat="1" ht="13.95" customHeight="1" x14ac:dyDescent="0.25">
      <c r="A2826" s="219" t="s">
        <v>6523</v>
      </c>
      <c r="B2826" s="220" t="s">
        <v>6395</v>
      </c>
      <c r="C2826" s="98" t="s">
        <v>6524</v>
      </c>
      <c r="D2826" s="98" t="s">
        <v>21730</v>
      </c>
      <c r="E2826" s="141">
        <v>1979</v>
      </c>
      <c r="F2826" s="141">
        <v>229</v>
      </c>
      <c r="G2826" s="98" t="s">
        <v>8</v>
      </c>
      <c r="H2826" s="98">
        <v>0</v>
      </c>
      <c r="I2826" s="98">
        <v>0</v>
      </c>
      <c r="J2826" s="98" t="s">
        <v>400</v>
      </c>
      <c r="K2826" s="98" t="s">
        <v>400</v>
      </c>
      <c r="L2826" s="98" t="s">
        <v>400</v>
      </c>
      <c r="M2826" s="98" t="s">
        <v>400</v>
      </c>
      <c r="N2826" s="98" t="s">
        <v>400</v>
      </c>
      <c r="O2826" s="98" t="s">
        <v>400</v>
      </c>
      <c r="P2826" s="98" t="s">
        <v>400</v>
      </c>
      <c r="Q2826" s="98" t="s">
        <v>400</v>
      </c>
      <c r="R2826" s="98" t="s">
        <v>400</v>
      </c>
      <c r="S2826" s="98" t="s">
        <v>400</v>
      </c>
      <c r="T2826" s="98" t="s">
        <v>400</v>
      </c>
      <c r="U2826" s="98">
        <v>0</v>
      </c>
      <c r="V2826" s="98">
        <v>0</v>
      </c>
      <c r="W2826" s="98" t="s">
        <v>400</v>
      </c>
      <c r="X2826" s="98">
        <v>0</v>
      </c>
      <c r="Y2826" s="98">
        <v>0</v>
      </c>
      <c r="Z2826" s="98">
        <v>0</v>
      </c>
      <c r="AA2826" s="98" t="s">
        <v>400</v>
      </c>
      <c r="AB2826" s="98">
        <v>0</v>
      </c>
      <c r="AC2826" s="98">
        <v>0</v>
      </c>
      <c r="AD2826" s="98">
        <v>0</v>
      </c>
      <c r="AE2826" s="98">
        <v>0</v>
      </c>
      <c r="AF2826" s="98">
        <v>0</v>
      </c>
      <c r="AG2826" s="98">
        <v>0</v>
      </c>
      <c r="AH2826" s="98">
        <v>0</v>
      </c>
      <c r="AI2826" s="98">
        <v>0</v>
      </c>
      <c r="AJ2826" s="98">
        <v>0</v>
      </c>
      <c r="AK2826" s="98">
        <v>0</v>
      </c>
      <c r="AL2826" s="98">
        <v>0</v>
      </c>
      <c r="AM2826" s="98">
        <v>0</v>
      </c>
      <c r="AN2826" s="98">
        <v>0</v>
      </c>
      <c r="AO2826" s="98">
        <v>0</v>
      </c>
      <c r="AP2826" s="98">
        <v>0</v>
      </c>
      <c r="AQ2826" s="98">
        <v>0</v>
      </c>
      <c r="AR2826" s="98">
        <v>0</v>
      </c>
      <c r="AS2826" s="98">
        <v>0</v>
      </c>
      <c r="AT2826" s="129">
        <v>0</v>
      </c>
      <c r="AU2826" s="98">
        <v>0</v>
      </c>
      <c r="AV2826" s="98">
        <v>0</v>
      </c>
      <c r="AW2826" s="98">
        <v>0</v>
      </c>
      <c r="AX2826" s="98"/>
      <c r="AY2826" s="98"/>
      <c r="AZ2826" s="98"/>
      <c r="BA2826" s="98"/>
      <c r="BB2826" s="107">
        <v>45884</v>
      </c>
    </row>
    <row r="2827" spans="1:54" s="8" customFormat="1" ht="13.95" customHeight="1" x14ac:dyDescent="0.25">
      <c r="A2827" s="219" t="s">
        <v>6525</v>
      </c>
      <c r="B2827" s="220" t="s">
        <v>6395</v>
      </c>
      <c r="C2827" s="98" t="s">
        <v>6526</v>
      </c>
      <c r="D2827" s="98" t="s">
        <v>21731</v>
      </c>
      <c r="E2827" s="141">
        <v>2004</v>
      </c>
      <c r="F2827" s="141">
        <v>231</v>
      </c>
      <c r="G2827" s="98" t="s">
        <v>1</v>
      </c>
      <c r="H2827" s="98">
        <v>0</v>
      </c>
      <c r="I2827" s="98">
        <v>0</v>
      </c>
      <c r="J2827" s="98" t="s">
        <v>400</v>
      </c>
      <c r="K2827" s="98" t="s">
        <v>400</v>
      </c>
      <c r="L2827" s="98" t="s">
        <v>400</v>
      </c>
      <c r="M2827" s="98" t="s">
        <v>400</v>
      </c>
      <c r="N2827" s="98" t="s">
        <v>400</v>
      </c>
      <c r="O2827" s="98" t="s">
        <v>400</v>
      </c>
      <c r="P2827" s="98" t="s">
        <v>400</v>
      </c>
      <c r="Q2827" s="98" t="s">
        <v>400</v>
      </c>
      <c r="R2827" s="98" t="s">
        <v>400</v>
      </c>
      <c r="S2827" s="98" t="s">
        <v>400</v>
      </c>
      <c r="T2827" s="98" t="s">
        <v>400</v>
      </c>
      <c r="U2827" s="128"/>
      <c r="V2827" s="128"/>
      <c r="W2827" s="128"/>
      <c r="X2827" s="128"/>
      <c r="Y2827" s="128"/>
      <c r="Z2827" s="128"/>
      <c r="AA2827" s="128"/>
      <c r="AB2827" s="128"/>
      <c r="AC2827" s="128"/>
      <c r="AD2827" s="128"/>
      <c r="AE2827" s="128"/>
      <c r="AF2827" s="128"/>
      <c r="AG2827" s="128"/>
      <c r="AH2827" s="128"/>
      <c r="AI2827" s="128"/>
      <c r="AJ2827" s="128"/>
      <c r="AK2827" s="128"/>
      <c r="AL2827" s="128"/>
      <c r="AM2827" s="128"/>
      <c r="AN2827" s="128"/>
      <c r="AO2827" s="128"/>
      <c r="AP2827" s="128"/>
      <c r="AQ2827" s="128"/>
      <c r="AR2827" s="128"/>
      <c r="AS2827" s="128"/>
      <c r="AT2827" s="128"/>
      <c r="AU2827" s="128"/>
      <c r="AV2827" s="128"/>
      <c r="AW2827" s="128"/>
      <c r="AX2827" s="128"/>
      <c r="AY2827" s="128"/>
      <c r="AZ2827" s="128"/>
      <c r="BA2827" s="128"/>
      <c r="BB2827" s="107">
        <v>45884</v>
      </c>
    </row>
    <row r="2828" spans="1:54" s="8" customFormat="1" ht="13.95" customHeight="1" x14ac:dyDescent="0.25">
      <c r="A2828" s="219" t="s">
        <v>6527</v>
      </c>
      <c r="B2828" s="220" t="s">
        <v>6395</v>
      </c>
      <c r="C2828" s="98" t="s">
        <v>6528</v>
      </c>
      <c r="D2828" s="98" t="s">
        <v>21732</v>
      </c>
      <c r="E2828" s="141">
        <v>1973</v>
      </c>
      <c r="F2828" s="141">
        <v>233</v>
      </c>
      <c r="G2828" s="98" t="s">
        <v>1</v>
      </c>
      <c r="H2828" s="98">
        <v>0</v>
      </c>
      <c r="I2828" s="98">
        <v>0</v>
      </c>
      <c r="J2828" s="98" t="s">
        <v>400</v>
      </c>
      <c r="K2828" s="98" t="s">
        <v>400</v>
      </c>
      <c r="L2828" s="98" t="s">
        <v>400</v>
      </c>
      <c r="M2828" s="98" t="s">
        <v>400</v>
      </c>
      <c r="N2828" s="98" t="s">
        <v>400</v>
      </c>
      <c r="O2828" s="98" t="s">
        <v>400</v>
      </c>
      <c r="P2828" s="98" t="s">
        <v>400</v>
      </c>
      <c r="Q2828" s="98" t="s">
        <v>400</v>
      </c>
      <c r="R2828" s="98" t="s">
        <v>400</v>
      </c>
      <c r="S2828" s="98" t="s">
        <v>400</v>
      </c>
      <c r="T2828" s="98" t="s">
        <v>400</v>
      </c>
      <c r="U2828" s="128"/>
      <c r="V2828" s="128"/>
      <c r="W2828" s="128"/>
      <c r="X2828" s="128"/>
      <c r="Y2828" s="128"/>
      <c r="Z2828" s="128"/>
      <c r="AA2828" s="128"/>
      <c r="AB2828" s="128"/>
      <c r="AC2828" s="128"/>
      <c r="AD2828" s="128"/>
      <c r="AE2828" s="128"/>
      <c r="AF2828" s="128"/>
      <c r="AG2828" s="128"/>
      <c r="AH2828" s="128"/>
      <c r="AI2828" s="128"/>
      <c r="AJ2828" s="128"/>
      <c r="AK2828" s="128"/>
      <c r="AL2828" s="128"/>
      <c r="AM2828" s="128"/>
      <c r="AN2828" s="128"/>
      <c r="AO2828" s="128"/>
      <c r="AP2828" s="128"/>
      <c r="AQ2828" s="128"/>
      <c r="AR2828" s="128"/>
      <c r="AS2828" s="128"/>
      <c r="AT2828" s="128"/>
      <c r="AU2828" s="128"/>
      <c r="AV2828" s="128"/>
      <c r="AW2828" s="128"/>
      <c r="AX2828" s="128"/>
      <c r="AY2828" s="128"/>
      <c r="AZ2828" s="128"/>
      <c r="BA2828" s="128"/>
      <c r="BB2828" s="107">
        <v>45884</v>
      </c>
    </row>
    <row r="2829" spans="1:54" s="8" customFormat="1" ht="13.95" customHeight="1" x14ac:dyDescent="0.25">
      <c r="A2829" s="219" t="s">
        <v>6529</v>
      </c>
      <c r="B2829" s="220" t="s">
        <v>6395</v>
      </c>
      <c r="C2829" s="98" t="s">
        <v>6530</v>
      </c>
      <c r="D2829" s="98" t="s">
        <v>21733</v>
      </c>
      <c r="E2829" s="141">
        <v>2001</v>
      </c>
      <c r="F2829" s="141">
        <v>234</v>
      </c>
      <c r="G2829" s="98" t="s">
        <v>1</v>
      </c>
      <c r="H2829" s="98">
        <v>0</v>
      </c>
      <c r="I2829" s="98">
        <v>0</v>
      </c>
      <c r="J2829" s="98" t="s">
        <v>400</v>
      </c>
      <c r="K2829" s="98" t="s">
        <v>400</v>
      </c>
      <c r="L2829" s="98" t="s">
        <v>400</v>
      </c>
      <c r="M2829" s="98" t="s">
        <v>400</v>
      </c>
      <c r="N2829" s="98" t="s">
        <v>400</v>
      </c>
      <c r="O2829" s="98" t="s">
        <v>400</v>
      </c>
      <c r="P2829" s="98" t="s">
        <v>400</v>
      </c>
      <c r="Q2829" s="98" t="s">
        <v>400</v>
      </c>
      <c r="R2829" s="98" t="s">
        <v>400</v>
      </c>
      <c r="S2829" s="98" t="s">
        <v>400</v>
      </c>
      <c r="T2829" s="98" t="s">
        <v>400</v>
      </c>
      <c r="U2829" s="128"/>
      <c r="V2829" s="128"/>
      <c r="W2829" s="128"/>
      <c r="X2829" s="128"/>
      <c r="Y2829" s="128"/>
      <c r="Z2829" s="128"/>
      <c r="AA2829" s="128"/>
      <c r="AB2829" s="128"/>
      <c r="AC2829" s="128"/>
      <c r="AD2829" s="128"/>
      <c r="AE2829" s="128"/>
      <c r="AF2829" s="128"/>
      <c r="AG2829" s="128"/>
      <c r="AH2829" s="128"/>
      <c r="AI2829" s="128"/>
      <c r="AJ2829" s="128"/>
      <c r="AK2829" s="128"/>
      <c r="AL2829" s="128"/>
      <c r="AM2829" s="128"/>
      <c r="AN2829" s="128"/>
      <c r="AO2829" s="128"/>
      <c r="AP2829" s="128"/>
      <c r="AQ2829" s="128"/>
      <c r="AR2829" s="128"/>
      <c r="AS2829" s="128"/>
      <c r="AT2829" s="128"/>
      <c r="AU2829" s="128"/>
      <c r="AV2829" s="128"/>
      <c r="AW2829" s="128"/>
      <c r="AX2829" s="128"/>
      <c r="AY2829" s="128"/>
      <c r="AZ2829" s="128"/>
      <c r="BA2829" s="128"/>
      <c r="BB2829" s="107">
        <v>45884</v>
      </c>
    </row>
    <row r="2830" spans="1:54" s="8" customFormat="1" ht="13.95" customHeight="1" x14ac:dyDescent="0.25">
      <c r="A2830" s="219" t="s">
        <v>6531</v>
      </c>
      <c r="B2830" s="220" t="s">
        <v>6395</v>
      </c>
      <c r="C2830" s="98" t="s">
        <v>6532</v>
      </c>
      <c r="D2830" s="98" t="s">
        <v>20603</v>
      </c>
      <c r="E2830" s="141">
        <v>1995</v>
      </c>
      <c r="F2830" s="141">
        <v>235</v>
      </c>
      <c r="G2830" s="98" t="s">
        <v>1</v>
      </c>
      <c r="H2830" s="98">
        <v>0</v>
      </c>
      <c r="I2830" s="98">
        <v>0</v>
      </c>
      <c r="J2830" s="98" t="s">
        <v>400</v>
      </c>
      <c r="K2830" s="98" t="s">
        <v>400</v>
      </c>
      <c r="L2830" s="98" t="s">
        <v>400</v>
      </c>
      <c r="M2830" s="98" t="s">
        <v>400</v>
      </c>
      <c r="N2830" s="98" t="s">
        <v>400</v>
      </c>
      <c r="O2830" s="98" t="s">
        <v>400</v>
      </c>
      <c r="P2830" s="98" t="s">
        <v>400</v>
      </c>
      <c r="Q2830" s="98" t="s">
        <v>400</v>
      </c>
      <c r="R2830" s="98" t="s">
        <v>400</v>
      </c>
      <c r="S2830" s="98" t="s">
        <v>400</v>
      </c>
      <c r="T2830" s="98" t="s">
        <v>400</v>
      </c>
      <c r="U2830" s="128"/>
      <c r="V2830" s="128"/>
      <c r="W2830" s="128"/>
      <c r="X2830" s="128"/>
      <c r="Y2830" s="128"/>
      <c r="Z2830" s="128"/>
      <c r="AA2830" s="128"/>
      <c r="AB2830" s="128"/>
      <c r="AC2830" s="128"/>
      <c r="AD2830" s="128"/>
      <c r="AE2830" s="128"/>
      <c r="AF2830" s="128"/>
      <c r="AG2830" s="128"/>
      <c r="AH2830" s="128"/>
      <c r="AI2830" s="128"/>
      <c r="AJ2830" s="128"/>
      <c r="AK2830" s="128"/>
      <c r="AL2830" s="128"/>
      <c r="AM2830" s="128"/>
      <c r="AN2830" s="128"/>
      <c r="AO2830" s="128"/>
      <c r="AP2830" s="128"/>
      <c r="AQ2830" s="128"/>
      <c r="AR2830" s="128"/>
      <c r="AS2830" s="128"/>
      <c r="AT2830" s="128"/>
      <c r="AU2830" s="128"/>
      <c r="AV2830" s="128"/>
      <c r="AW2830" s="128"/>
      <c r="AX2830" s="128"/>
      <c r="AY2830" s="128"/>
      <c r="AZ2830" s="128"/>
      <c r="BA2830" s="128"/>
      <c r="BB2830" s="107">
        <v>45884</v>
      </c>
    </row>
    <row r="2831" spans="1:54" s="8" customFormat="1" ht="13.95" customHeight="1" x14ac:dyDescent="0.25">
      <c r="A2831" s="219" t="s">
        <v>6533</v>
      </c>
      <c r="B2831" s="220" t="s">
        <v>6395</v>
      </c>
      <c r="C2831" s="98" t="s">
        <v>22151</v>
      </c>
      <c r="D2831" s="98" t="s">
        <v>21734</v>
      </c>
      <c r="E2831" s="141">
        <v>1966</v>
      </c>
      <c r="F2831" s="141">
        <v>236</v>
      </c>
      <c r="G2831" s="98" t="s">
        <v>1</v>
      </c>
      <c r="H2831" s="98">
        <v>0</v>
      </c>
      <c r="I2831" s="98">
        <v>0</v>
      </c>
      <c r="J2831" s="98" t="s">
        <v>400</v>
      </c>
      <c r="K2831" s="98" t="s">
        <v>400</v>
      </c>
      <c r="L2831" s="98" t="s">
        <v>400</v>
      </c>
      <c r="M2831" s="98" t="s">
        <v>400</v>
      </c>
      <c r="N2831" s="98" t="s">
        <v>400</v>
      </c>
      <c r="O2831" s="98" t="s">
        <v>400</v>
      </c>
      <c r="P2831" s="98" t="s">
        <v>400</v>
      </c>
      <c r="Q2831" s="98" t="s">
        <v>400</v>
      </c>
      <c r="R2831" s="98" t="s">
        <v>400</v>
      </c>
      <c r="S2831" s="98" t="s">
        <v>400</v>
      </c>
      <c r="T2831" s="98" t="s">
        <v>400</v>
      </c>
      <c r="U2831" s="128"/>
      <c r="V2831" s="128"/>
      <c r="W2831" s="128"/>
      <c r="X2831" s="128"/>
      <c r="Y2831" s="128"/>
      <c r="Z2831" s="128"/>
      <c r="AA2831" s="128"/>
      <c r="AB2831" s="128"/>
      <c r="AC2831" s="128"/>
      <c r="AD2831" s="128"/>
      <c r="AE2831" s="128"/>
      <c r="AF2831" s="128"/>
      <c r="AG2831" s="128"/>
      <c r="AH2831" s="128"/>
      <c r="AI2831" s="128"/>
      <c r="AJ2831" s="128"/>
      <c r="AK2831" s="128"/>
      <c r="AL2831" s="128"/>
      <c r="AM2831" s="128"/>
      <c r="AN2831" s="128"/>
      <c r="AO2831" s="128"/>
      <c r="AP2831" s="128"/>
      <c r="AQ2831" s="128"/>
      <c r="AR2831" s="128"/>
      <c r="AS2831" s="128"/>
      <c r="AT2831" s="128"/>
      <c r="AU2831" s="128"/>
      <c r="AV2831" s="128"/>
      <c r="AW2831" s="128"/>
      <c r="AX2831" s="128"/>
      <c r="AY2831" s="128"/>
      <c r="AZ2831" s="128"/>
      <c r="BA2831" s="128"/>
      <c r="BB2831" s="107">
        <v>45884</v>
      </c>
    </row>
    <row r="2832" spans="1:54" s="8" customFormat="1" ht="13.95" customHeight="1" x14ac:dyDescent="0.25">
      <c r="A2832" s="219" t="s">
        <v>6534</v>
      </c>
      <c r="B2832" s="220" t="s">
        <v>6395</v>
      </c>
      <c r="C2832" s="98" t="s">
        <v>6535</v>
      </c>
      <c r="D2832" s="98" t="s">
        <v>21735</v>
      </c>
      <c r="E2832" s="141">
        <v>1984</v>
      </c>
      <c r="F2832" s="141">
        <v>238</v>
      </c>
      <c r="G2832" s="98" t="s">
        <v>1</v>
      </c>
      <c r="H2832" s="98">
        <v>0</v>
      </c>
      <c r="I2832" s="98">
        <v>0</v>
      </c>
      <c r="J2832" s="98" t="s">
        <v>400</v>
      </c>
      <c r="K2832" s="98" t="s">
        <v>400</v>
      </c>
      <c r="L2832" s="98" t="s">
        <v>400</v>
      </c>
      <c r="M2832" s="98" t="s">
        <v>400</v>
      </c>
      <c r="N2832" s="98" t="s">
        <v>400</v>
      </c>
      <c r="O2832" s="98" t="s">
        <v>400</v>
      </c>
      <c r="P2832" s="98" t="s">
        <v>400</v>
      </c>
      <c r="Q2832" s="98" t="s">
        <v>400</v>
      </c>
      <c r="R2832" s="98" t="s">
        <v>400</v>
      </c>
      <c r="S2832" s="98" t="s">
        <v>400</v>
      </c>
      <c r="T2832" s="98" t="s">
        <v>400</v>
      </c>
      <c r="U2832" s="128"/>
      <c r="V2832" s="128"/>
      <c r="W2832" s="128"/>
      <c r="X2832" s="128"/>
      <c r="Y2832" s="128"/>
      <c r="Z2832" s="128"/>
      <c r="AA2832" s="128"/>
      <c r="AB2832" s="128"/>
      <c r="AC2832" s="128"/>
      <c r="AD2832" s="128"/>
      <c r="AE2832" s="128"/>
      <c r="AF2832" s="128"/>
      <c r="AG2832" s="128"/>
      <c r="AH2832" s="128"/>
      <c r="AI2832" s="128"/>
      <c r="AJ2832" s="128"/>
      <c r="AK2832" s="128"/>
      <c r="AL2832" s="128"/>
      <c r="AM2832" s="128"/>
      <c r="AN2832" s="128"/>
      <c r="AO2832" s="128"/>
      <c r="AP2832" s="128"/>
      <c r="AQ2832" s="128"/>
      <c r="AR2832" s="128"/>
      <c r="AS2832" s="128"/>
      <c r="AT2832" s="128"/>
      <c r="AU2832" s="128"/>
      <c r="AV2832" s="128"/>
      <c r="AW2832" s="128"/>
      <c r="AX2832" s="128"/>
      <c r="AY2832" s="128"/>
      <c r="AZ2832" s="128"/>
      <c r="BA2832" s="128"/>
      <c r="BB2832" s="107">
        <v>45884</v>
      </c>
    </row>
    <row r="2833" spans="1:54" s="8" customFormat="1" ht="13.95" customHeight="1" x14ac:dyDescent="0.25">
      <c r="A2833" s="219" t="s">
        <v>6536</v>
      </c>
      <c r="B2833" s="220" t="s">
        <v>6395</v>
      </c>
      <c r="C2833" s="98" t="s">
        <v>6537</v>
      </c>
      <c r="D2833" s="98" t="s">
        <v>21736</v>
      </c>
      <c r="E2833" s="141">
        <v>1997</v>
      </c>
      <c r="F2833" s="141">
        <v>239</v>
      </c>
      <c r="G2833" s="98" t="s">
        <v>1</v>
      </c>
      <c r="H2833" s="98">
        <v>0</v>
      </c>
      <c r="I2833" s="98">
        <v>0</v>
      </c>
      <c r="J2833" s="98" t="s">
        <v>400</v>
      </c>
      <c r="K2833" s="98" t="s">
        <v>400</v>
      </c>
      <c r="L2833" s="98" t="s">
        <v>400</v>
      </c>
      <c r="M2833" s="98" t="s">
        <v>400</v>
      </c>
      <c r="N2833" s="98" t="s">
        <v>400</v>
      </c>
      <c r="O2833" s="98" t="s">
        <v>400</v>
      </c>
      <c r="P2833" s="98" t="s">
        <v>400</v>
      </c>
      <c r="Q2833" s="98" t="s">
        <v>400</v>
      </c>
      <c r="R2833" s="98" t="s">
        <v>400</v>
      </c>
      <c r="S2833" s="98" t="s">
        <v>400</v>
      </c>
      <c r="T2833" s="98" t="s">
        <v>400</v>
      </c>
      <c r="U2833" s="128"/>
      <c r="V2833" s="128"/>
      <c r="W2833" s="128"/>
      <c r="X2833" s="128"/>
      <c r="Y2833" s="128"/>
      <c r="Z2833" s="128"/>
      <c r="AA2833" s="128"/>
      <c r="AB2833" s="128"/>
      <c r="AC2833" s="128"/>
      <c r="AD2833" s="128"/>
      <c r="AE2833" s="128"/>
      <c r="AF2833" s="128"/>
      <c r="AG2833" s="128"/>
      <c r="AH2833" s="128"/>
      <c r="AI2833" s="128"/>
      <c r="AJ2833" s="128"/>
      <c r="AK2833" s="128"/>
      <c r="AL2833" s="128"/>
      <c r="AM2833" s="128"/>
      <c r="AN2833" s="128"/>
      <c r="AO2833" s="128"/>
      <c r="AP2833" s="128"/>
      <c r="AQ2833" s="128"/>
      <c r="AR2833" s="128"/>
      <c r="AS2833" s="128"/>
      <c r="AT2833" s="128"/>
      <c r="AU2833" s="128"/>
      <c r="AV2833" s="128"/>
      <c r="AW2833" s="128"/>
      <c r="AX2833" s="128"/>
      <c r="AY2833" s="128"/>
      <c r="AZ2833" s="128"/>
      <c r="BA2833" s="128"/>
      <c r="BB2833" s="107">
        <v>45884</v>
      </c>
    </row>
    <row r="2834" spans="1:54" s="8" customFormat="1" ht="13.95" customHeight="1" x14ac:dyDescent="0.25">
      <c r="A2834" s="219" t="s">
        <v>6538</v>
      </c>
      <c r="B2834" s="220" t="s">
        <v>6395</v>
      </c>
      <c r="C2834" s="98" t="s">
        <v>6539</v>
      </c>
      <c r="D2834" s="98" t="s">
        <v>21737</v>
      </c>
      <c r="E2834" s="141">
        <v>2001</v>
      </c>
      <c r="F2834" s="141">
        <v>239</v>
      </c>
      <c r="G2834" s="98" t="s">
        <v>1</v>
      </c>
      <c r="H2834" s="98">
        <v>0</v>
      </c>
      <c r="I2834" s="98">
        <v>0</v>
      </c>
      <c r="J2834" s="98" t="s">
        <v>400</v>
      </c>
      <c r="K2834" s="98" t="s">
        <v>400</v>
      </c>
      <c r="L2834" s="98" t="s">
        <v>400</v>
      </c>
      <c r="M2834" s="98" t="s">
        <v>400</v>
      </c>
      <c r="N2834" s="98" t="s">
        <v>400</v>
      </c>
      <c r="O2834" s="98" t="s">
        <v>400</v>
      </c>
      <c r="P2834" s="98" t="s">
        <v>400</v>
      </c>
      <c r="Q2834" s="98" t="s">
        <v>400</v>
      </c>
      <c r="R2834" s="98" t="s">
        <v>400</v>
      </c>
      <c r="S2834" s="98" t="s">
        <v>400</v>
      </c>
      <c r="T2834" s="98" t="s">
        <v>400</v>
      </c>
      <c r="U2834" s="128"/>
      <c r="V2834" s="128"/>
      <c r="W2834" s="128"/>
      <c r="X2834" s="128"/>
      <c r="Y2834" s="128"/>
      <c r="Z2834" s="128"/>
      <c r="AA2834" s="128"/>
      <c r="AB2834" s="128"/>
      <c r="AC2834" s="128"/>
      <c r="AD2834" s="128"/>
      <c r="AE2834" s="128"/>
      <c r="AF2834" s="128"/>
      <c r="AG2834" s="128"/>
      <c r="AH2834" s="128"/>
      <c r="AI2834" s="128"/>
      <c r="AJ2834" s="128"/>
      <c r="AK2834" s="128"/>
      <c r="AL2834" s="128"/>
      <c r="AM2834" s="128"/>
      <c r="AN2834" s="128"/>
      <c r="AO2834" s="128"/>
      <c r="AP2834" s="128"/>
      <c r="AQ2834" s="128"/>
      <c r="AR2834" s="128"/>
      <c r="AS2834" s="128"/>
      <c r="AT2834" s="128"/>
      <c r="AU2834" s="128"/>
      <c r="AV2834" s="128"/>
      <c r="AW2834" s="128"/>
      <c r="AX2834" s="128"/>
      <c r="AY2834" s="128"/>
      <c r="AZ2834" s="128"/>
      <c r="BA2834" s="128"/>
      <c r="BB2834" s="107">
        <v>45884</v>
      </c>
    </row>
    <row r="2835" spans="1:54" s="8" customFormat="1" ht="13.95" customHeight="1" x14ac:dyDescent="0.25">
      <c r="A2835" s="219" t="s">
        <v>6540</v>
      </c>
      <c r="B2835" s="220" t="s">
        <v>6395</v>
      </c>
      <c r="C2835" s="98" t="s">
        <v>6541</v>
      </c>
      <c r="D2835" s="98" t="s">
        <v>20604</v>
      </c>
      <c r="E2835" s="141">
        <v>1979</v>
      </c>
      <c r="F2835" s="141">
        <v>239</v>
      </c>
      <c r="G2835" s="98" t="s">
        <v>1</v>
      </c>
      <c r="H2835" s="98">
        <v>0</v>
      </c>
      <c r="I2835" s="98">
        <v>0</v>
      </c>
      <c r="J2835" s="98" t="s">
        <v>400</v>
      </c>
      <c r="K2835" s="98" t="s">
        <v>400</v>
      </c>
      <c r="L2835" s="98" t="s">
        <v>400</v>
      </c>
      <c r="M2835" s="98" t="s">
        <v>400</v>
      </c>
      <c r="N2835" s="98" t="s">
        <v>400</v>
      </c>
      <c r="O2835" s="98" t="s">
        <v>400</v>
      </c>
      <c r="P2835" s="98" t="s">
        <v>400</v>
      </c>
      <c r="Q2835" s="98" t="s">
        <v>400</v>
      </c>
      <c r="R2835" s="98" t="s">
        <v>400</v>
      </c>
      <c r="S2835" s="98" t="s">
        <v>400</v>
      </c>
      <c r="T2835" s="98" t="s">
        <v>400</v>
      </c>
      <c r="U2835" s="128"/>
      <c r="V2835" s="128"/>
      <c r="W2835" s="128"/>
      <c r="X2835" s="128"/>
      <c r="Y2835" s="128"/>
      <c r="Z2835" s="128"/>
      <c r="AA2835" s="128"/>
      <c r="AB2835" s="128"/>
      <c r="AC2835" s="128"/>
      <c r="AD2835" s="128"/>
      <c r="AE2835" s="128"/>
      <c r="AF2835" s="128"/>
      <c r="AG2835" s="128"/>
      <c r="AH2835" s="128"/>
      <c r="AI2835" s="128"/>
      <c r="AJ2835" s="128"/>
      <c r="AK2835" s="128"/>
      <c r="AL2835" s="128"/>
      <c r="AM2835" s="128"/>
      <c r="AN2835" s="128"/>
      <c r="AO2835" s="128"/>
      <c r="AP2835" s="128"/>
      <c r="AQ2835" s="128"/>
      <c r="AR2835" s="128"/>
      <c r="AS2835" s="128"/>
      <c r="AT2835" s="128"/>
      <c r="AU2835" s="128"/>
      <c r="AV2835" s="128"/>
      <c r="AW2835" s="128"/>
      <c r="AX2835" s="128"/>
      <c r="AY2835" s="128"/>
      <c r="AZ2835" s="128"/>
      <c r="BA2835" s="128"/>
      <c r="BB2835" s="107">
        <v>45884</v>
      </c>
    </row>
    <row r="2836" spans="1:54" s="8" customFormat="1" ht="13.95" customHeight="1" x14ac:dyDescent="0.25">
      <c r="A2836" s="219" t="s">
        <v>6542</v>
      </c>
      <c r="B2836" s="220" t="s">
        <v>6395</v>
      </c>
      <c r="C2836" s="98" t="s">
        <v>6543</v>
      </c>
      <c r="D2836" s="98" t="s">
        <v>21738</v>
      </c>
      <c r="E2836" s="141">
        <v>1998</v>
      </c>
      <c r="F2836" s="141">
        <v>241</v>
      </c>
      <c r="G2836" s="98" t="s">
        <v>1</v>
      </c>
      <c r="H2836" s="98">
        <v>0</v>
      </c>
      <c r="I2836" s="98">
        <v>0</v>
      </c>
      <c r="J2836" s="98" t="s">
        <v>400</v>
      </c>
      <c r="K2836" s="98" t="s">
        <v>400</v>
      </c>
      <c r="L2836" s="98" t="s">
        <v>400</v>
      </c>
      <c r="M2836" s="98" t="s">
        <v>400</v>
      </c>
      <c r="N2836" s="98" t="s">
        <v>400</v>
      </c>
      <c r="O2836" s="98" t="s">
        <v>400</v>
      </c>
      <c r="P2836" s="98" t="s">
        <v>400</v>
      </c>
      <c r="Q2836" s="98" t="s">
        <v>400</v>
      </c>
      <c r="R2836" s="98" t="s">
        <v>400</v>
      </c>
      <c r="S2836" s="98" t="s">
        <v>400</v>
      </c>
      <c r="T2836" s="98" t="s">
        <v>400</v>
      </c>
      <c r="U2836" s="128"/>
      <c r="V2836" s="128"/>
      <c r="W2836" s="128"/>
      <c r="X2836" s="128"/>
      <c r="Y2836" s="128"/>
      <c r="Z2836" s="128"/>
      <c r="AA2836" s="128"/>
      <c r="AB2836" s="128"/>
      <c r="AC2836" s="128"/>
      <c r="AD2836" s="128"/>
      <c r="AE2836" s="128"/>
      <c r="AF2836" s="128"/>
      <c r="AG2836" s="128"/>
      <c r="AH2836" s="128"/>
      <c r="AI2836" s="128"/>
      <c r="AJ2836" s="128"/>
      <c r="AK2836" s="128"/>
      <c r="AL2836" s="128"/>
      <c r="AM2836" s="128"/>
      <c r="AN2836" s="128"/>
      <c r="AO2836" s="128"/>
      <c r="AP2836" s="128"/>
      <c r="AQ2836" s="128"/>
      <c r="AR2836" s="128"/>
      <c r="AS2836" s="128"/>
      <c r="AT2836" s="128"/>
      <c r="AU2836" s="128"/>
      <c r="AV2836" s="128"/>
      <c r="AW2836" s="128"/>
      <c r="AX2836" s="128"/>
      <c r="AY2836" s="128"/>
      <c r="AZ2836" s="128"/>
      <c r="BA2836" s="128"/>
      <c r="BB2836" s="107">
        <v>45884</v>
      </c>
    </row>
    <row r="2837" spans="1:54" s="8" customFormat="1" ht="13.95" customHeight="1" x14ac:dyDescent="0.25">
      <c r="A2837" s="219" t="s">
        <v>6544</v>
      </c>
      <c r="B2837" s="220" t="s">
        <v>6395</v>
      </c>
      <c r="C2837" s="98" t="s">
        <v>6545</v>
      </c>
      <c r="D2837" s="98" t="s">
        <v>21739</v>
      </c>
      <c r="E2837" s="141">
        <v>1979</v>
      </c>
      <c r="F2837" s="141">
        <v>241</v>
      </c>
      <c r="G2837" s="98" t="s">
        <v>1</v>
      </c>
      <c r="H2837" s="98">
        <v>0</v>
      </c>
      <c r="I2837" s="98">
        <v>0</v>
      </c>
      <c r="J2837" s="98" t="s">
        <v>400</v>
      </c>
      <c r="K2837" s="98" t="s">
        <v>400</v>
      </c>
      <c r="L2837" s="98" t="s">
        <v>400</v>
      </c>
      <c r="M2837" s="98" t="s">
        <v>400</v>
      </c>
      <c r="N2837" s="98" t="s">
        <v>400</v>
      </c>
      <c r="O2837" s="98" t="s">
        <v>400</v>
      </c>
      <c r="P2837" s="98" t="s">
        <v>400</v>
      </c>
      <c r="Q2837" s="98" t="s">
        <v>400</v>
      </c>
      <c r="R2837" s="98" t="s">
        <v>400</v>
      </c>
      <c r="S2837" s="98" t="s">
        <v>400</v>
      </c>
      <c r="T2837" s="98" t="s">
        <v>400</v>
      </c>
      <c r="U2837" s="128"/>
      <c r="V2837" s="128"/>
      <c r="W2837" s="128"/>
      <c r="X2837" s="128"/>
      <c r="Y2837" s="128"/>
      <c r="Z2837" s="128"/>
      <c r="AA2837" s="128"/>
      <c r="AB2837" s="128"/>
      <c r="AC2837" s="128"/>
      <c r="AD2837" s="128"/>
      <c r="AE2837" s="128"/>
      <c r="AF2837" s="128"/>
      <c r="AG2837" s="128"/>
      <c r="AH2837" s="128"/>
      <c r="AI2837" s="128"/>
      <c r="AJ2837" s="128"/>
      <c r="AK2837" s="128"/>
      <c r="AL2837" s="128"/>
      <c r="AM2837" s="128"/>
      <c r="AN2837" s="128"/>
      <c r="AO2837" s="128"/>
      <c r="AP2837" s="128"/>
      <c r="AQ2837" s="128"/>
      <c r="AR2837" s="128"/>
      <c r="AS2837" s="128"/>
      <c r="AT2837" s="128"/>
      <c r="AU2837" s="128"/>
      <c r="AV2837" s="128"/>
      <c r="AW2837" s="128"/>
      <c r="AX2837" s="128"/>
      <c r="AY2837" s="128"/>
      <c r="AZ2837" s="128"/>
      <c r="BA2837" s="128"/>
      <c r="BB2837" s="107">
        <v>45884</v>
      </c>
    </row>
    <row r="2838" spans="1:54" s="8" customFormat="1" ht="13.95" customHeight="1" x14ac:dyDescent="0.25">
      <c r="A2838" s="219" t="s">
        <v>6546</v>
      </c>
      <c r="B2838" s="220" t="s">
        <v>6395</v>
      </c>
      <c r="C2838" s="98" t="s">
        <v>6547</v>
      </c>
      <c r="D2838" s="98" t="s">
        <v>21740</v>
      </c>
      <c r="E2838" s="141">
        <v>2000</v>
      </c>
      <c r="F2838" s="141">
        <v>242</v>
      </c>
      <c r="G2838" s="98" t="s">
        <v>1</v>
      </c>
      <c r="H2838" s="98">
        <v>0</v>
      </c>
      <c r="I2838" s="98">
        <v>0</v>
      </c>
      <c r="J2838" s="98" t="s">
        <v>400</v>
      </c>
      <c r="K2838" s="98" t="s">
        <v>400</v>
      </c>
      <c r="L2838" s="98" t="s">
        <v>400</v>
      </c>
      <c r="M2838" s="98" t="s">
        <v>400</v>
      </c>
      <c r="N2838" s="98" t="s">
        <v>400</v>
      </c>
      <c r="O2838" s="98" t="s">
        <v>400</v>
      </c>
      <c r="P2838" s="98" t="s">
        <v>400</v>
      </c>
      <c r="Q2838" s="98" t="s">
        <v>400</v>
      </c>
      <c r="R2838" s="98" t="s">
        <v>400</v>
      </c>
      <c r="S2838" s="98" t="s">
        <v>400</v>
      </c>
      <c r="T2838" s="98" t="s">
        <v>400</v>
      </c>
      <c r="U2838" s="128"/>
      <c r="V2838" s="128"/>
      <c r="W2838" s="128"/>
      <c r="X2838" s="128"/>
      <c r="Y2838" s="128"/>
      <c r="Z2838" s="128"/>
      <c r="AA2838" s="128"/>
      <c r="AB2838" s="128"/>
      <c r="AC2838" s="128"/>
      <c r="AD2838" s="128"/>
      <c r="AE2838" s="128"/>
      <c r="AF2838" s="128"/>
      <c r="AG2838" s="128"/>
      <c r="AH2838" s="128"/>
      <c r="AI2838" s="128"/>
      <c r="AJ2838" s="128"/>
      <c r="AK2838" s="128"/>
      <c r="AL2838" s="128"/>
      <c r="AM2838" s="128"/>
      <c r="AN2838" s="128"/>
      <c r="AO2838" s="128"/>
      <c r="AP2838" s="128"/>
      <c r="AQ2838" s="128"/>
      <c r="AR2838" s="128"/>
      <c r="AS2838" s="128"/>
      <c r="AT2838" s="128"/>
      <c r="AU2838" s="128"/>
      <c r="AV2838" s="128"/>
      <c r="AW2838" s="128"/>
      <c r="AX2838" s="128"/>
      <c r="AY2838" s="128"/>
      <c r="AZ2838" s="128"/>
      <c r="BA2838" s="128"/>
      <c r="BB2838" s="107">
        <v>45884</v>
      </c>
    </row>
    <row r="2839" spans="1:54" s="8" customFormat="1" ht="13.95" customHeight="1" x14ac:dyDescent="0.25">
      <c r="A2839" s="219" t="s">
        <v>6548</v>
      </c>
      <c r="B2839" s="220" t="s">
        <v>6395</v>
      </c>
      <c r="C2839" s="98" t="s">
        <v>6549</v>
      </c>
      <c r="D2839" s="98" t="s">
        <v>20605</v>
      </c>
      <c r="E2839" s="141">
        <v>1998</v>
      </c>
      <c r="F2839" s="141">
        <v>247</v>
      </c>
      <c r="G2839" s="98" t="s">
        <v>1</v>
      </c>
      <c r="H2839" s="98">
        <v>0</v>
      </c>
      <c r="I2839" s="98">
        <v>0</v>
      </c>
      <c r="J2839" s="98" t="s">
        <v>400</v>
      </c>
      <c r="K2839" s="98" t="s">
        <v>400</v>
      </c>
      <c r="L2839" s="98" t="s">
        <v>400</v>
      </c>
      <c r="M2839" s="98" t="s">
        <v>400</v>
      </c>
      <c r="N2839" s="98" t="s">
        <v>400</v>
      </c>
      <c r="O2839" s="98" t="s">
        <v>400</v>
      </c>
      <c r="P2839" s="98" t="s">
        <v>400</v>
      </c>
      <c r="Q2839" s="98" t="s">
        <v>400</v>
      </c>
      <c r="R2839" s="98" t="s">
        <v>400</v>
      </c>
      <c r="S2839" s="98" t="s">
        <v>400</v>
      </c>
      <c r="T2839" s="98" t="s">
        <v>400</v>
      </c>
      <c r="U2839" s="128"/>
      <c r="V2839" s="128"/>
      <c r="W2839" s="128"/>
      <c r="X2839" s="128"/>
      <c r="Y2839" s="128"/>
      <c r="Z2839" s="128"/>
      <c r="AA2839" s="128"/>
      <c r="AB2839" s="128"/>
      <c r="AC2839" s="128"/>
      <c r="AD2839" s="128"/>
      <c r="AE2839" s="128"/>
      <c r="AF2839" s="128"/>
      <c r="AG2839" s="128"/>
      <c r="AH2839" s="128"/>
      <c r="AI2839" s="128"/>
      <c r="AJ2839" s="128"/>
      <c r="AK2839" s="128"/>
      <c r="AL2839" s="128"/>
      <c r="AM2839" s="128"/>
      <c r="AN2839" s="128"/>
      <c r="AO2839" s="128"/>
      <c r="AP2839" s="128"/>
      <c r="AQ2839" s="128"/>
      <c r="AR2839" s="128"/>
      <c r="AS2839" s="128"/>
      <c r="AT2839" s="128"/>
      <c r="AU2839" s="128"/>
      <c r="AV2839" s="128"/>
      <c r="AW2839" s="128"/>
      <c r="AX2839" s="128"/>
      <c r="AY2839" s="128"/>
      <c r="AZ2839" s="128"/>
      <c r="BA2839" s="128"/>
      <c r="BB2839" s="107">
        <v>45884</v>
      </c>
    </row>
    <row r="2840" spans="1:54" s="8" customFormat="1" ht="13.95" customHeight="1" x14ac:dyDescent="0.25">
      <c r="A2840" s="219" t="s">
        <v>6550</v>
      </c>
      <c r="B2840" s="220" t="s">
        <v>6395</v>
      </c>
      <c r="C2840" s="98" t="s">
        <v>6551</v>
      </c>
      <c r="D2840" s="98" t="s">
        <v>21741</v>
      </c>
      <c r="E2840" s="141">
        <v>2001</v>
      </c>
      <c r="F2840" s="141">
        <v>250</v>
      </c>
      <c r="G2840" s="98" t="s">
        <v>1</v>
      </c>
      <c r="H2840" s="98">
        <v>0</v>
      </c>
      <c r="I2840" s="98">
        <v>0</v>
      </c>
      <c r="J2840" s="98" t="s">
        <v>400</v>
      </c>
      <c r="K2840" s="98" t="s">
        <v>400</v>
      </c>
      <c r="L2840" s="98" t="s">
        <v>400</v>
      </c>
      <c r="M2840" s="98" t="s">
        <v>400</v>
      </c>
      <c r="N2840" s="98" t="s">
        <v>400</v>
      </c>
      <c r="O2840" s="98" t="s">
        <v>400</v>
      </c>
      <c r="P2840" s="98" t="s">
        <v>400</v>
      </c>
      <c r="Q2840" s="98" t="s">
        <v>400</v>
      </c>
      <c r="R2840" s="98" t="s">
        <v>400</v>
      </c>
      <c r="S2840" s="98" t="s">
        <v>400</v>
      </c>
      <c r="T2840" s="98" t="s">
        <v>400</v>
      </c>
      <c r="U2840" s="128"/>
      <c r="V2840" s="128"/>
      <c r="W2840" s="128"/>
      <c r="X2840" s="128"/>
      <c r="Y2840" s="128"/>
      <c r="Z2840" s="128"/>
      <c r="AA2840" s="128"/>
      <c r="AB2840" s="128"/>
      <c r="AC2840" s="128"/>
      <c r="AD2840" s="128"/>
      <c r="AE2840" s="128"/>
      <c r="AF2840" s="128"/>
      <c r="AG2840" s="128"/>
      <c r="AH2840" s="128"/>
      <c r="AI2840" s="128"/>
      <c r="AJ2840" s="128"/>
      <c r="AK2840" s="128"/>
      <c r="AL2840" s="128"/>
      <c r="AM2840" s="128"/>
      <c r="AN2840" s="128"/>
      <c r="AO2840" s="128"/>
      <c r="AP2840" s="128"/>
      <c r="AQ2840" s="128"/>
      <c r="AR2840" s="128"/>
      <c r="AS2840" s="128"/>
      <c r="AT2840" s="128"/>
      <c r="AU2840" s="128"/>
      <c r="AV2840" s="128"/>
      <c r="AW2840" s="128"/>
      <c r="AX2840" s="128"/>
      <c r="AY2840" s="128"/>
      <c r="AZ2840" s="128"/>
      <c r="BA2840" s="128"/>
      <c r="BB2840" s="107">
        <v>45884</v>
      </c>
    </row>
    <row r="2841" spans="1:54" s="8" customFormat="1" ht="13.95" customHeight="1" x14ac:dyDescent="0.25">
      <c r="A2841" s="219" t="s">
        <v>6552</v>
      </c>
      <c r="B2841" s="220" t="s">
        <v>6395</v>
      </c>
      <c r="C2841" s="98" t="s">
        <v>6553</v>
      </c>
      <c r="D2841" s="98" t="s">
        <v>20606</v>
      </c>
      <c r="E2841" s="141">
        <v>1998</v>
      </c>
      <c r="F2841" s="141">
        <v>251</v>
      </c>
      <c r="G2841" s="98" t="s">
        <v>1</v>
      </c>
      <c r="H2841" s="98">
        <v>0</v>
      </c>
      <c r="I2841" s="98">
        <v>0</v>
      </c>
      <c r="J2841" s="98" t="s">
        <v>400</v>
      </c>
      <c r="K2841" s="98" t="s">
        <v>400</v>
      </c>
      <c r="L2841" s="98" t="s">
        <v>400</v>
      </c>
      <c r="M2841" s="98" t="s">
        <v>400</v>
      </c>
      <c r="N2841" s="98" t="s">
        <v>400</v>
      </c>
      <c r="O2841" s="98" t="s">
        <v>400</v>
      </c>
      <c r="P2841" s="98" t="s">
        <v>400</v>
      </c>
      <c r="Q2841" s="98" t="s">
        <v>400</v>
      </c>
      <c r="R2841" s="98" t="s">
        <v>400</v>
      </c>
      <c r="S2841" s="98" t="s">
        <v>400</v>
      </c>
      <c r="T2841" s="98" t="s">
        <v>400</v>
      </c>
      <c r="U2841" s="128"/>
      <c r="V2841" s="128"/>
      <c r="W2841" s="128"/>
      <c r="X2841" s="128"/>
      <c r="Y2841" s="128"/>
      <c r="Z2841" s="128"/>
      <c r="AA2841" s="128"/>
      <c r="AB2841" s="128"/>
      <c r="AC2841" s="128"/>
      <c r="AD2841" s="128"/>
      <c r="AE2841" s="128"/>
      <c r="AF2841" s="128"/>
      <c r="AG2841" s="128"/>
      <c r="AH2841" s="128"/>
      <c r="AI2841" s="128"/>
      <c r="AJ2841" s="128"/>
      <c r="AK2841" s="128"/>
      <c r="AL2841" s="128"/>
      <c r="AM2841" s="128"/>
      <c r="AN2841" s="128"/>
      <c r="AO2841" s="128"/>
      <c r="AP2841" s="128"/>
      <c r="AQ2841" s="128"/>
      <c r="AR2841" s="128"/>
      <c r="AS2841" s="128"/>
      <c r="AT2841" s="128"/>
      <c r="AU2841" s="128"/>
      <c r="AV2841" s="128"/>
      <c r="AW2841" s="128"/>
      <c r="AX2841" s="128"/>
      <c r="AY2841" s="128"/>
      <c r="AZ2841" s="128"/>
      <c r="BA2841" s="128"/>
      <c r="BB2841" s="107">
        <v>45884</v>
      </c>
    </row>
    <row r="2842" spans="1:54" s="8" customFormat="1" ht="13.95" customHeight="1" x14ac:dyDescent="0.25">
      <c r="A2842" s="219" t="s">
        <v>6554</v>
      </c>
      <c r="B2842" s="220" t="s">
        <v>6395</v>
      </c>
      <c r="C2842" s="98" t="s">
        <v>6555</v>
      </c>
      <c r="D2842" s="98" t="s">
        <v>21742</v>
      </c>
      <c r="E2842" s="141">
        <v>1979</v>
      </c>
      <c r="F2842" s="141">
        <v>253</v>
      </c>
      <c r="G2842" s="98" t="s">
        <v>1</v>
      </c>
      <c r="H2842" s="98">
        <v>0</v>
      </c>
      <c r="I2842" s="98">
        <v>0</v>
      </c>
      <c r="J2842" s="98" t="s">
        <v>400</v>
      </c>
      <c r="K2842" s="98" t="s">
        <v>400</v>
      </c>
      <c r="L2842" s="98" t="s">
        <v>400</v>
      </c>
      <c r="M2842" s="98" t="s">
        <v>400</v>
      </c>
      <c r="N2842" s="98" t="s">
        <v>400</v>
      </c>
      <c r="O2842" s="98" t="s">
        <v>400</v>
      </c>
      <c r="P2842" s="98" t="s">
        <v>400</v>
      </c>
      <c r="Q2842" s="98" t="s">
        <v>400</v>
      </c>
      <c r="R2842" s="98" t="s">
        <v>400</v>
      </c>
      <c r="S2842" s="98" t="s">
        <v>400</v>
      </c>
      <c r="T2842" s="98" t="s">
        <v>400</v>
      </c>
      <c r="U2842" s="128"/>
      <c r="V2842" s="128"/>
      <c r="W2842" s="128"/>
      <c r="X2842" s="128"/>
      <c r="Y2842" s="128"/>
      <c r="Z2842" s="128"/>
      <c r="AA2842" s="128"/>
      <c r="AB2842" s="128"/>
      <c r="AC2842" s="128"/>
      <c r="AD2842" s="128"/>
      <c r="AE2842" s="128"/>
      <c r="AF2842" s="128"/>
      <c r="AG2842" s="128"/>
      <c r="AH2842" s="128"/>
      <c r="AI2842" s="128"/>
      <c r="AJ2842" s="128"/>
      <c r="AK2842" s="128"/>
      <c r="AL2842" s="128"/>
      <c r="AM2842" s="128"/>
      <c r="AN2842" s="128"/>
      <c r="AO2842" s="128"/>
      <c r="AP2842" s="128"/>
      <c r="AQ2842" s="128"/>
      <c r="AR2842" s="128"/>
      <c r="AS2842" s="128"/>
      <c r="AT2842" s="128"/>
      <c r="AU2842" s="128"/>
      <c r="AV2842" s="128"/>
      <c r="AW2842" s="128"/>
      <c r="AX2842" s="128"/>
      <c r="AY2842" s="128"/>
      <c r="AZ2842" s="128"/>
      <c r="BA2842" s="128"/>
      <c r="BB2842" s="107">
        <v>45884</v>
      </c>
    </row>
    <row r="2843" spans="1:54" s="8" customFormat="1" ht="13.95" customHeight="1" x14ac:dyDescent="0.25">
      <c r="A2843" s="219" t="s">
        <v>6556</v>
      </c>
      <c r="B2843" s="220" t="s">
        <v>6395</v>
      </c>
      <c r="C2843" s="98" t="s">
        <v>6557</v>
      </c>
      <c r="D2843" s="98" t="s">
        <v>21743</v>
      </c>
      <c r="E2843" s="141">
        <v>2006</v>
      </c>
      <c r="F2843" s="141">
        <v>256</v>
      </c>
      <c r="G2843" s="98" t="s">
        <v>1</v>
      </c>
      <c r="H2843" s="98">
        <v>0</v>
      </c>
      <c r="I2843" s="98">
        <v>0</v>
      </c>
      <c r="J2843" s="98" t="s">
        <v>400</v>
      </c>
      <c r="K2843" s="98" t="s">
        <v>400</v>
      </c>
      <c r="L2843" s="98" t="s">
        <v>400</v>
      </c>
      <c r="M2843" s="98" t="s">
        <v>400</v>
      </c>
      <c r="N2843" s="98" t="s">
        <v>400</v>
      </c>
      <c r="O2843" s="98" t="s">
        <v>400</v>
      </c>
      <c r="P2843" s="98" t="s">
        <v>400</v>
      </c>
      <c r="Q2843" s="98" t="s">
        <v>400</v>
      </c>
      <c r="R2843" s="98" t="s">
        <v>400</v>
      </c>
      <c r="S2843" s="98" t="s">
        <v>400</v>
      </c>
      <c r="T2843" s="98" t="s">
        <v>400</v>
      </c>
      <c r="U2843" s="128"/>
      <c r="V2843" s="128"/>
      <c r="W2843" s="128"/>
      <c r="X2843" s="128"/>
      <c r="Y2843" s="128"/>
      <c r="Z2843" s="128"/>
      <c r="AA2843" s="128"/>
      <c r="AB2843" s="128"/>
      <c r="AC2843" s="128"/>
      <c r="AD2843" s="128"/>
      <c r="AE2843" s="128"/>
      <c r="AF2843" s="128"/>
      <c r="AG2843" s="128"/>
      <c r="AH2843" s="128"/>
      <c r="AI2843" s="128"/>
      <c r="AJ2843" s="128"/>
      <c r="AK2843" s="128"/>
      <c r="AL2843" s="128"/>
      <c r="AM2843" s="128"/>
      <c r="AN2843" s="128"/>
      <c r="AO2843" s="128"/>
      <c r="AP2843" s="128"/>
      <c r="AQ2843" s="128"/>
      <c r="AR2843" s="128"/>
      <c r="AS2843" s="128"/>
      <c r="AT2843" s="128"/>
      <c r="AU2843" s="128"/>
      <c r="AV2843" s="128"/>
      <c r="AW2843" s="128"/>
      <c r="AX2843" s="128"/>
      <c r="AY2843" s="128"/>
      <c r="AZ2843" s="128"/>
      <c r="BA2843" s="128"/>
      <c r="BB2843" s="107">
        <v>45884</v>
      </c>
    </row>
    <row r="2844" spans="1:54" s="8" customFormat="1" ht="13.95" customHeight="1" x14ac:dyDescent="0.25">
      <c r="A2844" s="219" t="s">
        <v>6558</v>
      </c>
      <c r="B2844" s="220" t="s">
        <v>6395</v>
      </c>
      <c r="C2844" s="98" t="s">
        <v>6559</v>
      </c>
      <c r="D2844" s="98" t="s">
        <v>20607</v>
      </c>
      <c r="E2844" s="141">
        <v>1979</v>
      </c>
      <c r="F2844" s="141">
        <v>257</v>
      </c>
      <c r="G2844" s="98" t="s">
        <v>1</v>
      </c>
      <c r="H2844" s="98">
        <v>0</v>
      </c>
      <c r="I2844" s="98">
        <v>0</v>
      </c>
      <c r="J2844" s="98" t="s">
        <v>400</v>
      </c>
      <c r="K2844" s="98" t="s">
        <v>400</v>
      </c>
      <c r="L2844" s="98" t="s">
        <v>400</v>
      </c>
      <c r="M2844" s="98" t="s">
        <v>400</v>
      </c>
      <c r="N2844" s="98" t="s">
        <v>400</v>
      </c>
      <c r="O2844" s="98" t="s">
        <v>400</v>
      </c>
      <c r="P2844" s="98" t="s">
        <v>400</v>
      </c>
      <c r="Q2844" s="98" t="s">
        <v>400</v>
      </c>
      <c r="R2844" s="98" t="s">
        <v>400</v>
      </c>
      <c r="S2844" s="98" t="s">
        <v>400</v>
      </c>
      <c r="T2844" s="98" t="s">
        <v>400</v>
      </c>
      <c r="U2844" s="128"/>
      <c r="V2844" s="128"/>
      <c r="W2844" s="128"/>
      <c r="X2844" s="128"/>
      <c r="Y2844" s="128"/>
      <c r="Z2844" s="128"/>
      <c r="AA2844" s="128"/>
      <c r="AB2844" s="128"/>
      <c r="AC2844" s="128"/>
      <c r="AD2844" s="128"/>
      <c r="AE2844" s="128"/>
      <c r="AF2844" s="128"/>
      <c r="AG2844" s="128"/>
      <c r="AH2844" s="128"/>
      <c r="AI2844" s="128"/>
      <c r="AJ2844" s="128"/>
      <c r="AK2844" s="128"/>
      <c r="AL2844" s="128"/>
      <c r="AM2844" s="128"/>
      <c r="AN2844" s="128"/>
      <c r="AO2844" s="128"/>
      <c r="AP2844" s="128"/>
      <c r="AQ2844" s="128"/>
      <c r="AR2844" s="128"/>
      <c r="AS2844" s="128"/>
      <c r="AT2844" s="128"/>
      <c r="AU2844" s="128"/>
      <c r="AV2844" s="128"/>
      <c r="AW2844" s="128"/>
      <c r="AX2844" s="128"/>
      <c r="AY2844" s="128"/>
      <c r="AZ2844" s="128"/>
      <c r="BA2844" s="128"/>
      <c r="BB2844" s="107">
        <v>45884</v>
      </c>
    </row>
    <row r="2845" spans="1:54" s="8" customFormat="1" ht="13.95" customHeight="1" x14ac:dyDescent="0.25">
      <c r="A2845" s="219" t="s">
        <v>6560</v>
      </c>
      <c r="B2845" s="220" t="s">
        <v>6395</v>
      </c>
      <c r="C2845" s="98" t="s">
        <v>6561</v>
      </c>
      <c r="D2845" s="98" t="s">
        <v>20608</v>
      </c>
      <c r="E2845" s="141">
        <v>1968</v>
      </c>
      <c r="F2845" s="141">
        <v>261</v>
      </c>
      <c r="G2845" s="98" t="s">
        <v>1</v>
      </c>
      <c r="H2845" s="98">
        <v>0</v>
      </c>
      <c r="I2845" s="98">
        <v>0</v>
      </c>
      <c r="J2845" s="98" t="s">
        <v>400</v>
      </c>
      <c r="K2845" s="98" t="s">
        <v>400</v>
      </c>
      <c r="L2845" s="98" t="s">
        <v>400</v>
      </c>
      <c r="M2845" s="98" t="s">
        <v>400</v>
      </c>
      <c r="N2845" s="98" t="s">
        <v>400</v>
      </c>
      <c r="O2845" s="98" t="s">
        <v>400</v>
      </c>
      <c r="P2845" s="98" t="s">
        <v>400</v>
      </c>
      <c r="Q2845" s="98" t="s">
        <v>400</v>
      </c>
      <c r="R2845" s="98" t="s">
        <v>400</v>
      </c>
      <c r="S2845" s="98" t="s">
        <v>400</v>
      </c>
      <c r="T2845" s="98" t="s">
        <v>400</v>
      </c>
      <c r="U2845" s="128"/>
      <c r="V2845" s="128"/>
      <c r="W2845" s="128"/>
      <c r="X2845" s="128"/>
      <c r="Y2845" s="128"/>
      <c r="Z2845" s="128"/>
      <c r="AA2845" s="128"/>
      <c r="AB2845" s="128"/>
      <c r="AC2845" s="128"/>
      <c r="AD2845" s="128"/>
      <c r="AE2845" s="128"/>
      <c r="AF2845" s="128"/>
      <c r="AG2845" s="128"/>
      <c r="AH2845" s="128"/>
      <c r="AI2845" s="128"/>
      <c r="AJ2845" s="128"/>
      <c r="AK2845" s="128"/>
      <c r="AL2845" s="128"/>
      <c r="AM2845" s="128"/>
      <c r="AN2845" s="128"/>
      <c r="AO2845" s="128"/>
      <c r="AP2845" s="128"/>
      <c r="AQ2845" s="128"/>
      <c r="AR2845" s="128"/>
      <c r="AS2845" s="128"/>
      <c r="AT2845" s="128"/>
      <c r="AU2845" s="128"/>
      <c r="AV2845" s="128"/>
      <c r="AW2845" s="128"/>
      <c r="AX2845" s="128"/>
      <c r="AY2845" s="128"/>
      <c r="AZ2845" s="128"/>
      <c r="BA2845" s="128"/>
      <c r="BB2845" s="107">
        <v>45884</v>
      </c>
    </row>
    <row r="2846" spans="1:54" s="8" customFormat="1" ht="13.95" customHeight="1" x14ac:dyDescent="0.25">
      <c r="A2846" s="219" t="s">
        <v>6562</v>
      </c>
      <c r="B2846" s="220" t="s">
        <v>6395</v>
      </c>
      <c r="C2846" s="98" t="s">
        <v>6563</v>
      </c>
      <c r="D2846" s="98" t="s">
        <v>21744</v>
      </c>
      <c r="E2846" s="141">
        <v>1998</v>
      </c>
      <c r="F2846" s="141">
        <v>262</v>
      </c>
      <c r="G2846" s="98" t="s">
        <v>1</v>
      </c>
      <c r="H2846" s="98">
        <v>0</v>
      </c>
      <c r="I2846" s="98">
        <v>0</v>
      </c>
      <c r="J2846" s="98" t="s">
        <v>400</v>
      </c>
      <c r="K2846" s="98" t="s">
        <v>400</v>
      </c>
      <c r="L2846" s="98" t="s">
        <v>400</v>
      </c>
      <c r="M2846" s="98" t="s">
        <v>400</v>
      </c>
      <c r="N2846" s="98" t="s">
        <v>400</v>
      </c>
      <c r="O2846" s="98" t="s">
        <v>400</v>
      </c>
      <c r="P2846" s="98" t="s">
        <v>400</v>
      </c>
      <c r="Q2846" s="98" t="s">
        <v>400</v>
      </c>
      <c r="R2846" s="98" t="s">
        <v>400</v>
      </c>
      <c r="S2846" s="98" t="s">
        <v>400</v>
      </c>
      <c r="T2846" s="98" t="s">
        <v>400</v>
      </c>
      <c r="U2846" s="128"/>
      <c r="V2846" s="128"/>
      <c r="W2846" s="128"/>
      <c r="X2846" s="128"/>
      <c r="Y2846" s="128"/>
      <c r="Z2846" s="128"/>
      <c r="AA2846" s="128"/>
      <c r="AB2846" s="128"/>
      <c r="AC2846" s="128"/>
      <c r="AD2846" s="128"/>
      <c r="AE2846" s="128"/>
      <c r="AF2846" s="128"/>
      <c r="AG2846" s="128"/>
      <c r="AH2846" s="128"/>
      <c r="AI2846" s="128"/>
      <c r="AJ2846" s="128"/>
      <c r="AK2846" s="128"/>
      <c r="AL2846" s="128"/>
      <c r="AM2846" s="128"/>
      <c r="AN2846" s="128"/>
      <c r="AO2846" s="128"/>
      <c r="AP2846" s="128"/>
      <c r="AQ2846" s="128"/>
      <c r="AR2846" s="128"/>
      <c r="AS2846" s="128"/>
      <c r="AT2846" s="128"/>
      <c r="AU2846" s="128"/>
      <c r="AV2846" s="128"/>
      <c r="AW2846" s="128"/>
      <c r="AX2846" s="128"/>
      <c r="AY2846" s="128"/>
      <c r="AZ2846" s="128"/>
      <c r="BA2846" s="128"/>
      <c r="BB2846" s="107">
        <v>45884</v>
      </c>
    </row>
    <row r="2847" spans="1:54" s="8" customFormat="1" ht="13.95" customHeight="1" x14ac:dyDescent="0.25">
      <c r="A2847" s="219" t="s">
        <v>6564</v>
      </c>
      <c r="B2847" s="220" t="s">
        <v>6395</v>
      </c>
      <c r="C2847" s="98" t="s">
        <v>6565</v>
      </c>
      <c r="D2847" s="98" t="s">
        <v>20609</v>
      </c>
      <c r="E2847" s="141">
        <v>1975</v>
      </c>
      <c r="F2847" s="141">
        <v>265</v>
      </c>
      <c r="G2847" s="98" t="s">
        <v>1</v>
      </c>
      <c r="H2847" s="98">
        <v>0</v>
      </c>
      <c r="I2847" s="98">
        <v>0</v>
      </c>
      <c r="J2847" s="98" t="s">
        <v>400</v>
      </c>
      <c r="K2847" s="98" t="s">
        <v>400</v>
      </c>
      <c r="L2847" s="98" t="s">
        <v>400</v>
      </c>
      <c r="M2847" s="98" t="s">
        <v>400</v>
      </c>
      <c r="N2847" s="98" t="s">
        <v>400</v>
      </c>
      <c r="O2847" s="98" t="s">
        <v>400</v>
      </c>
      <c r="P2847" s="98" t="s">
        <v>400</v>
      </c>
      <c r="Q2847" s="98" t="s">
        <v>400</v>
      </c>
      <c r="R2847" s="98" t="s">
        <v>400</v>
      </c>
      <c r="S2847" s="98" t="s">
        <v>400</v>
      </c>
      <c r="T2847" s="98" t="s">
        <v>400</v>
      </c>
      <c r="U2847" s="128"/>
      <c r="V2847" s="128"/>
      <c r="W2847" s="128"/>
      <c r="X2847" s="128"/>
      <c r="Y2847" s="128"/>
      <c r="Z2847" s="128"/>
      <c r="AA2847" s="128"/>
      <c r="AB2847" s="128"/>
      <c r="AC2847" s="128"/>
      <c r="AD2847" s="128"/>
      <c r="AE2847" s="128"/>
      <c r="AF2847" s="128"/>
      <c r="AG2847" s="128"/>
      <c r="AH2847" s="128"/>
      <c r="AI2847" s="128"/>
      <c r="AJ2847" s="128"/>
      <c r="AK2847" s="128"/>
      <c r="AL2847" s="128"/>
      <c r="AM2847" s="128"/>
      <c r="AN2847" s="128"/>
      <c r="AO2847" s="128"/>
      <c r="AP2847" s="128"/>
      <c r="AQ2847" s="128"/>
      <c r="AR2847" s="128"/>
      <c r="AS2847" s="128"/>
      <c r="AT2847" s="128"/>
      <c r="AU2847" s="128"/>
      <c r="AV2847" s="128"/>
      <c r="AW2847" s="128"/>
      <c r="AX2847" s="128"/>
      <c r="AY2847" s="128"/>
      <c r="AZ2847" s="128"/>
      <c r="BA2847" s="128"/>
      <c r="BB2847" s="107">
        <v>45884</v>
      </c>
    </row>
    <row r="2848" spans="1:54" s="8" customFormat="1" ht="13.95" customHeight="1" x14ac:dyDescent="0.25">
      <c r="A2848" s="219" t="s">
        <v>6566</v>
      </c>
      <c r="B2848" s="220" t="s">
        <v>6395</v>
      </c>
      <c r="C2848" s="98" t="s">
        <v>6567</v>
      </c>
      <c r="D2848" s="98" t="s">
        <v>20610</v>
      </c>
      <c r="E2848" s="141">
        <v>1999</v>
      </c>
      <c r="F2848" s="141">
        <v>269</v>
      </c>
      <c r="G2848" s="98" t="s">
        <v>1</v>
      </c>
      <c r="H2848" s="98">
        <v>0</v>
      </c>
      <c r="I2848" s="98">
        <v>0</v>
      </c>
      <c r="J2848" s="98" t="s">
        <v>400</v>
      </c>
      <c r="K2848" s="98" t="s">
        <v>400</v>
      </c>
      <c r="L2848" s="98" t="s">
        <v>400</v>
      </c>
      <c r="M2848" s="98" t="s">
        <v>400</v>
      </c>
      <c r="N2848" s="98" t="s">
        <v>400</v>
      </c>
      <c r="O2848" s="98" t="s">
        <v>400</v>
      </c>
      <c r="P2848" s="98" t="s">
        <v>400</v>
      </c>
      <c r="Q2848" s="98" t="s">
        <v>400</v>
      </c>
      <c r="R2848" s="98" t="s">
        <v>400</v>
      </c>
      <c r="S2848" s="98" t="s">
        <v>400</v>
      </c>
      <c r="T2848" s="98" t="s">
        <v>400</v>
      </c>
      <c r="U2848" s="128"/>
      <c r="V2848" s="128"/>
      <c r="W2848" s="128"/>
      <c r="X2848" s="128"/>
      <c r="Y2848" s="128"/>
      <c r="Z2848" s="128"/>
      <c r="AA2848" s="128"/>
      <c r="AB2848" s="128"/>
      <c r="AC2848" s="128"/>
      <c r="AD2848" s="128"/>
      <c r="AE2848" s="128"/>
      <c r="AF2848" s="128"/>
      <c r="AG2848" s="128"/>
      <c r="AH2848" s="128"/>
      <c r="AI2848" s="128"/>
      <c r="AJ2848" s="128"/>
      <c r="AK2848" s="128"/>
      <c r="AL2848" s="128"/>
      <c r="AM2848" s="128"/>
      <c r="AN2848" s="128"/>
      <c r="AO2848" s="128"/>
      <c r="AP2848" s="128"/>
      <c r="AQ2848" s="128"/>
      <c r="AR2848" s="128"/>
      <c r="AS2848" s="128"/>
      <c r="AT2848" s="128"/>
      <c r="AU2848" s="128"/>
      <c r="AV2848" s="128"/>
      <c r="AW2848" s="128"/>
      <c r="AX2848" s="128"/>
      <c r="AY2848" s="128"/>
      <c r="AZ2848" s="128"/>
      <c r="BA2848" s="128"/>
      <c r="BB2848" s="107">
        <v>45884</v>
      </c>
    </row>
    <row r="2849" spans="1:54" s="8" customFormat="1" ht="13.95" customHeight="1" x14ac:dyDescent="0.25">
      <c r="A2849" s="219" t="s">
        <v>6568</v>
      </c>
      <c r="B2849" s="220" t="s">
        <v>6395</v>
      </c>
      <c r="C2849" s="98" t="s">
        <v>6569</v>
      </c>
      <c r="D2849" s="98" t="s">
        <v>21745</v>
      </c>
      <c r="E2849" s="141">
        <v>1966</v>
      </c>
      <c r="F2849" s="141">
        <v>270</v>
      </c>
      <c r="G2849" s="98" t="s">
        <v>1</v>
      </c>
      <c r="H2849" s="98">
        <v>0</v>
      </c>
      <c r="I2849" s="98">
        <v>0</v>
      </c>
      <c r="J2849" s="98" t="s">
        <v>400</v>
      </c>
      <c r="K2849" s="98" t="s">
        <v>400</v>
      </c>
      <c r="L2849" s="98" t="s">
        <v>400</v>
      </c>
      <c r="M2849" s="98" t="s">
        <v>400</v>
      </c>
      <c r="N2849" s="98" t="s">
        <v>400</v>
      </c>
      <c r="O2849" s="98" t="s">
        <v>400</v>
      </c>
      <c r="P2849" s="98" t="s">
        <v>400</v>
      </c>
      <c r="Q2849" s="98" t="s">
        <v>400</v>
      </c>
      <c r="R2849" s="98" t="s">
        <v>400</v>
      </c>
      <c r="S2849" s="98" t="s">
        <v>400</v>
      </c>
      <c r="T2849" s="98" t="s">
        <v>400</v>
      </c>
      <c r="U2849" s="128"/>
      <c r="V2849" s="128"/>
      <c r="W2849" s="128"/>
      <c r="X2849" s="128"/>
      <c r="Y2849" s="128"/>
      <c r="Z2849" s="128"/>
      <c r="AA2849" s="128"/>
      <c r="AB2849" s="128"/>
      <c r="AC2849" s="128"/>
      <c r="AD2849" s="128"/>
      <c r="AE2849" s="128"/>
      <c r="AF2849" s="128"/>
      <c r="AG2849" s="128"/>
      <c r="AH2849" s="128"/>
      <c r="AI2849" s="128"/>
      <c r="AJ2849" s="128"/>
      <c r="AK2849" s="128"/>
      <c r="AL2849" s="128"/>
      <c r="AM2849" s="128"/>
      <c r="AN2849" s="128"/>
      <c r="AO2849" s="128"/>
      <c r="AP2849" s="128"/>
      <c r="AQ2849" s="128"/>
      <c r="AR2849" s="128"/>
      <c r="AS2849" s="128"/>
      <c r="AT2849" s="128"/>
      <c r="AU2849" s="128"/>
      <c r="AV2849" s="128"/>
      <c r="AW2849" s="128"/>
      <c r="AX2849" s="128"/>
      <c r="AY2849" s="128"/>
      <c r="AZ2849" s="128"/>
      <c r="BA2849" s="128"/>
      <c r="BB2849" s="107">
        <v>45884</v>
      </c>
    </row>
    <row r="2850" spans="1:54" s="8" customFormat="1" ht="13.95" customHeight="1" x14ac:dyDescent="0.25">
      <c r="A2850" s="219" t="s">
        <v>6570</v>
      </c>
      <c r="B2850" s="220" t="s">
        <v>6395</v>
      </c>
      <c r="C2850" s="98" t="s">
        <v>6571</v>
      </c>
      <c r="D2850" s="98" t="s">
        <v>21746</v>
      </c>
      <c r="E2850" s="141">
        <v>1966</v>
      </c>
      <c r="F2850" s="141">
        <v>270</v>
      </c>
      <c r="G2850" s="98" t="s">
        <v>1</v>
      </c>
      <c r="H2850" s="98">
        <v>0</v>
      </c>
      <c r="I2850" s="98">
        <v>0</v>
      </c>
      <c r="J2850" s="98" t="s">
        <v>400</v>
      </c>
      <c r="K2850" s="98" t="s">
        <v>400</v>
      </c>
      <c r="L2850" s="98" t="s">
        <v>400</v>
      </c>
      <c r="M2850" s="98" t="s">
        <v>400</v>
      </c>
      <c r="N2850" s="98" t="s">
        <v>400</v>
      </c>
      <c r="O2850" s="98" t="s">
        <v>400</v>
      </c>
      <c r="P2850" s="98" t="s">
        <v>400</v>
      </c>
      <c r="Q2850" s="98" t="s">
        <v>400</v>
      </c>
      <c r="R2850" s="98" t="s">
        <v>400</v>
      </c>
      <c r="S2850" s="98" t="s">
        <v>400</v>
      </c>
      <c r="T2850" s="98" t="s">
        <v>400</v>
      </c>
      <c r="U2850" s="128"/>
      <c r="V2850" s="128"/>
      <c r="W2850" s="128"/>
      <c r="X2850" s="128"/>
      <c r="Y2850" s="128"/>
      <c r="Z2850" s="128"/>
      <c r="AA2850" s="128"/>
      <c r="AB2850" s="128"/>
      <c r="AC2850" s="128"/>
      <c r="AD2850" s="128"/>
      <c r="AE2850" s="128"/>
      <c r="AF2850" s="128"/>
      <c r="AG2850" s="128"/>
      <c r="AH2850" s="128"/>
      <c r="AI2850" s="128"/>
      <c r="AJ2850" s="128"/>
      <c r="AK2850" s="128"/>
      <c r="AL2850" s="128"/>
      <c r="AM2850" s="128"/>
      <c r="AN2850" s="128"/>
      <c r="AO2850" s="128"/>
      <c r="AP2850" s="128"/>
      <c r="AQ2850" s="128"/>
      <c r="AR2850" s="128"/>
      <c r="AS2850" s="128"/>
      <c r="AT2850" s="128"/>
      <c r="AU2850" s="128"/>
      <c r="AV2850" s="128"/>
      <c r="AW2850" s="128"/>
      <c r="AX2850" s="128"/>
      <c r="AY2850" s="128"/>
      <c r="AZ2850" s="128"/>
      <c r="BA2850" s="128"/>
      <c r="BB2850" s="107">
        <v>45884</v>
      </c>
    </row>
    <row r="2851" spans="1:54" s="8" customFormat="1" ht="13.95" customHeight="1" x14ac:dyDescent="0.25">
      <c r="A2851" s="219" t="s">
        <v>6572</v>
      </c>
      <c r="B2851" s="220" t="s">
        <v>6395</v>
      </c>
      <c r="C2851" s="98" t="s">
        <v>6573</v>
      </c>
      <c r="D2851" s="98" t="s">
        <v>20611</v>
      </c>
      <c r="E2851" s="141">
        <v>1992</v>
      </c>
      <c r="F2851" s="141">
        <v>273</v>
      </c>
      <c r="G2851" s="98" t="s">
        <v>1</v>
      </c>
      <c r="H2851" s="98">
        <v>0</v>
      </c>
      <c r="I2851" s="98">
        <v>0</v>
      </c>
      <c r="J2851" s="98" t="s">
        <v>400</v>
      </c>
      <c r="K2851" s="98" t="s">
        <v>400</v>
      </c>
      <c r="L2851" s="98" t="s">
        <v>400</v>
      </c>
      <c r="M2851" s="98" t="s">
        <v>400</v>
      </c>
      <c r="N2851" s="98" t="s">
        <v>400</v>
      </c>
      <c r="O2851" s="98" t="s">
        <v>400</v>
      </c>
      <c r="P2851" s="98" t="s">
        <v>400</v>
      </c>
      <c r="Q2851" s="98" t="s">
        <v>400</v>
      </c>
      <c r="R2851" s="98" t="s">
        <v>400</v>
      </c>
      <c r="S2851" s="98" t="s">
        <v>400</v>
      </c>
      <c r="T2851" s="98" t="s">
        <v>400</v>
      </c>
      <c r="U2851" s="128"/>
      <c r="V2851" s="128"/>
      <c r="W2851" s="128"/>
      <c r="X2851" s="128"/>
      <c r="Y2851" s="128"/>
      <c r="Z2851" s="128"/>
      <c r="AA2851" s="128"/>
      <c r="AB2851" s="128"/>
      <c r="AC2851" s="128"/>
      <c r="AD2851" s="128"/>
      <c r="AE2851" s="128"/>
      <c r="AF2851" s="128"/>
      <c r="AG2851" s="128"/>
      <c r="AH2851" s="128"/>
      <c r="AI2851" s="128"/>
      <c r="AJ2851" s="128"/>
      <c r="AK2851" s="128"/>
      <c r="AL2851" s="128"/>
      <c r="AM2851" s="128"/>
      <c r="AN2851" s="128"/>
      <c r="AO2851" s="128"/>
      <c r="AP2851" s="128"/>
      <c r="AQ2851" s="128"/>
      <c r="AR2851" s="128"/>
      <c r="AS2851" s="128"/>
      <c r="AT2851" s="128"/>
      <c r="AU2851" s="128"/>
      <c r="AV2851" s="128"/>
      <c r="AW2851" s="128"/>
      <c r="AX2851" s="128"/>
      <c r="AY2851" s="128"/>
      <c r="AZ2851" s="128"/>
      <c r="BA2851" s="128"/>
      <c r="BB2851" s="107">
        <v>45884</v>
      </c>
    </row>
    <row r="2852" spans="1:54" s="8" customFormat="1" ht="13.95" customHeight="1" x14ac:dyDescent="0.25">
      <c r="A2852" s="219" t="s">
        <v>6574</v>
      </c>
      <c r="B2852" s="220" t="s">
        <v>6395</v>
      </c>
      <c r="C2852" s="98" t="s">
        <v>6575</v>
      </c>
      <c r="D2852" s="98" t="s">
        <v>20612</v>
      </c>
      <c r="E2852" s="141">
        <v>2002</v>
      </c>
      <c r="F2852" s="141">
        <v>273</v>
      </c>
      <c r="G2852" s="98" t="s">
        <v>1</v>
      </c>
      <c r="H2852" s="98">
        <v>0</v>
      </c>
      <c r="I2852" s="98">
        <v>0</v>
      </c>
      <c r="J2852" s="98" t="s">
        <v>400</v>
      </c>
      <c r="K2852" s="98" t="s">
        <v>400</v>
      </c>
      <c r="L2852" s="98" t="s">
        <v>400</v>
      </c>
      <c r="M2852" s="98" t="s">
        <v>400</v>
      </c>
      <c r="N2852" s="98" t="s">
        <v>400</v>
      </c>
      <c r="O2852" s="98" t="s">
        <v>400</v>
      </c>
      <c r="P2852" s="98" t="s">
        <v>400</v>
      </c>
      <c r="Q2852" s="98" t="s">
        <v>400</v>
      </c>
      <c r="R2852" s="98" t="s">
        <v>400</v>
      </c>
      <c r="S2852" s="98" t="s">
        <v>400</v>
      </c>
      <c r="T2852" s="98" t="s">
        <v>400</v>
      </c>
      <c r="U2852" s="128"/>
      <c r="V2852" s="128"/>
      <c r="W2852" s="128"/>
      <c r="X2852" s="128"/>
      <c r="Y2852" s="128"/>
      <c r="Z2852" s="128"/>
      <c r="AA2852" s="128"/>
      <c r="AB2852" s="128"/>
      <c r="AC2852" s="128"/>
      <c r="AD2852" s="128"/>
      <c r="AE2852" s="128"/>
      <c r="AF2852" s="128"/>
      <c r="AG2852" s="128"/>
      <c r="AH2852" s="128"/>
      <c r="AI2852" s="128"/>
      <c r="AJ2852" s="128"/>
      <c r="AK2852" s="128"/>
      <c r="AL2852" s="128"/>
      <c r="AM2852" s="128"/>
      <c r="AN2852" s="128"/>
      <c r="AO2852" s="128"/>
      <c r="AP2852" s="128"/>
      <c r="AQ2852" s="128"/>
      <c r="AR2852" s="128"/>
      <c r="AS2852" s="128"/>
      <c r="AT2852" s="128"/>
      <c r="AU2852" s="128"/>
      <c r="AV2852" s="128"/>
      <c r="AW2852" s="128"/>
      <c r="AX2852" s="128"/>
      <c r="AY2852" s="128"/>
      <c r="AZ2852" s="128"/>
      <c r="BA2852" s="128"/>
      <c r="BB2852" s="107">
        <v>45884</v>
      </c>
    </row>
    <row r="2853" spans="1:54" s="8" customFormat="1" ht="13.95" customHeight="1" x14ac:dyDescent="0.25">
      <c r="A2853" s="219" t="s">
        <v>6576</v>
      </c>
      <c r="B2853" s="220" t="s">
        <v>6395</v>
      </c>
      <c r="C2853" s="98" t="s">
        <v>6577</v>
      </c>
      <c r="D2853" s="98" t="s">
        <v>21747</v>
      </c>
      <c r="E2853" s="141">
        <v>1996</v>
      </c>
      <c r="F2853" s="141">
        <v>275</v>
      </c>
      <c r="G2853" s="98" t="s">
        <v>1</v>
      </c>
      <c r="H2853" s="98">
        <v>0</v>
      </c>
      <c r="I2853" s="98">
        <v>0</v>
      </c>
      <c r="J2853" s="98" t="s">
        <v>400</v>
      </c>
      <c r="K2853" s="98" t="s">
        <v>400</v>
      </c>
      <c r="L2853" s="98" t="s">
        <v>400</v>
      </c>
      <c r="M2853" s="98" t="s">
        <v>400</v>
      </c>
      <c r="N2853" s="98" t="s">
        <v>400</v>
      </c>
      <c r="O2853" s="98" t="s">
        <v>400</v>
      </c>
      <c r="P2853" s="98" t="s">
        <v>400</v>
      </c>
      <c r="Q2853" s="98" t="s">
        <v>400</v>
      </c>
      <c r="R2853" s="98" t="s">
        <v>400</v>
      </c>
      <c r="S2853" s="98" t="s">
        <v>400</v>
      </c>
      <c r="T2853" s="98" t="s">
        <v>400</v>
      </c>
      <c r="U2853" s="128"/>
      <c r="V2853" s="128"/>
      <c r="W2853" s="128"/>
      <c r="X2853" s="128"/>
      <c r="Y2853" s="128"/>
      <c r="Z2853" s="128"/>
      <c r="AA2853" s="128"/>
      <c r="AB2853" s="128"/>
      <c r="AC2853" s="128"/>
      <c r="AD2853" s="128"/>
      <c r="AE2853" s="128"/>
      <c r="AF2853" s="128"/>
      <c r="AG2853" s="128"/>
      <c r="AH2853" s="128"/>
      <c r="AI2853" s="128"/>
      <c r="AJ2853" s="128"/>
      <c r="AK2853" s="128"/>
      <c r="AL2853" s="128"/>
      <c r="AM2853" s="128"/>
      <c r="AN2853" s="128"/>
      <c r="AO2853" s="128"/>
      <c r="AP2853" s="128"/>
      <c r="AQ2853" s="128"/>
      <c r="AR2853" s="128"/>
      <c r="AS2853" s="128"/>
      <c r="AT2853" s="128"/>
      <c r="AU2853" s="128"/>
      <c r="AV2853" s="128"/>
      <c r="AW2853" s="128"/>
      <c r="AX2853" s="128"/>
      <c r="AY2853" s="128"/>
      <c r="AZ2853" s="128"/>
      <c r="BA2853" s="128"/>
      <c r="BB2853" s="107">
        <v>45884</v>
      </c>
    </row>
    <row r="2854" spans="1:54" s="8" customFormat="1" ht="13.95" customHeight="1" x14ac:dyDescent="0.25">
      <c r="A2854" s="219" t="s">
        <v>6578</v>
      </c>
      <c r="B2854" s="220" t="s">
        <v>6395</v>
      </c>
      <c r="C2854" s="98" t="s">
        <v>6579</v>
      </c>
      <c r="D2854" s="98" t="s">
        <v>6580</v>
      </c>
      <c r="E2854" s="141">
        <v>1965</v>
      </c>
      <c r="F2854" s="141">
        <v>275</v>
      </c>
      <c r="G2854" s="98" t="s">
        <v>1</v>
      </c>
      <c r="H2854" s="98">
        <v>0</v>
      </c>
      <c r="I2854" s="98">
        <v>0</v>
      </c>
      <c r="J2854" s="98" t="s">
        <v>400</v>
      </c>
      <c r="K2854" s="98" t="s">
        <v>400</v>
      </c>
      <c r="L2854" s="98" t="s">
        <v>400</v>
      </c>
      <c r="M2854" s="98" t="s">
        <v>400</v>
      </c>
      <c r="N2854" s="98" t="s">
        <v>400</v>
      </c>
      <c r="O2854" s="98" t="s">
        <v>400</v>
      </c>
      <c r="P2854" s="98" t="s">
        <v>400</v>
      </c>
      <c r="Q2854" s="98" t="s">
        <v>400</v>
      </c>
      <c r="R2854" s="98" t="s">
        <v>400</v>
      </c>
      <c r="S2854" s="98" t="s">
        <v>400</v>
      </c>
      <c r="T2854" s="98" t="s">
        <v>400</v>
      </c>
      <c r="U2854" s="128"/>
      <c r="V2854" s="128"/>
      <c r="W2854" s="128"/>
      <c r="X2854" s="128"/>
      <c r="Y2854" s="128"/>
      <c r="Z2854" s="128"/>
      <c r="AA2854" s="128"/>
      <c r="AB2854" s="128"/>
      <c r="AC2854" s="128"/>
      <c r="AD2854" s="128"/>
      <c r="AE2854" s="128"/>
      <c r="AF2854" s="128"/>
      <c r="AG2854" s="128"/>
      <c r="AH2854" s="128"/>
      <c r="AI2854" s="128"/>
      <c r="AJ2854" s="128"/>
      <c r="AK2854" s="128"/>
      <c r="AL2854" s="128"/>
      <c r="AM2854" s="128"/>
      <c r="AN2854" s="128"/>
      <c r="AO2854" s="128"/>
      <c r="AP2854" s="128"/>
      <c r="AQ2854" s="128"/>
      <c r="AR2854" s="128"/>
      <c r="AS2854" s="128"/>
      <c r="AT2854" s="128"/>
      <c r="AU2854" s="128"/>
      <c r="AV2854" s="128"/>
      <c r="AW2854" s="128"/>
      <c r="AX2854" s="128"/>
      <c r="AY2854" s="128"/>
      <c r="AZ2854" s="128"/>
      <c r="BA2854" s="128"/>
      <c r="BB2854" s="107">
        <v>45884</v>
      </c>
    </row>
    <row r="2855" spans="1:54" s="8" customFormat="1" ht="13.95" customHeight="1" x14ac:dyDescent="0.25">
      <c r="A2855" s="219" t="s">
        <v>6581</v>
      </c>
      <c r="B2855" s="220" t="s">
        <v>6395</v>
      </c>
      <c r="C2855" s="98" t="s">
        <v>6582</v>
      </c>
      <c r="D2855" s="98" t="s">
        <v>21748</v>
      </c>
      <c r="E2855" s="141">
        <v>1979</v>
      </c>
      <c r="F2855" s="141">
        <v>276</v>
      </c>
      <c r="G2855" s="98" t="s">
        <v>1</v>
      </c>
      <c r="H2855" s="98">
        <v>0</v>
      </c>
      <c r="I2855" s="98">
        <v>0</v>
      </c>
      <c r="J2855" s="98" t="s">
        <v>400</v>
      </c>
      <c r="K2855" s="98" t="s">
        <v>400</v>
      </c>
      <c r="L2855" s="98" t="s">
        <v>400</v>
      </c>
      <c r="M2855" s="98" t="s">
        <v>400</v>
      </c>
      <c r="N2855" s="98" t="s">
        <v>400</v>
      </c>
      <c r="O2855" s="98" t="s">
        <v>400</v>
      </c>
      <c r="P2855" s="98" t="s">
        <v>400</v>
      </c>
      <c r="Q2855" s="98" t="s">
        <v>400</v>
      </c>
      <c r="R2855" s="98" t="s">
        <v>400</v>
      </c>
      <c r="S2855" s="98" t="s">
        <v>400</v>
      </c>
      <c r="T2855" s="98" t="s">
        <v>400</v>
      </c>
      <c r="U2855" s="128"/>
      <c r="V2855" s="128"/>
      <c r="W2855" s="128"/>
      <c r="X2855" s="128"/>
      <c r="Y2855" s="128"/>
      <c r="Z2855" s="128"/>
      <c r="AA2855" s="128"/>
      <c r="AB2855" s="128"/>
      <c r="AC2855" s="128"/>
      <c r="AD2855" s="128"/>
      <c r="AE2855" s="128"/>
      <c r="AF2855" s="128"/>
      <c r="AG2855" s="128"/>
      <c r="AH2855" s="128"/>
      <c r="AI2855" s="128"/>
      <c r="AJ2855" s="128"/>
      <c r="AK2855" s="128"/>
      <c r="AL2855" s="128"/>
      <c r="AM2855" s="128"/>
      <c r="AN2855" s="128"/>
      <c r="AO2855" s="128"/>
      <c r="AP2855" s="128"/>
      <c r="AQ2855" s="128"/>
      <c r="AR2855" s="128"/>
      <c r="AS2855" s="128"/>
      <c r="AT2855" s="128"/>
      <c r="AU2855" s="128"/>
      <c r="AV2855" s="128"/>
      <c r="AW2855" s="128"/>
      <c r="AX2855" s="128"/>
      <c r="AY2855" s="128"/>
      <c r="AZ2855" s="128"/>
      <c r="BA2855" s="128"/>
      <c r="BB2855" s="107">
        <v>45884</v>
      </c>
    </row>
    <row r="2856" spans="1:54" s="8" customFormat="1" ht="13.95" customHeight="1" x14ac:dyDescent="0.25">
      <c r="A2856" s="219" t="s">
        <v>6583</v>
      </c>
      <c r="B2856" s="220" t="s">
        <v>6395</v>
      </c>
      <c r="C2856" s="98" t="s">
        <v>6584</v>
      </c>
      <c r="D2856" s="98" t="s">
        <v>20613</v>
      </c>
      <c r="E2856" s="141">
        <v>1979</v>
      </c>
      <c r="F2856" s="141">
        <v>278</v>
      </c>
      <c r="G2856" s="98" t="s">
        <v>1</v>
      </c>
      <c r="H2856" s="98">
        <v>0</v>
      </c>
      <c r="I2856" s="98">
        <v>0</v>
      </c>
      <c r="J2856" s="98" t="s">
        <v>400</v>
      </c>
      <c r="K2856" s="98" t="s">
        <v>400</v>
      </c>
      <c r="L2856" s="98" t="s">
        <v>400</v>
      </c>
      <c r="M2856" s="98" t="s">
        <v>400</v>
      </c>
      <c r="N2856" s="98" t="s">
        <v>400</v>
      </c>
      <c r="O2856" s="98" t="s">
        <v>400</v>
      </c>
      <c r="P2856" s="98" t="s">
        <v>400</v>
      </c>
      <c r="Q2856" s="98" t="s">
        <v>400</v>
      </c>
      <c r="R2856" s="98" t="s">
        <v>400</v>
      </c>
      <c r="S2856" s="98" t="s">
        <v>400</v>
      </c>
      <c r="T2856" s="98" t="s">
        <v>400</v>
      </c>
      <c r="U2856" s="128"/>
      <c r="V2856" s="128"/>
      <c r="W2856" s="128"/>
      <c r="X2856" s="128"/>
      <c r="Y2856" s="128"/>
      <c r="Z2856" s="128"/>
      <c r="AA2856" s="128"/>
      <c r="AB2856" s="128"/>
      <c r="AC2856" s="128"/>
      <c r="AD2856" s="128"/>
      <c r="AE2856" s="128"/>
      <c r="AF2856" s="128"/>
      <c r="AG2856" s="128"/>
      <c r="AH2856" s="128"/>
      <c r="AI2856" s="128"/>
      <c r="AJ2856" s="128"/>
      <c r="AK2856" s="128"/>
      <c r="AL2856" s="128"/>
      <c r="AM2856" s="128"/>
      <c r="AN2856" s="128"/>
      <c r="AO2856" s="128"/>
      <c r="AP2856" s="128"/>
      <c r="AQ2856" s="128"/>
      <c r="AR2856" s="128"/>
      <c r="AS2856" s="128"/>
      <c r="AT2856" s="128"/>
      <c r="AU2856" s="128"/>
      <c r="AV2856" s="128"/>
      <c r="AW2856" s="128"/>
      <c r="AX2856" s="128"/>
      <c r="AY2856" s="128"/>
      <c r="AZ2856" s="128"/>
      <c r="BA2856" s="128"/>
      <c r="BB2856" s="107">
        <v>45884</v>
      </c>
    </row>
    <row r="2857" spans="1:54" s="8" customFormat="1" ht="13.95" customHeight="1" x14ac:dyDescent="0.25">
      <c r="A2857" s="219" t="s">
        <v>6585</v>
      </c>
      <c r="B2857" s="220" t="s">
        <v>6395</v>
      </c>
      <c r="C2857" s="98" t="s">
        <v>6586</v>
      </c>
      <c r="D2857" s="98" t="s">
        <v>21749</v>
      </c>
      <c r="E2857" s="141">
        <v>2002</v>
      </c>
      <c r="F2857" s="141">
        <v>279</v>
      </c>
      <c r="G2857" s="98" t="s">
        <v>1</v>
      </c>
      <c r="H2857" s="98">
        <v>0</v>
      </c>
      <c r="I2857" s="98">
        <v>0</v>
      </c>
      <c r="J2857" s="98" t="s">
        <v>400</v>
      </c>
      <c r="K2857" s="98" t="s">
        <v>400</v>
      </c>
      <c r="L2857" s="98" t="s">
        <v>400</v>
      </c>
      <c r="M2857" s="98" t="s">
        <v>400</v>
      </c>
      <c r="N2857" s="98" t="s">
        <v>400</v>
      </c>
      <c r="O2857" s="98" t="s">
        <v>400</v>
      </c>
      <c r="P2857" s="98" t="s">
        <v>400</v>
      </c>
      <c r="Q2857" s="98" t="s">
        <v>400</v>
      </c>
      <c r="R2857" s="98" t="s">
        <v>400</v>
      </c>
      <c r="S2857" s="98" t="s">
        <v>400</v>
      </c>
      <c r="T2857" s="98" t="s">
        <v>400</v>
      </c>
      <c r="U2857" s="128"/>
      <c r="V2857" s="128"/>
      <c r="W2857" s="128"/>
      <c r="X2857" s="128"/>
      <c r="Y2857" s="128"/>
      <c r="Z2857" s="128"/>
      <c r="AA2857" s="128"/>
      <c r="AB2857" s="128"/>
      <c r="AC2857" s="128"/>
      <c r="AD2857" s="128"/>
      <c r="AE2857" s="128"/>
      <c r="AF2857" s="128"/>
      <c r="AG2857" s="128"/>
      <c r="AH2857" s="128"/>
      <c r="AI2857" s="128"/>
      <c r="AJ2857" s="128"/>
      <c r="AK2857" s="128"/>
      <c r="AL2857" s="128"/>
      <c r="AM2857" s="128"/>
      <c r="AN2857" s="128"/>
      <c r="AO2857" s="128"/>
      <c r="AP2857" s="128"/>
      <c r="AQ2857" s="128"/>
      <c r="AR2857" s="128"/>
      <c r="AS2857" s="128"/>
      <c r="AT2857" s="128"/>
      <c r="AU2857" s="128"/>
      <c r="AV2857" s="128"/>
      <c r="AW2857" s="128"/>
      <c r="AX2857" s="128"/>
      <c r="AY2857" s="128"/>
      <c r="AZ2857" s="128"/>
      <c r="BA2857" s="128"/>
      <c r="BB2857" s="107">
        <v>45884</v>
      </c>
    </row>
    <row r="2858" spans="1:54" s="8" customFormat="1" ht="13.95" customHeight="1" x14ac:dyDescent="0.25">
      <c r="A2858" s="219" t="s">
        <v>6587</v>
      </c>
      <c r="B2858" s="220" t="s">
        <v>6395</v>
      </c>
      <c r="C2858" s="98" t="s">
        <v>6588</v>
      </c>
      <c r="D2858" s="98" t="s">
        <v>20614</v>
      </c>
      <c r="E2858" s="141">
        <v>2002</v>
      </c>
      <c r="F2858" s="141">
        <v>279</v>
      </c>
      <c r="G2858" s="98" t="s">
        <v>1</v>
      </c>
      <c r="H2858" s="98">
        <v>0</v>
      </c>
      <c r="I2858" s="98">
        <v>0</v>
      </c>
      <c r="J2858" s="98" t="s">
        <v>400</v>
      </c>
      <c r="K2858" s="98" t="s">
        <v>400</v>
      </c>
      <c r="L2858" s="98" t="s">
        <v>400</v>
      </c>
      <c r="M2858" s="98" t="s">
        <v>400</v>
      </c>
      <c r="N2858" s="98" t="s">
        <v>400</v>
      </c>
      <c r="O2858" s="98" t="s">
        <v>400</v>
      </c>
      <c r="P2858" s="98" t="s">
        <v>400</v>
      </c>
      <c r="Q2858" s="98" t="s">
        <v>400</v>
      </c>
      <c r="R2858" s="98" t="s">
        <v>400</v>
      </c>
      <c r="S2858" s="98" t="s">
        <v>400</v>
      </c>
      <c r="T2858" s="98" t="s">
        <v>400</v>
      </c>
      <c r="U2858" s="128"/>
      <c r="V2858" s="128"/>
      <c r="W2858" s="128"/>
      <c r="X2858" s="128"/>
      <c r="Y2858" s="128"/>
      <c r="Z2858" s="128"/>
      <c r="AA2858" s="128"/>
      <c r="AB2858" s="128"/>
      <c r="AC2858" s="128"/>
      <c r="AD2858" s="128"/>
      <c r="AE2858" s="128"/>
      <c r="AF2858" s="128"/>
      <c r="AG2858" s="128"/>
      <c r="AH2858" s="128"/>
      <c r="AI2858" s="128"/>
      <c r="AJ2858" s="128"/>
      <c r="AK2858" s="128"/>
      <c r="AL2858" s="128"/>
      <c r="AM2858" s="128"/>
      <c r="AN2858" s="128"/>
      <c r="AO2858" s="128"/>
      <c r="AP2858" s="128"/>
      <c r="AQ2858" s="128"/>
      <c r="AR2858" s="128"/>
      <c r="AS2858" s="128"/>
      <c r="AT2858" s="128"/>
      <c r="AU2858" s="128"/>
      <c r="AV2858" s="128"/>
      <c r="AW2858" s="128"/>
      <c r="AX2858" s="128"/>
      <c r="AY2858" s="128"/>
      <c r="AZ2858" s="128"/>
      <c r="BA2858" s="128"/>
      <c r="BB2858" s="107">
        <v>45884</v>
      </c>
    </row>
    <row r="2859" spans="1:54" s="8" customFormat="1" ht="13.95" customHeight="1" x14ac:dyDescent="0.25">
      <c r="A2859" s="219" t="s">
        <v>6589</v>
      </c>
      <c r="B2859" s="220" t="s">
        <v>6395</v>
      </c>
      <c r="C2859" s="98" t="s">
        <v>6590</v>
      </c>
      <c r="D2859" s="98" t="s">
        <v>20615</v>
      </c>
      <c r="E2859" s="141">
        <v>1988</v>
      </c>
      <c r="F2859" s="141">
        <v>280</v>
      </c>
      <c r="G2859" s="98" t="s">
        <v>1</v>
      </c>
      <c r="H2859" s="98">
        <v>0</v>
      </c>
      <c r="I2859" s="98">
        <v>0</v>
      </c>
      <c r="J2859" s="98" t="s">
        <v>400</v>
      </c>
      <c r="K2859" s="98" t="s">
        <v>400</v>
      </c>
      <c r="L2859" s="98" t="s">
        <v>400</v>
      </c>
      <c r="M2859" s="98" t="s">
        <v>400</v>
      </c>
      <c r="N2859" s="98" t="s">
        <v>400</v>
      </c>
      <c r="O2859" s="98" t="s">
        <v>400</v>
      </c>
      <c r="P2859" s="98" t="s">
        <v>400</v>
      </c>
      <c r="Q2859" s="98" t="s">
        <v>400</v>
      </c>
      <c r="R2859" s="98" t="s">
        <v>400</v>
      </c>
      <c r="S2859" s="98" t="s">
        <v>400</v>
      </c>
      <c r="T2859" s="98" t="s">
        <v>400</v>
      </c>
      <c r="U2859" s="128"/>
      <c r="V2859" s="128"/>
      <c r="W2859" s="128"/>
      <c r="X2859" s="128"/>
      <c r="Y2859" s="128"/>
      <c r="Z2859" s="128"/>
      <c r="AA2859" s="128"/>
      <c r="AB2859" s="128"/>
      <c r="AC2859" s="128"/>
      <c r="AD2859" s="128"/>
      <c r="AE2859" s="128"/>
      <c r="AF2859" s="128"/>
      <c r="AG2859" s="128"/>
      <c r="AH2859" s="128"/>
      <c r="AI2859" s="128"/>
      <c r="AJ2859" s="128"/>
      <c r="AK2859" s="128"/>
      <c r="AL2859" s="128"/>
      <c r="AM2859" s="128"/>
      <c r="AN2859" s="128"/>
      <c r="AO2859" s="128"/>
      <c r="AP2859" s="128"/>
      <c r="AQ2859" s="128"/>
      <c r="AR2859" s="128"/>
      <c r="AS2859" s="128"/>
      <c r="AT2859" s="128"/>
      <c r="AU2859" s="128"/>
      <c r="AV2859" s="128"/>
      <c r="AW2859" s="128"/>
      <c r="AX2859" s="128"/>
      <c r="AY2859" s="128"/>
      <c r="AZ2859" s="128"/>
      <c r="BA2859" s="128"/>
      <c r="BB2859" s="107">
        <v>45884</v>
      </c>
    </row>
    <row r="2860" spans="1:54" s="8" customFormat="1" ht="13.95" customHeight="1" x14ac:dyDescent="0.25">
      <c r="A2860" s="219" t="s">
        <v>6591</v>
      </c>
      <c r="B2860" s="220" t="s">
        <v>6395</v>
      </c>
      <c r="C2860" s="98" t="s">
        <v>6592</v>
      </c>
      <c r="D2860" s="98" t="s">
        <v>20616</v>
      </c>
      <c r="E2860" s="141">
        <v>2004</v>
      </c>
      <c r="F2860" s="141">
        <v>280</v>
      </c>
      <c r="G2860" s="98" t="s">
        <v>1</v>
      </c>
      <c r="H2860" s="98">
        <v>0</v>
      </c>
      <c r="I2860" s="98">
        <v>0</v>
      </c>
      <c r="J2860" s="98" t="s">
        <v>400</v>
      </c>
      <c r="K2860" s="98" t="s">
        <v>400</v>
      </c>
      <c r="L2860" s="98" t="s">
        <v>400</v>
      </c>
      <c r="M2860" s="98" t="s">
        <v>400</v>
      </c>
      <c r="N2860" s="98" t="s">
        <v>400</v>
      </c>
      <c r="O2860" s="98" t="s">
        <v>400</v>
      </c>
      <c r="P2860" s="98" t="s">
        <v>400</v>
      </c>
      <c r="Q2860" s="98" t="s">
        <v>400</v>
      </c>
      <c r="R2860" s="98" t="s">
        <v>400</v>
      </c>
      <c r="S2860" s="98" t="s">
        <v>400</v>
      </c>
      <c r="T2860" s="98" t="s">
        <v>400</v>
      </c>
      <c r="U2860" s="128"/>
      <c r="V2860" s="128"/>
      <c r="W2860" s="128"/>
      <c r="X2860" s="128"/>
      <c r="Y2860" s="128"/>
      <c r="Z2860" s="128"/>
      <c r="AA2860" s="128"/>
      <c r="AB2860" s="128"/>
      <c r="AC2860" s="128"/>
      <c r="AD2860" s="128"/>
      <c r="AE2860" s="128"/>
      <c r="AF2860" s="128"/>
      <c r="AG2860" s="128"/>
      <c r="AH2860" s="128"/>
      <c r="AI2860" s="128"/>
      <c r="AJ2860" s="128"/>
      <c r="AK2860" s="128"/>
      <c r="AL2860" s="128"/>
      <c r="AM2860" s="128"/>
      <c r="AN2860" s="128"/>
      <c r="AO2860" s="128"/>
      <c r="AP2860" s="128"/>
      <c r="AQ2860" s="128"/>
      <c r="AR2860" s="128"/>
      <c r="AS2860" s="128"/>
      <c r="AT2860" s="128"/>
      <c r="AU2860" s="128"/>
      <c r="AV2860" s="128"/>
      <c r="AW2860" s="128"/>
      <c r="AX2860" s="128"/>
      <c r="AY2860" s="128"/>
      <c r="AZ2860" s="128"/>
      <c r="BA2860" s="128"/>
      <c r="BB2860" s="107">
        <v>45884</v>
      </c>
    </row>
    <row r="2861" spans="1:54" s="8" customFormat="1" ht="13.95" customHeight="1" x14ac:dyDescent="0.25">
      <c r="A2861" s="219" t="s">
        <v>6593</v>
      </c>
      <c r="B2861" s="220" t="s">
        <v>6395</v>
      </c>
      <c r="C2861" s="98" t="s">
        <v>6594</v>
      </c>
      <c r="D2861" s="98" t="s">
        <v>20617</v>
      </c>
      <c r="E2861" s="141">
        <v>2002</v>
      </c>
      <c r="F2861" s="141">
        <v>281</v>
      </c>
      <c r="G2861" s="98" t="s">
        <v>1</v>
      </c>
      <c r="H2861" s="98">
        <v>0</v>
      </c>
      <c r="I2861" s="98">
        <v>0</v>
      </c>
      <c r="J2861" s="98" t="s">
        <v>400</v>
      </c>
      <c r="K2861" s="98" t="s">
        <v>400</v>
      </c>
      <c r="L2861" s="98" t="s">
        <v>400</v>
      </c>
      <c r="M2861" s="98" t="s">
        <v>400</v>
      </c>
      <c r="N2861" s="98" t="s">
        <v>400</v>
      </c>
      <c r="O2861" s="98" t="s">
        <v>400</v>
      </c>
      <c r="P2861" s="98" t="s">
        <v>400</v>
      </c>
      <c r="Q2861" s="98" t="s">
        <v>400</v>
      </c>
      <c r="R2861" s="98" t="s">
        <v>400</v>
      </c>
      <c r="S2861" s="98" t="s">
        <v>400</v>
      </c>
      <c r="T2861" s="98" t="s">
        <v>400</v>
      </c>
      <c r="U2861" s="128"/>
      <c r="V2861" s="128"/>
      <c r="W2861" s="128"/>
      <c r="X2861" s="128"/>
      <c r="Y2861" s="128"/>
      <c r="Z2861" s="128"/>
      <c r="AA2861" s="128"/>
      <c r="AB2861" s="128"/>
      <c r="AC2861" s="128"/>
      <c r="AD2861" s="128"/>
      <c r="AE2861" s="128"/>
      <c r="AF2861" s="128"/>
      <c r="AG2861" s="128"/>
      <c r="AH2861" s="128"/>
      <c r="AI2861" s="128"/>
      <c r="AJ2861" s="128"/>
      <c r="AK2861" s="128"/>
      <c r="AL2861" s="128"/>
      <c r="AM2861" s="128"/>
      <c r="AN2861" s="128"/>
      <c r="AO2861" s="128"/>
      <c r="AP2861" s="128"/>
      <c r="AQ2861" s="128"/>
      <c r="AR2861" s="128"/>
      <c r="AS2861" s="128"/>
      <c r="AT2861" s="128"/>
      <c r="AU2861" s="128"/>
      <c r="AV2861" s="128"/>
      <c r="AW2861" s="128"/>
      <c r="AX2861" s="128"/>
      <c r="AY2861" s="128"/>
      <c r="AZ2861" s="128"/>
      <c r="BA2861" s="128"/>
      <c r="BB2861" s="107">
        <v>45884</v>
      </c>
    </row>
    <row r="2862" spans="1:54" s="8" customFormat="1" ht="13.95" customHeight="1" x14ac:dyDescent="0.25">
      <c r="A2862" s="219" t="s">
        <v>6595</v>
      </c>
      <c r="B2862" s="220" t="s">
        <v>6395</v>
      </c>
      <c r="C2862" s="98" t="s">
        <v>6596</v>
      </c>
      <c r="D2862" s="98" t="s">
        <v>20618</v>
      </c>
      <c r="E2862" s="141">
        <v>1979</v>
      </c>
      <c r="F2862" s="141">
        <v>283</v>
      </c>
      <c r="G2862" s="98" t="s">
        <v>1</v>
      </c>
      <c r="H2862" s="98">
        <v>0</v>
      </c>
      <c r="I2862" s="98">
        <v>0</v>
      </c>
      <c r="J2862" s="98" t="s">
        <v>400</v>
      </c>
      <c r="K2862" s="98" t="s">
        <v>400</v>
      </c>
      <c r="L2862" s="98" t="s">
        <v>400</v>
      </c>
      <c r="M2862" s="98" t="s">
        <v>400</v>
      </c>
      <c r="N2862" s="98" t="s">
        <v>400</v>
      </c>
      <c r="O2862" s="98" t="s">
        <v>400</v>
      </c>
      <c r="P2862" s="98" t="s">
        <v>400</v>
      </c>
      <c r="Q2862" s="98" t="s">
        <v>400</v>
      </c>
      <c r="R2862" s="98" t="s">
        <v>400</v>
      </c>
      <c r="S2862" s="98" t="s">
        <v>400</v>
      </c>
      <c r="T2862" s="98" t="s">
        <v>400</v>
      </c>
      <c r="U2862" s="128"/>
      <c r="V2862" s="128"/>
      <c r="W2862" s="128"/>
      <c r="X2862" s="128"/>
      <c r="Y2862" s="128"/>
      <c r="Z2862" s="128"/>
      <c r="AA2862" s="128"/>
      <c r="AB2862" s="128"/>
      <c r="AC2862" s="128"/>
      <c r="AD2862" s="128"/>
      <c r="AE2862" s="128"/>
      <c r="AF2862" s="128"/>
      <c r="AG2862" s="128"/>
      <c r="AH2862" s="128"/>
      <c r="AI2862" s="128"/>
      <c r="AJ2862" s="128"/>
      <c r="AK2862" s="128"/>
      <c r="AL2862" s="128"/>
      <c r="AM2862" s="128"/>
      <c r="AN2862" s="128"/>
      <c r="AO2862" s="128"/>
      <c r="AP2862" s="128"/>
      <c r="AQ2862" s="128"/>
      <c r="AR2862" s="128"/>
      <c r="AS2862" s="128"/>
      <c r="AT2862" s="128"/>
      <c r="AU2862" s="128"/>
      <c r="AV2862" s="128"/>
      <c r="AW2862" s="128"/>
      <c r="AX2862" s="128"/>
      <c r="AY2862" s="128"/>
      <c r="AZ2862" s="128"/>
      <c r="BA2862" s="128"/>
      <c r="BB2862" s="107">
        <v>45884</v>
      </c>
    </row>
    <row r="2863" spans="1:54" s="8" customFormat="1" ht="13.95" customHeight="1" x14ac:dyDescent="0.25">
      <c r="A2863" s="219" t="s">
        <v>6597</v>
      </c>
      <c r="B2863" s="220" t="s">
        <v>6395</v>
      </c>
      <c r="C2863" s="98" t="s">
        <v>5896</v>
      </c>
      <c r="D2863" s="98" t="s">
        <v>20619</v>
      </c>
      <c r="E2863" s="141">
        <v>1991</v>
      </c>
      <c r="F2863" s="141">
        <v>285</v>
      </c>
      <c r="G2863" s="98" t="s">
        <v>1</v>
      </c>
      <c r="H2863" s="98">
        <v>0</v>
      </c>
      <c r="I2863" s="98">
        <v>0</v>
      </c>
      <c r="J2863" s="98" t="s">
        <v>400</v>
      </c>
      <c r="K2863" s="98" t="s">
        <v>400</v>
      </c>
      <c r="L2863" s="98" t="s">
        <v>400</v>
      </c>
      <c r="M2863" s="98" t="s">
        <v>400</v>
      </c>
      <c r="N2863" s="98" t="s">
        <v>400</v>
      </c>
      <c r="O2863" s="98" t="s">
        <v>400</v>
      </c>
      <c r="P2863" s="98" t="s">
        <v>400</v>
      </c>
      <c r="Q2863" s="98" t="s">
        <v>400</v>
      </c>
      <c r="R2863" s="98" t="s">
        <v>400</v>
      </c>
      <c r="S2863" s="98" t="s">
        <v>400</v>
      </c>
      <c r="T2863" s="98" t="s">
        <v>400</v>
      </c>
      <c r="U2863" s="128"/>
      <c r="V2863" s="128"/>
      <c r="W2863" s="128"/>
      <c r="X2863" s="128"/>
      <c r="Y2863" s="128"/>
      <c r="Z2863" s="128"/>
      <c r="AA2863" s="128"/>
      <c r="AB2863" s="128"/>
      <c r="AC2863" s="128"/>
      <c r="AD2863" s="128"/>
      <c r="AE2863" s="128"/>
      <c r="AF2863" s="128"/>
      <c r="AG2863" s="128"/>
      <c r="AH2863" s="128"/>
      <c r="AI2863" s="128"/>
      <c r="AJ2863" s="128"/>
      <c r="AK2863" s="128"/>
      <c r="AL2863" s="128"/>
      <c r="AM2863" s="128"/>
      <c r="AN2863" s="128"/>
      <c r="AO2863" s="128"/>
      <c r="AP2863" s="128"/>
      <c r="AQ2863" s="128"/>
      <c r="AR2863" s="128"/>
      <c r="AS2863" s="128"/>
      <c r="AT2863" s="128"/>
      <c r="AU2863" s="128"/>
      <c r="AV2863" s="128"/>
      <c r="AW2863" s="128"/>
      <c r="AX2863" s="128"/>
      <c r="AY2863" s="128"/>
      <c r="AZ2863" s="128"/>
      <c r="BA2863" s="128"/>
      <c r="BB2863" s="107">
        <v>45884</v>
      </c>
    </row>
    <row r="2864" spans="1:54" s="8" customFormat="1" ht="13.95" customHeight="1" x14ac:dyDescent="0.25">
      <c r="A2864" s="219" t="s">
        <v>6598</v>
      </c>
      <c r="B2864" s="220" t="s">
        <v>6395</v>
      </c>
      <c r="C2864" s="98" t="s">
        <v>6599</v>
      </c>
      <c r="D2864" s="98" t="s">
        <v>20620</v>
      </c>
      <c r="E2864" s="141">
        <v>2000</v>
      </c>
      <c r="F2864" s="141">
        <v>286</v>
      </c>
      <c r="G2864" s="98" t="s">
        <v>1</v>
      </c>
      <c r="H2864" s="98">
        <v>0</v>
      </c>
      <c r="I2864" s="98">
        <v>0</v>
      </c>
      <c r="J2864" s="98" t="s">
        <v>400</v>
      </c>
      <c r="K2864" s="98" t="s">
        <v>400</v>
      </c>
      <c r="L2864" s="98" t="s">
        <v>400</v>
      </c>
      <c r="M2864" s="98" t="s">
        <v>400</v>
      </c>
      <c r="N2864" s="98" t="s">
        <v>400</v>
      </c>
      <c r="O2864" s="98" t="s">
        <v>400</v>
      </c>
      <c r="P2864" s="98" t="s">
        <v>400</v>
      </c>
      <c r="Q2864" s="98" t="s">
        <v>400</v>
      </c>
      <c r="R2864" s="98" t="s">
        <v>400</v>
      </c>
      <c r="S2864" s="98" t="s">
        <v>400</v>
      </c>
      <c r="T2864" s="98" t="s">
        <v>400</v>
      </c>
      <c r="U2864" s="128"/>
      <c r="V2864" s="128"/>
      <c r="W2864" s="128"/>
      <c r="X2864" s="128"/>
      <c r="Y2864" s="128"/>
      <c r="Z2864" s="128"/>
      <c r="AA2864" s="128"/>
      <c r="AB2864" s="128"/>
      <c r="AC2864" s="128"/>
      <c r="AD2864" s="128"/>
      <c r="AE2864" s="128"/>
      <c r="AF2864" s="128"/>
      <c r="AG2864" s="128"/>
      <c r="AH2864" s="128"/>
      <c r="AI2864" s="128"/>
      <c r="AJ2864" s="128"/>
      <c r="AK2864" s="128"/>
      <c r="AL2864" s="128"/>
      <c r="AM2864" s="128"/>
      <c r="AN2864" s="128"/>
      <c r="AO2864" s="128"/>
      <c r="AP2864" s="128"/>
      <c r="AQ2864" s="128"/>
      <c r="AR2864" s="128"/>
      <c r="AS2864" s="128"/>
      <c r="AT2864" s="128"/>
      <c r="AU2864" s="128"/>
      <c r="AV2864" s="128"/>
      <c r="AW2864" s="128"/>
      <c r="AX2864" s="128"/>
      <c r="AY2864" s="128"/>
      <c r="AZ2864" s="128"/>
      <c r="BA2864" s="128"/>
      <c r="BB2864" s="107">
        <v>45884</v>
      </c>
    </row>
    <row r="2865" spans="1:54" s="8" customFormat="1" ht="13.95" customHeight="1" x14ac:dyDescent="0.25">
      <c r="A2865" s="219" t="s">
        <v>6600</v>
      </c>
      <c r="B2865" s="220" t="s">
        <v>6395</v>
      </c>
      <c r="C2865" s="98" t="s">
        <v>6601</v>
      </c>
      <c r="D2865" s="98" t="s">
        <v>21750</v>
      </c>
      <c r="E2865" s="141">
        <v>1983</v>
      </c>
      <c r="F2865" s="141">
        <v>287</v>
      </c>
      <c r="G2865" s="98" t="s">
        <v>1</v>
      </c>
      <c r="H2865" s="98">
        <v>0</v>
      </c>
      <c r="I2865" s="98">
        <v>0</v>
      </c>
      <c r="J2865" s="98" t="s">
        <v>400</v>
      </c>
      <c r="K2865" s="98" t="s">
        <v>400</v>
      </c>
      <c r="L2865" s="98" t="s">
        <v>400</v>
      </c>
      <c r="M2865" s="98" t="s">
        <v>400</v>
      </c>
      <c r="N2865" s="98" t="s">
        <v>400</v>
      </c>
      <c r="O2865" s="98" t="s">
        <v>400</v>
      </c>
      <c r="P2865" s="98" t="s">
        <v>400</v>
      </c>
      <c r="Q2865" s="98" t="s">
        <v>400</v>
      </c>
      <c r="R2865" s="98" t="s">
        <v>400</v>
      </c>
      <c r="S2865" s="98" t="s">
        <v>400</v>
      </c>
      <c r="T2865" s="98" t="s">
        <v>400</v>
      </c>
      <c r="U2865" s="128"/>
      <c r="V2865" s="128"/>
      <c r="W2865" s="128"/>
      <c r="X2865" s="128"/>
      <c r="Y2865" s="128"/>
      <c r="Z2865" s="128"/>
      <c r="AA2865" s="128"/>
      <c r="AB2865" s="128"/>
      <c r="AC2865" s="128"/>
      <c r="AD2865" s="128"/>
      <c r="AE2865" s="128"/>
      <c r="AF2865" s="128"/>
      <c r="AG2865" s="128"/>
      <c r="AH2865" s="128"/>
      <c r="AI2865" s="128"/>
      <c r="AJ2865" s="128"/>
      <c r="AK2865" s="128"/>
      <c r="AL2865" s="128"/>
      <c r="AM2865" s="128"/>
      <c r="AN2865" s="128"/>
      <c r="AO2865" s="128"/>
      <c r="AP2865" s="128"/>
      <c r="AQ2865" s="128"/>
      <c r="AR2865" s="128"/>
      <c r="AS2865" s="128"/>
      <c r="AT2865" s="128"/>
      <c r="AU2865" s="128"/>
      <c r="AV2865" s="128"/>
      <c r="AW2865" s="128"/>
      <c r="AX2865" s="128"/>
      <c r="AY2865" s="128"/>
      <c r="AZ2865" s="128"/>
      <c r="BA2865" s="128"/>
      <c r="BB2865" s="107">
        <v>45884</v>
      </c>
    </row>
    <row r="2866" spans="1:54" s="8" customFormat="1" ht="13.95" customHeight="1" x14ac:dyDescent="0.25">
      <c r="A2866" s="219" t="s">
        <v>6602</v>
      </c>
      <c r="B2866" s="220" t="s">
        <v>6395</v>
      </c>
      <c r="C2866" s="98" t="s">
        <v>6603</v>
      </c>
      <c r="D2866" s="98" t="s">
        <v>21751</v>
      </c>
      <c r="E2866" s="141">
        <v>1997</v>
      </c>
      <c r="F2866" s="141">
        <v>287</v>
      </c>
      <c r="G2866" s="98" t="s">
        <v>1</v>
      </c>
      <c r="H2866" s="98">
        <v>0</v>
      </c>
      <c r="I2866" s="98">
        <v>0</v>
      </c>
      <c r="J2866" s="98" t="s">
        <v>400</v>
      </c>
      <c r="K2866" s="98" t="s">
        <v>400</v>
      </c>
      <c r="L2866" s="98" t="s">
        <v>400</v>
      </c>
      <c r="M2866" s="98" t="s">
        <v>400</v>
      </c>
      <c r="N2866" s="98" t="s">
        <v>400</v>
      </c>
      <c r="O2866" s="98" t="s">
        <v>400</v>
      </c>
      <c r="P2866" s="98" t="s">
        <v>400</v>
      </c>
      <c r="Q2866" s="98" t="s">
        <v>400</v>
      </c>
      <c r="R2866" s="98" t="s">
        <v>400</v>
      </c>
      <c r="S2866" s="98" t="s">
        <v>400</v>
      </c>
      <c r="T2866" s="98" t="s">
        <v>400</v>
      </c>
      <c r="U2866" s="128"/>
      <c r="V2866" s="128"/>
      <c r="W2866" s="128"/>
      <c r="X2866" s="128"/>
      <c r="Y2866" s="128"/>
      <c r="Z2866" s="128"/>
      <c r="AA2866" s="128"/>
      <c r="AB2866" s="128"/>
      <c r="AC2866" s="128"/>
      <c r="AD2866" s="128"/>
      <c r="AE2866" s="128"/>
      <c r="AF2866" s="128"/>
      <c r="AG2866" s="128"/>
      <c r="AH2866" s="128"/>
      <c r="AI2866" s="128"/>
      <c r="AJ2866" s="128"/>
      <c r="AK2866" s="128"/>
      <c r="AL2866" s="128"/>
      <c r="AM2866" s="128"/>
      <c r="AN2866" s="128"/>
      <c r="AO2866" s="128"/>
      <c r="AP2866" s="128"/>
      <c r="AQ2866" s="128"/>
      <c r="AR2866" s="128"/>
      <c r="AS2866" s="128"/>
      <c r="AT2866" s="128"/>
      <c r="AU2866" s="128"/>
      <c r="AV2866" s="128"/>
      <c r="AW2866" s="128"/>
      <c r="AX2866" s="128"/>
      <c r="AY2866" s="128"/>
      <c r="AZ2866" s="128"/>
      <c r="BA2866" s="128"/>
      <c r="BB2866" s="107">
        <v>45884</v>
      </c>
    </row>
    <row r="2867" spans="1:54" s="8" customFormat="1" ht="13.95" customHeight="1" x14ac:dyDescent="0.25">
      <c r="A2867" s="219" t="s">
        <v>6604</v>
      </c>
      <c r="B2867" s="220" t="s">
        <v>6395</v>
      </c>
      <c r="C2867" s="98" t="s">
        <v>6605</v>
      </c>
      <c r="D2867" s="98" t="s">
        <v>20621</v>
      </c>
      <c r="E2867" s="141">
        <v>1994</v>
      </c>
      <c r="F2867" s="141">
        <v>288</v>
      </c>
      <c r="G2867" s="98" t="s">
        <v>1</v>
      </c>
      <c r="H2867" s="98">
        <v>0</v>
      </c>
      <c r="I2867" s="98">
        <v>0</v>
      </c>
      <c r="J2867" s="98" t="s">
        <v>400</v>
      </c>
      <c r="K2867" s="98" t="s">
        <v>400</v>
      </c>
      <c r="L2867" s="98" t="s">
        <v>400</v>
      </c>
      <c r="M2867" s="98" t="s">
        <v>400</v>
      </c>
      <c r="N2867" s="98" t="s">
        <v>400</v>
      </c>
      <c r="O2867" s="98" t="s">
        <v>400</v>
      </c>
      <c r="P2867" s="98" t="s">
        <v>400</v>
      </c>
      <c r="Q2867" s="98" t="s">
        <v>400</v>
      </c>
      <c r="R2867" s="98" t="s">
        <v>400</v>
      </c>
      <c r="S2867" s="98" t="s">
        <v>400</v>
      </c>
      <c r="T2867" s="98" t="s">
        <v>400</v>
      </c>
      <c r="U2867" s="128"/>
      <c r="V2867" s="128"/>
      <c r="W2867" s="128"/>
      <c r="X2867" s="128"/>
      <c r="Y2867" s="128"/>
      <c r="Z2867" s="128"/>
      <c r="AA2867" s="128"/>
      <c r="AB2867" s="128"/>
      <c r="AC2867" s="128"/>
      <c r="AD2867" s="128"/>
      <c r="AE2867" s="128"/>
      <c r="AF2867" s="128"/>
      <c r="AG2867" s="128"/>
      <c r="AH2867" s="128"/>
      <c r="AI2867" s="128"/>
      <c r="AJ2867" s="128"/>
      <c r="AK2867" s="128"/>
      <c r="AL2867" s="128"/>
      <c r="AM2867" s="128"/>
      <c r="AN2867" s="128"/>
      <c r="AO2867" s="128"/>
      <c r="AP2867" s="128"/>
      <c r="AQ2867" s="128"/>
      <c r="AR2867" s="128"/>
      <c r="AS2867" s="128"/>
      <c r="AT2867" s="128"/>
      <c r="AU2867" s="128"/>
      <c r="AV2867" s="128"/>
      <c r="AW2867" s="128"/>
      <c r="AX2867" s="128"/>
      <c r="AY2867" s="128"/>
      <c r="AZ2867" s="128"/>
      <c r="BA2867" s="128"/>
      <c r="BB2867" s="107">
        <v>45884</v>
      </c>
    </row>
    <row r="2868" spans="1:54" s="8" customFormat="1" ht="13.95" customHeight="1" x14ac:dyDescent="0.25">
      <c r="A2868" s="219" t="s">
        <v>6606</v>
      </c>
      <c r="B2868" s="220" t="s">
        <v>6395</v>
      </c>
      <c r="C2868" s="98" t="s">
        <v>6607</v>
      </c>
      <c r="D2868" s="98" t="s">
        <v>20622</v>
      </c>
      <c r="E2868" s="141">
        <v>2002</v>
      </c>
      <c r="F2868" s="141">
        <v>288</v>
      </c>
      <c r="G2868" s="98" t="s">
        <v>1</v>
      </c>
      <c r="H2868" s="98">
        <v>0</v>
      </c>
      <c r="I2868" s="98">
        <v>0</v>
      </c>
      <c r="J2868" s="98" t="s">
        <v>400</v>
      </c>
      <c r="K2868" s="98" t="s">
        <v>400</v>
      </c>
      <c r="L2868" s="98" t="s">
        <v>400</v>
      </c>
      <c r="M2868" s="98" t="s">
        <v>400</v>
      </c>
      <c r="N2868" s="98" t="s">
        <v>400</v>
      </c>
      <c r="O2868" s="98" t="s">
        <v>400</v>
      </c>
      <c r="P2868" s="98" t="s">
        <v>400</v>
      </c>
      <c r="Q2868" s="98" t="s">
        <v>400</v>
      </c>
      <c r="R2868" s="98" t="s">
        <v>400</v>
      </c>
      <c r="S2868" s="98" t="s">
        <v>400</v>
      </c>
      <c r="T2868" s="98" t="s">
        <v>400</v>
      </c>
      <c r="U2868" s="128"/>
      <c r="V2868" s="128"/>
      <c r="W2868" s="128"/>
      <c r="X2868" s="128"/>
      <c r="Y2868" s="128"/>
      <c r="Z2868" s="128"/>
      <c r="AA2868" s="128"/>
      <c r="AB2868" s="128"/>
      <c r="AC2868" s="128"/>
      <c r="AD2868" s="128"/>
      <c r="AE2868" s="128"/>
      <c r="AF2868" s="128"/>
      <c r="AG2868" s="128"/>
      <c r="AH2868" s="128"/>
      <c r="AI2868" s="128"/>
      <c r="AJ2868" s="128"/>
      <c r="AK2868" s="128"/>
      <c r="AL2868" s="128"/>
      <c r="AM2868" s="128"/>
      <c r="AN2868" s="128"/>
      <c r="AO2868" s="128"/>
      <c r="AP2868" s="128"/>
      <c r="AQ2868" s="128"/>
      <c r="AR2868" s="128"/>
      <c r="AS2868" s="128"/>
      <c r="AT2868" s="128"/>
      <c r="AU2868" s="128"/>
      <c r="AV2868" s="128"/>
      <c r="AW2868" s="128"/>
      <c r="AX2868" s="128"/>
      <c r="AY2868" s="128"/>
      <c r="AZ2868" s="128"/>
      <c r="BA2868" s="128"/>
      <c r="BB2868" s="107">
        <v>45884</v>
      </c>
    </row>
    <row r="2869" spans="1:54" s="8" customFormat="1" ht="13.95" customHeight="1" x14ac:dyDescent="0.25">
      <c r="A2869" s="219" t="s">
        <v>6608</v>
      </c>
      <c r="B2869" s="220" t="s">
        <v>6395</v>
      </c>
      <c r="C2869" s="98" t="s">
        <v>6609</v>
      </c>
      <c r="D2869" s="98" t="s">
        <v>20623</v>
      </c>
      <c r="E2869" s="141">
        <v>1984</v>
      </c>
      <c r="F2869" s="141">
        <v>294</v>
      </c>
      <c r="G2869" s="98" t="s">
        <v>1</v>
      </c>
      <c r="H2869" s="98">
        <v>0</v>
      </c>
      <c r="I2869" s="98">
        <v>0</v>
      </c>
      <c r="J2869" s="98" t="s">
        <v>400</v>
      </c>
      <c r="K2869" s="98" t="s">
        <v>400</v>
      </c>
      <c r="L2869" s="98" t="s">
        <v>400</v>
      </c>
      <c r="M2869" s="98" t="s">
        <v>400</v>
      </c>
      <c r="N2869" s="98" t="s">
        <v>400</v>
      </c>
      <c r="O2869" s="98" t="s">
        <v>400</v>
      </c>
      <c r="P2869" s="98" t="s">
        <v>400</v>
      </c>
      <c r="Q2869" s="98" t="s">
        <v>400</v>
      </c>
      <c r="R2869" s="98" t="s">
        <v>400</v>
      </c>
      <c r="S2869" s="98" t="s">
        <v>400</v>
      </c>
      <c r="T2869" s="98" t="s">
        <v>400</v>
      </c>
      <c r="U2869" s="128"/>
      <c r="V2869" s="128"/>
      <c r="W2869" s="128"/>
      <c r="X2869" s="128"/>
      <c r="Y2869" s="128"/>
      <c r="Z2869" s="128"/>
      <c r="AA2869" s="128"/>
      <c r="AB2869" s="128"/>
      <c r="AC2869" s="128"/>
      <c r="AD2869" s="128"/>
      <c r="AE2869" s="128"/>
      <c r="AF2869" s="128"/>
      <c r="AG2869" s="128"/>
      <c r="AH2869" s="128"/>
      <c r="AI2869" s="128"/>
      <c r="AJ2869" s="128"/>
      <c r="AK2869" s="128"/>
      <c r="AL2869" s="128"/>
      <c r="AM2869" s="128"/>
      <c r="AN2869" s="128"/>
      <c r="AO2869" s="128"/>
      <c r="AP2869" s="128"/>
      <c r="AQ2869" s="128"/>
      <c r="AR2869" s="128"/>
      <c r="AS2869" s="128"/>
      <c r="AT2869" s="128"/>
      <c r="AU2869" s="128"/>
      <c r="AV2869" s="128"/>
      <c r="AW2869" s="128"/>
      <c r="AX2869" s="128"/>
      <c r="AY2869" s="128"/>
      <c r="AZ2869" s="128"/>
      <c r="BA2869" s="128"/>
      <c r="BB2869" s="107">
        <v>45884</v>
      </c>
    </row>
    <row r="2870" spans="1:54" s="8" customFormat="1" ht="13.95" customHeight="1" x14ac:dyDescent="0.25">
      <c r="A2870" s="219" t="s">
        <v>6610</v>
      </c>
      <c r="B2870" s="220" t="s">
        <v>6395</v>
      </c>
      <c r="C2870" s="98" t="s">
        <v>6611</v>
      </c>
      <c r="D2870" s="98" t="s">
        <v>20624</v>
      </c>
      <c r="E2870" s="141">
        <v>1979</v>
      </c>
      <c r="F2870" s="141">
        <v>295</v>
      </c>
      <c r="G2870" s="98" t="s">
        <v>1</v>
      </c>
      <c r="H2870" s="98">
        <v>0</v>
      </c>
      <c r="I2870" s="98">
        <v>0</v>
      </c>
      <c r="J2870" s="98" t="s">
        <v>400</v>
      </c>
      <c r="K2870" s="98" t="s">
        <v>400</v>
      </c>
      <c r="L2870" s="98" t="s">
        <v>400</v>
      </c>
      <c r="M2870" s="98" t="s">
        <v>400</v>
      </c>
      <c r="N2870" s="98" t="s">
        <v>400</v>
      </c>
      <c r="O2870" s="98" t="s">
        <v>400</v>
      </c>
      <c r="P2870" s="98" t="s">
        <v>400</v>
      </c>
      <c r="Q2870" s="98" t="s">
        <v>400</v>
      </c>
      <c r="R2870" s="98" t="s">
        <v>400</v>
      </c>
      <c r="S2870" s="98" t="s">
        <v>400</v>
      </c>
      <c r="T2870" s="98" t="s">
        <v>400</v>
      </c>
      <c r="U2870" s="128"/>
      <c r="V2870" s="128"/>
      <c r="W2870" s="128"/>
      <c r="X2870" s="128"/>
      <c r="Y2870" s="128"/>
      <c r="Z2870" s="128"/>
      <c r="AA2870" s="128"/>
      <c r="AB2870" s="128"/>
      <c r="AC2870" s="128"/>
      <c r="AD2870" s="128"/>
      <c r="AE2870" s="128"/>
      <c r="AF2870" s="128"/>
      <c r="AG2870" s="128"/>
      <c r="AH2870" s="128"/>
      <c r="AI2870" s="128"/>
      <c r="AJ2870" s="128"/>
      <c r="AK2870" s="128"/>
      <c r="AL2870" s="128"/>
      <c r="AM2870" s="128"/>
      <c r="AN2870" s="128"/>
      <c r="AO2870" s="128"/>
      <c r="AP2870" s="128"/>
      <c r="AQ2870" s="128"/>
      <c r="AR2870" s="128"/>
      <c r="AS2870" s="128"/>
      <c r="AT2870" s="128"/>
      <c r="AU2870" s="128"/>
      <c r="AV2870" s="128"/>
      <c r="AW2870" s="128"/>
      <c r="AX2870" s="128"/>
      <c r="AY2870" s="128"/>
      <c r="AZ2870" s="128"/>
      <c r="BA2870" s="128"/>
      <c r="BB2870" s="107">
        <v>45884</v>
      </c>
    </row>
    <row r="2871" spans="1:54" s="8" customFormat="1" ht="13.95" customHeight="1" x14ac:dyDescent="0.25">
      <c r="A2871" s="219" t="s">
        <v>6612</v>
      </c>
      <c r="B2871" s="220" t="s">
        <v>6395</v>
      </c>
      <c r="C2871" s="98" t="s">
        <v>6613</v>
      </c>
      <c r="D2871" s="98" t="s">
        <v>20625</v>
      </c>
      <c r="E2871" s="141">
        <v>2002</v>
      </c>
      <c r="F2871" s="141">
        <v>296</v>
      </c>
      <c r="G2871" s="98" t="s">
        <v>1</v>
      </c>
      <c r="H2871" s="98">
        <v>0</v>
      </c>
      <c r="I2871" s="98">
        <v>0</v>
      </c>
      <c r="J2871" s="98" t="s">
        <v>400</v>
      </c>
      <c r="K2871" s="98" t="s">
        <v>400</v>
      </c>
      <c r="L2871" s="98" t="s">
        <v>400</v>
      </c>
      <c r="M2871" s="98" t="s">
        <v>400</v>
      </c>
      <c r="N2871" s="98" t="s">
        <v>400</v>
      </c>
      <c r="O2871" s="98" t="s">
        <v>400</v>
      </c>
      <c r="P2871" s="98" t="s">
        <v>400</v>
      </c>
      <c r="Q2871" s="98" t="s">
        <v>400</v>
      </c>
      <c r="R2871" s="98" t="s">
        <v>400</v>
      </c>
      <c r="S2871" s="98" t="s">
        <v>400</v>
      </c>
      <c r="T2871" s="98" t="s">
        <v>400</v>
      </c>
      <c r="U2871" s="128"/>
      <c r="V2871" s="128"/>
      <c r="W2871" s="128"/>
      <c r="X2871" s="128"/>
      <c r="Y2871" s="128"/>
      <c r="Z2871" s="128"/>
      <c r="AA2871" s="128"/>
      <c r="AB2871" s="128"/>
      <c r="AC2871" s="128"/>
      <c r="AD2871" s="128"/>
      <c r="AE2871" s="128"/>
      <c r="AF2871" s="128"/>
      <c r="AG2871" s="128"/>
      <c r="AH2871" s="128"/>
      <c r="AI2871" s="128"/>
      <c r="AJ2871" s="128"/>
      <c r="AK2871" s="128"/>
      <c r="AL2871" s="128"/>
      <c r="AM2871" s="128"/>
      <c r="AN2871" s="128"/>
      <c r="AO2871" s="128"/>
      <c r="AP2871" s="128"/>
      <c r="AQ2871" s="128"/>
      <c r="AR2871" s="128"/>
      <c r="AS2871" s="128"/>
      <c r="AT2871" s="128"/>
      <c r="AU2871" s="128"/>
      <c r="AV2871" s="128"/>
      <c r="AW2871" s="128"/>
      <c r="AX2871" s="128"/>
      <c r="AY2871" s="128"/>
      <c r="AZ2871" s="128"/>
      <c r="BA2871" s="128"/>
      <c r="BB2871" s="107">
        <v>45884</v>
      </c>
    </row>
    <row r="2872" spans="1:54" s="8" customFormat="1" ht="13.95" customHeight="1" x14ac:dyDescent="0.25">
      <c r="A2872" s="219" t="s">
        <v>6614</v>
      </c>
      <c r="B2872" s="220" t="s">
        <v>6395</v>
      </c>
      <c r="C2872" s="98" t="s">
        <v>6615</v>
      </c>
      <c r="D2872" s="98" t="s">
        <v>20626</v>
      </c>
      <c r="E2872" s="141">
        <v>2000</v>
      </c>
      <c r="F2872" s="141">
        <v>298</v>
      </c>
      <c r="G2872" s="98" t="s">
        <v>1</v>
      </c>
      <c r="H2872" s="98">
        <v>0</v>
      </c>
      <c r="I2872" s="98">
        <v>0</v>
      </c>
      <c r="J2872" s="98" t="s">
        <v>400</v>
      </c>
      <c r="K2872" s="98" t="s">
        <v>400</v>
      </c>
      <c r="L2872" s="98" t="s">
        <v>400</v>
      </c>
      <c r="M2872" s="98" t="s">
        <v>400</v>
      </c>
      <c r="N2872" s="98" t="s">
        <v>400</v>
      </c>
      <c r="O2872" s="98" t="s">
        <v>400</v>
      </c>
      <c r="P2872" s="98" t="s">
        <v>400</v>
      </c>
      <c r="Q2872" s="98" t="s">
        <v>400</v>
      </c>
      <c r="R2872" s="98" t="s">
        <v>400</v>
      </c>
      <c r="S2872" s="98" t="s">
        <v>400</v>
      </c>
      <c r="T2872" s="98" t="s">
        <v>400</v>
      </c>
      <c r="U2872" s="128"/>
      <c r="V2872" s="128"/>
      <c r="W2872" s="128"/>
      <c r="X2872" s="128"/>
      <c r="Y2872" s="128"/>
      <c r="Z2872" s="128"/>
      <c r="AA2872" s="128"/>
      <c r="AB2872" s="128"/>
      <c r="AC2872" s="128"/>
      <c r="AD2872" s="128"/>
      <c r="AE2872" s="128"/>
      <c r="AF2872" s="128"/>
      <c r="AG2872" s="128"/>
      <c r="AH2872" s="128"/>
      <c r="AI2872" s="128"/>
      <c r="AJ2872" s="128"/>
      <c r="AK2872" s="128"/>
      <c r="AL2872" s="128"/>
      <c r="AM2872" s="128"/>
      <c r="AN2872" s="128"/>
      <c r="AO2872" s="128"/>
      <c r="AP2872" s="128"/>
      <c r="AQ2872" s="128"/>
      <c r="AR2872" s="128"/>
      <c r="AS2872" s="128"/>
      <c r="AT2872" s="128"/>
      <c r="AU2872" s="128"/>
      <c r="AV2872" s="128"/>
      <c r="AW2872" s="128"/>
      <c r="AX2872" s="128"/>
      <c r="AY2872" s="128"/>
      <c r="AZ2872" s="128"/>
      <c r="BA2872" s="128"/>
      <c r="BB2872" s="107">
        <v>45884</v>
      </c>
    </row>
    <row r="2873" spans="1:54" s="8" customFormat="1" ht="13.95" customHeight="1" x14ac:dyDescent="0.25">
      <c r="A2873" s="219" t="s">
        <v>6616</v>
      </c>
      <c r="B2873" s="220" t="s">
        <v>6395</v>
      </c>
      <c r="C2873" s="98" t="s">
        <v>6617</v>
      </c>
      <c r="D2873" s="98" t="s">
        <v>20627</v>
      </c>
      <c r="E2873" s="141">
        <v>1994</v>
      </c>
      <c r="F2873" s="141">
        <v>299</v>
      </c>
      <c r="G2873" s="98" t="s">
        <v>1</v>
      </c>
      <c r="H2873" s="98">
        <v>0</v>
      </c>
      <c r="I2873" s="98">
        <v>0</v>
      </c>
      <c r="J2873" s="98" t="s">
        <v>400</v>
      </c>
      <c r="K2873" s="98" t="s">
        <v>400</v>
      </c>
      <c r="L2873" s="98" t="s">
        <v>400</v>
      </c>
      <c r="M2873" s="98" t="s">
        <v>400</v>
      </c>
      <c r="N2873" s="98" t="s">
        <v>400</v>
      </c>
      <c r="O2873" s="98" t="s">
        <v>400</v>
      </c>
      <c r="P2873" s="98" t="s">
        <v>400</v>
      </c>
      <c r="Q2873" s="98" t="s">
        <v>400</v>
      </c>
      <c r="R2873" s="98" t="s">
        <v>400</v>
      </c>
      <c r="S2873" s="98" t="s">
        <v>400</v>
      </c>
      <c r="T2873" s="98" t="s">
        <v>400</v>
      </c>
      <c r="U2873" s="128"/>
      <c r="V2873" s="128"/>
      <c r="W2873" s="128"/>
      <c r="X2873" s="128"/>
      <c r="Y2873" s="128"/>
      <c r="Z2873" s="128"/>
      <c r="AA2873" s="128"/>
      <c r="AB2873" s="128"/>
      <c r="AC2873" s="128"/>
      <c r="AD2873" s="128"/>
      <c r="AE2873" s="128"/>
      <c r="AF2873" s="128"/>
      <c r="AG2873" s="128"/>
      <c r="AH2873" s="128"/>
      <c r="AI2873" s="128"/>
      <c r="AJ2873" s="128"/>
      <c r="AK2873" s="128"/>
      <c r="AL2873" s="128"/>
      <c r="AM2873" s="128"/>
      <c r="AN2873" s="128"/>
      <c r="AO2873" s="128"/>
      <c r="AP2873" s="128"/>
      <c r="AQ2873" s="128"/>
      <c r="AR2873" s="128"/>
      <c r="AS2873" s="128"/>
      <c r="AT2873" s="128"/>
      <c r="AU2873" s="128"/>
      <c r="AV2873" s="128"/>
      <c r="AW2873" s="128"/>
      <c r="AX2873" s="128"/>
      <c r="AY2873" s="128"/>
      <c r="AZ2873" s="128"/>
      <c r="BA2873" s="128"/>
      <c r="BB2873" s="107">
        <v>45884</v>
      </c>
    </row>
    <row r="2874" spans="1:54" s="8" customFormat="1" ht="13.95" customHeight="1" x14ac:dyDescent="0.25">
      <c r="A2874" s="219" t="s">
        <v>6618</v>
      </c>
      <c r="B2874" s="220" t="s">
        <v>6395</v>
      </c>
      <c r="C2874" s="98" t="s">
        <v>6619</v>
      </c>
      <c r="D2874" s="98" t="s">
        <v>21752</v>
      </c>
      <c r="E2874" s="141">
        <v>1978</v>
      </c>
      <c r="F2874" s="141">
        <v>300</v>
      </c>
      <c r="G2874" s="98" t="s">
        <v>1</v>
      </c>
      <c r="H2874" s="98">
        <v>0</v>
      </c>
      <c r="I2874" s="98">
        <v>0</v>
      </c>
      <c r="J2874" s="98" t="s">
        <v>400</v>
      </c>
      <c r="K2874" s="98" t="s">
        <v>400</v>
      </c>
      <c r="L2874" s="98" t="s">
        <v>400</v>
      </c>
      <c r="M2874" s="98" t="s">
        <v>400</v>
      </c>
      <c r="N2874" s="98" t="s">
        <v>400</v>
      </c>
      <c r="O2874" s="98" t="s">
        <v>400</v>
      </c>
      <c r="P2874" s="98" t="s">
        <v>400</v>
      </c>
      <c r="Q2874" s="98" t="s">
        <v>400</v>
      </c>
      <c r="R2874" s="98" t="s">
        <v>400</v>
      </c>
      <c r="S2874" s="98" t="s">
        <v>400</v>
      </c>
      <c r="T2874" s="98" t="s">
        <v>400</v>
      </c>
      <c r="U2874" s="128"/>
      <c r="V2874" s="128"/>
      <c r="W2874" s="128"/>
      <c r="X2874" s="128"/>
      <c r="Y2874" s="128"/>
      <c r="Z2874" s="128"/>
      <c r="AA2874" s="128"/>
      <c r="AB2874" s="128"/>
      <c r="AC2874" s="128"/>
      <c r="AD2874" s="128"/>
      <c r="AE2874" s="128"/>
      <c r="AF2874" s="128"/>
      <c r="AG2874" s="128"/>
      <c r="AH2874" s="128"/>
      <c r="AI2874" s="128"/>
      <c r="AJ2874" s="128"/>
      <c r="AK2874" s="128"/>
      <c r="AL2874" s="128"/>
      <c r="AM2874" s="128"/>
      <c r="AN2874" s="128"/>
      <c r="AO2874" s="128"/>
      <c r="AP2874" s="128"/>
      <c r="AQ2874" s="128"/>
      <c r="AR2874" s="128"/>
      <c r="AS2874" s="128"/>
      <c r="AT2874" s="128"/>
      <c r="AU2874" s="128"/>
      <c r="AV2874" s="128"/>
      <c r="AW2874" s="128"/>
      <c r="AX2874" s="128"/>
      <c r="AY2874" s="128"/>
      <c r="AZ2874" s="128"/>
      <c r="BA2874" s="128"/>
      <c r="BB2874" s="107">
        <v>45884</v>
      </c>
    </row>
    <row r="2875" spans="1:54" s="8" customFormat="1" ht="13.95" customHeight="1" x14ac:dyDescent="0.25">
      <c r="A2875" s="219" t="s">
        <v>6620</v>
      </c>
      <c r="B2875" s="220" t="s">
        <v>6395</v>
      </c>
      <c r="C2875" s="98" t="s">
        <v>22152</v>
      </c>
      <c r="D2875" s="98" t="s">
        <v>21753</v>
      </c>
      <c r="E2875" s="141">
        <v>1974</v>
      </c>
      <c r="F2875" s="141">
        <v>300</v>
      </c>
      <c r="G2875" s="98" t="s">
        <v>1</v>
      </c>
      <c r="H2875" s="98">
        <v>0</v>
      </c>
      <c r="I2875" s="98">
        <v>0</v>
      </c>
      <c r="J2875" s="98" t="s">
        <v>400</v>
      </c>
      <c r="K2875" s="98" t="s">
        <v>400</v>
      </c>
      <c r="L2875" s="98" t="s">
        <v>400</v>
      </c>
      <c r="M2875" s="98" t="s">
        <v>400</v>
      </c>
      <c r="N2875" s="98" t="s">
        <v>400</v>
      </c>
      <c r="O2875" s="98" t="s">
        <v>400</v>
      </c>
      <c r="P2875" s="98" t="s">
        <v>400</v>
      </c>
      <c r="Q2875" s="98" t="s">
        <v>400</v>
      </c>
      <c r="R2875" s="98" t="s">
        <v>400</v>
      </c>
      <c r="S2875" s="98" t="s">
        <v>400</v>
      </c>
      <c r="T2875" s="98" t="s">
        <v>400</v>
      </c>
      <c r="U2875" s="128"/>
      <c r="V2875" s="128"/>
      <c r="W2875" s="128"/>
      <c r="X2875" s="128"/>
      <c r="Y2875" s="128"/>
      <c r="Z2875" s="128"/>
      <c r="AA2875" s="128"/>
      <c r="AB2875" s="128"/>
      <c r="AC2875" s="128"/>
      <c r="AD2875" s="128"/>
      <c r="AE2875" s="128"/>
      <c r="AF2875" s="128"/>
      <c r="AG2875" s="128"/>
      <c r="AH2875" s="128"/>
      <c r="AI2875" s="128"/>
      <c r="AJ2875" s="128"/>
      <c r="AK2875" s="128"/>
      <c r="AL2875" s="128"/>
      <c r="AM2875" s="128"/>
      <c r="AN2875" s="128"/>
      <c r="AO2875" s="128"/>
      <c r="AP2875" s="128"/>
      <c r="AQ2875" s="128"/>
      <c r="AR2875" s="128"/>
      <c r="AS2875" s="128"/>
      <c r="AT2875" s="128"/>
      <c r="AU2875" s="128"/>
      <c r="AV2875" s="128"/>
      <c r="AW2875" s="128"/>
      <c r="AX2875" s="128"/>
      <c r="AY2875" s="128"/>
      <c r="AZ2875" s="128"/>
      <c r="BA2875" s="128"/>
      <c r="BB2875" s="107">
        <v>45884</v>
      </c>
    </row>
    <row r="2876" spans="1:54" s="8" customFormat="1" ht="13.95" customHeight="1" x14ac:dyDescent="0.25">
      <c r="A2876" s="219" t="s">
        <v>6621</v>
      </c>
      <c r="B2876" s="220" t="s">
        <v>6395</v>
      </c>
      <c r="C2876" s="98" t="s">
        <v>6622</v>
      </c>
      <c r="D2876" s="98" t="s">
        <v>21754</v>
      </c>
      <c r="E2876" s="141">
        <v>1980</v>
      </c>
      <c r="F2876" s="141">
        <v>302</v>
      </c>
      <c r="G2876" s="98" t="s">
        <v>1</v>
      </c>
      <c r="H2876" s="98">
        <v>0</v>
      </c>
      <c r="I2876" s="98">
        <v>0</v>
      </c>
      <c r="J2876" s="98" t="s">
        <v>400</v>
      </c>
      <c r="K2876" s="98" t="s">
        <v>400</v>
      </c>
      <c r="L2876" s="98" t="s">
        <v>400</v>
      </c>
      <c r="M2876" s="98" t="s">
        <v>400</v>
      </c>
      <c r="N2876" s="98" t="s">
        <v>400</v>
      </c>
      <c r="O2876" s="98" t="s">
        <v>400</v>
      </c>
      <c r="P2876" s="98" t="s">
        <v>400</v>
      </c>
      <c r="Q2876" s="98" t="s">
        <v>400</v>
      </c>
      <c r="R2876" s="98" t="s">
        <v>400</v>
      </c>
      <c r="S2876" s="98" t="s">
        <v>400</v>
      </c>
      <c r="T2876" s="98" t="s">
        <v>400</v>
      </c>
      <c r="U2876" s="128"/>
      <c r="V2876" s="128"/>
      <c r="W2876" s="128"/>
      <c r="X2876" s="128"/>
      <c r="Y2876" s="128"/>
      <c r="Z2876" s="128"/>
      <c r="AA2876" s="128"/>
      <c r="AB2876" s="128"/>
      <c r="AC2876" s="128"/>
      <c r="AD2876" s="128"/>
      <c r="AE2876" s="128"/>
      <c r="AF2876" s="128"/>
      <c r="AG2876" s="128"/>
      <c r="AH2876" s="128"/>
      <c r="AI2876" s="128"/>
      <c r="AJ2876" s="128"/>
      <c r="AK2876" s="128"/>
      <c r="AL2876" s="128"/>
      <c r="AM2876" s="128"/>
      <c r="AN2876" s="128"/>
      <c r="AO2876" s="128"/>
      <c r="AP2876" s="128"/>
      <c r="AQ2876" s="128"/>
      <c r="AR2876" s="128"/>
      <c r="AS2876" s="128"/>
      <c r="AT2876" s="128"/>
      <c r="AU2876" s="128"/>
      <c r="AV2876" s="128"/>
      <c r="AW2876" s="128"/>
      <c r="AX2876" s="128"/>
      <c r="AY2876" s="128"/>
      <c r="AZ2876" s="128"/>
      <c r="BA2876" s="128"/>
      <c r="BB2876" s="107">
        <v>45884</v>
      </c>
    </row>
    <row r="2877" spans="1:54" s="8" customFormat="1" ht="13.95" customHeight="1" x14ac:dyDescent="0.25">
      <c r="A2877" s="219" t="s">
        <v>6623</v>
      </c>
      <c r="B2877" s="220" t="s">
        <v>6395</v>
      </c>
      <c r="C2877" s="98" t="s">
        <v>6624</v>
      </c>
      <c r="D2877" s="98" t="s">
        <v>20628</v>
      </c>
      <c r="E2877" s="141">
        <v>1992</v>
      </c>
      <c r="F2877" s="141">
        <v>304</v>
      </c>
      <c r="G2877" s="98" t="s">
        <v>1</v>
      </c>
      <c r="H2877" s="98">
        <v>0</v>
      </c>
      <c r="I2877" s="98">
        <v>0</v>
      </c>
      <c r="J2877" s="98" t="s">
        <v>400</v>
      </c>
      <c r="K2877" s="98" t="s">
        <v>400</v>
      </c>
      <c r="L2877" s="98" t="s">
        <v>400</v>
      </c>
      <c r="M2877" s="98" t="s">
        <v>400</v>
      </c>
      <c r="N2877" s="98" t="s">
        <v>400</v>
      </c>
      <c r="O2877" s="98" t="s">
        <v>400</v>
      </c>
      <c r="P2877" s="98" t="s">
        <v>400</v>
      </c>
      <c r="Q2877" s="98" t="s">
        <v>400</v>
      </c>
      <c r="R2877" s="98" t="s">
        <v>400</v>
      </c>
      <c r="S2877" s="98" t="s">
        <v>400</v>
      </c>
      <c r="T2877" s="98" t="s">
        <v>400</v>
      </c>
      <c r="U2877" s="128"/>
      <c r="V2877" s="128"/>
      <c r="W2877" s="128"/>
      <c r="X2877" s="128"/>
      <c r="Y2877" s="128"/>
      <c r="Z2877" s="128"/>
      <c r="AA2877" s="128"/>
      <c r="AB2877" s="128"/>
      <c r="AC2877" s="128"/>
      <c r="AD2877" s="128"/>
      <c r="AE2877" s="128"/>
      <c r="AF2877" s="128"/>
      <c r="AG2877" s="128"/>
      <c r="AH2877" s="128"/>
      <c r="AI2877" s="128"/>
      <c r="AJ2877" s="128"/>
      <c r="AK2877" s="128"/>
      <c r="AL2877" s="128"/>
      <c r="AM2877" s="128"/>
      <c r="AN2877" s="128"/>
      <c r="AO2877" s="128"/>
      <c r="AP2877" s="128"/>
      <c r="AQ2877" s="128"/>
      <c r="AR2877" s="128"/>
      <c r="AS2877" s="128"/>
      <c r="AT2877" s="128"/>
      <c r="AU2877" s="128"/>
      <c r="AV2877" s="128"/>
      <c r="AW2877" s="128"/>
      <c r="AX2877" s="128"/>
      <c r="AY2877" s="128"/>
      <c r="AZ2877" s="128"/>
      <c r="BA2877" s="128"/>
      <c r="BB2877" s="107">
        <v>45884</v>
      </c>
    </row>
    <row r="2878" spans="1:54" s="8" customFormat="1" ht="13.95" customHeight="1" x14ac:dyDescent="0.25">
      <c r="A2878" s="219" t="s">
        <v>6625</v>
      </c>
      <c r="B2878" s="220" t="s">
        <v>6395</v>
      </c>
      <c r="C2878" s="98" t="s">
        <v>6626</v>
      </c>
      <c r="D2878" s="98" t="s">
        <v>21755</v>
      </c>
      <c r="E2878" s="141">
        <v>1986</v>
      </c>
      <c r="F2878" s="141">
        <v>305</v>
      </c>
      <c r="G2878" s="98" t="s">
        <v>1</v>
      </c>
      <c r="H2878" s="98">
        <v>0</v>
      </c>
      <c r="I2878" s="98">
        <v>0</v>
      </c>
      <c r="J2878" s="98" t="s">
        <v>400</v>
      </c>
      <c r="K2878" s="98" t="s">
        <v>400</v>
      </c>
      <c r="L2878" s="98" t="s">
        <v>400</v>
      </c>
      <c r="M2878" s="98" t="s">
        <v>400</v>
      </c>
      <c r="N2878" s="98" t="s">
        <v>400</v>
      </c>
      <c r="O2878" s="98" t="s">
        <v>400</v>
      </c>
      <c r="P2878" s="98" t="s">
        <v>400</v>
      </c>
      <c r="Q2878" s="98" t="s">
        <v>400</v>
      </c>
      <c r="R2878" s="98" t="s">
        <v>400</v>
      </c>
      <c r="S2878" s="98" t="s">
        <v>400</v>
      </c>
      <c r="T2878" s="98" t="s">
        <v>400</v>
      </c>
      <c r="U2878" s="128"/>
      <c r="V2878" s="128"/>
      <c r="W2878" s="128"/>
      <c r="X2878" s="128"/>
      <c r="Y2878" s="128"/>
      <c r="Z2878" s="128"/>
      <c r="AA2878" s="128"/>
      <c r="AB2878" s="128"/>
      <c r="AC2878" s="128"/>
      <c r="AD2878" s="128"/>
      <c r="AE2878" s="128"/>
      <c r="AF2878" s="128"/>
      <c r="AG2878" s="128"/>
      <c r="AH2878" s="128"/>
      <c r="AI2878" s="128"/>
      <c r="AJ2878" s="128"/>
      <c r="AK2878" s="128"/>
      <c r="AL2878" s="128"/>
      <c r="AM2878" s="128"/>
      <c r="AN2878" s="128"/>
      <c r="AO2878" s="128"/>
      <c r="AP2878" s="128"/>
      <c r="AQ2878" s="128"/>
      <c r="AR2878" s="128"/>
      <c r="AS2878" s="128"/>
      <c r="AT2878" s="128"/>
      <c r="AU2878" s="128"/>
      <c r="AV2878" s="128"/>
      <c r="AW2878" s="128"/>
      <c r="AX2878" s="128"/>
      <c r="AY2878" s="128"/>
      <c r="AZ2878" s="128"/>
      <c r="BA2878" s="128"/>
      <c r="BB2878" s="107">
        <v>45884</v>
      </c>
    </row>
    <row r="2879" spans="1:54" s="8" customFormat="1" ht="13.95" customHeight="1" x14ac:dyDescent="0.25">
      <c r="A2879" s="219" t="s">
        <v>6627</v>
      </c>
      <c r="B2879" s="220" t="s">
        <v>6395</v>
      </c>
      <c r="C2879" s="98" t="s">
        <v>6628</v>
      </c>
      <c r="D2879" s="98" t="s">
        <v>20629</v>
      </c>
      <c r="E2879" s="141">
        <v>1974</v>
      </c>
      <c r="F2879" s="141">
        <v>305</v>
      </c>
      <c r="G2879" s="98" t="s">
        <v>1</v>
      </c>
      <c r="H2879" s="98">
        <v>0</v>
      </c>
      <c r="I2879" s="98">
        <v>0</v>
      </c>
      <c r="J2879" s="98" t="s">
        <v>400</v>
      </c>
      <c r="K2879" s="98" t="s">
        <v>400</v>
      </c>
      <c r="L2879" s="98" t="s">
        <v>400</v>
      </c>
      <c r="M2879" s="98" t="s">
        <v>400</v>
      </c>
      <c r="N2879" s="98" t="s">
        <v>400</v>
      </c>
      <c r="O2879" s="98" t="s">
        <v>400</v>
      </c>
      <c r="P2879" s="98" t="s">
        <v>400</v>
      </c>
      <c r="Q2879" s="98" t="s">
        <v>400</v>
      </c>
      <c r="R2879" s="98" t="s">
        <v>400</v>
      </c>
      <c r="S2879" s="98" t="s">
        <v>400</v>
      </c>
      <c r="T2879" s="98" t="s">
        <v>400</v>
      </c>
      <c r="U2879" s="128"/>
      <c r="V2879" s="128"/>
      <c r="W2879" s="128"/>
      <c r="X2879" s="128"/>
      <c r="Y2879" s="128"/>
      <c r="Z2879" s="128"/>
      <c r="AA2879" s="128"/>
      <c r="AB2879" s="128"/>
      <c r="AC2879" s="128"/>
      <c r="AD2879" s="128"/>
      <c r="AE2879" s="128"/>
      <c r="AF2879" s="128"/>
      <c r="AG2879" s="128"/>
      <c r="AH2879" s="128"/>
      <c r="AI2879" s="128"/>
      <c r="AJ2879" s="128"/>
      <c r="AK2879" s="128"/>
      <c r="AL2879" s="128"/>
      <c r="AM2879" s="128"/>
      <c r="AN2879" s="128"/>
      <c r="AO2879" s="128"/>
      <c r="AP2879" s="128"/>
      <c r="AQ2879" s="128"/>
      <c r="AR2879" s="128"/>
      <c r="AS2879" s="128"/>
      <c r="AT2879" s="128"/>
      <c r="AU2879" s="128"/>
      <c r="AV2879" s="128"/>
      <c r="AW2879" s="128"/>
      <c r="AX2879" s="128"/>
      <c r="AY2879" s="128"/>
      <c r="AZ2879" s="128"/>
      <c r="BA2879" s="128"/>
      <c r="BB2879" s="107">
        <v>45884</v>
      </c>
    </row>
    <row r="2880" spans="1:54" s="8" customFormat="1" ht="13.95" customHeight="1" x14ac:dyDescent="0.25">
      <c r="A2880" s="219" t="s">
        <v>6629</v>
      </c>
      <c r="B2880" s="220" t="s">
        <v>6395</v>
      </c>
      <c r="C2880" s="98" t="s">
        <v>6630</v>
      </c>
      <c r="D2880" s="98" t="s">
        <v>21756</v>
      </c>
      <c r="E2880" s="141">
        <v>1998</v>
      </c>
      <c r="F2880" s="141">
        <v>306</v>
      </c>
      <c r="G2880" s="98" t="s">
        <v>1</v>
      </c>
      <c r="H2880" s="98">
        <v>0</v>
      </c>
      <c r="I2880" s="98">
        <v>0</v>
      </c>
      <c r="J2880" s="98" t="s">
        <v>400</v>
      </c>
      <c r="K2880" s="98" t="s">
        <v>400</v>
      </c>
      <c r="L2880" s="98" t="s">
        <v>400</v>
      </c>
      <c r="M2880" s="98" t="s">
        <v>400</v>
      </c>
      <c r="N2880" s="98" t="s">
        <v>400</v>
      </c>
      <c r="O2880" s="98" t="s">
        <v>400</v>
      </c>
      <c r="P2880" s="98" t="s">
        <v>400</v>
      </c>
      <c r="Q2880" s="98" t="s">
        <v>400</v>
      </c>
      <c r="R2880" s="98" t="s">
        <v>400</v>
      </c>
      <c r="S2880" s="98" t="s">
        <v>400</v>
      </c>
      <c r="T2880" s="98" t="s">
        <v>400</v>
      </c>
      <c r="U2880" s="128"/>
      <c r="V2880" s="128"/>
      <c r="W2880" s="128"/>
      <c r="X2880" s="128"/>
      <c r="Y2880" s="128"/>
      <c r="Z2880" s="128"/>
      <c r="AA2880" s="128"/>
      <c r="AB2880" s="128"/>
      <c r="AC2880" s="128"/>
      <c r="AD2880" s="128"/>
      <c r="AE2880" s="128"/>
      <c r="AF2880" s="128"/>
      <c r="AG2880" s="128"/>
      <c r="AH2880" s="128"/>
      <c r="AI2880" s="128"/>
      <c r="AJ2880" s="128"/>
      <c r="AK2880" s="128"/>
      <c r="AL2880" s="128"/>
      <c r="AM2880" s="128"/>
      <c r="AN2880" s="128"/>
      <c r="AO2880" s="128"/>
      <c r="AP2880" s="128"/>
      <c r="AQ2880" s="128"/>
      <c r="AR2880" s="128"/>
      <c r="AS2880" s="128"/>
      <c r="AT2880" s="128"/>
      <c r="AU2880" s="128"/>
      <c r="AV2880" s="128"/>
      <c r="AW2880" s="128"/>
      <c r="AX2880" s="128"/>
      <c r="AY2880" s="128"/>
      <c r="AZ2880" s="128"/>
      <c r="BA2880" s="128"/>
      <c r="BB2880" s="107">
        <v>45884</v>
      </c>
    </row>
    <row r="2881" spans="1:54" s="8" customFormat="1" ht="13.95" customHeight="1" x14ac:dyDescent="0.25">
      <c r="A2881" s="219" t="s">
        <v>6631</v>
      </c>
      <c r="B2881" s="220" t="s">
        <v>6395</v>
      </c>
      <c r="C2881" s="98" t="s">
        <v>6632</v>
      </c>
      <c r="D2881" s="98" t="s">
        <v>21757</v>
      </c>
      <c r="E2881" s="141">
        <v>1998</v>
      </c>
      <c r="F2881" s="141">
        <v>306</v>
      </c>
      <c r="G2881" s="98" t="s">
        <v>1</v>
      </c>
      <c r="H2881" s="98">
        <v>0</v>
      </c>
      <c r="I2881" s="98">
        <v>0</v>
      </c>
      <c r="J2881" s="98" t="s">
        <v>400</v>
      </c>
      <c r="K2881" s="98" t="s">
        <v>400</v>
      </c>
      <c r="L2881" s="98" t="s">
        <v>400</v>
      </c>
      <c r="M2881" s="98" t="s">
        <v>400</v>
      </c>
      <c r="N2881" s="98" t="s">
        <v>400</v>
      </c>
      <c r="O2881" s="98" t="s">
        <v>400</v>
      </c>
      <c r="P2881" s="98" t="s">
        <v>400</v>
      </c>
      <c r="Q2881" s="98" t="s">
        <v>400</v>
      </c>
      <c r="R2881" s="98" t="s">
        <v>400</v>
      </c>
      <c r="S2881" s="98" t="s">
        <v>400</v>
      </c>
      <c r="T2881" s="98" t="s">
        <v>400</v>
      </c>
      <c r="U2881" s="128"/>
      <c r="V2881" s="128"/>
      <c r="W2881" s="128"/>
      <c r="X2881" s="128"/>
      <c r="Y2881" s="128"/>
      <c r="Z2881" s="128"/>
      <c r="AA2881" s="128"/>
      <c r="AB2881" s="128"/>
      <c r="AC2881" s="128"/>
      <c r="AD2881" s="128"/>
      <c r="AE2881" s="128"/>
      <c r="AF2881" s="128"/>
      <c r="AG2881" s="128"/>
      <c r="AH2881" s="128"/>
      <c r="AI2881" s="128"/>
      <c r="AJ2881" s="128"/>
      <c r="AK2881" s="128"/>
      <c r="AL2881" s="128"/>
      <c r="AM2881" s="128"/>
      <c r="AN2881" s="128"/>
      <c r="AO2881" s="128"/>
      <c r="AP2881" s="128"/>
      <c r="AQ2881" s="128"/>
      <c r="AR2881" s="128"/>
      <c r="AS2881" s="128"/>
      <c r="AT2881" s="128"/>
      <c r="AU2881" s="128"/>
      <c r="AV2881" s="128"/>
      <c r="AW2881" s="128"/>
      <c r="AX2881" s="128"/>
      <c r="AY2881" s="128"/>
      <c r="AZ2881" s="128"/>
      <c r="BA2881" s="128"/>
      <c r="BB2881" s="107">
        <v>45884</v>
      </c>
    </row>
    <row r="2882" spans="1:54" s="8" customFormat="1" ht="13.95" customHeight="1" x14ac:dyDescent="0.25">
      <c r="A2882" s="219" t="s">
        <v>6633</v>
      </c>
      <c r="B2882" s="220" t="s">
        <v>6395</v>
      </c>
      <c r="C2882" s="98" t="s">
        <v>6634</v>
      </c>
      <c r="D2882" s="98" t="s">
        <v>20630</v>
      </c>
      <c r="E2882" s="141">
        <v>1999</v>
      </c>
      <c r="F2882" s="141">
        <v>308</v>
      </c>
      <c r="G2882" s="98" t="s">
        <v>1</v>
      </c>
      <c r="H2882" s="98">
        <v>0</v>
      </c>
      <c r="I2882" s="98">
        <v>0</v>
      </c>
      <c r="J2882" s="98" t="s">
        <v>400</v>
      </c>
      <c r="K2882" s="98" t="s">
        <v>400</v>
      </c>
      <c r="L2882" s="98" t="s">
        <v>400</v>
      </c>
      <c r="M2882" s="98" t="s">
        <v>400</v>
      </c>
      <c r="N2882" s="98" t="s">
        <v>400</v>
      </c>
      <c r="O2882" s="98" t="s">
        <v>400</v>
      </c>
      <c r="P2882" s="98" t="s">
        <v>400</v>
      </c>
      <c r="Q2882" s="98" t="s">
        <v>400</v>
      </c>
      <c r="R2882" s="98" t="s">
        <v>400</v>
      </c>
      <c r="S2882" s="98" t="s">
        <v>400</v>
      </c>
      <c r="T2882" s="98" t="s">
        <v>400</v>
      </c>
      <c r="U2882" s="128"/>
      <c r="V2882" s="128"/>
      <c r="W2882" s="128"/>
      <c r="X2882" s="128"/>
      <c r="Y2882" s="128"/>
      <c r="Z2882" s="128"/>
      <c r="AA2882" s="128"/>
      <c r="AB2882" s="128"/>
      <c r="AC2882" s="128"/>
      <c r="AD2882" s="128"/>
      <c r="AE2882" s="128"/>
      <c r="AF2882" s="128"/>
      <c r="AG2882" s="128"/>
      <c r="AH2882" s="128"/>
      <c r="AI2882" s="128"/>
      <c r="AJ2882" s="128"/>
      <c r="AK2882" s="128"/>
      <c r="AL2882" s="128"/>
      <c r="AM2882" s="128"/>
      <c r="AN2882" s="128"/>
      <c r="AO2882" s="128"/>
      <c r="AP2882" s="128"/>
      <c r="AQ2882" s="128"/>
      <c r="AR2882" s="128"/>
      <c r="AS2882" s="128"/>
      <c r="AT2882" s="128"/>
      <c r="AU2882" s="128"/>
      <c r="AV2882" s="128"/>
      <c r="AW2882" s="128"/>
      <c r="AX2882" s="128"/>
      <c r="AY2882" s="128"/>
      <c r="AZ2882" s="128"/>
      <c r="BA2882" s="128"/>
      <c r="BB2882" s="107">
        <v>45884</v>
      </c>
    </row>
    <row r="2883" spans="1:54" s="8" customFormat="1" ht="13.95" customHeight="1" x14ac:dyDescent="0.25">
      <c r="A2883" s="219" t="s">
        <v>6635</v>
      </c>
      <c r="B2883" s="220" t="s">
        <v>6395</v>
      </c>
      <c r="C2883" s="98" t="s">
        <v>6636</v>
      </c>
      <c r="D2883" s="98" t="s">
        <v>20631</v>
      </c>
      <c r="E2883" s="141">
        <v>2000</v>
      </c>
      <c r="F2883" s="141">
        <v>308</v>
      </c>
      <c r="G2883" s="98" t="s">
        <v>1</v>
      </c>
      <c r="H2883" s="98">
        <v>0</v>
      </c>
      <c r="I2883" s="98">
        <v>0</v>
      </c>
      <c r="J2883" s="98" t="s">
        <v>400</v>
      </c>
      <c r="K2883" s="98" t="s">
        <v>400</v>
      </c>
      <c r="L2883" s="98" t="s">
        <v>400</v>
      </c>
      <c r="M2883" s="98" t="s">
        <v>400</v>
      </c>
      <c r="N2883" s="98" t="s">
        <v>400</v>
      </c>
      <c r="O2883" s="98" t="s">
        <v>400</v>
      </c>
      <c r="P2883" s="98" t="s">
        <v>400</v>
      </c>
      <c r="Q2883" s="98" t="s">
        <v>400</v>
      </c>
      <c r="R2883" s="98" t="s">
        <v>400</v>
      </c>
      <c r="S2883" s="98" t="s">
        <v>400</v>
      </c>
      <c r="T2883" s="98" t="s">
        <v>400</v>
      </c>
      <c r="U2883" s="128"/>
      <c r="V2883" s="128"/>
      <c r="W2883" s="128"/>
      <c r="X2883" s="128"/>
      <c r="Y2883" s="128"/>
      <c r="Z2883" s="128"/>
      <c r="AA2883" s="128"/>
      <c r="AB2883" s="128"/>
      <c r="AC2883" s="128"/>
      <c r="AD2883" s="128"/>
      <c r="AE2883" s="128"/>
      <c r="AF2883" s="128"/>
      <c r="AG2883" s="128"/>
      <c r="AH2883" s="128"/>
      <c r="AI2883" s="128"/>
      <c r="AJ2883" s="128"/>
      <c r="AK2883" s="128"/>
      <c r="AL2883" s="128"/>
      <c r="AM2883" s="128"/>
      <c r="AN2883" s="128"/>
      <c r="AO2883" s="128"/>
      <c r="AP2883" s="128"/>
      <c r="AQ2883" s="128"/>
      <c r="AR2883" s="128"/>
      <c r="AS2883" s="128"/>
      <c r="AT2883" s="128"/>
      <c r="AU2883" s="128"/>
      <c r="AV2883" s="128"/>
      <c r="AW2883" s="128"/>
      <c r="AX2883" s="128"/>
      <c r="AY2883" s="128"/>
      <c r="AZ2883" s="128"/>
      <c r="BA2883" s="128"/>
      <c r="BB2883" s="107">
        <v>45884</v>
      </c>
    </row>
    <row r="2884" spans="1:54" s="8" customFormat="1" ht="13.95" customHeight="1" x14ac:dyDescent="0.25">
      <c r="A2884" s="219" t="s">
        <v>6637</v>
      </c>
      <c r="B2884" s="220" t="s">
        <v>6395</v>
      </c>
      <c r="C2884" s="98" t="s">
        <v>6638</v>
      </c>
      <c r="D2884" s="98" t="s">
        <v>20632</v>
      </c>
      <c r="E2884" s="141">
        <v>1980</v>
      </c>
      <c r="F2884" s="141">
        <v>309</v>
      </c>
      <c r="G2884" s="98" t="s">
        <v>1</v>
      </c>
      <c r="H2884" s="98">
        <v>0</v>
      </c>
      <c r="I2884" s="98">
        <v>0</v>
      </c>
      <c r="J2884" s="98" t="s">
        <v>400</v>
      </c>
      <c r="K2884" s="98" t="s">
        <v>400</v>
      </c>
      <c r="L2884" s="98" t="s">
        <v>400</v>
      </c>
      <c r="M2884" s="98" t="s">
        <v>400</v>
      </c>
      <c r="N2884" s="98" t="s">
        <v>400</v>
      </c>
      <c r="O2884" s="98" t="s">
        <v>400</v>
      </c>
      <c r="P2884" s="98" t="s">
        <v>400</v>
      </c>
      <c r="Q2884" s="98" t="s">
        <v>400</v>
      </c>
      <c r="R2884" s="98" t="s">
        <v>400</v>
      </c>
      <c r="S2884" s="98" t="s">
        <v>400</v>
      </c>
      <c r="T2884" s="98" t="s">
        <v>400</v>
      </c>
      <c r="U2884" s="128"/>
      <c r="V2884" s="128"/>
      <c r="W2884" s="128"/>
      <c r="X2884" s="128"/>
      <c r="Y2884" s="128"/>
      <c r="Z2884" s="128"/>
      <c r="AA2884" s="128"/>
      <c r="AB2884" s="128"/>
      <c r="AC2884" s="128"/>
      <c r="AD2884" s="128"/>
      <c r="AE2884" s="128"/>
      <c r="AF2884" s="128"/>
      <c r="AG2884" s="128"/>
      <c r="AH2884" s="128"/>
      <c r="AI2884" s="128"/>
      <c r="AJ2884" s="128"/>
      <c r="AK2884" s="128"/>
      <c r="AL2884" s="128"/>
      <c r="AM2884" s="128"/>
      <c r="AN2884" s="128"/>
      <c r="AO2884" s="128"/>
      <c r="AP2884" s="128"/>
      <c r="AQ2884" s="128"/>
      <c r="AR2884" s="128"/>
      <c r="AS2884" s="128"/>
      <c r="AT2884" s="128"/>
      <c r="AU2884" s="128"/>
      <c r="AV2884" s="128"/>
      <c r="AW2884" s="128"/>
      <c r="AX2884" s="128"/>
      <c r="AY2884" s="128"/>
      <c r="AZ2884" s="128"/>
      <c r="BA2884" s="128"/>
      <c r="BB2884" s="107">
        <v>45884</v>
      </c>
    </row>
    <row r="2885" spans="1:54" s="8" customFormat="1" ht="13.95" customHeight="1" x14ac:dyDescent="0.25">
      <c r="A2885" s="219" t="s">
        <v>6639</v>
      </c>
      <c r="B2885" s="220" t="s">
        <v>6395</v>
      </c>
      <c r="C2885" s="98" t="s">
        <v>6640</v>
      </c>
      <c r="D2885" s="98" t="s">
        <v>21758</v>
      </c>
      <c r="E2885" s="141">
        <v>2000</v>
      </c>
      <c r="F2885" s="141">
        <v>309</v>
      </c>
      <c r="G2885" s="98" t="s">
        <v>1</v>
      </c>
      <c r="H2885" s="98">
        <v>0</v>
      </c>
      <c r="I2885" s="98">
        <v>0</v>
      </c>
      <c r="J2885" s="98" t="s">
        <v>400</v>
      </c>
      <c r="K2885" s="98" t="s">
        <v>400</v>
      </c>
      <c r="L2885" s="98" t="s">
        <v>400</v>
      </c>
      <c r="M2885" s="98" t="s">
        <v>400</v>
      </c>
      <c r="N2885" s="98" t="s">
        <v>400</v>
      </c>
      <c r="O2885" s="98" t="s">
        <v>400</v>
      </c>
      <c r="P2885" s="98" t="s">
        <v>400</v>
      </c>
      <c r="Q2885" s="98" t="s">
        <v>400</v>
      </c>
      <c r="R2885" s="98" t="s">
        <v>400</v>
      </c>
      <c r="S2885" s="98" t="s">
        <v>400</v>
      </c>
      <c r="T2885" s="98" t="s">
        <v>400</v>
      </c>
      <c r="U2885" s="128"/>
      <c r="V2885" s="128"/>
      <c r="W2885" s="128"/>
      <c r="X2885" s="128"/>
      <c r="Y2885" s="128"/>
      <c r="Z2885" s="128"/>
      <c r="AA2885" s="128"/>
      <c r="AB2885" s="128"/>
      <c r="AC2885" s="128"/>
      <c r="AD2885" s="128"/>
      <c r="AE2885" s="128"/>
      <c r="AF2885" s="128"/>
      <c r="AG2885" s="128"/>
      <c r="AH2885" s="128"/>
      <c r="AI2885" s="128"/>
      <c r="AJ2885" s="128"/>
      <c r="AK2885" s="128"/>
      <c r="AL2885" s="128"/>
      <c r="AM2885" s="128"/>
      <c r="AN2885" s="128"/>
      <c r="AO2885" s="128"/>
      <c r="AP2885" s="128"/>
      <c r="AQ2885" s="128"/>
      <c r="AR2885" s="128"/>
      <c r="AS2885" s="128"/>
      <c r="AT2885" s="128"/>
      <c r="AU2885" s="128"/>
      <c r="AV2885" s="128"/>
      <c r="AW2885" s="128"/>
      <c r="AX2885" s="128"/>
      <c r="AY2885" s="128"/>
      <c r="AZ2885" s="128"/>
      <c r="BA2885" s="128"/>
      <c r="BB2885" s="107">
        <v>45884</v>
      </c>
    </row>
    <row r="2886" spans="1:54" s="8" customFormat="1" ht="13.95" customHeight="1" x14ac:dyDescent="0.25">
      <c r="A2886" s="219" t="s">
        <v>6641</v>
      </c>
      <c r="B2886" s="220" t="s">
        <v>6395</v>
      </c>
      <c r="C2886" s="98" t="s">
        <v>6642</v>
      </c>
      <c r="D2886" s="98" t="s">
        <v>21759</v>
      </c>
      <c r="E2886" s="141">
        <v>1996</v>
      </c>
      <c r="F2886" s="141">
        <v>310</v>
      </c>
      <c r="G2886" s="98" t="s">
        <v>1</v>
      </c>
      <c r="H2886" s="98">
        <v>0</v>
      </c>
      <c r="I2886" s="98">
        <v>0</v>
      </c>
      <c r="J2886" s="98" t="s">
        <v>400</v>
      </c>
      <c r="K2886" s="98" t="s">
        <v>400</v>
      </c>
      <c r="L2886" s="98" t="s">
        <v>400</v>
      </c>
      <c r="M2886" s="98" t="s">
        <v>400</v>
      </c>
      <c r="N2886" s="98" t="s">
        <v>400</v>
      </c>
      <c r="O2886" s="98" t="s">
        <v>400</v>
      </c>
      <c r="P2886" s="98" t="s">
        <v>400</v>
      </c>
      <c r="Q2886" s="98" t="s">
        <v>400</v>
      </c>
      <c r="R2886" s="98" t="s">
        <v>400</v>
      </c>
      <c r="S2886" s="98" t="s">
        <v>400</v>
      </c>
      <c r="T2886" s="98" t="s">
        <v>400</v>
      </c>
      <c r="U2886" s="128"/>
      <c r="V2886" s="128"/>
      <c r="W2886" s="128"/>
      <c r="X2886" s="128"/>
      <c r="Y2886" s="128"/>
      <c r="Z2886" s="128"/>
      <c r="AA2886" s="128"/>
      <c r="AB2886" s="128"/>
      <c r="AC2886" s="128"/>
      <c r="AD2886" s="128"/>
      <c r="AE2886" s="128"/>
      <c r="AF2886" s="128"/>
      <c r="AG2886" s="128"/>
      <c r="AH2886" s="128"/>
      <c r="AI2886" s="128"/>
      <c r="AJ2886" s="128"/>
      <c r="AK2886" s="128"/>
      <c r="AL2886" s="128"/>
      <c r="AM2886" s="128"/>
      <c r="AN2886" s="128"/>
      <c r="AO2886" s="128"/>
      <c r="AP2886" s="128"/>
      <c r="AQ2886" s="128"/>
      <c r="AR2886" s="128"/>
      <c r="AS2886" s="128"/>
      <c r="AT2886" s="128"/>
      <c r="AU2886" s="128"/>
      <c r="AV2886" s="128"/>
      <c r="AW2886" s="128"/>
      <c r="AX2886" s="128"/>
      <c r="AY2886" s="128"/>
      <c r="AZ2886" s="128"/>
      <c r="BA2886" s="128"/>
      <c r="BB2886" s="107">
        <v>45884</v>
      </c>
    </row>
    <row r="2887" spans="1:54" s="8" customFormat="1" ht="13.95" customHeight="1" x14ac:dyDescent="0.25">
      <c r="A2887" s="219" t="s">
        <v>6643</v>
      </c>
      <c r="B2887" s="220" t="s">
        <v>6395</v>
      </c>
      <c r="C2887" s="98" t="s">
        <v>22153</v>
      </c>
      <c r="D2887" s="98" t="s">
        <v>20633</v>
      </c>
      <c r="E2887" s="141">
        <v>1979</v>
      </c>
      <c r="F2887" s="141">
        <v>312</v>
      </c>
      <c r="G2887" s="98" t="s">
        <v>1</v>
      </c>
      <c r="H2887" s="98">
        <v>0</v>
      </c>
      <c r="I2887" s="98">
        <v>0</v>
      </c>
      <c r="J2887" s="98" t="s">
        <v>400</v>
      </c>
      <c r="K2887" s="98" t="s">
        <v>400</v>
      </c>
      <c r="L2887" s="98" t="s">
        <v>400</v>
      </c>
      <c r="M2887" s="98" t="s">
        <v>400</v>
      </c>
      <c r="N2887" s="98" t="s">
        <v>400</v>
      </c>
      <c r="O2887" s="98" t="s">
        <v>400</v>
      </c>
      <c r="P2887" s="98" t="s">
        <v>400</v>
      </c>
      <c r="Q2887" s="98" t="s">
        <v>400</v>
      </c>
      <c r="R2887" s="98" t="s">
        <v>400</v>
      </c>
      <c r="S2887" s="98" t="s">
        <v>400</v>
      </c>
      <c r="T2887" s="98" t="s">
        <v>400</v>
      </c>
      <c r="U2887" s="128"/>
      <c r="V2887" s="128"/>
      <c r="W2887" s="128"/>
      <c r="X2887" s="128"/>
      <c r="Y2887" s="128"/>
      <c r="Z2887" s="128"/>
      <c r="AA2887" s="128"/>
      <c r="AB2887" s="128"/>
      <c r="AC2887" s="128"/>
      <c r="AD2887" s="128"/>
      <c r="AE2887" s="128"/>
      <c r="AF2887" s="128"/>
      <c r="AG2887" s="128"/>
      <c r="AH2887" s="128"/>
      <c r="AI2887" s="128"/>
      <c r="AJ2887" s="128"/>
      <c r="AK2887" s="128"/>
      <c r="AL2887" s="128"/>
      <c r="AM2887" s="128"/>
      <c r="AN2887" s="128"/>
      <c r="AO2887" s="128"/>
      <c r="AP2887" s="128"/>
      <c r="AQ2887" s="128"/>
      <c r="AR2887" s="128"/>
      <c r="AS2887" s="128"/>
      <c r="AT2887" s="128"/>
      <c r="AU2887" s="128"/>
      <c r="AV2887" s="128"/>
      <c r="AW2887" s="128"/>
      <c r="AX2887" s="128"/>
      <c r="AY2887" s="128"/>
      <c r="AZ2887" s="128"/>
      <c r="BA2887" s="128"/>
      <c r="BB2887" s="107">
        <v>45884</v>
      </c>
    </row>
    <row r="2888" spans="1:54" s="8" customFormat="1" ht="13.95" customHeight="1" x14ac:dyDescent="0.25">
      <c r="A2888" s="219" t="s">
        <v>6644</v>
      </c>
      <c r="B2888" s="220" t="s">
        <v>6395</v>
      </c>
      <c r="C2888" s="98" t="s">
        <v>22154</v>
      </c>
      <c r="D2888" s="98" t="s">
        <v>6645</v>
      </c>
      <c r="E2888" s="141">
        <v>1972</v>
      </c>
      <c r="F2888" s="141">
        <v>314</v>
      </c>
      <c r="G2888" s="98" t="s">
        <v>11</v>
      </c>
      <c r="H2888" s="98">
        <v>0</v>
      </c>
      <c r="I2888" s="98">
        <v>0</v>
      </c>
      <c r="J2888" s="98" t="s">
        <v>400</v>
      </c>
      <c r="K2888" s="98" t="s">
        <v>400</v>
      </c>
      <c r="L2888" s="98" t="s">
        <v>400</v>
      </c>
      <c r="M2888" s="98" t="s">
        <v>400</v>
      </c>
      <c r="N2888" s="98" t="s">
        <v>400</v>
      </c>
      <c r="O2888" s="98" t="s">
        <v>400</v>
      </c>
      <c r="P2888" s="98" t="s">
        <v>400</v>
      </c>
      <c r="Q2888" s="98" t="s">
        <v>400</v>
      </c>
      <c r="R2888" s="98" t="s">
        <v>400</v>
      </c>
      <c r="S2888" s="98" t="s">
        <v>400</v>
      </c>
      <c r="T2888" s="98" t="s">
        <v>400</v>
      </c>
      <c r="U2888" s="98">
        <v>0</v>
      </c>
      <c r="V2888" s="98">
        <v>0</v>
      </c>
      <c r="W2888" s="98" t="s">
        <v>400</v>
      </c>
      <c r="X2888" s="98">
        <v>0</v>
      </c>
      <c r="Y2888" s="98">
        <v>0</v>
      </c>
      <c r="Z2888" s="98">
        <v>0</v>
      </c>
      <c r="AA2888" s="98" t="s">
        <v>400</v>
      </c>
      <c r="AB2888" s="98">
        <v>0</v>
      </c>
      <c r="AC2888" s="98">
        <v>0</v>
      </c>
      <c r="AD2888" s="98">
        <v>0</v>
      </c>
      <c r="AE2888" s="98">
        <v>0</v>
      </c>
      <c r="AF2888" s="98">
        <v>0</v>
      </c>
      <c r="AG2888" s="98">
        <v>0</v>
      </c>
      <c r="AH2888" s="98">
        <v>0</v>
      </c>
      <c r="AI2888" s="98">
        <v>0</v>
      </c>
      <c r="AJ2888" s="98">
        <v>0</v>
      </c>
      <c r="AK2888" s="98">
        <v>0</v>
      </c>
      <c r="AL2888" s="98">
        <v>0</v>
      </c>
      <c r="AM2888" s="98">
        <v>0</v>
      </c>
      <c r="AN2888" s="98">
        <v>0</v>
      </c>
      <c r="AO2888" s="98">
        <v>0</v>
      </c>
      <c r="AP2888" s="98">
        <v>0</v>
      </c>
      <c r="AQ2888" s="98">
        <v>0</v>
      </c>
      <c r="AR2888" s="98">
        <v>0</v>
      </c>
      <c r="AS2888" s="98">
        <v>0</v>
      </c>
      <c r="AT2888" s="129">
        <v>0</v>
      </c>
      <c r="AU2888" s="98">
        <v>0</v>
      </c>
      <c r="AV2888" s="98">
        <v>0</v>
      </c>
      <c r="AW2888" s="98">
        <v>0</v>
      </c>
      <c r="AX2888" s="98"/>
      <c r="AY2888" s="98"/>
      <c r="AZ2888" s="98"/>
      <c r="BA2888" s="98"/>
      <c r="BB2888" s="107">
        <v>45884</v>
      </c>
    </row>
    <row r="2889" spans="1:54" s="8" customFormat="1" ht="13.95" customHeight="1" x14ac:dyDescent="0.25">
      <c r="A2889" s="219" t="s">
        <v>6646</v>
      </c>
      <c r="B2889" s="220" t="s">
        <v>6395</v>
      </c>
      <c r="C2889" s="98" t="s">
        <v>6647</v>
      </c>
      <c r="D2889" s="98" t="s">
        <v>20634</v>
      </c>
      <c r="E2889" s="141">
        <v>1999</v>
      </c>
      <c r="F2889" s="141">
        <v>315</v>
      </c>
      <c r="G2889" s="98" t="s">
        <v>1</v>
      </c>
      <c r="H2889" s="98">
        <v>0</v>
      </c>
      <c r="I2889" s="98">
        <v>0</v>
      </c>
      <c r="J2889" s="98" t="s">
        <v>400</v>
      </c>
      <c r="K2889" s="98" t="s">
        <v>400</v>
      </c>
      <c r="L2889" s="98" t="s">
        <v>400</v>
      </c>
      <c r="M2889" s="98" t="s">
        <v>400</v>
      </c>
      <c r="N2889" s="98" t="s">
        <v>400</v>
      </c>
      <c r="O2889" s="98" t="s">
        <v>400</v>
      </c>
      <c r="P2889" s="98" t="s">
        <v>400</v>
      </c>
      <c r="Q2889" s="98" t="s">
        <v>400</v>
      </c>
      <c r="R2889" s="98" t="s">
        <v>400</v>
      </c>
      <c r="S2889" s="98" t="s">
        <v>400</v>
      </c>
      <c r="T2889" s="98" t="s">
        <v>400</v>
      </c>
      <c r="U2889" s="128"/>
      <c r="V2889" s="128"/>
      <c r="W2889" s="128"/>
      <c r="X2889" s="128"/>
      <c r="Y2889" s="128"/>
      <c r="Z2889" s="128"/>
      <c r="AA2889" s="128"/>
      <c r="AB2889" s="128"/>
      <c r="AC2889" s="128"/>
      <c r="AD2889" s="128"/>
      <c r="AE2889" s="128"/>
      <c r="AF2889" s="128"/>
      <c r="AG2889" s="128"/>
      <c r="AH2889" s="128"/>
      <c r="AI2889" s="128"/>
      <c r="AJ2889" s="128"/>
      <c r="AK2889" s="128"/>
      <c r="AL2889" s="128"/>
      <c r="AM2889" s="128"/>
      <c r="AN2889" s="128"/>
      <c r="AO2889" s="128"/>
      <c r="AP2889" s="128"/>
      <c r="AQ2889" s="128"/>
      <c r="AR2889" s="128"/>
      <c r="AS2889" s="128"/>
      <c r="AT2889" s="128"/>
      <c r="AU2889" s="128"/>
      <c r="AV2889" s="128"/>
      <c r="AW2889" s="128"/>
      <c r="AX2889" s="128"/>
      <c r="AY2889" s="128"/>
      <c r="AZ2889" s="128"/>
      <c r="BA2889" s="128"/>
      <c r="BB2889" s="107">
        <v>45884</v>
      </c>
    </row>
    <row r="2890" spans="1:54" s="8" customFormat="1" ht="13.95" customHeight="1" x14ac:dyDescent="0.25">
      <c r="A2890" s="219" t="s">
        <v>6648</v>
      </c>
      <c r="B2890" s="220" t="s">
        <v>6395</v>
      </c>
      <c r="C2890" s="98" t="s">
        <v>6649</v>
      </c>
      <c r="D2890" s="98" t="s">
        <v>20635</v>
      </c>
      <c r="E2890" s="141">
        <v>1974</v>
      </c>
      <c r="F2890" s="141">
        <v>316</v>
      </c>
      <c r="G2890" s="98" t="s">
        <v>1</v>
      </c>
      <c r="H2890" s="98">
        <v>0</v>
      </c>
      <c r="I2890" s="98">
        <v>0</v>
      </c>
      <c r="J2890" s="98" t="s">
        <v>400</v>
      </c>
      <c r="K2890" s="98" t="s">
        <v>400</v>
      </c>
      <c r="L2890" s="98" t="s">
        <v>400</v>
      </c>
      <c r="M2890" s="98" t="s">
        <v>400</v>
      </c>
      <c r="N2890" s="98" t="s">
        <v>400</v>
      </c>
      <c r="O2890" s="98" t="s">
        <v>400</v>
      </c>
      <c r="P2890" s="98" t="s">
        <v>400</v>
      </c>
      <c r="Q2890" s="98" t="s">
        <v>400</v>
      </c>
      <c r="R2890" s="98" t="s">
        <v>400</v>
      </c>
      <c r="S2890" s="98" t="s">
        <v>400</v>
      </c>
      <c r="T2890" s="98" t="s">
        <v>400</v>
      </c>
      <c r="U2890" s="128"/>
      <c r="V2890" s="128"/>
      <c r="W2890" s="128"/>
      <c r="X2890" s="128"/>
      <c r="Y2890" s="128"/>
      <c r="Z2890" s="128"/>
      <c r="AA2890" s="128"/>
      <c r="AB2890" s="128"/>
      <c r="AC2890" s="128"/>
      <c r="AD2890" s="128"/>
      <c r="AE2890" s="128"/>
      <c r="AF2890" s="128"/>
      <c r="AG2890" s="128"/>
      <c r="AH2890" s="128"/>
      <c r="AI2890" s="128"/>
      <c r="AJ2890" s="128"/>
      <c r="AK2890" s="128"/>
      <c r="AL2890" s="128"/>
      <c r="AM2890" s="128"/>
      <c r="AN2890" s="128"/>
      <c r="AO2890" s="128"/>
      <c r="AP2890" s="128"/>
      <c r="AQ2890" s="128"/>
      <c r="AR2890" s="128"/>
      <c r="AS2890" s="128"/>
      <c r="AT2890" s="128"/>
      <c r="AU2890" s="128"/>
      <c r="AV2890" s="128"/>
      <c r="AW2890" s="128"/>
      <c r="AX2890" s="128"/>
      <c r="AY2890" s="128"/>
      <c r="AZ2890" s="128"/>
      <c r="BA2890" s="128"/>
      <c r="BB2890" s="107">
        <v>45884</v>
      </c>
    </row>
    <row r="2891" spans="1:54" s="8" customFormat="1" ht="13.95" customHeight="1" x14ac:dyDescent="0.25">
      <c r="A2891" s="219" t="s">
        <v>6650</v>
      </c>
      <c r="B2891" s="220" t="s">
        <v>6395</v>
      </c>
      <c r="C2891" s="98" t="s">
        <v>6651</v>
      </c>
      <c r="D2891" s="98" t="s">
        <v>20636</v>
      </c>
      <c r="E2891" s="141">
        <v>1994</v>
      </c>
      <c r="F2891" s="141">
        <v>316</v>
      </c>
      <c r="G2891" s="98" t="s">
        <v>1</v>
      </c>
      <c r="H2891" s="98">
        <v>0</v>
      </c>
      <c r="I2891" s="98">
        <v>0</v>
      </c>
      <c r="J2891" s="98" t="s">
        <v>400</v>
      </c>
      <c r="K2891" s="98" t="s">
        <v>400</v>
      </c>
      <c r="L2891" s="98" t="s">
        <v>400</v>
      </c>
      <c r="M2891" s="98" t="s">
        <v>400</v>
      </c>
      <c r="N2891" s="98" t="s">
        <v>400</v>
      </c>
      <c r="O2891" s="98" t="s">
        <v>400</v>
      </c>
      <c r="P2891" s="98" t="s">
        <v>400</v>
      </c>
      <c r="Q2891" s="98" t="s">
        <v>400</v>
      </c>
      <c r="R2891" s="98" t="s">
        <v>400</v>
      </c>
      <c r="S2891" s="98" t="s">
        <v>400</v>
      </c>
      <c r="T2891" s="98" t="s">
        <v>400</v>
      </c>
      <c r="U2891" s="128"/>
      <c r="V2891" s="128"/>
      <c r="W2891" s="128"/>
      <c r="X2891" s="128"/>
      <c r="Y2891" s="128"/>
      <c r="Z2891" s="128"/>
      <c r="AA2891" s="128"/>
      <c r="AB2891" s="128"/>
      <c r="AC2891" s="128"/>
      <c r="AD2891" s="128"/>
      <c r="AE2891" s="128"/>
      <c r="AF2891" s="128"/>
      <c r="AG2891" s="128"/>
      <c r="AH2891" s="128"/>
      <c r="AI2891" s="128"/>
      <c r="AJ2891" s="128"/>
      <c r="AK2891" s="128"/>
      <c r="AL2891" s="128"/>
      <c r="AM2891" s="128"/>
      <c r="AN2891" s="128"/>
      <c r="AO2891" s="128"/>
      <c r="AP2891" s="128"/>
      <c r="AQ2891" s="128"/>
      <c r="AR2891" s="128"/>
      <c r="AS2891" s="128"/>
      <c r="AT2891" s="128"/>
      <c r="AU2891" s="128"/>
      <c r="AV2891" s="128"/>
      <c r="AW2891" s="128"/>
      <c r="AX2891" s="128"/>
      <c r="AY2891" s="128"/>
      <c r="AZ2891" s="128"/>
      <c r="BA2891" s="128"/>
      <c r="BB2891" s="107">
        <v>45884</v>
      </c>
    </row>
    <row r="2892" spans="1:54" s="8" customFormat="1" ht="13.95" customHeight="1" x14ac:dyDescent="0.25">
      <c r="A2892" s="219" t="s">
        <v>6652</v>
      </c>
      <c r="B2892" s="220" t="s">
        <v>6395</v>
      </c>
      <c r="C2892" s="98" t="s">
        <v>6653</v>
      </c>
      <c r="D2892" s="98" t="s">
        <v>20637</v>
      </c>
      <c r="E2892" s="141">
        <v>1999</v>
      </c>
      <c r="F2892" s="141">
        <v>317</v>
      </c>
      <c r="G2892" s="98" t="s">
        <v>1</v>
      </c>
      <c r="H2892" s="98">
        <v>0</v>
      </c>
      <c r="I2892" s="98">
        <v>0</v>
      </c>
      <c r="J2892" s="98" t="s">
        <v>400</v>
      </c>
      <c r="K2892" s="98" t="s">
        <v>400</v>
      </c>
      <c r="L2892" s="98" t="s">
        <v>400</v>
      </c>
      <c r="M2892" s="98" t="s">
        <v>400</v>
      </c>
      <c r="N2892" s="98" t="s">
        <v>400</v>
      </c>
      <c r="O2892" s="98" t="s">
        <v>400</v>
      </c>
      <c r="P2892" s="98" t="s">
        <v>400</v>
      </c>
      <c r="Q2892" s="98" t="s">
        <v>400</v>
      </c>
      <c r="R2892" s="98" t="s">
        <v>400</v>
      </c>
      <c r="S2892" s="98" t="s">
        <v>400</v>
      </c>
      <c r="T2892" s="98" t="s">
        <v>400</v>
      </c>
      <c r="U2892" s="128"/>
      <c r="V2892" s="128"/>
      <c r="W2892" s="128"/>
      <c r="X2892" s="128"/>
      <c r="Y2892" s="128"/>
      <c r="Z2892" s="128"/>
      <c r="AA2892" s="128"/>
      <c r="AB2892" s="128"/>
      <c r="AC2892" s="128"/>
      <c r="AD2892" s="128"/>
      <c r="AE2892" s="128"/>
      <c r="AF2892" s="128"/>
      <c r="AG2892" s="128"/>
      <c r="AH2892" s="128"/>
      <c r="AI2892" s="128"/>
      <c r="AJ2892" s="128"/>
      <c r="AK2892" s="128"/>
      <c r="AL2892" s="128"/>
      <c r="AM2892" s="128"/>
      <c r="AN2892" s="128"/>
      <c r="AO2892" s="128"/>
      <c r="AP2892" s="128"/>
      <c r="AQ2892" s="128"/>
      <c r="AR2892" s="128"/>
      <c r="AS2892" s="128"/>
      <c r="AT2892" s="128"/>
      <c r="AU2892" s="128"/>
      <c r="AV2892" s="128"/>
      <c r="AW2892" s="128"/>
      <c r="AX2892" s="128"/>
      <c r="AY2892" s="128"/>
      <c r="AZ2892" s="128"/>
      <c r="BA2892" s="128"/>
      <c r="BB2892" s="107">
        <v>45884</v>
      </c>
    </row>
    <row r="2893" spans="1:54" s="8" customFormat="1" ht="13.95" customHeight="1" x14ac:dyDescent="0.25">
      <c r="A2893" s="219" t="s">
        <v>6654</v>
      </c>
      <c r="B2893" s="220" t="s">
        <v>6395</v>
      </c>
      <c r="C2893" s="98" t="s">
        <v>6655</v>
      </c>
      <c r="D2893" s="98" t="s">
        <v>20638</v>
      </c>
      <c r="E2893" s="141">
        <v>1993</v>
      </c>
      <c r="F2893" s="141">
        <v>319</v>
      </c>
      <c r="G2893" s="98" t="s">
        <v>1</v>
      </c>
      <c r="H2893" s="98">
        <v>0</v>
      </c>
      <c r="I2893" s="98">
        <v>0</v>
      </c>
      <c r="J2893" s="98" t="s">
        <v>400</v>
      </c>
      <c r="K2893" s="98" t="s">
        <v>400</v>
      </c>
      <c r="L2893" s="98" t="s">
        <v>400</v>
      </c>
      <c r="M2893" s="98" t="s">
        <v>400</v>
      </c>
      <c r="N2893" s="98" t="s">
        <v>400</v>
      </c>
      <c r="O2893" s="98" t="s">
        <v>400</v>
      </c>
      <c r="P2893" s="98" t="s">
        <v>400</v>
      </c>
      <c r="Q2893" s="98" t="s">
        <v>400</v>
      </c>
      <c r="R2893" s="98" t="s">
        <v>400</v>
      </c>
      <c r="S2893" s="98" t="s">
        <v>400</v>
      </c>
      <c r="T2893" s="98" t="s">
        <v>400</v>
      </c>
      <c r="U2893" s="128"/>
      <c r="V2893" s="128"/>
      <c r="W2893" s="128"/>
      <c r="X2893" s="128"/>
      <c r="Y2893" s="128"/>
      <c r="Z2893" s="128"/>
      <c r="AA2893" s="128"/>
      <c r="AB2893" s="128"/>
      <c r="AC2893" s="128"/>
      <c r="AD2893" s="128"/>
      <c r="AE2893" s="128"/>
      <c r="AF2893" s="128"/>
      <c r="AG2893" s="128"/>
      <c r="AH2893" s="128"/>
      <c r="AI2893" s="128"/>
      <c r="AJ2893" s="128"/>
      <c r="AK2893" s="128"/>
      <c r="AL2893" s="128"/>
      <c r="AM2893" s="128"/>
      <c r="AN2893" s="128"/>
      <c r="AO2893" s="128"/>
      <c r="AP2893" s="128"/>
      <c r="AQ2893" s="128"/>
      <c r="AR2893" s="128"/>
      <c r="AS2893" s="128"/>
      <c r="AT2893" s="128"/>
      <c r="AU2893" s="128"/>
      <c r="AV2893" s="128"/>
      <c r="AW2893" s="128"/>
      <c r="AX2893" s="128"/>
      <c r="AY2893" s="128"/>
      <c r="AZ2893" s="128"/>
      <c r="BA2893" s="128"/>
      <c r="BB2893" s="107">
        <v>45884</v>
      </c>
    </row>
    <row r="2894" spans="1:54" s="8" customFormat="1" ht="13.95" customHeight="1" x14ac:dyDescent="0.25">
      <c r="A2894" s="219" t="s">
        <v>6656</v>
      </c>
      <c r="B2894" s="220" t="s">
        <v>6395</v>
      </c>
      <c r="C2894" s="98" t="s">
        <v>6657</v>
      </c>
      <c r="D2894" s="98" t="s">
        <v>20639</v>
      </c>
      <c r="E2894" s="141">
        <v>1983</v>
      </c>
      <c r="F2894" s="141">
        <v>322</v>
      </c>
      <c r="G2894" s="98" t="s">
        <v>1</v>
      </c>
      <c r="H2894" s="98">
        <v>0</v>
      </c>
      <c r="I2894" s="98">
        <v>0</v>
      </c>
      <c r="J2894" s="98" t="s">
        <v>400</v>
      </c>
      <c r="K2894" s="98" t="s">
        <v>400</v>
      </c>
      <c r="L2894" s="98" t="s">
        <v>400</v>
      </c>
      <c r="M2894" s="98" t="s">
        <v>400</v>
      </c>
      <c r="N2894" s="98" t="s">
        <v>400</v>
      </c>
      <c r="O2894" s="98" t="s">
        <v>400</v>
      </c>
      <c r="P2894" s="98" t="s">
        <v>400</v>
      </c>
      <c r="Q2894" s="98" t="s">
        <v>400</v>
      </c>
      <c r="R2894" s="98" t="s">
        <v>400</v>
      </c>
      <c r="S2894" s="98" t="s">
        <v>400</v>
      </c>
      <c r="T2894" s="98" t="s">
        <v>400</v>
      </c>
      <c r="U2894" s="128"/>
      <c r="V2894" s="128"/>
      <c r="W2894" s="128"/>
      <c r="X2894" s="128"/>
      <c r="Y2894" s="128"/>
      <c r="Z2894" s="128"/>
      <c r="AA2894" s="128"/>
      <c r="AB2894" s="128"/>
      <c r="AC2894" s="128"/>
      <c r="AD2894" s="128"/>
      <c r="AE2894" s="128"/>
      <c r="AF2894" s="128"/>
      <c r="AG2894" s="128"/>
      <c r="AH2894" s="128"/>
      <c r="AI2894" s="128"/>
      <c r="AJ2894" s="128"/>
      <c r="AK2894" s="128"/>
      <c r="AL2894" s="128"/>
      <c r="AM2894" s="128"/>
      <c r="AN2894" s="128"/>
      <c r="AO2894" s="128"/>
      <c r="AP2894" s="128"/>
      <c r="AQ2894" s="128"/>
      <c r="AR2894" s="128"/>
      <c r="AS2894" s="128"/>
      <c r="AT2894" s="128"/>
      <c r="AU2894" s="128"/>
      <c r="AV2894" s="128"/>
      <c r="AW2894" s="128"/>
      <c r="AX2894" s="128"/>
      <c r="AY2894" s="128"/>
      <c r="AZ2894" s="128"/>
      <c r="BA2894" s="128"/>
      <c r="BB2894" s="107">
        <v>45884</v>
      </c>
    </row>
    <row r="2895" spans="1:54" s="8" customFormat="1" ht="13.95" customHeight="1" x14ac:dyDescent="0.25">
      <c r="A2895" s="219" t="s">
        <v>6658</v>
      </c>
      <c r="B2895" s="220" t="s">
        <v>6395</v>
      </c>
      <c r="C2895" s="98" t="s">
        <v>6659</v>
      </c>
      <c r="D2895" s="98" t="s">
        <v>20640</v>
      </c>
      <c r="E2895" s="141">
        <v>1970</v>
      </c>
      <c r="F2895" s="141">
        <v>323</v>
      </c>
      <c r="G2895" s="98" t="s">
        <v>1</v>
      </c>
      <c r="H2895" s="98">
        <v>0</v>
      </c>
      <c r="I2895" s="98">
        <v>0</v>
      </c>
      <c r="J2895" s="98" t="s">
        <v>400</v>
      </c>
      <c r="K2895" s="98" t="s">
        <v>400</v>
      </c>
      <c r="L2895" s="98" t="s">
        <v>400</v>
      </c>
      <c r="M2895" s="98" t="s">
        <v>400</v>
      </c>
      <c r="N2895" s="98" t="s">
        <v>400</v>
      </c>
      <c r="O2895" s="98" t="s">
        <v>400</v>
      </c>
      <c r="P2895" s="98" t="s">
        <v>400</v>
      </c>
      <c r="Q2895" s="98" t="s">
        <v>400</v>
      </c>
      <c r="R2895" s="98" t="s">
        <v>400</v>
      </c>
      <c r="S2895" s="98" t="s">
        <v>400</v>
      </c>
      <c r="T2895" s="98" t="s">
        <v>400</v>
      </c>
      <c r="U2895" s="128"/>
      <c r="V2895" s="128"/>
      <c r="W2895" s="128"/>
      <c r="X2895" s="128"/>
      <c r="Y2895" s="128"/>
      <c r="Z2895" s="128"/>
      <c r="AA2895" s="128"/>
      <c r="AB2895" s="128"/>
      <c r="AC2895" s="128"/>
      <c r="AD2895" s="128"/>
      <c r="AE2895" s="128"/>
      <c r="AF2895" s="128"/>
      <c r="AG2895" s="128"/>
      <c r="AH2895" s="128"/>
      <c r="AI2895" s="128"/>
      <c r="AJ2895" s="128"/>
      <c r="AK2895" s="128"/>
      <c r="AL2895" s="128"/>
      <c r="AM2895" s="128"/>
      <c r="AN2895" s="128"/>
      <c r="AO2895" s="128"/>
      <c r="AP2895" s="128"/>
      <c r="AQ2895" s="128"/>
      <c r="AR2895" s="128"/>
      <c r="AS2895" s="128"/>
      <c r="AT2895" s="128"/>
      <c r="AU2895" s="128"/>
      <c r="AV2895" s="128"/>
      <c r="AW2895" s="128"/>
      <c r="AX2895" s="128"/>
      <c r="AY2895" s="128"/>
      <c r="AZ2895" s="128"/>
      <c r="BA2895" s="128"/>
      <c r="BB2895" s="107">
        <v>45884</v>
      </c>
    </row>
    <row r="2896" spans="1:54" s="8" customFormat="1" ht="13.95" customHeight="1" x14ac:dyDescent="0.25">
      <c r="A2896" s="219" t="s">
        <v>6660</v>
      </c>
      <c r="B2896" s="220" t="s">
        <v>6395</v>
      </c>
      <c r="C2896" s="98" t="s">
        <v>6661</v>
      </c>
      <c r="D2896" s="98" t="s">
        <v>20641</v>
      </c>
      <c r="E2896" s="141">
        <v>1965</v>
      </c>
      <c r="F2896" s="141">
        <v>323</v>
      </c>
      <c r="G2896" s="98" t="s">
        <v>1</v>
      </c>
      <c r="H2896" s="98">
        <v>0</v>
      </c>
      <c r="I2896" s="98">
        <v>0</v>
      </c>
      <c r="J2896" s="98" t="s">
        <v>400</v>
      </c>
      <c r="K2896" s="98" t="s">
        <v>400</v>
      </c>
      <c r="L2896" s="98" t="s">
        <v>400</v>
      </c>
      <c r="M2896" s="98" t="s">
        <v>400</v>
      </c>
      <c r="N2896" s="98" t="s">
        <v>400</v>
      </c>
      <c r="O2896" s="98" t="s">
        <v>400</v>
      </c>
      <c r="P2896" s="98" t="s">
        <v>400</v>
      </c>
      <c r="Q2896" s="98" t="s">
        <v>400</v>
      </c>
      <c r="R2896" s="98" t="s">
        <v>400</v>
      </c>
      <c r="S2896" s="98" t="s">
        <v>400</v>
      </c>
      <c r="T2896" s="98" t="s">
        <v>400</v>
      </c>
      <c r="U2896" s="128"/>
      <c r="V2896" s="128"/>
      <c r="W2896" s="128"/>
      <c r="X2896" s="128"/>
      <c r="Y2896" s="128"/>
      <c r="Z2896" s="128"/>
      <c r="AA2896" s="128"/>
      <c r="AB2896" s="128"/>
      <c r="AC2896" s="128"/>
      <c r="AD2896" s="128"/>
      <c r="AE2896" s="128"/>
      <c r="AF2896" s="128"/>
      <c r="AG2896" s="128"/>
      <c r="AH2896" s="128"/>
      <c r="AI2896" s="128"/>
      <c r="AJ2896" s="128"/>
      <c r="AK2896" s="128"/>
      <c r="AL2896" s="128"/>
      <c r="AM2896" s="128"/>
      <c r="AN2896" s="128"/>
      <c r="AO2896" s="128"/>
      <c r="AP2896" s="128"/>
      <c r="AQ2896" s="128"/>
      <c r="AR2896" s="128"/>
      <c r="AS2896" s="128"/>
      <c r="AT2896" s="128"/>
      <c r="AU2896" s="128"/>
      <c r="AV2896" s="128"/>
      <c r="AW2896" s="128"/>
      <c r="AX2896" s="128"/>
      <c r="AY2896" s="128"/>
      <c r="AZ2896" s="128"/>
      <c r="BA2896" s="128"/>
      <c r="BB2896" s="107">
        <v>45884</v>
      </c>
    </row>
    <row r="2897" spans="1:54" s="8" customFormat="1" ht="13.95" customHeight="1" x14ac:dyDescent="0.25">
      <c r="A2897" s="219" t="s">
        <v>6662</v>
      </c>
      <c r="B2897" s="220" t="s">
        <v>6395</v>
      </c>
      <c r="C2897" s="98" t="s">
        <v>6663</v>
      </c>
      <c r="D2897" s="98" t="s">
        <v>20642</v>
      </c>
      <c r="E2897" s="141">
        <v>1999</v>
      </c>
      <c r="F2897" s="141">
        <v>325</v>
      </c>
      <c r="G2897" s="98" t="s">
        <v>1</v>
      </c>
      <c r="H2897" s="98">
        <v>0</v>
      </c>
      <c r="I2897" s="98">
        <v>0</v>
      </c>
      <c r="J2897" s="98" t="s">
        <v>400</v>
      </c>
      <c r="K2897" s="98" t="s">
        <v>400</v>
      </c>
      <c r="L2897" s="98" t="s">
        <v>400</v>
      </c>
      <c r="M2897" s="98" t="s">
        <v>400</v>
      </c>
      <c r="N2897" s="98" t="s">
        <v>400</v>
      </c>
      <c r="O2897" s="98" t="s">
        <v>400</v>
      </c>
      <c r="P2897" s="98" t="s">
        <v>400</v>
      </c>
      <c r="Q2897" s="98" t="s">
        <v>400</v>
      </c>
      <c r="R2897" s="98" t="s">
        <v>400</v>
      </c>
      <c r="S2897" s="98" t="s">
        <v>400</v>
      </c>
      <c r="T2897" s="98" t="s">
        <v>400</v>
      </c>
      <c r="U2897" s="128"/>
      <c r="V2897" s="128"/>
      <c r="W2897" s="128"/>
      <c r="X2897" s="128"/>
      <c r="Y2897" s="128"/>
      <c r="Z2897" s="128"/>
      <c r="AA2897" s="128"/>
      <c r="AB2897" s="128"/>
      <c r="AC2897" s="128"/>
      <c r="AD2897" s="128"/>
      <c r="AE2897" s="128"/>
      <c r="AF2897" s="128"/>
      <c r="AG2897" s="128"/>
      <c r="AH2897" s="128"/>
      <c r="AI2897" s="128"/>
      <c r="AJ2897" s="128"/>
      <c r="AK2897" s="128"/>
      <c r="AL2897" s="128"/>
      <c r="AM2897" s="128"/>
      <c r="AN2897" s="128"/>
      <c r="AO2897" s="128"/>
      <c r="AP2897" s="128"/>
      <c r="AQ2897" s="128"/>
      <c r="AR2897" s="128"/>
      <c r="AS2897" s="128"/>
      <c r="AT2897" s="128"/>
      <c r="AU2897" s="128"/>
      <c r="AV2897" s="128"/>
      <c r="AW2897" s="128"/>
      <c r="AX2897" s="128"/>
      <c r="AY2897" s="128"/>
      <c r="AZ2897" s="128"/>
      <c r="BA2897" s="128"/>
      <c r="BB2897" s="107">
        <v>45884</v>
      </c>
    </row>
    <row r="2898" spans="1:54" s="8" customFormat="1" ht="13.95" customHeight="1" x14ac:dyDescent="0.25">
      <c r="A2898" s="219" t="s">
        <v>6664</v>
      </c>
      <c r="B2898" s="220" t="s">
        <v>6395</v>
      </c>
      <c r="C2898" s="98" t="s">
        <v>6665</v>
      </c>
      <c r="D2898" s="98" t="s">
        <v>20643</v>
      </c>
      <c r="E2898" s="141">
        <v>1988</v>
      </c>
      <c r="F2898" s="141">
        <v>326</v>
      </c>
      <c r="G2898" s="98" t="s">
        <v>1</v>
      </c>
      <c r="H2898" s="98">
        <v>0</v>
      </c>
      <c r="I2898" s="98">
        <v>0</v>
      </c>
      <c r="J2898" s="98" t="s">
        <v>400</v>
      </c>
      <c r="K2898" s="98" t="s">
        <v>400</v>
      </c>
      <c r="L2898" s="98" t="s">
        <v>400</v>
      </c>
      <c r="M2898" s="98" t="s">
        <v>400</v>
      </c>
      <c r="N2898" s="98" t="s">
        <v>400</v>
      </c>
      <c r="O2898" s="98" t="s">
        <v>400</v>
      </c>
      <c r="P2898" s="98" t="s">
        <v>400</v>
      </c>
      <c r="Q2898" s="98" t="s">
        <v>400</v>
      </c>
      <c r="R2898" s="98" t="s">
        <v>400</v>
      </c>
      <c r="S2898" s="98" t="s">
        <v>400</v>
      </c>
      <c r="T2898" s="98" t="s">
        <v>400</v>
      </c>
      <c r="U2898" s="128"/>
      <c r="V2898" s="128"/>
      <c r="W2898" s="128"/>
      <c r="X2898" s="128"/>
      <c r="Y2898" s="128"/>
      <c r="Z2898" s="128"/>
      <c r="AA2898" s="128"/>
      <c r="AB2898" s="128"/>
      <c r="AC2898" s="128"/>
      <c r="AD2898" s="128"/>
      <c r="AE2898" s="128"/>
      <c r="AF2898" s="128"/>
      <c r="AG2898" s="128"/>
      <c r="AH2898" s="128"/>
      <c r="AI2898" s="128"/>
      <c r="AJ2898" s="128"/>
      <c r="AK2898" s="128"/>
      <c r="AL2898" s="128"/>
      <c r="AM2898" s="128"/>
      <c r="AN2898" s="128"/>
      <c r="AO2898" s="128"/>
      <c r="AP2898" s="128"/>
      <c r="AQ2898" s="128"/>
      <c r="AR2898" s="128"/>
      <c r="AS2898" s="128"/>
      <c r="AT2898" s="128"/>
      <c r="AU2898" s="128"/>
      <c r="AV2898" s="128"/>
      <c r="AW2898" s="128"/>
      <c r="AX2898" s="128"/>
      <c r="AY2898" s="128"/>
      <c r="AZ2898" s="128"/>
      <c r="BA2898" s="128"/>
      <c r="BB2898" s="107">
        <v>45884</v>
      </c>
    </row>
    <row r="2899" spans="1:54" s="8" customFormat="1" ht="13.95" customHeight="1" x14ac:dyDescent="0.25">
      <c r="A2899" s="219" t="s">
        <v>6666</v>
      </c>
      <c r="B2899" s="220" t="s">
        <v>6395</v>
      </c>
      <c r="C2899" s="98" t="s">
        <v>6667</v>
      </c>
      <c r="D2899" s="98" t="s">
        <v>20644</v>
      </c>
      <c r="E2899" s="141">
        <v>1983</v>
      </c>
      <c r="F2899" s="141">
        <v>330</v>
      </c>
      <c r="G2899" s="98" t="s">
        <v>1</v>
      </c>
      <c r="H2899" s="98">
        <v>0</v>
      </c>
      <c r="I2899" s="98">
        <v>0</v>
      </c>
      <c r="J2899" s="98" t="s">
        <v>400</v>
      </c>
      <c r="K2899" s="98" t="s">
        <v>400</v>
      </c>
      <c r="L2899" s="98" t="s">
        <v>400</v>
      </c>
      <c r="M2899" s="98" t="s">
        <v>400</v>
      </c>
      <c r="N2899" s="98" t="s">
        <v>400</v>
      </c>
      <c r="O2899" s="98" t="s">
        <v>400</v>
      </c>
      <c r="P2899" s="98" t="s">
        <v>400</v>
      </c>
      <c r="Q2899" s="98" t="s">
        <v>400</v>
      </c>
      <c r="R2899" s="98" t="s">
        <v>400</v>
      </c>
      <c r="S2899" s="98" t="s">
        <v>400</v>
      </c>
      <c r="T2899" s="98" t="s">
        <v>400</v>
      </c>
      <c r="U2899" s="128"/>
      <c r="V2899" s="128"/>
      <c r="W2899" s="128"/>
      <c r="X2899" s="128"/>
      <c r="Y2899" s="128"/>
      <c r="Z2899" s="128"/>
      <c r="AA2899" s="128"/>
      <c r="AB2899" s="128"/>
      <c r="AC2899" s="128"/>
      <c r="AD2899" s="128"/>
      <c r="AE2899" s="128"/>
      <c r="AF2899" s="128"/>
      <c r="AG2899" s="128"/>
      <c r="AH2899" s="128"/>
      <c r="AI2899" s="128"/>
      <c r="AJ2899" s="128"/>
      <c r="AK2899" s="128"/>
      <c r="AL2899" s="128"/>
      <c r="AM2899" s="128"/>
      <c r="AN2899" s="128"/>
      <c r="AO2899" s="128"/>
      <c r="AP2899" s="128"/>
      <c r="AQ2899" s="128"/>
      <c r="AR2899" s="128"/>
      <c r="AS2899" s="128"/>
      <c r="AT2899" s="128"/>
      <c r="AU2899" s="128"/>
      <c r="AV2899" s="128"/>
      <c r="AW2899" s="128"/>
      <c r="AX2899" s="128"/>
      <c r="AY2899" s="128"/>
      <c r="AZ2899" s="128"/>
      <c r="BA2899" s="128"/>
      <c r="BB2899" s="107">
        <v>45884</v>
      </c>
    </row>
    <row r="2900" spans="1:54" s="8" customFormat="1" ht="13.95" customHeight="1" x14ac:dyDescent="0.25">
      <c r="A2900" s="219" t="s">
        <v>6668</v>
      </c>
      <c r="B2900" s="220" t="s">
        <v>6395</v>
      </c>
      <c r="C2900" s="98" t="s">
        <v>6669</v>
      </c>
      <c r="D2900" s="98" t="s">
        <v>20645</v>
      </c>
      <c r="E2900" s="141">
        <v>1979</v>
      </c>
      <c r="F2900" s="141">
        <v>331</v>
      </c>
      <c r="G2900" s="98" t="s">
        <v>1</v>
      </c>
      <c r="H2900" s="98">
        <v>0</v>
      </c>
      <c r="I2900" s="98">
        <v>0</v>
      </c>
      <c r="J2900" s="98" t="s">
        <v>400</v>
      </c>
      <c r="K2900" s="98" t="s">
        <v>400</v>
      </c>
      <c r="L2900" s="98" t="s">
        <v>400</v>
      </c>
      <c r="M2900" s="98" t="s">
        <v>400</v>
      </c>
      <c r="N2900" s="98" t="s">
        <v>400</v>
      </c>
      <c r="O2900" s="98" t="s">
        <v>400</v>
      </c>
      <c r="P2900" s="98" t="s">
        <v>400</v>
      </c>
      <c r="Q2900" s="98" t="s">
        <v>400</v>
      </c>
      <c r="R2900" s="98" t="s">
        <v>400</v>
      </c>
      <c r="S2900" s="98" t="s">
        <v>400</v>
      </c>
      <c r="T2900" s="98" t="s">
        <v>400</v>
      </c>
      <c r="U2900" s="128"/>
      <c r="V2900" s="128"/>
      <c r="W2900" s="128"/>
      <c r="X2900" s="128"/>
      <c r="Y2900" s="128"/>
      <c r="Z2900" s="128"/>
      <c r="AA2900" s="128"/>
      <c r="AB2900" s="128"/>
      <c r="AC2900" s="128"/>
      <c r="AD2900" s="128"/>
      <c r="AE2900" s="128"/>
      <c r="AF2900" s="128"/>
      <c r="AG2900" s="128"/>
      <c r="AH2900" s="128"/>
      <c r="AI2900" s="128"/>
      <c r="AJ2900" s="128"/>
      <c r="AK2900" s="128"/>
      <c r="AL2900" s="128"/>
      <c r="AM2900" s="128"/>
      <c r="AN2900" s="128"/>
      <c r="AO2900" s="128"/>
      <c r="AP2900" s="128"/>
      <c r="AQ2900" s="128"/>
      <c r="AR2900" s="128"/>
      <c r="AS2900" s="128"/>
      <c r="AT2900" s="128"/>
      <c r="AU2900" s="128"/>
      <c r="AV2900" s="128"/>
      <c r="AW2900" s="128"/>
      <c r="AX2900" s="128"/>
      <c r="AY2900" s="128"/>
      <c r="AZ2900" s="128"/>
      <c r="BA2900" s="128"/>
      <c r="BB2900" s="107">
        <v>45884</v>
      </c>
    </row>
    <row r="2901" spans="1:54" s="8" customFormat="1" ht="13.95" customHeight="1" x14ac:dyDescent="0.25">
      <c r="A2901" s="219" t="s">
        <v>6670</v>
      </c>
      <c r="B2901" s="220" t="s">
        <v>6395</v>
      </c>
      <c r="C2901" s="98" t="s">
        <v>6671</v>
      </c>
      <c r="D2901" s="98" t="s">
        <v>20646</v>
      </c>
      <c r="E2901" s="141">
        <v>1993</v>
      </c>
      <c r="F2901" s="141">
        <v>331</v>
      </c>
      <c r="G2901" s="98" t="s">
        <v>1</v>
      </c>
      <c r="H2901" s="98">
        <v>0</v>
      </c>
      <c r="I2901" s="98">
        <v>0</v>
      </c>
      <c r="J2901" s="98" t="s">
        <v>400</v>
      </c>
      <c r="K2901" s="98" t="s">
        <v>400</v>
      </c>
      <c r="L2901" s="98" t="s">
        <v>400</v>
      </c>
      <c r="M2901" s="98" t="s">
        <v>400</v>
      </c>
      <c r="N2901" s="98" t="s">
        <v>400</v>
      </c>
      <c r="O2901" s="98" t="s">
        <v>400</v>
      </c>
      <c r="P2901" s="98" t="s">
        <v>400</v>
      </c>
      <c r="Q2901" s="98" t="s">
        <v>400</v>
      </c>
      <c r="R2901" s="98" t="s">
        <v>400</v>
      </c>
      <c r="S2901" s="98" t="s">
        <v>400</v>
      </c>
      <c r="T2901" s="98" t="s">
        <v>400</v>
      </c>
      <c r="U2901" s="128"/>
      <c r="V2901" s="128"/>
      <c r="W2901" s="128"/>
      <c r="X2901" s="128"/>
      <c r="Y2901" s="128"/>
      <c r="Z2901" s="128"/>
      <c r="AA2901" s="128"/>
      <c r="AB2901" s="128"/>
      <c r="AC2901" s="128"/>
      <c r="AD2901" s="128"/>
      <c r="AE2901" s="128"/>
      <c r="AF2901" s="128"/>
      <c r="AG2901" s="128"/>
      <c r="AH2901" s="128"/>
      <c r="AI2901" s="128"/>
      <c r="AJ2901" s="128"/>
      <c r="AK2901" s="128"/>
      <c r="AL2901" s="128"/>
      <c r="AM2901" s="128"/>
      <c r="AN2901" s="128"/>
      <c r="AO2901" s="128"/>
      <c r="AP2901" s="128"/>
      <c r="AQ2901" s="128"/>
      <c r="AR2901" s="128"/>
      <c r="AS2901" s="128"/>
      <c r="AT2901" s="128"/>
      <c r="AU2901" s="128"/>
      <c r="AV2901" s="128"/>
      <c r="AW2901" s="128"/>
      <c r="AX2901" s="128"/>
      <c r="AY2901" s="128"/>
      <c r="AZ2901" s="128"/>
      <c r="BA2901" s="128"/>
      <c r="BB2901" s="107">
        <v>45884</v>
      </c>
    </row>
    <row r="2902" spans="1:54" s="8" customFormat="1" ht="13.95" customHeight="1" x14ac:dyDescent="0.25">
      <c r="A2902" s="219" t="s">
        <v>6672</v>
      </c>
      <c r="B2902" s="220" t="s">
        <v>6395</v>
      </c>
      <c r="C2902" s="98" t="s">
        <v>6673</v>
      </c>
      <c r="D2902" s="98" t="s">
        <v>20647</v>
      </c>
      <c r="E2902" s="141">
        <v>1984</v>
      </c>
      <c r="F2902" s="141">
        <v>332</v>
      </c>
      <c r="G2902" s="98" t="s">
        <v>1</v>
      </c>
      <c r="H2902" s="98">
        <v>0</v>
      </c>
      <c r="I2902" s="98">
        <v>0</v>
      </c>
      <c r="J2902" s="98" t="s">
        <v>400</v>
      </c>
      <c r="K2902" s="98" t="s">
        <v>400</v>
      </c>
      <c r="L2902" s="98" t="s">
        <v>400</v>
      </c>
      <c r="M2902" s="98" t="s">
        <v>400</v>
      </c>
      <c r="N2902" s="98" t="s">
        <v>400</v>
      </c>
      <c r="O2902" s="98" t="s">
        <v>400</v>
      </c>
      <c r="P2902" s="98" t="s">
        <v>400</v>
      </c>
      <c r="Q2902" s="98" t="s">
        <v>400</v>
      </c>
      <c r="R2902" s="98" t="s">
        <v>400</v>
      </c>
      <c r="S2902" s="98" t="s">
        <v>400</v>
      </c>
      <c r="T2902" s="98" t="s">
        <v>400</v>
      </c>
      <c r="U2902" s="128"/>
      <c r="V2902" s="128"/>
      <c r="W2902" s="128"/>
      <c r="X2902" s="128"/>
      <c r="Y2902" s="128"/>
      <c r="Z2902" s="128"/>
      <c r="AA2902" s="128"/>
      <c r="AB2902" s="128"/>
      <c r="AC2902" s="128"/>
      <c r="AD2902" s="128"/>
      <c r="AE2902" s="128"/>
      <c r="AF2902" s="128"/>
      <c r="AG2902" s="128"/>
      <c r="AH2902" s="128"/>
      <c r="AI2902" s="128"/>
      <c r="AJ2902" s="128"/>
      <c r="AK2902" s="128"/>
      <c r="AL2902" s="128"/>
      <c r="AM2902" s="128"/>
      <c r="AN2902" s="128"/>
      <c r="AO2902" s="128"/>
      <c r="AP2902" s="128"/>
      <c r="AQ2902" s="128"/>
      <c r="AR2902" s="128"/>
      <c r="AS2902" s="128"/>
      <c r="AT2902" s="128"/>
      <c r="AU2902" s="128"/>
      <c r="AV2902" s="128"/>
      <c r="AW2902" s="128"/>
      <c r="AX2902" s="128"/>
      <c r="AY2902" s="128"/>
      <c r="AZ2902" s="128"/>
      <c r="BA2902" s="128"/>
      <c r="BB2902" s="107">
        <v>45884</v>
      </c>
    </row>
    <row r="2903" spans="1:54" s="8" customFormat="1" ht="13.95" customHeight="1" x14ac:dyDescent="0.25">
      <c r="A2903" s="219" t="s">
        <v>6674</v>
      </c>
      <c r="B2903" s="220" t="s">
        <v>6395</v>
      </c>
      <c r="C2903" s="98" t="s">
        <v>6675</v>
      </c>
      <c r="D2903" s="98" t="s">
        <v>20648</v>
      </c>
      <c r="E2903" s="141">
        <v>1999</v>
      </c>
      <c r="F2903" s="141">
        <v>332</v>
      </c>
      <c r="G2903" s="98" t="s">
        <v>1</v>
      </c>
      <c r="H2903" s="98">
        <v>0</v>
      </c>
      <c r="I2903" s="98">
        <v>0</v>
      </c>
      <c r="J2903" s="98" t="s">
        <v>400</v>
      </c>
      <c r="K2903" s="98" t="s">
        <v>400</v>
      </c>
      <c r="L2903" s="98" t="s">
        <v>400</v>
      </c>
      <c r="M2903" s="98" t="s">
        <v>400</v>
      </c>
      <c r="N2903" s="98" t="s">
        <v>400</v>
      </c>
      <c r="O2903" s="98" t="s">
        <v>400</v>
      </c>
      <c r="P2903" s="98" t="s">
        <v>400</v>
      </c>
      <c r="Q2903" s="98" t="s">
        <v>400</v>
      </c>
      <c r="R2903" s="98" t="s">
        <v>400</v>
      </c>
      <c r="S2903" s="98" t="s">
        <v>400</v>
      </c>
      <c r="T2903" s="98" t="s">
        <v>400</v>
      </c>
      <c r="U2903" s="128"/>
      <c r="V2903" s="128"/>
      <c r="W2903" s="128"/>
      <c r="X2903" s="128"/>
      <c r="Y2903" s="128"/>
      <c r="Z2903" s="128"/>
      <c r="AA2903" s="128"/>
      <c r="AB2903" s="128"/>
      <c r="AC2903" s="128"/>
      <c r="AD2903" s="128"/>
      <c r="AE2903" s="128"/>
      <c r="AF2903" s="128"/>
      <c r="AG2903" s="128"/>
      <c r="AH2903" s="128"/>
      <c r="AI2903" s="128"/>
      <c r="AJ2903" s="128"/>
      <c r="AK2903" s="128"/>
      <c r="AL2903" s="128"/>
      <c r="AM2903" s="128"/>
      <c r="AN2903" s="128"/>
      <c r="AO2903" s="128"/>
      <c r="AP2903" s="128"/>
      <c r="AQ2903" s="128"/>
      <c r="AR2903" s="128"/>
      <c r="AS2903" s="128"/>
      <c r="AT2903" s="128"/>
      <c r="AU2903" s="128"/>
      <c r="AV2903" s="128"/>
      <c r="AW2903" s="128"/>
      <c r="AX2903" s="128"/>
      <c r="AY2903" s="128"/>
      <c r="AZ2903" s="128"/>
      <c r="BA2903" s="128"/>
      <c r="BB2903" s="107">
        <v>45884</v>
      </c>
    </row>
    <row r="2904" spans="1:54" s="8" customFormat="1" ht="13.95" customHeight="1" x14ac:dyDescent="0.25">
      <c r="A2904" s="219" t="s">
        <v>6676</v>
      </c>
      <c r="B2904" s="220" t="s">
        <v>6395</v>
      </c>
      <c r="C2904" s="98" t="s">
        <v>6677</v>
      </c>
      <c r="D2904" s="98" t="s">
        <v>20649</v>
      </c>
      <c r="E2904" s="141">
        <v>1999</v>
      </c>
      <c r="F2904" s="141">
        <v>332</v>
      </c>
      <c r="G2904" s="98" t="s">
        <v>1</v>
      </c>
      <c r="H2904" s="98">
        <v>0</v>
      </c>
      <c r="I2904" s="98">
        <v>0</v>
      </c>
      <c r="J2904" s="98" t="s">
        <v>400</v>
      </c>
      <c r="K2904" s="98" t="s">
        <v>400</v>
      </c>
      <c r="L2904" s="98" t="s">
        <v>400</v>
      </c>
      <c r="M2904" s="98" t="s">
        <v>400</v>
      </c>
      <c r="N2904" s="98" t="s">
        <v>400</v>
      </c>
      <c r="O2904" s="98" t="s">
        <v>400</v>
      </c>
      <c r="P2904" s="98" t="s">
        <v>400</v>
      </c>
      <c r="Q2904" s="98" t="s">
        <v>400</v>
      </c>
      <c r="R2904" s="98" t="s">
        <v>400</v>
      </c>
      <c r="S2904" s="98" t="s">
        <v>400</v>
      </c>
      <c r="T2904" s="98" t="s">
        <v>400</v>
      </c>
      <c r="U2904" s="128"/>
      <c r="V2904" s="128"/>
      <c r="W2904" s="128"/>
      <c r="X2904" s="128"/>
      <c r="Y2904" s="128"/>
      <c r="Z2904" s="128"/>
      <c r="AA2904" s="128"/>
      <c r="AB2904" s="128"/>
      <c r="AC2904" s="128"/>
      <c r="AD2904" s="128"/>
      <c r="AE2904" s="128"/>
      <c r="AF2904" s="128"/>
      <c r="AG2904" s="128"/>
      <c r="AH2904" s="128"/>
      <c r="AI2904" s="128"/>
      <c r="AJ2904" s="128"/>
      <c r="AK2904" s="128"/>
      <c r="AL2904" s="128"/>
      <c r="AM2904" s="128"/>
      <c r="AN2904" s="128"/>
      <c r="AO2904" s="128"/>
      <c r="AP2904" s="128"/>
      <c r="AQ2904" s="128"/>
      <c r="AR2904" s="128"/>
      <c r="AS2904" s="128"/>
      <c r="AT2904" s="128"/>
      <c r="AU2904" s="128"/>
      <c r="AV2904" s="128"/>
      <c r="AW2904" s="128"/>
      <c r="AX2904" s="128"/>
      <c r="AY2904" s="128"/>
      <c r="AZ2904" s="128"/>
      <c r="BA2904" s="128"/>
      <c r="BB2904" s="107">
        <v>45884</v>
      </c>
    </row>
    <row r="2905" spans="1:54" s="8" customFormat="1" ht="13.95" customHeight="1" x14ac:dyDescent="0.25">
      <c r="A2905" s="219" t="s">
        <v>6678</v>
      </c>
      <c r="B2905" s="220" t="s">
        <v>6395</v>
      </c>
      <c r="C2905" s="98" t="s">
        <v>6679</v>
      </c>
      <c r="D2905" s="98" t="s">
        <v>20650</v>
      </c>
      <c r="E2905" s="141">
        <v>1979</v>
      </c>
      <c r="F2905" s="141">
        <v>333</v>
      </c>
      <c r="G2905" s="98" t="s">
        <v>1</v>
      </c>
      <c r="H2905" s="98">
        <v>0</v>
      </c>
      <c r="I2905" s="98">
        <v>0</v>
      </c>
      <c r="J2905" s="98" t="s">
        <v>400</v>
      </c>
      <c r="K2905" s="98" t="s">
        <v>400</v>
      </c>
      <c r="L2905" s="98" t="s">
        <v>400</v>
      </c>
      <c r="M2905" s="98" t="s">
        <v>400</v>
      </c>
      <c r="N2905" s="98" t="s">
        <v>400</v>
      </c>
      <c r="O2905" s="98" t="s">
        <v>400</v>
      </c>
      <c r="P2905" s="98" t="s">
        <v>400</v>
      </c>
      <c r="Q2905" s="98" t="s">
        <v>400</v>
      </c>
      <c r="R2905" s="98" t="s">
        <v>400</v>
      </c>
      <c r="S2905" s="98" t="s">
        <v>400</v>
      </c>
      <c r="T2905" s="98" t="s">
        <v>400</v>
      </c>
      <c r="U2905" s="128"/>
      <c r="V2905" s="128"/>
      <c r="W2905" s="128"/>
      <c r="X2905" s="128"/>
      <c r="Y2905" s="128"/>
      <c r="Z2905" s="128"/>
      <c r="AA2905" s="128"/>
      <c r="AB2905" s="128"/>
      <c r="AC2905" s="128"/>
      <c r="AD2905" s="128"/>
      <c r="AE2905" s="128"/>
      <c r="AF2905" s="128"/>
      <c r="AG2905" s="128"/>
      <c r="AH2905" s="128"/>
      <c r="AI2905" s="128"/>
      <c r="AJ2905" s="128"/>
      <c r="AK2905" s="128"/>
      <c r="AL2905" s="128"/>
      <c r="AM2905" s="128"/>
      <c r="AN2905" s="128"/>
      <c r="AO2905" s="128"/>
      <c r="AP2905" s="128"/>
      <c r="AQ2905" s="128"/>
      <c r="AR2905" s="128"/>
      <c r="AS2905" s="128"/>
      <c r="AT2905" s="128"/>
      <c r="AU2905" s="128"/>
      <c r="AV2905" s="128"/>
      <c r="AW2905" s="128"/>
      <c r="AX2905" s="128"/>
      <c r="AY2905" s="128"/>
      <c r="AZ2905" s="128"/>
      <c r="BA2905" s="128"/>
      <c r="BB2905" s="107">
        <v>45884</v>
      </c>
    </row>
    <row r="2906" spans="1:54" s="8" customFormat="1" ht="13.95" customHeight="1" x14ac:dyDescent="0.25">
      <c r="A2906" s="219" t="s">
        <v>6680</v>
      </c>
      <c r="B2906" s="220" t="s">
        <v>6395</v>
      </c>
      <c r="C2906" s="98" t="s">
        <v>6681</v>
      </c>
      <c r="D2906" s="98" t="s">
        <v>20651</v>
      </c>
      <c r="E2906" s="141">
        <v>1999</v>
      </c>
      <c r="F2906" s="141">
        <v>335</v>
      </c>
      <c r="G2906" s="98" t="s">
        <v>1</v>
      </c>
      <c r="H2906" s="98">
        <v>0</v>
      </c>
      <c r="I2906" s="98">
        <v>0</v>
      </c>
      <c r="J2906" s="98" t="s">
        <v>400</v>
      </c>
      <c r="K2906" s="98" t="s">
        <v>400</v>
      </c>
      <c r="L2906" s="98" t="s">
        <v>400</v>
      </c>
      <c r="M2906" s="98" t="s">
        <v>400</v>
      </c>
      <c r="N2906" s="98" t="s">
        <v>400</v>
      </c>
      <c r="O2906" s="98" t="s">
        <v>400</v>
      </c>
      <c r="P2906" s="98" t="s">
        <v>400</v>
      </c>
      <c r="Q2906" s="98" t="s">
        <v>400</v>
      </c>
      <c r="R2906" s="98" t="s">
        <v>400</v>
      </c>
      <c r="S2906" s="98" t="s">
        <v>400</v>
      </c>
      <c r="T2906" s="98" t="s">
        <v>400</v>
      </c>
      <c r="U2906" s="128"/>
      <c r="V2906" s="128"/>
      <c r="W2906" s="128"/>
      <c r="X2906" s="128"/>
      <c r="Y2906" s="128"/>
      <c r="Z2906" s="128"/>
      <c r="AA2906" s="128"/>
      <c r="AB2906" s="128"/>
      <c r="AC2906" s="128"/>
      <c r="AD2906" s="128"/>
      <c r="AE2906" s="128"/>
      <c r="AF2906" s="128"/>
      <c r="AG2906" s="128"/>
      <c r="AH2906" s="128"/>
      <c r="AI2906" s="128"/>
      <c r="AJ2906" s="128"/>
      <c r="AK2906" s="128"/>
      <c r="AL2906" s="128"/>
      <c r="AM2906" s="128"/>
      <c r="AN2906" s="128"/>
      <c r="AO2906" s="128"/>
      <c r="AP2906" s="128"/>
      <c r="AQ2906" s="128"/>
      <c r="AR2906" s="128"/>
      <c r="AS2906" s="128"/>
      <c r="AT2906" s="128"/>
      <c r="AU2906" s="128"/>
      <c r="AV2906" s="128"/>
      <c r="AW2906" s="128"/>
      <c r="AX2906" s="128"/>
      <c r="AY2906" s="128"/>
      <c r="AZ2906" s="128"/>
      <c r="BA2906" s="128"/>
      <c r="BB2906" s="107">
        <v>45884</v>
      </c>
    </row>
    <row r="2907" spans="1:54" s="8" customFormat="1" ht="13.95" customHeight="1" x14ac:dyDescent="0.25">
      <c r="A2907" s="219" t="s">
        <v>6682</v>
      </c>
      <c r="B2907" s="220" t="s">
        <v>6395</v>
      </c>
      <c r="C2907" s="98" t="s">
        <v>6683</v>
      </c>
      <c r="D2907" s="98" t="s">
        <v>20652</v>
      </c>
      <c r="E2907" s="141">
        <v>1995</v>
      </c>
      <c r="F2907" s="141">
        <v>336</v>
      </c>
      <c r="G2907" s="98" t="s">
        <v>1</v>
      </c>
      <c r="H2907" s="98">
        <v>0</v>
      </c>
      <c r="I2907" s="98">
        <v>0</v>
      </c>
      <c r="J2907" s="98" t="s">
        <v>400</v>
      </c>
      <c r="K2907" s="98" t="s">
        <v>400</v>
      </c>
      <c r="L2907" s="98" t="s">
        <v>400</v>
      </c>
      <c r="M2907" s="98" t="s">
        <v>400</v>
      </c>
      <c r="N2907" s="98" t="s">
        <v>400</v>
      </c>
      <c r="O2907" s="98" t="s">
        <v>400</v>
      </c>
      <c r="P2907" s="98" t="s">
        <v>400</v>
      </c>
      <c r="Q2907" s="98" t="s">
        <v>400</v>
      </c>
      <c r="R2907" s="98" t="s">
        <v>400</v>
      </c>
      <c r="S2907" s="98" t="s">
        <v>400</v>
      </c>
      <c r="T2907" s="98" t="s">
        <v>400</v>
      </c>
      <c r="U2907" s="128"/>
      <c r="V2907" s="128"/>
      <c r="W2907" s="128"/>
      <c r="X2907" s="128"/>
      <c r="Y2907" s="128"/>
      <c r="Z2907" s="128"/>
      <c r="AA2907" s="128"/>
      <c r="AB2907" s="128"/>
      <c r="AC2907" s="128"/>
      <c r="AD2907" s="128"/>
      <c r="AE2907" s="128"/>
      <c r="AF2907" s="128"/>
      <c r="AG2907" s="128"/>
      <c r="AH2907" s="128"/>
      <c r="AI2907" s="128"/>
      <c r="AJ2907" s="128"/>
      <c r="AK2907" s="128"/>
      <c r="AL2907" s="128"/>
      <c r="AM2907" s="128"/>
      <c r="AN2907" s="128"/>
      <c r="AO2907" s="128"/>
      <c r="AP2907" s="128"/>
      <c r="AQ2907" s="128"/>
      <c r="AR2907" s="128"/>
      <c r="AS2907" s="128"/>
      <c r="AT2907" s="128"/>
      <c r="AU2907" s="128"/>
      <c r="AV2907" s="128"/>
      <c r="AW2907" s="128"/>
      <c r="AX2907" s="128"/>
      <c r="AY2907" s="128"/>
      <c r="AZ2907" s="128"/>
      <c r="BA2907" s="128"/>
      <c r="BB2907" s="107">
        <v>45884</v>
      </c>
    </row>
    <row r="2908" spans="1:54" s="8" customFormat="1" ht="13.95" customHeight="1" x14ac:dyDescent="0.25">
      <c r="A2908" s="219" t="s">
        <v>6684</v>
      </c>
      <c r="B2908" s="220" t="s">
        <v>6395</v>
      </c>
      <c r="C2908" s="98" t="s">
        <v>6685</v>
      </c>
      <c r="D2908" s="98" t="s">
        <v>20653</v>
      </c>
      <c r="E2908" s="141">
        <v>1991</v>
      </c>
      <c r="F2908" s="141">
        <v>336</v>
      </c>
      <c r="G2908" s="98" t="s">
        <v>1</v>
      </c>
      <c r="H2908" s="98">
        <v>0</v>
      </c>
      <c r="I2908" s="98">
        <v>0</v>
      </c>
      <c r="J2908" s="98" t="s">
        <v>400</v>
      </c>
      <c r="K2908" s="98" t="s">
        <v>400</v>
      </c>
      <c r="L2908" s="98" t="s">
        <v>400</v>
      </c>
      <c r="M2908" s="98" t="s">
        <v>400</v>
      </c>
      <c r="N2908" s="98" t="s">
        <v>400</v>
      </c>
      <c r="O2908" s="98" t="s">
        <v>400</v>
      </c>
      <c r="P2908" s="98" t="s">
        <v>400</v>
      </c>
      <c r="Q2908" s="98" t="s">
        <v>400</v>
      </c>
      <c r="R2908" s="98" t="s">
        <v>400</v>
      </c>
      <c r="S2908" s="98" t="s">
        <v>400</v>
      </c>
      <c r="T2908" s="98" t="s">
        <v>400</v>
      </c>
      <c r="U2908" s="128"/>
      <c r="V2908" s="128"/>
      <c r="W2908" s="128"/>
      <c r="X2908" s="128"/>
      <c r="Y2908" s="128"/>
      <c r="Z2908" s="128"/>
      <c r="AA2908" s="128"/>
      <c r="AB2908" s="128"/>
      <c r="AC2908" s="128"/>
      <c r="AD2908" s="128"/>
      <c r="AE2908" s="128"/>
      <c r="AF2908" s="128"/>
      <c r="AG2908" s="128"/>
      <c r="AH2908" s="128"/>
      <c r="AI2908" s="128"/>
      <c r="AJ2908" s="128"/>
      <c r="AK2908" s="128"/>
      <c r="AL2908" s="128"/>
      <c r="AM2908" s="128"/>
      <c r="AN2908" s="128"/>
      <c r="AO2908" s="128"/>
      <c r="AP2908" s="128"/>
      <c r="AQ2908" s="128"/>
      <c r="AR2908" s="128"/>
      <c r="AS2908" s="128"/>
      <c r="AT2908" s="128"/>
      <c r="AU2908" s="128"/>
      <c r="AV2908" s="128"/>
      <c r="AW2908" s="128"/>
      <c r="AX2908" s="128"/>
      <c r="AY2908" s="128"/>
      <c r="AZ2908" s="128"/>
      <c r="BA2908" s="128"/>
      <c r="BB2908" s="107">
        <v>45884</v>
      </c>
    </row>
    <row r="2909" spans="1:54" s="8" customFormat="1" ht="13.95" customHeight="1" x14ac:dyDescent="0.25">
      <c r="A2909" s="219" t="s">
        <v>6686</v>
      </c>
      <c r="B2909" s="220" t="s">
        <v>6395</v>
      </c>
      <c r="C2909" s="98" t="s">
        <v>6687</v>
      </c>
      <c r="D2909" s="98" t="s">
        <v>20654</v>
      </c>
      <c r="E2909" s="141">
        <v>2001</v>
      </c>
      <c r="F2909" s="141">
        <v>336</v>
      </c>
      <c r="G2909" s="98" t="s">
        <v>8</v>
      </c>
      <c r="H2909" s="98">
        <v>0</v>
      </c>
      <c r="I2909" s="98">
        <v>0</v>
      </c>
      <c r="J2909" s="98" t="s">
        <v>400</v>
      </c>
      <c r="K2909" s="98" t="s">
        <v>400</v>
      </c>
      <c r="L2909" s="98" t="s">
        <v>400</v>
      </c>
      <c r="M2909" s="98" t="s">
        <v>400</v>
      </c>
      <c r="N2909" s="98" t="s">
        <v>400</v>
      </c>
      <c r="O2909" s="98" t="s">
        <v>400</v>
      </c>
      <c r="P2909" s="98" t="s">
        <v>400</v>
      </c>
      <c r="Q2909" s="98" t="s">
        <v>400</v>
      </c>
      <c r="R2909" s="98" t="s">
        <v>400</v>
      </c>
      <c r="S2909" s="98" t="s">
        <v>400</v>
      </c>
      <c r="T2909" s="98" t="s">
        <v>400</v>
      </c>
      <c r="U2909" s="98">
        <v>0</v>
      </c>
      <c r="V2909" s="98">
        <v>0</v>
      </c>
      <c r="W2909" s="98" t="s">
        <v>400</v>
      </c>
      <c r="X2909" s="98">
        <v>0</v>
      </c>
      <c r="Y2909" s="98">
        <v>0</v>
      </c>
      <c r="Z2909" s="98">
        <v>0</v>
      </c>
      <c r="AA2909" s="98" t="s">
        <v>400</v>
      </c>
      <c r="AB2909" s="98">
        <v>0</v>
      </c>
      <c r="AC2909" s="98">
        <v>0</v>
      </c>
      <c r="AD2909" s="98">
        <v>0</v>
      </c>
      <c r="AE2909" s="98">
        <v>0</v>
      </c>
      <c r="AF2909" s="98">
        <v>0</v>
      </c>
      <c r="AG2909" s="98">
        <v>0</v>
      </c>
      <c r="AH2909" s="98">
        <v>0</v>
      </c>
      <c r="AI2909" s="98">
        <v>0</v>
      </c>
      <c r="AJ2909" s="98">
        <v>0</v>
      </c>
      <c r="AK2909" s="98">
        <v>0</v>
      </c>
      <c r="AL2909" s="98">
        <v>0</v>
      </c>
      <c r="AM2909" s="98">
        <v>0</v>
      </c>
      <c r="AN2909" s="98">
        <v>0</v>
      </c>
      <c r="AO2909" s="98">
        <v>0</v>
      </c>
      <c r="AP2909" s="98">
        <v>0</v>
      </c>
      <c r="AQ2909" s="98">
        <v>0</v>
      </c>
      <c r="AR2909" s="98">
        <v>0</v>
      </c>
      <c r="AS2909" s="98">
        <v>0</v>
      </c>
      <c r="AT2909" s="129">
        <v>0</v>
      </c>
      <c r="AU2909" s="98">
        <v>0</v>
      </c>
      <c r="AV2909" s="98">
        <v>0</v>
      </c>
      <c r="AW2909" s="98">
        <v>0</v>
      </c>
      <c r="AX2909" s="98"/>
      <c r="AY2909" s="98"/>
      <c r="AZ2909" s="98"/>
      <c r="BA2909" s="98"/>
      <c r="BB2909" s="107">
        <v>45884</v>
      </c>
    </row>
    <row r="2910" spans="1:54" s="8" customFormat="1" ht="13.95" customHeight="1" x14ac:dyDescent="0.25">
      <c r="A2910" s="219" t="s">
        <v>6688</v>
      </c>
      <c r="B2910" s="220" t="s">
        <v>6395</v>
      </c>
      <c r="C2910" s="98" t="s">
        <v>6689</v>
      </c>
      <c r="D2910" s="98" t="s">
        <v>20655</v>
      </c>
      <c r="E2910" s="141">
        <v>2002</v>
      </c>
      <c r="F2910" s="141">
        <v>337</v>
      </c>
      <c r="G2910" s="98" t="s">
        <v>1</v>
      </c>
      <c r="H2910" s="98">
        <v>0</v>
      </c>
      <c r="I2910" s="98">
        <v>0</v>
      </c>
      <c r="J2910" s="98" t="s">
        <v>400</v>
      </c>
      <c r="K2910" s="98" t="s">
        <v>400</v>
      </c>
      <c r="L2910" s="98" t="s">
        <v>400</v>
      </c>
      <c r="M2910" s="98" t="s">
        <v>400</v>
      </c>
      <c r="N2910" s="98" t="s">
        <v>400</v>
      </c>
      <c r="O2910" s="98" t="s">
        <v>400</v>
      </c>
      <c r="P2910" s="98" t="s">
        <v>400</v>
      </c>
      <c r="Q2910" s="98" t="s">
        <v>400</v>
      </c>
      <c r="R2910" s="98" t="s">
        <v>400</v>
      </c>
      <c r="S2910" s="98" t="s">
        <v>400</v>
      </c>
      <c r="T2910" s="98" t="s">
        <v>400</v>
      </c>
      <c r="U2910" s="128"/>
      <c r="V2910" s="128"/>
      <c r="W2910" s="128"/>
      <c r="X2910" s="128"/>
      <c r="Y2910" s="128"/>
      <c r="Z2910" s="128"/>
      <c r="AA2910" s="128"/>
      <c r="AB2910" s="128"/>
      <c r="AC2910" s="128"/>
      <c r="AD2910" s="128"/>
      <c r="AE2910" s="128"/>
      <c r="AF2910" s="128"/>
      <c r="AG2910" s="128"/>
      <c r="AH2910" s="128"/>
      <c r="AI2910" s="128"/>
      <c r="AJ2910" s="128"/>
      <c r="AK2910" s="128"/>
      <c r="AL2910" s="128"/>
      <c r="AM2910" s="128"/>
      <c r="AN2910" s="128"/>
      <c r="AO2910" s="128"/>
      <c r="AP2910" s="128"/>
      <c r="AQ2910" s="128"/>
      <c r="AR2910" s="128"/>
      <c r="AS2910" s="128"/>
      <c r="AT2910" s="128"/>
      <c r="AU2910" s="128"/>
      <c r="AV2910" s="128"/>
      <c r="AW2910" s="128"/>
      <c r="AX2910" s="128"/>
      <c r="AY2910" s="128"/>
      <c r="AZ2910" s="128"/>
      <c r="BA2910" s="128"/>
      <c r="BB2910" s="107">
        <v>45884</v>
      </c>
    </row>
    <row r="2911" spans="1:54" s="8" customFormat="1" ht="13.95" customHeight="1" x14ac:dyDescent="0.25">
      <c r="A2911" s="219" t="s">
        <v>6690</v>
      </c>
      <c r="B2911" s="220" t="s">
        <v>6395</v>
      </c>
      <c r="C2911" s="98" t="s">
        <v>6691</v>
      </c>
      <c r="D2911" s="98" t="s">
        <v>20656</v>
      </c>
      <c r="E2911" s="141">
        <v>1979</v>
      </c>
      <c r="F2911" s="141">
        <v>341</v>
      </c>
      <c r="G2911" s="98" t="s">
        <v>1</v>
      </c>
      <c r="H2911" s="98">
        <v>0</v>
      </c>
      <c r="I2911" s="98">
        <v>0</v>
      </c>
      <c r="J2911" s="98" t="s">
        <v>400</v>
      </c>
      <c r="K2911" s="98" t="s">
        <v>400</v>
      </c>
      <c r="L2911" s="98" t="s">
        <v>400</v>
      </c>
      <c r="M2911" s="98" t="s">
        <v>400</v>
      </c>
      <c r="N2911" s="98" t="s">
        <v>400</v>
      </c>
      <c r="O2911" s="98" t="s">
        <v>400</v>
      </c>
      <c r="P2911" s="98" t="s">
        <v>400</v>
      </c>
      <c r="Q2911" s="98" t="s">
        <v>400</v>
      </c>
      <c r="R2911" s="98" t="s">
        <v>400</v>
      </c>
      <c r="S2911" s="98" t="s">
        <v>400</v>
      </c>
      <c r="T2911" s="98" t="s">
        <v>400</v>
      </c>
      <c r="U2911" s="128"/>
      <c r="V2911" s="128"/>
      <c r="W2911" s="128"/>
      <c r="X2911" s="128"/>
      <c r="Y2911" s="128"/>
      <c r="Z2911" s="128"/>
      <c r="AA2911" s="128"/>
      <c r="AB2911" s="128"/>
      <c r="AC2911" s="128"/>
      <c r="AD2911" s="128"/>
      <c r="AE2911" s="128"/>
      <c r="AF2911" s="128"/>
      <c r="AG2911" s="128"/>
      <c r="AH2911" s="128"/>
      <c r="AI2911" s="128"/>
      <c r="AJ2911" s="128"/>
      <c r="AK2911" s="128"/>
      <c r="AL2911" s="128"/>
      <c r="AM2911" s="128"/>
      <c r="AN2911" s="128"/>
      <c r="AO2911" s="128"/>
      <c r="AP2911" s="128"/>
      <c r="AQ2911" s="128"/>
      <c r="AR2911" s="128"/>
      <c r="AS2911" s="128"/>
      <c r="AT2911" s="128"/>
      <c r="AU2911" s="128"/>
      <c r="AV2911" s="128"/>
      <c r="AW2911" s="128"/>
      <c r="AX2911" s="128"/>
      <c r="AY2911" s="128"/>
      <c r="AZ2911" s="128"/>
      <c r="BA2911" s="128"/>
      <c r="BB2911" s="107">
        <v>45884</v>
      </c>
    </row>
    <row r="2912" spans="1:54" s="8" customFormat="1" ht="13.95" customHeight="1" x14ac:dyDescent="0.25">
      <c r="A2912" s="219" t="s">
        <v>6692</v>
      </c>
      <c r="B2912" s="220" t="s">
        <v>6395</v>
      </c>
      <c r="C2912" s="98" t="s">
        <v>6693</v>
      </c>
      <c r="D2912" s="98" t="s">
        <v>20657</v>
      </c>
      <c r="E2912" s="141">
        <v>1997</v>
      </c>
      <c r="F2912" s="141">
        <v>346</v>
      </c>
      <c r="G2912" s="98" t="s">
        <v>1</v>
      </c>
      <c r="H2912" s="98">
        <v>0</v>
      </c>
      <c r="I2912" s="98">
        <v>0</v>
      </c>
      <c r="J2912" s="98" t="s">
        <v>400</v>
      </c>
      <c r="K2912" s="98" t="s">
        <v>400</v>
      </c>
      <c r="L2912" s="98" t="s">
        <v>400</v>
      </c>
      <c r="M2912" s="98" t="s">
        <v>400</v>
      </c>
      <c r="N2912" s="98" t="s">
        <v>400</v>
      </c>
      <c r="O2912" s="98" t="s">
        <v>400</v>
      </c>
      <c r="P2912" s="98" t="s">
        <v>400</v>
      </c>
      <c r="Q2912" s="98" t="s">
        <v>400</v>
      </c>
      <c r="R2912" s="98" t="s">
        <v>400</v>
      </c>
      <c r="S2912" s="98" t="s">
        <v>400</v>
      </c>
      <c r="T2912" s="98" t="s">
        <v>400</v>
      </c>
      <c r="U2912" s="128"/>
      <c r="V2912" s="128"/>
      <c r="W2912" s="128"/>
      <c r="X2912" s="128"/>
      <c r="Y2912" s="128"/>
      <c r="Z2912" s="128"/>
      <c r="AA2912" s="128"/>
      <c r="AB2912" s="128"/>
      <c r="AC2912" s="128"/>
      <c r="AD2912" s="128"/>
      <c r="AE2912" s="128"/>
      <c r="AF2912" s="128"/>
      <c r="AG2912" s="128"/>
      <c r="AH2912" s="128"/>
      <c r="AI2912" s="128"/>
      <c r="AJ2912" s="128"/>
      <c r="AK2912" s="128"/>
      <c r="AL2912" s="128"/>
      <c r="AM2912" s="128"/>
      <c r="AN2912" s="128"/>
      <c r="AO2912" s="128"/>
      <c r="AP2912" s="128"/>
      <c r="AQ2912" s="128"/>
      <c r="AR2912" s="128"/>
      <c r="AS2912" s="128"/>
      <c r="AT2912" s="128"/>
      <c r="AU2912" s="128"/>
      <c r="AV2912" s="128"/>
      <c r="AW2912" s="128"/>
      <c r="AX2912" s="128"/>
      <c r="AY2912" s="128"/>
      <c r="AZ2912" s="128"/>
      <c r="BA2912" s="128"/>
      <c r="BB2912" s="107">
        <v>45884</v>
      </c>
    </row>
    <row r="2913" spans="1:54" s="8" customFormat="1" ht="13.95" customHeight="1" x14ac:dyDescent="0.25">
      <c r="A2913" s="219" t="s">
        <v>6694</v>
      </c>
      <c r="B2913" s="220" t="s">
        <v>6395</v>
      </c>
      <c r="C2913" s="98" t="s">
        <v>6695</v>
      </c>
      <c r="D2913" s="98" t="s">
        <v>21760</v>
      </c>
      <c r="E2913" s="141">
        <v>1979</v>
      </c>
      <c r="F2913" s="141">
        <v>346</v>
      </c>
      <c r="G2913" s="98" t="s">
        <v>1</v>
      </c>
      <c r="H2913" s="98">
        <v>0</v>
      </c>
      <c r="I2913" s="98">
        <v>0</v>
      </c>
      <c r="J2913" s="98" t="s">
        <v>400</v>
      </c>
      <c r="K2913" s="98" t="s">
        <v>400</v>
      </c>
      <c r="L2913" s="98" t="s">
        <v>400</v>
      </c>
      <c r="M2913" s="98" t="s">
        <v>400</v>
      </c>
      <c r="N2913" s="98" t="s">
        <v>400</v>
      </c>
      <c r="O2913" s="98" t="s">
        <v>400</v>
      </c>
      <c r="P2913" s="98" t="s">
        <v>400</v>
      </c>
      <c r="Q2913" s="98" t="s">
        <v>400</v>
      </c>
      <c r="R2913" s="98" t="s">
        <v>400</v>
      </c>
      <c r="S2913" s="98" t="s">
        <v>400</v>
      </c>
      <c r="T2913" s="98" t="s">
        <v>400</v>
      </c>
      <c r="U2913" s="128"/>
      <c r="V2913" s="128"/>
      <c r="W2913" s="128"/>
      <c r="X2913" s="128"/>
      <c r="Y2913" s="128"/>
      <c r="Z2913" s="128"/>
      <c r="AA2913" s="128"/>
      <c r="AB2913" s="128"/>
      <c r="AC2913" s="128"/>
      <c r="AD2913" s="128"/>
      <c r="AE2913" s="128"/>
      <c r="AF2913" s="128"/>
      <c r="AG2913" s="128"/>
      <c r="AH2913" s="128"/>
      <c r="AI2913" s="128"/>
      <c r="AJ2913" s="128"/>
      <c r="AK2913" s="128"/>
      <c r="AL2913" s="128"/>
      <c r="AM2913" s="128"/>
      <c r="AN2913" s="128"/>
      <c r="AO2913" s="128"/>
      <c r="AP2913" s="128"/>
      <c r="AQ2913" s="128"/>
      <c r="AR2913" s="128"/>
      <c r="AS2913" s="128"/>
      <c r="AT2913" s="128"/>
      <c r="AU2913" s="128"/>
      <c r="AV2913" s="128"/>
      <c r="AW2913" s="128"/>
      <c r="AX2913" s="128"/>
      <c r="AY2913" s="128"/>
      <c r="AZ2913" s="128"/>
      <c r="BA2913" s="128"/>
      <c r="BB2913" s="107">
        <v>45884</v>
      </c>
    </row>
    <row r="2914" spans="1:54" s="8" customFormat="1" ht="13.95" customHeight="1" x14ac:dyDescent="0.25">
      <c r="A2914" s="219" t="s">
        <v>6696</v>
      </c>
      <c r="B2914" s="220" t="s">
        <v>6395</v>
      </c>
      <c r="C2914" s="98" t="s">
        <v>6697</v>
      </c>
      <c r="D2914" s="98" t="s">
        <v>20658</v>
      </c>
      <c r="E2914" s="141">
        <v>1996</v>
      </c>
      <c r="F2914" s="141">
        <v>346</v>
      </c>
      <c r="G2914" s="98" t="s">
        <v>1</v>
      </c>
      <c r="H2914" s="98">
        <v>0</v>
      </c>
      <c r="I2914" s="98">
        <v>0</v>
      </c>
      <c r="J2914" s="98" t="s">
        <v>400</v>
      </c>
      <c r="K2914" s="98" t="s">
        <v>400</v>
      </c>
      <c r="L2914" s="98" t="s">
        <v>400</v>
      </c>
      <c r="M2914" s="98" t="s">
        <v>400</v>
      </c>
      <c r="N2914" s="98" t="s">
        <v>400</v>
      </c>
      <c r="O2914" s="98" t="s">
        <v>400</v>
      </c>
      <c r="P2914" s="98" t="s">
        <v>400</v>
      </c>
      <c r="Q2914" s="98" t="s">
        <v>400</v>
      </c>
      <c r="R2914" s="98" t="s">
        <v>400</v>
      </c>
      <c r="S2914" s="98" t="s">
        <v>400</v>
      </c>
      <c r="T2914" s="98" t="s">
        <v>400</v>
      </c>
      <c r="U2914" s="128"/>
      <c r="V2914" s="128"/>
      <c r="W2914" s="128"/>
      <c r="X2914" s="128"/>
      <c r="Y2914" s="128"/>
      <c r="Z2914" s="128"/>
      <c r="AA2914" s="128"/>
      <c r="AB2914" s="128"/>
      <c r="AC2914" s="128"/>
      <c r="AD2914" s="128"/>
      <c r="AE2914" s="128"/>
      <c r="AF2914" s="128"/>
      <c r="AG2914" s="128"/>
      <c r="AH2914" s="128"/>
      <c r="AI2914" s="128"/>
      <c r="AJ2914" s="128"/>
      <c r="AK2914" s="128"/>
      <c r="AL2914" s="128"/>
      <c r="AM2914" s="128"/>
      <c r="AN2914" s="128"/>
      <c r="AO2914" s="128"/>
      <c r="AP2914" s="128"/>
      <c r="AQ2914" s="128"/>
      <c r="AR2914" s="128"/>
      <c r="AS2914" s="128"/>
      <c r="AT2914" s="128"/>
      <c r="AU2914" s="128"/>
      <c r="AV2914" s="128"/>
      <c r="AW2914" s="128"/>
      <c r="AX2914" s="128"/>
      <c r="AY2914" s="128"/>
      <c r="AZ2914" s="128"/>
      <c r="BA2914" s="128"/>
      <c r="BB2914" s="107">
        <v>45884</v>
      </c>
    </row>
    <row r="2915" spans="1:54" s="8" customFormat="1" ht="13.95" customHeight="1" x14ac:dyDescent="0.25">
      <c r="A2915" s="219" t="s">
        <v>6698</v>
      </c>
      <c r="B2915" s="220" t="s">
        <v>6395</v>
      </c>
      <c r="C2915" s="98" t="s">
        <v>6699</v>
      </c>
      <c r="D2915" s="98" t="s">
        <v>20659</v>
      </c>
      <c r="E2915" s="141">
        <v>1980</v>
      </c>
      <c r="F2915" s="141">
        <v>346</v>
      </c>
      <c r="G2915" s="98" t="s">
        <v>1</v>
      </c>
      <c r="H2915" s="98">
        <v>0</v>
      </c>
      <c r="I2915" s="98">
        <v>0</v>
      </c>
      <c r="J2915" s="98" t="s">
        <v>400</v>
      </c>
      <c r="K2915" s="98" t="s">
        <v>400</v>
      </c>
      <c r="L2915" s="98" t="s">
        <v>400</v>
      </c>
      <c r="M2915" s="98" t="s">
        <v>400</v>
      </c>
      <c r="N2915" s="98" t="s">
        <v>400</v>
      </c>
      <c r="O2915" s="98" t="s">
        <v>400</v>
      </c>
      <c r="P2915" s="98" t="s">
        <v>400</v>
      </c>
      <c r="Q2915" s="98" t="s">
        <v>400</v>
      </c>
      <c r="R2915" s="98" t="s">
        <v>400</v>
      </c>
      <c r="S2915" s="98" t="s">
        <v>400</v>
      </c>
      <c r="T2915" s="98" t="s">
        <v>400</v>
      </c>
      <c r="U2915" s="128"/>
      <c r="V2915" s="128"/>
      <c r="W2915" s="128"/>
      <c r="X2915" s="128"/>
      <c r="Y2915" s="128"/>
      <c r="Z2915" s="128"/>
      <c r="AA2915" s="128"/>
      <c r="AB2915" s="128"/>
      <c r="AC2915" s="128"/>
      <c r="AD2915" s="128"/>
      <c r="AE2915" s="128"/>
      <c r="AF2915" s="128"/>
      <c r="AG2915" s="128"/>
      <c r="AH2915" s="128"/>
      <c r="AI2915" s="128"/>
      <c r="AJ2915" s="128"/>
      <c r="AK2915" s="128"/>
      <c r="AL2915" s="128"/>
      <c r="AM2915" s="128"/>
      <c r="AN2915" s="128"/>
      <c r="AO2915" s="128"/>
      <c r="AP2915" s="128"/>
      <c r="AQ2915" s="128"/>
      <c r="AR2915" s="128"/>
      <c r="AS2915" s="128"/>
      <c r="AT2915" s="128"/>
      <c r="AU2915" s="128"/>
      <c r="AV2915" s="128"/>
      <c r="AW2915" s="128"/>
      <c r="AX2915" s="128"/>
      <c r="AY2915" s="128"/>
      <c r="AZ2915" s="128"/>
      <c r="BA2915" s="128"/>
      <c r="BB2915" s="107">
        <v>45884</v>
      </c>
    </row>
    <row r="2916" spans="1:54" s="8" customFormat="1" ht="13.95" customHeight="1" x14ac:dyDescent="0.25">
      <c r="A2916" s="219" t="s">
        <v>6700</v>
      </c>
      <c r="B2916" s="220" t="s">
        <v>6395</v>
      </c>
      <c r="C2916" s="98" t="s">
        <v>6701</v>
      </c>
      <c r="D2916" s="98" t="s">
        <v>20660</v>
      </c>
      <c r="E2916" s="141">
        <v>1986</v>
      </c>
      <c r="F2916" s="141">
        <v>353</v>
      </c>
      <c r="G2916" s="98" t="s">
        <v>1</v>
      </c>
      <c r="H2916" s="98">
        <v>0</v>
      </c>
      <c r="I2916" s="98">
        <v>0</v>
      </c>
      <c r="J2916" s="98" t="s">
        <v>400</v>
      </c>
      <c r="K2916" s="98" t="s">
        <v>400</v>
      </c>
      <c r="L2916" s="98" t="s">
        <v>400</v>
      </c>
      <c r="M2916" s="98" t="s">
        <v>400</v>
      </c>
      <c r="N2916" s="98" t="s">
        <v>400</v>
      </c>
      <c r="O2916" s="98" t="s">
        <v>400</v>
      </c>
      <c r="P2916" s="98" t="s">
        <v>400</v>
      </c>
      <c r="Q2916" s="98" t="s">
        <v>400</v>
      </c>
      <c r="R2916" s="98" t="s">
        <v>400</v>
      </c>
      <c r="S2916" s="98" t="s">
        <v>400</v>
      </c>
      <c r="T2916" s="98" t="s">
        <v>400</v>
      </c>
      <c r="U2916" s="128"/>
      <c r="V2916" s="128"/>
      <c r="W2916" s="128"/>
      <c r="X2916" s="128"/>
      <c r="Y2916" s="128"/>
      <c r="Z2916" s="128"/>
      <c r="AA2916" s="128"/>
      <c r="AB2916" s="128"/>
      <c r="AC2916" s="128"/>
      <c r="AD2916" s="128"/>
      <c r="AE2916" s="128"/>
      <c r="AF2916" s="128"/>
      <c r="AG2916" s="128"/>
      <c r="AH2916" s="128"/>
      <c r="AI2916" s="128"/>
      <c r="AJ2916" s="128"/>
      <c r="AK2916" s="128"/>
      <c r="AL2916" s="128"/>
      <c r="AM2916" s="128"/>
      <c r="AN2916" s="128"/>
      <c r="AO2916" s="128"/>
      <c r="AP2916" s="128"/>
      <c r="AQ2916" s="128"/>
      <c r="AR2916" s="128"/>
      <c r="AS2916" s="128"/>
      <c r="AT2916" s="128"/>
      <c r="AU2916" s="128"/>
      <c r="AV2916" s="128"/>
      <c r="AW2916" s="128"/>
      <c r="AX2916" s="128"/>
      <c r="AY2916" s="128"/>
      <c r="AZ2916" s="128"/>
      <c r="BA2916" s="128"/>
      <c r="BB2916" s="107">
        <v>45884</v>
      </c>
    </row>
    <row r="2917" spans="1:54" s="8" customFormat="1" ht="13.95" customHeight="1" x14ac:dyDescent="0.25">
      <c r="A2917" s="219" t="s">
        <v>6702</v>
      </c>
      <c r="B2917" s="220" t="s">
        <v>6395</v>
      </c>
      <c r="C2917" s="98" t="s">
        <v>6703</v>
      </c>
      <c r="D2917" s="98" t="s">
        <v>21761</v>
      </c>
      <c r="E2917" s="141">
        <v>1979</v>
      </c>
      <c r="F2917" s="141">
        <v>354</v>
      </c>
      <c r="G2917" s="98" t="s">
        <v>1</v>
      </c>
      <c r="H2917" s="98">
        <v>0</v>
      </c>
      <c r="I2917" s="98">
        <v>0</v>
      </c>
      <c r="J2917" s="98" t="s">
        <v>400</v>
      </c>
      <c r="K2917" s="98" t="s">
        <v>400</v>
      </c>
      <c r="L2917" s="98" t="s">
        <v>400</v>
      </c>
      <c r="M2917" s="98" t="s">
        <v>400</v>
      </c>
      <c r="N2917" s="98" t="s">
        <v>400</v>
      </c>
      <c r="O2917" s="98" t="s">
        <v>400</v>
      </c>
      <c r="P2917" s="98" t="s">
        <v>400</v>
      </c>
      <c r="Q2917" s="98" t="s">
        <v>400</v>
      </c>
      <c r="R2917" s="98" t="s">
        <v>400</v>
      </c>
      <c r="S2917" s="98" t="s">
        <v>400</v>
      </c>
      <c r="T2917" s="98" t="s">
        <v>400</v>
      </c>
      <c r="U2917" s="128"/>
      <c r="V2917" s="128"/>
      <c r="W2917" s="128"/>
      <c r="X2917" s="128"/>
      <c r="Y2917" s="128"/>
      <c r="Z2917" s="128"/>
      <c r="AA2917" s="128"/>
      <c r="AB2917" s="128"/>
      <c r="AC2917" s="128"/>
      <c r="AD2917" s="128"/>
      <c r="AE2917" s="128"/>
      <c r="AF2917" s="128"/>
      <c r="AG2917" s="128"/>
      <c r="AH2917" s="128"/>
      <c r="AI2917" s="128"/>
      <c r="AJ2917" s="128"/>
      <c r="AK2917" s="128"/>
      <c r="AL2917" s="128"/>
      <c r="AM2917" s="128"/>
      <c r="AN2917" s="128"/>
      <c r="AO2917" s="128"/>
      <c r="AP2917" s="128"/>
      <c r="AQ2917" s="128"/>
      <c r="AR2917" s="128"/>
      <c r="AS2917" s="128"/>
      <c r="AT2917" s="128"/>
      <c r="AU2917" s="128"/>
      <c r="AV2917" s="128"/>
      <c r="AW2917" s="128"/>
      <c r="AX2917" s="128"/>
      <c r="AY2917" s="128"/>
      <c r="AZ2917" s="128"/>
      <c r="BA2917" s="128"/>
      <c r="BB2917" s="107">
        <v>45884</v>
      </c>
    </row>
    <row r="2918" spans="1:54" s="8" customFormat="1" ht="13.95" customHeight="1" x14ac:dyDescent="0.25">
      <c r="A2918" s="219" t="s">
        <v>6704</v>
      </c>
      <c r="B2918" s="220" t="s">
        <v>6395</v>
      </c>
      <c r="C2918" s="98" t="s">
        <v>6705</v>
      </c>
      <c r="D2918" s="98" t="s">
        <v>21762</v>
      </c>
      <c r="E2918" s="141">
        <v>2007</v>
      </c>
      <c r="F2918" s="141">
        <v>355</v>
      </c>
      <c r="G2918" s="98" t="s">
        <v>1</v>
      </c>
      <c r="H2918" s="98">
        <v>0</v>
      </c>
      <c r="I2918" s="98">
        <v>0</v>
      </c>
      <c r="J2918" s="98" t="s">
        <v>400</v>
      </c>
      <c r="K2918" s="98" t="s">
        <v>400</v>
      </c>
      <c r="L2918" s="98" t="s">
        <v>400</v>
      </c>
      <c r="M2918" s="98" t="s">
        <v>400</v>
      </c>
      <c r="N2918" s="98" t="s">
        <v>400</v>
      </c>
      <c r="O2918" s="98" t="s">
        <v>400</v>
      </c>
      <c r="P2918" s="98" t="s">
        <v>400</v>
      </c>
      <c r="Q2918" s="98" t="s">
        <v>400</v>
      </c>
      <c r="R2918" s="98" t="s">
        <v>400</v>
      </c>
      <c r="S2918" s="98" t="s">
        <v>400</v>
      </c>
      <c r="T2918" s="98" t="s">
        <v>400</v>
      </c>
      <c r="U2918" s="128"/>
      <c r="V2918" s="128"/>
      <c r="W2918" s="128"/>
      <c r="X2918" s="128"/>
      <c r="Y2918" s="128"/>
      <c r="Z2918" s="128"/>
      <c r="AA2918" s="128"/>
      <c r="AB2918" s="128"/>
      <c r="AC2918" s="128"/>
      <c r="AD2918" s="128"/>
      <c r="AE2918" s="128"/>
      <c r="AF2918" s="128"/>
      <c r="AG2918" s="128"/>
      <c r="AH2918" s="128"/>
      <c r="AI2918" s="128"/>
      <c r="AJ2918" s="128"/>
      <c r="AK2918" s="128"/>
      <c r="AL2918" s="128"/>
      <c r="AM2918" s="128"/>
      <c r="AN2918" s="128"/>
      <c r="AO2918" s="128"/>
      <c r="AP2918" s="128"/>
      <c r="AQ2918" s="128"/>
      <c r="AR2918" s="128"/>
      <c r="AS2918" s="128"/>
      <c r="AT2918" s="128"/>
      <c r="AU2918" s="128"/>
      <c r="AV2918" s="128"/>
      <c r="AW2918" s="128"/>
      <c r="AX2918" s="128"/>
      <c r="AY2918" s="128"/>
      <c r="AZ2918" s="128"/>
      <c r="BA2918" s="128"/>
      <c r="BB2918" s="107">
        <v>45884</v>
      </c>
    </row>
    <row r="2919" spans="1:54" s="8" customFormat="1" ht="13.95" customHeight="1" x14ac:dyDescent="0.25">
      <c r="A2919" s="219" t="s">
        <v>6706</v>
      </c>
      <c r="B2919" s="220" t="s">
        <v>6395</v>
      </c>
      <c r="C2919" s="98" t="s">
        <v>6707</v>
      </c>
      <c r="D2919" s="98" t="s">
        <v>21763</v>
      </c>
      <c r="E2919" s="141">
        <v>1985</v>
      </c>
      <c r="F2919" s="141">
        <v>357</v>
      </c>
      <c r="G2919" s="98" t="s">
        <v>1</v>
      </c>
      <c r="H2919" s="98">
        <v>0</v>
      </c>
      <c r="I2919" s="98">
        <v>0</v>
      </c>
      <c r="J2919" s="98" t="s">
        <v>400</v>
      </c>
      <c r="K2919" s="98" t="s">
        <v>400</v>
      </c>
      <c r="L2919" s="98" t="s">
        <v>400</v>
      </c>
      <c r="M2919" s="98" t="s">
        <v>400</v>
      </c>
      <c r="N2919" s="98" t="s">
        <v>400</v>
      </c>
      <c r="O2919" s="98" t="s">
        <v>400</v>
      </c>
      <c r="P2919" s="98" t="s">
        <v>400</v>
      </c>
      <c r="Q2919" s="98" t="s">
        <v>400</v>
      </c>
      <c r="R2919" s="98" t="s">
        <v>400</v>
      </c>
      <c r="S2919" s="98" t="s">
        <v>400</v>
      </c>
      <c r="T2919" s="98" t="s">
        <v>400</v>
      </c>
      <c r="U2919" s="128"/>
      <c r="V2919" s="128"/>
      <c r="W2919" s="128"/>
      <c r="X2919" s="128"/>
      <c r="Y2919" s="128"/>
      <c r="Z2919" s="128"/>
      <c r="AA2919" s="128"/>
      <c r="AB2919" s="128"/>
      <c r="AC2919" s="128"/>
      <c r="AD2919" s="128"/>
      <c r="AE2919" s="128"/>
      <c r="AF2919" s="128"/>
      <c r="AG2919" s="128"/>
      <c r="AH2919" s="128"/>
      <c r="AI2919" s="128"/>
      <c r="AJ2919" s="128"/>
      <c r="AK2919" s="128"/>
      <c r="AL2919" s="128"/>
      <c r="AM2919" s="128"/>
      <c r="AN2919" s="128"/>
      <c r="AO2919" s="128"/>
      <c r="AP2919" s="128"/>
      <c r="AQ2919" s="128"/>
      <c r="AR2919" s="128"/>
      <c r="AS2919" s="128"/>
      <c r="AT2919" s="128"/>
      <c r="AU2919" s="128"/>
      <c r="AV2919" s="128"/>
      <c r="AW2919" s="128"/>
      <c r="AX2919" s="128"/>
      <c r="AY2919" s="128"/>
      <c r="AZ2919" s="128"/>
      <c r="BA2919" s="128"/>
      <c r="BB2919" s="107">
        <v>45884</v>
      </c>
    </row>
    <row r="2920" spans="1:54" s="8" customFormat="1" ht="13.95" customHeight="1" x14ac:dyDescent="0.25">
      <c r="A2920" s="219" t="s">
        <v>6708</v>
      </c>
      <c r="B2920" s="220" t="s">
        <v>6395</v>
      </c>
      <c r="C2920" s="98" t="s">
        <v>6709</v>
      </c>
      <c r="D2920" s="98" t="s">
        <v>21764</v>
      </c>
      <c r="E2920" s="141">
        <v>1979</v>
      </c>
      <c r="F2920" s="141">
        <v>358</v>
      </c>
      <c r="G2920" s="98" t="s">
        <v>1</v>
      </c>
      <c r="H2920" s="98">
        <v>0</v>
      </c>
      <c r="I2920" s="98">
        <v>0</v>
      </c>
      <c r="J2920" s="98" t="s">
        <v>400</v>
      </c>
      <c r="K2920" s="98" t="s">
        <v>400</v>
      </c>
      <c r="L2920" s="98" t="s">
        <v>400</v>
      </c>
      <c r="M2920" s="98" t="s">
        <v>400</v>
      </c>
      <c r="N2920" s="98" t="s">
        <v>400</v>
      </c>
      <c r="O2920" s="98" t="s">
        <v>400</v>
      </c>
      <c r="P2920" s="98" t="s">
        <v>400</v>
      </c>
      <c r="Q2920" s="98" t="s">
        <v>400</v>
      </c>
      <c r="R2920" s="98" t="s">
        <v>400</v>
      </c>
      <c r="S2920" s="98" t="s">
        <v>400</v>
      </c>
      <c r="T2920" s="98" t="s">
        <v>400</v>
      </c>
      <c r="U2920" s="128"/>
      <c r="V2920" s="128"/>
      <c r="W2920" s="128"/>
      <c r="X2920" s="128"/>
      <c r="Y2920" s="128"/>
      <c r="Z2920" s="128"/>
      <c r="AA2920" s="128"/>
      <c r="AB2920" s="128"/>
      <c r="AC2920" s="128"/>
      <c r="AD2920" s="128"/>
      <c r="AE2920" s="128"/>
      <c r="AF2920" s="128"/>
      <c r="AG2920" s="128"/>
      <c r="AH2920" s="128"/>
      <c r="AI2920" s="128"/>
      <c r="AJ2920" s="128"/>
      <c r="AK2920" s="128"/>
      <c r="AL2920" s="128"/>
      <c r="AM2920" s="128"/>
      <c r="AN2920" s="128"/>
      <c r="AO2920" s="128"/>
      <c r="AP2920" s="128"/>
      <c r="AQ2920" s="128"/>
      <c r="AR2920" s="128"/>
      <c r="AS2920" s="128"/>
      <c r="AT2920" s="128"/>
      <c r="AU2920" s="128"/>
      <c r="AV2920" s="128"/>
      <c r="AW2920" s="128"/>
      <c r="AX2920" s="128"/>
      <c r="AY2920" s="128"/>
      <c r="AZ2920" s="128"/>
      <c r="BA2920" s="128"/>
      <c r="BB2920" s="107">
        <v>45884</v>
      </c>
    </row>
    <row r="2921" spans="1:54" s="8" customFormat="1" ht="13.95" customHeight="1" x14ac:dyDescent="0.25">
      <c r="A2921" s="219" t="s">
        <v>6710</v>
      </c>
      <c r="B2921" s="220" t="s">
        <v>6395</v>
      </c>
      <c r="C2921" s="98" t="s">
        <v>6711</v>
      </c>
      <c r="D2921" s="98" t="s">
        <v>21765</v>
      </c>
      <c r="E2921" s="141">
        <v>1977</v>
      </c>
      <c r="F2921" s="141">
        <v>366</v>
      </c>
      <c r="G2921" s="98" t="s">
        <v>1</v>
      </c>
      <c r="H2921" s="98">
        <v>0</v>
      </c>
      <c r="I2921" s="98">
        <v>0</v>
      </c>
      <c r="J2921" s="98" t="s">
        <v>400</v>
      </c>
      <c r="K2921" s="98" t="s">
        <v>400</v>
      </c>
      <c r="L2921" s="98" t="s">
        <v>400</v>
      </c>
      <c r="M2921" s="98" t="s">
        <v>400</v>
      </c>
      <c r="N2921" s="98" t="s">
        <v>400</v>
      </c>
      <c r="O2921" s="98" t="s">
        <v>400</v>
      </c>
      <c r="P2921" s="98" t="s">
        <v>400</v>
      </c>
      <c r="Q2921" s="98" t="s">
        <v>400</v>
      </c>
      <c r="R2921" s="98" t="s">
        <v>400</v>
      </c>
      <c r="S2921" s="98" t="s">
        <v>400</v>
      </c>
      <c r="T2921" s="98" t="s">
        <v>400</v>
      </c>
      <c r="U2921" s="128"/>
      <c r="V2921" s="128"/>
      <c r="W2921" s="128"/>
      <c r="X2921" s="128"/>
      <c r="Y2921" s="128"/>
      <c r="Z2921" s="128"/>
      <c r="AA2921" s="128"/>
      <c r="AB2921" s="128"/>
      <c r="AC2921" s="128"/>
      <c r="AD2921" s="128"/>
      <c r="AE2921" s="128"/>
      <c r="AF2921" s="128"/>
      <c r="AG2921" s="128"/>
      <c r="AH2921" s="128"/>
      <c r="AI2921" s="128"/>
      <c r="AJ2921" s="128"/>
      <c r="AK2921" s="128"/>
      <c r="AL2921" s="128"/>
      <c r="AM2921" s="128"/>
      <c r="AN2921" s="128"/>
      <c r="AO2921" s="128"/>
      <c r="AP2921" s="128"/>
      <c r="AQ2921" s="128"/>
      <c r="AR2921" s="128"/>
      <c r="AS2921" s="128"/>
      <c r="AT2921" s="128"/>
      <c r="AU2921" s="128"/>
      <c r="AV2921" s="128"/>
      <c r="AW2921" s="128"/>
      <c r="AX2921" s="128"/>
      <c r="AY2921" s="128"/>
      <c r="AZ2921" s="128"/>
      <c r="BA2921" s="128"/>
      <c r="BB2921" s="107">
        <v>45884</v>
      </c>
    </row>
    <row r="2922" spans="1:54" s="8" customFormat="1" ht="13.95" customHeight="1" x14ac:dyDescent="0.25">
      <c r="A2922" s="219" t="s">
        <v>6712</v>
      </c>
      <c r="B2922" s="220" t="s">
        <v>6395</v>
      </c>
      <c r="C2922" s="98" t="s">
        <v>6713</v>
      </c>
      <c r="D2922" s="98" t="s">
        <v>20661</v>
      </c>
      <c r="E2922" s="141">
        <v>1999</v>
      </c>
      <c r="F2922" s="141">
        <v>367</v>
      </c>
      <c r="G2922" s="98" t="s">
        <v>1</v>
      </c>
      <c r="H2922" s="98">
        <v>0</v>
      </c>
      <c r="I2922" s="98">
        <v>0</v>
      </c>
      <c r="J2922" s="98" t="s">
        <v>400</v>
      </c>
      <c r="K2922" s="98" t="s">
        <v>400</v>
      </c>
      <c r="L2922" s="98" t="s">
        <v>400</v>
      </c>
      <c r="M2922" s="98" t="s">
        <v>400</v>
      </c>
      <c r="N2922" s="98" t="s">
        <v>400</v>
      </c>
      <c r="O2922" s="98" t="s">
        <v>400</v>
      </c>
      <c r="P2922" s="98" t="s">
        <v>400</v>
      </c>
      <c r="Q2922" s="98" t="s">
        <v>400</v>
      </c>
      <c r="R2922" s="98" t="s">
        <v>400</v>
      </c>
      <c r="S2922" s="98" t="s">
        <v>400</v>
      </c>
      <c r="T2922" s="98" t="s">
        <v>400</v>
      </c>
      <c r="U2922" s="128"/>
      <c r="V2922" s="128"/>
      <c r="W2922" s="128"/>
      <c r="X2922" s="128"/>
      <c r="Y2922" s="128"/>
      <c r="Z2922" s="128"/>
      <c r="AA2922" s="128"/>
      <c r="AB2922" s="128"/>
      <c r="AC2922" s="128"/>
      <c r="AD2922" s="128"/>
      <c r="AE2922" s="128"/>
      <c r="AF2922" s="128"/>
      <c r="AG2922" s="128"/>
      <c r="AH2922" s="128"/>
      <c r="AI2922" s="128"/>
      <c r="AJ2922" s="128"/>
      <c r="AK2922" s="128"/>
      <c r="AL2922" s="128"/>
      <c r="AM2922" s="128"/>
      <c r="AN2922" s="128"/>
      <c r="AO2922" s="128"/>
      <c r="AP2922" s="128"/>
      <c r="AQ2922" s="128"/>
      <c r="AR2922" s="128"/>
      <c r="AS2922" s="128"/>
      <c r="AT2922" s="128"/>
      <c r="AU2922" s="128"/>
      <c r="AV2922" s="128"/>
      <c r="AW2922" s="128"/>
      <c r="AX2922" s="128"/>
      <c r="AY2922" s="128"/>
      <c r="AZ2922" s="128"/>
      <c r="BA2922" s="128"/>
      <c r="BB2922" s="107">
        <v>45884</v>
      </c>
    </row>
    <row r="2923" spans="1:54" s="8" customFormat="1" ht="13.95" customHeight="1" x14ac:dyDescent="0.25">
      <c r="A2923" s="219" t="s">
        <v>6714</v>
      </c>
      <c r="B2923" s="220" t="s">
        <v>6395</v>
      </c>
      <c r="C2923" s="98" t="s">
        <v>6715</v>
      </c>
      <c r="D2923" s="98" t="s">
        <v>21766</v>
      </c>
      <c r="E2923" s="141">
        <v>1979</v>
      </c>
      <c r="F2923" s="141">
        <v>367</v>
      </c>
      <c r="G2923" s="98" t="s">
        <v>1</v>
      </c>
      <c r="H2923" s="98">
        <v>0</v>
      </c>
      <c r="I2923" s="98">
        <v>0</v>
      </c>
      <c r="J2923" s="98" t="s">
        <v>400</v>
      </c>
      <c r="K2923" s="98" t="s">
        <v>400</v>
      </c>
      <c r="L2923" s="98" t="s">
        <v>400</v>
      </c>
      <c r="M2923" s="98" t="s">
        <v>400</v>
      </c>
      <c r="N2923" s="98" t="s">
        <v>400</v>
      </c>
      <c r="O2923" s="98" t="s">
        <v>400</v>
      </c>
      <c r="P2923" s="98" t="s">
        <v>400</v>
      </c>
      <c r="Q2923" s="98" t="s">
        <v>400</v>
      </c>
      <c r="R2923" s="98" t="s">
        <v>400</v>
      </c>
      <c r="S2923" s="98" t="s">
        <v>400</v>
      </c>
      <c r="T2923" s="98" t="s">
        <v>400</v>
      </c>
      <c r="U2923" s="128"/>
      <c r="V2923" s="128"/>
      <c r="W2923" s="128"/>
      <c r="X2923" s="128"/>
      <c r="Y2923" s="128"/>
      <c r="Z2923" s="128"/>
      <c r="AA2923" s="128"/>
      <c r="AB2923" s="128"/>
      <c r="AC2923" s="128"/>
      <c r="AD2923" s="128"/>
      <c r="AE2923" s="128"/>
      <c r="AF2923" s="128"/>
      <c r="AG2923" s="128"/>
      <c r="AH2923" s="128"/>
      <c r="AI2923" s="128"/>
      <c r="AJ2923" s="128"/>
      <c r="AK2923" s="128"/>
      <c r="AL2923" s="128"/>
      <c r="AM2923" s="128"/>
      <c r="AN2923" s="128"/>
      <c r="AO2923" s="128"/>
      <c r="AP2923" s="128"/>
      <c r="AQ2923" s="128"/>
      <c r="AR2923" s="128"/>
      <c r="AS2923" s="128"/>
      <c r="AT2923" s="128"/>
      <c r="AU2923" s="128"/>
      <c r="AV2923" s="128"/>
      <c r="AW2923" s="128"/>
      <c r="AX2923" s="128"/>
      <c r="AY2923" s="128"/>
      <c r="AZ2923" s="128"/>
      <c r="BA2923" s="128"/>
      <c r="BB2923" s="107">
        <v>45884</v>
      </c>
    </row>
    <row r="2924" spans="1:54" s="8" customFormat="1" ht="13.95" customHeight="1" x14ac:dyDescent="0.25">
      <c r="A2924" s="219" t="s">
        <v>6716</v>
      </c>
      <c r="B2924" s="220" t="s">
        <v>6395</v>
      </c>
      <c r="C2924" s="98" t="s">
        <v>6717</v>
      </c>
      <c r="D2924" s="98" t="s">
        <v>20662</v>
      </c>
      <c r="E2924" s="141">
        <v>2001</v>
      </c>
      <c r="F2924" s="141">
        <v>368</v>
      </c>
      <c r="G2924" s="98" t="s">
        <v>1</v>
      </c>
      <c r="H2924" s="98">
        <v>0</v>
      </c>
      <c r="I2924" s="98">
        <v>0</v>
      </c>
      <c r="J2924" s="98" t="s">
        <v>400</v>
      </c>
      <c r="K2924" s="98" t="s">
        <v>400</v>
      </c>
      <c r="L2924" s="98" t="s">
        <v>400</v>
      </c>
      <c r="M2924" s="98" t="s">
        <v>400</v>
      </c>
      <c r="N2924" s="98" t="s">
        <v>400</v>
      </c>
      <c r="O2924" s="98" t="s">
        <v>400</v>
      </c>
      <c r="P2924" s="98" t="s">
        <v>400</v>
      </c>
      <c r="Q2924" s="98" t="s">
        <v>400</v>
      </c>
      <c r="R2924" s="98" t="s">
        <v>400</v>
      </c>
      <c r="S2924" s="98" t="s">
        <v>400</v>
      </c>
      <c r="T2924" s="98" t="s">
        <v>400</v>
      </c>
      <c r="U2924" s="128"/>
      <c r="V2924" s="128"/>
      <c r="W2924" s="128"/>
      <c r="X2924" s="128"/>
      <c r="Y2924" s="128"/>
      <c r="Z2924" s="128"/>
      <c r="AA2924" s="128"/>
      <c r="AB2924" s="128"/>
      <c r="AC2924" s="128"/>
      <c r="AD2924" s="128"/>
      <c r="AE2924" s="128"/>
      <c r="AF2924" s="128"/>
      <c r="AG2924" s="128"/>
      <c r="AH2924" s="128"/>
      <c r="AI2924" s="128"/>
      <c r="AJ2924" s="128"/>
      <c r="AK2924" s="128"/>
      <c r="AL2924" s="128"/>
      <c r="AM2924" s="128"/>
      <c r="AN2924" s="128"/>
      <c r="AO2924" s="128"/>
      <c r="AP2924" s="128"/>
      <c r="AQ2924" s="128"/>
      <c r="AR2924" s="128"/>
      <c r="AS2924" s="128"/>
      <c r="AT2924" s="128"/>
      <c r="AU2924" s="128"/>
      <c r="AV2924" s="128"/>
      <c r="AW2924" s="128"/>
      <c r="AX2924" s="128"/>
      <c r="AY2924" s="128"/>
      <c r="AZ2924" s="128"/>
      <c r="BA2924" s="128"/>
      <c r="BB2924" s="107">
        <v>45884</v>
      </c>
    </row>
    <row r="2925" spans="1:54" s="8" customFormat="1" ht="13.95" customHeight="1" x14ac:dyDescent="0.25">
      <c r="A2925" s="219" t="s">
        <v>6718</v>
      </c>
      <c r="B2925" s="220" t="s">
        <v>6395</v>
      </c>
      <c r="C2925" s="98" t="s">
        <v>6719</v>
      </c>
      <c r="D2925" s="98" t="s">
        <v>21767</v>
      </c>
      <c r="E2925" s="141">
        <v>2002</v>
      </c>
      <c r="F2925" s="141">
        <v>370</v>
      </c>
      <c r="G2925" s="98" t="s">
        <v>1</v>
      </c>
      <c r="H2925" s="98">
        <v>0</v>
      </c>
      <c r="I2925" s="98">
        <v>0</v>
      </c>
      <c r="J2925" s="98" t="s">
        <v>400</v>
      </c>
      <c r="K2925" s="98" t="s">
        <v>400</v>
      </c>
      <c r="L2925" s="98" t="s">
        <v>400</v>
      </c>
      <c r="M2925" s="98" t="s">
        <v>400</v>
      </c>
      <c r="N2925" s="98" t="s">
        <v>400</v>
      </c>
      <c r="O2925" s="98" t="s">
        <v>400</v>
      </c>
      <c r="P2925" s="98" t="s">
        <v>400</v>
      </c>
      <c r="Q2925" s="98" t="s">
        <v>400</v>
      </c>
      <c r="R2925" s="98" t="s">
        <v>400</v>
      </c>
      <c r="S2925" s="98" t="s">
        <v>400</v>
      </c>
      <c r="T2925" s="98" t="s">
        <v>400</v>
      </c>
      <c r="U2925" s="128"/>
      <c r="V2925" s="128"/>
      <c r="W2925" s="128"/>
      <c r="X2925" s="128"/>
      <c r="Y2925" s="128"/>
      <c r="Z2925" s="128"/>
      <c r="AA2925" s="128"/>
      <c r="AB2925" s="128"/>
      <c r="AC2925" s="128"/>
      <c r="AD2925" s="128"/>
      <c r="AE2925" s="128"/>
      <c r="AF2925" s="128"/>
      <c r="AG2925" s="128"/>
      <c r="AH2925" s="128"/>
      <c r="AI2925" s="128"/>
      <c r="AJ2925" s="128"/>
      <c r="AK2925" s="128"/>
      <c r="AL2925" s="128"/>
      <c r="AM2925" s="128"/>
      <c r="AN2925" s="128"/>
      <c r="AO2925" s="128"/>
      <c r="AP2925" s="128"/>
      <c r="AQ2925" s="128"/>
      <c r="AR2925" s="128"/>
      <c r="AS2925" s="128"/>
      <c r="AT2925" s="128"/>
      <c r="AU2925" s="128"/>
      <c r="AV2925" s="128"/>
      <c r="AW2925" s="128"/>
      <c r="AX2925" s="128"/>
      <c r="AY2925" s="128"/>
      <c r="AZ2925" s="128"/>
      <c r="BA2925" s="128"/>
      <c r="BB2925" s="107">
        <v>45884</v>
      </c>
    </row>
    <row r="2926" spans="1:54" s="8" customFormat="1" ht="13.95" customHeight="1" x14ac:dyDescent="0.25">
      <c r="A2926" s="219" t="s">
        <v>6720</v>
      </c>
      <c r="B2926" s="220" t="s">
        <v>6395</v>
      </c>
      <c r="C2926" s="98" t="s">
        <v>6721</v>
      </c>
      <c r="D2926" s="98" t="s">
        <v>20663</v>
      </c>
      <c r="E2926" s="141">
        <v>1997</v>
      </c>
      <c r="F2926" s="141">
        <v>372</v>
      </c>
      <c r="G2926" s="98" t="s">
        <v>1</v>
      </c>
      <c r="H2926" s="98">
        <v>0</v>
      </c>
      <c r="I2926" s="98">
        <v>0</v>
      </c>
      <c r="J2926" s="98" t="s">
        <v>400</v>
      </c>
      <c r="K2926" s="98" t="s">
        <v>400</v>
      </c>
      <c r="L2926" s="98" t="s">
        <v>400</v>
      </c>
      <c r="M2926" s="98" t="s">
        <v>400</v>
      </c>
      <c r="N2926" s="98" t="s">
        <v>400</v>
      </c>
      <c r="O2926" s="98" t="s">
        <v>400</v>
      </c>
      <c r="P2926" s="98" t="s">
        <v>400</v>
      </c>
      <c r="Q2926" s="98" t="s">
        <v>400</v>
      </c>
      <c r="R2926" s="98" t="s">
        <v>400</v>
      </c>
      <c r="S2926" s="98" t="s">
        <v>400</v>
      </c>
      <c r="T2926" s="98" t="s">
        <v>400</v>
      </c>
      <c r="U2926" s="128"/>
      <c r="V2926" s="128"/>
      <c r="W2926" s="128"/>
      <c r="X2926" s="128"/>
      <c r="Y2926" s="128"/>
      <c r="Z2926" s="128"/>
      <c r="AA2926" s="128"/>
      <c r="AB2926" s="128"/>
      <c r="AC2926" s="128"/>
      <c r="AD2926" s="128"/>
      <c r="AE2926" s="128"/>
      <c r="AF2926" s="128"/>
      <c r="AG2926" s="128"/>
      <c r="AH2926" s="128"/>
      <c r="AI2926" s="128"/>
      <c r="AJ2926" s="128"/>
      <c r="AK2926" s="128"/>
      <c r="AL2926" s="128"/>
      <c r="AM2926" s="128"/>
      <c r="AN2926" s="128"/>
      <c r="AO2926" s="128"/>
      <c r="AP2926" s="128"/>
      <c r="AQ2926" s="128"/>
      <c r="AR2926" s="128"/>
      <c r="AS2926" s="128"/>
      <c r="AT2926" s="128"/>
      <c r="AU2926" s="128"/>
      <c r="AV2926" s="128"/>
      <c r="AW2926" s="128"/>
      <c r="AX2926" s="128"/>
      <c r="AY2926" s="128"/>
      <c r="AZ2926" s="128"/>
      <c r="BA2926" s="128"/>
      <c r="BB2926" s="107">
        <v>45884</v>
      </c>
    </row>
    <row r="2927" spans="1:54" s="8" customFormat="1" ht="13.95" customHeight="1" x14ac:dyDescent="0.25">
      <c r="A2927" s="219" t="s">
        <v>6722</v>
      </c>
      <c r="B2927" s="220" t="s">
        <v>6395</v>
      </c>
      <c r="C2927" s="98" t="s">
        <v>6723</v>
      </c>
      <c r="D2927" s="98" t="s">
        <v>20664</v>
      </c>
      <c r="E2927" s="141">
        <v>2008</v>
      </c>
      <c r="F2927" s="141">
        <v>375</v>
      </c>
      <c r="G2927" s="98" t="s">
        <v>1</v>
      </c>
      <c r="H2927" s="98">
        <v>0</v>
      </c>
      <c r="I2927" s="98">
        <v>0</v>
      </c>
      <c r="J2927" s="98" t="s">
        <v>400</v>
      </c>
      <c r="K2927" s="98" t="s">
        <v>400</v>
      </c>
      <c r="L2927" s="98" t="s">
        <v>400</v>
      </c>
      <c r="M2927" s="98" t="s">
        <v>400</v>
      </c>
      <c r="N2927" s="98" t="s">
        <v>400</v>
      </c>
      <c r="O2927" s="98" t="s">
        <v>400</v>
      </c>
      <c r="P2927" s="98" t="s">
        <v>400</v>
      </c>
      <c r="Q2927" s="98" t="s">
        <v>400</v>
      </c>
      <c r="R2927" s="98" t="s">
        <v>400</v>
      </c>
      <c r="S2927" s="98" t="s">
        <v>400</v>
      </c>
      <c r="T2927" s="98" t="s">
        <v>400</v>
      </c>
      <c r="U2927" s="128"/>
      <c r="V2927" s="128"/>
      <c r="W2927" s="128"/>
      <c r="X2927" s="128"/>
      <c r="Y2927" s="128"/>
      <c r="Z2927" s="128"/>
      <c r="AA2927" s="128"/>
      <c r="AB2927" s="128"/>
      <c r="AC2927" s="128"/>
      <c r="AD2927" s="128"/>
      <c r="AE2927" s="128"/>
      <c r="AF2927" s="128"/>
      <c r="AG2927" s="128"/>
      <c r="AH2927" s="128"/>
      <c r="AI2927" s="128"/>
      <c r="AJ2927" s="128"/>
      <c r="AK2927" s="128"/>
      <c r="AL2927" s="128"/>
      <c r="AM2927" s="128"/>
      <c r="AN2927" s="128"/>
      <c r="AO2927" s="128"/>
      <c r="AP2927" s="128"/>
      <c r="AQ2927" s="128"/>
      <c r="AR2927" s="128"/>
      <c r="AS2927" s="128"/>
      <c r="AT2927" s="128"/>
      <c r="AU2927" s="128"/>
      <c r="AV2927" s="128"/>
      <c r="AW2927" s="128"/>
      <c r="AX2927" s="128"/>
      <c r="AY2927" s="128"/>
      <c r="AZ2927" s="128"/>
      <c r="BA2927" s="128"/>
      <c r="BB2927" s="107">
        <v>45884</v>
      </c>
    </row>
    <row r="2928" spans="1:54" s="8" customFormat="1" ht="13.95" customHeight="1" x14ac:dyDescent="0.25">
      <c r="A2928" s="219" t="s">
        <v>6724</v>
      </c>
      <c r="B2928" s="220" t="s">
        <v>6395</v>
      </c>
      <c r="C2928" s="98" t="s">
        <v>6725</v>
      </c>
      <c r="D2928" s="98" t="s">
        <v>21768</v>
      </c>
      <c r="E2928" s="141">
        <v>1982</v>
      </c>
      <c r="F2928" s="141">
        <v>378</v>
      </c>
      <c r="G2928" s="98" t="s">
        <v>1</v>
      </c>
      <c r="H2928" s="98">
        <v>0</v>
      </c>
      <c r="I2928" s="98">
        <v>0</v>
      </c>
      <c r="J2928" s="98" t="s">
        <v>400</v>
      </c>
      <c r="K2928" s="98" t="s">
        <v>400</v>
      </c>
      <c r="L2928" s="98" t="s">
        <v>400</v>
      </c>
      <c r="M2928" s="98" t="s">
        <v>400</v>
      </c>
      <c r="N2928" s="98" t="s">
        <v>400</v>
      </c>
      <c r="O2928" s="98" t="s">
        <v>400</v>
      </c>
      <c r="P2928" s="98" t="s">
        <v>400</v>
      </c>
      <c r="Q2928" s="98" t="s">
        <v>400</v>
      </c>
      <c r="R2928" s="98" t="s">
        <v>400</v>
      </c>
      <c r="S2928" s="98" t="s">
        <v>400</v>
      </c>
      <c r="T2928" s="98" t="s">
        <v>400</v>
      </c>
      <c r="U2928" s="128"/>
      <c r="V2928" s="128"/>
      <c r="W2928" s="128"/>
      <c r="X2928" s="128"/>
      <c r="Y2928" s="128"/>
      <c r="Z2928" s="128"/>
      <c r="AA2928" s="128"/>
      <c r="AB2928" s="128"/>
      <c r="AC2928" s="128"/>
      <c r="AD2928" s="128"/>
      <c r="AE2928" s="128"/>
      <c r="AF2928" s="128"/>
      <c r="AG2928" s="128"/>
      <c r="AH2928" s="128"/>
      <c r="AI2928" s="128"/>
      <c r="AJ2928" s="128"/>
      <c r="AK2928" s="128"/>
      <c r="AL2928" s="128"/>
      <c r="AM2928" s="128"/>
      <c r="AN2928" s="128"/>
      <c r="AO2928" s="128"/>
      <c r="AP2928" s="128"/>
      <c r="AQ2928" s="128"/>
      <c r="AR2928" s="128"/>
      <c r="AS2928" s="128"/>
      <c r="AT2928" s="128"/>
      <c r="AU2928" s="128"/>
      <c r="AV2928" s="128"/>
      <c r="AW2928" s="128"/>
      <c r="AX2928" s="128"/>
      <c r="AY2928" s="128"/>
      <c r="AZ2928" s="128"/>
      <c r="BA2928" s="128"/>
      <c r="BB2928" s="107">
        <v>45884</v>
      </c>
    </row>
    <row r="2929" spans="1:54" s="8" customFormat="1" ht="13.95" customHeight="1" x14ac:dyDescent="0.25">
      <c r="A2929" s="219" t="s">
        <v>6726</v>
      </c>
      <c r="B2929" s="220" t="s">
        <v>6395</v>
      </c>
      <c r="C2929" s="98" t="s">
        <v>6727</v>
      </c>
      <c r="D2929" s="98" t="s">
        <v>20665</v>
      </c>
      <c r="E2929" s="141">
        <v>2002</v>
      </c>
      <c r="F2929" s="141">
        <v>386</v>
      </c>
      <c r="G2929" s="98" t="s">
        <v>1</v>
      </c>
      <c r="H2929" s="98">
        <v>0</v>
      </c>
      <c r="I2929" s="98">
        <v>0</v>
      </c>
      <c r="J2929" s="98" t="s">
        <v>400</v>
      </c>
      <c r="K2929" s="98" t="s">
        <v>400</v>
      </c>
      <c r="L2929" s="98" t="s">
        <v>400</v>
      </c>
      <c r="M2929" s="98" t="s">
        <v>400</v>
      </c>
      <c r="N2929" s="98" t="s">
        <v>400</v>
      </c>
      <c r="O2929" s="98" t="s">
        <v>400</v>
      </c>
      <c r="P2929" s="98" t="s">
        <v>400</v>
      </c>
      <c r="Q2929" s="98" t="s">
        <v>400</v>
      </c>
      <c r="R2929" s="98" t="s">
        <v>400</v>
      </c>
      <c r="S2929" s="98" t="s">
        <v>400</v>
      </c>
      <c r="T2929" s="98" t="s">
        <v>400</v>
      </c>
      <c r="U2929" s="128"/>
      <c r="V2929" s="128"/>
      <c r="W2929" s="128"/>
      <c r="X2929" s="128"/>
      <c r="Y2929" s="128"/>
      <c r="Z2929" s="128"/>
      <c r="AA2929" s="128"/>
      <c r="AB2929" s="128"/>
      <c r="AC2929" s="128"/>
      <c r="AD2929" s="128"/>
      <c r="AE2929" s="128"/>
      <c r="AF2929" s="128"/>
      <c r="AG2929" s="128"/>
      <c r="AH2929" s="128"/>
      <c r="AI2929" s="128"/>
      <c r="AJ2929" s="128"/>
      <c r="AK2929" s="128"/>
      <c r="AL2929" s="128"/>
      <c r="AM2929" s="128"/>
      <c r="AN2929" s="128"/>
      <c r="AO2929" s="128"/>
      <c r="AP2929" s="128"/>
      <c r="AQ2929" s="128"/>
      <c r="AR2929" s="128"/>
      <c r="AS2929" s="128"/>
      <c r="AT2929" s="128"/>
      <c r="AU2929" s="128"/>
      <c r="AV2929" s="128"/>
      <c r="AW2929" s="128"/>
      <c r="AX2929" s="128"/>
      <c r="AY2929" s="128"/>
      <c r="AZ2929" s="128"/>
      <c r="BA2929" s="128"/>
      <c r="BB2929" s="107">
        <v>45884</v>
      </c>
    </row>
    <row r="2930" spans="1:54" s="8" customFormat="1" ht="13.95" customHeight="1" x14ac:dyDescent="0.25">
      <c r="A2930" s="219" t="s">
        <v>6728</v>
      </c>
      <c r="B2930" s="220" t="s">
        <v>6395</v>
      </c>
      <c r="C2930" s="98" t="s">
        <v>6729</v>
      </c>
      <c r="D2930" s="98" t="s">
        <v>20666</v>
      </c>
      <c r="E2930" s="141">
        <v>2002</v>
      </c>
      <c r="F2930" s="141">
        <v>387</v>
      </c>
      <c r="G2930" s="98" t="s">
        <v>8</v>
      </c>
      <c r="H2930" s="98">
        <v>0</v>
      </c>
      <c r="I2930" s="98">
        <v>0</v>
      </c>
      <c r="J2930" s="98" t="s">
        <v>400</v>
      </c>
      <c r="K2930" s="98" t="s">
        <v>400</v>
      </c>
      <c r="L2930" s="98" t="s">
        <v>400</v>
      </c>
      <c r="M2930" s="98" t="s">
        <v>400</v>
      </c>
      <c r="N2930" s="98" t="s">
        <v>400</v>
      </c>
      <c r="O2930" s="98" t="s">
        <v>400</v>
      </c>
      <c r="P2930" s="98" t="s">
        <v>400</v>
      </c>
      <c r="Q2930" s="98" t="s">
        <v>400</v>
      </c>
      <c r="R2930" s="98" t="s">
        <v>400</v>
      </c>
      <c r="S2930" s="98" t="s">
        <v>400</v>
      </c>
      <c r="T2930" s="98" t="s">
        <v>400</v>
      </c>
      <c r="U2930" s="98">
        <v>0</v>
      </c>
      <c r="V2930" s="98">
        <v>0</v>
      </c>
      <c r="W2930" s="98" t="s">
        <v>400</v>
      </c>
      <c r="X2930" s="98">
        <v>0</v>
      </c>
      <c r="Y2930" s="98">
        <v>0</v>
      </c>
      <c r="Z2930" s="98">
        <v>0</v>
      </c>
      <c r="AA2930" s="98" t="s">
        <v>400</v>
      </c>
      <c r="AB2930" s="98">
        <v>0</v>
      </c>
      <c r="AC2930" s="98">
        <v>0</v>
      </c>
      <c r="AD2930" s="98">
        <v>0</v>
      </c>
      <c r="AE2930" s="98">
        <v>0</v>
      </c>
      <c r="AF2930" s="98">
        <v>0</v>
      </c>
      <c r="AG2930" s="98">
        <v>0</v>
      </c>
      <c r="AH2930" s="98">
        <v>0</v>
      </c>
      <c r="AI2930" s="98">
        <v>0</v>
      </c>
      <c r="AJ2930" s="98">
        <v>0</v>
      </c>
      <c r="AK2930" s="98">
        <v>0</v>
      </c>
      <c r="AL2930" s="98">
        <v>0</v>
      </c>
      <c r="AM2930" s="98">
        <v>0</v>
      </c>
      <c r="AN2930" s="98">
        <v>0</v>
      </c>
      <c r="AO2930" s="98">
        <v>0</v>
      </c>
      <c r="AP2930" s="98">
        <v>0</v>
      </c>
      <c r="AQ2930" s="98">
        <v>0</v>
      </c>
      <c r="AR2930" s="98">
        <v>0</v>
      </c>
      <c r="AS2930" s="98">
        <v>0</v>
      </c>
      <c r="AT2930" s="129">
        <v>0</v>
      </c>
      <c r="AU2930" s="98">
        <v>0</v>
      </c>
      <c r="AV2930" s="98">
        <v>0</v>
      </c>
      <c r="AW2930" s="98">
        <v>0</v>
      </c>
      <c r="AX2930" s="98"/>
      <c r="AY2930" s="98"/>
      <c r="AZ2930" s="98"/>
      <c r="BA2930" s="98"/>
      <c r="BB2930" s="107">
        <v>45884</v>
      </c>
    </row>
    <row r="2931" spans="1:54" s="8" customFormat="1" ht="13.95" customHeight="1" x14ac:dyDescent="0.25">
      <c r="A2931" s="219" t="s">
        <v>6730</v>
      </c>
      <c r="B2931" s="220" t="s">
        <v>6395</v>
      </c>
      <c r="C2931" s="98" t="s">
        <v>6731</v>
      </c>
      <c r="D2931" s="98" t="s">
        <v>21769</v>
      </c>
      <c r="E2931" s="141">
        <v>1988</v>
      </c>
      <c r="F2931" s="141">
        <v>389</v>
      </c>
      <c r="G2931" s="98" t="s">
        <v>1</v>
      </c>
      <c r="H2931" s="98">
        <v>0</v>
      </c>
      <c r="I2931" s="98">
        <v>0</v>
      </c>
      <c r="J2931" s="98" t="s">
        <v>400</v>
      </c>
      <c r="K2931" s="98" t="s">
        <v>400</v>
      </c>
      <c r="L2931" s="98" t="s">
        <v>400</v>
      </c>
      <c r="M2931" s="98" t="s">
        <v>400</v>
      </c>
      <c r="N2931" s="98" t="s">
        <v>400</v>
      </c>
      <c r="O2931" s="98" t="s">
        <v>400</v>
      </c>
      <c r="P2931" s="98" t="s">
        <v>400</v>
      </c>
      <c r="Q2931" s="98" t="s">
        <v>400</v>
      </c>
      <c r="R2931" s="98" t="s">
        <v>400</v>
      </c>
      <c r="S2931" s="98" t="s">
        <v>400</v>
      </c>
      <c r="T2931" s="98" t="s">
        <v>400</v>
      </c>
      <c r="U2931" s="128"/>
      <c r="V2931" s="128"/>
      <c r="W2931" s="128"/>
      <c r="X2931" s="128"/>
      <c r="Y2931" s="128"/>
      <c r="Z2931" s="128"/>
      <c r="AA2931" s="128"/>
      <c r="AB2931" s="128"/>
      <c r="AC2931" s="128"/>
      <c r="AD2931" s="128"/>
      <c r="AE2931" s="128"/>
      <c r="AF2931" s="128"/>
      <c r="AG2931" s="128"/>
      <c r="AH2931" s="128"/>
      <c r="AI2931" s="128"/>
      <c r="AJ2931" s="128"/>
      <c r="AK2931" s="128"/>
      <c r="AL2931" s="128"/>
      <c r="AM2931" s="128"/>
      <c r="AN2931" s="128"/>
      <c r="AO2931" s="128"/>
      <c r="AP2931" s="128"/>
      <c r="AQ2931" s="128"/>
      <c r="AR2931" s="128"/>
      <c r="AS2931" s="128"/>
      <c r="AT2931" s="128"/>
      <c r="AU2931" s="128"/>
      <c r="AV2931" s="128"/>
      <c r="AW2931" s="128"/>
      <c r="AX2931" s="128"/>
      <c r="AY2931" s="128"/>
      <c r="AZ2931" s="128"/>
      <c r="BA2931" s="128"/>
      <c r="BB2931" s="107">
        <v>45884</v>
      </c>
    </row>
    <row r="2932" spans="1:54" s="8" customFormat="1" ht="13.95" customHeight="1" x14ac:dyDescent="0.25">
      <c r="A2932" s="219" t="s">
        <v>6732</v>
      </c>
      <c r="B2932" s="220" t="s">
        <v>6395</v>
      </c>
      <c r="C2932" s="98" t="s">
        <v>6733</v>
      </c>
      <c r="D2932" s="98" t="s">
        <v>21770</v>
      </c>
      <c r="E2932" s="141">
        <v>1998</v>
      </c>
      <c r="F2932" s="141">
        <v>390</v>
      </c>
      <c r="G2932" s="98" t="s">
        <v>1</v>
      </c>
      <c r="H2932" s="98">
        <v>0</v>
      </c>
      <c r="I2932" s="98">
        <v>0</v>
      </c>
      <c r="J2932" s="98" t="s">
        <v>400</v>
      </c>
      <c r="K2932" s="98" t="s">
        <v>400</v>
      </c>
      <c r="L2932" s="98" t="s">
        <v>400</v>
      </c>
      <c r="M2932" s="98" t="s">
        <v>400</v>
      </c>
      <c r="N2932" s="98" t="s">
        <v>400</v>
      </c>
      <c r="O2932" s="98" t="s">
        <v>400</v>
      </c>
      <c r="P2932" s="98" t="s">
        <v>400</v>
      </c>
      <c r="Q2932" s="98" t="s">
        <v>400</v>
      </c>
      <c r="R2932" s="98" t="s">
        <v>400</v>
      </c>
      <c r="S2932" s="98" t="s">
        <v>400</v>
      </c>
      <c r="T2932" s="98" t="s">
        <v>400</v>
      </c>
      <c r="U2932" s="128"/>
      <c r="V2932" s="128"/>
      <c r="W2932" s="128"/>
      <c r="X2932" s="128"/>
      <c r="Y2932" s="128"/>
      <c r="Z2932" s="128"/>
      <c r="AA2932" s="128"/>
      <c r="AB2932" s="128"/>
      <c r="AC2932" s="128"/>
      <c r="AD2932" s="128"/>
      <c r="AE2932" s="128"/>
      <c r="AF2932" s="128"/>
      <c r="AG2932" s="128"/>
      <c r="AH2932" s="128"/>
      <c r="AI2932" s="128"/>
      <c r="AJ2932" s="128"/>
      <c r="AK2932" s="128"/>
      <c r="AL2932" s="128"/>
      <c r="AM2932" s="128"/>
      <c r="AN2932" s="128"/>
      <c r="AO2932" s="128"/>
      <c r="AP2932" s="128"/>
      <c r="AQ2932" s="128"/>
      <c r="AR2932" s="128"/>
      <c r="AS2932" s="128"/>
      <c r="AT2932" s="128"/>
      <c r="AU2932" s="128"/>
      <c r="AV2932" s="128"/>
      <c r="AW2932" s="128"/>
      <c r="AX2932" s="128"/>
      <c r="AY2932" s="128"/>
      <c r="AZ2932" s="128"/>
      <c r="BA2932" s="128"/>
      <c r="BB2932" s="107">
        <v>45884</v>
      </c>
    </row>
    <row r="2933" spans="1:54" s="8" customFormat="1" ht="13.95" customHeight="1" x14ac:dyDescent="0.25">
      <c r="A2933" s="219" t="s">
        <v>6734</v>
      </c>
      <c r="B2933" s="220" t="s">
        <v>6395</v>
      </c>
      <c r="C2933" s="98" t="s">
        <v>6735</v>
      </c>
      <c r="D2933" s="98" t="s">
        <v>21771</v>
      </c>
      <c r="E2933" s="141">
        <v>1991</v>
      </c>
      <c r="F2933" s="141">
        <v>391</v>
      </c>
      <c r="G2933" s="98" t="s">
        <v>1</v>
      </c>
      <c r="H2933" s="98">
        <v>0</v>
      </c>
      <c r="I2933" s="98">
        <v>0</v>
      </c>
      <c r="J2933" s="98" t="s">
        <v>400</v>
      </c>
      <c r="K2933" s="98" t="s">
        <v>400</v>
      </c>
      <c r="L2933" s="98" t="s">
        <v>400</v>
      </c>
      <c r="M2933" s="98" t="s">
        <v>400</v>
      </c>
      <c r="N2933" s="98" t="s">
        <v>400</v>
      </c>
      <c r="O2933" s="98" t="s">
        <v>400</v>
      </c>
      <c r="P2933" s="98" t="s">
        <v>400</v>
      </c>
      <c r="Q2933" s="98" t="s">
        <v>400</v>
      </c>
      <c r="R2933" s="98" t="s">
        <v>400</v>
      </c>
      <c r="S2933" s="98" t="s">
        <v>400</v>
      </c>
      <c r="T2933" s="98" t="s">
        <v>400</v>
      </c>
      <c r="U2933" s="128"/>
      <c r="V2933" s="128"/>
      <c r="W2933" s="128"/>
      <c r="X2933" s="128"/>
      <c r="Y2933" s="128"/>
      <c r="Z2933" s="128"/>
      <c r="AA2933" s="128"/>
      <c r="AB2933" s="128"/>
      <c r="AC2933" s="128"/>
      <c r="AD2933" s="128"/>
      <c r="AE2933" s="128"/>
      <c r="AF2933" s="128"/>
      <c r="AG2933" s="128"/>
      <c r="AH2933" s="128"/>
      <c r="AI2933" s="128"/>
      <c r="AJ2933" s="128"/>
      <c r="AK2933" s="128"/>
      <c r="AL2933" s="128"/>
      <c r="AM2933" s="128"/>
      <c r="AN2933" s="128"/>
      <c r="AO2933" s="128"/>
      <c r="AP2933" s="128"/>
      <c r="AQ2933" s="128"/>
      <c r="AR2933" s="128"/>
      <c r="AS2933" s="128"/>
      <c r="AT2933" s="128"/>
      <c r="AU2933" s="128"/>
      <c r="AV2933" s="128"/>
      <c r="AW2933" s="128"/>
      <c r="AX2933" s="128"/>
      <c r="AY2933" s="128"/>
      <c r="AZ2933" s="128"/>
      <c r="BA2933" s="128"/>
      <c r="BB2933" s="107">
        <v>45884</v>
      </c>
    </row>
    <row r="2934" spans="1:54" s="8" customFormat="1" ht="13.95" customHeight="1" x14ac:dyDescent="0.25">
      <c r="A2934" s="219" t="s">
        <v>6736</v>
      </c>
      <c r="B2934" s="220" t="s">
        <v>6395</v>
      </c>
      <c r="C2934" s="98" t="s">
        <v>6737</v>
      </c>
      <c r="D2934" s="98" t="s">
        <v>21772</v>
      </c>
      <c r="E2934" s="141">
        <v>1985</v>
      </c>
      <c r="F2934" s="141">
        <v>391</v>
      </c>
      <c r="G2934" s="98" t="s">
        <v>1</v>
      </c>
      <c r="H2934" s="98">
        <v>0</v>
      </c>
      <c r="I2934" s="98">
        <v>0</v>
      </c>
      <c r="J2934" s="98" t="s">
        <v>400</v>
      </c>
      <c r="K2934" s="98" t="s">
        <v>400</v>
      </c>
      <c r="L2934" s="98" t="s">
        <v>400</v>
      </c>
      <c r="M2934" s="98" t="s">
        <v>400</v>
      </c>
      <c r="N2934" s="98" t="s">
        <v>400</v>
      </c>
      <c r="O2934" s="98" t="s">
        <v>400</v>
      </c>
      <c r="P2934" s="98" t="s">
        <v>400</v>
      </c>
      <c r="Q2934" s="98" t="s">
        <v>400</v>
      </c>
      <c r="R2934" s="98" t="s">
        <v>400</v>
      </c>
      <c r="S2934" s="98" t="s">
        <v>400</v>
      </c>
      <c r="T2934" s="98" t="s">
        <v>400</v>
      </c>
      <c r="U2934" s="128"/>
      <c r="V2934" s="128"/>
      <c r="W2934" s="128"/>
      <c r="X2934" s="128"/>
      <c r="Y2934" s="128"/>
      <c r="Z2934" s="128"/>
      <c r="AA2934" s="128"/>
      <c r="AB2934" s="128"/>
      <c r="AC2934" s="128"/>
      <c r="AD2934" s="128"/>
      <c r="AE2934" s="128"/>
      <c r="AF2934" s="128"/>
      <c r="AG2934" s="128"/>
      <c r="AH2934" s="128"/>
      <c r="AI2934" s="128"/>
      <c r="AJ2934" s="128"/>
      <c r="AK2934" s="128"/>
      <c r="AL2934" s="128"/>
      <c r="AM2934" s="128"/>
      <c r="AN2934" s="128"/>
      <c r="AO2934" s="128"/>
      <c r="AP2934" s="128"/>
      <c r="AQ2934" s="128"/>
      <c r="AR2934" s="128"/>
      <c r="AS2934" s="128"/>
      <c r="AT2934" s="128"/>
      <c r="AU2934" s="128"/>
      <c r="AV2934" s="128"/>
      <c r="AW2934" s="128"/>
      <c r="AX2934" s="128"/>
      <c r="AY2934" s="128"/>
      <c r="AZ2934" s="128"/>
      <c r="BA2934" s="128"/>
      <c r="BB2934" s="107">
        <v>45884</v>
      </c>
    </row>
    <row r="2935" spans="1:54" s="8" customFormat="1" ht="13.95" customHeight="1" x14ac:dyDescent="0.25">
      <c r="A2935" s="219" t="s">
        <v>6738</v>
      </c>
      <c r="B2935" s="220" t="s">
        <v>6395</v>
      </c>
      <c r="C2935" s="98" t="s">
        <v>6739</v>
      </c>
      <c r="D2935" s="98" t="s">
        <v>20667</v>
      </c>
      <c r="E2935" s="141">
        <v>1985</v>
      </c>
      <c r="F2935" s="141">
        <v>392</v>
      </c>
      <c r="G2935" s="98" t="s">
        <v>1</v>
      </c>
      <c r="H2935" s="98">
        <v>0</v>
      </c>
      <c r="I2935" s="98">
        <v>0</v>
      </c>
      <c r="J2935" s="98" t="s">
        <v>400</v>
      </c>
      <c r="K2935" s="98" t="s">
        <v>400</v>
      </c>
      <c r="L2935" s="98" t="s">
        <v>400</v>
      </c>
      <c r="M2935" s="98" t="s">
        <v>400</v>
      </c>
      <c r="N2935" s="98" t="s">
        <v>400</v>
      </c>
      <c r="O2935" s="98" t="s">
        <v>400</v>
      </c>
      <c r="P2935" s="98" t="s">
        <v>400</v>
      </c>
      <c r="Q2935" s="98" t="s">
        <v>400</v>
      </c>
      <c r="R2935" s="98" t="s">
        <v>400</v>
      </c>
      <c r="S2935" s="98" t="s">
        <v>400</v>
      </c>
      <c r="T2935" s="98" t="s">
        <v>400</v>
      </c>
      <c r="U2935" s="128"/>
      <c r="V2935" s="128"/>
      <c r="W2935" s="128"/>
      <c r="X2935" s="128"/>
      <c r="Y2935" s="128"/>
      <c r="Z2935" s="128"/>
      <c r="AA2935" s="128"/>
      <c r="AB2935" s="128"/>
      <c r="AC2935" s="128"/>
      <c r="AD2935" s="128"/>
      <c r="AE2935" s="128"/>
      <c r="AF2935" s="128"/>
      <c r="AG2935" s="128"/>
      <c r="AH2935" s="128"/>
      <c r="AI2935" s="128"/>
      <c r="AJ2935" s="128"/>
      <c r="AK2935" s="128"/>
      <c r="AL2935" s="128"/>
      <c r="AM2935" s="128"/>
      <c r="AN2935" s="128"/>
      <c r="AO2935" s="128"/>
      <c r="AP2935" s="128"/>
      <c r="AQ2935" s="128"/>
      <c r="AR2935" s="128"/>
      <c r="AS2935" s="128"/>
      <c r="AT2935" s="128"/>
      <c r="AU2935" s="128"/>
      <c r="AV2935" s="128"/>
      <c r="AW2935" s="128"/>
      <c r="AX2935" s="128"/>
      <c r="AY2935" s="128"/>
      <c r="AZ2935" s="128"/>
      <c r="BA2935" s="128"/>
      <c r="BB2935" s="107">
        <v>45884</v>
      </c>
    </row>
    <row r="2936" spans="1:54" s="8" customFormat="1" ht="13.95" customHeight="1" x14ac:dyDescent="0.25">
      <c r="A2936" s="219" t="s">
        <v>6740</v>
      </c>
      <c r="B2936" s="220" t="s">
        <v>6395</v>
      </c>
      <c r="C2936" s="98" t="s">
        <v>6741</v>
      </c>
      <c r="D2936" s="98" t="s">
        <v>21773</v>
      </c>
      <c r="E2936" s="141">
        <v>2002</v>
      </c>
      <c r="F2936" s="141">
        <v>392</v>
      </c>
      <c r="G2936" s="98" t="s">
        <v>1</v>
      </c>
      <c r="H2936" s="98">
        <v>0</v>
      </c>
      <c r="I2936" s="98">
        <v>0</v>
      </c>
      <c r="J2936" s="98" t="s">
        <v>400</v>
      </c>
      <c r="K2936" s="98" t="s">
        <v>400</v>
      </c>
      <c r="L2936" s="98" t="s">
        <v>400</v>
      </c>
      <c r="M2936" s="98" t="s">
        <v>400</v>
      </c>
      <c r="N2936" s="98" t="s">
        <v>400</v>
      </c>
      <c r="O2936" s="98" t="s">
        <v>400</v>
      </c>
      <c r="P2936" s="98" t="s">
        <v>400</v>
      </c>
      <c r="Q2936" s="98" t="s">
        <v>400</v>
      </c>
      <c r="R2936" s="98" t="s">
        <v>400</v>
      </c>
      <c r="S2936" s="98" t="s">
        <v>400</v>
      </c>
      <c r="T2936" s="98" t="s">
        <v>400</v>
      </c>
      <c r="U2936" s="128"/>
      <c r="V2936" s="128"/>
      <c r="W2936" s="128"/>
      <c r="X2936" s="128"/>
      <c r="Y2936" s="128"/>
      <c r="Z2936" s="128"/>
      <c r="AA2936" s="128"/>
      <c r="AB2936" s="128"/>
      <c r="AC2936" s="128"/>
      <c r="AD2936" s="128"/>
      <c r="AE2936" s="128"/>
      <c r="AF2936" s="128"/>
      <c r="AG2936" s="128"/>
      <c r="AH2936" s="128"/>
      <c r="AI2936" s="128"/>
      <c r="AJ2936" s="128"/>
      <c r="AK2936" s="128"/>
      <c r="AL2936" s="128"/>
      <c r="AM2936" s="128"/>
      <c r="AN2936" s="128"/>
      <c r="AO2936" s="128"/>
      <c r="AP2936" s="128"/>
      <c r="AQ2936" s="128"/>
      <c r="AR2936" s="128"/>
      <c r="AS2936" s="128"/>
      <c r="AT2936" s="128"/>
      <c r="AU2936" s="128"/>
      <c r="AV2936" s="128"/>
      <c r="AW2936" s="128"/>
      <c r="AX2936" s="128"/>
      <c r="AY2936" s="128"/>
      <c r="AZ2936" s="128"/>
      <c r="BA2936" s="128"/>
      <c r="BB2936" s="107">
        <v>45884</v>
      </c>
    </row>
    <row r="2937" spans="1:54" s="8" customFormat="1" ht="13.95" customHeight="1" x14ac:dyDescent="0.25">
      <c r="A2937" s="219" t="s">
        <v>6742</v>
      </c>
      <c r="B2937" s="220" t="s">
        <v>6395</v>
      </c>
      <c r="C2937" s="98" t="s">
        <v>6743</v>
      </c>
      <c r="D2937" s="98" t="s">
        <v>20662</v>
      </c>
      <c r="E2937" s="141">
        <v>2001</v>
      </c>
      <c r="F2937" s="141">
        <v>392</v>
      </c>
      <c r="G2937" s="98" t="s">
        <v>1</v>
      </c>
      <c r="H2937" s="98">
        <v>0</v>
      </c>
      <c r="I2937" s="98">
        <v>0</v>
      </c>
      <c r="J2937" s="98" t="s">
        <v>400</v>
      </c>
      <c r="K2937" s="98" t="s">
        <v>400</v>
      </c>
      <c r="L2937" s="98" t="s">
        <v>400</v>
      </c>
      <c r="M2937" s="98" t="s">
        <v>400</v>
      </c>
      <c r="N2937" s="98" t="s">
        <v>400</v>
      </c>
      <c r="O2937" s="98" t="s">
        <v>400</v>
      </c>
      <c r="P2937" s="98" t="s">
        <v>400</v>
      </c>
      <c r="Q2937" s="98" t="s">
        <v>400</v>
      </c>
      <c r="R2937" s="98" t="s">
        <v>400</v>
      </c>
      <c r="S2937" s="98" t="s">
        <v>400</v>
      </c>
      <c r="T2937" s="98" t="s">
        <v>400</v>
      </c>
      <c r="U2937" s="128"/>
      <c r="V2937" s="128"/>
      <c r="W2937" s="128"/>
      <c r="X2937" s="128"/>
      <c r="Y2937" s="128"/>
      <c r="Z2937" s="128"/>
      <c r="AA2937" s="128"/>
      <c r="AB2937" s="128"/>
      <c r="AC2937" s="128"/>
      <c r="AD2937" s="128"/>
      <c r="AE2937" s="128"/>
      <c r="AF2937" s="128"/>
      <c r="AG2937" s="128"/>
      <c r="AH2937" s="128"/>
      <c r="AI2937" s="128"/>
      <c r="AJ2937" s="128"/>
      <c r="AK2937" s="128"/>
      <c r="AL2937" s="128"/>
      <c r="AM2937" s="128"/>
      <c r="AN2937" s="128"/>
      <c r="AO2937" s="128"/>
      <c r="AP2937" s="128"/>
      <c r="AQ2937" s="128"/>
      <c r="AR2937" s="128"/>
      <c r="AS2937" s="128"/>
      <c r="AT2937" s="128"/>
      <c r="AU2937" s="128"/>
      <c r="AV2937" s="128"/>
      <c r="AW2937" s="128"/>
      <c r="AX2937" s="128"/>
      <c r="AY2937" s="128"/>
      <c r="AZ2937" s="128"/>
      <c r="BA2937" s="128"/>
      <c r="BB2937" s="107">
        <v>45884</v>
      </c>
    </row>
    <row r="2938" spans="1:54" s="8" customFormat="1" ht="13.95" customHeight="1" x14ac:dyDescent="0.25">
      <c r="A2938" s="219" t="s">
        <v>6744</v>
      </c>
      <c r="B2938" s="220" t="s">
        <v>6395</v>
      </c>
      <c r="C2938" s="98" t="s">
        <v>6745</v>
      </c>
      <c r="D2938" s="98" t="s">
        <v>20668</v>
      </c>
      <c r="E2938" s="141">
        <v>1970</v>
      </c>
      <c r="F2938" s="141">
        <v>392</v>
      </c>
      <c r="G2938" s="98" t="s">
        <v>1</v>
      </c>
      <c r="H2938" s="98">
        <v>0</v>
      </c>
      <c r="I2938" s="98">
        <v>0</v>
      </c>
      <c r="J2938" s="98" t="s">
        <v>400</v>
      </c>
      <c r="K2938" s="98" t="s">
        <v>400</v>
      </c>
      <c r="L2938" s="98" t="s">
        <v>400</v>
      </c>
      <c r="M2938" s="98" t="s">
        <v>400</v>
      </c>
      <c r="N2938" s="98" t="s">
        <v>400</v>
      </c>
      <c r="O2938" s="98" t="s">
        <v>400</v>
      </c>
      <c r="P2938" s="98" t="s">
        <v>400</v>
      </c>
      <c r="Q2938" s="98" t="s">
        <v>400</v>
      </c>
      <c r="R2938" s="98" t="s">
        <v>400</v>
      </c>
      <c r="S2938" s="98" t="s">
        <v>400</v>
      </c>
      <c r="T2938" s="98" t="s">
        <v>400</v>
      </c>
      <c r="U2938" s="128"/>
      <c r="V2938" s="128"/>
      <c r="W2938" s="128"/>
      <c r="X2938" s="128"/>
      <c r="Y2938" s="128"/>
      <c r="Z2938" s="128"/>
      <c r="AA2938" s="128"/>
      <c r="AB2938" s="128"/>
      <c r="AC2938" s="128"/>
      <c r="AD2938" s="128"/>
      <c r="AE2938" s="128"/>
      <c r="AF2938" s="128"/>
      <c r="AG2938" s="128"/>
      <c r="AH2938" s="128"/>
      <c r="AI2938" s="128"/>
      <c r="AJ2938" s="128"/>
      <c r="AK2938" s="128"/>
      <c r="AL2938" s="128"/>
      <c r="AM2938" s="128"/>
      <c r="AN2938" s="128"/>
      <c r="AO2938" s="128"/>
      <c r="AP2938" s="128"/>
      <c r="AQ2938" s="128"/>
      <c r="AR2938" s="128"/>
      <c r="AS2938" s="128"/>
      <c r="AT2938" s="128"/>
      <c r="AU2938" s="128"/>
      <c r="AV2938" s="128"/>
      <c r="AW2938" s="128"/>
      <c r="AX2938" s="128"/>
      <c r="AY2938" s="128"/>
      <c r="AZ2938" s="128"/>
      <c r="BA2938" s="128"/>
      <c r="BB2938" s="107">
        <v>45884</v>
      </c>
    </row>
    <row r="2939" spans="1:54" s="8" customFormat="1" ht="13.95" customHeight="1" x14ac:dyDescent="0.25">
      <c r="A2939" s="219" t="s">
        <v>6746</v>
      </c>
      <c r="B2939" s="220" t="s">
        <v>6395</v>
      </c>
      <c r="C2939" s="98" t="s">
        <v>6747</v>
      </c>
      <c r="D2939" s="98" t="s">
        <v>20669</v>
      </c>
      <c r="E2939" s="141">
        <v>2002</v>
      </c>
      <c r="F2939" s="141">
        <v>395</v>
      </c>
      <c r="G2939" s="98" t="s">
        <v>1</v>
      </c>
      <c r="H2939" s="98">
        <v>0</v>
      </c>
      <c r="I2939" s="98">
        <v>0</v>
      </c>
      <c r="J2939" s="98" t="s">
        <v>400</v>
      </c>
      <c r="K2939" s="98" t="s">
        <v>400</v>
      </c>
      <c r="L2939" s="98" t="s">
        <v>400</v>
      </c>
      <c r="M2939" s="98" t="s">
        <v>400</v>
      </c>
      <c r="N2939" s="98" t="s">
        <v>400</v>
      </c>
      <c r="O2939" s="98" t="s">
        <v>400</v>
      </c>
      <c r="P2939" s="98" t="s">
        <v>400</v>
      </c>
      <c r="Q2939" s="98" t="s">
        <v>400</v>
      </c>
      <c r="R2939" s="98" t="s">
        <v>400</v>
      </c>
      <c r="S2939" s="98" t="s">
        <v>400</v>
      </c>
      <c r="T2939" s="98" t="s">
        <v>400</v>
      </c>
      <c r="U2939" s="128"/>
      <c r="V2939" s="128"/>
      <c r="W2939" s="128"/>
      <c r="X2939" s="128"/>
      <c r="Y2939" s="128"/>
      <c r="Z2939" s="128"/>
      <c r="AA2939" s="128"/>
      <c r="AB2939" s="128"/>
      <c r="AC2939" s="128"/>
      <c r="AD2939" s="128"/>
      <c r="AE2939" s="128"/>
      <c r="AF2939" s="128"/>
      <c r="AG2939" s="128"/>
      <c r="AH2939" s="128"/>
      <c r="AI2939" s="128"/>
      <c r="AJ2939" s="128"/>
      <c r="AK2939" s="128"/>
      <c r="AL2939" s="128"/>
      <c r="AM2939" s="128"/>
      <c r="AN2939" s="128"/>
      <c r="AO2939" s="128"/>
      <c r="AP2939" s="128"/>
      <c r="AQ2939" s="128"/>
      <c r="AR2939" s="128"/>
      <c r="AS2939" s="128"/>
      <c r="AT2939" s="128"/>
      <c r="AU2939" s="128"/>
      <c r="AV2939" s="128"/>
      <c r="AW2939" s="128"/>
      <c r="AX2939" s="128"/>
      <c r="AY2939" s="128"/>
      <c r="AZ2939" s="128"/>
      <c r="BA2939" s="128"/>
      <c r="BB2939" s="107">
        <v>45884</v>
      </c>
    </row>
    <row r="2940" spans="1:54" s="8" customFormat="1" ht="13.95" customHeight="1" x14ac:dyDescent="0.25">
      <c r="A2940" s="219" t="s">
        <v>6748</v>
      </c>
      <c r="B2940" s="220" t="s">
        <v>6395</v>
      </c>
      <c r="C2940" s="98" t="s">
        <v>6749</v>
      </c>
      <c r="D2940" s="98" t="s">
        <v>20670</v>
      </c>
      <c r="E2940" s="141">
        <v>1998</v>
      </c>
      <c r="F2940" s="141">
        <v>399</v>
      </c>
      <c r="G2940" s="98" t="s">
        <v>1</v>
      </c>
      <c r="H2940" s="98">
        <v>0</v>
      </c>
      <c r="I2940" s="98">
        <v>0</v>
      </c>
      <c r="J2940" s="98" t="s">
        <v>400</v>
      </c>
      <c r="K2940" s="98" t="s">
        <v>400</v>
      </c>
      <c r="L2940" s="98" t="s">
        <v>400</v>
      </c>
      <c r="M2940" s="98" t="s">
        <v>400</v>
      </c>
      <c r="N2940" s="98" t="s">
        <v>400</v>
      </c>
      <c r="O2940" s="98" t="s">
        <v>400</v>
      </c>
      <c r="P2940" s="98" t="s">
        <v>400</v>
      </c>
      <c r="Q2940" s="98" t="s">
        <v>400</v>
      </c>
      <c r="R2940" s="98" t="s">
        <v>400</v>
      </c>
      <c r="S2940" s="98" t="s">
        <v>400</v>
      </c>
      <c r="T2940" s="98" t="s">
        <v>400</v>
      </c>
      <c r="U2940" s="128"/>
      <c r="V2940" s="128"/>
      <c r="W2940" s="128"/>
      <c r="X2940" s="128"/>
      <c r="Y2940" s="128"/>
      <c r="Z2940" s="128"/>
      <c r="AA2940" s="128"/>
      <c r="AB2940" s="128"/>
      <c r="AC2940" s="128"/>
      <c r="AD2940" s="128"/>
      <c r="AE2940" s="128"/>
      <c r="AF2940" s="128"/>
      <c r="AG2940" s="128"/>
      <c r="AH2940" s="128"/>
      <c r="AI2940" s="128"/>
      <c r="AJ2940" s="128"/>
      <c r="AK2940" s="128"/>
      <c r="AL2940" s="128"/>
      <c r="AM2940" s="128"/>
      <c r="AN2940" s="128"/>
      <c r="AO2940" s="128"/>
      <c r="AP2940" s="128"/>
      <c r="AQ2940" s="128"/>
      <c r="AR2940" s="128"/>
      <c r="AS2940" s="128"/>
      <c r="AT2940" s="128"/>
      <c r="AU2940" s="128"/>
      <c r="AV2940" s="128"/>
      <c r="AW2940" s="128"/>
      <c r="AX2940" s="128"/>
      <c r="AY2940" s="128"/>
      <c r="AZ2940" s="128"/>
      <c r="BA2940" s="128"/>
      <c r="BB2940" s="107">
        <v>45884</v>
      </c>
    </row>
    <row r="2941" spans="1:54" s="8" customFormat="1" ht="13.95" customHeight="1" x14ac:dyDescent="0.25">
      <c r="A2941" s="219" t="s">
        <v>6750</v>
      </c>
      <c r="B2941" s="220" t="s">
        <v>6395</v>
      </c>
      <c r="C2941" s="98" t="s">
        <v>6751</v>
      </c>
      <c r="D2941" s="98" t="s">
        <v>20671</v>
      </c>
      <c r="E2941" s="141">
        <v>1985</v>
      </c>
      <c r="F2941" s="141">
        <v>400</v>
      </c>
      <c r="G2941" s="98" t="s">
        <v>1</v>
      </c>
      <c r="H2941" s="98">
        <v>0</v>
      </c>
      <c r="I2941" s="98">
        <v>0</v>
      </c>
      <c r="J2941" s="98" t="s">
        <v>400</v>
      </c>
      <c r="K2941" s="98" t="s">
        <v>400</v>
      </c>
      <c r="L2941" s="98" t="s">
        <v>400</v>
      </c>
      <c r="M2941" s="98" t="s">
        <v>400</v>
      </c>
      <c r="N2941" s="98" t="s">
        <v>400</v>
      </c>
      <c r="O2941" s="98" t="s">
        <v>400</v>
      </c>
      <c r="P2941" s="98" t="s">
        <v>400</v>
      </c>
      <c r="Q2941" s="98" t="s">
        <v>400</v>
      </c>
      <c r="R2941" s="98" t="s">
        <v>400</v>
      </c>
      <c r="S2941" s="98" t="s">
        <v>400</v>
      </c>
      <c r="T2941" s="98" t="s">
        <v>400</v>
      </c>
      <c r="U2941" s="128"/>
      <c r="V2941" s="128"/>
      <c r="W2941" s="128"/>
      <c r="X2941" s="128"/>
      <c r="Y2941" s="128"/>
      <c r="Z2941" s="128"/>
      <c r="AA2941" s="128"/>
      <c r="AB2941" s="128"/>
      <c r="AC2941" s="128"/>
      <c r="AD2941" s="128"/>
      <c r="AE2941" s="128"/>
      <c r="AF2941" s="128"/>
      <c r="AG2941" s="128"/>
      <c r="AH2941" s="128"/>
      <c r="AI2941" s="128"/>
      <c r="AJ2941" s="128"/>
      <c r="AK2941" s="128"/>
      <c r="AL2941" s="128"/>
      <c r="AM2941" s="128"/>
      <c r="AN2941" s="128"/>
      <c r="AO2941" s="128"/>
      <c r="AP2941" s="128"/>
      <c r="AQ2941" s="128"/>
      <c r="AR2941" s="128"/>
      <c r="AS2941" s="128"/>
      <c r="AT2941" s="128"/>
      <c r="AU2941" s="128"/>
      <c r="AV2941" s="128"/>
      <c r="AW2941" s="128"/>
      <c r="AX2941" s="128"/>
      <c r="AY2941" s="128"/>
      <c r="AZ2941" s="128"/>
      <c r="BA2941" s="128"/>
      <c r="BB2941" s="107">
        <v>45884</v>
      </c>
    </row>
    <row r="2942" spans="1:54" s="8" customFormat="1" ht="13.95" customHeight="1" x14ac:dyDescent="0.25">
      <c r="A2942" s="219" t="s">
        <v>6752</v>
      </c>
      <c r="B2942" s="220" t="s">
        <v>6395</v>
      </c>
      <c r="C2942" s="98" t="s">
        <v>6753</v>
      </c>
      <c r="D2942" s="98" t="s">
        <v>20672</v>
      </c>
      <c r="E2942" s="141">
        <v>1974</v>
      </c>
      <c r="F2942" s="141">
        <v>400</v>
      </c>
      <c r="G2942" s="98" t="s">
        <v>1</v>
      </c>
      <c r="H2942" s="98">
        <v>0</v>
      </c>
      <c r="I2942" s="98">
        <v>0</v>
      </c>
      <c r="J2942" s="98" t="s">
        <v>400</v>
      </c>
      <c r="K2942" s="98" t="s">
        <v>400</v>
      </c>
      <c r="L2942" s="98" t="s">
        <v>400</v>
      </c>
      <c r="M2942" s="98" t="s">
        <v>400</v>
      </c>
      <c r="N2942" s="98" t="s">
        <v>400</v>
      </c>
      <c r="O2942" s="98" t="s">
        <v>400</v>
      </c>
      <c r="P2942" s="98" t="s">
        <v>400</v>
      </c>
      <c r="Q2942" s="98" t="s">
        <v>400</v>
      </c>
      <c r="R2942" s="98" t="s">
        <v>400</v>
      </c>
      <c r="S2942" s="98" t="s">
        <v>400</v>
      </c>
      <c r="T2942" s="98" t="s">
        <v>400</v>
      </c>
      <c r="U2942" s="128"/>
      <c r="V2942" s="128"/>
      <c r="W2942" s="128"/>
      <c r="X2942" s="128"/>
      <c r="Y2942" s="128"/>
      <c r="Z2942" s="128"/>
      <c r="AA2942" s="128"/>
      <c r="AB2942" s="128"/>
      <c r="AC2942" s="128"/>
      <c r="AD2942" s="128"/>
      <c r="AE2942" s="128"/>
      <c r="AF2942" s="128"/>
      <c r="AG2942" s="128"/>
      <c r="AH2942" s="128"/>
      <c r="AI2942" s="128"/>
      <c r="AJ2942" s="128"/>
      <c r="AK2942" s="128"/>
      <c r="AL2942" s="128"/>
      <c r="AM2942" s="128"/>
      <c r="AN2942" s="128"/>
      <c r="AO2942" s="128"/>
      <c r="AP2942" s="128"/>
      <c r="AQ2942" s="128"/>
      <c r="AR2942" s="128"/>
      <c r="AS2942" s="128"/>
      <c r="AT2942" s="128"/>
      <c r="AU2942" s="128"/>
      <c r="AV2942" s="128"/>
      <c r="AW2942" s="128"/>
      <c r="AX2942" s="128"/>
      <c r="AY2942" s="128"/>
      <c r="AZ2942" s="128"/>
      <c r="BA2942" s="128"/>
      <c r="BB2942" s="107">
        <v>45884</v>
      </c>
    </row>
    <row r="2943" spans="1:54" s="8" customFormat="1" ht="13.95" customHeight="1" x14ac:dyDescent="0.25">
      <c r="A2943" s="219" t="s">
        <v>6754</v>
      </c>
      <c r="B2943" s="220" t="s">
        <v>6395</v>
      </c>
      <c r="C2943" s="98" t="s">
        <v>6755</v>
      </c>
      <c r="D2943" s="98" t="s">
        <v>20673</v>
      </c>
      <c r="E2943" s="141">
        <v>1984</v>
      </c>
      <c r="F2943" s="141">
        <v>400</v>
      </c>
      <c r="G2943" s="98" t="s">
        <v>1</v>
      </c>
      <c r="H2943" s="98">
        <v>0</v>
      </c>
      <c r="I2943" s="98">
        <v>0</v>
      </c>
      <c r="J2943" s="98" t="s">
        <v>400</v>
      </c>
      <c r="K2943" s="98" t="s">
        <v>400</v>
      </c>
      <c r="L2943" s="98" t="s">
        <v>400</v>
      </c>
      <c r="M2943" s="98" t="s">
        <v>400</v>
      </c>
      <c r="N2943" s="98" t="s">
        <v>400</v>
      </c>
      <c r="O2943" s="98" t="s">
        <v>400</v>
      </c>
      <c r="P2943" s="98" t="s">
        <v>400</v>
      </c>
      <c r="Q2943" s="98" t="s">
        <v>400</v>
      </c>
      <c r="R2943" s="98" t="s">
        <v>400</v>
      </c>
      <c r="S2943" s="98" t="s">
        <v>400</v>
      </c>
      <c r="T2943" s="98" t="s">
        <v>400</v>
      </c>
      <c r="U2943" s="128"/>
      <c r="V2943" s="128"/>
      <c r="W2943" s="128"/>
      <c r="X2943" s="128"/>
      <c r="Y2943" s="128"/>
      <c r="Z2943" s="128"/>
      <c r="AA2943" s="128"/>
      <c r="AB2943" s="128"/>
      <c r="AC2943" s="128"/>
      <c r="AD2943" s="128"/>
      <c r="AE2943" s="128"/>
      <c r="AF2943" s="128"/>
      <c r="AG2943" s="128"/>
      <c r="AH2943" s="128"/>
      <c r="AI2943" s="128"/>
      <c r="AJ2943" s="128"/>
      <c r="AK2943" s="128"/>
      <c r="AL2943" s="128"/>
      <c r="AM2943" s="128"/>
      <c r="AN2943" s="128"/>
      <c r="AO2943" s="128"/>
      <c r="AP2943" s="128"/>
      <c r="AQ2943" s="128"/>
      <c r="AR2943" s="128"/>
      <c r="AS2943" s="128"/>
      <c r="AT2943" s="128"/>
      <c r="AU2943" s="128"/>
      <c r="AV2943" s="128"/>
      <c r="AW2943" s="128"/>
      <c r="AX2943" s="128"/>
      <c r="AY2943" s="128"/>
      <c r="AZ2943" s="128"/>
      <c r="BA2943" s="128"/>
      <c r="BB2943" s="107">
        <v>45884</v>
      </c>
    </row>
    <row r="2944" spans="1:54" s="8" customFormat="1" ht="13.95" customHeight="1" x14ac:dyDescent="0.25">
      <c r="A2944" s="219" t="s">
        <v>6756</v>
      </c>
      <c r="B2944" s="220" t="s">
        <v>6395</v>
      </c>
      <c r="C2944" s="98" t="s">
        <v>6757</v>
      </c>
      <c r="D2944" s="98" t="s">
        <v>20674</v>
      </c>
      <c r="E2944" s="141">
        <v>1980</v>
      </c>
      <c r="F2944" s="141">
        <v>400</v>
      </c>
      <c r="G2944" s="98" t="s">
        <v>1</v>
      </c>
      <c r="H2944" s="98">
        <v>0</v>
      </c>
      <c r="I2944" s="98">
        <v>0</v>
      </c>
      <c r="J2944" s="98" t="s">
        <v>400</v>
      </c>
      <c r="K2944" s="98" t="s">
        <v>400</v>
      </c>
      <c r="L2944" s="98" t="s">
        <v>400</v>
      </c>
      <c r="M2944" s="98" t="s">
        <v>400</v>
      </c>
      <c r="N2944" s="98" t="s">
        <v>400</v>
      </c>
      <c r="O2944" s="98" t="s">
        <v>400</v>
      </c>
      <c r="P2944" s="98" t="s">
        <v>400</v>
      </c>
      <c r="Q2944" s="98" t="s">
        <v>400</v>
      </c>
      <c r="R2944" s="98" t="s">
        <v>400</v>
      </c>
      <c r="S2944" s="98" t="s">
        <v>400</v>
      </c>
      <c r="T2944" s="98" t="s">
        <v>400</v>
      </c>
      <c r="U2944" s="128"/>
      <c r="V2944" s="128"/>
      <c r="W2944" s="128"/>
      <c r="X2944" s="128"/>
      <c r="Y2944" s="128"/>
      <c r="Z2944" s="128"/>
      <c r="AA2944" s="128"/>
      <c r="AB2944" s="128"/>
      <c r="AC2944" s="128"/>
      <c r="AD2944" s="128"/>
      <c r="AE2944" s="128"/>
      <c r="AF2944" s="128"/>
      <c r="AG2944" s="128"/>
      <c r="AH2944" s="128"/>
      <c r="AI2944" s="128"/>
      <c r="AJ2944" s="128"/>
      <c r="AK2944" s="128"/>
      <c r="AL2944" s="128"/>
      <c r="AM2944" s="128"/>
      <c r="AN2944" s="128"/>
      <c r="AO2944" s="128"/>
      <c r="AP2944" s="128"/>
      <c r="AQ2944" s="128"/>
      <c r="AR2944" s="128"/>
      <c r="AS2944" s="128"/>
      <c r="AT2944" s="128"/>
      <c r="AU2944" s="128"/>
      <c r="AV2944" s="128"/>
      <c r="AW2944" s="128"/>
      <c r="AX2944" s="128"/>
      <c r="AY2944" s="128"/>
      <c r="AZ2944" s="128"/>
      <c r="BA2944" s="128"/>
      <c r="BB2944" s="107">
        <v>45884</v>
      </c>
    </row>
    <row r="2945" spans="1:54" s="8" customFormat="1" ht="13.95" customHeight="1" x14ac:dyDescent="0.25">
      <c r="A2945" s="219" t="s">
        <v>6758</v>
      </c>
      <c r="B2945" s="220" t="s">
        <v>6395</v>
      </c>
      <c r="C2945" s="98" t="s">
        <v>6759</v>
      </c>
      <c r="D2945" s="98" t="s">
        <v>20675</v>
      </c>
      <c r="E2945" s="141">
        <v>2001</v>
      </c>
      <c r="F2945" s="141">
        <v>400</v>
      </c>
      <c r="G2945" s="98" t="s">
        <v>1</v>
      </c>
      <c r="H2945" s="98">
        <v>0</v>
      </c>
      <c r="I2945" s="98">
        <v>0</v>
      </c>
      <c r="J2945" s="98" t="s">
        <v>400</v>
      </c>
      <c r="K2945" s="98" t="s">
        <v>400</v>
      </c>
      <c r="L2945" s="98" t="s">
        <v>400</v>
      </c>
      <c r="M2945" s="98" t="s">
        <v>400</v>
      </c>
      <c r="N2945" s="98" t="s">
        <v>400</v>
      </c>
      <c r="O2945" s="98" t="s">
        <v>400</v>
      </c>
      <c r="P2945" s="98" t="s">
        <v>400</v>
      </c>
      <c r="Q2945" s="98" t="s">
        <v>400</v>
      </c>
      <c r="R2945" s="98" t="s">
        <v>400</v>
      </c>
      <c r="S2945" s="98" t="s">
        <v>400</v>
      </c>
      <c r="T2945" s="98" t="s">
        <v>400</v>
      </c>
      <c r="U2945" s="128"/>
      <c r="V2945" s="128"/>
      <c r="W2945" s="128"/>
      <c r="X2945" s="128"/>
      <c r="Y2945" s="128"/>
      <c r="Z2945" s="128"/>
      <c r="AA2945" s="128"/>
      <c r="AB2945" s="128"/>
      <c r="AC2945" s="128"/>
      <c r="AD2945" s="128"/>
      <c r="AE2945" s="128"/>
      <c r="AF2945" s="128"/>
      <c r="AG2945" s="128"/>
      <c r="AH2945" s="128"/>
      <c r="AI2945" s="128"/>
      <c r="AJ2945" s="128"/>
      <c r="AK2945" s="128"/>
      <c r="AL2945" s="128"/>
      <c r="AM2945" s="128"/>
      <c r="AN2945" s="128"/>
      <c r="AO2945" s="128"/>
      <c r="AP2945" s="128"/>
      <c r="AQ2945" s="128"/>
      <c r="AR2945" s="128"/>
      <c r="AS2945" s="128"/>
      <c r="AT2945" s="128"/>
      <c r="AU2945" s="128"/>
      <c r="AV2945" s="128"/>
      <c r="AW2945" s="128"/>
      <c r="AX2945" s="128"/>
      <c r="AY2945" s="128"/>
      <c r="AZ2945" s="128"/>
      <c r="BA2945" s="128"/>
      <c r="BB2945" s="107">
        <v>45884</v>
      </c>
    </row>
    <row r="2946" spans="1:54" s="8" customFormat="1" ht="13.95" customHeight="1" x14ac:dyDescent="0.25">
      <c r="A2946" s="219" t="s">
        <v>6760</v>
      </c>
      <c r="B2946" s="220" t="s">
        <v>6395</v>
      </c>
      <c r="C2946" s="98" t="s">
        <v>6761</v>
      </c>
      <c r="D2946" s="98" t="s">
        <v>20676</v>
      </c>
      <c r="E2946" s="141">
        <v>1996</v>
      </c>
      <c r="F2946" s="141">
        <v>401</v>
      </c>
      <c r="G2946" s="98" t="s">
        <v>1</v>
      </c>
      <c r="H2946" s="98">
        <v>0</v>
      </c>
      <c r="I2946" s="98">
        <v>0</v>
      </c>
      <c r="J2946" s="98" t="s">
        <v>400</v>
      </c>
      <c r="K2946" s="98" t="s">
        <v>400</v>
      </c>
      <c r="L2946" s="98" t="s">
        <v>400</v>
      </c>
      <c r="M2946" s="98" t="s">
        <v>400</v>
      </c>
      <c r="N2946" s="98" t="s">
        <v>400</v>
      </c>
      <c r="O2946" s="98" t="s">
        <v>400</v>
      </c>
      <c r="P2946" s="98" t="s">
        <v>400</v>
      </c>
      <c r="Q2946" s="98" t="s">
        <v>400</v>
      </c>
      <c r="R2946" s="98" t="s">
        <v>400</v>
      </c>
      <c r="S2946" s="98" t="s">
        <v>400</v>
      </c>
      <c r="T2946" s="98" t="s">
        <v>400</v>
      </c>
      <c r="U2946" s="128"/>
      <c r="V2946" s="128"/>
      <c r="W2946" s="128"/>
      <c r="X2946" s="128"/>
      <c r="Y2946" s="128"/>
      <c r="Z2946" s="128"/>
      <c r="AA2946" s="128"/>
      <c r="AB2946" s="128"/>
      <c r="AC2946" s="128"/>
      <c r="AD2946" s="128"/>
      <c r="AE2946" s="128"/>
      <c r="AF2946" s="128"/>
      <c r="AG2946" s="128"/>
      <c r="AH2946" s="128"/>
      <c r="AI2946" s="128"/>
      <c r="AJ2946" s="128"/>
      <c r="AK2946" s="128"/>
      <c r="AL2946" s="128"/>
      <c r="AM2946" s="128"/>
      <c r="AN2946" s="128"/>
      <c r="AO2946" s="128"/>
      <c r="AP2946" s="128"/>
      <c r="AQ2946" s="128"/>
      <c r="AR2946" s="128"/>
      <c r="AS2946" s="128"/>
      <c r="AT2946" s="128"/>
      <c r="AU2946" s="128"/>
      <c r="AV2946" s="128"/>
      <c r="AW2946" s="128"/>
      <c r="AX2946" s="128"/>
      <c r="AY2946" s="128"/>
      <c r="AZ2946" s="128"/>
      <c r="BA2946" s="128"/>
      <c r="BB2946" s="107">
        <v>45884</v>
      </c>
    </row>
    <row r="2947" spans="1:54" s="8" customFormat="1" ht="13.95" customHeight="1" x14ac:dyDescent="0.25">
      <c r="A2947" s="219" t="s">
        <v>6762</v>
      </c>
      <c r="B2947" s="220" t="s">
        <v>6395</v>
      </c>
      <c r="C2947" s="98" t="s">
        <v>6763</v>
      </c>
      <c r="D2947" s="98" t="s">
        <v>20677</v>
      </c>
      <c r="E2947" s="141">
        <v>1982</v>
      </c>
      <c r="F2947" s="141">
        <v>403</v>
      </c>
      <c r="G2947" s="98" t="s">
        <v>1</v>
      </c>
      <c r="H2947" s="98">
        <v>0</v>
      </c>
      <c r="I2947" s="98">
        <v>0</v>
      </c>
      <c r="J2947" s="98" t="s">
        <v>400</v>
      </c>
      <c r="K2947" s="98" t="s">
        <v>400</v>
      </c>
      <c r="L2947" s="98" t="s">
        <v>400</v>
      </c>
      <c r="M2947" s="98" t="s">
        <v>400</v>
      </c>
      <c r="N2947" s="98" t="s">
        <v>400</v>
      </c>
      <c r="O2947" s="98" t="s">
        <v>400</v>
      </c>
      <c r="P2947" s="98" t="s">
        <v>400</v>
      </c>
      <c r="Q2947" s="98" t="s">
        <v>400</v>
      </c>
      <c r="R2947" s="98" t="s">
        <v>400</v>
      </c>
      <c r="S2947" s="98" t="s">
        <v>400</v>
      </c>
      <c r="T2947" s="98" t="s">
        <v>400</v>
      </c>
      <c r="U2947" s="128"/>
      <c r="V2947" s="128"/>
      <c r="W2947" s="128"/>
      <c r="X2947" s="128"/>
      <c r="Y2947" s="128"/>
      <c r="Z2947" s="128"/>
      <c r="AA2947" s="128"/>
      <c r="AB2947" s="128"/>
      <c r="AC2947" s="128"/>
      <c r="AD2947" s="128"/>
      <c r="AE2947" s="128"/>
      <c r="AF2947" s="128"/>
      <c r="AG2947" s="128"/>
      <c r="AH2947" s="128"/>
      <c r="AI2947" s="128"/>
      <c r="AJ2947" s="128"/>
      <c r="AK2947" s="128"/>
      <c r="AL2947" s="128"/>
      <c r="AM2947" s="128"/>
      <c r="AN2947" s="128"/>
      <c r="AO2947" s="128"/>
      <c r="AP2947" s="128"/>
      <c r="AQ2947" s="128"/>
      <c r="AR2947" s="128"/>
      <c r="AS2947" s="128"/>
      <c r="AT2947" s="128"/>
      <c r="AU2947" s="128"/>
      <c r="AV2947" s="128"/>
      <c r="AW2947" s="128"/>
      <c r="AX2947" s="128"/>
      <c r="AY2947" s="128"/>
      <c r="AZ2947" s="128"/>
      <c r="BA2947" s="128"/>
      <c r="BB2947" s="107">
        <v>45884</v>
      </c>
    </row>
    <row r="2948" spans="1:54" s="8" customFormat="1" ht="13.95" customHeight="1" x14ac:dyDescent="0.25">
      <c r="A2948" s="219" t="s">
        <v>6764</v>
      </c>
      <c r="B2948" s="220" t="s">
        <v>6395</v>
      </c>
      <c r="C2948" s="98" t="s">
        <v>6765</v>
      </c>
      <c r="D2948" s="98" t="s">
        <v>20678</v>
      </c>
      <c r="E2948" s="141">
        <v>1998</v>
      </c>
      <c r="F2948" s="141">
        <v>404</v>
      </c>
      <c r="G2948" s="98" t="s">
        <v>1</v>
      </c>
      <c r="H2948" s="98">
        <v>0</v>
      </c>
      <c r="I2948" s="98">
        <v>0</v>
      </c>
      <c r="J2948" s="98" t="s">
        <v>400</v>
      </c>
      <c r="K2948" s="98" t="s">
        <v>400</v>
      </c>
      <c r="L2948" s="98" t="s">
        <v>400</v>
      </c>
      <c r="M2948" s="98" t="s">
        <v>400</v>
      </c>
      <c r="N2948" s="98" t="s">
        <v>400</v>
      </c>
      <c r="O2948" s="98" t="s">
        <v>400</v>
      </c>
      <c r="P2948" s="98" t="s">
        <v>400</v>
      </c>
      <c r="Q2948" s="98" t="s">
        <v>400</v>
      </c>
      <c r="R2948" s="98" t="s">
        <v>400</v>
      </c>
      <c r="S2948" s="98" t="s">
        <v>400</v>
      </c>
      <c r="T2948" s="98" t="s">
        <v>400</v>
      </c>
      <c r="U2948" s="128"/>
      <c r="V2948" s="128"/>
      <c r="W2948" s="128"/>
      <c r="X2948" s="128"/>
      <c r="Y2948" s="128"/>
      <c r="Z2948" s="128"/>
      <c r="AA2948" s="128"/>
      <c r="AB2948" s="128"/>
      <c r="AC2948" s="128"/>
      <c r="AD2948" s="128"/>
      <c r="AE2948" s="128"/>
      <c r="AF2948" s="128"/>
      <c r="AG2948" s="128"/>
      <c r="AH2948" s="128"/>
      <c r="AI2948" s="128"/>
      <c r="AJ2948" s="128"/>
      <c r="AK2948" s="128"/>
      <c r="AL2948" s="128"/>
      <c r="AM2948" s="128"/>
      <c r="AN2948" s="128"/>
      <c r="AO2948" s="128"/>
      <c r="AP2948" s="128"/>
      <c r="AQ2948" s="128"/>
      <c r="AR2948" s="128"/>
      <c r="AS2948" s="128"/>
      <c r="AT2948" s="128"/>
      <c r="AU2948" s="128"/>
      <c r="AV2948" s="128"/>
      <c r="AW2948" s="128"/>
      <c r="AX2948" s="128"/>
      <c r="AY2948" s="128"/>
      <c r="AZ2948" s="128"/>
      <c r="BA2948" s="128"/>
      <c r="BB2948" s="107">
        <v>45884</v>
      </c>
    </row>
    <row r="2949" spans="1:54" s="8" customFormat="1" ht="13.95" customHeight="1" x14ac:dyDescent="0.25">
      <c r="A2949" s="219" t="s">
        <v>6766</v>
      </c>
      <c r="B2949" s="220" t="s">
        <v>6395</v>
      </c>
      <c r="C2949" s="98" t="s">
        <v>6767</v>
      </c>
      <c r="D2949" s="98" t="s">
        <v>20679</v>
      </c>
      <c r="E2949" s="141">
        <v>1977</v>
      </c>
      <c r="F2949" s="141">
        <v>405</v>
      </c>
      <c r="G2949" s="98" t="s">
        <v>1</v>
      </c>
      <c r="H2949" s="98">
        <v>0</v>
      </c>
      <c r="I2949" s="98">
        <v>0</v>
      </c>
      <c r="J2949" s="98" t="s">
        <v>400</v>
      </c>
      <c r="K2949" s="98" t="s">
        <v>400</v>
      </c>
      <c r="L2949" s="98" t="s">
        <v>400</v>
      </c>
      <c r="M2949" s="98" t="s">
        <v>400</v>
      </c>
      <c r="N2949" s="98" t="s">
        <v>400</v>
      </c>
      <c r="O2949" s="98" t="s">
        <v>400</v>
      </c>
      <c r="P2949" s="98" t="s">
        <v>400</v>
      </c>
      <c r="Q2949" s="98" t="s">
        <v>400</v>
      </c>
      <c r="R2949" s="98" t="s">
        <v>400</v>
      </c>
      <c r="S2949" s="98" t="s">
        <v>400</v>
      </c>
      <c r="T2949" s="98" t="s">
        <v>400</v>
      </c>
      <c r="U2949" s="128"/>
      <c r="V2949" s="128"/>
      <c r="W2949" s="128"/>
      <c r="X2949" s="128"/>
      <c r="Y2949" s="128"/>
      <c r="Z2949" s="128"/>
      <c r="AA2949" s="128"/>
      <c r="AB2949" s="128"/>
      <c r="AC2949" s="128"/>
      <c r="AD2949" s="128"/>
      <c r="AE2949" s="128"/>
      <c r="AF2949" s="128"/>
      <c r="AG2949" s="128"/>
      <c r="AH2949" s="128"/>
      <c r="AI2949" s="128"/>
      <c r="AJ2949" s="128"/>
      <c r="AK2949" s="128"/>
      <c r="AL2949" s="128"/>
      <c r="AM2949" s="128"/>
      <c r="AN2949" s="128"/>
      <c r="AO2949" s="128"/>
      <c r="AP2949" s="128"/>
      <c r="AQ2949" s="128"/>
      <c r="AR2949" s="128"/>
      <c r="AS2949" s="128"/>
      <c r="AT2949" s="128"/>
      <c r="AU2949" s="128"/>
      <c r="AV2949" s="128"/>
      <c r="AW2949" s="128"/>
      <c r="AX2949" s="128"/>
      <c r="AY2949" s="128"/>
      <c r="AZ2949" s="128"/>
      <c r="BA2949" s="128"/>
      <c r="BB2949" s="107">
        <v>45884</v>
      </c>
    </row>
    <row r="2950" spans="1:54" s="8" customFormat="1" ht="13.95" customHeight="1" x14ac:dyDescent="0.25">
      <c r="A2950" s="219" t="s">
        <v>6768</v>
      </c>
      <c r="B2950" s="220" t="s">
        <v>6395</v>
      </c>
      <c r="C2950" s="98" t="s">
        <v>6769</v>
      </c>
      <c r="D2950" s="98" t="s">
        <v>20680</v>
      </c>
      <c r="E2950" s="141">
        <v>1983</v>
      </c>
      <c r="F2950" s="141">
        <v>406</v>
      </c>
      <c r="G2950" s="98" t="s">
        <v>1</v>
      </c>
      <c r="H2950" s="98">
        <v>0</v>
      </c>
      <c r="I2950" s="98">
        <v>0</v>
      </c>
      <c r="J2950" s="98" t="s">
        <v>400</v>
      </c>
      <c r="K2950" s="98" t="s">
        <v>400</v>
      </c>
      <c r="L2950" s="98" t="s">
        <v>400</v>
      </c>
      <c r="M2950" s="98" t="s">
        <v>400</v>
      </c>
      <c r="N2950" s="98" t="s">
        <v>400</v>
      </c>
      <c r="O2950" s="98" t="s">
        <v>400</v>
      </c>
      <c r="P2950" s="98" t="s">
        <v>400</v>
      </c>
      <c r="Q2950" s="98" t="s">
        <v>400</v>
      </c>
      <c r="R2950" s="98" t="s">
        <v>400</v>
      </c>
      <c r="S2950" s="98" t="s">
        <v>400</v>
      </c>
      <c r="T2950" s="98" t="s">
        <v>400</v>
      </c>
      <c r="U2950" s="128"/>
      <c r="V2950" s="128"/>
      <c r="W2950" s="128"/>
      <c r="X2950" s="128"/>
      <c r="Y2950" s="128"/>
      <c r="Z2950" s="128"/>
      <c r="AA2950" s="128"/>
      <c r="AB2950" s="128"/>
      <c r="AC2950" s="128"/>
      <c r="AD2950" s="128"/>
      <c r="AE2950" s="128"/>
      <c r="AF2950" s="128"/>
      <c r="AG2950" s="128"/>
      <c r="AH2950" s="128"/>
      <c r="AI2950" s="128"/>
      <c r="AJ2950" s="128"/>
      <c r="AK2950" s="128"/>
      <c r="AL2950" s="128"/>
      <c r="AM2950" s="128"/>
      <c r="AN2950" s="128"/>
      <c r="AO2950" s="128"/>
      <c r="AP2950" s="128"/>
      <c r="AQ2950" s="128"/>
      <c r="AR2950" s="128"/>
      <c r="AS2950" s="128"/>
      <c r="AT2950" s="128"/>
      <c r="AU2950" s="128"/>
      <c r="AV2950" s="128"/>
      <c r="AW2950" s="128"/>
      <c r="AX2950" s="128"/>
      <c r="AY2950" s="128"/>
      <c r="AZ2950" s="128"/>
      <c r="BA2950" s="128"/>
      <c r="BB2950" s="107">
        <v>45884</v>
      </c>
    </row>
    <row r="2951" spans="1:54" s="8" customFormat="1" ht="13.95" customHeight="1" x14ac:dyDescent="0.25">
      <c r="A2951" s="219" t="s">
        <v>6770</v>
      </c>
      <c r="B2951" s="220" t="s">
        <v>6395</v>
      </c>
      <c r="C2951" s="98" t="s">
        <v>6771</v>
      </c>
      <c r="D2951" s="98" t="s">
        <v>20681</v>
      </c>
      <c r="E2951" s="141">
        <v>1974</v>
      </c>
      <c r="F2951" s="141">
        <v>407</v>
      </c>
      <c r="G2951" s="98" t="s">
        <v>1</v>
      </c>
      <c r="H2951" s="98">
        <v>0</v>
      </c>
      <c r="I2951" s="98">
        <v>0</v>
      </c>
      <c r="J2951" s="98" t="s">
        <v>400</v>
      </c>
      <c r="K2951" s="98" t="s">
        <v>400</v>
      </c>
      <c r="L2951" s="98" t="s">
        <v>400</v>
      </c>
      <c r="M2951" s="98" t="s">
        <v>400</v>
      </c>
      <c r="N2951" s="98" t="s">
        <v>400</v>
      </c>
      <c r="O2951" s="98" t="s">
        <v>400</v>
      </c>
      <c r="P2951" s="98" t="s">
        <v>400</v>
      </c>
      <c r="Q2951" s="98" t="s">
        <v>400</v>
      </c>
      <c r="R2951" s="98" t="s">
        <v>400</v>
      </c>
      <c r="S2951" s="98" t="s">
        <v>400</v>
      </c>
      <c r="T2951" s="98" t="s">
        <v>400</v>
      </c>
      <c r="U2951" s="128"/>
      <c r="V2951" s="128"/>
      <c r="W2951" s="128"/>
      <c r="X2951" s="128"/>
      <c r="Y2951" s="128"/>
      <c r="Z2951" s="128"/>
      <c r="AA2951" s="128"/>
      <c r="AB2951" s="128"/>
      <c r="AC2951" s="128"/>
      <c r="AD2951" s="128"/>
      <c r="AE2951" s="128"/>
      <c r="AF2951" s="128"/>
      <c r="AG2951" s="128"/>
      <c r="AH2951" s="128"/>
      <c r="AI2951" s="128"/>
      <c r="AJ2951" s="128"/>
      <c r="AK2951" s="128"/>
      <c r="AL2951" s="128"/>
      <c r="AM2951" s="128"/>
      <c r="AN2951" s="128"/>
      <c r="AO2951" s="128"/>
      <c r="AP2951" s="128"/>
      <c r="AQ2951" s="128"/>
      <c r="AR2951" s="128"/>
      <c r="AS2951" s="128"/>
      <c r="AT2951" s="128"/>
      <c r="AU2951" s="128"/>
      <c r="AV2951" s="128"/>
      <c r="AW2951" s="128"/>
      <c r="AX2951" s="128"/>
      <c r="AY2951" s="128"/>
      <c r="AZ2951" s="128"/>
      <c r="BA2951" s="128"/>
      <c r="BB2951" s="107">
        <v>45884</v>
      </c>
    </row>
    <row r="2952" spans="1:54" s="8" customFormat="1" ht="13.95" customHeight="1" x14ac:dyDescent="0.25">
      <c r="A2952" s="219" t="s">
        <v>6772</v>
      </c>
      <c r="B2952" s="220" t="s">
        <v>6395</v>
      </c>
      <c r="C2952" s="98" t="s">
        <v>6773</v>
      </c>
      <c r="D2952" s="98" t="s">
        <v>20682</v>
      </c>
      <c r="E2952" s="141">
        <v>2002</v>
      </c>
      <c r="F2952" s="141">
        <v>409</v>
      </c>
      <c r="G2952" s="98" t="s">
        <v>1</v>
      </c>
      <c r="H2952" s="98">
        <v>0</v>
      </c>
      <c r="I2952" s="98">
        <v>0</v>
      </c>
      <c r="J2952" s="98" t="s">
        <v>400</v>
      </c>
      <c r="K2952" s="98" t="s">
        <v>400</v>
      </c>
      <c r="L2952" s="98" t="s">
        <v>400</v>
      </c>
      <c r="M2952" s="98" t="s">
        <v>400</v>
      </c>
      <c r="N2952" s="98" t="s">
        <v>400</v>
      </c>
      <c r="O2952" s="98" t="s">
        <v>400</v>
      </c>
      <c r="P2952" s="98" t="s">
        <v>400</v>
      </c>
      <c r="Q2952" s="98" t="s">
        <v>400</v>
      </c>
      <c r="R2952" s="98" t="s">
        <v>400</v>
      </c>
      <c r="S2952" s="98" t="s">
        <v>400</v>
      </c>
      <c r="T2952" s="98" t="s">
        <v>400</v>
      </c>
      <c r="U2952" s="128"/>
      <c r="V2952" s="128"/>
      <c r="W2952" s="128"/>
      <c r="X2952" s="128"/>
      <c r="Y2952" s="128"/>
      <c r="Z2952" s="128"/>
      <c r="AA2952" s="128"/>
      <c r="AB2952" s="128"/>
      <c r="AC2952" s="128"/>
      <c r="AD2952" s="128"/>
      <c r="AE2952" s="128"/>
      <c r="AF2952" s="128"/>
      <c r="AG2952" s="128"/>
      <c r="AH2952" s="128"/>
      <c r="AI2952" s="128"/>
      <c r="AJ2952" s="128"/>
      <c r="AK2952" s="128"/>
      <c r="AL2952" s="128"/>
      <c r="AM2952" s="128"/>
      <c r="AN2952" s="128"/>
      <c r="AO2952" s="128"/>
      <c r="AP2952" s="128"/>
      <c r="AQ2952" s="128"/>
      <c r="AR2952" s="128"/>
      <c r="AS2952" s="128"/>
      <c r="AT2952" s="128"/>
      <c r="AU2952" s="128"/>
      <c r="AV2952" s="128"/>
      <c r="AW2952" s="128"/>
      <c r="AX2952" s="128"/>
      <c r="AY2952" s="128"/>
      <c r="AZ2952" s="128"/>
      <c r="BA2952" s="128"/>
      <c r="BB2952" s="107">
        <v>45884</v>
      </c>
    </row>
    <row r="2953" spans="1:54" s="8" customFormat="1" ht="13.95" customHeight="1" x14ac:dyDescent="0.25">
      <c r="A2953" s="219" t="s">
        <v>6774</v>
      </c>
      <c r="B2953" s="220" t="s">
        <v>6395</v>
      </c>
      <c r="C2953" s="98" t="s">
        <v>6775</v>
      </c>
      <c r="D2953" s="98" t="s">
        <v>20683</v>
      </c>
      <c r="E2953" s="141">
        <v>2002</v>
      </c>
      <c r="F2953" s="141">
        <v>409</v>
      </c>
      <c r="G2953" s="98" t="s">
        <v>1</v>
      </c>
      <c r="H2953" s="98">
        <v>0</v>
      </c>
      <c r="I2953" s="98">
        <v>0</v>
      </c>
      <c r="J2953" s="98" t="s">
        <v>400</v>
      </c>
      <c r="K2953" s="98" t="s">
        <v>400</v>
      </c>
      <c r="L2953" s="98" t="s">
        <v>400</v>
      </c>
      <c r="M2953" s="98" t="s">
        <v>400</v>
      </c>
      <c r="N2953" s="98" t="s">
        <v>400</v>
      </c>
      <c r="O2953" s="98" t="s">
        <v>400</v>
      </c>
      <c r="P2953" s="98" t="s">
        <v>400</v>
      </c>
      <c r="Q2953" s="98" t="s">
        <v>400</v>
      </c>
      <c r="R2953" s="98" t="s">
        <v>400</v>
      </c>
      <c r="S2953" s="98" t="s">
        <v>400</v>
      </c>
      <c r="T2953" s="98" t="s">
        <v>400</v>
      </c>
      <c r="U2953" s="128"/>
      <c r="V2953" s="128"/>
      <c r="W2953" s="128"/>
      <c r="X2953" s="128"/>
      <c r="Y2953" s="128"/>
      <c r="Z2953" s="128"/>
      <c r="AA2953" s="128"/>
      <c r="AB2953" s="128"/>
      <c r="AC2953" s="128"/>
      <c r="AD2953" s="128"/>
      <c r="AE2953" s="128"/>
      <c r="AF2953" s="128"/>
      <c r="AG2953" s="128"/>
      <c r="AH2953" s="128"/>
      <c r="AI2953" s="128"/>
      <c r="AJ2953" s="128"/>
      <c r="AK2953" s="128"/>
      <c r="AL2953" s="128"/>
      <c r="AM2953" s="128"/>
      <c r="AN2953" s="128"/>
      <c r="AO2953" s="128"/>
      <c r="AP2953" s="128"/>
      <c r="AQ2953" s="128"/>
      <c r="AR2953" s="128"/>
      <c r="AS2953" s="128"/>
      <c r="AT2953" s="128"/>
      <c r="AU2953" s="128"/>
      <c r="AV2953" s="128"/>
      <c r="AW2953" s="128"/>
      <c r="AX2953" s="128"/>
      <c r="AY2953" s="128"/>
      <c r="AZ2953" s="128"/>
      <c r="BA2953" s="128"/>
      <c r="BB2953" s="107">
        <v>45884</v>
      </c>
    </row>
    <row r="2954" spans="1:54" s="8" customFormat="1" ht="13.95" customHeight="1" x14ac:dyDescent="0.25">
      <c r="A2954" s="219" t="s">
        <v>6776</v>
      </c>
      <c r="B2954" s="220" t="s">
        <v>6395</v>
      </c>
      <c r="C2954" s="98" t="s">
        <v>6777</v>
      </c>
      <c r="D2954" s="98" t="s">
        <v>20684</v>
      </c>
      <c r="E2954" s="141">
        <v>1998</v>
      </c>
      <c r="F2954" s="141">
        <v>411</v>
      </c>
      <c r="G2954" s="98" t="s">
        <v>1</v>
      </c>
      <c r="H2954" s="98">
        <v>0</v>
      </c>
      <c r="I2954" s="98">
        <v>0</v>
      </c>
      <c r="J2954" s="98" t="s">
        <v>400</v>
      </c>
      <c r="K2954" s="98" t="s">
        <v>400</v>
      </c>
      <c r="L2954" s="98" t="s">
        <v>400</v>
      </c>
      <c r="M2954" s="98" t="s">
        <v>400</v>
      </c>
      <c r="N2954" s="98" t="s">
        <v>400</v>
      </c>
      <c r="O2954" s="98" t="s">
        <v>400</v>
      </c>
      <c r="P2954" s="98" t="s">
        <v>400</v>
      </c>
      <c r="Q2954" s="98" t="s">
        <v>400</v>
      </c>
      <c r="R2954" s="98" t="s">
        <v>400</v>
      </c>
      <c r="S2954" s="98" t="s">
        <v>400</v>
      </c>
      <c r="T2954" s="98" t="s">
        <v>400</v>
      </c>
      <c r="U2954" s="128"/>
      <c r="V2954" s="128"/>
      <c r="W2954" s="128"/>
      <c r="X2954" s="128"/>
      <c r="Y2954" s="128"/>
      <c r="Z2954" s="128"/>
      <c r="AA2954" s="128"/>
      <c r="AB2954" s="128"/>
      <c r="AC2954" s="128"/>
      <c r="AD2954" s="128"/>
      <c r="AE2954" s="128"/>
      <c r="AF2954" s="128"/>
      <c r="AG2954" s="128"/>
      <c r="AH2954" s="128"/>
      <c r="AI2954" s="128"/>
      <c r="AJ2954" s="128"/>
      <c r="AK2954" s="128"/>
      <c r="AL2954" s="128"/>
      <c r="AM2954" s="128"/>
      <c r="AN2954" s="128"/>
      <c r="AO2954" s="128"/>
      <c r="AP2954" s="128"/>
      <c r="AQ2954" s="128"/>
      <c r="AR2954" s="128"/>
      <c r="AS2954" s="128"/>
      <c r="AT2954" s="128"/>
      <c r="AU2954" s="128"/>
      <c r="AV2954" s="128"/>
      <c r="AW2954" s="128"/>
      <c r="AX2954" s="128"/>
      <c r="AY2954" s="128"/>
      <c r="AZ2954" s="128"/>
      <c r="BA2954" s="128"/>
      <c r="BB2954" s="107">
        <v>45884</v>
      </c>
    </row>
    <row r="2955" spans="1:54" s="8" customFormat="1" ht="13.95" customHeight="1" x14ac:dyDescent="0.25">
      <c r="A2955" s="219" t="s">
        <v>6778</v>
      </c>
      <c r="B2955" s="220" t="s">
        <v>6395</v>
      </c>
      <c r="C2955" s="98" t="s">
        <v>6779</v>
      </c>
      <c r="D2955" s="98" t="s">
        <v>20685</v>
      </c>
      <c r="E2955" s="141">
        <v>2001</v>
      </c>
      <c r="F2955" s="141">
        <v>412</v>
      </c>
      <c r="G2955" s="98" t="s">
        <v>1</v>
      </c>
      <c r="H2955" s="98">
        <v>0</v>
      </c>
      <c r="I2955" s="98">
        <v>0</v>
      </c>
      <c r="J2955" s="98" t="s">
        <v>400</v>
      </c>
      <c r="K2955" s="98" t="s">
        <v>400</v>
      </c>
      <c r="L2955" s="98" t="s">
        <v>400</v>
      </c>
      <c r="M2955" s="98" t="s">
        <v>400</v>
      </c>
      <c r="N2955" s="98" t="s">
        <v>400</v>
      </c>
      <c r="O2955" s="98" t="s">
        <v>400</v>
      </c>
      <c r="P2955" s="98" t="s">
        <v>400</v>
      </c>
      <c r="Q2955" s="98" t="s">
        <v>400</v>
      </c>
      <c r="R2955" s="98" t="s">
        <v>400</v>
      </c>
      <c r="S2955" s="98" t="s">
        <v>400</v>
      </c>
      <c r="T2955" s="98" t="s">
        <v>400</v>
      </c>
      <c r="U2955" s="128"/>
      <c r="V2955" s="128"/>
      <c r="W2955" s="128"/>
      <c r="X2955" s="128"/>
      <c r="Y2955" s="128"/>
      <c r="Z2955" s="128"/>
      <c r="AA2955" s="128"/>
      <c r="AB2955" s="128"/>
      <c r="AC2955" s="128"/>
      <c r="AD2955" s="128"/>
      <c r="AE2955" s="128"/>
      <c r="AF2955" s="128"/>
      <c r="AG2955" s="128"/>
      <c r="AH2955" s="128"/>
      <c r="AI2955" s="128"/>
      <c r="AJ2955" s="128"/>
      <c r="AK2955" s="128"/>
      <c r="AL2955" s="128"/>
      <c r="AM2955" s="128"/>
      <c r="AN2955" s="128"/>
      <c r="AO2955" s="128"/>
      <c r="AP2955" s="128"/>
      <c r="AQ2955" s="128"/>
      <c r="AR2955" s="128"/>
      <c r="AS2955" s="128"/>
      <c r="AT2955" s="128"/>
      <c r="AU2955" s="128"/>
      <c r="AV2955" s="128"/>
      <c r="AW2955" s="128"/>
      <c r="AX2955" s="128"/>
      <c r="AY2955" s="128"/>
      <c r="AZ2955" s="128"/>
      <c r="BA2955" s="128"/>
      <c r="BB2955" s="107">
        <v>45884</v>
      </c>
    </row>
    <row r="2956" spans="1:54" s="8" customFormat="1" ht="13.95" customHeight="1" x14ac:dyDescent="0.25">
      <c r="A2956" s="219" t="s">
        <v>6780</v>
      </c>
      <c r="B2956" s="220" t="s">
        <v>6395</v>
      </c>
      <c r="C2956" s="98" t="s">
        <v>6781</v>
      </c>
      <c r="D2956" s="98" t="s">
        <v>20686</v>
      </c>
      <c r="E2956" s="141">
        <v>1998</v>
      </c>
      <c r="F2956" s="141">
        <v>412</v>
      </c>
      <c r="G2956" s="98" t="s">
        <v>1</v>
      </c>
      <c r="H2956" s="98">
        <v>0</v>
      </c>
      <c r="I2956" s="98">
        <v>0</v>
      </c>
      <c r="J2956" s="98" t="s">
        <v>400</v>
      </c>
      <c r="K2956" s="98" t="s">
        <v>400</v>
      </c>
      <c r="L2956" s="98" t="s">
        <v>400</v>
      </c>
      <c r="M2956" s="98" t="s">
        <v>400</v>
      </c>
      <c r="N2956" s="98" t="s">
        <v>400</v>
      </c>
      <c r="O2956" s="98" t="s">
        <v>400</v>
      </c>
      <c r="P2956" s="98" t="s">
        <v>400</v>
      </c>
      <c r="Q2956" s="98" t="s">
        <v>400</v>
      </c>
      <c r="R2956" s="98" t="s">
        <v>400</v>
      </c>
      <c r="S2956" s="98" t="s">
        <v>400</v>
      </c>
      <c r="T2956" s="98" t="s">
        <v>400</v>
      </c>
      <c r="U2956" s="128"/>
      <c r="V2956" s="128"/>
      <c r="W2956" s="128"/>
      <c r="X2956" s="128"/>
      <c r="Y2956" s="128"/>
      <c r="Z2956" s="128"/>
      <c r="AA2956" s="128"/>
      <c r="AB2956" s="128"/>
      <c r="AC2956" s="128"/>
      <c r="AD2956" s="128"/>
      <c r="AE2956" s="128"/>
      <c r="AF2956" s="128"/>
      <c r="AG2956" s="128"/>
      <c r="AH2956" s="128"/>
      <c r="AI2956" s="128"/>
      <c r="AJ2956" s="128"/>
      <c r="AK2956" s="128"/>
      <c r="AL2956" s="128"/>
      <c r="AM2956" s="128"/>
      <c r="AN2956" s="128"/>
      <c r="AO2956" s="128"/>
      <c r="AP2956" s="128"/>
      <c r="AQ2956" s="128"/>
      <c r="AR2956" s="128"/>
      <c r="AS2956" s="128"/>
      <c r="AT2956" s="128"/>
      <c r="AU2956" s="128"/>
      <c r="AV2956" s="128"/>
      <c r="AW2956" s="128"/>
      <c r="AX2956" s="128"/>
      <c r="AY2956" s="128"/>
      <c r="AZ2956" s="128"/>
      <c r="BA2956" s="128"/>
      <c r="BB2956" s="107">
        <v>45884</v>
      </c>
    </row>
    <row r="2957" spans="1:54" s="8" customFormat="1" ht="13.95" customHeight="1" x14ac:dyDescent="0.25">
      <c r="A2957" s="219" t="s">
        <v>6782</v>
      </c>
      <c r="B2957" s="220" t="s">
        <v>6395</v>
      </c>
      <c r="C2957" s="98" t="s">
        <v>6783</v>
      </c>
      <c r="D2957" s="98" t="s">
        <v>20687</v>
      </c>
      <c r="E2957" s="141">
        <v>1980</v>
      </c>
      <c r="F2957" s="141">
        <v>414</v>
      </c>
      <c r="G2957" s="98" t="s">
        <v>1</v>
      </c>
      <c r="H2957" s="98">
        <v>0</v>
      </c>
      <c r="I2957" s="98">
        <v>0</v>
      </c>
      <c r="J2957" s="98" t="s">
        <v>400</v>
      </c>
      <c r="K2957" s="98" t="s">
        <v>400</v>
      </c>
      <c r="L2957" s="98" t="s">
        <v>400</v>
      </c>
      <c r="M2957" s="98" t="s">
        <v>400</v>
      </c>
      <c r="N2957" s="98" t="s">
        <v>400</v>
      </c>
      <c r="O2957" s="98" t="s">
        <v>400</v>
      </c>
      <c r="P2957" s="98" t="s">
        <v>400</v>
      </c>
      <c r="Q2957" s="98" t="s">
        <v>400</v>
      </c>
      <c r="R2957" s="98" t="s">
        <v>400</v>
      </c>
      <c r="S2957" s="98" t="s">
        <v>400</v>
      </c>
      <c r="T2957" s="98" t="s">
        <v>400</v>
      </c>
      <c r="U2957" s="128"/>
      <c r="V2957" s="128"/>
      <c r="W2957" s="128"/>
      <c r="X2957" s="128"/>
      <c r="Y2957" s="128"/>
      <c r="Z2957" s="128"/>
      <c r="AA2957" s="128"/>
      <c r="AB2957" s="128"/>
      <c r="AC2957" s="128"/>
      <c r="AD2957" s="128"/>
      <c r="AE2957" s="128"/>
      <c r="AF2957" s="128"/>
      <c r="AG2957" s="128"/>
      <c r="AH2957" s="128"/>
      <c r="AI2957" s="128"/>
      <c r="AJ2957" s="128"/>
      <c r="AK2957" s="128"/>
      <c r="AL2957" s="128"/>
      <c r="AM2957" s="128"/>
      <c r="AN2957" s="128"/>
      <c r="AO2957" s="128"/>
      <c r="AP2957" s="128"/>
      <c r="AQ2957" s="128"/>
      <c r="AR2957" s="128"/>
      <c r="AS2957" s="128"/>
      <c r="AT2957" s="128"/>
      <c r="AU2957" s="128"/>
      <c r="AV2957" s="128"/>
      <c r="AW2957" s="128"/>
      <c r="AX2957" s="128"/>
      <c r="AY2957" s="128"/>
      <c r="AZ2957" s="128"/>
      <c r="BA2957" s="128"/>
      <c r="BB2957" s="107">
        <v>45884</v>
      </c>
    </row>
    <row r="2958" spans="1:54" s="8" customFormat="1" ht="13.95" customHeight="1" x14ac:dyDescent="0.25">
      <c r="A2958" s="219" t="s">
        <v>6784</v>
      </c>
      <c r="B2958" s="220" t="s">
        <v>6395</v>
      </c>
      <c r="C2958" s="98" t="s">
        <v>6785</v>
      </c>
      <c r="D2958" s="98" t="s">
        <v>20688</v>
      </c>
      <c r="E2958" s="141">
        <v>2001</v>
      </c>
      <c r="F2958" s="141">
        <v>418</v>
      </c>
      <c r="G2958" s="98" t="s">
        <v>1</v>
      </c>
      <c r="H2958" s="98">
        <v>0</v>
      </c>
      <c r="I2958" s="98">
        <v>0</v>
      </c>
      <c r="J2958" s="98" t="s">
        <v>400</v>
      </c>
      <c r="K2958" s="98" t="s">
        <v>400</v>
      </c>
      <c r="L2958" s="98" t="s">
        <v>400</v>
      </c>
      <c r="M2958" s="98" t="s">
        <v>400</v>
      </c>
      <c r="N2958" s="98" t="s">
        <v>400</v>
      </c>
      <c r="O2958" s="98" t="s">
        <v>400</v>
      </c>
      <c r="P2958" s="98" t="s">
        <v>400</v>
      </c>
      <c r="Q2958" s="98" t="s">
        <v>400</v>
      </c>
      <c r="R2958" s="98" t="s">
        <v>400</v>
      </c>
      <c r="S2958" s="98" t="s">
        <v>400</v>
      </c>
      <c r="T2958" s="98" t="s">
        <v>400</v>
      </c>
      <c r="U2958" s="128"/>
      <c r="V2958" s="128"/>
      <c r="W2958" s="128"/>
      <c r="X2958" s="128"/>
      <c r="Y2958" s="128"/>
      <c r="Z2958" s="128"/>
      <c r="AA2958" s="128"/>
      <c r="AB2958" s="128"/>
      <c r="AC2958" s="128"/>
      <c r="AD2958" s="128"/>
      <c r="AE2958" s="128"/>
      <c r="AF2958" s="128"/>
      <c r="AG2958" s="128"/>
      <c r="AH2958" s="128"/>
      <c r="AI2958" s="128"/>
      <c r="AJ2958" s="128"/>
      <c r="AK2958" s="128"/>
      <c r="AL2958" s="128"/>
      <c r="AM2958" s="128"/>
      <c r="AN2958" s="128"/>
      <c r="AO2958" s="128"/>
      <c r="AP2958" s="128"/>
      <c r="AQ2958" s="128"/>
      <c r="AR2958" s="128"/>
      <c r="AS2958" s="128"/>
      <c r="AT2958" s="128"/>
      <c r="AU2958" s="128"/>
      <c r="AV2958" s="128"/>
      <c r="AW2958" s="128"/>
      <c r="AX2958" s="128"/>
      <c r="AY2958" s="128"/>
      <c r="AZ2958" s="128"/>
      <c r="BA2958" s="128"/>
      <c r="BB2958" s="107">
        <v>45884</v>
      </c>
    </row>
    <row r="2959" spans="1:54" s="8" customFormat="1" ht="13.95" customHeight="1" x14ac:dyDescent="0.25">
      <c r="A2959" s="219" t="s">
        <v>6786</v>
      </c>
      <c r="B2959" s="220" t="s">
        <v>6395</v>
      </c>
      <c r="C2959" s="98" t="s">
        <v>6787</v>
      </c>
      <c r="D2959" s="98" t="s">
        <v>20689</v>
      </c>
      <c r="E2959" s="141">
        <v>1985</v>
      </c>
      <c r="F2959" s="141">
        <v>420</v>
      </c>
      <c r="G2959" s="98" t="s">
        <v>8</v>
      </c>
      <c r="H2959" s="98">
        <v>0</v>
      </c>
      <c r="I2959" s="98">
        <v>0</v>
      </c>
      <c r="J2959" s="98" t="s">
        <v>400</v>
      </c>
      <c r="K2959" s="98" t="s">
        <v>400</v>
      </c>
      <c r="L2959" s="98" t="s">
        <v>400</v>
      </c>
      <c r="M2959" s="98" t="s">
        <v>400</v>
      </c>
      <c r="N2959" s="98" t="s">
        <v>400</v>
      </c>
      <c r="O2959" s="98" t="s">
        <v>400</v>
      </c>
      <c r="P2959" s="98" t="s">
        <v>400</v>
      </c>
      <c r="Q2959" s="98" t="s">
        <v>400</v>
      </c>
      <c r="R2959" s="98" t="s">
        <v>400</v>
      </c>
      <c r="S2959" s="98" t="s">
        <v>400</v>
      </c>
      <c r="T2959" s="98" t="s">
        <v>400</v>
      </c>
      <c r="U2959" s="98">
        <v>0</v>
      </c>
      <c r="V2959" s="98">
        <v>0</v>
      </c>
      <c r="W2959" s="98" t="s">
        <v>400</v>
      </c>
      <c r="X2959" s="98">
        <v>0</v>
      </c>
      <c r="Y2959" s="98">
        <v>0</v>
      </c>
      <c r="Z2959" s="98">
        <v>0</v>
      </c>
      <c r="AA2959" s="98" t="s">
        <v>400</v>
      </c>
      <c r="AB2959" s="98">
        <v>0</v>
      </c>
      <c r="AC2959" s="98">
        <v>0</v>
      </c>
      <c r="AD2959" s="98">
        <v>0</v>
      </c>
      <c r="AE2959" s="98">
        <v>0</v>
      </c>
      <c r="AF2959" s="98">
        <v>0</v>
      </c>
      <c r="AG2959" s="98">
        <v>0</v>
      </c>
      <c r="AH2959" s="98">
        <v>0</v>
      </c>
      <c r="AI2959" s="98">
        <v>0</v>
      </c>
      <c r="AJ2959" s="98">
        <v>0</v>
      </c>
      <c r="AK2959" s="98">
        <v>0</v>
      </c>
      <c r="AL2959" s="98">
        <v>0</v>
      </c>
      <c r="AM2959" s="98">
        <v>0</v>
      </c>
      <c r="AN2959" s="98">
        <v>0</v>
      </c>
      <c r="AO2959" s="98">
        <v>0</v>
      </c>
      <c r="AP2959" s="98">
        <v>0</v>
      </c>
      <c r="AQ2959" s="98">
        <v>0</v>
      </c>
      <c r="AR2959" s="98">
        <v>0</v>
      </c>
      <c r="AS2959" s="98">
        <v>0</v>
      </c>
      <c r="AT2959" s="129">
        <v>0</v>
      </c>
      <c r="AU2959" s="98">
        <v>0</v>
      </c>
      <c r="AV2959" s="98">
        <v>0</v>
      </c>
      <c r="AW2959" s="98">
        <v>0</v>
      </c>
      <c r="AX2959" s="98"/>
      <c r="AY2959" s="98"/>
      <c r="AZ2959" s="98"/>
      <c r="BA2959" s="98"/>
      <c r="BB2959" s="107">
        <v>45884</v>
      </c>
    </row>
    <row r="2960" spans="1:54" s="8" customFormat="1" ht="13.95" customHeight="1" x14ac:dyDescent="0.25">
      <c r="A2960" s="219" t="s">
        <v>6788</v>
      </c>
      <c r="B2960" s="220" t="s">
        <v>6395</v>
      </c>
      <c r="C2960" s="98" t="s">
        <v>6789</v>
      </c>
      <c r="D2960" s="98" t="s">
        <v>20631</v>
      </c>
      <c r="E2960" s="141">
        <v>2002</v>
      </c>
      <c r="F2960" s="141">
        <v>421</v>
      </c>
      <c r="G2960" s="98" t="s">
        <v>1</v>
      </c>
      <c r="H2960" s="98">
        <v>0</v>
      </c>
      <c r="I2960" s="98">
        <v>0</v>
      </c>
      <c r="J2960" s="98" t="s">
        <v>400</v>
      </c>
      <c r="K2960" s="98" t="s">
        <v>400</v>
      </c>
      <c r="L2960" s="98" t="s">
        <v>400</v>
      </c>
      <c r="M2960" s="98" t="s">
        <v>400</v>
      </c>
      <c r="N2960" s="98" t="s">
        <v>400</v>
      </c>
      <c r="O2960" s="98" t="s">
        <v>400</v>
      </c>
      <c r="P2960" s="98" t="s">
        <v>400</v>
      </c>
      <c r="Q2960" s="98" t="s">
        <v>400</v>
      </c>
      <c r="R2960" s="98" t="s">
        <v>400</v>
      </c>
      <c r="S2960" s="98" t="s">
        <v>400</v>
      </c>
      <c r="T2960" s="98" t="s">
        <v>400</v>
      </c>
      <c r="U2960" s="128"/>
      <c r="V2960" s="128"/>
      <c r="W2960" s="128"/>
      <c r="X2960" s="128"/>
      <c r="Y2960" s="128"/>
      <c r="Z2960" s="128"/>
      <c r="AA2960" s="128"/>
      <c r="AB2960" s="128"/>
      <c r="AC2960" s="128"/>
      <c r="AD2960" s="128"/>
      <c r="AE2960" s="128"/>
      <c r="AF2960" s="128"/>
      <c r="AG2960" s="128"/>
      <c r="AH2960" s="128"/>
      <c r="AI2960" s="128"/>
      <c r="AJ2960" s="128"/>
      <c r="AK2960" s="128"/>
      <c r="AL2960" s="128"/>
      <c r="AM2960" s="128"/>
      <c r="AN2960" s="128"/>
      <c r="AO2960" s="128"/>
      <c r="AP2960" s="128"/>
      <c r="AQ2960" s="128"/>
      <c r="AR2960" s="128"/>
      <c r="AS2960" s="128"/>
      <c r="AT2960" s="128"/>
      <c r="AU2960" s="128"/>
      <c r="AV2960" s="128"/>
      <c r="AW2960" s="128"/>
      <c r="AX2960" s="128"/>
      <c r="AY2960" s="128"/>
      <c r="AZ2960" s="128"/>
      <c r="BA2960" s="128"/>
      <c r="BB2960" s="107">
        <v>45884</v>
      </c>
    </row>
    <row r="2961" spans="1:54" s="8" customFormat="1" ht="13.95" customHeight="1" x14ac:dyDescent="0.25">
      <c r="A2961" s="219" t="s">
        <v>6790</v>
      </c>
      <c r="B2961" s="220" t="s">
        <v>6395</v>
      </c>
      <c r="C2961" s="98" t="s">
        <v>6791</v>
      </c>
      <c r="D2961" s="98" t="s">
        <v>20690</v>
      </c>
      <c r="E2961" s="141">
        <v>1968</v>
      </c>
      <c r="F2961" s="141">
        <v>422</v>
      </c>
      <c r="G2961" s="98" t="s">
        <v>1</v>
      </c>
      <c r="H2961" s="98">
        <v>0</v>
      </c>
      <c r="I2961" s="98">
        <v>0</v>
      </c>
      <c r="J2961" s="98" t="s">
        <v>400</v>
      </c>
      <c r="K2961" s="98" t="s">
        <v>400</v>
      </c>
      <c r="L2961" s="98" t="s">
        <v>400</v>
      </c>
      <c r="M2961" s="98" t="s">
        <v>400</v>
      </c>
      <c r="N2961" s="98" t="s">
        <v>400</v>
      </c>
      <c r="O2961" s="98" t="s">
        <v>400</v>
      </c>
      <c r="P2961" s="98" t="s">
        <v>400</v>
      </c>
      <c r="Q2961" s="98" t="s">
        <v>400</v>
      </c>
      <c r="R2961" s="98" t="s">
        <v>400</v>
      </c>
      <c r="S2961" s="98" t="s">
        <v>400</v>
      </c>
      <c r="T2961" s="98" t="s">
        <v>400</v>
      </c>
      <c r="U2961" s="128"/>
      <c r="V2961" s="128"/>
      <c r="W2961" s="128"/>
      <c r="X2961" s="128"/>
      <c r="Y2961" s="128"/>
      <c r="Z2961" s="128"/>
      <c r="AA2961" s="128"/>
      <c r="AB2961" s="128"/>
      <c r="AC2961" s="128"/>
      <c r="AD2961" s="128"/>
      <c r="AE2961" s="128"/>
      <c r="AF2961" s="128"/>
      <c r="AG2961" s="128"/>
      <c r="AH2961" s="128"/>
      <c r="AI2961" s="128"/>
      <c r="AJ2961" s="128"/>
      <c r="AK2961" s="128"/>
      <c r="AL2961" s="128"/>
      <c r="AM2961" s="128"/>
      <c r="AN2961" s="128"/>
      <c r="AO2961" s="128"/>
      <c r="AP2961" s="128"/>
      <c r="AQ2961" s="128"/>
      <c r="AR2961" s="128"/>
      <c r="AS2961" s="128"/>
      <c r="AT2961" s="128"/>
      <c r="AU2961" s="128"/>
      <c r="AV2961" s="128"/>
      <c r="AW2961" s="128"/>
      <c r="AX2961" s="128"/>
      <c r="AY2961" s="128"/>
      <c r="AZ2961" s="128"/>
      <c r="BA2961" s="128"/>
      <c r="BB2961" s="107">
        <v>45884</v>
      </c>
    </row>
    <row r="2962" spans="1:54" s="8" customFormat="1" ht="13.95" customHeight="1" x14ac:dyDescent="0.25">
      <c r="A2962" s="219" t="s">
        <v>6792</v>
      </c>
      <c r="B2962" s="220" t="s">
        <v>6395</v>
      </c>
      <c r="C2962" s="98" t="s">
        <v>6793</v>
      </c>
      <c r="D2962" s="98" t="s">
        <v>20691</v>
      </c>
      <c r="E2962" s="141">
        <v>2002</v>
      </c>
      <c r="F2962" s="141">
        <v>423</v>
      </c>
      <c r="G2962" s="98" t="s">
        <v>1</v>
      </c>
      <c r="H2962" s="98">
        <v>0</v>
      </c>
      <c r="I2962" s="98">
        <v>0</v>
      </c>
      <c r="J2962" s="98" t="s">
        <v>400</v>
      </c>
      <c r="K2962" s="98" t="s">
        <v>400</v>
      </c>
      <c r="L2962" s="98" t="s">
        <v>400</v>
      </c>
      <c r="M2962" s="98" t="s">
        <v>400</v>
      </c>
      <c r="N2962" s="98" t="s">
        <v>400</v>
      </c>
      <c r="O2962" s="98" t="s">
        <v>400</v>
      </c>
      <c r="P2962" s="98" t="s">
        <v>400</v>
      </c>
      <c r="Q2962" s="98" t="s">
        <v>400</v>
      </c>
      <c r="R2962" s="98" t="s">
        <v>400</v>
      </c>
      <c r="S2962" s="98" t="s">
        <v>400</v>
      </c>
      <c r="T2962" s="98" t="s">
        <v>400</v>
      </c>
      <c r="U2962" s="128"/>
      <c r="V2962" s="128"/>
      <c r="W2962" s="128"/>
      <c r="X2962" s="128"/>
      <c r="Y2962" s="128"/>
      <c r="Z2962" s="128"/>
      <c r="AA2962" s="128"/>
      <c r="AB2962" s="128"/>
      <c r="AC2962" s="128"/>
      <c r="AD2962" s="128"/>
      <c r="AE2962" s="128"/>
      <c r="AF2962" s="128"/>
      <c r="AG2962" s="128"/>
      <c r="AH2962" s="128"/>
      <c r="AI2962" s="128"/>
      <c r="AJ2962" s="128"/>
      <c r="AK2962" s="128"/>
      <c r="AL2962" s="128"/>
      <c r="AM2962" s="128"/>
      <c r="AN2962" s="128"/>
      <c r="AO2962" s="128"/>
      <c r="AP2962" s="128"/>
      <c r="AQ2962" s="128"/>
      <c r="AR2962" s="128"/>
      <c r="AS2962" s="128"/>
      <c r="AT2962" s="128"/>
      <c r="AU2962" s="128"/>
      <c r="AV2962" s="128"/>
      <c r="AW2962" s="128"/>
      <c r="AX2962" s="128"/>
      <c r="AY2962" s="128"/>
      <c r="AZ2962" s="128"/>
      <c r="BA2962" s="128"/>
      <c r="BB2962" s="107">
        <v>45884</v>
      </c>
    </row>
    <row r="2963" spans="1:54" s="8" customFormat="1" ht="13.95" customHeight="1" x14ac:dyDescent="0.25">
      <c r="A2963" s="219" t="s">
        <v>6794</v>
      </c>
      <c r="B2963" s="220" t="s">
        <v>6395</v>
      </c>
      <c r="C2963" s="98" t="s">
        <v>6795</v>
      </c>
      <c r="D2963" s="98" t="s">
        <v>20692</v>
      </c>
      <c r="E2963" s="141">
        <v>2000</v>
      </c>
      <c r="F2963" s="141">
        <v>426</v>
      </c>
      <c r="G2963" s="98" t="s">
        <v>1</v>
      </c>
      <c r="H2963" s="98">
        <v>0</v>
      </c>
      <c r="I2963" s="98">
        <v>0</v>
      </c>
      <c r="J2963" s="98" t="s">
        <v>400</v>
      </c>
      <c r="K2963" s="98" t="s">
        <v>400</v>
      </c>
      <c r="L2963" s="98" t="s">
        <v>400</v>
      </c>
      <c r="M2963" s="98" t="s">
        <v>400</v>
      </c>
      <c r="N2963" s="98" t="s">
        <v>400</v>
      </c>
      <c r="O2963" s="98" t="s">
        <v>400</v>
      </c>
      <c r="P2963" s="98" t="s">
        <v>400</v>
      </c>
      <c r="Q2963" s="98" t="s">
        <v>400</v>
      </c>
      <c r="R2963" s="98" t="s">
        <v>400</v>
      </c>
      <c r="S2963" s="98" t="s">
        <v>400</v>
      </c>
      <c r="T2963" s="98" t="s">
        <v>400</v>
      </c>
      <c r="U2963" s="128"/>
      <c r="V2963" s="128"/>
      <c r="W2963" s="128"/>
      <c r="X2963" s="128"/>
      <c r="Y2963" s="128"/>
      <c r="Z2963" s="128"/>
      <c r="AA2963" s="128"/>
      <c r="AB2963" s="128"/>
      <c r="AC2963" s="128"/>
      <c r="AD2963" s="128"/>
      <c r="AE2963" s="128"/>
      <c r="AF2963" s="128"/>
      <c r="AG2963" s="128"/>
      <c r="AH2963" s="128"/>
      <c r="AI2963" s="128"/>
      <c r="AJ2963" s="128"/>
      <c r="AK2963" s="128"/>
      <c r="AL2963" s="128"/>
      <c r="AM2963" s="128"/>
      <c r="AN2963" s="128"/>
      <c r="AO2963" s="128"/>
      <c r="AP2963" s="128"/>
      <c r="AQ2963" s="128"/>
      <c r="AR2963" s="128"/>
      <c r="AS2963" s="128"/>
      <c r="AT2963" s="128"/>
      <c r="AU2963" s="128"/>
      <c r="AV2963" s="128"/>
      <c r="AW2963" s="128"/>
      <c r="AX2963" s="128"/>
      <c r="AY2963" s="128"/>
      <c r="AZ2963" s="128"/>
      <c r="BA2963" s="128"/>
      <c r="BB2963" s="107">
        <v>45884</v>
      </c>
    </row>
    <row r="2964" spans="1:54" s="8" customFormat="1" ht="13.95" customHeight="1" x14ac:dyDescent="0.25">
      <c r="A2964" s="219" t="s">
        <v>6796</v>
      </c>
      <c r="B2964" s="220" t="s">
        <v>6395</v>
      </c>
      <c r="C2964" s="98" t="s">
        <v>5081</v>
      </c>
      <c r="D2964" s="98" t="s">
        <v>20693</v>
      </c>
      <c r="E2964" s="141">
        <v>2002</v>
      </c>
      <c r="F2964" s="141">
        <v>431</v>
      </c>
      <c r="G2964" s="98" t="s">
        <v>1</v>
      </c>
      <c r="H2964" s="98">
        <v>0</v>
      </c>
      <c r="I2964" s="98">
        <v>0</v>
      </c>
      <c r="J2964" s="98" t="s">
        <v>400</v>
      </c>
      <c r="K2964" s="98" t="s">
        <v>400</v>
      </c>
      <c r="L2964" s="98" t="s">
        <v>400</v>
      </c>
      <c r="M2964" s="98" t="s">
        <v>400</v>
      </c>
      <c r="N2964" s="98" t="s">
        <v>400</v>
      </c>
      <c r="O2964" s="98" t="s">
        <v>400</v>
      </c>
      <c r="P2964" s="98" t="s">
        <v>400</v>
      </c>
      <c r="Q2964" s="98" t="s">
        <v>400</v>
      </c>
      <c r="R2964" s="98" t="s">
        <v>400</v>
      </c>
      <c r="S2964" s="98" t="s">
        <v>400</v>
      </c>
      <c r="T2964" s="98" t="s">
        <v>400</v>
      </c>
      <c r="U2964" s="128"/>
      <c r="V2964" s="128"/>
      <c r="W2964" s="128"/>
      <c r="X2964" s="128"/>
      <c r="Y2964" s="128"/>
      <c r="Z2964" s="128"/>
      <c r="AA2964" s="128"/>
      <c r="AB2964" s="128"/>
      <c r="AC2964" s="128"/>
      <c r="AD2964" s="128"/>
      <c r="AE2964" s="128"/>
      <c r="AF2964" s="128"/>
      <c r="AG2964" s="128"/>
      <c r="AH2964" s="128"/>
      <c r="AI2964" s="128"/>
      <c r="AJ2964" s="128"/>
      <c r="AK2964" s="128"/>
      <c r="AL2964" s="128"/>
      <c r="AM2964" s="128"/>
      <c r="AN2964" s="128"/>
      <c r="AO2964" s="128"/>
      <c r="AP2964" s="128"/>
      <c r="AQ2964" s="128"/>
      <c r="AR2964" s="128"/>
      <c r="AS2964" s="128"/>
      <c r="AT2964" s="128"/>
      <c r="AU2964" s="128"/>
      <c r="AV2964" s="128"/>
      <c r="AW2964" s="128"/>
      <c r="AX2964" s="128"/>
      <c r="AY2964" s="128"/>
      <c r="AZ2964" s="128"/>
      <c r="BA2964" s="128"/>
      <c r="BB2964" s="107">
        <v>45884</v>
      </c>
    </row>
    <row r="2965" spans="1:54" s="8" customFormat="1" ht="13.95" customHeight="1" x14ac:dyDescent="0.25">
      <c r="A2965" s="219" t="s">
        <v>6797</v>
      </c>
      <c r="B2965" s="220" t="s">
        <v>6395</v>
      </c>
      <c r="C2965" s="98" t="s">
        <v>6798</v>
      </c>
      <c r="D2965" s="98" t="s">
        <v>20694</v>
      </c>
      <c r="E2965" s="141">
        <v>2000</v>
      </c>
      <c r="F2965" s="141">
        <v>433</v>
      </c>
      <c r="G2965" s="98" t="s">
        <v>1</v>
      </c>
      <c r="H2965" s="98">
        <v>0</v>
      </c>
      <c r="I2965" s="98">
        <v>0</v>
      </c>
      <c r="J2965" s="98" t="s">
        <v>400</v>
      </c>
      <c r="K2965" s="98" t="s">
        <v>400</v>
      </c>
      <c r="L2965" s="98" t="s">
        <v>400</v>
      </c>
      <c r="M2965" s="98" t="s">
        <v>400</v>
      </c>
      <c r="N2965" s="98" t="s">
        <v>400</v>
      </c>
      <c r="O2965" s="98" t="s">
        <v>400</v>
      </c>
      <c r="P2965" s="98" t="s">
        <v>400</v>
      </c>
      <c r="Q2965" s="98" t="s">
        <v>400</v>
      </c>
      <c r="R2965" s="98" t="s">
        <v>400</v>
      </c>
      <c r="S2965" s="98" t="s">
        <v>400</v>
      </c>
      <c r="T2965" s="98" t="s">
        <v>400</v>
      </c>
      <c r="U2965" s="128"/>
      <c r="V2965" s="128"/>
      <c r="W2965" s="128"/>
      <c r="X2965" s="128"/>
      <c r="Y2965" s="128"/>
      <c r="Z2965" s="128"/>
      <c r="AA2965" s="128"/>
      <c r="AB2965" s="128"/>
      <c r="AC2965" s="128"/>
      <c r="AD2965" s="128"/>
      <c r="AE2965" s="128"/>
      <c r="AF2965" s="128"/>
      <c r="AG2965" s="128"/>
      <c r="AH2965" s="128"/>
      <c r="AI2965" s="128"/>
      <c r="AJ2965" s="128"/>
      <c r="AK2965" s="128"/>
      <c r="AL2965" s="128"/>
      <c r="AM2965" s="128"/>
      <c r="AN2965" s="128"/>
      <c r="AO2965" s="128"/>
      <c r="AP2965" s="128"/>
      <c r="AQ2965" s="128"/>
      <c r="AR2965" s="128"/>
      <c r="AS2965" s="128"/>
      <c r="AT2965" s="128"/>
      <c r="AU2965" s="128"/>
      <c r="AV2965" s="128"/>
      <c r="AW2965" s="128"/>
      <c r="AX2965" s="128"/>
      <c r="AY2965" s="128"/>
      <c r="AZ2965" s="128"/>
      <c r="BA2965" s="128"/>
      <c r="BB2965" s="107">
        <v>45884</v>
      </c>
    </row>
    <row r="2966" spans="1:54" s="8" customFormat="1" ht="13.95" customHeight="1" x14ac:dyDescent="0.25">
      <c r="A2966" s="219" t="s">
        <v>6799</v>
      </c>
      <c r="B2966" s="220" t="s">
        <v>6395</v>
      </c>
      <c r="C2966" s="98" t="s">
        <v>6800</v>
      </c>
      <c r="D2966" s="98" t="s">
        <v>20695</v>
      </c>
      <c r="E2966" s="141">
        <v>2001</v>
      </c>
      <c r="F2966" s="141">
        <v>434</v>
      </c>
      <c r="G2966" s="98" t="s">
        <v>1</v>
      </c>
      <c r="H2966" s="98">
        <v>0</v>
      </c>
      <c r="I2966" s="98">
        <v>0</v>
      </c>
      <c r="J2966" s="98" t="s">
        <v>400</v>
      </c>
      <c r="K2966" s="98" t="s">
        <v>400</v>
      </c>
      <c r="L2966" s="98" t="s">
        <v>400</v>
      </c>
      <c r="M2966" s="98" t="s">
        <v>400</v>
      </c>
      <c r="N2966" s="98" t="s">
        <v>400</v>
      </c>
      <c r="O2966" s="98" t="s">
        <v>400</v>
      </c>
      <c r="P2966" s="98" t="s">
        <v>400</v>
      </c>
      <c r="Q2966" s="98" t="s">
        <v>400</v>
      </c>
      <c r="R2966" s="98" t="s">
        <v>400</v>
      </c>
      <c r="S2966" s="98" t="s">
        <v>400</v>
      </c>
      <c r="T2966" s="98" t="s">
        <v>400</v>
      </c>
      <c r="U2966" s="128"/>
      <c r="V2966" s="128"/>
      <c r="W2966" s="128"/>
      <c r="X2966" s="128"/>
      <c r="Y2966" s="128"/>
      <c r="Z2966" s="128"/>
      <c r="AA2966" s="128"/>
      <c r="AB2966" s="128"/>
      <c r="AC2966" s="128"/>
      <c r="AD2966" s="128"/>
      <c r="AE2966" s="128"/>
      <c r="AF2966" s="128"/>
      <c r="AG2966" s="128"/>
      <c r="AH2966" s="128"/>
      <c r="AI2966" s="128"/>
      <c r="AJ2966" s="128"/>
      <c r="AK2966" s="128"/>
      <c r="AL2966" s="128"/>
      <c r="AM2966" s="128"/>
      <c r="AN2966" s="128"/>
      <c r="AO2966" s="128"/>
      <c r="AP2966" s="128"/>
      <c r="AQ2966" s="128"/>
      <c r="AR2966" s="128"/>
      <c r="AS2966" s="128"/>
      <c r="AT2966" s="128"/>
      <c r="AU2966" s="128"/>
      <c r="AV2966" s="128"/>
      <c r="AW2966" s="128"/>
      <c r="AX2966" s="128"/>
      <c r="AY2966" s="128"/>
      <c r="AZ2966" s="128"/>
      <c r="BA2966" s="128"/>
      <c r="BB2966" s="107">
        <v>45884</v>
      </c>
    </row>
    <row r="2967" spans="1:54" s="8" customFormat="1" ht="13.95" customHeight="1" x14ac:dyDescent="0.25">
      <c r="A2967" s="219" t="s">
        <v>6801</v>
      </c>
      <c r="B2967" s="220" t="s">
        <v>6395</v>
      </c>
      <c r="C2967" s="98" t="s">
        <v>6802</v>
      </c>
      <c r="D2967" s="98" t="s">
        <v>20696</v>
      </c>
      <c r="E2967" s="141">
        <v>1998</v>
      </c>
      <c r="F2967" s="141">
        <v>434</v>
      </c>
      <c r="G2967" s="98" t="s">
        <v>1</v>
      </c>
      <c r="H2967" s="98">
        <v>0</v>
      </c>
      <c r="I2967" s="98">
        <v>0</v>
      </c>
      <c r="J2967" s="98" t="s">
        <v>400</v>
      </c>
      <c r="K2967" s="98" t="s">
        <v>400</v>
      </c>
      <c r="L2967" s="98" t="s">
        <v>400</v>
      </c>
      <c r="M2967" s="98" t="s">
        <v>400</v>
      </c>
      <c r="N2967" s="98" t="s">
        <v>400</v>
      </c>
      <c r="O2967" s="98" t="s">
        <v>400</v>
      </c>
      <c r="P2967" s="98" t="s">
        <v>400</v>
      </c>
      <c r="Q2967" s="98" t="s">
        <v>400</v>
      </c>
      <c r="R2967" s="98" t="s">
        <v>400</v>
      </c>
      <c r="S2967" s="98" t="s">
        <v>400</v>
      </c>
      <c r="T2967" s="98" t="s">
        <v>400</v>
      </c>
      <c r="U2967" s="128"/>
      <c r="V2967" s="128"/>
      <c r="W2967" s="128"/>
      <c r="X2967" s="128"/>
      <c r="Y2967" s="128"/>
      <c r="Z2967" s="128"/>
      <c r="AA2967" s="128"/>
      <c r="AB2967" s="128"/>
      <c r="AC2967" s="128"/>
      <c r="AD2967" s="128"/>
      <c r="AE2967" s="128"/>
      <c r="AF2967" s="128"/>
      <c r="AG2967" s="128"/>
      <c r="AH2967" s="128"/>
      <c r="AI2967" s="128"/>
      <c r="AJ2967" s="128"/>
      <c r="AK2967" s="128"/>
      <c r="AL2967" s="128"/>
      <c r="AM2967" s="128"/>
      <c r="AN2967" s="128"/>
      <c r="AO2967" s="128"/>
      <c r="AP2967" s="128"/>
      <c r="AQ2967" s="128"/>
      <c r="AR2967" s="128"/>
      <c r="AS2967" s="128"/>
      <c r="AT2967" s="128"/>
      <c r="AU2967" s="128"/>
      <c r="AV2967" s="128"/>
      <c r="AW2967" s="128"/>
      <c r="AX2967" s="128"/>
      <c r="AY2967" s="128"/>
      <c r="AZ2967" s="128"/>
      <c r="BA2967" s="128"/>
      <c r="BB2967" s="107">
        <v>45884</v>
      </c>
    </row>
    <row r="2968" spans="1:54" s="8" customFormat="1" ht="13.95" customHeight="1" x14ac:dyDescent="0.25">
      <c r="A2968" s="219" t="s">
        <v>6803</v>
      </c>
      <c r="B2968" s="220" t="s">
        <v>6395</v>
      </c>
      <c r="C2968" s="98" t="s">
        <v>6804</v>
      </c>
      <c r="D2968" s="98" t="s">
        <v>20697</v>
      </c>
      <c r="E2968" s="141">
        <v>1984</v>
      </c>
      <c r="F2968" s="141">
        <v>439</v>
      </c>
      <c r="G2968" s="98" t="s">
        <v>1</v>
      </c>
      <c r="H2968" s="98">
        <v>0</v>
      </c>
      <c r="I2968" s="98">
        <v>0</v>
      </c>
      <c r="J2968" s="98" t="s">
        <v>400</v>
      </c>
      <c r="K2968" s="98" t="s">
        <v>400</v>
      </c>
      <c r="L2968" s="98" t="s">
        <v>400</v>
      </c>
      <c r="M2968" s="98" t="s">
        <v>400</v>
      </c>
      <c r="N2968" s="98" t="s">
        <v>400</v>
      </c>
      <c r="O2968" s="98" t="s">
        <v>400</v>
      </c>
      <c r="P2968" s="98" t="s">
        <v>400</v>
      </c>
      <c r="Q2968" s="98" t="s">
        <v>400</v>
      </c>
      <c r="R2968" s="98" t="s">
        <v>400</v>
      </c>
      <c r="S2968" s="98" t="s">
        <v>400</v>
      </c>
      <c r="T2968" s="98" t="s">
        <v>400</v>
      </c>
      <c r="U2968" s="128"/>
      <c r="V2968" s="128"/>
      <c r="W2968" s="128"/>
      <c r="X2968" s="128"/>
      <c r="Y2968" s="128"/>
      <c r="Z2968" s="128"/>
      <c r="AA2968" s="128"/>
      <c r="AB2968" s="128"/>
      <c r="AC2968" s="128"/>
      <c r="AD2968" s="128"/>
      <c r="AE2968" s="128"/>
      <c r="AF2968" s="128"/>
      <c r="AG2968" s="128"/>
      <c r="AH2968" s="128"/>
      <c r="AI2968" s="128"/>
      <c r="AJ2968" s="128"/>
      <c r="AK2968" s="128"/>
      <c r="AL2968" s="128"/>
      <c r="AM2968" s="128"/>
      <c r="AN2968" s="128"/>
      <c r="AO2968" s="128"/>
      <c r="AP2968" s="128"/>
      <c r="AQ2968" s="128"/>
      <c r="AR2968" s="128"/>
      <c r="AS2968" s="128"/>
      <c r="AT2968" s="128"/>
      <c r="AU2968" s="128"/>
      <c r="AV2968" s="128"/>
      <c r="AW2968" s="128"/>
      <c r="AX2968" s="128"/>
      <c r="AY2968" s="128"/>
      <c r="AZ2968" s="128"/>
      <c r="BA2968" s="128"/>
      <c r="BB2968" s="107">
        <v>45884</v>
      </c>
    </row>
    <row r="2969" spans="1:54" s="8" customFormat="1" ht="13.95" customHeight="1" x14ac:dyDescent="0.25">
      <c r="A2969" s="219" t="s">
        <v>6805</v>
      </c>
      <c r="B2969" s="220" t="s">
        <v>6395</v>
      </c>
      <c r="C2969" s="98" t="s">
        <v>6806</v>
      </c>
      <c r="D2969" s="98" t="s">
        <v>20698</v>
      </c>
      <c r="E2969" s="141">
        <v>1985</v>
      </c>
      <c r="F2969" s="141">
        <v>439</v>
      </c>
      <c r="G2969" s="98" t="s">
        <v>1</v>
      </c>
      <c r="H2969" s="98">
        <v>0</v>
      </c>
      <c r="I2969" s="98">
        <v>0</v>
      </c>
      <c r="J2969" s="98" t="s">
        <v>400</v>
      </c>
      <c r="K2969" s="98" t="s">
        <v>400</v>
      </c>
      <c r="L2969" s="98" t="s">
        <v>400</v>
      </c>
      <c r="M2969" s="98" t="s">
        <v>400</v>
      </c>
      <c r="N2969" s="98" t="s">
        <v>400</v>
      </c>
      <c r="O2969" s="98" t="s">
        <v>400</v>
      </c>
      <c r="P2969" s="98" t="s">
        <v>400</v>
      </c>
      <c r="Q2969" s="98" t="s">
        <v>400</v>
      </c>
      <c r="R2969" s="98" t="s">
        <v>400</v>
      </c>
      <c r="S2969" s="98" t="s">
        <v>400</v>
      </c>
      <c r="T2969" s="98" t="s">
        <v>400</v>
      </c>
      <c r="U2969" s="128"/>
      <c r="V2969" s="128"/>
      <c r="W2969" s="128"/>
      <c r="X2969" s="128"/>
      <c r="Y2969" s="128"/>
      <c r="Z2969" s="128"/>
      <c r="AA2969" s="128"/>
      <c r="AB2969" s="128"/>
      <c r="AC2969" s="128"/>
      <c r="AD2969" s="128"/>
      <c r="AE2969" s="128"/>
      <c r="AF2969" s="128"/>
      <c r="AG2969" s="128"/>
      <c r="AH2969" s="128"/>
      <c r="AI2969" s="128"/>
      <c r="AJ2969" s="128"/>
      <c r="AK2969" s="128"/>
      <c r="AL2969" s="128"/>
      <c r="AM2969" s="128"/>
      <c r="AN2969" s="128"/>
      <c r="AO2969" s="128"/>
      <c r="AP2969" s="128"/>
      <c r="AQ2969" s="128"/>
      <c r="AR2969" s="128"/>
      <c r="AS2969" s="128"/>
      <c r="AT2969" s="128"/>
      <c r="AU2969" s="128"/>
      <c r="AV2969" s="128"/>
      <c r="AW2969" s="128"/>
      <c r="AX2969" s="128"/>
      <c r="AY2969" s="128"/>
      <c r="AZ2969" s="128"/>
      <c r="BA2969" s="128"/>
      <c r="BB2969" s="107">
        <v>45884</v>
      </c>
    </row>
    <row r="2970" spans="1:54" s="8" customFormat="1" ht="13.95" customHeight="1" x14ac:dyDescent="0.25">
      <c r="A2970" s="219" t="s">
        <v>6807</v>
      </c>
      <c r="B2970" s="220" t="s">
        <v>6395</v>
      </c>
      <c r="C2970" s="98" t="s">
        <v>6808</v>
      </c>
      <c r="D2970" s="98" t="s">
        <v>20699</v>
      </c>
      <c r="E2970" s="141">
        <v>1984</v>
      </c>
      <c r="F2970" s="141">
        <v>442</v>
      </c>
      <c r="G2970" s="98" t="s">
        <v>1</v>
      </c>
      <c r="H2970" s="98">
        <v>0</v>
      </c>
      <c r="I2970" s="98">
        <v>0</v>
      </c>
      <c r="J2970" s="98" t="s">
        <v>400</v>
      </c>
      <c r="K2970" s="98" t="s">
        <v>400</v>
      </c>
      <c r="L2970" s="98" t="s">
        <v>400</v>
      </c>
      <c r="M2970" s="98" t="s">
        <v>400</v>
      </c>
      <c r="N2970" s="98" t="s">
        <v>400</v>
      </c>
      <c r="O2970" s="98" t="s">
        <v>400</v>
      </c>
      <c r="P2970" s="98" t="s">
        <v>400</v>
      </c>
      <c r="Q2970" s="98" t="s">
        <v>400</v>
      </c>
      <c r="R2970" s="98" t="s">
        <v>400</v>
      </c>
      <c r="S2970" s="98" t="s">
        <v>400</v>
      </c>
      <c r="T2970" s="98" t="s">
        <v>400</v>
      </c>
      <c r="U2970" s="128"/>
      <c r="V2970" s="128"/>
      <c r="W2970" s="128"/>
      <c r="X2970" s="128"/>
      <c r="Y2970" s="128"/>
      <c r="Z2970" s="128"/>
      <c r="AA2970" s="128"/>
      <c r="AB2970" s="128"/>
      <c r="AC2970" s="128"/>
      <c r="AD2970" s="128"/>
      <c r="AE2970" s="128"/>
      <c r="AF2970" s="128"/>
      <c r="AG2970" s="128"/>
      <c r="AH2970" s="128"/>
      <c r="AI2970" s="128"/>
      <c r="AJ2970" s="128"/>
      <c r="AK2970" s="128"/>
      <c r="AL2970" s="128"/>
      <c r="AM2970" s="128"/>
      <c r="AN2970" s="128"/>
      <c r="AO2970" s="128"/>
      <c r="AP2970" s="128"/>
      <c r="AQ2970" s="128"/>
      <c r="AR2970" s="128"/>
      <c r="AS2970" s="128"/>
      <c r="AT2970" s="128"/>
      <c r="AU2970" s="128"/>
      <c r="AV2970" s="128"/>
      <c r="AW2970" s="128"/>
      <c r="AX2970" s="128"/>
      <c r="AY2970" s="128"/>
      <c r="AZ2970" s="128"/>
      <c r="BA2970" s="128"/>
      <c r="BB2970" s="107">
        <v>45884</v>
      </c>
    </row>
    <row r="2971" spans="1:54" s="8" customFormat="1" ht="13.95" customHeight="1" x14ac:dyDescent="0.25">
      <c r="A2971" s="219" t="s">
        <v>6809</v>
      </c>
      <c r="B2971" s="220" t="s">
        <v>6395</v>
      </c>
      <c r="C2971" s="98" t="s">
        <v>6810</v>
      </c>
      <c r="D2971" s="98" t="s">
        <v>20700</v>
      </c>
      <c r="E2971" s="141">
        <v>1973</v>
      </c>
      <c r="F2971" s="141">
        <v>444</v>
      </c>
      <c r="G2971" s="98" t="s">
        <v>1</v>
      </c>
      <c r="H2971" s="98">
        <v>0</v>
      </c>
      <c r="I2971" s="98">
        <v>0</v>
      </c>
      <c r="J2971" s="98" t="s">
        <v>400</v>
      </c>
      <c r="K2971" s="98" t="s">
        <v>400</v>
      </c>
      <c r="L2971" s="98" t="s">
        <v>400</v>
      </c>
      <c r="M2971" s="98" t="s">
        <v>400</v>
      </c>
      <c r="N2971" s="98" t="s">
        <v>400</v>
      </c>
      <c r="O2971" s="98" t="s">
        <v>400</v>
      </c>
      <c r="P2971" s="98" t="s">
        <v>400</v>
      </c>
      <c r="Q2971" s="98" t="s">
        <v>400</v>
      </c>
      <c r="R2971" s="98" t="s">
        <v>400</v>
      </c>
      <c r="S2971" s="98" t="s">
        <v>400</v>
      </c>
      <c r="T2971" s="98" t="s">
        <v>400</v>
      </c>
      <c r="U2971" s="128"/>
      <c r="V2971" s="128"/>
      <c r="W2971" s="128"/>
      <c r="X2971" s="128"/>
      <c r="Y2971" s="128"/>
      <c r="Z2971" s="128"/>
      <c r="AA2971" s="128"/>
      <c r="AB2971" s="128"/>
      <c r="AC2971" s="128"/>
      <c r="AD2971" s="128"/>
      <c r="AE2971" s="128"/>
      <c r="AF2971" s="128"/>
      <c r="AG2971" s="128"/>
      <c r="AH2971" s="128"/>
      <c r="AI2971" s="128"/>
      <c r="AJ2971" s="128"/>
      <c r="AK2971" s="128"/>
      <c r="AL2971" s="128"/>
      <c r="AM2971" s="128"/>
      <c r="AN2971" s="128"/>
      <c r="AO2971" s="128"/>
      <c r="AP2971" s="128"/>
      <c r="AQ2971" s="128"/>
      <c r="AR2971" s="128"/>
      <c r="AS2971" s="128"/>
      <c r="AT2971" s="128"/>
      <c r="AU2971" s="128"/>
      <c r="AV2971" s="128"/>
      <c r="AW2971" s="128"/>
      <c r="AX2971" s="128"/>
      <c r="AY2971" s="128"/>
      <c r="AZ2971" s="128"/>
      <c r="BA2971" s="128"/>
      <c r="BB2971" s="107">
        <v>45884</v>
      </c>
    </row>
    <row r="2972" spans="1:54" s="8" customFormat="1" ht="13.95" customHeight="1" x14ac:dyDescent="0.25">
      <c r="A2972" s="219" t="s">
        <v>6811</v>
      </c>
      <c r="B2972" s="220" t="s">
        <v>6395</v>
      </c>
      <c r="C2972" s="98" t="s">
        <v>6812</v>
      </c>
      <c r="D2972" s="98" t="s">
        <v>20701</v>
      </c>
      <c r="E2972" s="141">
        <v>1974</v>
      </c>
      <c r="F2972" s="141">
        <v>444</v>
      </c>
      <c r="G2972" s="98" t="s">
        <v>1</v>
      </c>
      <c r="H2972" s="98">
        <v>0</v>
      </c>
      <c r="I2972" s="98">
        <v>0</v>
      </c>
      <c r="J2972" s="98" t="s">
        <v>400</v>
      </c>
      <c r="K2972" s="98" t="s">
        <v>400</v>
      </c>
      <c r="L2972" s="98" t="s">
        <v>400</v>
      </c>
      <c r="M2972" s="98" t="s">
        <v>400</v>
      </c>
      <c r="N2972" s="98" t="s">
        <v>400</v>
      </c>
      <c r="O2972" s="98" t="s">
        <v>400</v>
      </c>
      <c r="P2972" s="98" t="s">
        <v>400</v>
      </c>
      <c r="Q2972" s="98" t="s">
        <v>400</v>
      </c>
      <c r="R2972" s="98" t="s">
        <v>400</v>
      </c>
      <c r="S2972" s="98" t="s">
        <v>400</v>
      </c>
      <c r="T2972" s="98" t="s">
        <v>400</v>
      </c>
      <c r="U2972" s="128"/>
      <c r="V2972" s="128"/>
      <c r="W2972" s="128"/>
      <c r="X2972" s="128"/>
      <c r="Y2972" s="128"/>
      <c r="Z2972" s="128"/>
      <c r="AA2972" s="128"/>
      <c r="AB2972" s="128"/>
      <c r="AC2972" s="128"/>
      <c r="AD2972" s="128"/>
      <c r="AE2972" s="128"/>
      <c r="AF2972" s="128"/>
      <c r="AG2972" s="128"/>
      <c r="AH2972" s="128"/>
      <c r="AI2972" s="128"/>
      <c r="AJ2972" s="128"/>
      <c r="AK2972" s="128"/>
      <c r="AL2972" s="128"/>
      <c r="AM2972" s="128"/>
      <c r="AN2972" s="128"/>
      <c r="AO2972" s="128"/>
      <c r="AP2972" s="128"/>
      <c r="AQ2972" s="128"/>
      <c r="AR2972" s="128"/>
      <c r="AS2972" s="128"/>
      <c r="AT2972" s="128"/>
      <c r="AU2972" s="128"/>
      <c r="AV2972" s="128"/>
      <c r="AW2972" s="128"/>
      <c r="AX2972" s="128"/>
      <c r="AY2972" s="128"/>
      <c r="AZ2972" s="128"/>
      <c r="BA2972" s="128"/>
      <c r="BB2972" s="107">
        <v>45884</v>
      </c>
    </row>
    <row r="2973" spans="1:54" s="8" customFormat="1" ht="13.95" customHeight="1" x14ac:dyDescent="0.25">
      <c r="A2973" s="219" t="s">
        <v>6813</v>
      </c>
      <c r="B2973" s="220" t="s">
        <v>6395</v>
      </c>
      <c r="C2973" s="98" t="s">
        <v>6814</v>
      </c>
      <c r="D2973" s="98" t="s">
        <v>20702</v>
      </c>
      <c r="E2973" s="141">
        <v>1981</v>
      </c>
      <c r="F2973" s="141">
        <v>449</v>
      </c>
      <c r="G2973" s="98" t="s">
        <v>1</v>
      </c>
      <c r="H2973" s="98">
        <v>0</v>
      </c>
      <c r="I2973" s="98">
        <v>0</v>
      </c>
      <c r="J2973" s="98" t="s">
        <v>400</v>
      </c>
      <c r="K2973" s="98" t="s">
        <v>400</v>
      </c>
      <c r="L2973" s="98" t="s">
        <v>400</v>
      </c>
      <c r="M2973" s="98" t="s">
        <v>400</v>
      </c>
      <c r="N2973" s="98" t="s">
        <v>400</v>
      </c>
      <c r="O2973" s="98" t="s">
        <v>400</v>
      </c>
      <c r="P2973" s="98" t="s">
        <v>400</v>
      </c>
      <c r="Q2973" s="98" t="s">
        <v>400</v>
      </c>
      <c r="R2973" s="98" t="s">
        <v>400</v>
      </c>
      <c r="S2973" s="98" t="s">
        <v>400</v>
      </c>
      <c r="T2973" s="98" t="s">
        <v>400</v>
      </c>
      <c r="U2973" s="128"/>
      <c r="V2973" s="128"/>
      <c r="W2973" s="128"/>
      <c r="X2973" s="128"/>
      <c r="Y2973" s="128"/>
      <c r="Z2973" s="128"/>
      <c r="AA2973" s="128"/>
      <c r="AB2973" s="128"/>
      <c r="AC2973" s="128"/>
      <c r="AD2973" s="128"/>
      <c r="AE2973" s="128"/>
      <c r="AF2973" s="128"/>
      <c r="AG2973" s="128"/>
      <c r="AH2973" s="128"/>
      <c r="AI2973" s="128"/>
      <c r="AJ2973" s="128"/>
      <c r="AK2973" s="128"/>
      <c r="AL2973" s="128"/>
      <c r="AM2973" s="128"/>
      <c r="AN2973" s="128"/>
      <c r="AO2973" s="128"/>
      <c r="AP2973" s="128"/>
      <c r="AQ2973" s="128"/>
      <c r="AR2973" s="128"/>
      <c r="AS2973" s="128"/>
      <c r="AT2973" s="128"/>
      <c r="AU2973" s="128"/>
      <c r="AV2973" s="128"/>
      <c r="AW2973" s="128"/>
      <c r="AX2973" s="128"/>
      <c r="AY2973" s="128"/>
      <c r="AZ2973" s="128"/>
      <c r="BA2973" s="128"/>
      <c r="BB2973" s="107">
        <v>45884</v>
      </c>
    </row>
    <row r="2974" spans="1:54" s="8" customFormat="1" ht="13.95" customHeight="1" x14ac:dyDescent="0.25">
      <c r="A2974" s="219" t="s">
        <v>6815</v>
      </c>
      <c r="B2974" s="220" t="s">
        <v>6395</v>
      </c>
      <c r="C2974" s="98" t="s">
        <v>6816</v>
      </c>
      <c r="D2974" s="98" t="s">
        <v>20443</v>
      </c>
      <c r="E2974" s="141">
        <v>1968</v>
      </c>
      <c r="F2974" s="141">
        <v>450</v>
      </c>
      <c r="G2974" s="98" t="s">
        <v>1</v>
      </c>
      <c r="H2974" s="98">
        <v>0</v>
      </c>
      <c r="I2974" s="98">
        <v>0</v>
      </c>
      <c r="J2974" s="98" t="s">
        <v>400</v>
      </c>
      <c r="K2974" s="98" t="s">
        <v>400</v>
      </c>
      <c r="L2974" s="98" t="s">
        <v>400</v>
      </c>
      <c r="M2974" s="98" t="s">
        <v>400</v>
      </c>
      <c r="N2974" s="98" t="s">
        <v>400</v>
      </c>
      <c r="O2974" s="98" t="s">
        <v>400</v>
      </c>
      <c r="P2974" s="98" t="s">
        <v>400</v>
      </c>
      <c r="Q2974" s="98" t="s">
        <v>400</v>
      </c>
      <c r="R2974" s="98" t="s">
        <v>400</v>
      </c>
      <c r="S2974" s="98" t="s">
        <v>400</v>
      </c>
      <c r="T2974" s="98" t="s">
        <v>400</v>
      </c>
      <c r="U2974" s="128"/>
      <c r="V2974" s="128"/>
      <c r="W2974" s="128"/>
      <c r="X2974" s="128"/>
      <c r="Y2974" s="128"/>
      <c r="Z2974" s="128"/>
      <c r="AA2974" s="128"/>
      <c r="AB2974" s="128"/>
      <c r="AC2974" s="128"/>
      <c r="AD2974" s="128"/>
      <c r="AE2974" s="128"/>
      <c r="AF2974" s="128"/>
      <c r="AG2974" s="128"/>
      <c r="AH2974" s="128"/>
      <c r="AI2974" s="128"/>
      <c r="AJ2974" s="128"/>
      <c r="AK2974" s="128"/>
      <c r="AL2974" s="128"/>
      <c r="AM2974" s="128"/>
      <c r="AN2974" s="128"/>
      <c r="AO2974" s="128"/>
      <c r="AP2974" s="128"/>
      <c r="AQ2974" s="128"/>
      <c r="AR2974" s="128"/>
      <c r="AS2974" s="128"/>
      <c r="AT2974" s="128"/>
      <c r="AU2974" s="128"/>
      <c r="AV2974" s="128"/>
      <c r="AW2974" s="128"/>
      <c r="AX2974" s="128"/>
      <c r="AY2974" s="128"/>
      <c r="AZ2974" s="128"/>
      <c r="BA2974" s="128"/>
      <c r="BB2974" s="107">
        <v>45884</v>
      </c>
    </row>
    <row r="2975" spans="1:54" s="8" customFormat="1" ht="13.95" customHeight="1" x14ac:dyDescent="0.25">
      <c r="A2975" s="219" t="s">
        <v>6817</v>
      </c>
      <c r="B2975" s="220" t="s">
        <v>6395</v>
      </c>
      <c r="C2975" s="98" t="s">
        <v>6818</v>
      </c>
      <c r="D2975" s="98" t="s">
        <v>20703</v>
      </c>
      <c r="E2975" s="141">
        <v>1980</v>
      </c>
      <c r="F2975" s="141">
        <v>450</v>
      </c>
      <c r="G2975" s="98" t="s">
        <v>1</v>
      </c>
      <c r="H2975" s="98">
        <v>0</v>
      </c>
      <c r="I2975" s="98">
        <v>0</v>
      </c>
      <c r="J2975" s="98" t="s">
        <v>400</v>
      </c>
      <c r="K2975" s="98" t="s">
        <v>400</v>
      </c>
      <c r="L2975" s="98" t="s">
        <v>400</v>
      </c>
      <c r="M2975" s="98" t="s">
        <v>400</v>
      </c>
      <c r="N2975" s="98" t="s">
        <v>400</v>
      </c>
      <c r="O2975" s="98" t="s">
        <v>400</v>
      </c>
      <c r="P2975" s="98" t="s">
        <v>400</v>
      </c>
      <c r="Q2975" s="98" t="s">
        <v>400</v>
      </c>
      <c r="R2975" s="98" t="s">
        <v>400</v>
      </c>
      <c r="S2975" s="98" t="s">
        <v>400</v>
      </c>
      <c r="T2975" s="98" t="s">
        <v>400</v>
      </c>
      <c r="U2975" s="128"/>
      <c r="V2975" s="128"/>
      <c r="W2975" s="128"/>
      <c r="X2975" s="128"/>
      <c r="Y2975" s="128"/>
      <c r="Z2975" s="128"/>
      <c r="AA2975" s="128"/>
      <c r="AB2975" s="128"/>
      <c r="AC2975" s="128"/>
      <c r="AD2975" s="128"/>
      <c r="AE2975" s="128"/>
      <c r="AF2975" s="128"/>
      <c r="AG2975" s="128"/>
      <c r="AH2975" s="128"/>
      <c r="AI2975" s="128"/>
      <c r="AJ2975" s="128"/>
      <c r="AK2975" s="128"/>
      <c r="AL2975" s="128"/>
      <c r="AM2975" s="128"/>
      <c r="AN2975" s="128"/>
      <c r="AO2975" s="128"/>
      <c r="AP2975" s="128"/>
      <c r="AQ2975" s="128"/>
      <c r="AR2975" s="128"/>
      <c r="AS2975" s="128"/>
      <c r="AT2975" s="128"/>
      <c r="AU2975" s="128"/>
      <c r="AV2975" s="128"/>
      <c r="AW2975" s="128"/>
      <c r="AX2975" s="128"/>
      <c r="AY2975" s="128"/>
      <c r="AZ2975" s="128"/>
      <c r="BA2975" s="128"/>
      <c r="BB2975" s="107">
        <v>45884</v>
      </c>
    </row>
    <row r="2976" spans="1:54" s="8" customFormat="1" ht="13.95" customHeight="1" x14ac:dyDescent="0.25">
      <c r="A2976" s="219" t="s">
        <v>6819</v>
      </c>
      <c r="B2976" s="220" t="s">
        <v>6395</v>
      </c>
      <c r="C2976" s="98" t="s">
        <v>6820</v>
      </c>
      <c r="D2976" s="98" t="s">
        <v>20704</v>
      </c>
      <c r="E2976" s="141">
        <v>1977</v>
      </c>
      <c r="F2976" s="141">
        <v>453</v>
      </c>
      <c r="G2976" s="98" t="s">
        <v>1</v>
      </c>
      <c r="H2976" s="98">
        <v>0</v>
      </c>
      <c r="I2976" s="98">
        <v>0</v>
      </c>
      <c r="J2976" s="98" t="s">
        <v>400</v>
      </c>
      <c r="K2976" s="98" t="s">
        <v>400</v>
      </c>
      <c r="L2976" s="98" t="s">
        <v>400</v>
      </c>
      <c r="M2976" s="98" t="s">
        <v>400</v>
      </c>
      <c r="N2976" s="98" t="s">
        <v>400</v>
      </c>
      <c r="O2976" s="98" t="s">
        <v>400</v>
      </c>
      <c r="P2976" s="98" t="s">
        <v>400</v>
      </c>
      <c r="Q2976" s="98" t="s">
        <v>400</v>
      </c>
      <c r="R2976" s="98" t="s">
        <v>400</v>
      </c>
      <c r="S2976" s="98" t="s">
        <v>400</v>
      </c>
      <c r="T2976" s="98" t="s">
        <v>400</v>
      </c>
      <c r="U2976" s="128"/>
      <c r="V2976" s="128"/>
      <c r="W2976" s="128"/>
      <c r="X2976" s="128"/>
      <c r="Y2976" s="128"/>
      <c r="Z2976" s="128"/>
      <c r="AA2976" s="128"/>
      <c r="AB2976" s="128"/>
      <c r="AC2976" s="128"/>
      <c r="AD2976" s="128"/>
      <c r="AE2976" s="128"/>
      <c r="AF2976" s="128"/>
      <c r="AG2976" s="128"/>
      <c r="AH2976" s="128"/>
      <c r="AI2976" s="128"/>
      <c r="AJ2976" s="128"/>
      <c r="AK2976" s="128"/>
      <c r="AL2976" s="128"/>
      <c r="AM2976" s="128"/>
      <c r="AN2976" s="128"/>
      <c r="AO2976" s="128"/>
      <c r="AP2976" s="128"/>
      <c r="AQ2976" s="128"/>
      <c r="AR2976" s="128"/>
      <c r="AS2976" s="128"/>
      <c r="AT2976" s="128"/>
      <c r="AU2976" s="128"/>
      <c r="AV2976" s="128"/>
      <c r="AW2976" s="128"/>
      <c r="AX2976" s="128"/>
      <c r="AY2976" s="128"/>
      <c r="AZ2976" s="128"/>
      <c r="BA2976" s="128"/>
      <c r="BB2976" s="107">
        <v>45884</v>
      </c>
    </row>
    <row r="2977" spans="1:54" s="8" customFormat="1" ht="13.95" customHeight="1" x14ac:dyDescent="0.25">
      <c r="A2977" s="219" t="s">
        <v>6821</v>
      </c>
      <c r="B2977" s="220" t="s">
        <v>6395</v>
      </c>
      <c r="C2977" s="98" t="s">
        <v>6822</v>
      </c>
      <c r="D2977" s="98" t="s">
        <v>20705</v>
      </c>
      <c r="E2977" s="141">
        <v>2002</v>
      </c>
      <c r="F2977" s="141">
        <v>453</v>
      </c>
      <c r="G2977" s="98" t="s">
        <v>1</v>
      </c>
      <c r="H2977" s="98">
        <v>0</v>
      </c>
      <c r="I2977" s="98">
        <v>0</v>
      </c>
      <c r="J2977" s="98" t="s">
        <v>400</v>
      </c>
      <c r="K2977" s="98" t="s">
        <v>400</v>
      </c>
      <c r="L2977" s="98" t="s">
        <v>400</v>
      </c>
      <c r="M2977" s="98" t="s">
        <v>400</v>
      </c>
      <c r="N2977" s="98" t="s">
        <v>400</v>
      </c>
      <c r="O2977" s="98" t="s">
        <v>400</v>
      </c>
      <c r="P2977" s="98" t="s">
        <v>400</v>
      </c>
      <c r="Q2977" s="98" t="s">
        <v>400</v>
      </c>
      <c r="R2977" s="98" t="s">
        <v>400</v>
      </c>
      <c r="S2977" s="98" t="s">
        <v>400</v>
      </c>
      <c r="T2977" s="98" t="s">
        <v>400</v>
      </c>
      <c r="U2977" s="128"/>
      <c r="V2977" s="128"/>
      <c r="W2977" s="128"/>
      <c r="X2977" s="128"/>
      <c r="Y2977" s="128"/>
      <c r="Z2977" s="128"/>
      <c r="AA2977" s="128"/>
      <c r="AB2977" s="128"/>
      <c r="AC2977" s="128"/>
      <c r="AD2977" s="128"/>
      <c r="AE2977" s="128"/>
      <c r="AF2977" s="128"/>
      <c r="AG2977" s="128"/>
      <c r="AH2977" s="128"/>
      <c r="AI2977" s="128"/>
      <c r="AJ2977" s="128"/>
      <c r="AK2977" s="128"/>
      <c r="AL2977" s="128"/>
      <c r="AM2977" s="128"/>
      <c r="AN2977" s="128"/>
      <c r="AO2977" s="128"/>
      <c r="AP2977" s="128"/>
      <c r="AQ2977" s="128"/>
      <c r="AR2977" s="128"/>
      <c r="AS2977" s="128"/>
      <c r="AT2977" s="128"/>
      <c r="AU2977" s="128"/>
      <c r="AV2977" s="128"/>
      <c r="AW2977" s="128"/>
      <c r="AX2977" s="128"/>
      <c r="AY2977" s="128"/>
      <c r="AZ2977" s="128"/>
      <c r="BA2977" s="128"/>
      <c r="BB2977" s="107">
        <v>45884</v>
      </c>
    </row>
    <row r="2978" spans="1:54" s="8" customFormat="1" ht="13.95" customHeight="1" x14ac:dyDescent="0.25">
      <c r="A2978" s="219" t="s">
        <v>6823</v>
      </c>
      <c r="B2978" s="220" t="s">
        <v>6395</v>
      </c>
      <c r="C2978" s="98" t="s">
        <v>6824</v>
      </c>
      <c r="D2978" s="98" t="s">
        <v>20706</v>
      </c>
      <c r="E2978" s="141">
        <v>1979</v>
      </c>
      <c r="F2978" s="141">
        <v>455</v>
      </c>
      <c r="G2978" s="98" t="s">
        <v>1</v>
      </c>
      <c r="H2978" s="98">
        <v>0</v>
      </c>
      <c r="I2978" s="98">
        <v>0</v>
      </c>
      <c r="J2978" s="98" t="s">
        <v>400</v>
      </c>
      <c r="K2978" s="98" t="s">
        <v>400</v>
      </c>
      <c r="L2978" s="98" t="s">
        <v>400</v>
      </c>
      <c r="M2978" s="98" t="s">
        <v>400</v>
      </c>
      <c r="N2978" s="98" t="s">
        <v>400</v>
      </c>
      <c r="O2978" s="98" t="s">
        <v>400</v>
      </c>
      <c r="P2978" s="98" t="s">
        <v>400</v>
      </c>
      <c r="Q2978" s="98" t="s">
        <v>400</v>
      </c>
      <c r="R2978" s="98" t="s">
        <v>400</v>
      </c>
      <c r="S2978" s="98" t="s">
        <v>400</v>
      </c>
      <c r="T2978" s="98" t="s">
        <v>400</v>
      </c>
      <c r="U2978" s="128"/>
      <c r="V2978" s="128"/>
      <c r="W2978" s="128"/>
      <c r="X2978" s="128"/>
      <c r="Y2978" s="128"/>
      <c r="Z2978" s="128"/>
      <c r="AA2978" s="128"/>
      <c r="AB2978" s="128"/>
      <c r="AC2978" s="128"/>
      <c r="AD2978" s="128"/>
      <c r="AE2978" s="128"/>
      <c r="AF2978" s="128"/>
      <c r="AG2978" s="128"/>
      <c r="AH2978" s="128"/>
      <c r="AI2978" s="128"/>
      <c r="AJ2978" s="128"/>
      <c r="AK2978" s="128"/>
      <c r="AL2978" s="128"/>
      <c r="AM2978" s="128"/>
      <c r="AN2978" s="128"/>
      <c r="AO2978" s="128"/>
      <c r="AP2978" s="128"/>
      <c r="AQ2978" s="128"/>
      <c r="AR2978" s="128"/>
      <c r="AS2978" s="128"/>
      <c r="AT2978" s="128"/>
      <c r="AU2978" s="128"/>
      <c r="AV2978" s="128"/>
      <c r="AW2978" s="128"/>
      <c r="AX2978" s="128"/>
      <c r="AY2978" s="128"/>
      <c r="AZ2978" s="128"/>
      <c r="BA2978" s="128"/>
      <c r="BB2978" s="107">
        <v>45884</v>
      </c>
    </row>
    <row r="2979" spans="1:54" s="8" customFormat="1" ht="13.95" customHeight="1" x14ac:dyDescent="0.25">
      <c r="A2979" s="219" t="s">
        <v>6825</v>
      </c>
      <c r="B2979" s="220" t="s">
        <v>6395</v>
      </c>
      <c r="C2979" s="98" t="s">
        <v>6826</v>
      </c>
      <c r="D2979" s="98" t="s">
        <v>20707</v>
      </c>
      <c r="E2979" s="141">
        <v>1986</v>
      </c>
      <c r="F2979" s="141">
        <v>457</v>
      </c>
      <c r="G2979" s="98" t="s">
        <v>1</v>
      </c>
      <c r="H2979" s="98">
        <v>0</v>
      </c>
      <c r="I2979" s="98">
        <v>0</v>
      </c>
      <c r="J2979" s="98" t="s">
        <v>400</v>
      </c>
      <c r="K2979" s="98" t="s">
        <v>400</v>
      </c>
      <c r="L2979" s="98" t="s">
        <v>400</v>
      </c>
      <c r="M2979" s="98" t="s">
        <v>400</v>
      </c>
      <c r="N2979" s="98" t="s">
        <v>400</v>
      </c>
      <c r="O2979" s="98" t="s">
        <v>400</v>
      </c>
      <c r="P2979" s="98" t="s">
        <v>400</v>
      </c>
      <c r="Q2979" s="98" t="s">
        <v>400</v>
      </c>
      <c r="R2979" s="98" t="s">
        <v>400</v>
      </c>
      <c r="S2979" s="98" t="s">
        <v>400</v>
      </c>
      <c r="T2979" s="98" t="s">
        <v>400</v>
      </c>
      <c r="U2979" s="128"/>
      <c r="V2979" s="128"/>
      <c r="W2979" s="128"/>
      <c r="X2979" s="128"/>
      <c r="Y2979" s="128"/>
      <c r="Z2979" s="128"/>
      <c r="AA2979" s="128"/>
      <c r="AB2979" s="128"/>
      <c r="AC2979" s="128"/>
      <c r="AD2979" s="128"/>
      <c r="AE2979" s="128"/>
      <c r="AF2979" s="128"/>
      <c r="AG2979" s="128"/>
      <c r="AH2979" s="128"/>
      <c r="AI2979" s="128"/>
      <c r="AJ2979" s="128"/>
      <c r="AK2979" s="128"/>
      <c r="AL2979" s="128"/>
      <c r="AM2979" s="128"/>
      <c r="AN2979" s="128"/>
      <c r="AO2979" s="128"/>
      <c r="AP2979" s="128"/>
      <c r="AQ2979" s="128"/>
      <c r="AR2979" s="128"/>
      <c r="AS2979" s="128"/>
      <c r="AT2979" s="128"/>
      <c r="AU2979" s="128"/>
      <c r="AV2979" s="128"/>
      <c r="AW2979" s="128"/>
      <c r="AX2979" s="128"/>
      <c r="AY2979" s="128"/>
      <c r="AZ2979" s="128"/>
      <c r="BA2979" s="128"/>
      <c r="BB2979" s="107">
        <v>45884</v>
      </c>
    </row>
    <row r="2980" spans="1:54" s="8" customFormat="1" ht="13.95" customHeight="1" x14ac:dyDescent="0.25">
      <c r="A2980" s="219" t="s">
        <v>6827</v>
      </c>
      <c r="B2980" s="220" t="s">
        <v>6395</v>
      </c>
      <c r="C2980" s="98" t="s">
        <v>6828</v>
      </c>
      <c r="D2980" s="98" t="s">
        <v>6829</v>
      </c>
      <c r="E2980" s="141">
        <v>1999</v>
      </c>
      <c r="F2980" s="141">
        <v>461</v>
      </c>
      <c r="G2980" s="98" t="s">
        <v>1</v>
      </c>
      <c r="H2980" s="98">
        <v>0</v>
      </c>
      <c r="I2980" s="98">
        <v>0</v>
      </c>
      <c r="J2980" s="98" t="s">
        <v>400</v>
      </c>
      <c r="K2980" s="98" t="s">
        <v>400</v>
      </c>
      <c r="L2980" s="98" t="s">
        <v>400</v>
      </c>
      <c r="M2980" s="98" t="s">
        <v>400</v>
      </c>
      <c r="N2980" s="98" t="s">
        <v>400</v>
      </c>
      <c r="O2980" s="98" t="s">
        <v>400</v>
      </c>
      <c r="P2980" s="98" t="s">
        <v>400</v>
      </c>
      <c r="Q2980" s="98" t="s">
        <v>400</v>
      </c>
      <c r="R2980" s="98" t="s">
        <v>400</v>
      </c>
      <c r="S2980" s="98" t="s">
        <v>400</v>
      </c>
      <c r="T2980" s="98" t="s">
        <v>400</v>
      </c>
      <c r="U2980" s="128"/>
      <c r="V2980" s="128"/>
      <c r="W2980" s="128"/>
      <c r="X2980" s="128"/>
      <c r="Y2980" s="128"/>
      <c r="Z2980" s="128"/>
      <c r="AA2980" s="128"/>
      <c r="AB2980" s="128"/>
      <c r="AC2980" s="128"/>
      <c r="AD2980" s="128"/>
      <c r="AE2980" s="128"/>
      <c r="AF2980" s="128"/>
      <c r="AG2980" s="128"/>
      <c r="AH2980" s="128"/>
      <c r="AI2980" s="128"/>
      <c r="AJ2980" s="128"/>
      <c r="AK2980" s="128"/>
      <c r="AL2980" s="128"/>
      <c r="AM2980" s="128"/>
      <c r="AN2980" s="128"/>
      <c r="AO2980" s="128"/>
      <c r="AP2980" s="128"/>
      <c r="AQ2980" s="128"/>
      <c r="AR2980" s="128"/>
      <c r="AS2980" s="128"/>
      <c r="AT2980" s="128"/>
      <c r="AU2980" s="128"/>
      <c r="AV2980" s="128"/>
      <c r="AW2980" s="128"/>
      <c r="AX2980" s="128"/>
      <c r="AY2980" s="128"/>
      <c r="AZ2980" s="128"/>
      <c r="BA2980" s="98" t="s">
        <v>6830</v>
      </c>
      <c r="BB2980" s="107">
        <v>45884</v>
      </c>
    </row>
    <row r="2981" spans="1:54" s="8" customFormat="1" ht="13.95" customHeight="1" x14ac:dyDescent="0.25">
      <c r="A2981" s="219" t="s">
        <v>6831</v>
      </c>
      <c r="B2981" s="220" t="s">
        <v>6395</v>
      </c>
      <c r="C2981" s="98" t="s">
        <v>6832</v>
      </c>
      <c r="D2981" s="98" t="s">
        <v>20708</v>
      </c>
      <c r="E2981" s="141">
        <v>1990</v>
      </c>
      <c r="F2981" s="141">
        <v>461</v>
      </c>
      <c r="G2981" s="98" t="s">
        <v>1</v>
      </c>
      <c r="H2981" s="98">
        <v>0</v>
      </c>
      <c r="I2981" s="98">
        <v>0</v>
      </c>
      <c r="J2981" s="98" t="s">
        <v>400</v>
      </c>
      <c r="K2981" s="98" t="s">
        <v>400</v>
      </c>
      <c r="L2981" s="98" t="s">
        <v>400</v>
      </c>
      <c r="M2981" s="98" t="s">
        <v>400</v>
      </c>
      <c r="N2981" s="98" t="s">
        <v>400</v>
      </c>
      <c r="O2981" s="98" t="s">
        <v>400</v>
      </c>
      <c r="P2981" s="98" t="s">
        <v>400</v>
      </c>
      <c r="Q2981" s="98" t="s">
        <v>400</v>
      </c>
      <c r="R2981" s="98" t="s">
        <v>400</v>
      </c>
      <c r="S2981" s="98" t="s">
        <v>400</v>
      </c>
      <c r="T2981" s="98" t="s">
        <v>400</v>
      </c>
      <c r="U2981" s="128"/>
      <c r="V2981" s="128"/>
      <c r="W2981" s="128"/>
      <c r="X2981" s="128"/>
      <c r="Y2981" s="128"/>
      <c r="Z2981" s="128"/>
      <c r="AA2981" s="128"/>
      <c r="AB2981" s="128"/>
      <c r="AC2981" s="128"/>
      <c r="AD2981" s="128"/>
      <c r="AE2981" s="128"/>
      <c r="AF2981" s="128"/>
      <c r="AG2981" s="128"/>
      <c r="AH2981" s="128"/>
      <c r="AI2981" s="128"/>
      <c r="AJ2981" s="128"/>
      <c r="AK2981" s="128"/>
      <c r="AL2981" s="128"/>
      <c r="AM2981" s="128"/>
      <c r="AN2981" s="128"/>
      <c r="AO2981" s="128"/>
      <c r="AP2981" s="128"/>
      <c r="AQ2981" s="128"/>
      <c r="AR2981" s="128"/>
      <c r="AS2981" s="128"/>
      <c r="AT2981" s="128"/>
      <c r="AU2981" s="128"/>
      <c r="AV2981" s="128"/>
      <c r="AW2981" s="128"/>
      <c r="AX2981" s="128"/>
      <c r="AY2981" s="128"/>
      <c r="AZ2981" s="128"/>
      <c r="BA2981" s="128"/>
      <c r="BB2981" s="107">
        <v>45884</v>
      </c>
    </row>
    <row r="2982" spans="1:54" s="8" customFormat="1" ht="13.95" customHeight="1" x14ac:dyDescent="0.25">
      <c r="A2982" s="219" t="s">
        <v>6833</v>
      </c>
      <c r="B2982" s="220" t="s">
        <v>6395</v>
      </c>
      <c r="C2982" s="98" t="s">
        <v>6834</v>
      </c>
      <c r="D2982" s="98" t="s">
        <v>20709</v>
      </c>
      <c r="E2982" s="141">
        <v>1979</v>
      </c>
      <c r="F2982" s="141">
        <v>462</v>
      </c>
      <c r="G2982" s="98" t="s">
        <v>1</v>
      </c>
      <c r="H2982" s="98">
        <v>0</v>
      </c>
      <c r="I2982" s="98">
        <v>0</v>
      </c>
      <c r="J2982" s="98" t="s">
        <v>400</v>
      </c>
      <c r="K2982" s="98" t="s">
        <v>400</v>
      </c>
      <c r="L2982" s="98" t="s">
        <v>400</v>
      </c>
      <c r="M2982" s="98" t="s">
        <v>400</v>
      </c>
      <c r="N2982" s="98" t="s">
        <v>400</v>
      </c>
      <c r="O2982" s="98" t="s">
        <v>400</v>
      </c>
      <c r="P2982" s="98" t="s">
        <v>400</v>
      </c>
      <c r="Q2982" s="98" t="s">
        <v>400</v>
      </c>
      <c r="R2982" s="98" t="s">
        <v>400</v>
      </c>
      <c r="S2982" s="98" t="s">
        <v>400</v>
      </c>
      <c r="T2982" s="98" t="s">
        <v>400</v>
      </c>
      <c r="U2982" s="128"/>
      <c r="V2982" s="128"/>
      <c r="W2982" s="128"/>
      <c r="X2982" s="128"/>
      <c r="Y2982" s="128"/>
      <c r="Z2982" s="128"/>
      <c r="AA2982" s="128"/>
      <c r="AB2982" s="128"/>
      <c r="AC2982" s="128"/>
      <c r="AD2982" s="128"/>
      <c r="AE2982" s="128"/>
      <c r="AF2982" s="128"/>
      <c r="AG2982" s="128"/>
      <c r="AH2982" s="128"/>
      <c r="AI2982" s="128"/>
      <c r="AJ2982" s="128"/>
      <c r="AK2982" s="128"/>
      <c r="AL2982" s="128"/>
      <c r="AM2982" s="128"/>
      <c r="AN2982" s="128"/>
      <c r="AO2982" s="128"/>
      <c r="AP2982" s="128"/>
      <c r="AQ2982" s="128"/>
      <c r="AR2982" s="128"/>
      <c r="AS2982" s="128"/>
      <c r="AT2982" s="128"/>
      <c r="AU2982" s="128"/>
      <c r="AV2982" s="128"/>
      <c r="AW2982" s="128"/>
      <c r="AX2982" s="128"/>
      <c r="AY2982" s="128"/>
      <c r="AZ2982" s="128"/>
      <c r="BA2982" s="128"/>
      <c r="BB2982" s="107">
        <v>45884</v>
      </c>
    </row>
    <row r="2983" spans="1:54" s="8" customFormat="1" ht="13.95" customHeight="1" x14ac:dyDescent="0.25">
      <c r="A2983" s="219" t="s">
        <v>6835</v>
      </c>
      <c r="B2983" s="220" t="s">
        <v>6395</v>
      </c>
      <c r="C2983" s="98" t="s">
        <v>6836</v>
      </c>
      <c r="D2983" s="98" t="s">
        <v>20710</v>
      </c>
      <c r="E2983" s="141">
        <v>1993</v>
      </c>
      <c r="F2983" s="141">
        <v>462</v>
      </c>
      <c r="G2983" s="98" t="s">
        <v>1</v>
      </c>
      <c r="H2983" s="98">
        <v>0</v>
      </c>
      <c r="I2983" s="98">
        <v>0</v>
      </c>
      <c r="J2983" s="98" t="s">
        <v>400</v>
      </c>
      <c r="K2983" s="98" t="s">
        <v>400</v>
      </c>
      <c r="L2983" s="98" t="s">
        <v>400</v>
      </c>
      <c r="M2983" s="98" t="s">
        <v>400</v>
      </c>
      <c r="N2983" s="98" t="s">
        <v>400</v>
      </c>
      <c r="O2983" s="98" t="s">
        <v>400</v>
      </c>
      <c r="P2983" s="98" t="s">
        <v>400</v>
      </c>
      <c r="Q2983" s="98" t="s">
        <v>400</v>
      </c>
      <c r="R2983" s="98" t="s">
        <v>400</v>
      </c>
      <c r="S2983" s="98" t="s">
        <v>400</v>
      </c>
      <c r="T2983" s="98" t="s">
        <v>400</v>
      </c>
      <c r="U2983" s="128"/>
      <c r="V2983" s="128"/>
      <c r="W2983" s="128"/>
      <c r="X2983" s="128"/>
      <c r="Y2983" s="128"/>
      <c r="Z2983" s="128"/>
      <c r="AA2983" s="128"/>
      <c r="AB2983" s="128"/>
      <c r="AC2983" s="128"/>
      <c r="AD2983" s="128"/>
      <c r="AE2983" s="128"/>
      <c r="AF2983" s="128"/>
      <c r="AG2983" s="128"/>
      <c r="AH2983" s="128"/>
      <c r="AI2983" s="128"/>
      <c r="AJ2983" s="128"/>
      <c r="AK2983" s="128"/>
      <c r="AL2983" s="128"/>
      <c r="AM2983" s="128"/>
      <c r="AN2983" s="128"/>
      <c r="AO2983" s="128"/>
      <c r="AP2983" s="128"/>
      <c r="AQ2983" s="128"/>
      <c r="AR2983" s="128"/>
      <c r="AS2983" s="128"/>
      <c r="AT2983" s="128"/>
      <c r="AU2983" s="128"/>
      <c r="AV2983" s="128"/>
      <c r="AW2983" s="128"/>
      <c r="AX2983" s="128"/>
      <c r="AY2983" s="128"/>
      <c r="AZ2983" s="128"/>
      <c r="BA2983" s="128"/>
      <c r="BB2983" s="107">
        <v>45884</v>
      </c>
    </row>
    <row r="2984" spans="1:54" s="8" customFormat="1" ht="13.95" customHeight="1" x14ac:dyDescent="0.25">
      <c r="A2984" s="219" t="s">
        <v>6837</v>
      </c>
      <c r="B2984" s="220" t="s">
        <v>6395</v>
      </c>
      <c r="C2984" s="98" t="s">
        <v>6838</v>
      </c>
      <c r="D2984" s="98" t="s">
        <v>20711</v>
      </c>
      <c r="E2984" s="141">
        <v>2000</v>
      </c>
      <c r="F2984" s="141">
        <v>465</v>
      </c>
      <c r="G2984" s="98" t="s">
        <v>1</v>
      </c>
      <c r="H2984" s="98">
        <v>0</v>
      </c>
      <c r="I2984" s="98">
        <v>0</v>
      </c>
      <c r="J2984" s="98" t="s">
        <v>400</v>
      </c>
      <c r="K2984" s="98" t="s">
        <v>400</v>
      </c>
      <c r="L2984" s="98" t="s">
        <v>400</v>
      </c>
      <c r="M2984" s="98" t="s">
        <v>400</v>
      </c>
      <c r="N2984" s="98" t="s">
        <v>400</v>
      </c>
      <c r="O2984" s="98" t="s">
        <v>400</v>
      </c>
      <c r="P2984" s="98" t="s">
        <v>400</v>
      </c>
      <c r="Q2984" s="98" t="s">
        <v>400</v>
      </c>
      <c r="R2984" s="98" t="s">
        <v>400</v>
      </c>
      <c r="S2984" s="98" t="s">
        <v>400</v>
      </c>
      <c r="T2984" s="98" t="s">
        <v>400</v>
      </c>
      <c r="U2984" s="128"/>
      <c r="V2984" s="128"/>
      <c r="W2984" s="128"/>
      <c r="X2984" s="128"/>
      <c r="Y2984" s="128"/>
      <c r="Z2984" s="128"/>
      <c r="AA2984" s="128"/>
      <c r="AB2984" s="128"/>
      <c r="AC2984" s="128"/>
      <c r="AD2984" s="128"/>
      <c r="AE2984" s="128"/>
      <c r="AF2984" s="128"/>
      <c r="AG2984" s="128"/>
      <c r="AH2984" s="128"/>
      <c r="AI2984" s="128"/>
      <c r="AJ2984" s="128"/>
      <c r="AK2984" s="128"/>
      <c r="AL2984" s="128"/>
      <c r="AM2984" s="128"/>
      <c r="AN2984" s="128"/>
      <c r="AO2984" s="128"/>
      <c r="AP2984" s="128"/>
      <c r="AQ2984" s="128"/>
      <c r="AR2984" s="128"/>
      <c r="AS2984" s="128"/>
      <c r="AT2984" s="128"/>
      <c r="AU2984" s="128"/>
      <c r="AV2984" s="128"/>
      <c r="AW2984" s="128"/>
      <c r="AX2984" s="128"/>
      <c r="AY2984" s="128"/>
      <c r="AZ2984" s="128"/>
      <c r="BA2984" s="128"/>
      <c r="BB2984" s="107">
        <v>45884</v>
      </c>
    </row>
    <row r="2985" spans="1:54" s="8" customFormat="1" ht="13.95" customHeight="1" x14ac:dyDescent="0.25">
      <c r="A2985" s="219" t="s">
        <v>6839</v>
      </c>
      <c r="B2985" s="220" t="s">
        <v>6395</v>
      </c>
      <c r="C2985" s="98" t="s">
        <v>6840</v>
      </c>
      <c r="D2985" s="98" t="s">
        <v>20712</v>
      </c>
      <c r="E2985" s="141">
        <v>1984</v>
      </c>
      <c r="F2985" s="141">
        <v>466</v>
      </c>
      <c r="G2985" s="98" t="s">
        <v>1</v>
      </c>
      <c r="H2985" s="98">
        <v>0</v>
      </c>
      <c r="I2985" s="98">
        <v>0</v>
      </c>
      <c r="J2985" s="98" t="s">
        <v>400</v>
      </c>
      <c r="K2985" s="98" t="s">
        <v>400</v>
      </c>
      <c r="L2985" s="98" t="s">
        <v>400</v>
      </c>
      <c r="M2985" s="98" t="s">
        <v>400</v>
      </c>
      <c r="N2985" s="98" t="s">
        <v>400</v>
      </c>
      <c r="O2985" s="98" t="s">
        <v>400</v>
      </c>
      <c r="P2985" s="98" t="s">
        <v>400</v>
      </c>
      <c r="Q2985" s="98" t="s">
        <v>400</v>
      </c>
      <c r="R2985" s="98" t="s">
        <v>400</v>
      </c>
      <c r="S2985" s="98" t="s">
        <v>400</v>
      </c>
      <c r="T2985" s="98" t="s">
        <v>400</v>
      </c>
      <c r="U2985" s="128"/>
      <c r="V2985" s="128"/>
      <c r="W2985" s="128"/>
      <c r="X2985" s="128"/>
      <c r="Y2985" s="128"/>
      <c r="Z2985" s="128"/>
      <c r="AA2985" s="128"/>
      <c r="AB2985" s="128"/>
      <c r="AC2985" s="128"/>
      <c r="AD2985" s="128"/>
      <c r="AE2985" s="128"/>
      <c r="AF2985" s="128"/>
      <c r="AG2985" s="128"/>
      <c r="AH2985" s="128"/>
      <c r="AI2985" s="128"/>
      <c r="AJ2985" s="128"/>
      <c r="AK2985" s="128"/>
      <c r="AL2985" s="128"/>
      <c r="AM2985" s="128"/>
      <c r="AN2985" s="128"/>
      <c r="AO2985" s="128"/>
      <c r="AP2985" s="128"/>
      <c r="AQ2985" s="128"/>
      <c r="AR2985" s="128"/>
      <c r="AS2985" s="128"/>
      <c r="AT2985" s="128"/>
      <c r="AU2985" s="128"/>
      <c r="AV2985" s="128"/>
      <c r="AW2985" s="128"/>
      <c r="AX2985" s="128"/>
      <c r="AY2985" s="128"/>
      <c r="AZ2985" s="128"/>
      <c r="BA2985" s="128"/>
      <c r="BB2985" s="107">
        <v>45884</v>
      </c>
    </row>
    <row r="2986" spans="1:54" s="8" customFormat="1" ht="13.95" customHeight="1" x14ac:dyDescent="0.25">
      <c r="A2986" s="219" t="s">
        <v>6841</v>
      </c>
      <c r="B2986" s="220" t="s">
        <v>6395</v>
      </c>
      <c r="C2986" s="98" t="s">
        <v>6842</v>
      </c>
      <c r="D2986" s="98" t="s">
        <v>20713</v>
      </c>
      <c r="E2986" s="141">
        <v>1996</v>
      </c>
      <c r="F2986" s="141">
        <v>472</v>
      </c>
      <c r="G2986" s="98" t="s">
        <v>1</v>
      </c>
      <c r="H2986" s="98">
        <v>0</v>
      </c>
      <c r="I2986" s="98">
        <v>0</v>
      </c>
      <c r="J2986" s="98" t="s">
        <v>400</v>
      </c>
      <c r="K2986" s="98" t="s">
        <v>400</v>
      </c>
      <c r="L2986" s="98" t="s">
        <v>400</v>
      </c>
      <c r="M2986" s="98" t="s">
        <v>400</v>
      </c>
      <c r="N2986" s="98" t="s">
        <v>400</v>
      </c>
      <c r="O2986" s="98" t="s">
        <v>400</v>
      </c>
      <c r="P2986" s="98" t="s">
        <v>400</v>
      </c>
      <c r="Q2986" s="98" t="s">
        <v>400</v>
      </c>
      <c r="R2986" s="98" t="s">
        <v>400</v>
      </c>
      <c r="S2986" s="98" t="s">
        <v>400</v>
      </c>
      <c r="T2986" s="98" t="s">
        <v>400</v>
      </c>
      <c r="U2986" s="128"/>
      <c r="V2986" s="128"/>
      <c r="W2986" s="128"/>
      <c r="X2986" s="128"/>
      <c r="Y2986" s="128"/>
      <c r="Z2986" s="128"/>
      <c r="AA2986" s="128"/>
      <c r="AB2986" s="128"/>
      <c r="AC2986" s="128"/>
      <c r="AD2986" s="128"/>
      <c r="AE2986" s="128"/>
      <c r="AF2986" s="128"/>
      <c r="AG2986" s="128"/>
      <c r="AH2986" s="128"/>
      <c r="AI2986" s="128"/>
      <c r="AJ2986" s="128"/>
      <c r="AK2986" s="128"/>
      <c r="AL2986" s="128"/>
      <c r="AM2986" s="128"/>
      <c r="AN2986" s="128"/>
      <c r="AO2986" s="128"/>
      <c r="AP2986" s="128"/>
      <c r="AQ2986" s="128"/>
      <c r="AR2986" s="128"/>
      <c r="AS2986" s="128"/>
      <c r="AT2986" s="128"/>
      <c r="AU2986" s="128"/>
      <c r="AV2986" s="128"/>
      <c r="AW2986" s="128"/>
      <c r="AX2986" s="128"/>
      <c r="AY2986" s="128"/>
      <c r="AZ2986" s="128"/>
      <c r="BA2986" s="128"/>
      <c r="BB2986" s="107">
        <v>45884</v>
      </c>
    </row>
    <row r="2987" spans="1:54" s="8" customFormat="1" ht="13.95" customHeight="1" x14ac:dyDescent="0.25">
      <c r="A2987" s="219" t="s">
        <v>6843</v>
      </c>
      <c r="B2987" s="220" t="s">
        <v>6395</v>
      </c>
      <c r="C2987" s="98" t="s">
        <v>6844</v>
      </c>
      <c r="D2987" s="98" t="s">
        <v>20714</v>
      </c>
      <c r="E2987" s="141">
        <v>1996</v>
      </c>
      <c r="F2987" s="141">
        <v>475</v>
      </c>
      <c r="G2987" s="98" t="s">
        <v>1</v>
      </c>
      <c r="H2987" s="98">
        <v>0</v>
      </c>
      <c r="I2987" s="98">
        <v>0</v>
      </c>
      <c r="J2987" s="98" t="s">
        <v>400</v>
      </c>
      <c r="K2987" s="98" t="s">
        <v>400</v>
      </c>
      <c r="L2987" s="98" t="s">
        <v>400</v>
      </c>
      <c r="M2987" s="98" t="s">
        <v>400</v>
      </c>
      <c r="N2987" s="98" t="s">
        <v>400</v>
      </c>
      <c r="O2987" s="98" t="s">
        <v>400</v>
      </c>
      <c r="P2987" s="98" t="s">
        <v>400</v>
      </c>
      <c r="Q2987" s="98" t="s">
        <v>400</v>
      </c>
      <c r="R2987" s="98" t="s">
        <v>400</v>
      </c>
      <c r="S2987" s="98" t="s">
        <v>400</v>
      </c>
      <c r="T2987" s="98" t="s">
        <v>400</v>
      </c>
      <c r="U2987" s="128"/>
      <c r="V2987" s="128"/>
      <c r="W2987" s="128"/>
      <c r="X2987" s="128"/>
      <c r="Y2987" s="128"/>
      <c r="Z2987" s="128"/>
      <c r="AA2987" s="128"/>
      <c r="AB2987" s="128"/>
      <c r="AC2987" s="128"/>
      <c r="AD2987" s="128"/>
      <c r="AE2987" s="128"/>
      <c r="AF2987" s="128"/>
      <c r="AG2987" s="128"/>
      <c r="AH2987" s="128"/>
      <c r="AI2987" s="128"/>
      <c r="AJ2987" s="128"/>
      <c r="AK2987" s="128"/>
      <c r="AL2987" s="128"/>
      <c r="AM2987" s="128"/>
      <c r="AN2987" s="128"/>
      <c r="AO2987" s="128"/>
      <c r="AP2987" s="128"/>
      <c r="AQ2987" s="128"/>
      <c r="AR2987" s="128"/>
      <c r="AS2987" s="128"/>
      <c r="AT2987" s="128"/>
      <c r="AU2987" s="128"/>
      <c r="AV2987" s="128"/>
      <c r="AW2987" s="128"/>
      <c r="AX2987" s="128"/>
      <c r="AY2987" s="128"/>
      <c r="AZ2987" s="128"/>
      <c r="BA2987" s="128"/>
      <c r="BB2987" s="107">
        <v>45884</v>
      </c>
    </row>
    <row r="2988" spans="1:54" s="8" customFormat="1" ht="13.95" customHeight="1" x14ac:dyDescent="0.25">
      <c r="A2988" s="219" t="s">
        <v>6845</v>
      </c>
      <c r="B2988" s="220" t="s">
        <v>6395</v>
      </c>
      <c r="C2988" s="98" t="s">
        <v>6846</v>
      </c>
      <c r="D2988" s="98" t="s">
        <v>20715</v>
      </c>
      <c r="E2988" s="141">
        <v>1984</v>
      </c>
      <c r="F2988" s="141">
        <v>476</v>
      </c>
      <c r="G2988" s="98" t="s">
        <v>1</v>
      </c>
      <c r="H2988" s="98">
        <v>0</v>
      </c>
      <c r="I2988" s="98">
        <v>0</v>
      </c>
      <c r="J2988" s="98" t="s">
        <v>400</v>
      </c>
      <c r="K2988" s="98" t="s">
        <v>400</v>
      </c>
      <c r="L2988" s="98" t="s">
        <v>400</v>
      </c>
      <c r="M2988" s="98" t="s">
        <v>400</v>
      </c>
      <c r="N2988" s="98" t="s">
        <v>400</v>
      </c>
      <c r="O2988" s="98" t="s">
        <v>400</v>
      </c>
      <c r="P2988" s="98" t="s">
        <v>400</v>
      </c>
      <c r="Q2988" s="98" t="s">
        <v>400</v>
      </c>
      <c r="R2988" s="98" t="s">
        <v>400</v>
      </c>
      <c r="S2988" s="98" t="s">
        <v>400</v>
      </c>
      <c r="T2988" s="98" t="s">
        <v>400</v>
      </c>
      <c r="U2988" s="128"/>
      <c r="V2988" s="128"/>
      <c r="W2988" s="128"/>
      <c r="X2988" s="128"/>
      <c r="Y2988" s="128"/>
      <c r="Z2988" s="128"/>
      <c r="AA2988" s="128"/>
      <c r="AB2988" s="128"/>
      <c r="AC2988" s="128"/>
      <c r="AD2988" s="128"/>
      <c r="AE2988" s="128"/>
      <c r="AF2988" s="128"/>
      <c r="AG2988" s="128"/>
      <c r="AH2988" s="128"/>
      <c r="AI2988" s="128"/>
      <c r="AJ2988" s="128"/>
      <c r="AK2988" s="128"/>
      <c r="AL2988" s="128"/>
      <c r="AM2988" s="128"/>
      <c r="AN2988" s="128"/>
      <c r="AO2988" s="128"/>
      <c r="AP2988" s="128"/>
      <c r="AQ2988" s="128"/>
      <c r="AR2988" s="128"/>
      <c r="AS2988" s="128"/>
      <c r="AT2988" s="128"/>
      <c r="AU2988" s="128"/>
      <c r="AV2988" s="128"/>
      <c r="AW2988" s="128"/>
      <c r="AX2988" s="128"/>
      <c r="AY2988" s="128"/>
      <c r="AZ2988" s="128"/>
      <c r="BA2988" s="128"/>
      <c r="BB2988" s="107">
        <v>45884</v>
      </c>
    </row>
    <row r="2989" spans="1:54" s="8" customFormat="1" ht="13.95" customHeight="1" x14ac:dyDescent="0.25">
      <c r="A2989" s="219" t="s">
        <v>6847</v>
      </c>
      <c r="B2989" s="220" t="s">
        <v>6395</v>
      </c>
      <c r="C2989" s="98" t="s">
        <v>6848</v>
      </c>
      <c r="D2989" s="98" t="s">
        <v>20716</v>
      </c>
      <c r="E2989" s="141">
        <v>1999</v>
      </c>
      <c r="F2989" s="141">
        <v>476</v>
      </c>
      <c r="G2989" s="98" t="s">
        <v>1</v>
      </c>
      <c r="H2989" s="98">
        <v>0</v>
      </c>
      <c r="I2989" s="98">
        <v>0</v>
      </c>
      <c r="J2989" s="98" t="s">
        <v>400</v>
      </c>
      <c r="K2989" s="98" t="s">
        <v>400</v>
      </c>
      <c r="L2989" s="98" t="s">
        <v>400</v>
      </c>
      <c r="M2989" s="98" t="s">
        <v>400</v>
      </c>
      <c r="N2989" s="98" t="s">
        <v>400</v>
      </c>
      <c r="O2989" s="98" t="s">
        <v>400</v>
      </c>
      <c r="P2989" s="98" t="s">
        <v>400</v>
      </c>
      <c r="Q2989" s="98" t="s">
        <v>400</v>
      </c>
      <c r="R2989" s="98" t="s">
        <v>400</v>
      </c>
      <c r="S2989" s="98" t="s">
        <v>400</v>
      </c>
      <c r="T2989" s="98" t="s">
        <v>400</v>
      </c>
      <c r="U2989" s="128"/>
      <c r="V2989" s="128"/>
      <c r="W2989" s="128"/>
      <c r="X2989" s="128"/>
      <c r="Y2989" s="128"/>
      <c r="Z2989" s="128"/>
      <c r="AA2989" s="128"/>
      <c r="AB2989" s="128"/>
      <c r="AC2989" s="128"/>
      <c r="AD2989" s="128"/>
      <c r="AE2989" s="128"/>
      <c r="AF2989" s="128"/>
      <c r="AG2989" s="128"/>
      <c r="AH2989" s="128"/>
      <c r="AI2989" s="128"/>
      <c r="AJ2989" s="128"/>
      <c r="AK2989" s="128"/>
      <c r="AL2989" s="128"/>
      <c r="AM2989" s="128"/>
      <c r="AN2989" s="128"/>
      <c r="AO2989" s="128"/>
      <c r="AP2989" s="128"/>
      <c r="AQ2989" s="128"/>
      <c r="AR2989" s="128"/>
      <c r="AS2989" s="128"/>
      <c r="AT2989" s="128"/>
      <c r="AU2989" s="128"/>
      <c r="AV2989" s="128"/>
      <c r="AW2989" s="128"/>
      <c r="AX2989" s="128"/>
      <c r="AY2989" s="128"/>
      <c r="AZ2989" s="128"/>
      <c r="BA2989" s="128"/>
      <c r="BB2989" s="107">
        <v>45884</v>
      </c>
    </row>
    <row r="2990" spans="1:54" s="8" customFormat="1" ht="13.95" customHeight="1" x14ac:dyDescent="0.25">
      <c r="A2990" s="219" t="s">
        <v>6849</v>
      </c>
      <c r="B2990" s="220" t="s">
        <v>6395</v>
      </c>
      <c r="C2990" s="98" t="s">
        <v>6850</v>
      </c>
      <c r="D2990" s="98" t="s">
        <v>20717</v>
      </c>
      <c r="E2990" s="141">
        <v>2000</v>
      </c>
      <c r="F2990" s="141">
        <v>477</v>
      </c>
      <c r="G2990" s="98" t="s">
        <v>1</v>
      </c>
      <c r="H2990" s="98">
        <v>0</v>
      </c>
      <c r="I2990" s="98">
        <v>0</v>
      </c>
      <c r="J2990" s="98" t="s">
        <v>400</v>
      </c>
      <c r="K2990" s="98" t="s">
        <v>400</v>
      </c>
      <c r="L2990" s="98" t="s">
        <v>400</v>
      </c>
      <c r="M2990" s="98" t="s">
        <v>400</v>
      </c>
      <c r="N2990" s="98" t="s">
        <v>400</v>
      </c>
      <c r="O2990" s="98" t="s">
        <v>400</v>
      </c>
      <c r="P2990" s="98" t="s">
        <v>400</v>
      </c>
      <c r="Q2990" s="98" t="s">
        <v>400</v>
      </c>
      <c r="R2990" s="98" t="s">
        <v>400</v>
      </c>
      <c r="S2990" s="98" t="s">
        <v>400</v>
      </c>
      <c r="T2990" s="98" t="s">
        <v>400</v>
      </c>
      <c r="U2990" s="128"/>
      <c r="V2990" s="128"/>
      <c r="W2990" s="128"/>
      <c r="X2990" s="128"/>
      <c r="Y2990" s="128"/>
      <c r="Z2990" s="128"/>
      <c r="AA2990" s="128"/>
      <c r="AB2990" s="128"/>
      <c r="AC2990" s="128"/>
      <c r="AD2990" s="128"/>
      <c r="AE2990" s="128"/>
      <c r="AF2990" s="128"/>
      <c r="AG2990" s="128"/>
      <c r="AH2990" s="128"/>
      <c r="AI2990" s="128"/>
      <c r="AJ2990" s="128"/>
      <c r="AK2990" s="128"/>
      <c r="AL2990" s="128"/>
      <c r="AM2990" s="128"/>
      <c r="AN2990" s="128"/>
      <c r="AO2990" s="128"/>
      <c r="AP2990" s="128"/>
      <c r="AQ2990" s="128"/>
      <c r="AR2990" s="128"/>
      <c r="AS2990" s="128"/>
      <c r="AT2990" s="128"/>
      <c r="AU2990" s="128"/>
      <c r="AV2990" s="128"/>
      <c r="AW2990" s="128"/>
      <c r="AX2990" s="128"/>
      <c r="AY2990" s="128"/>
      <c r="AZ2990" s="128"/>
      <c r="BA2990" s="128"/>
      <c r="BB2990" s="107">
        <v>45884</v>
      </c>
    </row>
    <row r="2991" spans="1:54" s="8" customFormat="1" ht="13.95" customHeight="1" x14ac:dyDescent="0.25">
      <c r="A2991" s="219" t="s">
        <v>6851</v>
      </c>
      <c r="B2991" s="220" t="s">
        <v>6395</v>
      </c>
      <c r="C2991" s="98" t="s">
        <v>6852</v>
      </c>
      <c r="D2991" s="98" t="s">
        <v>20718</v>
      </c>
      <c r="E2991" s="141">
        <v>1963</v>
      </c>
      <c r="F2991" s="141">
        <v>478</v>
      </c>
      <c r="G2991" s="98" t="s">
        <v>1</v>
      </c>
      <c r="H2991" s="98">
        <v>0</v>
      </c>
      <c r="I2991" s="98">
        <v>0</v>
      </c>
      <c r="J2991" s="98" t="s">
        <v>400</v>
      </c>
      <c r="K2991" s="98" t="s">
        <v>400</v>
      </c>
      <c r="L2991" s="98" t="s">
        <v>400</v>
      </c>
      <c r="M2991" s="98" t="s">
        <v>400</v>
      </c>
      <c r="N2991" s="98" t="s">
        <v>400</v>
      </c>
      <c r="O2991" s="98" t="s">
        <v>400</v>
      </c>
      <c r="P2991" s="98" t="s">
        <v>400</v>
      </c>
      <c r="Q2991" s="98" t="s">
        <v>400</v>
      </c>
      <c r="R2991" s="98" t="s">
        <v>400</v>
      </c>
      <c r="S2991" s="98" t="s">
        <v>400</v>
      </c>
      <c r="T2991" s="98" t="s">
        <v>400</v>
      </c>
      <c r="U2991" s="128"/>
      <c r="V2991" s="128"/>
      <c r="W2991" s="128"/>
      <c r="X2991" s="128"/>
      <c r="Y2991" s="128"/>
      <c r="Z2991" s="128"/>
      <c r="AA2991" s="128"/>
      <c r="AB2991" s="128"/>
      <c r="AC2991" s="128"/>
      <c r="AD2991" s="128"/>
      <c r="AE2991" s="128"/>
      <c r="AF2991" s="128"/>
      <c r="AG2991" s="128"/>
      <c r="AH2991" s="128"/>
      <c r="AI2991" s="128"/>
      <c r="AJ2991" s="128"/>
      <c r="AK2991" s="128"/>
      <c r="AL2991" s="128"/>
      <c r="AM2991" s="128"/>
      <c r="AN2991" s="128"/>
      <c r="AO2991" s="128"/>
      <c r="AP2991" s="128"/>
      <c r="AQ2991" s="128"/>
      <c r="AR2991" s="128"/>
      <c r="AS2991" s="128"/>
      <c r="AT2991" s="128"/>
      <c r="AU2991" s="128"/>
      <c r="AV2991" s="128"/>
      <c r="AW2991" s="128"/>
      <c r="AX2991" s="128"/>
      <c r="AY2991" s="128"/>
      <c r="AZ2991" s="128"/>
      <c r="BA2991" s="128"/>
      <c r="BB2991" s="107">
        <v>45884</v>
      </c>
    </row>
    <row r="2992" spans="1:54" s="8" customFormat="1" ht="13.95" customHeight="1" x14ac:dyDescent="0.25">
      <c r="A2992" s="219" t="s">
        <v>6853</v>
      </c>
      <c r="B2992" s="220" t="s">
        <v>6395</v>
      </c>
      <c r="C2992" s="98" t="s">
        <v>6854</v>
      </c>
      <c r="D2992" s="98" t="s">
        <v>20610</v>
      </c>
      <c r="E2992" s="141">
        <v>1982</v>
      </c>
      <c r="F2992" s="141">
        <v>480</v>
      </c>
      <c r="G2992" s="98" t="s">
        <v>1</v>
      </c>
      <c r="H2992" s="98">
        <v>0</v>
      </c>
      <c r="I2992" s="98">
        <v>0</v>
      </c>
      <c r="J2992" s="98" t="s">
        <v>400</v>
      </c>
      <c r="K2992" s="98" t="s">
        <v>400</v>
      </c>
      <c r="L2992" s="98" t="s">
        <v>400</v>
      </c>
      <c r="M2992" s="98" t="s">
        <v>400</v>
      </c>
      <c r="N2992" s="98" t="s">
        <v>400</v>
      </c>
      <c r="O2992" s="98" t="s">
        <v>400</v>
      </c>
      <c r="P2992" s="98" t="s">
        <v>400</v>
      </c>
      <c r="Q2992" s="98" t="s">
        <v>400</v>
      </c>
      <c r="R2992" s="98" t="s">
        <v>400</v>
      </c>
      <c r="S2992" s="98" t="s">
        <v>400</v>
      </c>
      <c r="T2992" s="98" t="s">
        <v>400</v>
      </c>
      <c r="U2992" s="128"/>
      <c r="V2992" s="128"/>
      <c r="W2992" s="128"/>
      <c r="X2992" s="128"/>
      <c r="Y2992" s="128"/>
      <c r="Z2992" s="128"/>
      <c r="AA2992" s="128"/>
      <c r="AB2992" s="128"/>
      <c r="AC2992" s="128"/>
      <c r="AD2992" s="128"/>
      <c r="AE2992" s="128"/>
      <c r="AF2992" s="128"/>
      <c r="AG2992" s="128"/>
      <c r="AH2992" s="128"/>
      <c r="AI2992" s="128"/>
      <c r="AJ2992" s="128"/>
      <c r="AK2992" s="128"/>
      <c r="AL2992" s="128"/>
      <c r="AM2992" s="128"/>
      <c r="AN2992" s="128"/>
      <c r="AO2992" s="128"/>
      <c r="AP2992" s="128"/>
      <c r="AQ2992" s="128"/>
      <c r="AR2992" s="128"/>
      <c r="AS2992" s="128"/>
      <c r="AT2992" s="128"/>
      <c r="AU2992" s="128"/>
      <c r="AV2992" s="128"/>
      <c r="AW2992" s="128"/>
      <c r="AX2992" s="128"/>
      <c r="AY2992" s="128"/>
      <c r="AZ2992" s="128"/>
      <c r="BA2992" s="128"/>
      <c r="BB2992" s="107">
        <v>45884</v>
      </c>
    </row>
    <row r="2993" spans="1:54" s="8" customFormat="1" ht="13.95" customHeight="1" x14ac:dyDescent="0.25">
      <c r="A2993" s="219" t="s">
        <v>6855</v>
      </c>
      <c r="B2993" s="220" t="s">
        <v>6395</v>
      </c>
      <c r="C2993" s="98" t="s">
        <v>6856</v>
      </c>
      <c r="D2993" s="98" t="s">
        <v>20719</v>
      </c>
      <c r="E2993" s="141">
        <v>2001</v>
      </c>
      <c r="F2993" s="141">
        <v>481</v>
      </c>
      <c r="G2993" s="98" t="s">
        <v>1</v>
      </c>
      <c r="H2993" s="98">
        <v>0</v>
      </c>
      <c r="I2993" s="98">
        <v>0</v>
      </c>
      <c r="J2993" s="98" t="s">
        <v>400</v>
      </c>
      <c r="K2993" s="98" t="s">
        <v>400</v>
      </c>
      <c r="L2993" s="98" t="s">
        <v>400</v>
      </c>
      <c r="M2993" s="98" t="s">
        <v>400</v>
      </c>
      <c r="N2993" s="98" t="s">
        <v>400</v>
      </c>
      <c r="O2993" s="98" t="s">
        <v>400</v>
      </c>
      <c r="P2993" s="98" t="s">
        <v>400</v>
      </c>
      <c r="Q2993" s="98" t="s">
        <v>400</v>
      </c>
      <c r="R2993" s="98" t="s">
        <v>400</v>
      </c>
      <c r="S2993" s="98" t="s">
        <v>400</v>
      </c>
      <c r="T2993" s="98" t="s">
        <v>400</v>
      </c>
      <c r="U2993" s="128"/>
      <c r="V2993" s="128"/>
      <c r="W2993" s="128"/>
      <c r="X2993" s="128"/>
      <c r="Y2993" s="128"/>
      <c r="Z2993" s="128"/>
      <c r="AA2993" s="128"/>
      <c r="AB2993" s="128"/>
      <c r="AC2993" s="128"/>
      <c r="AD2993" s="128"/>
      <c r="AE2993" s="128"/>
      <c r="AF2993" s="128"/>
      <c r="AG2993" s="128"/>
      <c r="AH2993" s="128"/>
      <c r="AI2993" s="128"/>
      <c r="AJ2993" s="128"/>
      <c r="AK2993" s="128"/>
      <c r="AL2993" s="128"/>
      <c r="AM2993" s="128"/>
      <c r="AN2993" s="128"/>
      <c r="AO2993" s="128"/>
      <c r="AP2993" s="128"/>
      <c r="AQ2993" s="128"/>
      <c r="AR2993" s="128"/>
      <c r="AS2993" s="128"/>
      <c r="AT2993" s="128"/>
      <c r="AU2993" s="128"/>
      <c r="AV2993" s="128"/>
      <c r="AW2993" s="128"/>
      <c r="AX2993" s="128"/>
      <c r="AY2993" s="128"/>
      <c r="AZ2993" s="128"/>
      <c r="BA2993" s="128"/>
      <c r="BB2993" s="107">
        <v>45884</v>
      </c>
    </row>
    <row r="2994" spans="1:54" s="8" customFormat="1" ht="13.95" customHeight="1" x14ac:dyDescent="0.25">
      <c r="A2994" s="219" t="s">
        <v>6857</v>
      </c>
      <c r="B2994" s="220" t="s">
        <v>6395</v>
      </c>
      <c r="C2994" s="98" t="s">
        <v>6858</v>
      </c>
      <c r="D2994" s="98" t="s">
        <v>20720</v>
      </c>
      <c r="E2994" s="141">
        <v>1983</v>
      </c>
      <c r="F2994" s="141">
        <v>481</v>
      </c>
      <c r="G2994" s="98" t="s">
        <v>1</v>
      </c>
      <c r="H2994" s="98">
        <v>0</v>
      </c>
      <c r="I2994" s="98">
        <v>0</v>
      </c>
      <c r="J2994" s="98" t="s">
        <v>400</v>
      </c>
      <c r="K2994" s="98" t="s">
        <v>400</v>
      </c>
      <c r="L2994" s="98" t="s">
        <v>400</v>
      </c>
      <c r="M2994" s="98" t="s">
        <v>400</v>
      </c>
      <c r="N2994" s="98" t="s">
        <v>400</v>
      </c>
      <c r="O2994" s="98" t="s">
        <v>400</v>
      </c>
      <c r="P2994" s="98" t="s">
        <v>400</v>
      </c>
      <c r="Q2994" s="98" t="s">
        <v>400</v>
      </c>
      <c r="R2994" s="98" t="s">
        <v>400</v>
      </c>
      <c r="S2994" s="98" t="s">
        <v>400</v>
      </c>
      <c r="T2994" s="98" t="s">
        <v>400</v>
      </c>
      <c r="U2994" s="128"/>
      <c r="V2994" s="128"/>
      <c r="W2994" s="128"/>
      <c r="X2994" s="128"/>
      <c r="Y2994" s="128"/>
      <c r="Z2994" s="128"/>
      <c r="AA2994" s="128"/>
      <c r="AB2994" s="128"/>
      <c r="AC2994" s="128"/>
      <c r="AD2994" s="128"/>
      <c r="AE2994" s="128"/>
      <c r="AF2994" s="128"/>
      <c r="AG2994" s="128"/>
      <c r="AH2994" s="128"/>
      <c r="AI2994" s="128"/>
      <c r="AJ2994" s="128"/>
      <c r="AK2994" s="128"/>
      <c r="AL2994" s="128"/>
      <c r="AM2994" s="128"/>
      <c r="AN2994" s="128"/>
      <c r="AO2994" s="128"/>
      <c r="AP2994" s="128"/>
      <c r="AQ2994" s="128"/>
      <c r="AR2994" s="128"/>
      <c r="AS2994" s="128"/>
      <c r="AT2994" s="128"/>
      <c r="AU2994" s="128"/>
      <c r="AV2994" s="128"/>
      <c r="AW2994" s="128"/>
      <c r="AX2994" s="128"/>
      <c r="AY2994" s="128"/>
      <c r="AZ2994" s="128"/>
      <c r="BA2994" s="128"/>
      <c r="BB2994" s="107">
        <v>45884</v>
      </c>
    </row>
    <row r="2995" spans="1:54" s="8" customFormat="1" ht="13.95" customHeight="1" x14ac:dyDescent="0.25">
      <c r="A2995" s="219" t="s">
        <v>6859</v>
      </c>
      <c r="B2995" s="220" t="s">
        <v>6395</v>
      </c>
      <c r="C2995" s="98" t="s">
        <v>6860</v>
      </c>
      <c r="D2995" s="98" t="s">
        <v>6861</v>
      </c>
      <c r="E2995" s="141">
        <v>1965</v>
      </c>
      <c r="F2995" s="141">
        <v>488</v>
      </c>
      <c r="G2995" s="98" t="s">
        <v>1</v>
      </c>
      <c r="H2995" s="98">
        <v>0</v>
      </c>
      <c r="I2995" s="98">
        <v>0</v>
      </c>
      <c r="J2995" s="98" t="s">
        <v>400</v>
      </c>
      <c r="K2995" s="98" t="s">
        <v>400</v>
      </c>
      <c r="L2995" s="98" t="s">
        <v>400</v>
      </c>
      <c r="M2995" s="98" t="s">
        <v>400</v>
      </c>
      <c r="N2995" s="98" t="s">
        <v>400</v>
      </c>
      <c r="O2995" s="98" t="s">
        <v>400</v>
      </c>
      <c r="P2995" s="98" t="s">
        <v>400</v>
      </c>
      <c r="Q2995" s="98" t="s">
        <v>400</v>
      </c>
      <c r="R2995" s="98" t="s">
        <v>400</v>
      </c>
      <c r="S2995" s="98" t="s">
        <v>400</v>
      </c>
      <c r="T2995" s="98" t="s">
        <v>400</v>
      </c>
      <c r="U2995" s="128"/>
      <c r="V2995" s="128"/>
      <c r="W2995" s="128"/>
      <c r="X2995" s="128"/>
      <c r="Y2995" s="128"/>
      <c r="Z2995" s="128"/>
      <c r="AA2995" s="128"/>
      <c r="AB2995" s="128"/>
      <c r="AC2995" s="128"/>
      <c r="AD2995" s="128"/>
      <c r="AE2995" s="128"/>
      <c r="AF2995" s="128"/>
      <c r="AG2995" s="128"/>
      <c r="AH2995" s="128"/>
      <c r="AI2995" s="128"/>
      <c r="AJ2995" s="128"/>
      <c r="AK2995" s="128"/>
      <c r="AL2995" s="128"/>
      <c r="AM2995" s="128"/>
      <c r="AN2995" s="128"/>
      <c r="AO2995" s="128"/>
      <c r="AP2995" s="128"/>
      <c r="AQ2995" s="128"/>
      <c r="AR2995" s="128"/>
      <c r="AS2995" s="128"/>
      <c r="AT2995" s="128"/>
      <c r="AU2995" s="128"/>
      <c r="AV2995" s="128"/>
      <c r="AW2995" s="128"/>
      <c r="AX2995" s="128"/>
      <c r="AY2995" s="128"/>
      <c r="AZ2995" s="128"/>
      <c r="BA2995" s="128"/>
      <c r="BB2995" s="107">
        <v>45884</v>
      </c>
    </row>
    <row r="2996" spans="1:54" s="8" customFormat="1" ht="13.95" customHeight="1" x14ac:dyDescent="0.25">
      <c r="A2996" s="219" t="s">
        <v>6862</v>
      </c>
      <c r="B2996" s="220" t="s">
        <v>6395</v>
      </c>
      <c r="C2996" s="98" t="s">
        <v>6863</v>
      </c>
      <c r="D2996" s="98" t="s">
        <v>20721</v>
      </c>
      <c r="E2996" s="141">
        <v>1984</v>
      </c>
      <c r="F2996" s="141">
        <v>490</v>
      </c>
      <c r="G2996" s="98" t="s">
        <v>1</v>
      </c>
      <c r="H2996" s="98">
        <v>0</v>
      </c>
      <c r="I2996" s="98">
        <v>0</v>
      </c>
      <c r="J2996" s="98" t="s">
        <v>400</v>
      </c>
      <c r="K2996" s="98" t="s">
        <v>400</v>
      </c>
      <c r="L2996" s="98" t="s">
        <v>400</v>
      </c>
      <c r="M2996" s="98" t="s">
        <v>400</v>
      </c>
      <c r="N2996" s="98" t="s">
        <v>400</v>
      </c>
      <c r="O2996" s="98" t="s">
        <v>400</v>
      </c>
      <c r="P2996" s="98" t="s">
        <v>400</v>
      </c>
      <c r="Q2996" s="98" t="s">
        <v>400</v>
      </c>
      <c r="R2996" s="98" t="s">
        <v>400</v>
      </c>
      <c r="S2996" s="98" t="s">
        <v>400</v>
      </c>
      <c r="T2996" s="98" t="s">
        <v>400</v>
      </c>
      <c r="U2996" s="128"/>
      <c r="V2996" s="128"/>
      <c r="W2996" s="128"/>
      <c r="X2996" s="128"/>
      <c r="Y2996" s="128"/>
      <c r="Z2996" s="128"/>
      <c r="AA2996" s="128"/>
      <c r="AB2996" s="128"/>
      <c r="AC2996" s="128"/>
      <c r="AD2996" s="128"/>
      <c r="AE2996" s="128"/>
      <c r="AF2996" s="128"/>
      <c r="AG2996" s="128"/>
      <c r="AH2996" s="128"/>
      <c r="AI2996" s="128"/>
      <c r="AJ2996" s="128"/>
      <c r="AK2996" s="128"/>
      <c r="AL2996" s="128"/>
      <c r="AM2996" s="128"/>
      <c r="AN2996" s="128"/>
      <c r="AO2996" s="128"/>
      <c r="AP2996" s="128"/>
      <c r="AQ2996" s="128"/>
      <c r="AR2996" s="128"/>
      <c r="AS2996" s="128"/>
      <c r="AT2996" s="128"/>
      <c r="AU2996" s="128"/>
      <c r="AV2996" s="128"/>
      <c r="AW2996" s="128"/>
      <c r="AX2996" s="128"/>
      <c r="AY2996" s="128"/>
      <c r="AZ2996" s="128"/>
      <c r="BA2996" s="128"/>
      <c r="BB2996" s="107">
        <v>45884</v>
      </c>
    </row>
    <row r="2997" spans="1:54" s="8" customFormat="1" ht="13.95" customHeight="1" x14ac:dyDescent="0.25">
      <c r="A2997" s="219" t="s">
        <v>6864</v>
      </c>
      <c r="B2997" s="220" t="s">
        <v>6395</v>
      </c>
      <c r="C2997" s="98" t="s">
        <v>6865</v>
      </c>
      <c r="D2997" s="98" t="s">
        <v>20722</v>
      </c>
      <c r="E2997" s="141">
        <v>1977</v>
      </c>
      <c r="F2997" s="141">
        <v>492</v>
      </c>
      <c r="G2997" s="98" t="s">
        <v>1</v>
      </c>
      <c r="H2997" s="98">
        <v>0</v>
      </c>
      <c r="I2997" s="98">
        <v>0</v>
      </c>
      <c r="J2997" s="98" t="s">
        <v>400</v>
      </c>
      <c r="K2997" s="98" t="s">
        <v>400</v>
      </c>
      <c r="L2997" s="98" t="s">
        <v>400</v>
      </c>
      <c r="M2997" s="98" t="s">
        <v>400</v>
      </c>
      <c r="N2997" s="98" t="s">
        <v>400</v>
      </c>
      <c r="O2997" s="98" t="s">
        <v>400</v>
      </c>
      <c r="P2997" s="98" t="s">
        <v>400</v>
      </c>
      <c r="Q2997" s="98" t="s">
        <v>400</v>
      </c>
      <c r="R2997" s="98" t="s">
        <v>400</v>
      </c>
      <c r="S2997" s="98" t="s">
        <v>400</v>
      </c>
      <c r="T2997" s="98" t="s">
        <v>400</v>
      </c>
      <c r="U2997" s="128"/>
      <c r="V2997" s="128"/>
      <c r="W2997" s="128"/>
      <c r="X2997" s="128"/>
      <c r="Y2997" s="128"/>
      <c r="Z2997" s="128"/>
      <c r="AA2997" s="128"/>
      <c r="AB2997" s="128"/>
      <c r="AC2997" s="128"/>
      <c r="AD2997" s="128"/>
      <c r="AE2997" s="128"/>
      <c r="AF2997" s="128"/>
      <c r="AG2997" s="128"/>
      <c r="AH2997" s="128"/>
      <c r="AI2997" s="128"/>
      <c r="AJ2997" s="128"/>
      <c r="AK2997" s="128"/>
      <c r="AL2997" s="128"/>
      <c r="AM2997" s="128"/>
      <c r="AN2997" s="128"/>
      <c r="AO2997" s="128"/>
      <c r="AP2997" s="128"/>
      <c r="AQ2997" s="128"/>
      <c r="AR2997" s="128"/>
      <c r="AS2997" s="128"/>
      <c r="AT2997" s="128"/>
      <c r="AU2997" s="128"/>
      <c r="AV2997" s="128"/>
      <c r="AW2997" s="128"/>
      <c r="AX2997" s="128"/>
      <c r="AY2997" s="128"/>
      <c r="AZ2997" s="128"/>
      <c r="BA2997" s="128"/>
      <c r="BB2997" s="107">
        <v>45884</v>
      </c>
    </row>
    <row r="2998" spans="1:54" s="8" customFormat="1" ht="13.95" customHeight="1" x14ac:dyDescent="0.25">
      <c r="A2998" s="219" t="s">
        <v>6866</v>
      </c>
      <c r="B2998" s="220" t="s">
        <v>6395</v>
      </c>
      <c r="C2998" s="98" t="s">
        <v>6867</v>
      </c>
      <c r="D2998" s="98" t="s">
        <v>20723</v>
      </c>
      <c r="E2998" s="141">
        <v>2010</v>
      </c>
      <c r="F2998" s="141">
        <v>493</v>
      </c>
      <c r="G2998" s="98" t="s">
        <v>1</v>
      </c>
      <c r="H2998" s="98">
        <v>0</v>
      </c>
      <c r="I2998" s="98">
        <v>0</v>
      </c>
      <c r="J2998" s="98" t="s">
        <v>400</v>
      </c>
      <c r="K2998" s="98" t="s">
        <v>400</v>
      </c>
      <c r="L2998" s="98" t="s">
        <v>400</v>
      </c>
      <c r="M2998" s="98" t="s">
        <v>400</v>
      </c>
      <c r="N2998" s="98" t="s">
        <v>400</v>
      </c>
      <c r="O2998" s="98" t="s">
        <v>400</v>
      </c>
      <c r="P2998" s="98" t="s">
        <v>400</v>
      </c>
      <c r="Q2998" s="98" t="s">
        <v>400</v>
      </c>
      <c r="R2998" s="98" t="s">
        <v>400</v>
      </c>
      <c r="S2998" s="98" t="s">
        <v>400</v>
      </c>
      <c r="T2998" s="98" t="s">
        <v>400</v>
      </c>
      <c r="U2998" s="128"/>
      <c r="V2998" s="128"/>
      <c r="W2998" s="128"/>
      <c r="X2998" s="128"/>
      <c r="Y2998" s="128"/>
      <c r="Z2998" s="128"/>
      <c r="AA2998" s="128"/>
      <c r="AB2998" s="128"/>
      <c r="AC2998" s="128"/>
      <c r="AD2998" s="128"/>
      <c r="AE2998" s="128"/>
      <c r="AF2998" s="128"/>
      <c r="AG2998" s="128"/>
      <c r="AH2998" s="128"/>
      <c r="AI2998" s="128"/>
      <c r="AJ2998" s="128"/>
      <c r="AK2998" s="128"/>
      <c r="AL2998" s="128"/>
      <c r="AM2998" s="128"/>
      <c r="AN2998" s="128"/>
      <c r="AO2998" s="128"/>
      <c r="AP2998" s="128"/>
      <c r="AQ2998" s="128"/>
      <c r="AR2998" s="128"/>
      <c r="AS2998" s="128"/>
      <c r="AT2998" s="128"/>
      <c r="AU2998" s="128"/>
      <c r="AV2998" s="128"/>
      <c r="AW2998" s="128"/>
      <c r="AX2998" s="128"/>
      <c r="AY2998" s="128"/>
      <c r="AZ2998" s="128"/>
      <c r="BA2998" s="128"/>
      <c r="BB2998" s="107">
        <v>45884</v>
      </c>
    </row>
    <row r="2999" spans="1:54" s="8" customFormat="1" ht="13.95" customHeight="1" x14ac:dyDescent="0.25">
      <c r="A2999" s="219" t="s">
        <v>6868</v>
      </c>
      <c r="B2999" s="220" t="s">
        <v>6395</v>
      </c>
      <c r="C2999" s="98" t="s">
        <v>6869</v>
      </c>
      <c r="D2999" s="98" t="s">
        <v>20724</v>
      </c>
      <c r="E2999" s="141">
        <v>1979</v>
      </c>
      <c r="F2999" s="141">
        <v>494</v>
      </c>
      <c r="G2999" s="98" t="s">
        <v>1</v>
      </c>
      <c r="H2999" s="98">
        <v>0</v>
      </c>
      <c r="I2999" s="98">
        <v>0</v>
      </c>
      <c r="J2999" s="98" t="s">
        <v>400</v>
      </c>
      <c r="K2999" s="98" t="s">
        <v>400</v>
      </c>
      <c r="L2999" s="98" t="s">
        <v>400</v>
      </c>
      <c r="M2999" s="98" t="s">
        <v>400</v>
      </c>
      <c r="N2999" s="98" t="s">
        <v>400</v>
      </c>
      <c r="O2999" s="98" t="s">
        <v>400</v>
      </c>
      <c r="P2999" s="98" t="s">
        <v>400</v>
      </c>
      <c r="Q2999" s="98" t="s">
        <v>400</v>
      </c>
      <c r="R2999" s="98" t="s">
        <v>400</v>
      </c>
      <c r="S2999" s="98" t="s">
        <v>400</v>
      </c>
      <c r="T2999" s="98" t="s">
        <v>400</v>
      </c>
      <c r="U2999" s="128"/>
      <c r="V2999" s="128"/>
      <c r="W2999" s="128"/>
      <c r="X2999" s="128"/>
      <c r="Y2999" s="128"/>
      <c r="Z2999" s="128"/>
      <c r="AA2999" s="128"/>
      <c r="AB2999" s="128"/>
      <c r="AC2999" s="128"/>
      <c r="AD2999" s="128"/>
      <c r="AE2999" s="128"/>
      <c r="AF2999" s="128"/>
      <c r="AG2999" s="128"/>
      <c r="AH2999" s="128"/>
      <c r="AI2999" s="128"/>
      <c r="AJ2999" s="128"/>
      <c r="AK2999" s="128"/>
      <c r="AL2999" s="128"/>
      <c r="AM2999" s="128"/>
      <c r="AN2999" s="128"/>
      <c r="AO2999" s="128"/>
      <c r="AP2999" s="128"/>
      <c r="AQ2999" s="128"/>
      <c r="AR2999" s="128"/>
      <c r="AS2999" s="128"/>
      <c r="AT2999" s="128"/>
      <c r="AU2999" s="128"/>
      <c r="AV2999" s="128"/>
      <c r="AW2999" s="128"/>
      <c r="AX2999" s="128"/>
      <c r="AY2999" s="128"/>
      <c r="AZ2999" s="128"/>
      <c r="BA2999" s="128"/>
      <c r="BB2999" s="107">
        <v>45884</v>
      </c>
    </row>
    <row r="3000" spans="1:54" s="8" customFormat="1" ht="13.95" customHeight="1" x14ac:dyDescent="0.25">
      <c r="A3000" s="219" t="s">
        <v>6870</v>
      </c>
      <c r="B3000" s="220" t="s">
        <v>6395</v>
      </c>
      <c r="C3000" s="98" t="s">
        <v>6871</v>
      </c>
      <c r="D3000" s="98" t="s">
        <v>20725</v>
      </c>
      <c r="E3000" s="141">
        <v>1957</v>
      </c>
      <c r="F3000" s="141">
        <v>495</v>
      </c>
      <c r="G3000" s="98" t="s">
        <v>1</v>
      </c>
      <c r="H3000" s="98">
        <v>0</v>
      </c>
      <c r="I3000" s="98">
        <v>0</v>
      </c>
      <c r="J3000" s="98" t="s">
        <v>400</v>
      </c>
      <c r="K3000" s="98" t="s">
        <v>400</v>
      </c>
      <c r="L3000" s="98" t="s">
        <v>400</v>
      </c>
      <c r="M3000" s="98" t="s">
        <v>400</v>
      </c>
      <c r="N3000" s="98" t="s">
        <v>400</v>
      </c>
      <c r="O3000" s="98" t="s">
        <v>400</v>
      </c>
      <c r="P3000" s="98" t="s">
        <v>400</v>
      </c>
      <c r="Q3000" s="98" t="s">
        <v>400</v>
      </c>
      <c r="R3000" s="98" t="s">
        <v>400</v>
      </c>
      <c r="S3000" s="98" t="s">
        <v>400</v>
      </c>
      <c r="T3000" s="98" t="s">
        <v>400</v>
      </c>
      <c r="U3000" s="128"/>
      <c r="V3000" s="128"/>
      <c r="W3000" s="128"/>
      <c r="X3000" s="128"/>
      <c r="Y3000" s="128"/>
      <c r="Z3000" s="128"/>
      <c r="AA3000" s="128"/>
      <c r="AB3000" s="128"/>
      <c r="AC3000" s="128"/>
      <c r="AD3000" s="128"/>
      <c r="AE3000" s="128"/>
      <c r="AF3000" s="128"/>
      <c r="AG3000" s="128"/>
      <c r="AH3000" s="128"/>
      <c r="AI3000" s="128"/>
      <c r="AJ3000" s="128"/>
      <c r="AK3000" s="128"/>
      <c r="AL3000" s="128"/>
      <c r="AM3000" s="128"/>
      <c r="AN3000" s="128"/>
      <c r="AO3000" s="128"/>
      <c r="AP3000" s="128"/>
      <c r="AQ3000" s="128"/>
      <c r="AR3000" s="128"/>
      <c r="AS3000" s="128"/>
      <c r="AT3000" s="128"/>
      <c r="AU3000" s="128"/>
      <c r="AV3000" s="128"/>
      <c r="AW3000" s="128"/>
      <c r="AX3000" s="128"/>
      <c r="AY3000" s="128"/>
      <c r="AZ3000" s="128"/>
      <c r="BA3000" s="128"/>
      <c r="BB3000" s="107">
        <v>45884</v>
      </c>
    </row>
    <row r="3001" spans="1:54" s="8" customFormat="1" ht="13.95" customHeight="1" x14ac:dyDescent="0.25">
      <c r="A3001" s="219" t="s">
        <v>6872</v>
      </c>
      <c r="B3001" s="220" t="s">
        <v>6395</v>
      </c>
      <c r="C3001" s="98" t="s">
        <v>6873</v>
      </c>
      <c r="D3001" s="98" t="s">
        <v>20726</v>
      </c>
      <c r="E3001" s="141">
        <v>1986</v>
      </c>
      <c r="F3001" s="141">
        <v>497</v>
      </c>
      <c r="G3001" s="98" t="s">
        <v>1</v>
      </c>
      <c r="H3001" s="98">
        <v>0</v>
      </c>
      <c r="I3001" s="98">
        <v>0</v>
      </c>
      <c r="J3001" s="98" t="s">
        <v>400</v>
      </c>
      <c r="K3001" s="98" t="s">
        <v>400</v>
      </c>
      <c r="L3001" s="98" t="s">
        <v>400</v>
      </c>
      <c r="M3001" s="98" t="s">
        <v>400</v>
      </c>
      <c r="N3001" s="98" t="s">
        <v>400</v>
      </c>
      <c r="O3001" s="98" t="s">
        <v>400</v>
      </c>
      <c r="P3001" s="98" t="s">
        <v>400</v>
      </c>
      <c r="Q3001" s="98" t="s">
        <v>400</v>
      </c>
      <c r="R3001" s="98" t="s">
        <v>400</v>
      </c>
      <c r="S3001" s="98" t="s">
        <v>400</v>
      </c>
      <c r="T3001" s="98" t="s">
        <v>400</v>
      </c>
      <c r="U3001" s="128"/>
      <c r="V3001" s="128"/>
      <c r="W3001" s="128"/>
      <c r="X3001" s="128"/>
      <c r="Y3001" s="128"/>
      <c r="Z3001" s="128"/>
      <c r="AA3001" s="128"/>
      <c r="AB3001" s="128"/>
      <c r="AC3001" s="128"/>
      <c r="AD3001" s="128"/>
      <c r="AE3001" s="128"/>
      <c r="AF3001" s="128"/>
      <c r="AG3001" s="128"/>
      <c r="AH3001" s="128"/>
      <c r="AI3001" s="128"/>
      <c r="AJ3001" s="128"/>
      <c r="AK3001" s="128"/>
      <c r="AL3001" s="128"/>
      <c r="AM3001" s="128"/>
      <c r="AN3001" s="128"/>
      <c r="AO3001" s="128"/>
      <c r="AP3001" s="128"/>
      <c r="AQ3001" s="128"/>
      <c r="AR3001" s="128"/>
      <c r="AS3001" s="128"/>
      <c r="AT3001" s="128"/>
      <c r="AU3001" s="128"/>
      <c r="AV3001" s="128"/>
      <c r="AW3001" s="128"/>
      <c r="AX3001" s="128"/>
      <c r="AY3001" s="128"/>
      <c r="AZ3001" s="128"/>
      <c r="BA3001" s="128"/>
      <c r="BB3001" s="107">
        <v>45884</v>
      </c>
    </row>
    <row r="3002" spans="1:54" s="8" customFormat="1" ht="13.95" customHeight="1" x14ac:dyDescent="0.25">
      <c r="A3002" s="219" t="s">
        <v>6874</v>
      </c>
      <c r="B3002" s="220" t="s">
        <v>6395</v>
      </c>
      <c r="C3002" s="98" t="s">
        <v>6875</v>
      </c>
      <c r="D3002" s="98" t="s">
        <v>20727</v>
      </c>
      <c r="E3002" s="141">
        <v>1979</v>
      </c>
      <c r="F3002" s="141">
        <v>499</v>
      </c>
      <c r="G3002" s="98" t="s">
        <v>1</v>
      </c>
      <c r="H3002" s="98">
        <v>0</v>
      </c>
      <c r="I3002" s="98">
        <v>0</v>
      </c>
      <c r="J3002" s="98" t="s">
        <v>400</v>
      </c>
      <c r="K3002" s="98" t="s">
        <v>400</v>
      </c>
      <c r="L3002" s="98" t="s">
        <v>400</v>
      </c>
      <c r="M3002" s="98" t="s">
        <v>400</v>
      </c>
      <c r="N3002" s="98" t="s">
        <v>400</v>
      </c>
      <c r="O3002" s="98" t="s">
        <v>400</v>
      </c>
      <c r="P3002" s="98" t="s">
        <v>400</v>
      </c>
      <c r="Q3002" s="98" t="s">
        <v>400</v>
      </c>
      <c r="R3002" s="98" t="s">
        <v>400</v>
      </c>
      <c r="S3002" s="98" t="s">
        <v>400</v>
      </c>
      <c r="T3002" s="98" t="s">
        <v>400</v>
      </c>
      <c r="U3002" s="128"/>
      <c r="V3002" s="128"/>
      <c r="W3002" s="128"/>
      <c r="X3002" s="128"/>
      <c r="Y3002" s="128"/>
      <c r="Z3002" s="128"/>
      <c r="AA3002" s="128"/>
      <c r="AB3002" s="128"/>
      <c r="AC3002" s="128"/>
      <c r="AD3002" s="128"/>
      <c r="AE3002" s="128"/>
      <c r="AF3002" s="128"/>
      <c r="AG3002" s="128"/>
      <c r="AH3002" s="128"/>
      <c r="AI3002" s="128"/>
      <c r="AJ3002" s="128"/>
      <c r="AK3002" s="128"/>
      <c r="AL3002" s="128"/>
      <c r="AM3002" s="128"/>
      <c r="AN3002" s="128"/>
      <c r="AO3002" s="128"/>
      <c r="AP3002" s="128"/>
      <c r="AQ3002" s="128"/>
      <c r="AR3002" s="128"/>
      <c r="AS3002" s="128"/>
      <c r="AT3002" s="128"/>
      <c r="AU3002" s="128"/>
      <c r="AV3002" s="128"/>
      <c r="AW3002" s="128"/>
      <c r="AX3002" s="128"/>
      <c r="AY3002" s="128"/>
      <c r="AZ3002" s="128"/>
      <c r="BA3002" s="128"/>
      <c r="BB3002" s="107">
        <v>45884</v>
      </c>
    </row>
    <row r="3003" spans="1:54" s="8" customFormat="1" ht="13.95" customHeight="1" x14ac:dyDescent="0.25">
      <c r="A3003" s="219" t="s">
        <v>6876</v>
      </c>
      <c r="B3003" s="220" t="s">
        <v>6395</v>
      </c>
      <c r="C3003" s="98" t="s">
        <v>6877</v>
      </c>
      <c r="D3003" s="98" t="s">
        <v>20728</v>
      </c>
      <c r="E3003" s="141">
        <v>1992</v>
      </c>
      <c r="F3003" s="141">
        <v>875</v>
      </c>
      <c r="G3003" s="98" t="s">
        <v>1</v>
      </c>
      <c r="H3003" s="98">
        <v>0</v>
      </c>
      <c r="I3003" s="98">
        <v>0</v>
      </c>
      <c r="J3003" s="98" t="s">
        <v>400</v>
      </c>
      <c r="K3003" s="98" t="s">
        <v>400</v>
      </c>
      <c r="L3003" s="98" t="s">
        <v>400</v>
      </c>
      <c r="M3003" s="98" t="s">
        <v>400</v>
      </c>
      <c r="N3003" s="98" t="s">
        <v>400</v>
      </c>
      <c r="O3003" s="98" t="s">
        <v>400</v>
      </c>
      <c r="P3003" s="98" t="s">
        <v>400</v>
      </c>
      <c r="Q3003" s="98" t="s">
        <v>400</v>
      </c>
      <c r="R3003" s="98" t="s">
        <v>400</v>
      </c>
      <c r="S3003" s="98" t="s">
        <v>400</v>
      </c>
      <c r="T3003" s="98" t="s">
        <v>400</v>
      </c>
      <c r="U3003" s="128"/>
      <c r="V3003" s="128"/>
      <c r="W3003" s="128"/>
      <c r="X3003" s="128"/>
      <c r="Y3003" s="128"/>
      <c r="Z3003" s="128"/>
      <c r="AA3003" s="128"/>
      <c r="AB3003" s="128"/>
      <c r="AC3003" s="128"/>
      <c r="AD3003" s="128"/>
      <c r="AE3003" s="128"/>
      <c r="AF3003" s="128"/>
      <c r="AG3003" s="128"/>
      <c r="AH3003" s="128"/>
      <c r="AI3003" s="128"/>
      <c r="AJ3003" s="128"/>
      <c r="AK3003" s="128"/>
      <c r="AL3003" s="128"/>
      <c r="AM3003" s="128"/>
      <c r="AN3003" s="128"/>
      <c r="AO3003" s="128"/>
      <c r="AP3003" s="128"/>
      <c r="AQ3003" s="128"/>
      <c r="AR3003" s="128"/>
      <c r="AS3003" s="128"/>
      <c r="AT3003" s="128"/>
      <c r="AU3003" s="128"/>
      <c r="AV3003" s="128"/>
      <c r="AW3003" s="128"/>
      <c r="AX3003" s="128"/>
      <c r="AY3003" s="128"/>
      <c r="AZ3003" s="128"/>
      <c r="BA3003" s="128"/>
      <c r="BB3003" s="107">
        <v>45884</v>
      </c>
    </row>
    <row r="3004" spans="1:54" s="8" customFormat="1" ht="13.95" customHeight="1" x14ac:dyDescent="0.25">
      <c r="A3004" s="219" t="s">
        <v>6878</v>
      </c>
      <c r="B3004" s="220" t="s">
        <v>6395</v>
      </c>
      <c r="C3004" s="98" t="s">
        <v>22155</v>
      </c>
      <c r="D3004" s="98" t="s">
        <v>20729</v>
      </c>
      <c r="E3004" s="141">
        <v>1979</v>
      </c>
      <c r="F3004" s="141">
        <v>500</v>
      </c>
      <c r="G3004" s="98" t="s">
        <v>1</v>
      </c>
      <c r="H3004" s="98">
        <v>0</v>
      </c>
      <c r="I3004" s="98">
        <v>0</v>
      </c>
      <c r="J3004" s="98" t="s">
        <v>400</v>
      </c>
      <c r="K3004" s="98" t="s">
        <v>400</v>
      </c>
      <c r="L3004" s="98" t="s">
        <v>400</v>
      </c>
      <c r="M3004" s="98" t="s">
        <v>400</v>
      </c>
      <c r="N3004" s="98" t="s">
        <v>400</v>
      </c>
      <c r="O3004" s="98" t="s">
        <v>400</v>
      </c>
      <c r="P3004" s="98" t="s">
        <v>400</v>
      </c>
      <c r="Q3004" s="98" t="s">
        <v>400</v>
      </c>
      <c r="R3004" s="98" t="s">
        <v>400</v>
      </c>
      <c r="S3004" s="98" t="s">
        <v>400</v>
      </c>
      <c r="T3004" s="98" t="s">
        <v>400</v>
      </c>
      <c r="U3004" s="128"/>
      <c r="V3004" s="128"/>
      <c r="W3004" s="128"/>
      <c r="X3004" s="128"/>
      <c r="Y3004" s="128"/>
      <c r="Z3004" s="128"/>
      <c r="AA3004" s="128"/>
      <c r="AB3004" s="128"/>
      <c r="AC3004" s="128"/>
      <c r="AD3004" s="128"/>
      <c r="AE3004" s="128"/>
      <c r="AF3004" s="128"/>
      <c r="AG3004" s="128"/>
      <c r="AH3004" s="128"/>
      <c r="AI3004" s="128"/>
      <c r="AJ3004" s="128"/>
      <c r="AK3004" s="128"/>
      <c r="AL3004" s="128"/>
      <c r="AM3004" s="128"/>
      <c r="AN3004" s="128"/>
      <c r="AO3004" s="128"/>
      <c r="AP3004" s="128"/>
      <c r="AQ3004" s="128"/>
      <c r="AR3004" s="128"/>
      <c r="AS3004" s="128"/>
      <c r="AT3004" s="128"/>
      <c r="AU3004" s="128"/>
      <c r="AV3004" s="128"/>
      <c r="AW3004" s="128"/>
      <c r="AX3004" s="128"/>
      <c r="AY3004" s="128"/>
      <c r="AZ3004" s="128"/>
      <c r="BA3004" s="128"/>
      <c r="BB3004" s="107">
        <v>45884</v>
      </c>
    </row>
    <row r="3005" spans="1:54" s="8" customFormat="1" ht="13.95" customHeight="1" x14ac:dyDescent="0.25">
      <c r="A3005" s="219" t="s">
        <v>6879</v>
      </c>
      <c r="B3005" s="220" t="s">
        <v>6395</v>
      </c>
      <c r="C3005" s="98" t="s">
        <v>6880</v>
      </c>
      <c r="D3005" s="98" t="s">
        <v>20730</v>
      </c>
      <c r="E3005" s="141">
        <v>1979</v>
      </c>
      <c r="F3005" s="141">
        <v>504</v>
      </c>
      <c r="G3005" s="98" t="s">
        <v>1</v>
      </c>
      <c r="H3005" s="98">
        <v>0</v>
      </c>
      <c r="I3005" s="98">
        <v>0</v>
      </c>
      <c r="J3005" s="98" t="s">
        <v>400</v>
      </c>
      <c r="K3005" s="98" t="s">
        <v>400</v>
      </c>
      <c r="L3005" s="98" t="s">
        <v>400</v>
      </c>
      <c r="M3005" s="98" t="s">
        <v>400</v>
      </c>
      <c r="N3005" s="98" t="s">
        <v>400</v>
      </c>
      <c r="O3005" s="98" t="s">
        <v>400</v>
      </c>
      <c r="P3005" s="98" t="s">
        <v>400</v>
      </c>
      <c r="Q3005" s="98" t="s">
        <v>400</v>
      </c>
      <c r="R3005" s="98" t="s">
        <v>400</v>
      </c>
      <c r="S3005" s="98" t="s">
        <v>400</v>
      </c>
      <c r="T3005" s="98" t="s">
        <v>400</v>
      </c>
      <c r="U3005" s="128"/>
      <c r="V3005" s="128"/>
      <c r="W3005" s="128"/>
      <c r="X3005" s="128"/>
      <c r="Y3005" s="128"/>
      <c r="Z3005" s="128"/>
      <c r="AA3005" s="128"/>
      <c r="AB3005" s="128"/>
      <c r="AC3005" s="128"/>
      <c r="AD3005" s="128"/>
      <c r="AE3005" s="128"/>
      <c r="AF3005" s="128"/>
      <c r="AG3005" s="128"/>
      <c r="AH3005" s="128"/>
      <c r="AI3005" s="128"/>
      <c r="AJ3005" s="128"/>
      <c r="AK3005" s="128"/>
      <c r="AL3005" s="128"/>
      <c r="AM3005" s="128"/>
      <c r="AN3005" s="128"/>
      <c r="AO3005" s="128"/>
      <c r="AP3005" s="128"/>
      <c r="AQ3005" s="128"/>
      <c r="AR3005" s="128"/>
      <c r="AS3005" s="128"/>
      <c r="AT3005" s="128"/>
      <c r="AU3005" s="128"/>
      <c r="AV3005" s="128"/>
      <c r="AW3005" s="128"/>
      <c r="AX3005" s="128"/>
      <c r="AY3005" s="128"/>
      <c r="AZ3005" s="128"/>
      <c r="BA3005" s="128"/>
      <c r="BB3005" s="107">
        <v>45884</v>
      </c>
    </row>
    <row r="3006" spans="1:54" s="8" customFormat="1" ht="13.95" customHeight="1" x14ac:dyDescent="0.25">
      <c r="A3006" s="219" t="s">
        <v>6881</v>
      </c>
      <c r="B3006" s="220" t="s">
        <v>6395</v>
      </c>
      <c r="C3006" s="98" t="s">
        <v>6882</v>
      </c>
      <c r="D3006" s="98" t="s">
        <v>20731</v>
      </c>
      <c r="E3006" s="141">
        <v>1979</v>
      </c>
      <c r="F3006" s="141">
        <v>504</v>
      </c>
      <c r="G3006" s="98" t="s">
        <v>1</v>
      </c>
      <c r="H3006" s="98">
        <v>0</v>
      </c>
      <c r="I3006" s="98">
        <v>0</v>
      </c>
      <c r="J3006" s="98" t="s">
        <v>400</v>
      </c>
      <c r="K3006" s="98" t="s">
        <v>400</v>
      </c>
      <c r="L3006" s="98" t="s">
        <v>400</v>
      </c>
      <c r="M3006" s="98" t="s">
        <v>400</v>
      </c>
      <c r="N3006" s="98" t="s">
        <v>400</v>
      </c>
      <c r="O3006" s="98" t="s">
        <v>400</v>
      </c>
      <c r="P3006" s="98" t="s">
        <v>400</v>
      </c>
      <c r="Q3006" s="98" t="s">
        <v>400</v>
      </c>
      <c r="R3006" s="98" t="s">
        <v>400</v>
      </c>
      <c r="S3006" s="98" t="s">
        <v>400</v>
      </c>
      <c r="T3006" s="98" t="s">
        <v>400</v>
      </c>
      <c r="U3006" s="128"/>
      <c r="V3006" s="128"/>
      <c r="W3006" s="128"/>
      <c r="X3006" s="128"/>
      <c r="Y3006" s="128"/>
      <c r="Z3006" s="128"/>
      <c r="AA3006" s="128"/>
      <c r="AB3006" s="128"/>
      <c r="AC3006" s="128"/>
      <c r="AD3006" s="128"/>
      <c r="AE3006" s="128"/>
      <c r="AF3006" s="128"/>
      <c r="AG3006" s="128"/>
      <c r="AH3006" s="128"/>
      <c r="AI3006" s="128"/>
      <c r="AJ3006" s="128"/>
      <c r="AK3006" s="128"/>
      <c r="AL3006" s="128"/>
      <c r="AM3006" s="128"/>
      <c r="AN3006" s="128"/>
      <c r="AO3006" s="128"/>
      <c r="AP3006" s="128"/>
      <c r="AQ3006" s="128"/>
      <c r="AR3006" s="128"/>
      <c r="AS3006" s="128"/>
      <c r="AT3006" s="128"/>
      <c r="AU3006" s="128"/>
      <c r="AV3006" s="128"/>
      <c r="AW3006" s="128"/>
      <c r="AX3006" s="128"/>
      <c r="AY3006" s="128"/>
      <c r="AZ3006" s="128"/>
      <c r="BA3006" s="128"/>
      <c r="BB3006" s="107">
        <v>45884</v>
      </c>
    </row>
    <row r="3007" spans="1:54" s="8" customFormat="1" ht="13.95" customHeight="1" x14ac:dyDescent="0.25">
      <c r="A3007" s="219" t="s">
        <v>6883</v>
      </c>
      <c r="B3007" s="220" t="s">
        <v>6395</v>
      </c>
      <c r="C3007" s="98" t="s">
        <v>6884</v>
      </c>
      <c r="D3007" s="98" t="s">
        <v>20732</v>
      </c>
      <c r="E3007" s="141">
        <v>1979</v>
      </c>
      <c r="F3007" s="141">
        <v>504</v>
      </c>
      <c r="G3007" s="98" t="s">
        <v>1</v>
      </c>
      <c r="H3007" s="98">
        <v>0</v>
      </c>
      <c r="I3007" s="98">
        <v>0</v>
      </c>
      <c r="J3007" s="98" t="s">
        <v>400</v>
      </c>
      <c r="K3007" s="98" t="s">
        <v>400</v>
      </c>
      <c r="L3007" s="98" t="s">
        <v>400</v>
      </c>
      <c r="M3007" s="98" t="s">
        <v>400</v>
      </c>
      <c r="N3007" s="98" t="s">
        <v>400</v>
      </c>
      <c r="O3007" s="98" t="s">
        <v>400</v>
      </c>
      <c r="P3007" s="98" t="s">
        <v>400</v>
      </c>
      <c r="Q3007" s="98" t="s">
        <v>400</v>
      </c>
      <c r="R3007" s="98" t="s">
        <v>400</v>
      </c>
      <c r="S3007" s="98" t="s">
        <v>400</v>
      </c>
      <c r="T3007" s="98" t="s">
        <v>400</v>
      </c>
      <c r="U3007" s="128"/>
      <c r="V3007" s="128"/>
      <c r="W3007" s="128"/>
      <c r="X3007" s="128"/>
      <c r="Y3007" s="128"/>
      <c r="Z3007" s="128"/>
      <c r="AA3007" s="128"/>
      <c r="AB3007" s="128"/>
      <c r="AC3007" s="128"/>
      <c r="AD3007" s="128"/>
      <c r="AE3007" s="128"/>
      <c r="AF3007" s="128"/>
      <c r="AG3007" s="128"/>
      <c r="AH3007" s="128"/>
      <c r="AI3007" s="128"/>
      <c r="AJ3007" s="128"/>
      <c r="AK3007" s="128"/>
      <c r="AL3007" s="128"/>
      <c r="AM3007" s="128"/>
      <c r="AN3007" s="128"/>
      <c r="AO3007" s="128"/>
      <c r="AP3007" s="128"/>
      <c r="AQ3007" s="128"/>
      <c r="AR3007" s="128"/>
      <c r="AS3007" s="128"/>
      <c r="AT3007" s="128"/>
      <c r="AU3007" s="128"/>
      <c r="AV3007" s="128"/>
      <c r="AW3007" s="128"/>
      <c r="AX3007" s="128"/>
      <c r="AY3007" s="128"/>
      <c r="AZ3007" s="128"/>
      <c r="BA3007" s="128"/>
      <c r="BB3007" s="107">
        <v>45884</v>
      </c>
    </row>
    <row r="3008" spans="1:54" s="8" customFormat="1" ht="13.95" customHeight="1" x14ac:dyDescent="0.25">
      <c r="A3008" s="219" t="s">
        <v>6885</v>
      </c>
      <c r="B3008" s="220" t="s">
        <v>6395</v>
      </c>
      <c r="C3008" s="98" t="s">
        <v>6886</v>
      </c>
      <c r="D3008" s="98" t="s">
        <v>20733</v>
      </c>
      <c r="E3008" s="141">
        <v>1995</v>
      </c>
      <c r="F3008" s="141">
        <v>510</v>
      </c>
      <c r="G3008" s="98" t="s">
        <v>1</v>
      </c>
      <c r="H3008" s="98">
        <v>0</v>
      </c>
      <c r="I3008" s="98">
        <v>0</v>
      </c>
      <c r="J3008" s="98" t="s">
        <v>400</v>
      </c>
      <c r="K3008" s="98" t="s">
        <v>400</v>
      </c>
      <c r="L3008" s="98" t="s">
        <v>400</v>
      </c>
      <c r="M3008" s="98" t="s">
        <v>400</v>
      </c>
      <c r="N3008" s="98" t="s">
        <v>400</v>
      </c>
      <c r="O3008" s="98" t="s">
        <v>400</v>
      </c>
      <c r="P3008" s="98" t="s">
        <v>400</v>
      </c>
      <c r="Q3008" s="98" t="s">
        <v>400</v>
      </c>
      <c r="R3008" s="98" t="s">
        <v>400</v>
      </c>
      <c r="S3008" s="98" t="s">
        <v>400</v>
      </c>
      <c r="T3008" s="98" t="s">
        <v>400</v>
      </c>
      <c r="U3008" s="128"/>
      <c r="V3008" s="128"/>
      <c r="W3008" s="128"/>
      <c r="X3008" s="128"/>
      <c r="Y3008" s="128"/>
      <c r="Z3008" s="128"/>
      <c r="AA3008" s="128"/>
      <c r="AB3008" s="128"/>
      <c r="AC3008" s="128"/>
      <c r="AD3008" s="128"/>
      <c r="AE3008" s="128"/>
      <c r="AF3008" s="128"/>
      <c r="AG3008" s="128"/>
      <c r="AH3008" s="128"/>
      <c r="AI3008" s="128"/>
      <c r="AJ3008" s="128"/>
      <c r="AK3008" s="128"/>
      <c r="AL3008" s="128"/>
      <c r="AM3008" s="128"/>
      <c r="AN3008" s="128"/>
      <c r="AO3008" s="128"/>
      <c r="AP3008" s="128"/>
      <c r="AQ3008" s="128"/>
      <c r="AR3008" s="128"/>
      <c r="AS3008" s="128"/>
      <c r="AT3008" s="128"/>
      <c r="AU3008" s="128"/>
      <c r="AV3008" s="128"/>
      <c r="AW3008" s="128"/>
      <c r="AX3008" s="128"/>
      <c r="AY3008" s="128"/>
      <c r="AZ3008" s="128"/>
      <c r="BA3008" s="128"/>
      <c r="BB3008" s="107">
        <v>45884</v>
      </c>
    </row>
    <row r="3009" spans="1:54" s="8" customFormat="1" ht="13.95" customHeight="1" x14ac:dyDescent="0.25">
      <c r="A3009" s="219" t="s">
        <v>6887</v>
      </c>
      <c r="B3009" s="220" t="s">
        <v>6395</v>
      </c>
      <c r="C3009" s="98" t="s">
        <v>6888</v>
      </c>
      <c r="D3009" s="98" t="s">
        <v>20734</v>
      </c>
      <c r="E3009" s="141">
        <v>1966</v>
      </c>
      <c r="F3009" s="141">
        <v>511</v>
      </c>
      <c r="G3009" s="98" t="s">
        <v>1</v>
      </c>
      <c r="H3009" s="98">
        <v>0</v>
      </c>
      <c r="I3009" s="98">
        <v>0</v>
      </c>
      <c r="J3009" s="98" t="s">
        <v>400</v>
      </c>
      <c r="K3009" s="98" t="s">
        <v>400</v>
      </c>
      <c r="L3009" s="98" t="s">
        <v>400</v>
      </c>
      <c r="M3009" s="98" t="s">
        <v>400</v>
      </c>
      <c r="N3009" s="98" t="s">
        <v>400</v>
      </c>
      <c r="O3009" s="98" t="s">
        <v>400</v>
      </c>
      <c r="P3009" s="98" t="s">
        <v>400</v>
      </c>
      <c r="Q3009" s="98" t="s">
        <v>400</v>
      </c>
      <c r="R3009" s="98" t="s">
        <v>400</v>
      </c>
      <c r="S3009" s="98" t="s">
        <v>400</v>
      </c>
      <c r="T3009" s="98" t="s">
        <v>400</v>
      </c>
      <c r="U3009" s="128"/>
      <c r="V3009" s="128"/>
      <c r="W3009" s="128"/>
      <c r="X3009" s="128"/>
      <c r="Y3009" s="128"/>
      <c r="Z3009" s="128"/>
      <c r="AA3009" s="128"/>
      <c r="AB3009" s="128"/>
      <c r="AC3009" s="128"/>
      <c r="AD3009" s="128"/>
      <c r="AE3009" s="128"/>
      <c r="AF3009" s="128"/>
      <c r="AG3009" s="128"/>
      <c r="AH3009" s="128"/>
      <c r="AI3009" s="128"/>
      <c r="AJ3009" s="128"/>
      <c r="AK3009" s="128"/>
      <c r="AL3009" s="128"/>
      <c r="AM3009" s="128"/>
      <c r="AN3009" s="128"/>
      <c r="AO3009" s="128"/>
      <c r="AP3009" s="128"/>
      <c r="AQ3009" s="128"/>
      <c r="AR3009" s="128"/>
      <c r="AS3009" s="128"/>
      <c r="AT3009" s="128"/>
      <c r="AU3009" s="128"/>
      <c r="AV3009" s="128"/>
      <c r="AW3009" s="128"/>
      <c r="AX3009" s="128"/>
      <c r="AY3009" s="128"/>
      <c r="AZ3009" s="128"/>
      <c r="BA3009" s="128"/>
      <c r="BB3009" s="107">
        <v>45884</v>
      </c>
    </row>
    <row r="3010" spans="1:54" s="8" customFormat="1" ht="13.95" customHeight="1" x14ac:dyDescent="0.25">
      <c r="A3010" s="219" t="s">
        <v>6889</v>
      </c>
      <c r="B3010" s="220" t="s">
        <v>6395</v>
      </c>
      <c r="C3010" s="98" t="s">
        <v>6890</v>
      </c>
      <c r="D3010" s="98" t="s">
        <v>20735</v>
      </c>
      <c r="E3010" s="141">
        <v>1971</v>
      </c>
      <c r="F3010" s="141">
        <v>514</v>
      </c>
      <c r="G3010" s="98" t="s">
        <v>1</v>
      </c>
      <c r="H3010" s="98">
        <v>0</v>
      </c>
      <c r="I3010" s="98">
        <v>0</v>
      </c>
      <c r="J3010" s="98" t="s">
        <v>400</v>
      </c>
      <c r="K3010" s="98" t="s">
        <v>400</v>
      </c>
      <c r="L3010" s="98" t="s">
        <v>400</v>
      </c>
      <c r="M3010" s="98" t="s">
        <v>400</v>
      </c>
      <c r="N3010" s="98" t="s">
        <v>400</v>
      </c>
      <c r="O3010" s="98" t="s">
        <v>400</v>
      </c>
      <c r="P3010" s="98" t="s">
        <v>400</v>
      </c>
      <c r="Q3010" s="98" t="s">
        <v>400</v>
      </c>
      <c r="R3010" s="98" t="s">
        <v>400</v>
      </c>
      <c r="S3010" s="98" t="s">
        <v>400</v>
      </c>
      <c r="T3010" s="98" t="s">
        <v>400</v>
      </c>
      <c r="U3010" s="128"/>
      <c r="V3010" s="128"/>
      <c r="W3010" s="128"/>
      <c r="X3010" s="128"/>
      <c r="Y3010" s="128"/>
      <c r="Z3010" s="128"/>
      <c r="AA3010" s="128"/>
      <c r="AB3010" s="128"/>
      <c r="AC3010" s="128"/>
      <c r="AD3010" s="128"/>
      <c r="AE3010" s="128"/>
      <c r="AF3010" s="128"/>
      <c r="AG3010" s="128"/>
      <c r="AH3010" s="128"/>
      <c r="AI3010" s="128"/>
      <c r="AJ3010" s="128"/>
      <c r="AK3010" s="128"/>
      <c r="AL3010" s="128"/>
      <c r="AM3010" s="128"/>
      <c r="AN3010" s="128"/>
      <c r="AO3010" s="128"/>
      <c r="AP3010" s="128"/>
      <c r="AQ3010" s="128"/>
      <c r="AR3010" s="128"/>
      <c r="AS3010" s="128"/>
      <c r="AT3010" s="128"/>
      <c r="AU3010" s="128"/>
      <c r="AV3010" s="128"/>
      <c r="AW3010" s="128"/>
      <c r="AX3010" s="128"/>
      <c r="AY3010" s="128"/>
      <c r="AZ3010" s="128"/>
      <c r="BA3010" s="128"/>
      <c r="BB3010" s="107">
        <v>45884</v>
      </c>
    </row>
    <row r="3011" spans="1:54" s="8" customFormat="1" ht="13.95" customHeight="1" x14ac:dyDescent="0.25">
      <c r="A3011" s="219" t="s">
        <v>6891</v>
      </c>
      <c r="B3011" s="220" t="s">
        <v>6395</v>
      </c>
      <c r="C3011" s="98" t="s">
        <v>6892</v>
      </c>
      <c r="D3011" s="98" t="s">
        <v>20736</v>
      </c>
      <c r="E3011" s="141">
        <v>1998</v>
      </c>
      <c r="F3011" s="141">
        <v>514</v>
      </c>
      <c r="G3011" s="98" t="s">
        <v>1</v>
      </c>
      <c r="H3011" s="98">
        <v>0</v>
      </c>
      <c r="I3011" s="98">
        <v>0</v>
      </c>
      <c r="J3011" s="98" t="s">
        <v>400</v>
      </c>
      <c r="K3011" s="98" t="s">
        <v>400</v>
      </c>
      <c r="L3011" s="98" t="s">
        <v>400</v>
      </c>
      <c r="M3011" s="98" t="s">
        <v>400</v>
      </c>
      <c r="N3011" s="98" t="s">
        <v>400</v>
      </c>
      <c r="O3011" s="98" t="s">
        <v>400</v>
      </c>
      <c r="P3011" s="98" t="s">
        <v>400</v>
      </c>
      <c r="Q3011" s="98" t="s">
        <v>400</v>
      </c>
      <c r="R3011" s="98" t="s">
        <v>400</v>
      </c>
      <c r="S3011" s="98" t="s">
        <v>400</v>
      </c>
      <c r="T3011" s="98" t="s">
        <v>400</v>
      </c>
      <c r="U3011" s="128"/>
      <c r="V3011" s="128"/>
      <c r="W3011" s="128"/>
      <c r="X3011" s="128"/>
      <c r="Y3011" s="128"/>
      <c r="Z3011" s="128"/>
      <c r="AA3011" s="128"/>
      <c r="AB3011" s="128"/>
      <c r="AC3011" s="128"/>
      <c r="AD3011" s="128"/>
      <c r="AE3011" s="128"/>
      <c r="AF3011" s="128"/>
      <c r="AG3011" s="128"/>
      <c r="AH3011" s="128"/>
      <c r="AI3011" s="128"/>
      <c r="AJ3011" s="128"/>
      <c r="AK3011" s="128"/>
      <c r="AL3011" s="128"/>
      <c r="AM3011" s="128"/>
      <c r="AN3011" s="128"/>
      <c r="AO3011" s="128"/>
      <c r="AP3011" s="128"/>
      <c r="AQ3011" s="128"/>
      <c r="AR3011" s="128"/>
      <c r="AS3011" s="128"/>
      <c r="AT3011" s="128"/>
      <c r="AU3011" s="128"/>
      <c r="AV3011" s="128"/>
      <c r="AW3011" s="128"/>
      <c r="AX3011" s="128"/>
      <c r="AY3011" s="128"/>
      <c r="AZ3011" s="128"/>
      <c r="BA3011" s="128"/>
      <c r="BB3011" s="107">
        <v>45884</v>
      </c>
    </row>
    <row r="3012" spans="1:54" s="8" customFormat="1" ht="13.95" customHeight="1" x14ac:dyDescent="0.25">
      <c r="A3012" s="219" t="s">
        <v>6893</v>
      </c>
      <c r="B3012" s="220" t="s">
        <v>6395</v>
      </c>
      <c r="C3012" s="98" t="s">
        <v>6894</v>
      </c>
      <c r="D3012" s="98" t="s">
        <v>20737</v>
      </c>
      <c r="E3012" s="141">
        <v>1999</v>
      </c>
      <c r="F3012" s="141">
        <v>515</v>
      </c>
      <c r="G3012" s="98" t="s">
        <v>1</v>
      </c>
      <c r="H3012" s="98">
        <v>0</v>
      </c>
      <c r="I3012" s="98">
        <v>0</v>
      </c>
      <c r="J3012" s="98" t="s">
        <v>400</v>
      </c>
      <c r="K3012" s="98" t="s">
        <v>400</v>
      </c>
      <c r="L3012" s="98" t="s">
        <v>400</v>
      </c>
      <c r="M3012" s="98" t="s">
        <v>400</v>
      </c>
      <c r="N3012" s="98" t="s">
        <v>400</v>
      </c>
      <c r="O3012" s="98" t="s">
        <v>400</v>
      </c>
      <c r="P3012" s="98" t="s">
        <v>400</v>
      </c>
      <c r="Q3012" s="98" t="s">
        <v>400</v>
      </c>
      <c r="R3012" s="98" t="s">
        <v>400</v>
      </c>
      <c r="S3012" s="98" t="s">
        <v>400</v>
      </c>
      <c r="T3012" s="98" t="s">
        <v>400</v>
      </c>
      <c r="U3012" s="128"/>
      <c r="V3012" s="128"/>
      <c r="W3012" s="128"/>
      <c r="X3012" s="128"/>
      <c r="Y3012" s="128"/>
      <c r="Z3012" s="128"/>
      <c r="AA3012" s="128"/>
      <c r="AB3012" s="128"/>
      <c r="AC3012" s="128"/>
      <c r="AD3012" s="128"/>
      <c r="AE3012" s="128"/>
      <c r="AF3012" s="128"/>
      <c r="AG3012" s="128"/>
      <c r="AH3012" s="128"/>
      <c r="AI3012" s="128"/>
      <c r="AJ3012" s="128"/>
      <c r="AK3012" s="128"/>
      <c r="AL3012" s="128"/>
      <c r="AM3012" s="128"/>
      <c r="AN3012" s="128"/>
      <c r="AO3012" s="128"/>
      <c r="AP3012" s="128"/>
      <c r="AQ3012" s="128"/>
      <c r="AR3012" s="128"/>
      <c r="AS3012" s="128"/>
      <c r="AT3012" s="128"/>
      <c r="AU3012" s="128"/>
      <c r="AV3012" s="128"/>
      <c r="AW3012" s="128"/>
      <c r="AX3012" s="128"/>
      <c r="AY3012" s="128"/>
      <c r="AZ3012" s="128"/>
      <c r="BA3012" s="128"/>
      <c r="BB3012" s="107">
        <v>45884</v>
      </c>
    </row>
    <row r="3013" spans="1:54" s="8" customFormat="1" ht="13.95" customHeight="1" x14ac:dyDescent="0.25">
      <c r="A3013" s="219" t="s">
        <v>6895</v>
      </c>
      <c r="B3013" s="220" t="s">
        <v>6395</v>
      </c>
      <c r="C3013" s="98" t="s">
        <v>22156</v>
      </c>
      <c r="D3013" s="98" t="s">
        <v>20738</v>
      </c>
      <c r="E3013" s="141">
        <v>1976</v>
      </c>
      <c r="F3013" s="141">
        <v>516</v>
      </c>
      <c r="G3013" s="98" t="s">
        <v>1</v>
      </c>
      <c r="H3013" s="98">
        <v>0</v>
      </c>
      <c r="I3013" s="98">
        <v>0</v>
      </c>
      <c r="J3013" s="98" t="s">
        <v>400</v>
      </c>
      <c r="K3013" s="98" t="s">
        <v>400</v>
      </c>
      <c r="L3013" s="98" t="s">
        <v>400</v>
      </c>
      <c r="M3013" s="98" t="s">
        <v>400</v>
      </c>
      <c r="N3013" s="98" t="s">
        <v>400</v>
      </c>
      <c r="O3013" s="98" t="s">
        <v>400</v>
      </c>
      <c r="P3013" s="98" t="s">
        <v>400</v>
      </c>
      <c r="Q3013" s="98" t="s">
        <v>400</v>
      </c>
      <c r="R3013" s="98" t="s">
        <v>400</v>
      </c>
      <c r="S3013" s="98" t="s">
        <v>400</v>
      </c>
      <c r="T3013" s="98" t="s">
        <v>400</v>
      </c>
      <c r="U3013" s="128"/>
      <c r="V3013" s="128"/>
      <c r="W3013" s="128"/>
      <c r="X3013" s="128"/>
      <c r="Y3013" s="128"/>
      <c r="Z3013" s="128"/>
      <c r="AA3013" s="128"/>
      <c r="AB3013" s="128"/>
      <c r="AC3013" s="128"/>
      <c r="AD3013" s="128"/>
      <c r="AE3013" s="128"/>
      <c r="AF3013" s="128"/>
      <c r="AG3013" s="128"/>
      <c r="AH3013" s="128"/>
      <c r="AI3013" s="128"/>
      <c r="AJ3013" s="128"/>
      <c r="AK3013" s="128"/>
      <c r="AL3013" s="128"/>
      <c r="AM3013" s="128"/>
      <c r="AN3013" s="128"/>
      <c r="AO3013" s="128"/>
      <c r="AP3013" s="128"/>
      <c r="AQ3013" s="128"/>
      <c r="AR3013" s="128"/>
      <c r="AS3013" s="128"/>
      <c r="AT3013" s="128"/>
      <c r="AU3013" s="128"/>
      <c r="AV3013" s="128"/>
      <c r="AW3013" s="128"/>
      <c r="AX3013" s="128"/>
      <c r="AY3013" s="128"/>
      <c r="AZ3013" s="128"/>
      <c r="BA3013" s="128"/>
      <c r="BB3013" s="107">
        <v>45884</v>
      </c>
    </row>
    <row r="3014" spans="1:54" s="8" customFormat="1" ht="13.95" customHeight="1" x14ac:dyDescent="0.25">
      <c r="A3014" s="219" t="s">
        <v>6896</v>
      </c>
      <c r="B3014" s="220" t="s">
        <v>6395</v>
      </c>
      <c r="C3014" s="98" t="s">
        <v>6897</v>
      </c>
      <c r="D3014" s="98" t="s">
        <v>20739</v>
      </c>
      <c r="E3014" s="141">
        <v>1979</v>
      </c>
      <c r="F3014" s="141">
        <v>517</v>
      </c>
      <c r="G3014" s="98" t="s">
        <v>1</v>
      </c>
      <c r="H3014" s="98">
        <v>0</v>
      </c>
      <c r="I3014" s="98">
        <v>0</v>
      </c>
      <c r="J3014" s="98" t="s">
        <v>400</v>
      </c>
      <c r="K3014" s="98" t="s">
        <v>400</v>
      </c>
      <c r="L3014" s="98" t="s">
        <v>400</v>
      </c>
      <c r="M3014" s="98" t="s">
        <v>400</v>
      </c>
      <c r="N3014" s="98" t="s">
        <v>400</v>
      </c>
      <c r="O3014" s="98" t="s">
        <v>400</v>
      </c>
      <c r="P3014" s="98" t="s">
        <v>400</v>
      </c>
      <c r="Q3014" s="98" t="s">
        <v>400</v>
      </c>
      <c r="R3014" s="98" t="s">
        <v>400</v>
      </c>
      <c r="S3014" s="98" t="s">
        <v>400</v>
      </c>
      <c r="T3014" s="98" t="s">
        <v>400</v>
      </c>
      <c r="U3014" s="128"/>
      <c r="V3014" s="128"/>
      <c r="W3014" s="128"/>
      <c r="X3014" s="128"/>
      <c r="Y3014" s="128"/>
      <c r="Z3014" s="128"/>
      <c r="AA3014" s="128"/>
      <c r="AB3014" s="128"/>
      <c r="AC3014" s="128"/>
      <c r="AD3014" s="128"/>
      <c r="AE3014" s="128"/>
      <c r="AF3014" s="128"/>
      <c r="AG3014" s="128"/>
      <c r="AH3014" s="128"/>
      <c r="AI3014" s="128"/>
      <c r="AJ3014" s="128"/>
      <c r="AK3014" s="128"/>
      <c r="AL3014" s="128"/>
      <c r="AM3014" s="128"/>
      <c r="AN3014" s="128"/>
      <c r="AO3014" s="128"/>
      <c r="AP3014" s="128"/>
      <c r="AQ3014" s="128"/>
      <c r="AR3014" s="128"/>
      <c r="AS3014" s="128"/>
      <c r="AT3014" s="128"/>
      <c r="AU3014" s="128"/>
      <c r="AV3014" s="128"/>
      <c r="AW3014" s="128"/>
      <c r="AX3014" s="128"/>
      <c r="AY3014" s="128"/>
      <c r="AZ3014" s="128"/>
      <c r="BA3014" s="128"/>
      <c r="BB3014" s="107">
        <v>45884</v>
      </c>
    </row>
    <row r="3015" spans="1:54" s="8" customFormat="1" ht="13.95" customHeight="1" x14ac:dyDescent="0.25">
      <c r="A3015" s="219" t="s">
        <v>6898</v>
      </c>
      <c r="B3015" s="220" t="s">
        <v>6395</v>
      </c>
      <c r="C3015" s="98" t="s">
        <v>19801</v>
      </c>
      <c r="D3015" s="98" t="s">
        <v>6899</v>
      </c>
      <c r="E3015" s="141">
        <v>1962</v>
      </c>
      <c r="F3015" s="141">
        <v>517</v>
      </c>
      <c r="G3015" s="98" t="s">
        <v>1</v>
      </c>
      <c r="H3015" s="98">
        <v>0</v>
      </c>
      <c r="I3015" s="98">
        <v>0</v>
      </c>
      <c r="J3015" s="98" t="s">
        <v>400</v>
      </c>
      <c r="K3015" s="98" t="s">
        <v>400</v>
      </c>
      <c r="L3015" s="98" t="s">
        <v>400</v>
      </c>
      <c r="M3015" s="98" t="s">
        <v>400</v>
      </c>
      <c r="N3015" s="98" t="s">
        <v>400</v>
      </c>
      <c r="O3015" s="98" t="s">
        <v>400</v>
      </c>
      <c r="P3015" s="98" t="s">
        <v>400</v>
      </c>
      <c r="Q3015" s="98" t="s">
        <v>400</v>
      </c>
      <c r="R3015" s="98" t="s">
        <v>400</v>
      </c>
      <c r="S3015" s="98" t="s">
        <v>400</v>
      </c>
      <c r="T3015" s="98" t="s">
        <v>400</v>
      </c>
      <c r="U3015" s="128"/>
      <c r="V3015" s="128"/>
      <c r="W3015" s="128"/>
      <c r="X3015" s="128"/>
      <c r="Y3015" s="128"/>
      <c r="Z3015" s="128"/>
      <c r="AA3015" s="128"/>
      <c r="AB3015" s="128"/>
      <c r="AC3015" s="128"/>
      <c r="AD3015" s="128"/>
      <c r="AE3015" s="128"/>
      <c r="AF3015" s="128"/>
      <c r="AG3015" s="128"/>
      <c r="AH3015" s="128"/>
      <c r="AI3015" s="128"/>
      <c r="AJ3015" s="128"/>
      <c r="AK3015" s="128"/>
      <c r="AL3015" s="128"/>
      <c r="AM3015" s="128"/>
      <c r="AN3015" s="128"/>
      <c r="AO3015" s="128"/>
      <c r="AP3015" s="128"/>
      <c r="AQ3015" s="128"/>
      <c r="AR3015" s="128"/>
      <c r="AS3015" s="128"/>
      <c r="AT3015" s="128"/>
      <c r="AU3015" s="128"/>
      <c r="AV3015" s="128"/>
      <c r="AW3015" s="128"/>
      <c r="AX3015" s="128"/>
      <c r="AY3015" s="128"/>
      <c r="AZ3015" s="128"/>
      <c r="BA3015" s="128"/>
      <c r="BB3015" s="107">
        <v>45884</v>
      </c>
    </row>
    <row r="3016" spans="1:54" s="8" customFormat="1" ht="13.95" customHeight="1" x14ac:dyDescent="0.25">
      <c r="A3016" s="219" t="s">
        <v>6900</v>
      </c>
      <c r="B3016" s="220" t="s">
        <v>6395</v>
      </c>
      <c r="C3016" s="98" t="s">
        <v>6901</v>
      </c>
      <c r="D3016" s="98" t="s">
        <v>20740</v>
      </c>
      <c r="E3016" s="141">
        <v>2005</v>
      </c>
      <c r="F3016" s="141">
        <v>521</v>
      </c>
      <c r="G3016" s="98" t="s">
        <v>8</v>
      </c>
      <c r="H3016" s="98">
        <v>0</v>
      </c>
      <c r="I3016" s="98">
        <v>0</v>
      </c>
      <c r="J3016" s="98" t="s">
        <v>400</v>
      </c>
      <c r="K3016" s="98" t="s">
        <v>400</v>
      </c>
      <c r="L3016" s="98" t="s">
        <v>400</v>
      </c>
      <c r="M3016" s="98" t="s">
        <v>400</v>
      </c>
      <c r="N3016" s="98" t="s">
        <v>400</v>
      </c>
      <c r="O3016" s="98" t="s">
        <v>400</v>
      </c>
      <c r="P3016" s="98" t="s">
        <v>400</v>
      </c>
      <c r="Q3016" s="98" t="s">
        <v>400</v>
      </c>
      <c r="R3016" s="98" t="s">
        <v>400</v>
      </c>
      <c r="S3016" s="98" t="s">
        <v>400</v>
      </c>
      <c r="T3016" s="98" t="s">
        <v>400</v>
      </c>
      <c r="U3016" s="98">
        <v>0</v>
      </c>
      <c r="V3016" s="98">
        <v>0</v>
      </c>
      <c r="W3016" s="98" t="s">
        <v>400</v>
      </c>
      <c r="X3016" s="98">
        <v>0</v>
      </c>
      <c r="Y3016" s="98">
        <v>0</v>
      </c>
      <c r="Z3016" s="98">
        <v>0</v>
      </c>
      <c r="AA3016" s="98" t="s">
        <v>400</v>
      </c>
      <c r="AB3016" s="98">
        <v>0</v>
      </c>
      <c r="AC3016" s="98">
        <v>0</v>
      </c>
      <c r="AD3016" s="98">
        <v>0</v>
      </c>
      <c r="AE3016" s="98">
        <v>0</v>
      </c>
      <c r="AF3016" s="98">
        <v>0</v>
      </c>
      <c r="AG3016" s="98">
        <v>0</v>
      </c>
      <c r="AH3016" s="98">
        <v>0</v>
      </c>
      <c r="AI3016" s="98">
        <v>0</v>
      </c>
      <c r="AJ3016" s="98">
        <v>0</v>
      </c>
      <c r="AK3016" s="98">
        <v>0</v>
      </c>
      <c r="AL3016" s="98">
        <v>0</v>
      </c>
      <c r="AM3016" s="98">
        <v>0</v>
      </c>
      <c r="AN3016" s="98">
        <v>0</v>
      </c>
      <c r="AO3016" s="98">
        <v>0</v>
      </c>
      <c r="AP3016" s="98">
        <v>0</v>
      </c>
      <c r="AQ3016" s="98">
        <v>0</v>
      </c>
      <c r="AR3016" s="98">
        <v>0</v>
      </c>
      <c r="AS3016" s="98">
        <v>0</v>
      </c>
      <c r="AT3016" s="129">
        <v>0</v>
      </c>
      <c r="AU3016" s="98">
        <v>0</v>
      </c>
      <c r="AV3016" s="98">
        <v>0</v>
      </c>
      <c r="AW3016" s="98">
        <v>0</v>
      </c>
      <c r="AX3016" s="98"/>
      <c r="AY3016" s="98"/>
      <c r="AZ3016" s="98"/>
      <c r="BA3016" s="98"/>
      <c r="BB3016" s="107">
        <v>45884</v>
      </c>
    </row>
    <row r="3017" spans="1:54" s="8" customFormat="1" ht="13.95" customHeight="1" x14ac:dyDescent="0.25">
      <c r="A3017" s="219" t="s">
        <v>6902</v>
      </c>
      <c r="B3017" s="220" t="s">
        <v>6395</v>
      </c>
      <c r="C3017" s="98" t="s">
        <v>6903</v>
      </c>
      <c r="D3017" s="98" t="s">
        <v>20741</v>
      </c>
      <c r="E3017" s="141">
        <v>1979</v>
      </c>
      <c r="F3017" s="141">
        <v>525</v>
      </c>
      <c r="G3017" s="98" t="s">
        <v>1</v>
      </c>
      <c r="H3017" s="98">
        <v>0</v>
      </c>
      <c r="I3017" s="98">
        <v>0</v>
      </c>
      <c r="J3017" s="98" t="s">
        <v>400</v>
      </c>
      <c r="K3017" s="98" t="s">
        <v>400</v>
      </c>
      <c r="L3017" s="98" t="s">
        <v>400</v>
      </c>
      <c r="M3017" s="98" t="s">
        <v>400</v>
      </c>
      <c r="N3017" s="98" t="s">
        <v>400</v>
      </c>
      <c r="O3017" s="98" t="s">
        <v>400</v>
      </c>
      <c r="P3017" s="98" t="s">
        <v>400</v>
      </c>
      <c r="Q3017" s="98" t="s">
        <v>400</v>
      </c>
      <c r="R3017" s="98" t="s">
        <v>400</v>
      </c>
      <c r="S3017" s="98" t="s">
        <v>400</v>
      </c>
      <c r="T3017" s="98" t="s">
        <v>400</v>
      </c>
      <c r="U3017" s="128"/>
      <c r="V3017" s="128"/>
      <c r="W3017" s="128"/>
      <c r="X3017" s="128"/>
      <c r="Y3017" s="128"/>
      <c r="Z3017" s="128"/>
      <c r="AA3017" s="128"/>
      <c r="AB3017" s="128"/>
      <c r="AC3017" s="128"/>
      <c r="AD3017" s="128"/>
      <c r="AE3017" s="128"/>
      <c r="AF3017" s="128"/>
      <c r="AG3017" s="128"/>
      <c r="AH3017" s="128"/>
      <c r="AI3017" s="128"/>
      <c r="AJ3017" s="128"/>
      <c r="AK3017" s="128"/>
      <c r="AL3017" s="128"/>
      <c r="AM3017" s="128"/>
      <c r="AN3017" s="128"/>
      <c r="AO3017" s="128"/>
      <c r="AP3017" s="128"/>
      <c r="AQ3017" s="128"/>
      <c r="AR3017" s="128"/>
      <c r="AS3017" s="128"/>
      <c r="AT3017" s="128"/>
      <c r="AU3017" s="128"/>
      <c r="AV3017" s="128"/>
      <c r="AW3017" s="128"/>
      <c r="AX3017" s="128"/>
      <c r="AY3017" s="128"/>
      <c r="AZ3017" s="128"/>
      <c r="BA3017" s="128"/>
      <c r="BB3017" s="107">
        <v>45884</v>
      </c>
    </row>
    <row r="3018" spans="1:54" s="8" customFormat="1" ht="13.95" customHeight="1" x14ac:dyDescent="0.25">
      <c r="A3018" s="219" t="s">
        <v>6904</v>
      </c>
      <c r="B3018" s="220" t="s">
        <v>6395</v>
      </c>
      <c r="C3018" s="98" t="s">
        <v>6905</v>
      </c>
      <c r="D3018" s="98" t="s">
        <v>20742</v>
      </c>
      <c r="E3018" s="141">
        <v>1995</v>
      </c>
      <c r="F3018" s="141">
        <v>525</v>
      </c>
      <c r="G3018" s="98" t="s">
        <v>1</v>
      </c>
      <c r="H3018" s="98">
        <v>0</v>
      </c>
      <c r="I3018" s="98">
        <v>0</v>
      </c>
      <c r="J3018" s="98" t="s">
        <v>400</v>
      </c>
      <c r="K3018" s="98" t="s">
        <v>400</v>
      </c>
      <c r="L3018" s="98" t="s">
        <v>400</v>
      </c>
      <c r="M3018" s="98" t="s">
        <v>400</v>
      </c>
      <c r="N3018" s="98" t="s">
        <v>400</v>
      </c>
      <c r="O3018" s="98" t="s">
        <v>400</v>
      </c>
      <c r="P3018" s="98" t="s">
        <v>400</v>
      </c>
      <c r="Q3018" s="98" t="s">
        <v>400</v>
      </c>
      <c r="R3018" s="98" t="s">
        <v>400</v>
      </c>
      <c r="S3018" s="98" t="s">
        <v>400</v>
      </c>
      <c r="T3018" s="98" t="s">
        <v>400</v>
      </c>
      <c r="U3018" s="128"/>
      <c r="V3018" s="128"/>
      <c r="W3018" s="128"/>
      <c r="X3018" s="128"/>
      <c r="Y3018" s="128"/>
      <c r="Z3018" s="128"/>
      <c r="AA3018" s="128"/>
      <c r="AB3018" s="128"/>
      <c r="AC3018" s="128"/>
      <c r="AD3018" s="128"/>
      <c r="AE3018" s="128"/>
      <c r="AF3018" s="128"/>
      <c r="AG3018" s="128"/>
      <c r="AH3018" s="128"/>
      <c r="AI3018" s="128"/>
      <c r="AJ3018" s="128"/>
      <c r="AK3018" s="128"/>
      <c r="AL3018" s="128"/>
      <c r="AM3018" s="128"/>
      <c r="AN3018" s="128"/>
      <c r="AO3018" s="128"/>
      <c r="AP3018" s="128"/>
      <c r="AQ3018" s="128"/>
      <c r="AR3018" s="128"/>
      <c r="AS3018" s="128"/>
      <c r="AT3018" s="128"/>
      <c r="AU3018" s="128"/>
      <c r="AV3018" s="128"/>
      <c r="AW3018" s="128"/>
      <c r="AX3018" s="128"/>
      <c r="AY3018" s="128"/>
      <c r="AZ3018" s="128"/>
      <c r="BA3018" s="128"/>
      <c r="BB3018" s="107">
        <v>45884</v>
      </c>
    </row>
    <row r="3019" spans="1:54" s="8" customFormat="1" ht="13.95" customHeight="1" x14ac:dyDescent="0.25">
      <c r="A3019" s="219" t="s">
        <v>6906</v>
      </c>
      <c r="B3019" s="220" t="s">
        <v>6395</v>
      </c>
      <c r="C3019" s="98" t="s">
        <v>6907</v>
      </c>
      <c r="D3019" s="98" t="s">
        <v>20743</v>
      </c>
      <c r="E3019" s="141">
        <v>1984</v>
      </c>
      <c r="F3019" s="141">
        <v>527</v>
      </c>
      <c r="G3019" s="98" t="s">
        <v>1</v>
      </c>
      <c r="H3019" s="98">
        <v>0</v>
      </c>
      <c r="I3019" s="98">
        <v>0</v>
      </c>
      <c r="J3019" s="98" t="s">
        <v>400</v>
      </c>
      <c r="K3019" s="98" t="s">
        <v>400</v>
      </c>
      <c r="L3019" s="98" t="s">
        <v>400</v>
      </c>
      <c r="M3019" s="98" t="s">
        <v>400</v>
      </c>
      <c r="N3019" s="98" t="s">
        <v>400</v>
      </c>
      <c r="O3019" s="98" t="s">
        <v>400</v>
      </c>
      <c r="P3019" s="98" t="s">
        <v>400</v>
      </c>
      <c r="Q3019" s="98" t="s">
        <v>400</v>
      </c>
      <c r="R3019" s="98" t="s">
        <v>400</v>
      </c>
      <c r="S3019" s="98" t="s">
        <v>400</v>
      </c>
      <c r="T3019" s="98" t="s">
        <v>400</v>
      </c>
      <c r="U3019" s="128"/>
      <c r="V3019" s="128"/>
      <c r="W3019" s="128"/>
      <c r="X3019" s="128"/>
      <c r="Y3019" s="128"/>
      <c r="Z3019" s="128"/>
      <c r="AA3019" s="128"/>
      <c r="AB3019" s="128"/>
      <c r="AC3019" s="128"/>
      <c r="AD3019" s="128"/>
      <c r="AE3019" s="128"/>
      <c r="AF3019" s="128"/>
      <c r="AG3019" s="128"/>
      <c r="AH3019" s="128"/>
      <c r="AI3019" s="128"/>
      <c r="AJ3019" s="128"/>
      <c r="AK3019" s="128"/>
      <c r="AL3019" s="128"/>
      <c r="AM3019" s="128"/>
      <c r="AN3019" s="128"/>
      <c r="AO3019" s="128"/>
      <c r="AP3019" s="128"/>
      <c r="AQ3019" s="128"/>
      <c r="AR3019" s="128"/>
      <c r="AS3019" s="128"/>
      <c r="AT3019" s="128"/>
      <c r="AU3019" s="128"/>
      <c r="AV3019" s="128"/>
      <c r="AW3019" s="128"/>
      <c r="AX3019" s="128"/>
      <c r="AY3019" s="128"/>
      <c r="AZ3019" s="128"/>
      <c r="BA3019" s="128"/>
      <c r="BB3019" s="107">
        <v>45884</v>
      </c>
    </row>
    <row r="3020" spans="1:54" s="8" customFormat="1" ht="13.95" customHeight="1" x14ac:dyDescent="0.25">
      <c r="A3020" s="219" t="s">
        <v>6908</v>
      </c>
      <c r="B3020" s="220" t="s">
        <v>6395</v>
      </c>
      <c r="C3020" s="98" t="s">
        <v>6909</v>
      </c>
      <c r="D3020" s="98" t="s">
        <v>20744</v>
      </c>
      <c r="E3020" s="141">
        <v>1980</v>
      </c>
      <c r="F3020" s="141">
        <v>528</v>
      </c>
      <c r="G3020" s="98" t="s">
        <v>1</v>
      </c>
      <c r="H3020" s="98">
        <v>0</v>
      </c>
      <c r="I3020" s="98">
        <v>0</v>
      </c>
      <c r="J3020" s="98" t="s">
        <v>400</v>
      </c>
      <c r="K3020" s="98" t="s">
        <v>400</v>
      </c>
      <c r="L3020" s="98" t="s">
        <v>400</v>
      </c>
      <c r="M3020" s="98" t="s">
        <v>400</v>
      </c>
      <c r="N3020" s="98" t="s">
        <v>400</v>
      </c>
      <c r="O3020" s="98" t="s">
        <v>400</v>
      </c>
      <c r="P3020" s="98" t="s">
        <v>400</v>
      </c>
      <c r="Q3020" s="98" t="s">
        <v>400</v>
      </c>
      <c r="R3020" s="98" t="s">
        <v>400</v>
      </c>
      <c r="S3020" s="98" t="s">
        <v>400</v>
      </c>
      <c r="T3020" s="98" t="s">
        <v>400</v>
      </c>
      <c r="U3020" s="128"/>
      <c r="V3020" s="128"/>
      <c r="W3020" s="128"/>
      <c r="X3020" s="128"/>
      <c r="Y3020" s="128"/>
      <c r="Z3020" s="128"/>
      <c r="AA3020" s="128"/>
      <c r="AB3020" s="128"/>
      <c r="AC3020" s="128"/>
      <c r="AD3020" s="128"/>
      <c r="AE3020" s="128"/>
      <c r="AF3020" s="128"/>
      <c r="AG3020" s="128"/>
      <c r="AH3020" s="128"/>
      <c r="AI3020" s="128"/>
      <c r="AJ3020" s="128"/>
      <c r="AK3020" s="128"/>
      <c r="AL3020" s="128"/>
      <c r="AM3020" s="128"/>
      <c r="AN3020" s="128"/>
      <c r="AO3020" s="128"/>
      <c r="AP3020" s="128"/>
      <c r="AQ3020" s="128"/>
      <c r="AR3020" s="128"/>
      <c r="AS3020" s="128"/>
      <c r="AT3020" s="128"/>
      <c r="AU3020" s="128"/>
      <c r="AV3020" s="128"/>
      <c r="AW3020" s="128"/>
      <c r="AX3020" s="128"/>
      <c r="AY3020" s="128"/>
      <c r="AZ3020" s="128"/>
      <c r="BA3020" s="128"/>
      <c r="BB3020" s="107">
        <v>45884</v>
      </c>
    </row>
    <row r="3021" spans="1:54" s="8" customFormat="1" ht="13.95" customHeight="1" x14ac:dyDescent="0.25">
      <c r="A3021" s="219" t="s">
        <v>6910</v>
      </c>
      <c r="B3021" s="220" t="s">
        <v>6395</v>
      </c>
      <c r="C3021" s="98" t="s">
        <v>6911</v>
      </c>
      <c r="D3021" s="98" t="s">
        <v>20745</v>
      </c>
      <c r="E3021" s="141">
        <v>2000</v>
      </c>
      <c r="F3021" s="141">
        <v>530</v>
      </c>
      <c r="G3021" s="98" t="s">
        <v>1</v>
      </c>
      <c r="H3021" s="98">
        <v>0</v>
      </c>
      <c r="I3021" s="98">
        <v>0</v>
      </c>
      <c r="J3021" s="98" t="s">
        <v>400</v>
      </c>
      <c r="K3021" s="98" t="s">
        <v>400</v>
      </c>
      <c r="L3021" s="98" t="s">
        <v>400</v>
      </c>
      <c r="M3021" s="98" t="s">
        <v>400</v>
      </c>
      <c r="N3021" s="98" t="s">
        <v>400</v>
      </c>
      <c r="O3021" s="98" t="s">
        <v>400</v>
      </c>
      <c r="P3021" s="98" t="s">
        <v>400</v>
      </c>
      <c r="Q3021" s="98" t="s">
        <v>400</v>
      </c>
      <c r="R3021" s="98" t="s">
        <v>400</v>
      </c>
      <c r="S3021" s="98" t="s">
        <v>400</v>
      </c>
      <c r="T3021" s="98" t="s">
        <v>400</v>
      </c>
      <c r="U3021" s="128"/>
      <c r="V3021" s="128"/>
      <c r="W3021" s="128"/>
      <c r="X3021" s="128"/>
      <c r="Y3021" s="128"/>
      <c r="Z3021" s="128"/>
      <c r="AA3021" s="128"/>
      <c r="AB3021" s="128"/>
      <c r="AC3021" s="128"/>
      <c r="AD3021" s="128"/>
      <c r="AE3021" s="128"/>
      <c r="AF3021" s="128"/>
      <c r="AG3021" s="128"/>
      <c r="AH3021" s="128"/>
      <c r="AI3021" s="128"/>
      <c r="AJ3021" s="128"/>
      <c r="AK3021" s="128"/>
      <c r="AL3021" s="128"/>
      <c r="AM3021" s="128"/>
      <c r="AN3021" s="128"/>
      <c r="AO3021" s="128"/>
      <c r="AP3021" s="128"/>
      <c r="AQ3021" s="128"/>
      <c r="AR3021" s="128"/>
      <c r="AS3021" s="128"/>
      <c r="AT3021" s="128"/>
      <c r="AU3021" s="128"/>
      <c r="AV3021" s="128"/>
      <c r="AW3021" s="128"/>
      <c r="AX3021" s="128"/>
      <c r="AY3021" s="128"/>
      <c r="AZ3021" s="128"/>
      <c r="BA3021" s="128"/>
      <c r="BB3021" s="107">
        <v>45884</v>
      </c>
    </row>
    <row r="3022" spans="1:54" s="8" customFormat="1" ht="13.95" customHeight="1" x14ac:dyDescent="0.25">
      <c r="A3022" s="219" t="s">
        <v>6912</v>
      </c>
      <c r="B3022" s="220" t="s">
        <v>6395</v>
      </c>
      <c r="C3022" s="98" t="s">
        <v>6913</v>
      </c>
      <c r="D3022" s="98" t="s">
        <v>20746</v>
      </c>
      <c r="E3022" s="141">
        <v>1999</v>
      </c>
      <c r="F3022" s="141">
        <v>535</v>
      </c>
      <c r="G3022" s="98" t="s">
        <v>1</v>
      </c>
      <c r="H3022" s="98">
        <v>0</v>
      </c>
      <c r="I3022" s="98">
        <v>0</v>
      </c>
      <c r="J3022" s="98" t="s">
        <v>400</v>
      </c>
      <c r="K3022" s="98" t="s">
        <v>400</v>
      </c>
      <c r="L3022" s="98" t="s">
        <v>400</v>
      </c>
      <c r="M3022" s="98" t="s">
        <v>400</v>
      </c>
      <c r="N3022" s="98" t="s">
        <v>400</v>
      </c>
      <c r="O3022" s="98" t="s">
        <v>400</v>
      </c>
      <c r="P3022" s="98" t="s">
        <v>400</v>
      </c>
      <c r="Q3022" s="98" t="s">
        <v>400</v>
      </c>
      <c r="R3022" s="98" t="s">
        <v>400</v>
      </c>
      <c r="S3022" s="98" t="s">
        <v>400</v>
      </c>
      <c r="T3022" s="98" t="s">
        <v>400</v>
      </c>
      <c r="U3022" s="128"/>
      <c r="V3022" s="128"/>
      <c r="W3022" s="128"/>
      <c r="X3022" s="128"/>
      <c r="Y3022" s="128"/>
      <c r="Z3022" s="128"/>
      <c r="AA3022" s="128"/>
      <c r="AB3022" s="128"/>
      <c r="AC3022" s="128"/>
      <c r="AD3022" s="128"/>
      <c r="AE3022" s="128"/>
      <c r="AF3022" s="128"/>
      <c r="AG3022" s="128"/>
      <c r="AH3022" s="128"/>
      <c r="AI3022" s="128"/>
      <c r="AJ3022" s="128"/>
      <c r="AK3022" s="128"/>
      <c r="AL3022" s="128"/>
      <c r="AM3022" s="128"/>
      <c r="AN3022" s="128"/>
      <c r="AO3022" s="128"/>
      <c r="AP3022" s="128"/>
      <c r="AQ3022" s="128"/>
      <c r="AR3022" s="128"/>
      <c r="AS3022" s="128"/>
      <c r="AT3022" s="128"/>
      <c r="AU3022" s="128"/>
      <c r="AV3022" s="128"/>
      <c r="AW3022" s="128"/>
      <c r="AX3022" s="128"/>
      <c r="AY3022" s="128"/>
      <c r="AZ3022" s="128"/>
      <c r="BA3022" s="128"/>
      <c r="BB3022" s="107">
        <v>45884</v>
      </c>
    </row>
    <row r="3023" spans="1:54" s="8" customFormat="1" ht="13.95" customHeight="1" x14ac:dyDescent="0.25">
      <c r="A3023" s="219" t="s">
        <v>6914</v>
      </c>
      <c r="B3023" s="220" t="s">
        <v>6395</v>
      </c>
      <c r="C3023" s="98" t="s">
        <v>6915</v>
      </c>
      <c r="D3023" s="98" t="s">
        <v>20747</v>
      </c>
      <c r="E3023" s="141">
        <v>1974</v>
      </c>
      <c r="F3023" s="141">
        <v>540</v>
      </c>
      <c r="G3023" s="98" t="s">
        <v>1</v>
      </c>
      <c r="H3023" s="98">
        <v>0</v>
      </c>
      <c r="I3023" s="98">
        <v>0</v>
      </c>
      <c r="J3023" s="98" t="s">
        <v>400</v>
      </c>
      <c r="K3023" s="98" t="s">
        <v>400</v>
      </c>
      <c r="L3023" s="98" t="s">
        <v>400</v>
      </c>
      <c r="M3023" s="98" t="s">
        <v>400</v>
      </c>
      <c r="N3023" s="98" t="s">
        <v>400</v>
      </c>
      <c r="O3023" s="98" t="s">
        <v>400</v>
      </c>
      <c r="P3023" s="98" t="s">
        <v>400</v>
      </c>
      <c r="Q3023" s="98" t="s">
        <v>400</v>
      </c>
      <c r="R3023" s="98" t="s">
        <v>400</v>
      </c>
      <c r="S3023" s="98" t="s">
        <v>400</v>
      </c>
      <c r="T3023" s="98" t="s">
        <v>400</v>
      </c>
      <c r="U3023" s="128"/>
      <c r="V3023" s="128"/>
      <c r="W3023" s="128"/>
      <c r="X3023" s="128"/>
      <c r="Y3023" s="128"/>
      <c r="Z3023" s="128"/>
      <c r="AA3023" s="128"/>
      <c r="AB3023" s="128"/>
      <c r="AC3023" s="128"/>
      <c r="AD3023" s="128"/>
      <c r="AE3023" s="128"/>
      <c r="AF3023" s="128"/>
      <c r="AG3023" s="128"/>
      <c r="AH3023" s="128"/>
      <c r="AI3023" s="128"/>
      <c r="AJ3023" s="128"/>
      <c r="AK3023" s="128"/>
      <c r="AL3023" s="128"/>
      <c r="AM3023" s="128"/>
      <c r="AN3023" s="128"/>
      <c r="AO3023" s="128"/>
      <c r="AP3023" s="128"/>
      <c r="AQ3023" s="128"/>
      <c r="AR3023" s="128"/>
      <c r="AS3023" s="128"/>
      <c r="AT3023" s="128"/>
      <c r="AU3023" s="128"/>
      <c r="AV3023" s="128"/>
      <c r="AW3023" s="128"/>
      <c r="AX3023" s="128"/>
      <c r="AY3023" s="128"/>
      <c r="AZ3023" s="128"/>
      <c r="BA3023" s="128"/>
      <c r="BB3023" s="107">
        <v>45884</v>
      </c>
    </row>
    <row r="3024" spans="1:54" s="8" customFormat="1" ht="13.95" customHeight="1" x14ac:dyDescent="0.25">
      <c r="A3024" s="219" t="s">
        <v>6916</v>
      </c>
      <c r="B3024" s="220" t="s">
        <v>6395</v>
      </c>
      <c r="C3024" s="98" t="s">
        <v>6917</v>
      </c>
      <c r="D3024" s="98" t="s">
        <v>20748</v>
      </c>
      <c r="E3024" s="141">
        <v>1985</v>
      </c>
      <c r="F3024" s="141">
        <v>544</v>
      </c>
      <c r="G3024" s="98" t="s">
        <v>1</v>
      </c>
      <c r="H3024" s="98">
        <v>0</v>
      </c>
      <c r="I3024" s="98">
        <v>0</v>
      </c>
      <c r="J3024" s="98" t="s">
        <v>400</v>
      </c>
      <c r="K3024" s="98" t="s">
        <v>400</v>
      </c>
      <c r="L3024" s="98" t="s">
        <v>400</v>
      </c>
      <c r="M3024" s="98" t="s">
        <v>400</v>
      </c>
      <c r="N3024" s="98" t="s">
        <v>400</v>
      </c>
      <c r="O3024" s="98" t="s">
        <v>400</v>
      </c>
      <c r="P3024" s="98" t="s">
        <v>400</v>
      </c>
      <c r="Q3024" s="98" t="s">
        <v>400</v>
      </c>
      <c r="R3024" s="98" t="s">
        <v>400</v>
      </c>
      <c r="S3024" s="98" t="s">
        <v>400</v>
      </c>
      <c r="T3024" s="98" t="s">
        <v>400</v>
      </c>
      <c r="U3024" s="128"/>
      <c r="V3024" s="128"/>
      <c r="W3024" s="128"/>
      <c r="X3024" s="128"/>
      <c r="Y3024" s="128"/>
      <c r="Z3024" s="128"/>
      <c r="AA3024" s="128"/>
      <c r="AB3024" s="128"/>
      <c r="AC3024" s="128"/>
      <c r="AD3024" s="128"/>
      <c r="AE3024" s="128"/>
      <c r="AF3024" s="128"/>
      <c r="AG3024" s="128"/>
      <c r="AH3024" s="128"/>
      <c r="AI3024" s="128"/>
      <c r="AJ3024" s="128"/>
      <c r="AK3024" s="128"/>
      <c r="AL3024" s="128"/>
      <c r="AM3024" s="128"/>
      <c r="AN3024" s="128"/>
      <c r="AO3024" s="128"/>
      <c r="AP3024" s="128"/>
      <c r="AQ3024" s="128"/>
      <c r="AR3024" s="128"/>
      <c r="AS3024" s="128"/>
      <c r="AT3024" s="128"/>
      <c r="AU3024" s="128"/>
      <c r="AV3024" s="128"/>
      <c r="AW3024" s="128"/>
      <c r="AX3024" s="128"/>
      <c r="AY3024" s="128"/>
      <c r="AZ3024" s="128"/>
      <c r="BA3024" s="128"/>
      <c r="BB3024" s="107">
        <v>45884</v>
      </c>
    </row>
    <row r="3025" spans="1:54" s="8" customFormat="1" ht="13.95" customHeight="1" x14ac:dyDescent="0.25">
      <c r="A3025" s="219" t="s">
        <v>6918</v>
      </c>
      <c r="B3025" s="220" t="s">
        <v>6395</v>
      </c>
      <c r="C3025" s="98" t="s">
        <v>6919</v>
      </c>
      <c r="D3025" s="98" t="s">
        <v>20749</v>
      </c>
      <c r="E3025" s="141">
        <v>1997</v>
      </c>
      <c r="F3025" s="141">
        <v>545</v>
      </c>
      <c r="G3025" s="98" t="s">
        <v>1</v>
      </c>
      <c r="H3025" s="98">
        <v>0</v>
      </c>
      <c r="I3025" s="98">
        <v>0</v>
      </c>
      <c r="J3025" s="98" t="s">
        <v>400</v>
      </c>
      <c r="K3025" s="98" t="s">
        <v>400</v>
      </c>
      <c r="L3025" s="98" t="s">
        <v>400</v>
      </c>
      <c r="M3025" s="98" t="s">
        <v>400</v>
      </c>
      <c r="N3025" s="98" t="s">
        <v>400</v>
      </c>
      <c r="O3025" s="98" t="s">
        <v>400</v>
      </c>
      <c r="P3025" s="98" t="s">
        <v>400</v>
      </c>
      <c r="Q3025" s="98" t="s">
        <v>400</v>
      </c>
      <c r="R3025" s="98" t="s">
        <v>400</v>
      </c>
      <c r="S3025" s="98" t="s">
        <v>400</v>
      </c>
      <c r="T3025" s="98" t="s">
        <v>400</v>
      </c>
      <c r="U3025" s="128"/>
      <c r="V3025" s="128"/>
      <c r="W3025" s="128"/>
      <c r="X3025" s="128"/>
      <c r="Y3025" s="128"/>
      <c r="Z3025" s="128"/>
      <c r="AA3025" s="128"/>
      <c r="AB3025" s="128"/>
      <c r="AC3025" s="128"/>
      <c r="AD3025" s="128"/>
      <c r="AE3025" s="128"/>
      <c r="AF3025" s="128"/>
      <c r="AG3025" s="128"/>
      <c r="AH3025" s="128"/>
      <c r="AI3025" s="128"/>
      <c r="AJ3025" s="128"/>
      <c r="AK3025" s="128"/>
      <c r="AL3025" s="128"/>
      <c r="AM3025" s="128"/>
      <c r="AN3025" s="128"/>
      <c r="AO3025" s="128"/>
      <c r="AP3025" s="128"/>
      <c r="AQ3025" s="128"/>
      <c r="AR3025" s="128"/>
      <c r="AS3025" s="128"/>
      <c r="AT3025" s="128"/>
      <c r="AU3025" s="128"/>
      <c r="AV3025" s="128"/>
      <c r="AW3025" s="128"/>
      <c r="AX3025" s="128"/>
      <c r="AY3025" s="128"/>
      <c r="AZ3025" s="128"/>
      <c r="BA3025" s="128"/>
      <c r="BB3025" s="107">
        <v>45884</v>
      </c>
    </row>
    <row r="3026" spans="1:54" s="8" customFormat="1" ht="13.95" customHeight="1" x14ac:dyDescent="0.25">
      <c r="A3026" s="219" t="s">
        <v>6920</v>
      </c>
      <c r="B3026" s="220" t="s">
        <v>6395</v>
      </c>
      <c r="C3026" s="98" t="s">
        <v>6921</v>
      </c>
      <c r="D3026" s="98" t="s">
        <v>20750</v>
      </c>
      <c r="E3026" s="141">
        <v>1979</v>
      </c>
      <c r="F3026" s="141">
        <v>545</v>
      </c>
      <c r="G3026" s="98" t="s">
        <v>1</v>
      </c>
      <c r="H3026" s="98">
        <v>0</v>
      </c>
      <c r="I3026" s="98">
        <v>0</v>
      </c>
      <c r="J3026" s="98" t="s">
        <v>400</v>
      </c>
      <c r="K3026" s="98" t="s">
        <v>400</v>
      </c>
      <c r="L3026" s="98" t="s">
        <v>400</v>
      </c>
      <c r="M3026" s="98" t="s">
        <v>400</v>
      </c>
      <c r="N3026" s="98" t="s">
        <v>400</v>
      </c>
      <c r="O3026" s="98" t="s">
        <v>400</v>
      </c>
      <c r="P3026" s="98" t="s">
        <v>400</v>
      </c>
      <c r="Q3026" s="98" t="s">
        <v>400</v>
      </c>
      <c r="R3026" s="98" t="s">
        <v>400</v>
      </c>
      <c r="S3026" s="98" t="s">
        <v>400</v>
      </c>
      <c r="T3026" s="98" t="s">
        <v>400</v>
      </c>
      <c r="U3026" s="128"/>
      <c r="V3026" s="128"/>
      <c r="W3026" s="128"/>
      <c r="X3026" s="128"/>
      <c r="Y3026" s="128"/>
      <c r="Z3026" s="128"/>
      <c r="AA3026" s="128"/>
      <c r="AB3026" s="128"/>
      <c r="AC3026" s="128"/>
      <c r="AD3026" s="128"/>
      <c r="AE3026" s="128"/>
      <c r="AF3026" s="128"/>
      <c r="AG3026" s="128"/>
      <c r="AH3026" s="128"/>
      <c r="AI3026" s="128"/>
      <c r="AJ3026" s="128"/>
      <c r="AK3026" s="128"/>
      <c r="AL3026" s="128"/>
      <c r="AM3026" s="128"/>
      <c r="AN3026" s="128"/>
      <c r="AO3026" s="128"/>
      <c r="AP3026" s="128"/>
      <c r="AQ3026" s="128"/>
      <c r="AR3026" s="128"/>
      <c r="AS3026" s="128"/>
      <c r="AT3026" s="128"/>
      <c r="AU3026" s="128"/>
      <c r="AV3026" s="128"/>
      <c r="AW3026" s="128"/>
      <c r="AX3026" s="128"/>
      <c r="AY3026" s="128"/>
      <c r="AZ3026" s="128"/>
      <c r="BA3026" s="128"/>
      <c r="BB3026" s="107">
        <v>45884</v>
      </c>
    </row>
    <row r="3027" spans="1:54" s="8" customFormat="1" ht="13.95" customHeight="1" x14ac:dyDescent="0.25">
      <c r="A3027" s="219" t="s">
        <v>6922</v>
      </c>
      <c r="B3027" s="220" t="s">
        <v>6395</v>
      </c>
      <c r="C3027" s="98" t="s">
        <v>6923</v>
      </c>
      <c r="D3027" s="98" t="s">
        <v>20751</v>
      </c>
      <c r="E3027" s="141">
        <v>1988</v>
      </c>
      <c r="F3027" s="141">
        <v>548</v>
      </c>
      <c r="G3027" s="98" t="s">
        <v>1</v>
      </c>
      <c r="H3027" s="98">
        <v>0</v>
      </c>
      <c r="I3027" s="98">
        <v>0</v>
      </c>
      <c r="J3027" s="98" t="s">
        <v>400</v>
      </c>
      <c r="K3027" s="98" t="s">
        <v>400</v>
      </c>
      <c r="L3027" s="98" t="s">
        <v>400</v>
      </c>
      <c r="M3027" s="98" t="s">
        <v>400</v>
      </c>
      <c r="N3027" s="98" t="s">
        <v>400</v>
      </c>
      <c r="O3027" s="98" t="s">
        <v>400</v>
      </c>
      <c r="P3027" s="98" t="s">
        <v>400</v>
      </c>
      <c r="Q3027" s="98" t="s">
        <v>400</v>
      </c>
      <c r="R3027" s="98" t="s">
        <v>400</v>
      </c>
      <c r="S3027" s="98" t="s">
        <v>400</v>
      </c>
      <c r="T3027" s="98" t="s">
        <v>400</v>
      </c>
      <c r="U3027" s="128"/>
      <c r="V3027" s="128"/>
      <c r="W3027" s="128"/>
      <c r="X3027" s="128"/>
      <c r="Y3027" s="128"/>
      <c r="Z3027" s="128"/>
      <c r="AA3027" s="128"/>
      <c r="AB3027" s="128"/>
      <c r="AC3027" s="128"/>
      <c r="AD3027" s="128"/>
      <c r="AE3027" s="128"/>
      <c r="AF3027" s="128"/>
      <c r="AG3027" s="128"/>
      <c r="AH3027" s="128"/>
      <c r="AI3027" s="128"/>
      <c r="AJ3027" s="128"/>
      <c r="AK3027" s="128"/>
      <c r="AL3027" s="128"/>
      <c r="AM3027" s="128"/>
      <c r="AN3027" s="128"/>
      <c r="AO3027" s="128"/>
      <c r="AP3027" s="128"/>
      <c r="AQ3027" s="128"/>
      <c r="AR3027" s="128"/>
      <c r="AS3027" s="128"/>
      <c r="AT3027" s="128"/>
      <c r="AU3027" s="128"/>
      <c r="AV3027" s="128"/>
      <c r="AW3027" s="128"/>
      <c r="AX3027" s="128"/>
      <c r="AY3027" s="128"/>
      <c r="AZ3027" s="128"/>
      <c r="BA3027" s="128"/>
      <c r="BB3027" s="107">
        <v>45884</v>
      </c>
    </row>
    <row r="3028" spans="1:54" s="8" customFormat="1" ht="13.95" customHeight="1" x14ac:dyDescent="0.25">
      <c r="A3028" s="219" t="s">
        <v>6924</v>
      </c>
      <c r="B3028" s="220" t="s">
        <v>6395</v>
      </c>
      <c r="C3028" s="98" t="s">
        <v>22157</v>
      </c>
      <c r="D3028" s="98" t="s">
        <v>20752</v>
      </c>
      <c r="E3028" s="141">
        <v>1976</v>
      </c>
      <c r="F3028" s="141">
        <v>551</v>
      </c>
      <c r="G3028" s="98" t="s">
        <v>1</v>
      </c>
      <c r="H3028" s="98">
        <v>0</v>
      </c>
      <c r="I3028" s="98">
        <v>0</v>
      </c>
      <c r="J3028" s="98" t="s">
        <v>400</v>
      </c>
      <c r="K3028" s="98" t="s">
        <v>400</v>
      </c>
      <c r="L3028" s="98" t="s">
        <v>400</v>
      </c>
      <c r="M3028" s="98" t="s">
        <v>400</v>
      </c>
      <c r="N3028" s="98" t="s">
        <v>400</v>
      </c>
      <c r="O3028" s="98" t="s">
        <v>400</v>
      </c>
      <c r="P3028" s="98" t="s">
        <v>400</v>
      </c>
      <c r="Q3028" s="98" t="s">
        <v>400</v>
      </c>
      <c r="R3028" s="98" t="s">
        <v>400</v>
      </c>
      <c r="S3028" s="98" t="s">
        <v>400</v>
      </c>
      <c r="T3028" s="98" t="s">
        <v>400</v>
      </c>
      <c r="U3028" s="128"/>
      <c r="V3028" s="128"/>
      <c r="W3028" s="128"/>
      <c r="X3028" s="128"/>
      <c r="Y3028" s="128"/>
      <c r="Z3028" s="128"/>
      <c r="AA3028" s="128"/>
      <c r="AB3028" s="128"/>
      <c r="AC3028" s="128"/>
      <c r="AD3028" s="128"/>
      <c r="AE3028" s="128"/>
      <c r="AF3028" s="128"/>
      <c r="AG3028" s="128"/>
      <c r="AH3028" s="128"/>
      <c r="AI3028" s="128"/>
      <c r="AJ3028" s="128"/>
      <c r="AK3028" s="128"/>
      <c r="AL3028" s="128"/>
      <c r="AM3028" s="128"/>
      <c r="AN3028" s="128"/>
      <c r="AO3028" s="128"/>
      <c r="AP3028" s="128"/>
      <c r="AQ3028" s="128"/>
      <c r="AR3028" s="128"/>
      <c r="AS3028" s="128"/>
      <c r="AT3028" s="128"/>
      <c r="AU3028" s="128"/>
      <c r="AV3028" s="128"/>
      <c r="AW3028" s="128"/>
      <c r="AX3028" s="128"/>
      <c r="AY3028" s="128"/>
      <c r="AZ3028" s="128"/>
      <c r="BA3028" s="128"/>
      <c r="BB3028" s="107">
        <v>45884</v>
      </c>
    </row>
    <row r="3029" spans="1:54" s="8" customFormat="1" ht="13.95" customHeight="1" x14ac:dyDescent="0.25">
      <c r="A3029" s="219" t="s">
        <v>6925</v>
      </c>
      <c r="B3029" s="220" t="s">
        <v>6395</v>
      </c>
      <c r="C3029" s="98" t="s">
        <v>6926</v>
      </c>
      <c r="D3029" s="98" t="s">
        <v>20753</v>
      </c>
      <c r="E3029" s="141">
        <v>1976</v>
      </c>
      <c r="F3029" s="141">
        <v>552</v>
      </c>
      <c r="G3029" s="98" t="s">
        <v>1</v>
      </c>
      <c r="H3029" s="98">
        <v>0</v>
      </c>
      <c r="I3029" s="98">
        <v>0</v>
      </c>
      <c r="J3029" s="98" t="s">
        <v>400</v>
      </c>
      <c r="K3029" s="98" t="s">
        <v>400</v>
      </c>
      <c r="L3029" s="98" t="s">
        <v>400</v>
      </c>
      <c r="M3029" s="98" t="s">
        <v>400</v>
      </c>
      <c r="N3029" s="98" t="s">
        <v>400</v>
      </c>
      <c r="O3029" s="98" t="s">
        <v>400</v>
      </c>
      <c r="P3029" s="98" t="s">
        <v>400</v>
      </c>
      <c r="Q3029" s="98" t="s">
        <v>400</v>
      </c>
      <c r="R3029" s="98" t="s">
        <v>400</v>
      </c>
      <c r="S3029" s="98" t="s">
        <v>400</v>
      </c>
      <c r="T3029" s="98" t="s">
        <v>400</v>
      </c>
      <c r="U3029" s="128"/>
      <c r="V3029" s="128"/>
      <c r="W3029" s="128"/>
      <c r="X3029" s="128"/>
      <c r="Y3029" s="128"/>
      <c r="Z3029" s="128"/>
      <c r="AA3029" s="128"/>
      <c r="AB3029" s="128"/>
      <c r="AC3029" s="128"/>
      <c r="AD3029" s="128"/>
      <c r="AE3029" s="128"/>
      <c r="AF3029" s="128"/>
      <c r="AG3029" s="128"/>
      <c r="AH3029" s="128"/>
      <c r="AI3029" s="128"/>
      <c r="AJ3029" s="128"/>
      <c r="AK3029" s="128"/>
      <c r="AL3029" s="128"/>
      <c r="AM3029" s="128"/>
      <c r="AN3029" s="128"/>
      <c r="AO3029" s="128"/>
      <c r="AP3029" s="128"/>
      <c r="AQ3029" s="128"/>
      <c r="AR3029" s="128"/>
      <c r="AS3029" s="128"/>
      <c r="AT3029" s="128"/>
      <c r="AU3029" s="128"/>
      <c r="AV3029" s="128"/>
      <c r="AW3029" s="128"/>
      <c r="AX3029" s="128"/>
      <c r="AY3029" s="128"/>
      <c r="AZ3029" s="128"/>
      <c r="BA3029" s="128"/>
      <c r="BB3029" s="107">
        <v>45884</v>
      </c>
    </row>
    <row r="3030" spans="1:54" s="8" customFormat="1" ht="13.95" customHeight="1" x14ac:dyDescent="0.25">
      <c r="A3030" s="219" t="s">
        <v>6927</v>
      </c>
      <c r="B3030" s="220" t="s">
        <v>6395</v>
      </c>
      <c r="C3030" s="98" t="s">
        <v>6928</v>
      </c>
      <c r="D3030" s="98" t="s">
        <v>20754</v>
      </c>
      <c r="E3030" s="141">
        <v>1995</v>
      </c>
      <c r="F3030" s="141">
        <v>556</v>
      </c>
      <c r="G3030" s="98" t="s">
        <v>1</v>
      </c>
      <c r="H3030" s="98">
        <v>0</v>
      </c>
      <c r="I3030" s="98">
        <v>0</v>
      </c>
      <c r="J3030" s="98" t="s">
        <v>400</v>
      </c>
      <c r="K3030" s="98" t="s">
        <v>400</v>
      </c>
      <c r="L3030" s="98" t="s">
        <v>400</v>
      </c>
      <c r="M3030" s="98" t="s">
        <v>400</v>
      </c>
      <c r="N3030" s="98" t="s">
        <v>400</v>
      </c>
      <c r="O3030" s="98" t="s">
        <v>400</v>
      </c>
      <c r="P3030" s="98" t="s">
        <v>400</v>
      </c>
      <c r="Q3030" s="98" t="s">
        <v>400</v>
      </c>
      <c r="R3030" s="98" t="s">
        <v>400</v>
      </c>
      <c r="S3030" s="98" t="s">
        <v>400</v>
      </c>
      <c r="T3030" s="98" t="s">
        <v>400</v>
      </c>
      <c r="U3030" s="128"/>
      <c r="V3030" s="128"/>
      <c r="W3030" s="128"/>
      <c r="X3030" s="128"/>
      <c r="Y3030" s="128"/>
      <c r="Z3030" s="128"/>
      <c r="AA3030" s="128"/>
      <c r="AB3030" s="128"/>
      <c r="AC3030" s="128"/>
      <c r="AD3030" s="128"/>
      <c r="AE3030" s="128"/>
      <c r="AF3030" s="128"/>
      <c r="AG3030" s="128"/>
      <c r="AH3030" s="128"/>
      <c r="AI3030" s="128"/>
      <c r="AJ3030" s="128"/>
      <c r="AK3030" s="128"/>
      <c r="AL3030" s="128"/>
      <c r="AM3030" s="128"/>
      <c r="AN3030" s="128"/>
      <c r="AO3030" s="128"/>
      <c r="AP3030" s="128"/>
      <c r="AQ3030" s="128"/>
      <c r="AR3030" s="128"/>
      <c r="AS3030" s="128"/>
      <c r="AT3030" s="128"/>
      <c r="AU3030" s="128"/>
      <c r="AV3030" s="128"/>
      <c r="AW3030" s="128"/>
      <c r="AX3030" s="128"/>
      <c r="AY3030" s="128"/>
      <c r="AZ3030" s="128"/>
      <c r="BA3030" s="128"/>
      <c r="BB3030" s="107">
        <v>45884</v>
      </c>
    </row>
    <row r="3031" spans="1:54" s="8" customFormat="1" ht="13.95" customHeight="1" x14ac:dyDescent="0.25">
      <c r="A3031" s="219" t="s">
        <v>6929</v>
      </c>
      <c r="B3031" s="220" t="s">
        <v>6395</v>
      </c>
      <c r="C3031" s="98" t="s">
        <v>6930</v>
      </c>
      <c r="D3031" s="98" t="s">
        <v>20755</v>
      </c>
      <c r="E3031" s="141">
        <v>1984</v>
      </c>
      <c r="F3031" s="141">
        <v>560</v>
      </c>
      <c r="G3031" s="98" t="s">
        <v>1</v>
      </c>
      <c r="H3031" s="98">
        <v>0</v>
      </c>
      <c r="I3031" s="98">
        <v>0</v>
      </c>
      <c r="J3031" s="98" t="s">
        <v>400</v>
      </c>
      <c r="K3031" s="98" t="s">
        <v>400</v>
      </c>
      <c r="L3031" s="98" t="s">
        <v>400</v>
      </c>
      <c r="M3031" s="98" t="s">
        <v>400</v>
      </c>
      <c r="N3031" s="98" t="s">
        <v>400</v>
      </c>
      <c r="O3031" s="98" t="s">
        <v>400</v>
      </c>
      <c r="P3031" s="98" t="s">
        <v>400</v>
      </c>
      <c r="Q3031" s="98" t="s">
        <v>400</v>
      </c>
      <c r="R3031" s="98" t="s">
        <v>400</v>
      </c>
      <c r="S3031" s="98" t="s">
        <v>400</v>
      </c>
      <c r="T3031" s="98" t="s">
        <v>400</v>
      </c>
      <c r="U3031" s="128"/>
      <c r="V3031" s="128"/>
      <c r="W3031" s="128"/>
      <c r="X3031" s="128"/>
      <c r="Y3031" s="128"/>
      <c r="Z3031" s="128"/>
      <c r="AA3031" s="128"/>
      <c r="AB3031" s="128"/>
      <c r="AC3031" s="128"/>
      <c r="AD3031" s="128"/>
      <c r="AE3031" s="128"/>
      <c r="AF3031" s="128"/>
      <c r="AG3031" s="128"/>
      <c r="AH3031" s="128"/>
      <c r="AI3031" s="128"/>
      <c r="AJ3031" s="128"/>
      <c r="AK3031" s="128"/>
      <c r="AL3031" s="128"/>
      <c r="AM3031" s="128"/>
      <c r="AN3031" s="128"/>
      <c r="AO3031" s="128"/>
      <c r="AP3031" s="128"/>
      <c r="AQ3031" s="128"/>
      <c r="AR3031" s="128"/>
      <c r="AS3031" s="128"/>
      <c r="AT3031" s="128"/>
      <c r="AU3031" s="128"/>
      <c r="AV3031" s="128"/>
      <c r="AW3031" s="128"/>
      <c r="AX3031" s="128"/>
      <c r="AY3031" s="128"/>
      <c r="AZ3031" s="128"/>
      <c r="BA3031" s="128"/>
      <c r="BB3031" s="107">
        <v>45884</v>
      </c>
    </row>
    <row r="3032" spans="1:54" s="8" customFormat="1" ht="13.95" customHeight="1" x14ac:dyDescent="0.25">
      <c r="A3032" s="219" t="s">
        <v>6931</v>
      </c>
      <c r="B3032" s="220" t="s">
        <v>6395</v>
      </c>
      <c r="C3032" s="98" t="s">
        <v>6932</v>
      </c>
      <c r="D3032" s="98" t="s">
        <v>20756</v>
      </c>
      <c r="E3032" s="141">
        <v>1993</v>
      </c>
      <c r="F3032" s="141">
        <v>560</v>
      </c>
      <c r="G3032" s="98" t="s">
        <v>1</v>
      </c>
      <c r="H3032" s="98">
        <v>0</v>
      </c>
      <c r="I3032" s="98">
        <v>0</v>
      </c>
      <c r="J3032" s="98" t="s">
        <v>400</v>
      </c>
      <c r="K3032" s="98" t="s">
        <v>400</v>
      </c>
      <c r="L3032" s="98" t="s">
        <v>400</v>
      </c>
      <c r="M3032" s="98" t="s">
        <v>400</v>
      </c>
      <c r="N3032" s="98" t="s">
        <v>400</v>
      </c>
      <c r="O3032" s="98" t="s">
        <v>400</v>
      </c>
      <c r="P3032" s="98" t="s">
        <v>400</v>
      </c>
      <c r="Q3032" s="98" t="s">
        <v>400</v>
      </c>
      <c r="R3032" s="98" t="s">
        <v>400</v>
      </c>
      <c r="S3032" s="98" t="s">
        <v>400</v>
      </c>
      <c r="T3032" s="98" t="s">
        <v>400</v>
      </c>
      <c r="U3032" s="128"/>
      <c r="V3032" s="128"/>
      <c r="W3032" s="128"/>
      <c r="X3032" s="128"/>
      <c r="Y3032" s="128"/>
      <c r="Z3032" s="128"/>
      <c r="AA3032" s="128"/>
      <c r="AB3032" s="128"/>
      <c r="AC3032" s="128"/>
      <c r="AD3032" s="128"/>
      <c r="AE3032" s="128"/>
      <c r="AF3032" s="128"/>
      <c r="AG3032" s="128"/>
      <c r="AH3032" s="128"/>
      <c r="AI3032" s="128"/>
      <c r="AJ3032" s="128"/>
      <c r="AK3032" s="128"/>
      <c r="AL3032" s="128"/>
      <c r="AM3032" s="128"/>
      <c r="AN3032" s="128"/>
      <c r="AO3032" s="128"/>
      <c r="AP3032" s="128"/>
      <c r="AQ3032" s="128"/>
      <c r="AR3032" s="128"/>
      <c r="AS3032" s="128"/>
      <c r="AT3032" s="128"/>
      <c r="AU3032" s="128"/>
      <c r="AV3032" s="128"/>
      <c r="AW3032" s="128"/>
      <c r="AX3032" s="128"/>
      <c r="AY3032" s="128"/>
      <c r="AZ3032" s="128"/>
      <c r="BA3032" s="128"/>
      <c r="BB3032" s="107">
        <v>45884</v>
      </c>
    </row>
    <row r="3033" spans="1:54" s="8" customFormat="1" ht="13.95" customHeight="1" x14ac:dyDescent="0.25">
      <c r="A3033" s="219" t="s">
        <v>6933</v>
      </c>
      <c r="B3033" s="220" t="s">
        <v>6395</v>
      </c>
      <c r="C3033" s="98" t="s">
        <v>6934</v>
      </c>
      <c r="D3033" s="98" t="s">
        <v>20757</v>
      </c>
      <c r="E3033" s="141">
        <v>1971</v>
      </c>
      <c r="F3033" s="141">
        <v>561</v>
      </c>
      <c r="G3033" s="98" t="s">
        <v>1</v>
      </c>
      <c r="H3033" s="98">
        <v>0</v>
      </c>
      <c r="I3033" s="98">
        <v>0</v>
      </c>
      <c r="J3033" s="98" t="s">
        <v>400</v>
      </c>
      <c r="K3033" s="98" t="s">
        <v>400</v>
      </c>
      <c r="L3033" s="98" t="s">
        <v>400</v>
      </c>
      <c r="M3033" s="98" t="s">
        <v>400</v>
      </c>
      <c r="N3033" s="98" t="s">
        <v>400</v>
      </c>
      <c r="O3033" s="98" t="s">
        <v>400</v>
      </c>
      <c r="P3033" s="98" t="s">
        <v>400</v>
      </c>
      <c r="Q3033" s="98" t="s">
        <v>400</v>
      </c>
      <c r="R3033" s="98" t="s">
        <v>400</v>
      </c>
      <c r="S3033" s="98" t="s">
        <v>400</v>
      </c>
      <c r="T3033" s="98" t="s">
        <v>400</v>
      </c>
      <c r="U3033" s="128"/>
      <c r="V3033" s="128"/>
      <c r="W3033" s="128"/>
      <c r="X3033" s="128"/>
      <c r="Y3033" s="128"/>
      <c r="Z3033" s="128"/>
      <c r="AA3033" s="128"/>
      <c r="AB3033" s="128"/>
      <c r="AC3033" s="128"/>
      <c r="AD3033" s="128"/>
      <c r="AE3033" s="128"/>
      <c r="AF3033" s="128"/>
      <c r="AG3033" s="128"/>
      <c r="AH3033" s="128"/>
      <c r="AI3033" s="128"/>
      <c r="AJ3033" s="128"/>
      <c r="AK3033" s="128"/>
      <c r="AL3033" s="128"/>
      <c r="AM3033" s="128"/>
      <c r="AN3033" s="128"/>
      <c r="AO3033" s="128"/>
      <c r="AP3033" s="128"/>
      <c r="AQ3033" s="128"/>
      <c r="AR3033" s="128"/>
      <c r="AS3033" s="128"/>
      <c r="AT3033" s="128"/>
      <c r="AU3033" s="128"/>
      <c r="AV3033" s="128"/>
      <c r="AW3033" s="128"/>
      <c r="AX3033" s="128"/>
      <c r="AY3033" s="128"/>
      <c r="AZ3033" s="128"/>
      <c r="BA3033" s="128"/>
      <c r="BB3033" s="107">
        <v>45884</v>
      </c>
    </row>
    <row r="3034" spans="1:54" s="8" customFormat="1" ht="13.95" customHeight="1" x14ac:dyDescent="0.25">
      <c r="A3034" s="219" t="s">
        <v>6935</v>
      </c>
      <c r="B3034" s="220" t="s">
        <v>6395</v>
      </c>
      <c r="C3034" s="98" t="s">
        <v>6936</v>
      </c>
      <c r="D3034" s="98" t="s">
        <v>6937</v>
      </c>
      <c r="E3034" s="141">
        <v>1977</v>
      </c>
      <c r="F3034" s="141">
        <v>564</v>
      </c>
      <c r="G3034" s="98" t="s">
        <v>1</v>
      </c>
      <c r="H3034" s="98">
        <v>0</v>
      </c>
      <c r="I3034" s="98">
        <v>0</v>
      </c>
      <c r="J3034" s="98" t="s">
        <v>400</v>
      </c>
      <c r="K3034" s="98" t="s">
        <v>400</v>
      </c>
      <c r="L3034" s="98" t="s">
        <v>400</v>
      </c>
      <c r="M3034" s="98" t="s">
        <v>400</v>
      </c>
      <c r="N3034" s="98" t="s">
        <v>400</v>
      </c>
      <c r="O3034" s="98" t="s">
        <v>400</v>
      </c>
      <c r="P3034" s="98" t="s">
        <v>400</v>
      </c>
      <c r="Q3034" s="98" t="s">
        <v>400</v>
      </c>
      <c r="R3034" s="98" t="s">
        <v>400</v>
      </c>
      <c r="S3034" s="98" t="s">
        <v>400</v>
      </c>
      <c r="T3034" s="98" t="s">
        <v>400</v>
      </c>
      <c r="U3034" s="128"/>
      <c r="V3034" s="128"/>
      <c r="W3034" s="128"/>
      <c r="X3034" s="128"/>
      <c r="Y3034" s="128"/>
      <c r="Z3034" s="128"/>
      <c r="AA3034" s="128"/>
      <c r="AB3034" s="128"/>
      <c r="AC3034" s="128"/>
      <c r="AD3034" s="128"/>
      <c r="AE3034" s="128"/>
      <c r="AF3034" s="128"/>
      <c r="AG3034" s="128"/>
      <c r="AH3034" s="128"/>
      <c r="AI3034" s="128"/>
      <c r="AJ3034" s="128"/>
      <c r="AK3034" s="128"/>
      <c r="AL3034" s="128"/>
      <c r="AM3034" s="128"/>
      <c r="AN3034" s="128"/>
      <c r="AO3034" s="128"/>
      <c r="AP3034" s="128"/>
      <c r="AQ3034" s="128"/>
      <c r="AR3034" s="128"/>
      <c r="AS3034" s="128"/>
      <c r="AT3034" s="128"/>
      <c r="AU3034" s="128"/>
      <c r="AV3034" s="128"/>
      <c r="AW3034" s="128"/>
      <c r="AX3034" s="128"/>
      <c r="AY3034" s="128"/>
      <c r="AZ3034" s="128"/>
      <c r="BA3034" s="128"/>
      <c r="BB3034" s="107">
        <v>45884</v>
      </c>
    </row>
    <row r="3035" spans="1:54" s="8" customFormat="1" ht="13.95" customHeight="1" x14ac:dyDescent="0.25">
      <c r="A3035" s="219" t="s">
        <v>6938</v>
      </c>
      <c r="B3035" s="220" t="s">
        <v>6395</v>
      </c>
      <c r="C3035" s="98" t="s">
        <v>6939</v>
      </c>
      <c r="D3035" s="98" t="s">
        <v>20758</v>
      </c>
      <c r="E3035" s="141">
        <v>1995</v>
      </c>
      <c r="F3035" s="141">
        <v>567</v>
      </c>
      <c r="G3035" s="98" t="s">
        <v>1</v>
      </c>
      <c r="H3035" s="98">
        <v>0</v>
      </c>
      <c r="I3035" s="98">
        <v>0</v>
      </c>
      <c r="J3035" s="98" t="s">
        <v>400</v>
      </c>
      <c r="K3035" s="98" t="s">
        <v>400</v>
      </c>
      <c r="L3035" s="98" t="s">
        <v>400</v>
      </c>
      <c r="M3035" s="98" t="s">
        <v>400</v>
      </c>
      <c r="N3035" s="98" t="s">
        <v>400</v>
      </c>
      <c r="O3035" s="98" t="s">
        <v>400</v>
      </c>
      <c r="P3035" s="98" t="s">
        <v>400</v>
      </c>
      <c r="Q3035" s="98" t="s">
        <v>400</v>
      </c>
      <c r="R3035" s="98" t="s">
        <v>400</v>
      </c>
      <c r="S3035" s="98" t="s">
        <v>400</v>
      </c>
      <c r="T3035" s="98" t="s">
        <v>400</v>
      </c>
      <c r="U3035" s="128"/>
      <c r="V3035" s="128"/>
      <c r="W3035" s="128"/>
      <c r="X3035" s="128"/>
      <c r="Y3035" s="128"/>
      <c r="Z3035" s="128"/>
      <c r="AA3035" s="128"/>
      <c r="AB3035" s="128"/>
      <c r="AC3035" s="128"/>
      <c r="AD3035" s="128"/>
      <c r="AE3035" s="128"/>
      <c r="AF3035" s="128"/>
      <c r="AG3035" s="128"/>
      <c r="AH3035" s="128"/>
      <c r="AI3035" s="128"/>
      <c r="AJ3035" s="128"/>
      <c r="AK3035" s="128"/>
      <c r="AL3035" s="128"/>
      <c r="AM3035" s="128"/>
      <c r="AN3035" s="128"/>
      <c r="AO3035" s="128"/>
      <c r="AP3035" s="128"/>
      <c r="AQ3035" s="128"/>
      <c r="AR3035" s="128"/>
      <c r="AS3035" s="128"/>
      <c r="AT3035" s="128"/>
      <c r="AU3035" s="128"/>
      <c r="AV3035" s="128"/>
      <c r="AW3035" s="128"/>
      <c r="AX3035" s="128"/>
      <c r="AY3035" s="128"/>
      <c r="AZ3035" s="128"/>
      <c r="BA3035" s="128"/>
      <c r="BB3035" s="107">
        <v>45884</v>
      </c>
    </row>
    <row r="3036" spans="1:54" s="8" customFormat="1" ht="13.95" customHeight="1" x14ac:dyDescent="0.25">
      <c r="A3036" s="219" t="s">
        <v>6940</v>
      </c>
      <c r="B3036" s="220" t="s">
        <v>6395</v>
      </c>
      <c r="C3036" s="98" t="s">
        <v>6941</v>
      </c>
      <c r="D3036" s="98" t="s">
        <v>20759</v>
      </c>
      <c r="E3036" s="141">
        <v>1988</v>
      </c>
      <c r="F3036" s="141">
        <v>567</v>
      </c>
      <c r="G3036" s="98" t="s">
        <v>1</v>
      </c>
      <c r="H3036" s="98">
        <v>0</v>
      </c>
      <c r="I3036" s="98">
        <v>0</v>
      </c>
      <c r="J3036" s="98" t="s">
        <v>400</v>
      </c>
      <c r="K3036" s="98" t="s">
        <v>400</v>
      </c>
      <c r="L3036" s="98" t="s">
        <v>400</v>
      </c>
      <c r="M3036" s="98" t="s">
        <v>400</v>
      </c>
      <c r="N3036" s="98" t="s">
        <v>400</v>
      </c>
      <c r="O3036" s="98" t="s">
        <v>400</v>
      </c>
      <c r="P3036" s="98" t="s">
        <v>400</v>
      </c>
      <c r="Q3036" s="98" t="s">
        <v>400</v>
      </c>
      <c r="R3036" s="98" t="s">
        <v>400</v>
      </c>
      <c r="S3036" s="98" t="s">
        <v>400</v>
      </c>
      <c r="T3036" s="98" t="s">
        <v>400</v>
      </c>
      <c r="U3036" s="128"/>
      <c r="V3036" s="128"/>
      <c r="W3036" s="128"/>
      <c r="X3036" s="128"/>
      <c r="Y3036" s="128"/>
      <c r="Z3036" s="128"/>
      <c r="AA3036" s="128"/>
      <c r="AB3036" s="128"/>
      <c r="AC3036" s="128"/>
      <c r="AD3036" s="128"/>
      <c r="AE3036" s="128"/>
      <c r="AF3036" s="128"/>
      <c r="AG3036" s="128"/>
      <c r="AH3036" s="128"/>
      <c r="AI3036" s="128"/>
      <c r="AJ3036" s="128"/>
      <c r="AK3036" s="128"/>
      <c r="AL3036" s="128"/>
      <c r="AM3036" s="128"/>
      <c r="AN3036" s="128"/>
      <c r="AO3036" s="128"/>
      <c r="AP3036" s="128"/>
      <c r="AQ3036" s="128"/>
      <c r="AR3036" s="128"/>
      <c r="AS3036" s="128"/>
      <c r="AT3036" s="128"/>
      <c r="AU3036" s="128"/>
      <c r="AV3036" s="128"/>
      <c r="AW3036" s="128"/>
      <c r="AX3036" s="128"/>
      <c r="AY3036" s="128"/>
      <c r="AZ3036" s="128"/>
      <c r="BA3036" s="128"/>
      <c r="BB3036" s="107">
        <v>45884</v>
      </c>
    </row>
    <row r="3037" spans="1:54" s="8" customFormat="1" ht="13.95" customHeight="1" x14ac:dyDescent="0.25">
      <c r="A3037" s="219" t="s">
        <v>6942</v>
      </c>
      <c r="B3037" s="220" t="s">
        <v>6395</v>
      </c>
      <c r="C3037" s="98" t="s">
        <v>6943</v>
      </c>
      <c r="D3037" s="98" t="s">
        <v>20760</v>
      </c>
      <c r="E3037" s="141">
        <v>2007</v>
      </c>
      <c r="F3037" s="141">
        <v>569</v>
      </c>
      <c r="G3037" s="98" t="s">
        <v>1</v>
      </c>
      <c r="H3037" s="98">
        <v>0</v>
      </c>
      <c r="I3037" s="98">
        <v>0</v>
      </c>
      <c r="J3037" s="98" t="s">
        <v>400</v>
      </c>
      <c r="K3037" s="98" t="s">
        <v>400</v>
      </c>
      <c r="L3037" s="98" t="s">
        <v>400</v>
      </c>
      <c r="M3037" s="98" t="s">
        <v>400</v>
      </c>
      <c r="N3037" s="98" t="s">
        <v>400</v>
      </c>
      <c r="O3037" s="98" t="s">
        <v>400</v>
      </c>
      <c r="P3037" s="98" t="s">
        <v>400</v>
      </c>
      <c r="Q3037" s="98" t="s">
        <v>400</v>
      </c>
      <c r="R3037" s="98" t="s">
        <v>400</v>
      </c>
      <c r="S3037" s="98" t="s">
        <v>400</v>
      </c>
      <c r="T3037" s="98" t="s">
        <v>400</v>
      </c>
      <c r="U3037" s="128"/>
      <c r="V3037" s="128"/>
      <c r="W3037" s="128"/>
      <c r="X3037" s="128"/>
      <c r="Y3037" s="128"/>
      <c r="Z3037" s="128"/>
      <c r="AA3037" s="128"/>
      <c r="AB3037" s="128"/>
      <c r="AC3037" s="128"/>
      <c r="AD3037" s="128"/>
      <c r="AE3037" s="128"/>
      <c r="AF3037" s="128"/>
      <c r="AG3037" s="128"/>
      <c r="AH3037" s="128"/>
      <c r="AI3037" s="128"/>
      <c r="AJ3037" s="128"/>
      <c r="AK3037" s="128"/>
      <c r="AL3037" s="128"/>
      <c r="AM3037" s="128"/>
      <c r="AN3037" s="128"/>
      <c r="AO3037" s="128"/>
      <c r="AP3037" s="128"/>
      <c r="AQ3037" s="128"/>
      <c r="AR3037" s="128"/>
      <c r="AS3037" s="128"/>
      <c r="AT3037" s="128"/>
      <c r="AU3037" s="128"/>
      <c r="AV3037" s="128"/>
      <c r="AW3037" s="128"/>
      <c r="AX3037" s="128"/>
      <c r="AY3037" s="128"/>
      <c r="AZ3037" s="128"/>
      <c r="BA3037" s="128"/>
      <c r="BB3037" s="107">
        <v>45884</v>
      </c>
    </row>
    <row r="3038" spans="1:54" s="8" customFormat="1" ht="13.95" customHeight="1" x14ac:dyDescent="0.25">
      <c r="A3038" s="219" t="s">
        <v>6944</v>
      </c>
      <c r="B3038" s="220" t="s">
        <v>6395</v>
      </c>
      <c r="C3038" s="98" t="s">
        <v>6945</v>
      </c>
      <c r="D3038" s="98" t="s">
        <v>20761</v>
      </c>
      <c r="E3038" s="141">
        <v>1981</v>
      </c>
      <c r="F3038" s="141">
        <v>570</v>
      </c>
      <c r="G3038" s="98" t="s">
        <v>1</v>
      </c>
      <c r="H3038" s="98">
        <v>0</v>
      </c>
      <c r="I3038" s="98">
        <v>0</v>
      </c>
      <c r="J3038" s="98" t="s">
        <v>400</v>
      </c>
      <c r="K3038" s="98" t="s">
        <v>400</v>
      </c>
      <c r="L3038" s="98" t="s">
        <v>400</v>
      </c>
      <c r="M3038" s="98" t="s">
        <v>400</v>
      </c>
      <c r="N3038" s="98" t="s">
        <v>400</v>
      </c>
      <c r="O3038" s="98" t="s">
        <v>400</v>
      </c>
      <c r="P3038" s="98" t="s">
        <v>400</v>
      </c>
      <c r="Q3038" s="98" t="s">
        <v>400</v>
      </c>
      <c r="R3038" s="98" t="s">
        <v>400</v>
      </c>
      <c r="S3038" s="98" t="s">
        <v>400</v>
      </c>
      <c r="T3038" s="98" t="s">
        <v>400</v>
      </c>
      <c r="U3038" s="128"/>
      <c r="V3038" s="128"/>
      <c r="W3038" s="128"/>
      <c r="X3038" s="128"/>
      <c r="Y3038" s="128"/>
      <c r="Z3038" s="128"/>
      <c r="AA3038" s="128"/>
      <c r="AB3038" s="128"/>
      <c r="AC3038" s="128"/>
      <c r="AD3038" s="128"/>
      <c r="AE3038" s="128"/>
      <c r="AF3038" s="128"/>
      <c r="AG3038" s="128"/>
      <c r="AH3038" s="128"/>
      <c r="AI3038" s="128"/>
      <c r="AJ3038" s="128"/>
      <c r="AK3038" s="128"/>
      <c r="AL3038" s="128"/>
      <c r="AM3038" s="128"/>
      <c r="AN3038" s="128"/>
      <c r="AO3038" s="128"/>
      <c r="AP3038" s="128"/>
      <c r="AQ3038" s="128"/>
      <c r="AR3038" s="128"/>
      <c r="AS3038" s="128"/>
      <c r="AT3038" s="128"/>
      <c r="AU3038" s="128"/>
      <c r="AV3038" s="128"/>
      <c r="AW3038" s="128"/>
      <c r="AX3038" s="128"/>
      <c r="AY3038" s="128"/>
      <c r="AZ3038" s="128"/>
      <c r="BA3038" s="128"/>
      <c r="BB3038" s="107">
        <v>45884</v>
      </c>
    </row>
    <row r="3039" spans="1:54" s="8" customFormat="1" ht="13.95" customHeight="1" x14ac:dyDescent="0.25">
      <c r="A3039" s="219" t="s">
        <v>6946</v>
      </c>
      <c r="B3039" s="220" t="s">
        <v>6395</v>
      </c>
      <c r="C3039" s="98" t="s">
        <v>6947</v>
      </c>
      <c r="D3039" s="98" t="s">
        <v>20762</v>
      </c>
      <c r="E3039" s="141">
        <v>1999</v>
      </c>
      <c r="F3039" s="141">
        <v>570</v>
      </c>
      <c r="G3039" s="98" t="s">
        <v>1</v>
      </c>
      <c r="H3039" s="98">
        <v>0</v>
      </c>
      <c r="I3039" s="98">
        <v>0</v>
      </c>
      <c r="J3039" s="98" t="s">
        <v>400</v>
      </c>
      <c r="K3039" s="98" t="s">
        <v>400</v>
      </c>
      <c r="L3039" s="98" t="s">
        <v>400</v>
      </c>
      <c r="M3039" s="98" t="s">
        <v>400</v>
      </c>
      <c r="N3039" s="98" t="s">
        <v>400</v>
      </c>
      <c r="O3039" s="98" t="s">
        <v>400</v>
      </c>
      <c r="P3039" s="98" t="s">
        <v>400</v>
      </c>
      <c r="Q3039" s="98" t="s">
        <v>400</v>
      </c>
      <c r="R3039" s="98" t="s">
        <v>400</v>
      </c>
      <c r="S3039" s="98" t="s">
        <v>400</v>
      </c>
      <c r="T3039" s="98" t="s">
        <v>400</v>
      </c>
      <c r="U3039" s="128"/>
      <c r="V3039" s="128"/>
      <c r="W3039" s="128"/>
      <c r="X3039" s="128"/>
      <c r="Y3039" s="128"/>
      <c r="Z3039" s="128"/>
      <c r="AA3039" s="128"/>
      <c r="AB3039" s="128"/>
      <c r="AC3039" s="128"/>
      <c r="AD3039" s="128"/>
      <c r="AE3039" s="128"/>
      <c r="AF3039" s="128"/>
      <c r="AG3039" s="128"/>
      <c r="AH3039" s="128"/>
      <c r="AI3039" s="128"/>
      <c r="AJ3039" s="128"/>
      <c r="AK3039" s="128"/>
      <c r="AL3039" s="128"/>
      <c r="AM3039" s="128"/>
      <c r="AN3039" s="128"/>
      <c r="AO3039" s="128"/>
      <c r="AP3039" s="128"/>
      <c r="AQ3039" s="128"/>
      <c r="AR3039" s="128"/>
      <c r="AS3039" s="128"/>
      <c r="AT3039" s="128"/>
      <c r="AU3039" s="128"/>
      <c r="AV3039" s="128"/>
      <c r="AW3039" s="128"/>
      <c r="AX3039" s="128"/>
      <c r="AY3039" s="128"/>
      <c r="AZ3039" s="128"/>
      <c r="BA3039" s="128"/>
      <c r="BB3039" s="107">
        <v>45884</v>
      </c>
    </row>
    <row r="3040" spans="1:54" s="8" customFormat="1" ht="13.95" customHeight="1" x14ac:dyDescent="0.25">
      <c r="A3040" s="219" t="s">
        <v>6948</v>
      </c>
      <c r="B3040" s="220" t="s">
        <v>6395</v>
      </c>
      <c r="C3040" s="98" t="s">
        <v>6949</v>
      </c>
      <c r="D3040" s="98" t="s">
        <v>20763</v>
      </c>
      <c r="E3040" s="141">
        <v>1979</v>
      </c>
      <c r="F3040" s="141">
        <v>570</v>
      </c>
      <c r="G3040" s="98" t="s">
        <v>1</v>
      </c>
      <c r="H3040" s="98">
        <v>0</v>
      </c>
      <c r="I3040" s="98">
        <v>0</v>
      </c>
      <c r="J3040" s="98" t="s">
        <v>400</v>
      </c>
      <c r="K3040" s="98" t="s">
        <v>400</v>
      </c>
      <c r="L3040" s="98" t="s">
        <v>400</v>
      </c>
      <c r="M3040" s="98" t="s">
        <v>400</v>
      </c>
      <c r="N3040" s="98" t="s">
        <v>400</v>
      </c>
      <c r="O3040" s="98" t="s">
        <v>400</v>
      </c>
      <c r="P3040" s="98" t="s">
        <v>400</v>
      </c>
      <c r="Q3040" s="98" t="s">
        <v>400</v>
      </c>
      <c r="R3040" s="98" t="s">
        <v>400</v>
      </c>
      <c r="S3040" s="98" t="s">
        <v>400</v>
      </c>
      <c r="T3040" s="98" t="s">
        <v>400</v>
      </c>
      <c r="U3040" s="128"/>
      <c r="V3040" s="128"/>
      <c r="W3040" s="128"/>
      <c r="X3040" s="128"/>
      <c r="Y3040" s="128"/>
      <c r="Z3040" s="128"/>
      <c r="AA3040" s="128"/>
      <c r="AB3040" s="128"/>
      <c r="AC3040" s="128"/>
      <c r="AD3040" s="128"/>
      <c r="AE3040" s="128"/>
      <c r="AF3040" s="128"/>
      <c r="AG3040" s="128"/>
      <c r="AH3040" s="128"/>
      <c r="AI3040" s="128"/>
      <c r="AJ3040" s="128"/>
      <c r="AK3040" s="128"/>
      <c r="AL3040" s="128"/>
      <c r="AM3040" s="128"/>
      <c r="AN3040" s="128"/>
      <c r="AO3040" s="128"/>
      <c r="AP3040" s="128"/>
      <c r="AQ3040" s="128"/>
      <c r="AR3040" s="128"/>
      <c r="AS3040" s="128"/>
      <c r="AT3040" s="128"/>
      <c r="AU3040" s="128"/>
      <c r="AV3040" s="128"/>
      <c r="AW3040" s="128"/>
      <c r="AX3040" s="128"/>
      <c r="AY3040" s="128"/>
      <c r="AZ3040" s="128"/>
      <c r="BA3040" s="128"/>
      <c r="BB3040" s="107">
        <v>45884</v>
      </c>
    </row>
    <row r="3041" spans="1:54" s="8" customFormat="1" ht="13.95" customHeight="1" x14ac:dyDescent="0.25">
      <c r="A3041" s="219" t="s">
        <v>6950</v>
      </c>
      <c r="B3041" s="220" t="s">
        <v>6395</v>
      </c>
      <c r="C3041" s="98" t="s">
        <v>6951</v>
      </c>
      <c r="D3041" s="98" t="s">
        <v>20764</v>
      </c>
      <c r="E3041" s="141">
        <v>1974</v>
      </c>
      <c r="F3041" s="141">
        <v>572</v>
      </c>
      <c r="G3041" s="98" t="s">
        <v>1</v>
      </c>
      <c r="H3041" s="98">
        <v>0</v>
      </c>
      <c r="I3041" s="98">
        <v>0</v>
      </c>
      <c r="J3041" s="98" t="s">
        <v>400</v>
      </c>
      <c r="K3041" s="98" t="s">
        <v>400</v>
      </c>
      <c r="L3041" s="98" t="s">
        <v>400</v>
      </c>
      <c r="M3041" s="98" t="s">
        <v>400</v>
      </c>
      <c r="N3041" s="98" t="s">
        <v>400</v>
      </c>
      <c r="O3041" s="98" t="s">
        <v>400</v>
      </c>
      <c r="P3041" s="98" t="s">
        <v>400</v>
      </c>
      <c r="Q3041" s="98" t="s">
        <v>400</v>
      </c>
      <c r="R3041" s="98" t="s">
        <v>400</v>
      </c>
      <c r="S3041" s="98" t="s">
        <v>400</v>
      </c>
      <c r="T3041" s="98" t="s">
        <v>400</v>
      </c>
      <c r="U3041" s="128"/>
      <c r="V3041" s="128"/>
      <c r="W3041" s="128"/>
      <c r="X3041" s="128"/>
      <c r="Y3041" s="128"/>
      <c r="Z3041" s="128"/>
      <c r="AA3041" s="128"/>
      <c r="AB3041" s="128"/>
      <c r="AC3041" s="128"/>
      <c r="AD3041" s="128"/>
      <c r="AE3041" s="128"/>
      <c r="AF3041" s="128"/>
      <c r="AG3041" s="128"/>
      <c r="AH3041" s="128"/>
      <c r="AI3041" s="128"/>
      <c r="AJ3041" s="128"/>
      <c r="AK3041" s="128"/>
      <c r="AL3041" s="128"/>
      <c r="AM3041" s="128"/>
      <c r="AN3041" s="128"/>
      <c r="AO3041" s="128"/>
      <c r="AP3041" s="128"/>
      <c r="AQ3041" s="128"/>
      <c r="AR3041" s="128"/>
      <c r="AS3041" s="128"/>
      <c r="AT3041" s="128"/>
      <c r="AU3041" s="128"/>
      <c r="AV3041" s="128"/>
      <c r="AW3041" s="128"/>
      <c r="AX3041" s="128"/>
      <c r="AY3041" s="128"/>
      <c r="AZ3041" s="128"/>
      <c r="BA3041" s="128"/>
      <c r="BB3041" s="107">
        <v>45884</v>
      </c>
    </row>
    <row r="3042" spans="1:54" s="8" customFormat="1" ht="13.95" customHeight="1" x14ac:dyDescent="0.25">
      <c r="A3042" s="219" t="s">
        <v>6952</v>
      </c>
      <c r="B3042" s="220" t="s">
        <v>6395</v>
      </c>
      <c r="C3042" s="98" t="s">
        <v>6953</v>
      </c>
      <c r="D3042" s="98" t="s">
        <v>20765</v>
      </c>
      <c r="E3042" s="141">
        <v>1986</v>
      </c>
      <c r="F3042" s="141">
        <v>573</v>
      </c>
      <c r="G3042" s="98" t="s">
        <v>1</v>
      </c>
      <c r="H3042" s="98">
        <v>0</v>
      </c>
      <c r="I3042" s="98">
        <v>0</v>
      </c>
      <c r="J3042" s="98" t="s">
        <v>400</v>
      </c>
      <c r="K3042" s="98" t="s">
        <v>400</v>
      </c>
      <c r="L3042" s="98" t="s">
        <v>400</v>
      </c>
      <c r="M3042" s="98" t="s">
        <v>400</v>
      </c>
      <c r="N3042" s="98" t="s">
        <v>400</v>
      </c>
      <c r="O3042" s="98" t="s">
        <v>400</v>
      </c>
      <c r="P3042" s="98" t="s">
        <v>400</v>
      </c>
      <c r="Q3042" s="98" t="s">
        <v>400</v>
      </c>
      <c r="R3042" s="98" t="s">
        <v>400</v>
      </c>
      <c r="S3042" s="98" t="s">
        <v>400</v>
      </c>
      <c r="T3042" s="98" t="s">
        <v>400</v>
      </c>
      <c r="U3042" s="128"/>
      <c r="V3042" s="128"/>
      <c r="W3042" s="128"/>
      <c r="X3042" s="128"/>
      <c r="Y3042" s="128"/>
      <c r="Z3042" s="128"/>
      <c r="AA3042" s="128"/>
      <c r="AB3042" s="128"/>
      <c r="AC3042" s="128"/>
      <c r="AD3042" s="128"/>
      <c r="AE3042" s="128"/>
      <c r="AF3042" s="128"/>
      <c r="AG3042" s="128"/>
      <c r="AH3042" s="128"/>
      <c r="AI3042" s="128"/>
      <c r="AJ3042" s="128"/>
      <c r="AK3042" s="128"/>
      <c r="AL3042" s="128"/>
      <c r="AM3042" s="128"/>
      <c r="AN3042" s="128"/>
      <c r="AO3042" s="128"/>
      <c r="AP3042" s="128"/>
      <c r="AQ3042" s="128"/>
      <c r="AR3042" s="128"/>
      <c r="AS3042" s="128"/>
      <c r="AT3042" s="128"/>
      <c r="AU3042" s="128"/>
      <c r="AV3042" s="128"/>
      <c r="AW3042" s="128"/>
      <c r="AX3042" s="128"/>
      <c r="AY3042" s="128"/>
      <c r="AZ3042" s="128"/>
      <c r="BA3042" s="128"/>
      <c r="BB3042" s="107">
        <v>45884</v>
      </c>
    </row>
    <row r="3043" spans="1:54" s="8" customFormat="1" ht="13.95" customHeight="1" x14ac:dyDescent="0.25">
      <c r="A3043" s="219" t="s">
        <v>6954</v>
      </c>
      <c r="B3043" s="220" t="s">
        <v>6395</v>
      </c>
      <c r="C3043" s="98" t="s">
        <v>6955</v>
      </c>
      <c r="D3043" s="98" t="s">
        <v>20766</v>
      </c>
      <c r="E3043" s="141">
        <v>1984</v>
      </c>
      <c r="F3043" s="141">
        <v>574</v>
      </c>
      <c r="G3043" s="98" t="s">
        <v>1</v>
      </c>
      <c r="H3043" s="98">
        <v>0</v>
      </c>
      <c r="I3043" s="98">
        <v>0</v>
      </c>
      <c r="J3043" s="98" t="s">
        <v>400</v>
      </c>
      <c r="K3043" s="98" t="s">
        <v>400</v>
      </c>
      <c r="L3043" s="98" t="s">
        <v>400</v>
      </c>
      <c r="M3043" s="98" t="s">
        <v>400</v>
      </c>
      <c r="N3043" s="98" t="s">
        <v>400</v>
      </c>
      <c r="O3043" s="98" t="s">
        <v>400</v>
      </c>
      <c r="P3043" s="98" t="s">
        <v>400</v>
      </c>
      <c r="Q3043" s="98" t="s">
        <v>400</v>
      </c>
      <c r="R3043" s="98" t="s">
        <v>400</v>
      </c>
      <c r="S3043" s="98" t="s">
        <v>400</v>
      </c>
      <c r="T3043" s="98" t="s">
        <v>400</v>
      </c>
      <c r="U3043" s="128"/>
      <c r="V3043" s="128"/>
      <c r="W3043" s="128"/>
      <c r="X3043" s="128"/>
      <c r="Y3043" s="128"/>
      <c r="Z3043" s="128"/>
      <c r="AA3043" s="128"/>
      <c r="AB3043" s="128"/>
      <c r="AC3043" s="128"/>
      <c r="AD3043" s="128"/>
      <c r="AE3043" s="128"/>
      <c r="AF3043" s="128"/>
      <c r="AG3043" s="128"/>
      <c r="AH3043" s="128"/>
      <c r="AI3043" s="128"/>
      <c r="AJ3043" s="128"/>
      <c r="AK3043" s="128"/>
      <c r="AL3043" s="128"/>
      <c r="AM3043" s="128"/>
      <c r="AN3043" s="128"/>
      <c r="AO3043" s="128"/>
      <c r="AP3043" s="128"/>
      <c r="AQ3043" s="128"/>
      <c r="AR3043" s="128"/>
      <c r="AS3043" s="128"/>
      <c r="AT3043" s="128"/>
      <c r="AU3043" s="128"/>
      <c r="AV3043" s="128"/>
      <c r="AW3043" s="128"/>
      <c r="AX3043" s="128"/>
      <c r="AY3043" s="128"/>
      <c r="AZ3043" s="128"/>
      <c r="BA3043" s="128"/>
      <c r="BB3043" s="107">
        <v>45884</v>
      </c>
    </row>
    <row r="3044" spans="1:54" s="8" customFormat="1" ht="13.95" customHeight="1" x14ac:dyDescent="0.25">
      <c r="A3044" s="219" t="s">
        <v>6956</v>
      </c>
      <c r="B3044" s="220" t="s">
        <v>6395</v>
      </c>
      <c r="C3044" s="98" t="s">
        <v>6957</v>
      </c>
      <c r="D3044" s="98" t="s">
        <v>20767</v>
      </c>
      <c r="E3044" s="141">
        <v>1985</v>
      </c>
      <c r="F3044" s="141">
        <v>575</v>
      </c>
      <c r="G3044" s="98" t="s">
        <v>1</v>
      </c>
      <c r="H3044" s="98">
        <v>0</v>
      </c>
      <c r="I3044" s="98">
        <v>0</v>
      </c>
      <c r="J3044" s="98" t="s">
        <v>400</v>
      </c>
      <c r="K3044" s="98" t="s">
        <v>400</v>
      </c>
      <c r="L3044" s="98" t="s">
        <v>400</v>
      </c>
      <c r="M3044" s="98" t="s">
        <v>400</v>
      </c>
      <c r="N3044" s="98" t="s">
        <v>400</v>
      </c>
      <c r="O3044" s="98" t="s">
        <v>400</v>
      </c>
      <c r="P3044" s="98" t="s">
        <v>400</v>
      </c>
      <c r="Q3044" s="98" t="s">
        <v>400</v>
      </c>
      <c r="R3044" s="98" t="s">
        <v>400</v>
      </c>
      <c r="S3044" s="98" t="s">
        <v>400</v>
      </c>
      <c r="T3044" s="98" t="s">
        <v>400</v>
      </c>
      <c r="U3044" s="128"/>
      <c r="V3044" s="128"/>
      <c r="W3044" s="128"/>
      <c r="X3044" s="128"/>
      <c r="Y3044" s="128"/>
      <c r="Z3044" s="128"/>
      <c r="AA3044" s="128"/>
      <c r="AB3044" s="128"/>
      <c r="AC3044" s="128"/>
      <c r="AD3044" s="128"/>
      <c r="AE3044" s="128"/>
      <c r="AF3044" s="128"/>
      <c r="AG3044" s="128"/>
      <c r="AH3044" s="128"/>
      <c r="AI3044" s="128"/>
      <c r="AJ3044" s="128"/>
      <c r="AK3044" s="128"/>
      <c r="AL3044" s="128"/>
      <c r="AM3044" s="128"/>
      <c r="AN3044" s="128"/>
      <c r="AO3044" s="128"/>
      <c r="AP3044" s="128"/>
      <c r="AQ3044" s="128"/>
      <c r="AR3044" s="128"/>
      <c r="AS3044" s="128"/>
      <c r="AT3044" s="128"/>
      <c r="AU3044" s="128"/>
      <c r="AV3044" s="128"/>
      <c r="AW3044" s="128"/>
      <c r="AX3044" s="128"/>
      <c r="AY3044" s="128"/>
      <c r="AZ3044" s="128"/>
      <c r="BA3044" s="128"/>
      <c r="BB3044" s="107">
        <v>45884</v>
      </c>
    </row>
    <row r="3045" spans="1:54" s="8" customFormat="1" ht="13.95" customHeight="1" x14ac:dyDescent="0.25">
      <c r="A3045" s="219" t="s">
        <v>6958</v>
      </c>
      <c r="B3045" s="220" t="s">
        <v>6395</v>
      </c>
      <c r="C3045" s="98" t="s">
        <v>6959</v>
      </c>
      <c r="D3045" s="98" t="s">
        <v>20768</v>
      </c>
      <c r="E3045" s="141">
        <v>1996</v>
      </c>
      <c r="F3045" s="141">
        <v>585</v>
      </c>
      <c r="G3045" s="98" t="s">
        <v>1</v>
      </c>
      <c r="H3045" s="98">
        <v>0</v>
      </c>
      <c r="I3045" s="98">
        <v>0</v>
      </c>
      <c r="J3045" s="98" t="s">
        <v>400</v>
      </c>
      <c r="K3045" s="98" t="s">
        <v>400</v>
      </c>
      <c r="L3045" s="98" t="s">
        <v>400</v>
      </c>
      <c r="M3045" s="98" t="s">
        <v>400</v>
      </c>
      <c r="N3045" s="98" t="s">
        <v>400</v>
      </c>
      <c r="O3045" s="98" t="s">
        <v>400</v>
      </c>
      <c r="P3045" s="98" t="s">
        <v>400</v>
      </c>
      <c r="Q3045" s="98" t="s">
        <v>400</v>
      </c>
      <c r="R3045" s="98" t="s">
        <v>400</v>
      </c>
      <c r="S3045" s="98" t="s">
        <v>400</v>
      </c>
      <c r="T3045" s="98" t="s">
        <v>400</v>
      </c>
      <c r="U3045" s="128"/>
      <c r="V3045" s="128"/>
      <c r="W3045" s="128"/>
      <c r="X3045" s="128"/>
      <c r="Y3045" s="128"/>
      <c r="Z3045" s="128"/>
      <c r="AA3045" s="128"/>
      <c r="AB3045" s="128"/>
      <c r="AC3045" s="128"/>
      <c r="AD3045" s="128"/>
      <c r="AE3045" s="128"/>
      <c r="AF3045" s="128"/>
      <c r="AG3045" s="128"/>
      <c r="AH3045" s="128"/>
      <c r="AI3045" s="128"/>
      <c r="AJ3045" s="128"/>
      <c r="AK3045" s="128"/>
      <c r="AL3045" s="128"/>
      <c r="AM3045" s="128"/>
      <c r="AN3045" s="128"/>
      <c r="AO3045" s="128"/>
      <c r="AP3045" s="128"/>
      <c r="AQ3045" s="128"/>
      <c r="AR3045" s="128"/>
      <c r="AS3045" s="128"/>
      <c r="AT3045" s="128"/>
      <c r="AU3045" s="128"/>
      <c r="AV3045" s="128"/>
      <c r="AW3045" s="128"/>
      <c r="AX3045" s="128"/>
      <c r="AY3045" s="128"/>
      <c r="AZ3045" s="128"/>
      <c r="BA3045" s="128"/>
      <c r="BB3045" s="107">
        <v>45884</v>
      </c>
    </row>
    <row r="3046" spans="1:54" s="8" customFormat="1" ht="13.95" customHeight="1" x14ac:dyDescent="0.25">
      <c r="A3046" s="219" t="s">
        <v>6960</v>
      </c>
      <c r="B3046" s="220" t="s">
        <v>6395</v>
      </c>
      <c r="C3046" s="98" t="s">
        <v>6961</v>
      </c>
      <c r="D3046" s="98" t="s">
        <v>20769</v>
      </c>
      <c r="E3046" s="141">
        <v>1983</v>
      </c>
      <c r="F3046" s="141">
        <v>585</v>
      </c>
      <c r="G3046" s="98" t="s">
        <v>1</v>
      </c>
      <c r="H3046" s="98">
        <v>0</v>
      </c>
      <c r="I3046" s="98">
        <v>0</v>
      </c>
      <c r="J3046" s="98" t="s">
        <v>400</v>
      </c>
      <c r="K3046" s="98" t="s">
        <v>400</v>
      </c>
      <c r="L3046" s="98" t="s">
        <v>400</v>
      </c>
      <c r="M3046" s="98" t="s">
        <v>400</v>
      </c>
      <c r="N3046" s="98" t="s">
        <v>400</v>
      </c>
      <c r="O3046" s="98" t="s">
        <v>400</v>
      </c>
      <c r="P3046" s="98" t="s">
        <v>400</v>
      </c>
      <c r="Q3046" s="98" t="s">
        <v>400</v>
      </c>
      <c r="R3046" s="98" t="s">
        <v>400</v>
      </c>
      <c r="S3046" s="98" t="s">
        <v>400</v>
      </c>
      <c r="T3046" s="98" t="s">
        <v>400</v>
      </c>
      <c r="U3046" s="128"/>
      <c r="V3046" s="128"/>
      <c r="W3046" s="128"/>
      <c r="X3046" s="128"/>
      <c r="Y3046" s="128"/>
      <c r="Z3046" s="128"/>
      <c r="AA3046" s="128"/>
      <c r="AB3046" s="128"/>
      <c r="AC3046" s="128"/>
      <c r="AD3046" s="128"/>
      <c r="AE3046" s="128"/>
      <c r="AF3046" s="128"/>
      <c r="AG3046" s="128"/>
      <c r="AH3046" s="128"/>
      <c r="AI3046" s="128"/>
      <c r="AJ3046" s="128"/>
      <c r="AK3046" s="128"/>
      <c r="AL3046" s="128"/>
      <c r="AM3046" s="128"/>
      <c r="AN3046" s="128"/>
      <c r="AO3046" s="128"/>
      <c r="AP3046" s="128"/>
      <c r="AQ3046" s="128"/>
      <c r="AR3046" s="128"/>
      <c r="AS3046" s="128"/>
      <c r="AT3046" s="128"/>
      <c r="AU3046" s="128"/>
      <c r="AV3046" s="128"/>
      <c r="AW3046" s="128"/>
      <c r="AX3046" s="128"/>
      <c r="AY3046" s="128"/>
      <c r="AZ3046" s="128"/>
      <c r="BA3046" s="128"/>
      <c r="BB3046" s="107">
        <v>45884</v>
      </c>
    </row>
    <row r="3047" spans="1:54" s="8" customFormat="1" ht="13.95" customHeight="1" x14ac:dyDescent="0.25">
      <c r="A3047" s="219" t="s">
        <v>6962</v>
      </c>
      <c r="B3047" s="220" t="s">
        <v>6395</v>
      </c>
      <c r="C3047" s="98" t="s">
        <v>22158</v>
      </c>
      <c r="D3047" s="98" t="s">
        <v>20770</v>
      </c>
      <c r="E3047" s="141">
        <v>1976</v>
      </c>
      <c r="F3047" s="141">
        <v>586</v>
      </c>
      <c r="G3047" s="98" t="s">
        <v>1</v>
      </c>
      <c r="H3047" s="98">
        <v>0</v>
      </c>
      <c r="I3047" s="98">
        <v>0</v>
      </c>
      <c r="J3047" s="98" t="s">
        <v>400</v>
      </c>
      <c r="K3047" s="98" t="s">
        <v>400</v>
      </c>
      <c r="L3047" s="98" t="s">
        <v>400</v>
      </c>
      <c r="M3047" s="98" t="s">
        <v>400</v>
      </c>
      <c r="N3047" s="98" t="s">
        <v>400</v>
      </c>
      <c r="O3047" s="98" t="s">
        <v>400</v>
      </c>
      <c r="P3047" s="98" t="s">
        <v>400</v>
      </c>
      <c r="Q3047" s="98" t="s">
        <v>400</v>
      </c>
      <c r="R3047" s="98" t="s">
        <v>400</v>
      </c>
      <c r="S3047" s="98" t="s">
        <v>400</v>
      </c>
      <c r="T3047" s="98" t="s">
        <v>400</v>
      </c>
      <c r="U3047" s="128"/>
      <c r="V3047" s="128"/>
      <c r="W3047" s="128"/>
      <c r="X3047" s="128"/>
      <c r="Y3047" s="128"/>
      <c r="Z3047" s="128"/>
      <c r="AA3047" s="128"/>
      <c r="AB3047" s="128"/>
      <c r="AC3047" s="128"/>
      <c r="AD3047" s="128"/>
      <c r="AE3047" s="128"/>
      <c r="AF3047" s="128"/>
      <c r="AG3047" s="128"/>
      <c r="AH3047" s="128"/>
      <c r="AI3047" s="128"/>
      <c r="AJ3047" s="128"/>
      <c r="AK3047" s="128"/>
      <c r="AL3047" s="128"/>
      <c r="AM3047" s="128"/>
      <c r="AN3047" s="128"/>
      <c r="AO3047" s="128"/>
      <c r="AP3047" s="128"/>
      <c r="AQ3047" s="128"/>
      <c r="AR3047" s="128"/>
      <c r="AS3047" s="128"/>
      <c r="AT3047" s="128"/>
      <c r="AU3047" s="128"/>
      <c r="AV3047" s="128"/>
      <c r="AW3047" s="128"/>
      <c r="AX3047" s="128"/>
      <c r="AY3047" s="128"/>
      <c r="AZ3047" s="128"/>
      <c r="BA3047" s="128"/>
      <c r="BB3047" s="107">
        <v>45884</v>
      </c>
    </row>
    <row r="3048" spans="1:54" s="8" customFormat="1" ht="13.95" customHeight="1" x14ac:dyDescent="0.25">
      <c r="A3048" s="219" t="s">
        <v>6963</v>
      </c>
      <c r="B3048" s="220" t="s">
        <v>6395</v>
      </c>
      <c r="C3048" s="98" t="s">
        <v>6964</v>
      </c>
      <c r="D3048" s="98" t="s">
        <v>20771</v>
      </c>
      <c r="E3048" s="141">
        <v>1980</v>
      </c>
      <c r="F3048" s="141">
        <v>588</v>
      </c>
      <c r="G3048" s="98" t="s">
        <v>1</v>
      </c>
      <c r="H3048" s="98">
        <v>0</v>
      </c>
      <c r="I3048" s="98">
        <v>0</v>
      </c>
      <c r="J3048" s="98" t="s">
        <v>400</v>
      </c>
      <c r="K3048" s="98" t="s">
        <v>400</v>
      </c>
      <c r="L3048" s="98" t="s">
        <v>400</v>
      </c>
      <c r="M3048" s="98" t="s">
        <v>400</v>
      </c>
      <c r="N3048" s="98" t="s">
        <v>400</v>
      </c>
      <c r="O3048" s="98" t="s">
        <v>400</v>
      </c>
      <c r="P3048" s="98" t="s">
        <v>400</v>
      </c>
      <c r="Q3048" s="98" t="s">
        <v>400</v>
      </c>
      <c r="R3048" s="98" t="s">
        <v>400</v>
      </c>
      <c r="S3048" s="98" t="s">
        <v>400</v>
      </c>
      <c r="T3048" s="98" t="s">
        <v>400</v>
      </c>
      <c r="U3048" s="128"/>
      <c r="V3048" s="128"/>
      <c r="W3048" s="128"/>
      <c r="X3048" s="128"/>
      <c r="Y3048" s="128"/>
      <c r="Z3048" s="128"/>
      <c r="AA3048" s="128"/>
      <c r="AB3048" s="128"/>
      <c r="AC3048" s="128"/>
      <c r="AD3048" s="128"/>
      <c r="AE3048" s="128"/>
      <c r="AF3048" s="128"/>
      <c r="AG3048" s="128"/>
      <c r="AH3048" s="128"/>
      <c r="AI3048" s="128"/>
      <c r="AJ3048" s="128"/>
      <c r="AK3048" s="128"/>
      <c r="AL3048" s="128"/>
      <c r="AM3048" s="128"/>
      <c r="AN3048" s="128"/>
      <c r="AO3048" s="128"/>
      <c r="AP3048" s="128"/>
      <c r="AQ3048" s="128"/>
      <c r="AR3048" s="128"/>
      <c r="AS3048" s="128"/>
      <c r="AT3048" s="128"/>
      <c r="AU3048" s="128"/>
      <c r="AV3048" s="128"/>
      <c r="AW3048" s="128"/>
      <c r="AX3048" s="128"/>
      <c r="AY3048" s="128"/>
      <c r="AZ3048" s="128"/>
      <c r="BA3048" s="128"/>
      <c r="BB3048" s="107">
        <v>45884</v>
      </c>
    </row>
    <row r="3049" spans="1:54" s="8" customFormat="1" ht="13.95" customHeight="1" x14ac:dyDescent="0.25">
      <c r="A3049" s="219" t="s">
        <v>6965</v>
      </c>
      <c r="B3049" s="220" t="s">
        <v>6395</v>
      </c>
      <c r="C3049" s="98" t="s">
        <v>6966</v>
      </c>
      <c r="D3049" s="98" t="s">
        <v>20772</v>
      </c>
      <c r="E3049" s="141">
        <v>1990</v>
      </c>
      <c r="F3049" s="141">
        <v>588</v>
      </c>
      <c r="G3049" s="98" t="s">
        <v>1</v>
      </c>
      <c r="H3049" s="98">
        <v>0</v>
      </c>
      <c r="I3049" s="98">
        <v>0</v>
      </c>
      <c r="J3049" s="98" t="s">
        <v>400</v>
      </c>
      <c r="K3049" s="98" t="s">
        <v>400</v>
      </c>
      <c r="L3049" s="98" t="s">
        <v>400</v>
      </c>
      <c r="M3049" s="98" t="s">
        <v>400</v>
      </c>
      <c r="N3049" s="98" t="s">
        <v>400</v>
      </c>
      <c r="O3049" s="98" t="s">
        <v>400</v>
      </c>
      <c r="P3049" s="98" t="s">
        <v>400</v>
      </c>
      <c r="Q3049" s="98" t="s">
        <v>400</v>
      </c>
      <c r="R3049" s="98" t="s">
        <v>400</v>
      </c>
      <c r="S3049" s="98" t="s">
        <v>400</v>
      </c>
      <c r="T3049" s="98" t="s">
        <v>400</v>
      </c>
      <c r="U3049" s="128"/>
      <c r="V3049" s="128"/>
      <c r="W3049" s="128"/>
      <c r="X3049" s="128"/>
      <c r="Y3049" s="128"/>
      <c r="Z3049" s="128"/>
      <c r="AA3049" s="128"/>
      <c r="AB3049" s="128"/>
      <c r="AC3049" s="128"/>
      <c r="AD3049" s="128"/>
      <c r="AE3049" s="128"/>
      <c r="AF3049" s="128"/>
      <c r="AG3049" s="128"/>
      <c r="AH3049" s="128"/>
      <c r="AI3049" s="128"/>
      <c r="AJ3049" s="128"/>
      <c r="AK3049" s="128"/>
      <c r="AL3049" s="128"/>
      <c r="AM3049" s="128"/>
      <c r="AN3049" s="128"/>
      <c r="AO3049" s="128"/>
      <c r="AP3049" s="128"/>
      <c r="AQ3049" s="128"/>
      <c r="AR3049" s="128"/>
      <c r="AS3049" s="128"/>
      <c r="AT3049" s="128"/>
      <c r="AU3049" s="128"/>
      <c r="AV3049" s="128"/>
      <c r="AW3049" s="128"/>
      <c r="AX3049" s="128"/>
      <c r="AY3049" s="128"/>
      <c r="AZ3049" s="128"/>
      <c r="BA3049" s="128"/>
      <c r="BB3049" s="107">
        <v>45884</v>
      </c>
    </row>
    <row r="3050" spans="1:54" s="8" customFormat="1" ht="13.95" customHeight="1" x14ac:dyDescent="0.25">
      <c r="A3050" s="219" t="s">
        <v>6967</v>
      </c>
      <c r="B3050" s="220" t="s">
        <v>6395</v>
      </c>
      <c r="C3050" s="98" t="s">
        <v>6968</v>
      </c>
      <c r="D3050" s="98" t="s">
        <v>20773</v>
      </c>
      <c r="E3050" s="141">
        <v>1999</v>
      </c>
      <c r="F3050" s="141">
        <v>593</v>
      </c>
      <c r="G3050" s="98" t="s">
        <v>1</v>
      </c>
      <c r="H3050" s="98">
        <v>0</v>
      </c>
      <c r="I3050" s="98">
        <v>0</v>
      </c>
      <c r="J3050" s="98" t="s">
        <v>400</v>
      </c>
      <c r="K3050" s="98" t="s">
        <v>400</v>
      </c>
      <c r="L3050" s="98" t="s">
        <v>400</v>
      </c>
      <c r="M3050" s="98" t="s">
        <v>400</v>
      </c>
      <c r="N3050" s="98" t="s">
        <v>400</v>
      </c>
      <c r="O3050" s="98" t="s">
        <v>400</v>
      </c>
      <c r="P3050" s="98" t="s">
        <v>400</v>
      </c>
      <c r="Q3050" s="98" t="s">
        <v>400</v>
      </c>
      <c r="R3050" s="98" t="s">
        <v>400</v>
      </c>
      <c r="S3050" s="98" t="s">
        <v>400</v>
      </c>
      <c r="T3050" s="98" t="s">
        <v>400</v>
      </c>
      <c r="U3050" s="128"/>
      <c r="V3050" s="128"/>
      <c r="W3050" s="128"/>
      <c r="X3050" s="128"/>
      <c r="Y3050" s="128"/>
      <c r="Z3050" s="128"/>
      <c r="AA3050" s="128"/>
      <c r="AB3050" s="128"/>
      <c r="AC3050" s="128"/>
      <c r="AD3050" s="128"/>
      <c r="AE3050" s="128"/>
      <c r="AF3050" s="128"/>
      <c r="AG3050" s="128"/>
      <c r="AH3050" s="128"/>
      <c r="AI3050" s="128"/>
      <c r="AJ3050" s="128"/>
      <c r="AK3050" s="128"/>
      <c r="AL3050" s="128"/>
      <c r="AM3050" s="128"/>
      <c r="AN3050" s="128"/>
      <c r="AO3050" s="128"/>
      <c r="AP3050" s="128"/>
      <c r="AQ3050" s="128"/>
      <c r="AR3050" s="128"/>
      <c r="AS3050" s="128"/>
      <c r="AT3050" s="128"/>
      <c r="AU3050" s="128"/>
      <c r="AV3050" s="128"/>
      <c r="AW3050" s="128"/>
      <c r="AX3050" s="128"/>
      <c r="AY3050" s="128"/>
      <c r="AZ3050" s="128"/>
      <c r="BA3050" s="128"/>
      <c r="BB3050" s="107">
        <v>45884</v>
      </c>
    </row>
    <row r="3051" spans="1:54" s="8" customFormat="1" ht="13.95" customHeight="1" x14ac:dyDescent="0.25">
      <c r="A3051" s="219" t="s">
        <v>6969</v>
      </c>
      <c r="B3051" s="220" t="s">
        <v>6395</v>
      </c>
      <c r="C3051" s="98" t="s">
        <v>6970</v>
      </c>
      <c r="D3051" s="98" t="s">
        <v>20774</v>
      </c>
      <c r="E3051" s="141">
        <v>1970</v>
      </c>
      <c r="F3051" s="141">
        <v>595</v>
      </c>
      <c r="G3051" s="98" t="s">
        <v>1</v>
      </c>
      <c r="H3051" s="98">
        <v>0</v>
      </c>
      <c r="I3051" s="98">
        <v>0</v>
      </c>
      <c r="J3051" s="98" t="s">
        <v>400</v>
      </c>
      <c r="K3051" s="98" t="s">
        <v>400</v>
      </c>
      <c r="L3051" s="98" t="s">
        <v>400</v>
      </c>
      <c r="M3051" s="98" t="s">
        <v>400</v>
      </c>
      <c r="N3051" s="98" t="s">
        <v>400</v>
      </c>
      <c r="O3051" s="98" t="s">
        <v>400</v>
      </c>
      <c r="P3051" s="98" t="s">
        <v>400</v>
      </c>
      <c r="Q3051" s="98" t="s">
        <v>400</v>
      </c>
      <c r="R3051" s="98" t="s">
        <v>400</v>
      </c>
      <c r="S3051" s="98" t="s">
        <v>400</v>
      </c>
      <c r="T3051" s="98" t="s">
        <v>400</v>
      </c>
      <c r="U3051" s="128"/>
      <c r="V3051" s="128"/>
      <c r="W3051" s="128"/>
      <c r="X3051" s="128"/>
      <c r="Y3051" s="128"/>
      <c r="Z3051" s="128"/>
      <c r="AA3051" s="128"/>
      <c r="AB3051" s="128"/>
      <c r="AC3051" s="128"/>
      <c r="AD3051" s="128"/>
      <c r="AE3051" s="128"/>
      <c r="AF3051" s="128"/>
      <c r="AG3051" s="128"/>
      <c r="AH3051" s="128"/>
      <c r="AI3051" s="128"/>
      <c r="AJ3051" s="128"/>
      <c r="AK3051" s="128"/>
      <c r="AL3051" s="128"/>
      <c r="AM3051" s="128"/>
      <c r="AN3051" s="128"/>
      <c r="AO3051" s="128"/>
      <c r="AP3051" s="128"/>
      <c r="AQ3051" s="128"/>
      <c r="AR3051" s="128"/>
      <c r="AS3051" s="128"/>
      <c r="AT3051" s="128"/>
      <c r="AU3051" s="128"/>
      <c r="AV3051" s="128"/>
      <c r="AW3051" s="128"/>
      <c r="AX3051" s="128"/>
      <c r="AY3051" s="128"/>
      <c r="AZ3051" s="128"/>
      <c r="BA3051" s="128"/>
      <c r="BB3051" s="107">
        <v>45884</v>
      </c>
    </row>
    <row r="3052" spans="1:54" s="8" customFormat="1" ht="13.95" customHeight="1" x14ac:dyDescent="0.25">
      <c r="A3052" s="219" t="s">
        <v>6971</v>
      </c>
      <c r="B3052" s="220" t="s">
        <v>6395</v>
      </c>
      <c r="C3052" s="98" t="s">
        <v>6972</v>
      </c>
      <c r="D3052" s="98" t="s">
        <v>20775</v>
      </c>
      <c r="E3052" s="141">
        <v>1992</v>
      </c>
      <c r="F3052" s="141">
        <v>596</v>
      </c>
      <c r="G3052" s="98" t="s">
        <v>1</v>
      </c>
      <c r="H3052" s="98">
        <v>0</v>
      </c>
      <c r="I3052" s="98">
        <v>0</v>
      </c>
      <c r="J3052" s="98" t="s">
        <v>400</v>
      </c>
      <c r="K3052" s="98" t="s">
        <v>400</v>
      </c>
      <c r="L3052" s="98" t="s">
        <v>400</v>
      </c>
      <c r="M3052" s="98" t="s">
        <v>400</v>
      </c>
      <c r="N3052" s="98" t="s">
        <v>400</v>
      </c>
      <c r="O3052" s="98" t="s">
        <v>400</v>
      </c>
      <c r="P3052" s="98" t="s">
        <v>400</v>
      </c>
      <c r="Q3052" s="98" t="s">
        <v>400</v>
      </c>
      <c r="R3052" s="98" t="s">
        <v>400</v>
      </c>
      <c r="S3052" s="98" t="s">
        <v>400</v>
      </c>
      <c r="T3052" s="98" t="s">
        <v>400</v>
      </c>
      <c r="U3052" s="128"/>
      <c r="V3052" s="128"/>
      <c r="W3052" s="128"/>
      <c r="X3052" s="128"/>
      <c r="Y3052" s="128"/>
      <c r="Z3052" s="128"/>
      <c r="AA3052" s="128"/>
      <c r="AB3052" s="128"/>
      <c r="AC3052" s="128"/>
      <c r="AD3052" s="128"/>
      <c r="AE3052" s="128"/>
      <c r="AF3052" s="128"/>
      <c r="AG3052" s="128"/>
      <c r="AH3052" s="128"/>
      <c r="AI3052" s="128"/>
      <c r="AJ3052" s="128"/>
      <c r="AK3052" s="128"/>
      <c r="AL3052" s="128"/>
      <c r="AM3052" s="128"/>
      <c r="AN3052" s="128"/>
      <c r="AO3052" s="128"/>
      <c r="AP3052" s="128"/>
      <c r="AQ3052" s="128"/>
      <c r="AR3052" s="128"/>
      <c r="AS3052" s="128"/>
      <c r="AT3052" s="128"/>
      <c r="AU3052" s="128"/>
      <c r="AV3052" s="128"/>
      <c r="AW3052" s="128"/>
      <c r="AX3052" s="128"/>
      <c r="AY3052" s="128"/>
      <c r="AZ3052" s="128"/>
      <c r="BA3052" s="128"/>
      <c r="BB3052" s="107">
        <v>45884</v>
      </c>
    </row>
    <row r="3053" spans="1:54" s="8" customFormat="1" ht="13.95" customHeight="1" x14ac:dyDescent="0.25">
      <c r="A3053" s="219" t="s">
        <v>6973</v>
      </c>
      <c r="B3053" s="220" t="s">
        <v>6395</v>
      </c>
      <c r="C3053" s="98" t="s">
        <v>6974</v>
      </c>
      <c r="D3053" s="98" t="s">
        <v>20776</v>
      </c>
      <c r="E3053" s="141">
        <v>1983</v>
      </c>
      <c r="F3053" s="141">
        <v>596</v>
      </c>
      <c r="G3053" s="98" t="s">
        <v>8</v>
      </c>
      <c r="H3053" s="98">
        <v>0</v>
      </c>
      <c r="I3053" s="98">
        <v>0</v>
      </c>
      <c r="J3053" s="98" t="s">
        <v>400</v>
      </c>
      <c r="K3053" s="98" t="s">
        <v>400</v>
      </c>
      <c r="L3053" s="98" t="s">
        <v>400</v>
      </c>
      <c r="M3053" s="98" t="s">
        <v>400</v>
      </c>
      <c r="N3053" s="98" t="s">
        <v>400</v>
      </c>
      <c r="O3053" s="98" t="s">
        <v>400</v>
      </c>
      <c r="P3053" s="98" t="s">
        <v>400</v>
      </c>
      <c r="Q3053" s="98" t="s">
        <v>400</v>
      </c>
      <c r="R3053" s="98" t="s">
        <v>400</v>
      </c>
      <c r="S3053" s="98" t="s">
        <v>400</v>
      </c>
      <c r="T3053" s="98" t="s">
        <v>400</v>
      </c>
      <c r="U3053" s="98">
        <v>0</v>
      </c>
      <c r="V3053" s="98">
        <v>0</v>
      </c>
      <c r="W3053" s="98" t="s">
        <v>400</v>
      </c>
      <c r="X3053" s="98">
        <v>0</v>
      </c>
      <c r="Y3053" s="98">
        <v>0</v>
      </c>
      <c r="Z3053" s="98">
        <v>0</v>
      </c>
      <c r="AA3053" s="98" t="s">
        <v>400</v>
      </c>
      <c r="AB3053" s="98">
        <v>0</v>
      </c>
      <c r="AC3053" s="98">
        <v>0</v>
      </c>
      <c r="AD3053" s="98">
        <v>0</v>
      </c>
      <c r="AE3053" s="98">
        <v>0</v>
      </c>
      <c r="AF3053" s="98">
        <v>0</v>
      </c>
      <c r="AG3053" s="98">
        <v>0</v>
      </c>
      <c r="AH3053" s="98">
        <v>0</v>
      </c>
      <c r="AI3053" s="98">
        <v>0</v>
      </c>
      <c r="AJ3053" s="98">
        <v>0</v>
      </c>
      <c r="AK3053" s="98">
        <v>0</v>
      </c>
      <c r="AL3053" s="98">
        <v>0</v>
      </c>
      <c r="AM3053" s="98">
        <v>0</v>
      </c>
      <c r="AN3053" s="98">
        <v>0</v>
      </c>
      <c r="AO3053" s="98">
        <v>0</v>
      </c>
      <c r="AP3053" s="98">
        <v>0</v>
      </c>
      <c r="AQ3053" s="98">
        <v>0</v>
      </c>
      <c r="AR3053" s="98">
        <v>0</v>
      </c>
      <c r="AS3053" s="98">
        <v>0</v>
      </c>
      <c r="AT3053" s="129">
        <v>0</v>
      </c>
      <c r="AU3053" s="98">
        <v>0</v>
      </c>
      <c r="AV3053" s="98">
        <v>0</v>
      </c>
      <c r="AW3053" s="98">
        <v>0</v>
      </c>
      <c r="AX3053" s="98"/>
      <c r="AY3053" s="98"/>
      <c r="AZ3053" s="98"/>
      <c r="BA3053" s="98"/>
      <c r="BB3053" s="107">
        <v>45884</v>
      </c>
    </row>
    <row r="3054" spans="1:54" s="8" customFormat="1" ht="13.95" customHeight="1" x14ac:dyDescent="0.25">
      <c r="A3054" s="219" t="s">
        <v>6975</v>
      </c>
      <c r="B3054" s="220" t="s">
        <v>6395</v>
      </c>
      <c r="C3054" s="98" t="s">
        <v>6976</v>
      </c>
      <c r="D3054" s="98" t="s">
        <v>20777</v>
      </c>
      <c r="E3054" s="141">
        <v>2001</v>
      </c>
      <c r="F3054" s="141">
        <v>597</v>
      </c>
      <c r="G3054" s="98" t="s">
        <v>1</v>
      </c>
      <c r="H3054" s="98">
        <v>0</v>
      </c>
      <c r="I3054" s="98">
        <v>0</v>
      </c>
      <c r="J3054" s="98" t="s">
        <v>400</v>
      </c>
      <c r="K3054" s="98" t="s">
        <v>400</v>
      </c>
      <c r="L3054" s="98" t="s">
        <v>400</v>
      </c>
      <c r="M3054" s="98" t="s">
        <v>400</v>
      </c>
      <c r="N3054" s="98" t="s">
        <v>400</v>
      </c>
      <c r="O3054" s="98" t="s">
        <v>400</v>
      </c>
      <c r="P3054" s="98" t="s">
        <v>400</v>
      </c>
      <c r="Q3054" s="98" t="s">
        <v>400</v>
      </c>
      <c r="R3054" s="98" t="s">
        <v>400</v>
      </c>
      <c r="S3054" s="98" t="s">
        <v>400</v>
      </c>
      <c r="T3054" s="98" t="s">
        <v>400</v>
      </c>
      <c r="U3054" s="128"/>
      <c r="V3054" s="128"/>
      <c r="W3054" s="128"/>
      <c r="X3054" s="128"/>
      <c r="Y3054" s="128"/>
      <c r="Z3054" s="128"/>
      <c r="AA3054" s="128"/>
      <c r="AB3054" s="128"/>
      <c r="AC3054" s="128"/>
      <c r="AD3054" s="128"/>
      <c r="AE3054" s="128"/>
      <c r="AF3054" s="128"/>
      <c r="AG3054" s="128"/>
      <c r="AH3054" s="128"/>
      <c r="AI3054" s="128"/>
      <c r="AJ3054" s="128"/>
      <c r="AK3054" s="128"/>
      <c r="AL3054" s="128"/>
      <c r="AM3054" s="128"/>
      <c r="AN3054" s="128"/>
      <c r="AO3054" s="128"/>
      <c r="AP3054" s="128"/>
      <c r="AQ3054" s="128"/>
      <c r="AR3054" s="128"/>
      <c r="AS3054" s="128"/>
      <c r="AT3054" s="128"/>
      <c r="AU3054" s="128"/>
      <c r="AV3054" s="128"/>
      <c r="AW3054" s="128"/>
      <c r="AX3054" s="128"/>
      <c r="AY3054" s="128"/>
      <c r="AZ3054" s="128"/>
      <c r="BA3054" s="128"/>
      <c r="BB3054" s="107">
        <v>45884</v>
      </c>
    </row>
    <row r="3055" spans="1:54" s="8" customFormat="1" ht="13.95" customHeight="1" x14ac:dyDescent="0.25">
      <c r="A3055" s="219" t="s">
        <v>6977</v>
      </c>
      <c r="B3055" s="220" t="s">
        <v>6395</v>
      </c>
      <c r="C3055" s="98" t="s">
        <v>6978</v>
      </c>
      <c r="D3055" s="98" t="s">
        <v>20778</v>
      </c>
      <c r="E3055" s="141">
        <v>1990</v>
      </c>
      <c r="F3055" s="141">
        <v>598</v>
      </c>
      <c r="G3055" s="98" t="s">
        <v>1</v>
      </c>
      <c r="H3055" s="98">
        <v>0</v>
      </c>
      <c r="I3055" s="98">
        <v>0</v>
      </c>
      <c r="J3055" s="98" t="s">
        <v>400</v>
      </c>
      <c r="K3055" s="98" t="s">
        <v>400</v>
      </c>
      <c r="L3055" s="98" t="s">
        <v>400</v>
      </c>
      <c r="M3055" s="98" t="s">
        <v>400</v>
      </c>
      <c r="N3055" s="98" t="s">
        <v>400</v>
      </c>
      <c r="O3055" s="98" t="s">
        <v>400</v>
      </c>
      <c r="P3055" s="98" t="s">
        <v>400</v>
      </c>
      <c r="Q3055" s="98" t="s">
        <v>400</v>
      </c>
      <c r="R3055" s="98" t="s">
        <v>400</v>
      </c>
      <c r="S3055" s="98" t="s">
        <v>400</v>
      </c>
      <c r="T3055" s="98" t="s">
        <v>400</v>
      </c>
      <c r="U3055" s="128"/>
      <c r="V3055" s="128"/>
      <c r="W3055" s="128"/>
      <c r="X3055" s="128"/>
      <c r="Y3055" s="128"/>
      <c r="Z3055" s="128"/>
      <c r="AA3055" s="128"/>
      <c r="AB3055" s="128"/>
      <c r="AC3055" s="128"/>
      <c r="AD3055" s="128"/>
      <c r="AE3055" s="128"/>
      <c r="AF3055" s="128"/>
      <c r="AG3055" s="128"/>
      <c r="AH3055" s="128"/>
      <c r="AI3055" s="128"/>
      <c r="AJ3055" s="128"/>
      <c r="AK3055" s="128"/>
      <c r="AL3055" s="128"/>
      <c r="AM3055" s="128"/>
      <c r="AN3055" s="128"/>
      <c r="AO3055" s="128"/>
      <c r="AP3055" s="128"/>
      <c r="AQ3055" s="128"/>
      <c r="AR3055" s="128"/>
      <c r="AS3055" s="128"/>
      <c r="AT3055" s="128"/>
      <c r="AU3055" s="128"/>
      <c r="AV3055" s="128"/>
      <c r="AW3055" s="128"/>
      <c r="AX3055" s="128"/>
      <c r="AY3055" s="128"/>
      <c r="AZ3055" s="128"/>
      <c r="BA3055" s="128"/>
      <c r="BB3055" s="107">
        <v>45884</v>
      </c>
    </row>
    <row r="3056" spans="1:54" s="8" customFormat="1" ht="13.95" customHeight="1" x14ac:dyDescent="0.25">
      <c r="A3056" s="219" t="s">
        <v>6979</v>
      </c>
      <c r="B3056" s="220" t="s">
        <v>6395</v>
      </c>
      <c r="C3056" s="98" t="s">
        <v>6980</v>
      </c>
      <c r="D3056" s="98" t="s">
        <v>20779</v>
      </c>
      <c r="E3056" s="141">
        <v>1991</v>
      </c>
      <c r="F3056" s="141">
        <v>604</v>
      </c>
      <c r="G3056" s="98" t="s">
        <v>1</v>
      </c>
      <c r="H3056" s="98">
        <v>0</v>
      </c>
      <c r="I3056" s="98">
        <v>0</v>
      </c>
      <c r="J3056" s="98" t="s">
        <v>400</v>
      </c>
      <c r="K3056" s="98" t="s">
        <v>400</v>
      </c>
      <c r="L3056" s="98" t="s">
        <v>400</v>
      </c>
      <c r="M3056" s="98" t="s">
        <v>400</v>
      </c>
      <c r="N3056" s="98" t="s">
        <v>400</v>
      </c>
      <c r="O3056" s="98" t="s">
        <v>400</v>
      </c>
      <c r="P3056" s="98" t="s">
        <v>400</v>
      </c>
      <c r="Q3056" s="98" t="s">
        <v>400</v>
      </c>
      <c r="R3056" s="98" t="s">
        <v>400</v>
      </c>
      <c r="S3056" s="98" t="s">
        <v>400</v>
      </c>
      <c r="T3056" s="98" t="s">
        <v>400</v>
      </c>
      <c r="U3056" s="128"/>
      <c r="V3056" s="128"/>
      <c r="W3056" s="128"/>
      <c r="X3056" s="128"/>
      <c r="Y3056" s="128"/>
      <c r="Z3056" s="128"/>
      <c r="AA3056" s="128"/>
      <c r="AB3056" s="128"/>
      <c r="AC3056" s="128"/>
      <c r="AD3056" s="128"/>
      <c r="AE3056" s="128"/>
      <c r="AF3056" s="128"/>
      <c r="AG3056" s="128"/>
      <c r="AH3056" s="128"/>
      <c r="AI3056" s="128"/>
      <c r="AJ3056" s="128"/>
      <c r="AK3056" s="128"/>
      <c r="AL3056" s="128"/>
      <c r="AM3056" s="128"/>
      <c r="AN3056" s="128"/>
      <c r="AO3056" s="128"/>
      <c r="AP3056" s="128"/>
      <c r="AQ3056" s="128"/>
      <c r="AR3056" s="128"/>
      <c r="AS3056" s="128"/>
      <c r="AT3056" s="128"/>
      <c r="AU3056" s="128"/>
      <c r="AV3056" s="128"/>
      <c r="AW3056" s="128"/>
      <c r="AX3056" s="128"/>
      <c r="AY3056" s="128"/>
      <c r="AZ3056" s="128"/>
      <c r="BA3056" s="128"/>
      <c r="BB3056" s="107">
        <v>45884</v>
      </c>
    </row>
    <row r="3057" spans="1:54" s="8" customFormat="1" ht="13.95" customHeight="1" x14ac:dyDescent="0.25">
      <c r="A3057" s="219" t="s">
        <v>6981</v>
      </c>
      <c r="B3057" s="220" t="s">
        <v>6395</v>
      </c>
      <c r="C3057" s="98" t="s">
        <v>6982</v>
      </c>
      <c r="D3057" s="98" t="s">
        <v>20780</v>
      </c>
      <c r="E3057" s="141">
        <v>1980</v>
      </c>
      <c r="F3057" s="141">
        <v>607</v>
      </c>
      <c r="G3057" s="98" t="s">
        <v>1</v>
      </c>
      <c r="H3057" s="98">
        <v>0</v>
      </c>
      <c r="I3057" s="98">
        <v>0</v>
      </c>
      <c r="J3057" s="98" t="s">
        <v>400</v>
      </c>
      <c r="K3057" s="98" t="s">
        <v>400</v>
      </c>
      <c r="L3057" s="98" t="s">
        <v>400</v>
      </c>
      <c r="M3057" s="98" t="s">
        <v>400</v>
      </c>
      <c r="N3057" s="98" t="s">
        <v>400</v>
      </c>
      <c r="O3057" s="98" t="s">
        <v>400</v>
      </c>
      <c r="P3057" s="98" t="s">
        <v>400</v>
      </c>
      <c r="Q3057" s="98" t="s">
        <v>400</v>
      </c>
      <c r="R3057" s="98" t="s">
        <v>400</v>
      </c>
      <c r="S3057" s="98" t="s">
        <v>400</v>
      </c>
      <c r="T3057" s="98" t="s">
        <v>400</v>
      </c>
      <c r="U3057" s="128"/>
      <c r="V3057" s="128"/>
      <c r="W3057" s="128"/>
      <c r="X3057" s="128"/>
      <c r="Y3057" s="128"/>
      <c r="Z3057" s="128"/>
      <c r="AA3057" s="128"/>
      <c r="AB3057" s="128"/>
      <c r="AC3057" s="128"/>
      <c r="AD3057" s="128"/>
      <c r="AE3057" s="128"/>
      <c r="AF3057" s="128"/>
      <c r="AG3057" s="128"/>
      <c r="AH3057" s="128"/>
      <c r="AI3057" s="128"/>
      <c r="AJ3057" s="128"/>
      <c r="AK3057" s="128"/>
      <c r="AL3057" s="128"/>
      <c r="AM3057" s="128"/>
      <c r="AN3057" s="128"/>
      <c r="AO3057" s="128"/>
      <c r="AP3057" s="128"/>
      <c r="AQ3057" s="128"/>
      <c r="AR3057" s="128"/>
      <c r="AS3057" s="128"/>
      <c r="AT3057" s="128"/>
      <c r="AU3057" s="128"/>
      <c r="AV3057" s="128"/>
      <c r="AW3057" s="128"/>
      <c r="AX3057" s="128"/>
      <c r="AY3057" s="128"/>
      <c r="AZ3057" s="128"/>
      <c r="BA3057" s="128"/>
      <c r="BB3057" s="107">
        <v>45884</v>
      </c>
    </row>
    <row r="3058" spans="1:54" s="8" customFormat="1" ht="13.95" customHeight="1" x14ac:dyDescent="0.25">
      <c r="A3058" s="219" t="s">
        <v>6983</v>
      </c>
      <c r="B3058" s="220" t="s">
        <v>6395</v>
      </c>
      <c r="C3058" s="98" t="s">
        <v>6984</v>
      </c>
      <c r="D3058" s="98" t="s">
        <v>20781</v>
      </c>
      <c r="E3058" s="141">
        <v>1996</v>
      </c>
      <c r="F3058" s="141">
        <v>608</v>
      </c>
      <c r="G3058" s="98" t="s">
        <v>1</v>
      </c>
      <c r="H3058" s="98">
        <v>0</v>
      </c>
      <c r="I3058" s="98">
        <v>0</v>
      </c>
      <c r="J3058" s="98" t="s">
        <v>400</v>
      </c>
      <c r="K3058" s="98" t="s">
        <v>400</v>
      </c>
      <c r="L3058" s="98" t="s">
        <v>400</v>
      </c>
      <c r="M3058" s="98" t="s">
        <v>400</v>
      </c>
      <c r="N3058" s="98" t="s">
        <v>400</v>
      </c>
      <c r="O3058" s="98" t="s">
        <v>400</v>
      </c>
      <c r="P3058" s="98" t="s">
        <v>400</v>
      </c>
      <c r="Q3058" s="98" t="s">
        <v>400</v>
      </c>
      <c r="R3058" s="98" t="s">
        <v>400</v>
      </c>
      <c r="S3058" s="98" t="s">
        <v>400</v>
      </c>
      <c r="T3058" s="98" t="s">
        <v>400</v>
      </c>
      <c r="U3058" s="128"/>
      <c r="V3058" s="128"/>
      <c r="W3058" s="128"/>
      <c r="X3058" s="128"/>
      <c r="Y3058" s="128"/>
      <c r="Z3058" s="128"/>
      <c r="AA3058" s="128"/>
      <c r="AB3058" s="128"/>
      <c r="AC3058" s="128"/>
      <c r="AD3058" s="128"/>
      <c r="AE3058" s="128"/>
      <c r="AF3058" s="128"/>
      <c r="AG3058" s="128"/>
      <c r="AH3058" s="128"/>
      <c r="AI3058" s="128"/>
      <c r="AJ3058" s="128"/>
      <c r="AK3058" s="128"/>
      <c r="AL3058" s="128"/>
      <c r="AM3058" s="128"/>
      <c r="AN3058" s="128"/>
      <c r="AO3058" s="128"/>
      <c r="AP3058" s="128"/>
      <c r="AQ3058" s="128"/>
      <c r="AR3058" s="128"/>
      <c r="AS3058" s="128"/>
      <c r="AT3058" s="128"/>
      <c r="AU3058" s="128"/>
      <c r="AV3058" s="128"/>
      <c r="AW3058" s="128"/>
      <c r="AX3058" s="128"/>
      <c r="AY3058" s="128"/>
      <c r="AZ3058" s="128"/>
      <c r="BA3058" s="128"/>
      <c r="BB3058" s="107">
        <v>45884</v>
      </c>
    </row>
    <row r="3059" spans="1:54" s="8" customFormat="1" ht="13.95" customHeight="1" x14ac:dyDescent="0.25">
      <c r="A3059" s="219" t="s">
        <v>6985</v>
      </c>
      <c r="B3059" s="220" t="s">
        <v>6395</v>
      </c>
      <c r="C3059" s="98" t="s">
        <v>6986</v>
      </c>
      <c r="D3059" s="98" t="s">
        <v>20782</v>
      </c>
      <c r="E3059" s="141">
        <v>1979</v>
      </c>
      <c r="F3059" s="141">
        <v>609</v>
      </c>
      <c r="G3059" s="98" t="s">
        <v>1</v>
      </c>
      <c r="H3059" s="98">
        <v>0</v>
      </c>
      <c r="I3059" s="98">
        <v>0</v>
      </c>
      <c r="J3059" s="98" t="s">
        <v>400</v>
      </c>
      <c r="K3059" s="98" t="s">
        <v>400</v>
      </c>
      <c r="L3059" s="98" t="s">
        <v>400</v>
      </c>
      <c r="M3059" s="98" t="s">
        <v>400</v>
      </c>
      <c r="N3059" s="98" t="s">
        <v>400</v>
      </c>
      <c r="O3059" s="98" t="s">
        <v>400</v>
      </c>
      <c r="P3059" s="98" t="s">
        <v>400</v>
      </c>
      <c r="Q3059" s="98" t="s">
        <v>400</v>
      </c>
      <c r="R3059" s="98" t="s">
        <v>400</v>
      </c>
      <c r="S3059" s="98" t="s">
        <v>400</v>
      </c>
      <c r="T3059" s="98" t="s">
        <v>400</v>
      </c>
      <c r="U3059" s="128"/>
      <c r="V3059" s="128"/>
      <c r="W3059" s="128"/>
      <c r="X3059" s="128"/>
      <c r="Y3059" s="128"/>
      <c r="Z3059" s="128"/>
      <c r="AA3059" s="128"/>
      <c r="AB3059" s="128"/>
      <c r="AC3059" s="128"/>
      <c r="AD3059" s="128"/>
      <c r="AE3059" s="128"/>
      <c r="AF3059" s="128"/>
      <c r="AG3059" s="128"/>
      <c r="AH3059" s="128"/>
      <c r="AI3059" s="128"/>
      <c r="AJ3059" s="128"/>
      <c r="AK3059" s="128"/>
      <c r="AL3059" s="128"/>
      <c r="AM3059" s="128"/>
      <c r="AN3059" s="128"/>
      <c r="AO3059" s="128"/>
      <c r="AP3059" s="128"/>
      <c r="AQ3059" s="128"/>
      <c r="AR3059" s="128"/>
      <c r="AS3059" s="128"/>
      <c r="AT3059" s="128"/>
      <c r="AU3059" s="128"/>
      <c r="AV3059" s="128"/>
      <c r="AW3059" s="128"/>
      <c r="AX3059" s="128"/>
      <c r="AY3059" s="128"/>
      <c r="AZ3059" s="128"/>
      <c r="BA3059" s="128"/>
      <c r="BB3059" s="107">
        <v>45884</v>
      </c>
    </row>
    <row r="3060" spans="1:54" s="8" customFormat="1" ht="13.95" customHeight="1" x14ac:dyDescent="0.25">
      <c r="A3060" s="219" t="s">
        <v>6987</v>
      </c>
      <c r="B3060" s="220" t="s">
        <v>6395</v>
      </c>
      <c r="C3060" s="98" t="s">
        <v>6988</v>
      </c>
      <c r="D3060" s="98" t="s">
        <v>20783</v>
      </c>
      <c r="E3060" s="141">
        <v>1964</v>
      </c>
      <c r="F3060" s="141">
        <v>609</v>
      </c>
      <c r="G3060" s="98" t="s">
        <v>1</v>
      </c>
      <c r="H3060" s="98">
        <v>0</v>
      </c>
      <c r="I3060" s="98">
        <v>0</v>
      </c>
      <c r="J3060" s="98" t="s">
        <v>400</v>
      </c>
      <c r="K3060" s="98" t="s">
        <v>400</v>
      </c>
      <c r="L3060" s="98" t="s">
        <v>400</v>
      </c>
      <c r="M3060" s="98" t="s">
        <v>400</v>
      </c>
      <c r="N3060" s="98" t="s">
        <v>400</v>
      </c>
      <c r="O3060" s="98" t="s">
        <v>400</v>
      </c>
      <c r="P3060" s="98" t="s">
        <v>400</v>
      </c>
      <c r="Q3060" s="98" t="s">
        <v>400</v>
      </c>
      <c r="R3060" s="98" t="s">
        <v>400</v>
      </c>
      <c r="S3060" s="98" t="s">
        <v>400</v>
      </c>
      <c r="T3060" s="98" t="s">
        <v>400</v>
      </c>
      <c r="U3060" s="128"/>
      <c r="V3060" s="128"/>
      <c r="W3060" s="128"/>
      <c r="X3060" s="128"/>
      <c r="Y3060" s="128"/>
      <c r="Z3060" s="128"/>
      <c r="AA3060" s="128"/>
      <c r="AB3060" s="128"/>
      <c r="AC3060" s="128"/>
      <c r="AD3060" s="128"/>
      <c r="AE3060" s="128"/>
      <c r="AF3060" s="128"/>
      <c r="AG3060" s="128"/>
      <c r="AH3060" s="128"/>
      <c r="AI3060" s="128"/>
      <c r="AJ3060" s="128"/>
      <c r="AK3060" s="128"/>
      <c r="AL3060" s="128"/>
      <c r="AM3060" s="128"/>
      <c r="AN3060" s="128"/>
      <c r="AO3060" s="128"/>
      <c r="AP3060" s="128"/>
      <c r="AQ3060" s="128"/>
      <c r="AR3060" s="128"/>
      <c r="AS3060" s="128"/>
      <c r="AT3060" s="128"/>
      <c r="AU3060" s="128"/>
      <c r="AV3060" s="128"/>
      <c r="AW3060" s="128"/>
      <c r="AX3060" s="128"/>
      <c r="AY3060" s="128"/>
      <c r="AZ3060" s="128"/>
      <c r="BA3060" s="128"/>
      <c r="BB3060" s="107">
        <v>45884</v>
      </c>
    </row>
    <row r="3061" spans="1:54" s="8" customFormat="1" ht="13.95" customHeight="1" x14ac:dyDescent="0.25">
      <c r="A3061" s="219" t="s">
        <v>6989</v>
      </c>
      <c r="B3061" s="220" t="s">
        <v>6395</v>
      </c>
      <c r="C3061" s="98" t="s">
        <v>6990</v>
      </c>
      <c r="D3061" s="98" t="s">
        <v>20784</v>
      </c>
      <c r="E3061" s="141">
        <v>1999</v>
      </c>
      <c r="F3061" s="141">
        <v>616</v>
      </c>
      <c r="G3061" s="98" t="s">
        <v>1</v>
      </c>
      <c r="H3061" s="98">
        <v>0</v>
      </c>
      <c r="I3061" s="98">
        <v>0</v>
      </c>
      <c r="J3061" s="98" t="s">
        <v>400</v>
      </c>
      <c r="K3061" s="98" t="s">
        <v>400</v>
      </c>
      <c r="L3061" s="98" t="s">
        <v>400</v>
      </c>
      <c r="M3061" s="98" t="s">
        <v>400</v>
      </c>
      <c r="N3061" s="98" t="s">
        <v>400</v>
      </c>
      <c r="O3061" s="98" t="s">
        <v>400</v>
      </c>
      <c r="P3061" s="98" t="s">
        <v>400</v>
      </c>
      <c r="Q3061" s="98" t="s">
        <v>400</v>
      </c>
      <c r="R3061" s="98" t="s">
        <v>400</v>
      </c>
      <c r="S3061" s="98" t="s">
        <v>400</v>
      </c>
      <c r="T3061" s="98" t="s">
        <v>400</v>
      </c>
      <c r="U3061" s="128"/>
      <c r="V3061" s="128"/>
      <c r="W3061" s="128"/>
      <c r="X3061" s="128"/>
      <c r="Y3061" s="128"/>
      <c r="Z3061" s="128"/>
      <c r="AA3061" s="128"/>
      <c r="AB3061" s="128"/>
      <c r="AC3061" s="128"/>
      <c r="AD3061" s="128"/>
      <c r="AE3061" s="128"/>
      <c r="AF3061" s="128"/>
      <c r="AG3061" s="128"/>
      <c r="AH3061" s="128"/>
      <c r="AI3061" s="128"/>
      <c r="AJ3061" s="128"/>
      <c r="AK3061" s="128"/>
      <c r="AL3061" s="128"/>
      <c r="AM3061" s="128"/>
      <c r="AN3061" s="128"/>
      <c r="AO3061" s="128"/>
      <c r="AP3061" s="128"/>
      <c r="AQ3061" s="128"/>
      <c r="AR3061" s="128"/>
      <c r="AS3061" s="128"/>
      <c r="AT3061" s="128"/>
      <c r="AU3061" s="128"/>
      <c r="AV3061" s="128"/>
      <c r="AW3061" s="128"/>
      <c r="AX3061" s="128"/>
      <c r="AY3061" s="128"/>
      <c r="AZ3061" s="128"/>
      <c r="BA3061" s="128"/>
      <c r="BB3061" s="107">
        <v>45884</v>
      </c>
    </row>
    <row r="3062" spans="1:54" s="8" customFormat="1" ht="13.95" customHeight="1" x14ac:dyDescent="0.25">
      <c r="A3062" s="219" t="s">
        <v>6991</v>
      </c>
      <c r="B3062" s="220" t="s">
        <v>6395</v>
      </c>
      <c r="C3062" s="98" t="s">
        <v>6992</v>
      </c>
      <c r="D3062" s="98" t="s">
        <v>20785</v>
      </c>
      <c r="E3062" s="141">
        <v>1984</v>
      </c>
      <c r="F3062" s="141">
        <v>619</v>
      </c>
      <c r="G3062" s="98" t="s">
        <v>1</v>
      </c>
      <c r="H3062" s="98">
        <v>0</v>
      </c>
      <c r="I3062" s="98">
        <v>0</v>
      </c>
      <c r="J3062" s="98" t="s">
        <v>400</v>
      </c>
      <c r="K3062" s="98" t="s">
        <v>400</v>
      </c>
      <c r="L3062" s="98" t="s">
        <v>400</v>
      </c>
      <c r="M3062" s="98" t="s">
        <v>400</v>
      </c>
      <c r="N3062" s="98" t="s">
        <v>400</v>
      </c>
      <c r="O3062" s="98" t="s">
        <v>400</v>
      </c>
      <c r="P3062" s="98" t="s">
        <v>400</v>
      </c>
      <c r="Q3062" s="98" t="s">
        <v>400</v>
      </c>
      <c r="R3062" s="98" t="s">
        <v>400</v>
      </c>
      <c r="S3062" s="98" t="s">
        <v>400</v>
      </c>
      <c r="T3062" s="98" t="s">
        <v>400</v>
      </c>
      <c r="U3062" s="128"/>
      <c r="V3062" s="128"/>
      <c r="W3062" s="128"/>
      <c r="X3062" s="128"/>
      <c r="Y3062" s="128"/>
      <c r="Z3062" s="128"/>
      <c r="AA3062" s="128"/>
      <c r="AB3062" s="128"/>
      <c r="AC3062" s="128"/>
      <c r="AD3062" s="128"/>
      <c r="AE3062" s="128"/>
      <c r="AF3062" s="128"/>
      <c r="AG3062" s="128"/>
      <c r="AH3062" s="128"/>
      <c r="AI3062" s="128"/>
      <c r="AJ3062" s="128"/>
      <c r="AK3062" s="128"/>
      <c r="AL3062" s="128"/>
      <c r="AM3062" s="128"/>
      <c r="AN3062" s="128"/>
      <c r="AO3062" s="128"/>
      <c r="AP3062" s="128"/>
      <c r="AQ3062" s="128"/>
      <c r="AR3062" s="128"/>
      <c r="AS3062" s="128"/>
      <c r="AT3062" s="128"/>
      <c r="AU3062" s="128"/>
      <c r="AV3062" s="128"/>
      <c r="AW3062" s="128"/>
      <c r="AX3062" s="128"/>
      <c r="AY3062" s="128"/>
      <c r="AZ3062" s="128"/>
      <c r="BA3062" s="128"/>
      <c r="BB3062" s="107">
        <v>45884</v>
      </c>
    </row>
    <row r="3063" spans="1:54" s="8" customFormat="1" ht="13.95" customHeight="1" x14ac:dyDescent="0.25">
      <c r="A3063" s="219" t="s">
        <v>6993</v>
      </c>
      <c r="B3063" s="220" t="s">
        <v>6395</v>
      </c>
      <c r="C3063" s="98" t="s">
        <v>6994</v>
      </c>
      <c r="D3063" s="98" t="s">
        <v>20786</v>
      </c>
      <c r="E3063" s="141">
        <v>1966</v>
      </c>
      <c r="F3063" s="141">
        <v>620</v>
      </c>
      <c r="G3063" s="98" t="s">
        <v>1</v>
      </c>
      <c r="H3063" s="98">
        <v>0</v>
      </c>
      <c r="I3063" s="98">
        <v>0</v>
      </c>
      <c r="J3063" s="98" t="s">
        <v>400</v>
      </c>
      <c r="K3063" s="98" t="s">
        <v>400</v>
      </c>
      <c r="L3063" s="98" t="s">
        <v>400</v>
      </c>
      <c r="M3063" s="98" t="s">
        <v>400</v>
      </c>
      <c r="N3063" s="98" t="s">
        <v>400</v>
      </c>
      <c r="O3063" s="98" t="s">
        <v>400</v>
      </c>
      <c r="P3063" s="98" t="s">
        <v>400</v>
      </c>
      <c r="Q3063" s="98" t="s">
        <v>400</v>
      </c>
      <c r="R3063" s="98" t="s">
        <v>400</v>
      </c>
      <c r="S3063" s="98" t="s">
        <v>400</v>
      </c>
      <c r="T3063" s="98" t="s">
        <v>400</v>
      </c>
      <c r="U3063" s="128"/>
      <c r="V3063" s="128"/>
      <c r="W3063" s="128"/>
      <c r="X3063" s="128"/>
      <c r="Y3063" s="128"/>
      <c r="Z3063" s="128"/>
      <c r="AA3063" s="128"/>
      <c r="AB3063" s="128"/>
      <c r="AC3063" s="128"/>
      <c r="AD3063" s="128"/>
      <c r="AE3063" s="128"/>
      <c r="AF3063" s="128"/>
      <c r="AG3063" s="128"/>
      <c r="AH3063" s="128"/>
      <c r="AI3063" s="128"/>
      <c r="AJ3063" s="128"/>
      <c r="AK3063" s="128"/>
      <c r="AL3063" s="128"/>
      <c r="AM3063" s="128"/>
      <c r="AN3063" s="128"/>
      <c r="AO3063" s="128"/>
      <c r="AP3063" s="128"/>
      <c r="AQ3063" s="128"/>
      <c r="AR3063" s="128"/>
      <c r="AS3063" s="128"/>
      <c r="AT3063" s="128"/>
      <c r="AU3063" s="128"/>
      <c r="AV3063" s="128"/>
      <c r="AW3063" s="128"/>
      <c r="AX3063" s="128"/>
      <c r="AY3063" s="128"/>
      <c r="AZ3063" s="128"/>
      <c r="BA3063" s="128"/>
      <c r="BB3063" s="107">
        <v>45884</v>
      </c>
    </row>
    <row r="3064" spans="1:54" s="8" customFormat="1" ht="13.95" customHeight="1" x14ac:dyDescent="0.25">
      <c r="A3064" s="219" t="s">
        <v>6995</v>
      </c>
      <c r="B3064" s="220" t="s">
        <v>6395</v>
      </c>
      <c r="C3064" s="98" t="s">
        <v>6996</v>
      </c>
      <c r="D3064" s="98" t="s">
        <v>20787</v>
      </c>
      <c r="E3064" s="141">
        <v>1973</v>
      </c>
      <c r="F3064" s="141">
        <v>620</v>
      </c>
      <c r="G3064" s="98" t="s">
        <v>1</v>
      </c>
      <c r="H3064" s="98">
        <v>0</v>
      </c>
      <c r="I3064" s="98">
        <v>0</v>
      </c>
      <c r="J3064" s="98" t="s">
        <v>400</v>
      </c>
      <c r="K3064" s="98" t="s">
        <v>400</v>
      </c>
      <c r="L3064" s="98" t="s">
        <v>400</v>
      </c>
      <c r="M3064" s="98" t="s">
        <v>400</v>
      </c>
      <c r="N3064" s="98" t="s">
        <v>400</v>
      </c>
      <c r="O3064" s="98" t="s">
        <v>400</v>
      </c>
      <c r="P3064" s="98" t="s">
        <v>400</v>
      </c>
      <c r="Q3064" s="98" t="s">
        <v>400</v>
      </c>
      <c r="R3064" s="98" t="s">
        <v>400</v>
      </c>
      <c r="S3064" s="98" t="s">
        <v>400</v>
      </c>
      <c r="T3064" s="98" t="s">
        <v>400</v>
      </c>
      <c r="U3064" s="128"/>
      <c r="V3064" s="128"/>
      <c r="W3064" s="128"/>
      <c r="X3064" s="128"/>
      <c r="Y3064" s="128"/>
      <c r="Z3064" s="128"/>
      <c r="AA3064" s="128"/>
      <c r="AB3064" s="128"/>
      <c r="AC3064" s="128"/>
      <c r="AD3064" s="128"/>
      <c r="AE3064" s="128"/>
      <c r="AF3064" s="128"/>
      <c r="AG3064" s="128"/>
      <c r="AH3064" s="128"/>
      <c r="AI3064" s="128"/>
      <c r="AJ3064" s="128"/>
      <c r="AK3064" s="128"/>
      <c r="AL3064" s="128"/>
      <c r="AM3064" s="128"/>
      <c r="AN3064" s="128"/>
      <c r="AO3064" s="128"/>
      <c r="AP3064" s="128"/>
      <c r="AQ3064" s="128"/>
      <c r="AR3064" s="128"/>
      <c r="AS3064" s="128"/>
      <c r="AT3064" s="128"/>
      <c r="AU3064" s="128"/>
      <c r="AV3064" s="128"/>
      <c r="AW3064" s="128"/>
      <c r="AX3064" s="128"/>
      <c r="AY3064" s="128"/>
      <c r="AZ3064" s="128"/>
      <c r="BA3064" s="128"/>
      <c r="BB3064" s="107">
        <v>45884</v>
      </c>
    </row>
    <row r="3065" spans="1:54" s="8" customFormat="1" ht="13.95" customHeight="1" x14ac:dyDescent="0.25">
      <c r="A3065" s="219" t="s">
        <v>6997</v>
      </c>
      <c r="B3065" s="220" t="s">
        <v>6395</v>
      </c>
      <c r="C3065" s="98" t="s">
        <v>6998</v>
      </c>
      <c r="D3065" s="98" t="s">
        <v>20788</v>
      </c>
      <c r="E3065" s="141">
        <v>1979</v>
      </c>
      <c r="F3065" s="141">
        <v>624</v>
      </c>
      <c r="G3065" s="98" t="s">
        <v>1</v>
      </c>
      <c r="H3065" s="98">
        <v>0</v>
      </c>
      <c r="I3065" s="98">
        <v>0</v>
      </c>
      <c r="J3065" s="98" t="s">
        <v>400</v>
      </c>
      <c r="K3065" s="98" t="s">
        <v>400</v>
      </c>
      <c r="L3065" s="98" t="s">
        <v>400</v>
      </c>
      <c r="M3065" s="98" t="s">
        <v>400</v>
      </c>
      <c r="N3065" s="98" t="s">
        <v>400</v>
      </c>
      <c r="O3065" s="98" t="s">
        <v>400</v>
      </c>
      <c r="P3065" s="98" t="s">
        <v>400</v>
      </c>
      <c r="Q3065" s="98" t="s">
        <v>400</v>
      </c>
      <c r="R3065" s="98" t="s">
        <v>400</v>
      </c>
      <c r="S3065" s="98" t="s">
        <v>400</v>
      </c>
      <c r="T3065" s="98" t="s">
        <v>400</v>
      </c>
      <c r="U3065" s="128"/>
      <c r="V3065" s="128"/>
      <c r="W3065" s="128"/>
      <c r="X3065" s="128"/>
      <c r="Y3065" s="128"/>
      <c r="Z3065" s="128"/>
      <c r="AA3065" s="128"/>
      <c r="AB3065" s="128"/>
      <c r="AC3065" s="128"/>
      <c r="AD3065" s="128"/>
      <c r="AE3065" s="128"/>
      <c r="AF3065" s="128"/>
      <c r="AG3065" s="128"/>
      <c r="AH3065" s="128"/>
      <c r="AI3065" s="128"/>
      <c r="AJ3065" s="128"/>
      <c r="AK3065" s="128"/>
      <c r="AL3065" s="128"/>
      <c r="AM3065" s="128"/>
      <c r="AN3065" s="128"/>
      <c r="AO3065" s="128"/>
      <c r="AP3065" s="128"/>
      <c r="AQ3065" s="128"/>
      <c r="AR3065" s="128"/>
      <c r="AS3065" s="128"/>
      <c r="AT3065" s="128"/>
      <c r="AU3065" s="128"/>
      <c r="AV3065" s="128"/>
      <c r="AW3065" s="128"/>
      <c r="AX3065" s="128"/>
      <c r="AY3065" s="128"/>
      <c r="AZ3065" s="128"/>
      <c r="BA3065" s="128"/>
      <c r="BB3065" s="107">
        <v>45884</v>
      </c>
    </row>
    <row r="3066" spans="1:54" s="8" customFormat="1" ht="13.95" customHeight="1" x14ac:dyDescent="0.25">
      <c r="A3066" s="219" t="s">
        <v>6999</v>
      </c>
      <c r="B3066" s="220" t="s">
        <v>6395</v>
      </c>
      <c r="C3066" s="98" t="s">
        <v>7000</v>
      </c>
      <c r="D3066" s="98" t="s">
        <v>20789</v>
      </c>
      <c r="E3066" s="141">
        <v>1983</v>
      </c>
      <c r="F3066" s="141">
        <v>625</v>
      </c>
      <c r="G3066" s="98" t="s">
        <v>1</v>
      </c>
      <c r="H3066" s="98">
        <v>0</v>
      </c>
      <c r="I3066" s="98">
        <v>0</v>
      </c>
      <c r="J3066" s="98" t="s">
        <v>400</v>
      </c>
      <c r="K3066" s="98" t="s">
        <v>400</v>
      </c>
      <c r="L3066" s="98" t="s">
        <v>400</v>
      </c>
      <c r="M3066" s="98" t="s">
        <v>400</v>
      </c>
      <c r="N3066" s="98" t="s">
        <v>400</v>
      </c>
      <c r="O3066" s="98" t="s">
        <v>400</v>
      </c>
      <c r="P3066" s="98" t="s">
        <v>400</v>
      </c>
      <c r="Q3066" s="98" t="s">
        <v>400</v>
      </c>
      <c r="R3066" s="98" t="s">
        <v>400</v>
      </c>
      <c r="S3066" s="98" t="s">
        <v>400</v>
      </c>
      <c r="T3066" s="98" t="s">
        <v>400</v>
      </c>
      <c r="U3066" s="128"/>
      <c r="V3066" s="128"/>
      <c r="W3066" s="128"/>
      <c r="X3066" s="128"/>
      <c r="Y3066" s="128"/>
      <c r="Z3066" s="128"/>
      <c r="AA3066" s="128"/>
      <c r="AB3066" s="128"/>
      <c r="AC3066" s="128"/>
      <c r="AD3066" s="128"/>
      <c r="AE3066" s="128"/>
      <c r="AF3066" s="128"/>
      <c r="AG3066" s="128"/>
      <c r="AH3066" s="128"/>
      <c r="AI3066" s="128"/>
      <c r="AJ3066" s="128"/>
      <c r="AK3066" s="128"/>
      <c r="AL3066" s="128"/>
      <c r="AM3066" s="128"/>
      <c r="AN3066" s="128"/>
      <c r="AO3066" s="128"/>
      <c r="AP3066" s="128"/>
      <c r="AQ3066" s="128"/>
      <c r="AR3066" s="128"/>
      <c r="AS3066" s="128"/>
      <c r="AT3066" s="128"/>
      <c r="AU3066" s="128"/>
      <c r="AV3066" s="128"/>
      <c r="AW3066" s="128"/>
      <c r="AX3066" s="128"/>
      <c r="AY3066" s="128"/>
      <c r="AZ3066" s="128"/>
      <c r="BA3066" s="128"/>
      <c r="BB3066" s="107">
        <v>45884</v>
      </c>
    </row>
    <row r="3067" spans="1:54" s="8" customFormat="1" ht="13.95" customHeight="1" x14ac:dyDescent="0.25">
      <c r="A3067" s="219" t="s">
        <v>7001</v>
      </c>
      <c r="B3067" s="220" t="s">
        <v>6395</v>
      </c>
      <c r="C3067" s="98" t="s">
        <v>7002</v>
      </c>
      <c r="D3067" s="98" t="s">
        <v>20790</v>
      </c>
      <c r="E3067" s="141">
        <v>1974</v>
      </c>
      <c r="F3067" s="141">
        <v>630</v>
      </c>
      <c r="G3067" s="98" t="s">
        <v>1</v>
      </c>
      <c r="H3067" s="98">
        <v>0</v>
      </c>
      <c r="I3067" s="98">
        <v>0</v>
      </c>
      <c r="J3067" s="98" t="s">
        <v>400</v>
      </c>
      <c r="K3067" s="98" t="s">
        <v>400</v>
      </c>
      <c r="L3067" s="98" t="s">
        <v>400</v>
      </c>
      <c r="M3067" s="98" t="s">
        <v>400</v>
      </c>
      <c r="N3067" s="98" t="s">
        <v>400</v>
      </c>
      <c r="O3067" s="98" t="s">
        <v>400</v>
      </c>
      <c r="P3067" s="98" t="s">
        <v>400</v>
      </c>
      <c r="Q3067" s="98" t="s">
        <v>400</v>
      </c>
      <c r="R3067" s="98" t="s">
        <v>400</v>
      </c>
      <c r="S3067" s="98" t="s">
        <v>400</v>
      </c>
      <c r="T3067" s="98" t="s">
        <v>400</v>
      </c>
      <c r="U3067" s="128"/>
      <c r="V3067" s="128"/>
      <c r="W3067" s="128"/>
      <c r="X3067" s="128"/>
      <c r="Y3067" s="128"/>
      <c r="Z3067" s="128"/>
      <c r="AA3067" s="128"/>
      <c r="AB3067" s="128"/>
      <c r="AC3067" s="128"/>
      <c r="AD3067" s="128"/>
      <c r="AE3067" s="128"/>
      <c r="AF3067" s="128"/>
      <c r="AG3067" s="128"/>
      <c r="AH3067" s="128"/>
      <c r="AI3067" s="128"/>
      <c r="AJ3067" s="128"/>
      <c r="AK3067" s="128"/>
      <c r="AL3067" s="128"/>
      <c r="AM3067" s="128"/>
      <c r="AN3067" s="128"/>
      <c r="AO3067" s="128"/>
      <c r="AP3067" s="128"/>
      <c r="AQ3067" s="128"/>
      <c r="AR3067" s="128"/>
      <c r="AS3067" s="128"/>
      <c r="AT3067" s="128"/>
      <c r="AU3067" s="128"/>
      <c r="AV3067" s="128"/>
      <c r="AW3067" s="128"/>
      <c r="AX3067" s="128"/>
      <c r="AY3067" s="128"/>
      <c r="AZ3067" s="128"/>
      <c r="BA3067" s="128"/>
      <c r="BB3067" s="107">
        <v>45884</v>
      </c>
    </row>
    <row r="3068" spans="1:54" s="8" customFormat="1" ht="13.95" customHeight="1" x14ac:dyDescent="0.25">
      <c r="A3068" s="219" t="s">
        <v>7003</v>
      </c>
      <c r="B3068" s="220" t="s">
        <v>6395</v>
      </c>
      <c r="C3068" s="98" t="s">
        <v>7004</v>
      </c>
      <c r="D3068" s="98" t="s">
        <v>20791</v>
      </c>
      <c r="E3068" s="141">
        <v>1981</v>
      </c>
      <c r="F3068" s="141">
        <v>637</v>
      </c>
      <c r="G3068" s="98" t="s">
        <v>1</v>
      </c>
      <c r="H3068" s="98">
        <v>0</v>
      </c>
      <c r="I3068" s="98">
        <v>0</v>
      </c>
      <c r="J3068" s="98" t="s">
        <v>400</v>
      </c>
      <c r="K3068" s="98" t="s">
        <v>400</v>
      </c>
      <c r="L3068" s="98" t="s">
        <v>400</v>
      </c>
      <c r="M3068" s="98" t="s">
        <v>400</v>
      </c>
      <c r="N3068" s="98" t="s">
        <v>400</v>
      </c>
      <c r="O3068" s="98" t="s">
        <v>400</v>
      </c>
      <c r="P3068" s="98" t="s">
        <v>400</v>
      </c>
      <c r="Q3068" s="98" t="s">
        <v>400</v>
      </c>
      <c r="R3068" s="98" t="s">
        <v>400</v>
      </c>
      <c r="S3068" s="98" t="s">
        <v>400</v>
      </c>
      <c r="T3068" s="98" t="s">
        <v>400</v>
      </c>
      <c r="U3068" s="128"/>
      <c r="V3068" s="128"/>
      <c r="W3068" s="128"/>
      <c r="X3068" s="128"/>
      <c r="Y3068" s="128"/>
      <c r="Z3068" s="128"/>
      <c r="AA3068" s="128"/>
      <c r="AB3068" s="128"/>
      <c r="AC3068" s="128"/>
      <c r="AD3068" s="128"/>
      <c r="AE3068" s="128"/>
      <c r="AF3068" s="128"/>
      <c r="AG3068" s="128"/>
      <c r="AH3068" s="128"/>
      <c r="AI3068" s="128"/>
      <c r="AJ3068" s="128"/>
      <c r="AK3068" s="128"/>
      <c r="AL3068" s="128"/>
      <c r="AM3068" s="128"/>
      <c r="AN3068" s="128"/>
      <c r="AO3068" s="128"/>
      <c r="AP3068" s="128"/>
      <c r="AQ3068" s="128"/>
      <c r="AR3068" s="128"/>
      <c r="AS3068" s="128"/>
      <c r="AT3068" s="128"/>
      <c r="AU3068" s="128"/>
      <c r="AV3068" s="128"/>
      <c r="AW3068" s="128"/>
      <c r="AX3068" s="128"/>
      <c r="AY3068" s="128"/>
      <c r="AZ3068" s="128"/>
      <c r="BA3068" s="128"/>
      <c r="BB3068" s="107">
        <v>45884</v>
      </c>
    </row>
    <row r="3069" spans="1:54" s="8" customFormat="1" ht="13.95" customHeight="1" x14ac:dyDescent="0.25">
      <c r="A3069" s="219" t="s">
        <v>7005</v>
      </c>
      <c r="B3069" s="220" t="s">
        <v>6395</v>
      </c>
      <c r="C3069" s="98" t="s">
        <v>7006</v>
      </c>
      <c r="D3069" s="98" t="s">
        <v>20792</v>
      </c>
      <c r="E3069" s="141">
        <v>2004</v>
      </c>
      <c r="F3069" s="141">
        <v>641</v>
      </c>
      <c r="G3069" s="98" t="s">
        <v>1</v>
      </c>
      <c r="H3069" s="98">
        <v>0</v>
      </c>
      <c r="I3069" s="98">
        <v>0</v>
      </c>
      <c r="J3069" s="98" t="s">
        <v>400</v>
      </c>
      <c r="K3069" s="98" t="s">
        <v>400</v>
      </c>
      <c r="L3069" s="98" t="s">
        <v>400</v>
      </c>
      <c r="M3069" s="98" t="s">
        <v>400</v>
      </c>
      <c r="N3069" s="98" t="s">
        <v>400</v>
      </c>
      <c r="O3069" s="98" t="s">
        <v>400</v>
      </c>
      <c r="P3069" s="98" t="s">
        <v>400</v>
      </c>
      <c r="Q3069" s="98" t="s">
        <v>400</v>
      </c>
      <c r="R3069" s="98" t="s">
        <v>400</v>
      </c>
      <c r="S3069" s="98" t="s">
        <v>400</v>
      </c>
      <c r="T3069" s="98" t="s">
        <v>400</v>
      </c>
      <c r="U3069" s="128"/>
      <c r="V3069" s="128"/>
      <c r="W3069" s="128"/>
      <c r="X3069" s="128"/>
      <c r="Y3069" s="128"/>
      <c r="Z3069" s="128"/>
      <c r="AA3069" s="128"/>
      <c r="AB3069" s="128"/>
      <c r="AC3069" s="128"/>
      <c r="AD3069" s="128"/>
      <c r="AE3069" s="128"/>
      <c r="AF3069" s="128"/>
      <c r="AG3069" s="128"/>
      <c r="AH3069" s="128"/>
      <c r="AI3069" s="128"/>
      <c r="AJ3069" s="128"/>
      <c r="AK3069" s="128"/>
      <c r="AL3069" s="128"/>
      <c r="AM3069" s="128"/>
      <c r="AN3069" s="128"/>
      <c r="AO3069" s="128"/>
      <c r="AP3069" s="128"/>
      <c r="AQ3069" s="128"/>
      <c r="AR3069" s="128"/>
      <c r="AS3069" s="128"/>
      <c r="AT3069" s="128"/>
      <c r="AU3069" s="128"/>
      <c r="AV3069" s="128"/>
      <c r="AW3069" s="128"/>
      <c r="AX3069" s="128"/>
      <c r="AY3069" s="128"/>
      <c r="AZ3069" s="128"/>
      <c r="BA3069" s="128"/>
      <c r="BB3069" s="107">
        <v>45884</v>
      </c>
    </row>
    <row r="3070" spans="1:54" s="8" customFormat="1" ht="13.95" customHeight="1" x14ac:dyDescent="0.25">
      <c r="A3070" s="219" t="s">
        <v>7007</v>
      </c>
      <c r="B3070" s="220" t="s">
        <v>6395</v>
      </c>
      <c r="C3070" s="98" t="s">
        <v>7008</v>
      </c>
      <c r="D3070" s="98" t="s">
        <v>20793</v>
      </c>
      <c r="E3070" s="141">
        <v>1987</v>
      </c>
      <c r="F3070" s="141">
        <v>644</v>
      </c>
      <c r="G3070" s="98" t="s">
        <v>1</v>
      </c>
      <c r="H3070" s="98">
        <v>0</v>
      </c>
      <c r="I3070" s="98">
        <v>0</v>
      </c>
      <c r="J3070" s="98" t="s">
        <v>400</v>
      </c>
      <c r="K3070" s="98" t="s">
        <v>400</v>
      </c>
      <c r="L3070" s="98" t="s">
        <v>400</v>
      </c>
      <c r="M3070" s="98" t="s">
        <v>400</v>
      </c>
      <c r="N3070" s="98" t="s">
        <v>400</v>
      </c>
      <c r="O3070" s="98" t="s">
        <v>400</v>
      </c>
      <c r="P3070" s="98" t="s">
        <v>400</v>
      </c>
      <c r="Q3070" s="98" t="s">
        <v>400</v>
      </c>
      <c r="R3070" s="98" t="s">
        <v>400</v>
      </c>
      <c r="S3070" s="98" t="s">
        <v>400</v>
      </c>
      <c r="T3070" s="98" t="s">
        <v>400</v>
      </c>
      <c r="U3070" s="128"/>
      <c r="V3070" s="128"/>
      <c r="W3070" s="128"/>
      <c r="X3070" s="128"/>
      <c r="Y3070" s="128"/>
      <c r="Z3070" s="128"/>
      <c r="AA3070" s="128"/>
      <c r="AB3070" s="128"/>
      <c r="AC3070" s="128"/>
      <c r="AD3070" s="128"/>
      <c r="AE3070" s="128"/>
      <c r="AF3070" s="128"/>
      <c r="AG3070" s="128"/>
      <c r="AH3070" s="128"/>
      <c r="AI3070" s="128"/>
      <c r="AJ3070" s="128"/>
      <c r="AK3070" s="128"/>
      <c r="AL3070" s="128"/>
      <c r="AM3070" s="128"/>
      <c r="AN3070" s="128"/>
      <c r="AO3070" s="128"/>
      <c r="AP3070" s="128"/>
      <c r="AQ3070" s="128"/>
      <c r="AR3070" s="128"/>
      <c r="AS3070" s="128"/>
      <c r="AT3070" s="128"/>
      <c r="AU3070" s="128"/>
      <c r="AV3070" s="128"/>
      <c r="AW3070" s="128"/>
      <c r="AX3070" s="128"/>
      <c r="AY3070" s="128"/>
      <c r="AZ3070" s="128"/>
      <c r="BA3070" s="128"/>
      <c r="BB3070" s="107">
        <v>45884</v>
      </c>
    </row>
    <row r="3071" spans="1:54" s="8" customFormat="1" ht="13.95" customHeight="1" x14ac:dyDescent="0.25">
      <c r="A3071" s="219" t="s">
        <v>7009</v>
      </c>
      <c r="B3071" s="220" t="s">
        <v>6395</v>
      </c>
      <c r="C3071" s="98" t="s">
        <v>7010</v>
      </c>
      <c r="D3071" s="98" t="s">
        <v>20794</v>
      </c>
      <c r="E3071" s="141">
        <v>1979</v>
      </c>
      <c r="F3071" s="141">
        <v>645</v>
      </c>
      <c r="G3071" s="98" t="s">
        <v>1</v>
      </c>
      <c r="H3071" s="98">
        <v>0</v>
      </c>
      <c r="I3071" s="98">
        <v>0</v>
      </c>
      <c r="J3071" s="98" t="s">
        <v>400</v>
      </c>
      <c r="K3071" s="98" t="s">
        <v>400</v>
      </c>
      <c r="L3071" s="98" t="s">
        <v>400</v>
      </c>
      <c r="M3071" s="98" t="s">
        <v>400</v>
      </c>
      <c r="N3071" s="98" t="s">
        <v>400</v>
      </c>
      <c r="O3071" s="98" t="s">
        <v>400</v>
      </c>
      <c r="P3071" s="98" t="s">
        <v>400</v>
      </c>
      <c r="Q3071" s="98" t="s">
        <v>400</v>
      </c>
      <c r="R3071" s="98" t="s">
        <v>400</v>
      </c>
      <c r="S3071" s="98" t="s">
        <v>400</v>
      </c>
      <c r="T3071" s="98" t="s">
        <v>400</v>
      </c>
      <c r="U3071" s="128"/>
      <c r="V3071" s="128"/>
      <c r="W3071" s="128"/>
      <c r="X3071" s="128"/>
      <c r="Y3071" s="128"/>
      <c r="Z3071" s="128"/>
      <c r="AA3071" s="128"/>
      <c r="AB3071" s="128"/>
      <c r="AC3071" s="128"/>
      <c r="AD3071" s="128"/>
      <c r="AE3071" s="128"/>
      <c r="AF3071" s="128"/>
      <c r="AG3071" s="128"/>
      <c r="AH3071" s="128"/>
      <c r="AI3071" s="128"/>
      <c r="AJ3071" s="128"/>
      <c r="AK3071" s="128"/>
      <c r="AL3071" s="128"/>
      <c r="AM3071" s="128"/>
      <c r="AN3071" s="128"/>
      <c r="AO3071" s="128"/>
      <c r="AP3071" s="128"/>
      <c r="AQ3071" s="128"/>
      <c r="AR3071" s="128"/>
      <c r="AS3071" s="128"/>
      <c r="AT3071" s="128"/>
      <c r="AU3071" s="128"/>
      <c r="AV3071" s="128"/>
      <c r="AW3071" s="128"/>
      <c r="AX3071" s="128"/>
      <c r="AY3071" s="128"/>
      <c r="AZ3071" s="128"/>
      <c r="BA3071" s="128"/>
      <c r="BB3071" s="107">
        <v>45884</v>
      </c>
    </row>
    <row r="3072" spans="1:54" s="8" customFormat="1" ht="13.95" customHeight="1" x14ac:dyDescent="0.25">
      <c r="A3072" s="219" t="s">
        <v>7011</v>
      </c>
      <c r="B3072" s="220" t="s">
        <v>6395</v>
      </c>
      <c r="C3072" s="98" t="s">
        <v>7012</v>
      </c>
      <c r="D3072" s="98" t="s">
        <v>20795</v>
      </c>
      <c r="E3072" s="141">
        <v>1968</v>
      </c>
      <c r="F3072" s="141">
        <v>645</v>
      </c>
      <c r="G3072" s="98" t="s">
        <v>1</v>
      </c>
      <c r="H3072" s="98">
        <v>0</v>
      </c>
      <c r="I3072" s="98">
        <v>0</v>
      </c>
      <c r="J3072" s="98" t="s">
        <v>400</v>
      </c>
      <c r="K3072" s="98" t="s">
        <v>400</v>
      </c>
      <c r="L3072" s="98" t="s">
        <v>400</v>
      </c>
      <c r="M3072" s="98" t="s">
        <v>400</v>
      </c>
      <c r="N3072" s="98" t="s">
        <v>400</v>
      </c>
      <c r="O3072" s="98" t="s">
        <v>400</v>
      </c>
      <c r="P3072" s="98" t="s">
        <v>400</v>
      </c>
      <c r="Q3072" s="98" t="s">
        <v>400</v>
      </c>
      <c r="R3072" s="98" t="s">
        <v>400</v>
      </c>
      <c r="S3072" s="98" t="s">
        <v>400</v>
      </c>
      <c r="T3072" s="98" t="s">
        <v>400</v>
      </c>
      <c r="U3072" s="128"/>
      <c r="V3072" s="128"/>
      <c r="W3072" s="128"/>
      <c r="X3072" s="128"/>
      <c r="Y3072" s="128"/>
      <c r="Z3072" s="128"/>
      <c r="AA3072" s="128"/>
      <c r="AB3072" s="128"/>
      <c r="AC3072" s="128"/>
      <c r="AD3072" s="128"/>
      <c r="AE3072" s="128"/>
      <c r="AF3072" s="128"/>
      <c r="AG3072" s="128"/>
      <c r="AH3072" s="128"/>
      <c r="AI3072" s="128"/>
      <c r="AJ3072" s="128"/>
      <c r="AK3072" s="128"/>
      <c r="AL3072" s="128"/>
      <c r="AM3072" s="128"/>
      <c r="AN3072" s="128"/>
      <c r="AO3072" s="128"/>
      <c r="AP3072" s="128"/>
      <c r="AQ3072" s="128"/>
      <c r="AR3072" s="128"/>
      <c r="AS3072" s="128"/>
      <c r="AT3072" s="128"/>
      <c r="AU3072" s="128"/>
      <c r="AV3072" s="128"/>
      <c r="AW3072" s="128"/>
      <c r="AX3072" s="128"/>
      <c r="AY3072" s="128"/>
      <c r="AZ3072" s="128"/>
      <c r="BA3072" s="128"/>
      <c r="BB3072" s="107">
        <v>45884</v>
      </c>
    </row>
    <row r="3073" spans="1:54" s="8" customFormat="1" ht="13.95" customHeight="1" x14ac:dyDescent="0.25">
      <c r="A3073" s="219" t="s">
        <v>7013</v>
      </c>
      <c r="B3073" s="220" t="s">
        <v>6395</v>
      </c>
      <c r="C3073" s="98" t="s">
        <v>7014</v>
      </c>
      <c r="D3073" s="98" t="s">
        <v>20796</v>
      </c>
      <c r="E3073" s="141">
        <v>1993</v>
      </c>
      <c r="F3073" s="141">
        <v>647</v>
      </c>
      <c r="G3073" s="98" t="s">
        <v>1</v>
      </c>
      <c r="H3073" s="98">
        <v>0</v>
      </c>
      <c r="I3073" s="98">
        <v>0</v>
      </c>
      <c r="J3073" s="98" t="s">
        <v>400</v>
      </c>
      <c r="K3073" s="98" t="s">
        <v>400</v>
      </c>
      <c r="L3073" s="98" t="s">
        <v>400</v>
      </c>
      <c r="M3073" s="98" t="s">
        <v>400</v>
      </c>
      <c r="N3073" s="98" t="s">
        <v>400</v>
      </c>
      <c r="O3073" s="98" t="s">
        <v>400</v>
      </c>
      <c r="P3073" s="98" t="s">
        <v>400</v>
      </c>
      <c r="Q3073" s="98" t="s">
        <v>400</v>
      </c>
      <c r="R3073" s="98" t="s">
        <v>400</v>
      </c>
      <c r="S3073" s="98" t="s">
        <v>400</v>
      </c>
      <c r="T3073" s="98" t="s">
        <v>400</v>
      </c>
      <c r="U3073" s="128"/>
      <c r="V3073" s="128"/>
      <c r="W3073" s="128"/>
      <c r="X3073" s="128"/>
      <c r="Y3073" s="128"/>
      <c r="Z3073" s="128"/>
      <c r="AA3073" s="128"/>
      <c r="AB3073" s="128"/>
      <c r="AC3073" s="128"/>
      <c r="AD3073" s="128"/>
      <c r="AE3073" s="128"/>
      <c r="AF3073" s="128"/>
      <c r="AG3073" s="128"/>
      <c r="AH3073" s="128"/>
      <c r="AI3073" s="128"/>
      <c r="AJ3073" s="128"/>
      <c r="AK3073" s="128"/>
      <c r="AL3073" s="128"/>
      <c r="AM3073" s="128"/>
      <c r="AN3073" s="128"/>
      <c r="AO3073" s="128"/>
      <c r="AP3073" s="128"/>
      <c r="AQ3073" s="128"/>
      <c r="AR3073" s="128"/>
      <c r="AS3073" s="128"/>
      <c r="AT3073" s="128"/>
      <c r="AU3073" s="128"/>
      <c r="AV3073" s="128"/>
      <c r="AW3073" s="128"/>
      <c r="AX3073" s="128"/>
      <c r="AY3073" s="128"/>
      <c r="AZ3073" s="128"/>
      <c r="BA3073" s="128"/>
      <c r="BB3073" s="107">
        <v>45884</v>
      </c>
    </row>
    <row r="3074" spans="1:54" s="8" customFormat="1" ht="13.95" customHeight="1" x14ac:dyDescent="0.25">
      <c r="A3074" s="219" t="s">
        <v>7015</v>
      </c>
      <c r="B3074" s="220" t="s">
        <v>6395</v>
      </c>
      <c r="C3074" s="98" t="s">
        <v>7016</v>
      </c>
      <c r="D3074" s="98" t="s">
        <v>20797</v>
      </c>
      <c r="E3074" s="141">
        <v>1999</v>
      </c>
      <c r="F3074" s="141">
        <v>649</v>
      </c>
      <c r="G3074" s="98" t="s">
        <v>1</v>
      </c>
      <c r="H3074" s="98">
        <v>0</v>
      </c>
      <c r="I3074" s="98">
        <v>0</v>
      </c>
      <c r="J3074" s="98" t="s">
        <v>400</v>
      </c>
      <c r="K3074" s="98" t="s">
        <v>400</v>
      </c>
      <c r="L3074" s="98" t="s">
        <v>400</v>
      </c>
      <c r="M3074" s="98" t="s">
        <v>400</v>
      </c>
      <c r="N3074" s="98" t="s">
        <v>400</v>
      </c>
      <c r="O3074" s="98" t="s">
        <v>400</v>
      </c>
      <c r="P3074" s="98" t="s">
        <v>400</v>
      </c>
      <c r="Q3074" s="98" t="s">
        <v>400</v>
      </c>
      <c r="R3074" s="98" t="s">
        <v>400</v>
      </c>
      <c r="S3074" s="98" t="s">
        <v>400</v>
      </c>
      <c r="T3074" s="98" t="s">
        <v>400</v>
      </c>
      <c r="U3074" s="128"/>
      <c r="V3074" s="128"/>
      <c r="W3074" s="128"/>
      <c r="X3074" s="128"/>
      <c r="Y3074" s="128"/>
      <c r="Z3074" s="128"/>
      <c r="AA3074" s="128"/>
      <c r="AB3074" s="128"/>
      <c r="AC3074" s="128"/>
      <c r="AD3074" s="128"/>
      <c r="AE3074" s="128"/>
      <c r="AF3074" s="128"/>
      <c r="AG3074" s="128"/>
      <c r="AH3074" s="128"/>
      <c r="AI3074" s="128"/>
      <c r="AJ3074" s="128"/>
      <c r="AK3074" s="128"/>
      <c r="AL3074" s="128"/>
      <c r="AM3074" s="128"/>
      <c r="AN3074" s="128"/>
      <c r="AO3074" s="128"/>
      <c r="AP3074" s="128"/>
      <c r="AQ3074" s="128"/>
      <c r="AR3074" s="128"/>
      <c r="AS3074" s="128"/>
      <c r="AT3074" s="128"/>
      <c r="AU3074" s="128"/>
      <c r="AV3074" s="128"/>
      <c r="AW3074" s="128"/>
      <c r="AX3074" s="128"/>
      <c r="AY3074" s="128"/>
      <c r="AZ3074" s="128"/>
      <c r="BA3074" s="128"/>
      <c r="BB3074" s="107">
        <v>45884</v>
      </c>
    </row>
    <row r="3075" spans="1:54" s="8" customFormat="1" ht="13.95" customHeight="1" x14ac:dyDescent="0.25">
      <c r="A3075" s="219" t="s">
        <v>7017</v>
      </c>
      <c r="B3075" s="220" t="s">
        <v>6395</v>
      </c>
      <c r="C3075" s="98" t="s">
        <v>7018</v>
      </c>
      <c r="D3075" s="98" t="s">
        <v>20798</v>
      </c>
      <c r="E3075" s="141">
        <v>1996</v>
      </c>
      <c r="F3075" s="141">
        <v>652</v>
      </c>
      <c r="G3075" s="98" t="s">
        <v>1</v>
      </c>
      <c r="H3075" s="98">
        <v>0</v>
      </c>
      <c r="I3075" s="98">
        <v>0</v>
      </c>
      <c r="J3075" s="98" t="s">
        <v>400</v>
      </c>
      <c r="K3075" s="98" t="s">
        <v>400</v>
      </c>
      <c r="L3075" s="98" t="s">
        <v>400</v>
      </c>
      <c r="M3075" s="98" t="s">
        <v>400</v>
      </c>
      <c r="N3075" s="98" t="s">
        <v>400</v>
      </c>
      <c r="O3075" s="98" t="s">
        <v>400</v>
      </c>
      <c r="P3075" s="98" t="s">
        <v>400</v>
      </c>
      <c r="Q3075" s="98" t="s">
        <v>400</v>
      </c>
      <c r="R3075" s="98" t="s">
        <v>400</v>
      </c>
      <c r="S3075" s="98" t="s">
        <v>400</v>
      </c>
      <c r="T3075" s="98" t="s">
        <v>400</v>
      </c>
      <c r="U3075" s="128"/>
      <c r="V3075" s="128"/>
      <c r="W3075" s="128"/>
      <c r="X3075" s="128"/>
      <c r="Y3075" s="128"/>
      <c r="Z3075" s="128"/>
      <c r="AA3075" s="128"/>
      <c r="AB3075" s="128"/>
      <c r="AC3075" s="128"/>
      <c r="AD3075" s="128"/>
      <c r="AE3075" s="128"/>
      <c r="AF3075" s="128"/>
      <c r="AG3075" s="128"/>
      <c r="AH3075" s="128"/>
      <c r="AI3075" s="128"/>
      <c r="AJ3075" s="128"/>
      <c r="AK3075" s="128"/>
      <c r="AL3075" s="128"/>
      <c r="AM3075" s="128"/>
      <c r="AN3075" s="128"/>
      <c r="AO3075" s="128"/>
      <c r="AP3075" s="128"/>
      <c r="AQ3075" s="128"/>
      <c r="AR3075" s="128"/>
      <c r="AS3075" s="128"/>
      <c r="AT3075" s="128"/>
      <c r="AU3075" s="128"/>
      <c r="AV3075" s="128"/>
      <c r="AW3075" s="128"/>
      <c r="AX3075" s="128"/>
      <c r="AY3075" s="128"/>
      <c r="AZ3075" s="128"/>
      <c r="BA3075" s="128"/>
      <c r="BB3075" s="107">
        <v>45884</v>
      </c>
    </row>
    <row r="3076" spans="1:54" s="8" customFormat="1" ht="13.95" customHeight="1" x14ac:dyDescent="0.25">
      <c r="A3076" s="219" t="s">
        <v>7019</v>
      </c>
      <c r="B3076" s="220" t="s">
        <v>6395</v>
      </c>
      <c r="C3076" s="98" t="s">
        <v>7020</v>
      </c>
      <c r="D3076" s="98" t="s">
        <v>20799</v>
      </c>
      <c r="E3076" s="141">
        <v>1979</v>
      </c>
      <c r="F3076" s="141">
        <v>657</v>
      </c>
      <c r="G3076" s="98" t="s">
        <v>1</v>
      </c>
      <c r="H3076" s="98">
        <v>0</v>
      </c>
      <c r="I3076" s="98">
        <v>0</v>
      </c>
      <c r="J3076" s="98" t="s">
        <v>400</v>
      </c>
      <c r="K3076" s="98" t="s">
        <v>400</v>
      </c>
      <c r="L3076" s="98" t="s">
        <v>400</v>
      </c>
      <c r="M3076" s="98" t="s">
        <v>400</v>
      </c>
      <c r="N3076" s="98" t="s">
        <v>400</v>
      </c>
      <c r="O3076" s="98" t="s">
        <v>400</v>
      </c>
      <c r="P3076" s="98" t="s">
        <v>400</v>
      </c>
      <c r="Q3076" s="98" t="s">
        <v>400</v>
      </c>
      <c r="R3076" s="98" t="s">
        <v>400</v>
      </c>
      <c r="S3076" s="98" t="s">
        <v>400</v>
      </c>
      <c r="T3076" s="98" t="s">
        <v>400</v>
      </c>
      <c r="U3076" s="128"/>
      <c r="V3076" s="128"/>
      <c r="W3076" s="128"/>
      <c r="X3076" s="128"/>
      <c r="Y3076" s="128"/>
      <c r="Z3076" s="128"/>
      <c r="AA3076" s="128"/>
      <c r="AB3076" s="128"/>
      <c r="AC3076" s="128"/>
      <c r="AD3076" s="128"/>
      <c r="AE3076" s="128"/>
      <c r="AF3076" s="128"/>
      <c r="AG3076" s="128"/>
      <c r="AH3076" s="128"/>
      <c r="AI3076" s="128"/>
      <c r="AJ3076" s="128"/>
      <c r="AK3076" s="128"/>
      <c r="AL3076" s="128"/>
      <c r="AM3076" s="128"/>
      <c r="AN3076" s="128"/>
      <c r="AO3076" s="128"/>
      <c r="AP3076" s="128"/>
      <c r="AQ3076" s="128"/>
      <c r="AR3076" s="128"/>
      <c r="AS3076" s="128"/>
      <c r="AT3076" s="128"/>
      <c r="AU3076" s="128"/>
      <c r="AV3076" s="128"/>
      <c r="AW3076" s="128"/>
      <c r="AX3076" s="128"/>
      <c r="AY3076" s="128"/>
      <c r="AZ3076" s="128"/>
      <c r="BA3076" s="128"/>
      <c r="BB3076" s="107">
        <v>45884</v>
      </c>
    </row>
    <row r="3077" spans="1:54" s="8" customFormat="1" ht="13.95" customHeight="1" x14ac:dyDescent="0.25">
      <c r="A3077" s="219" t="s">
        <v>7021</v>
      </c>
      <c r="B3077" s="220" t="s">
        <v>6395</v>
      </c>
      <c r="C3077" s="98" t="s">
        <v>7022</v>
      </c>
      <c r="D3077" s="98" t="s">
        <v>20800</v>
      </c>
      <c r="E3077" s="141">
        <v>1979</v>
      </c>
      <c r="F3077" s="141">
        <v>659</v>
      </c>
      <c r="G3077" s="98" t="s">
        <v>1</v>
      </c>
      <c r="H3077" s="98">
        <v>0</v>
      </c>
      <c r="I3077" s="98">
        <v>0</v>
      </c>
      <c r="J3077" s="98" t="s">
        <v>400</v>
      </c>
      <c r="K3077" s="98" t="s">
        <v>400</v>
      </c>
      <c r="L3077" s="98" t="s">
        <v>400</v>
      </c>
      <c r="M3077" s="98" t="s">
        <v>400</v>
      </c>
      <c r="N3077" s="98" t="s">
        <v>400</v>
      </c>
      <c r="O3077" s="98" t="s">
        <v>400</v>
      </c>
      <c r="P3077" s="98" t="s">
        <v>400</v>
      </c>
      <c r="Q3077" s="98" t="s">
        <v>400</v>
      </c>
      <c r="R3077" s="98" t="s">
        <v>400</v>
      </c>
      <c r="S3077" s="98" t="s">
        <v>400</v>
      </c>
      <c r="T3077" s="98" t="s">
        <v>400</v>
      </c>
      <c r="U3077" s="128"/>
      <c r="V3077" s="128"/>
      <c r="W3077" s="128"/>
      <c r="X3077" s="128"/>
      <c r="Y3077" s="128"/>
      <c r="Z3077" s="128"/>
      <c r="AA3077" s="128"/>
      <c r="AB3077" s="128"/>
      <c r="AC3077" s="128"/>
      <c r="AD3077" s="128"/>
      <c r="AE3077" s="128"/>
      <c r="AF3077" s="128"/>
      <c r="AG3077" s="128"/>
      <c r="AH3077" s="128"/>
      <c r="AI3077" s="128"/>
      <c r="AJ3077" s="128"/>
      <c r="AK3077" s="128"/>
      <c r="AL3077" s="128"/>
      <c r="AM3077" s="128"/>
      <c r="AN3077" s="128"/>
      <c r="AO3077" s="128"/>
      <c r="AP3077" s="128"/>
      <c r="AQ3077" s="128"/>
      <c r="AR3077" s="128"/>
      <c r="AS3077" s="128"/>
      <c r="AT3077" s="128"/>
      <c r="AU3077" s="128"/>
      <c r="AV3077" s="128"/>
      <c r="AW3077" s="128"/>
      <c r="AX3077" s="128"/>
      <c r="AY3077" s="128"/>
      <c r="AZ3077" s="128"/>
      <c r="BA3077" s="128"/>
      <c r="BB3077" s="107">
        <v>45884</v>
      </c>
    </row>
    <row r="3078" spans="1:54" s="8" customFormat="1" ht="13.95" customHeight="1" x14ac:dyDescent="0.25">
      <c r="A3078" s="219" t="s">
        <v>7023</v>
      </c>
      <c r="B3078" s="220" t="s">
        <v>6395</v>
      </c>
      <c r="C3078" s="98" t="s">
        <v>7024</v>
      </c>
      <c r="D3078" s="98" t="s">
        <v>20444</v>
      </c>
      <c r="E3078" s="141">
        <v>1999</v>
      </c>
      <c r="F3078" s="141">
        <v>660</v>
      </c>
      <c r="G3078" s="98" t="s">
        <v>1</v>
      </c>
      <c r="H3078" s="98">
        <v>0</v>
      </c>
      <c r="I3078" s="98">
        <v>0</v>
      </c>
      <c r="J3078" s="98" t="s">
        <v>400</v>
      </c>
      <c r="K3078" s="98" t="s">
        <v>400</v>
      </c>
      <c r="L3078" s="98" t="s">
        <v>400</v>
      </c>
      <c r="M3078" s="98" t="s">
        <v>400</v>
      </c>
      <c r="N3078" s="98" t="s">
        <v>400</v>
      </c>
      <c r="O3078" s="98" t="s">
        <v>400</v>
      </c>
      <c r="P3078" s="98" t="s">
        <v>400</v>
      </c>
      <c r="Q3078" s="98" t="s">
        <v>400</v>
      </c>
      <c r="R3078" s="98" t="s">
        <v>400</v>
      </c>
      <c r="S3078" s="98" t="s">
        <v>400</v>
      </c>
      <c r="T3078" s="98" t="s">
        <v>400</v>
      </c>
      <c r="U3078" s="128"/>
      <c r="V3078" s="128"/>
      <c r="W3078" s="128"/>
      <c r="X3078" s="128"/>
      <c r="Y3078" s="128"/>
      <c r="Z3078" s="128"/>
      <c r="AA3078" s="128"/>
      <c r="AB3078" s="128"/>
      <c r="AC3078" s="128"/>
      <c r="AD3078" s="128"/>
      <c r="AE3078" s="128"/>
      <c r="AF3078" s="128"/>
      <c r="AG3078" s="128"/>
      <c r="AH3078" s="128"/>
      <c r="AI3078" s="128"/>
      <c r="AJ3078" s="128"/>
      <c r="AK3078" s="128"/>
      <c r="AL3078" s="128"/>
      <c r="AM3078" s="128"/>
      <c r="AN3078" s="128"/>
      <c r="AO3078" s="128"/>
      <c r="AP3078" s="128"/>
      <c r="AQ3078" s="128"/>
      <c r="AR3078" s="128"/>
      <c r="AS3078" s="128"/>
      <c r="AT3078" s="128"/>
      <c r="AU3078" s="128"/>
      <c r="AV3078" s="128"/>
      <c r="AW3078" s="128"/>
      <c r="AX3078" s="128"/>
      <c r="AY3078" s="128"/>
      <c r="AZ3078" s="128"/>
      <c r="BA3078" s="128"/>
      <c r="BB3078" s="107">
        <v>45884</v>
      </c>
    </row>
    <row r="3079" spans="1:54" s="8" customFormat="1" ht="13.95" customHeight="1" x14ac:dyDescent="0.25">
      <c r="A3079" s="219" t="s">
        <v>7025</v>
      </c>
      <c r="B3079" s="220" t="s">
        <v>6395</v>
      </c>
      <c r="C3079" s="98" t="s">
        <v>7026</v>
      </c>
      <c r="D3079" s="98" t="s">
        <v>20801</v>
      </c>
      <c r="E3079" s="141">
        <v>1984</v>
      </c>
      <c r="F3079" s="141">
        <v>661</v>
      </c>
      <c r="G3079" s="98" t="s">
        <v>1</v>
      </c>
      <c r="H3079" s="98">
        <v>0</v>
      </c>
      <c r="I3079" s="98">
        <v>0</v>
      </c>
      <c r="J3079" s="98" t="s">
        <v>400</v>
      </c>
      <c r="K3079" s="98" t="s">
        <v>400</v>
      </c>
      <c r="L3079" s="98" t="s">
        <v>400</v>
      </c>
      <c r="M3079" s="98" t="s">
        <v>400</v>
      </c>
      <c r="N3079" s="98" t="s">
        <v>400</v>
      </c>
      <c r="O3079" s="98" t="s">
        <v>400</v>
      </c>
      <c r="P3079" s="98" t="s">
        <v>400</v>
      </c>
      <c r="Q3079" s="98" t="s">
        <v>400</v>
      </c>
      <c r="R3079" s="98" t="s">
        <v>400</v>
      </c>
      <c r="S3079" s="98" t="s">
        <v>400</v>
      </c>
      <c r="T3079" s="98" t="s">
        <v>400</v>
      </c>
      <c r="U3079" s="128"/>
      <c r="V3079" s="128"/>
      <c r="W3079" s="128"/>
      <c r="X3079" s="128"/>
      <c r="Y3079" s="128"/>
      <c r="Z3079" s="128"/>
      <c r="AA3079" s="128"/>
      <c r="AB3079" s="128"/>
      <c r="AC3079" s="128"/>
      <c r="AD3079" s="128"/>
      <c r="AE3079" s="128"/>
      <c r="AF3079" s="128"/>
      <c r="AG3079" s="128"/>
      <c r="AH3079" s="128"/>
      <c r="AI3079" s="128"/>
      <c r="AJ3079" s="128"/>
      <c r="AK3079" s="128"/>
      <c r="AL3079" s="128"/>
      <c r="AM3079" s="128"/>
      <c r="AN3079" s="128"/>
      <c r="AO3079" s="128"/>
      <c r="AP3079" s="128"/>
      <c r="AQ3079" s="128"/>
      <c r="AR3079" s="128"/>
      <c r="AS3079" s="128"/>
      <c r="AT3079" s="128"/>
      <c r="AU3079" s="128"/>
      <c r="AV3079" s="128"/>
      <c r="AW3079" s="128"/>
      <c r="AX3079" s="128"/>
      <c r="AY3079" s="128"/>
      <c r="AZ3079" s="128"/>
      <c r="BA3079" s="128"/>
      <c r="BB3079" s="107">
        <v>45884</v>
      </c>
    </row>
    <row r="3080" spans="1:54" s="8" customFormat="1" ht="13.95" customHeight="1" x14ac:dyDescent="0.25">
      <c r="A3080" s="219" t="s">
        <v>7027</v>
      </c>
      <c r="B3080" s="220" t="s">
        <v>6395</v>
      </c>
      <c r="C3080" s="98" t="s">
        <v>7028</v>
      </c>
      <c r="D3080" s="98" t="s">
        <v>20802</v>
      </c>
      <c r="E3080" s="141">
        <v>1997</v>
      </c>
      <c r="F3080" s="141">
        <v>661</v>
      </c>
      <c r="G3080" s="98" t="s">
        <v>1</v>
      </c>
      <c r="H3080" s="98">
        <v>0</v>
      </c>
      <c r="I3080" s="98">
        <v>0</v>
      </c>
      <c r="J3080" s="98" t="s">
        <v>400</v>
      </c>
      <c r="K3080" s="98" t="s">
        <v>400</v>
      </c>
      <c r="L3080" s="98" t="s">
        <v>400</v>
      </c>
      <c r="M3080" s="98" t="s">
        <v>400</v>
      </c>
      <c r="N3080" s="98" t="s">
        <v>400</v>
      </c>
      <c r="O3080" s="98" t="s">
        <v>400</v>
      </c>
      <c r="P3080" s="98" t="s">
        <v>400</v>
      </c>
      <c r="Q3080" s="98" t="s">
        <v>400</v>
      </c>
      <c r="R3080" s="98" t="s">
        <v>400</v>
      </c>
      <c r="S3080" s="98" t="s">
        <v>400</v>
      </c>
      <c r="T3080" s="98" t="s">
        <v>400</v>
      </c>
      <c r="U3080" s="128"/>
      <c r="V3080" s="128"/>
      <c r="W3080" s="128"/>
      <c r="X3080" s="128"/>
      <c r="Y3080" s="128"/>
      <c r="Z3080" s="128"/>
      <c r="AA3080" s="128"/>
      <c r="AB3080" s="128"/>
      <c r="AC3080" s="128"/>
      <c r="AD3080" s="128"/>
      <c r="AE3080" s="128"/>
      <c r="AF3080" s="128"/>
      <c r="AG3080" s="128"/>
      <c r="AH3080" s="128"/>
      <c r="AI3080" s="128"/>
      <c r="AJ3080" s="128"/>
      <c r="AK3080" s="128"/>
      <c r="AL3080" s="128"/>
      <c r="AM3080" s="128"/>
      <c r="AN3080" s="128"/>
      <c r="AO3080" s="128"/>
      <c r="AP3080" s="128"/>
      <c r="AQ3080" s="128"/>
      <c r="AR3080" s="128"/>
      <c r="AS3080" s="128"/>
      <c r="AT3080" s="128"/>
      <c r="AU3080" s="128"/>
      <c r="AV3080" s="128"/>
      <c r="AW3080" s="128"/>
      <c r="AX3080" s="128"/>
      <c r="AY3080" s="128"/>
      <c r="AZ3080" s="128"/>
      <c r="BA3080" s="128"/>
      <c r="BB3080" s="107">
        <v>45884</v>
      </c>
    </row>
    <row r="3081" spans="1:54" s="8" customFormat="1" ht="13.95" customHeight="1" x14ac:dyDescent="0.25">
      <c r="A3081" s="219" t="s">
        <v>7029</v>
      </c>
      <c r="B3081" s="220" t="s">
        <v>6395</v>
      </c>
      <c r="C3081" s="98" t="s">
        <v>7030</v>
      </c>
      <c r="D3081" s="98" t="s">
        <v>20803</v>
      </c>
      <c r="E3081" s="141">
        <v>1985</v>
      </c>
      <c r="F3081" s="141">
        <v>663</v>
      </c>
      <c r="G3081" s="98" t="s">
        <v>1</v>
      </c>
      <c r="H3081" s="98">
        <v>0</v>
      </c>
      <c r="I3081" s="98">
        <v>0</v>
      </c>
      <c r="J3081" s="98" t="s">
        <v>400</v>
      </c>
      <c r="K3081" s="98" t="s">
        <v>400</v>
      </c>
      <c r="L3081" s="98" t="s">
        <v>400</v>
      </c>
      <c r="M3081" s="98" t="s">
        <v>400</v>
      </c>
      <c r="N3081" s="98" t="s">
        <v>400</v>
      </c>
      <c r="O3081" s="98" t="s">
        <v>400</v>
      </c>
      <c r="P3081" s="98" t="s">
        <v>400</v>
      </c>
      <c r="Q3081" s="98" t="s">
        <v>400</v>
      </c>
      <c r="R3081" s="98" t="s">
        <v>400</v>
      </c>
      <c r="S3081" s="98" t="s">
        <v>400</v>
      </c>
      <c r="T3081" s="98" t="s">
        <v>400</v>
      </c>
      <c r="U3081" s="128"/>
      <c r="V3081" s="128"/>
      <c r="W3081" s="128"/>
      <c r="X3081" s="128"/>
      <c r="Y3081" s="128"/>
      <c r="Z3081" s="128"/>
      <c r="AA3081" s="128"/>
      <c r="AB3081" s="128"/>
      <c r="AC3081" s="128"/>
      <c r="AD3081" s="128"/>
      <c r="AE3081" s="128"/>
      <c r="AF3081" s="128"/>
      <c r="AG3081" s="128"/>
      <c r="AH3081" s="128"/>
      <c r="AI3081" s="128"/>
      <c r="AJ3081" s="128"/>
      <c r="AK3081" s="128"/>
      <c r="AL3081" s="128"/>
      <c r="AM3081" s="128"/>
      <c r="AN3081" s="128"/>
      <c r="AO3081" s="128"/>
      <c r="AP3081" s="128"/>
      <c r="AQ3081" s="128"/>
      <c r="AR3081" s="128"/>
      <c r="AS3081" s="128"/>
      <c r="AT3081" s="128"/>
      <c r="AU3081" s="128"/>
      <c r="AV3081" s="128"/>
      <c r="AW3081" s="128"/>
      <c r="AX3081" s="128"/>
      <c r="AY3081" s="128"/>
      <c r="AZ3081" s="128"/>
      <c r="BA3081" s="128"/>
      <c r="BB3081" s="107">
        <v>45884</v>
      </c>
    </row>
    <row r="3082" spans="1:54" s="8" customFormat="1" ht="13.95" customHeight="1" x14ac:dyDescent="0.25">
      <c r="A3082" s="219" t="s">
        <v>7031</v>
      </c>
      <c r="B3082" s="220" t="s">
        <v>6395</v>
      </c>
      <c r="C3082" s="98" t="s">
        <v>7032</v>
      </c>
      <c r="D3082" s="98" t="s">
        <v>20804</v>
      </c>
      <c r="E3082" s="141">
        <v>1992</v>
      </c>
      <c r="F3082" s="141">
        <v>666</v>
      </c>
      <c r="G3082" s="98" t="s">
        <v>1</v>
      </c>
      <c r="H3082" s="98">
        <v>0</v>
      </c>
      <c r="I3082" s="98">
        <v>0</v>
      </c>
      <c r="J3082" s="98" t="s">
        <v>400</v>
      </c>
      <c r="K3082" s="98" t="s">
        <v>400</v>
      </c>
      <c r="L3082" s="98" t="s">
        <v>400</v>
      </c>
      <c r="M3082" s="98" t="s">
        <v>400</v>
      </c>
      <c r="N3082" s="98" t="s">
        <v>400</v>
      </c>
      <c r="O3082" s="98" t="s">
        <v>400</v>
      </c>
      <c r="P3082" s="98" t="s">
        <v>400</v>
      </c>
      <c r="Q3082" s="98" t="s">
        <v>400</v>
      </c>
      <c r="R3082" s="98" t="s">
        <v>400</v>
      </c>
      <c r="S3082" s="98" t="s">
        <v>400</v>
      </c>
      <c r="T3082" s="98" t="s">
        <v>400</v>
      </c>
      <c r="U3082" s="128"/>
      <c r="V3082" s="128"/>
      <c r="W3082" s="128"/>
      <c r="X3082" s="128"/>
      <c r="Y3082" s="128"/>
      <c r="Z3082" s="128"/>
      <c r="AA3082" s="128"/>
      <c r="AB3082" s="128"/>
      <c r="AC3082" s="128"/>
      <c r="AD3082" s="128"/>
      <c r="AE3082" s="128"/>
      <c r="AF3082" s="128"/>
      <c r="AG3082" s="128"/>
      <c r="AH3082" s="128"/>
      <c r="AI3082" s="128"/>
      <c r="AJ3082" s="128"/>
      <c r="AK3082" s="128"/>
      <c r="AL3082" s="128"/>
      <c r="AM3082" s="128"/>
      <c r="AN3082" s="128"/>
      <c r="AO3082" s="128"/>
      <c r="AP3082" s="128"/>
      <c r="AQ3082" s="128"/>
      <c r="AR3082" s="128"/>
      <c r="AS3082" s="128"/>
      <c r="AT3082" s="128"/>
      <c r="AU3082" s="128"/>
      <c r="AV3082" s="128"/>
      <c r="AW3082" s="128"/>
      <c r="AX3082" s="128"/>
      <c r="AY3082" s="128"/>
      <c r="AZ3082" s="128"/>
      <c r="BA3082" s="128"/>
      <c r="BB3082" s="107">
        <v>45884</v>
      </c>
    </row>
    <row r="3083" spans="1:54" s="8" customFormat="1" ht="13.95" customHeight="1" x14ac:dyDescent="0.25">
      <c r="A3083" s="219" t="s">
        <v>7033</v>
      </c>
      <c r="B3083" s="220" t="s">
        <v>6395</v>
      </c>
      <c r="C3083" s="98" t="s">
        <v>7034</v>
      </c>
      <c r="D3083" s="98" t="s">
        <v>20445</v>
      </c>
      <c r="E3083" s="141">
        <v>1990</v>
      </c>
      <c r="F3083" s="141">
        <v>668</v>
      </c>
      <c r="G3083" s="98" t="s">
        <v>1</v>
      </c>
      <c r="H3083" s="98">
        <v>0</v>
      </c>
      <c r="I3083" s="98">
        <v>0</v>
      </c>
      <c r="J3083" s="98" t="s">
        <v>400</v>
      </c>
      <c r="K3083" s="98" t="s">
        <v>400</v>
      </c>
      <c r="L3083" s="98" t="s">
        <v>400</v>
      </c>
      <c r="M3083" s="98" t="s">
        <v>400</v>
      </c>
      <c r="N3083" s="98" t="s">
        <v>400</v>
      </c>
      <c r="O3083" s="98" t="s">
        <v>400</v>
      </c>
      <c r="P3083" s="98" t="s">
        <v>400</v>
      </c>
      <c r="Q3083" s="98" t="s">
        <v>400</v>
      </c>
      <c r="R3083" s="98" t="s">
        <v>400</v>
      </c>
      <c r="S3083" s="98" t="s">
        <v>400</v>
      </c>
      <c r="T3083" s="98" t="s">
        <v>400</v>
      </c>
      <c r="U3083" s="128"/>
      <c r="V3083" s="128"/>
      <c r="W3083" s="128"/>
      <c r="X3083" s="128"/>
      <c r="Y3083" s="128"/>
      <c r="Z3083" s="128"/>
      <c r="AA3083" s="128"/>
      <c r="AB3083" s="128"/>
      <c r="AC3083" s="128"/>
      <c r="AD3083" s="128"/>
      <c r="AE3083" s="128"/>
      <c r="AF3083" s="128"/>
      <c r="AG3083" s="128"/>
      <c r="AH3083" s="128"/>
      <c r="AI3083" s="128"/>
      <c r="AJ3083" s="128"/>
      <c r="AK3083" s="128"/>
      <c r="AL3083" s="128"/>
      <c r="AM3083" s="128"/>
      <c r="AN3083" s="128"/>
      <c r="AO3083" s="128"/>
      <c r="AP3083" s="128"/>
      <c r="AQ3083" s="128"/>
      <c r="AR3083" s="128"/>
      <c r="AS3083" s="128"/>
      <c r="AT3083" s="128"/>
      <c r="AU3083" s="128"/>
      <c r="AV3083" s="128"/>
      <c r="AW3083" s="128"/>
      <c r="AX3083" s="128"/>
      <c r="AY3083" s="128"/>
      <c r="AZ3083" s="128"/>
      <c r="BA3083" s="128"/>
      <c r="BB3083" s="107">
        <v>45884</v>
      </c>
    </row>
    <row r="3084" spans="1:54" s="8" customFormat="1" ht="13.95" customHeight="1" x14ac:dyDescent="0.25">
      <c r="A3084" s="219" t="s">
        <v>7035</v>
      </c>
      <c r="B3084" s="220" t="s">
        <v>6395</v>
      </c>
      <c r="C3084" s="98" t="s">
        <v>7036</v>
      </c>
      <c r="D3084" s="98" t="s">
        <v>20805</v>
      </c>
      <c r="E3084" s="141">
        <v>2007</v>
      </c>
      <c r="F3084" s="141">
        <v>668</v>
      </c>
      <c r="G3084" s="98" t="s">
        <v>1</v>
      </c>
      <c r="H3084" s="98">
        <v>0</v>
      </c>
      <c r="I3084" s="98">
        <v>0</v>
      </c>
      <c r="J3084" s="98" t="s">
        <v>400</v>
      </c>
      <c r="K3084" s="98" t="s">
        <v>400</v>
      </c>
      <c r="L3084" s="98" t="s">
        <v>400</v>
      </c>
      <c r="M3084" s="98" t="s">
        <v>400</v>
      </c>
      <c r="N3084" s="98" t="s">
        <v>400</v>
      </c>
      <c r="O3084" s="98" t="s">
        <v>400</v>
      </c>
      <c r="P3084" s="98" t="s">
        <v>400</v>
      </c>
      <c r="Q3084" s="98" t="s">
        <v>400</v>
      </c>
      <c r="R3084" s="98" t="s">
        <v>400</v>
      </c>
      <c r="S3084" s="98" t="s">
        <v>400</v>
      </c>
      <c r="T3084" s="98" t="s">
        <v>400</v>
      </c>
      <c r="U3084" s="128"/>
      <c r="V3084" s="128"/>
      <c r="W3084" s="128"/>
      <c r="X3084" s="128"/>
      <c r="Y3084" s="128"/>
      <c r="Z3084" s="128"/>
      <c r="AA3084" s="128"/>
      <c r="AB3084" s="128"/>
      <c r="AC3084" s="128"/>
      <c r="AD3084" s="128"/>
      <c r="AE3084" s="128"/>
      <c r="AF3084" s="128"/>
      <c r="AG3084" s="128"/>
      <c r="AH3084" s="128"/>
      <c r="AI3084" s="128"/>
      <c r="AJ3084" s="128"/>
      <c r="AK3084" s="128"/>
      <c r="AL3084" s="128"/>
      <c r="AM3084" s="128"/>
      <c r="AN3084" s="128"/>
      <c r="AO3084" s="128"/>
      <c r="AP3084" s="128"/>
      <c r="AQ3084" s="128"/>
      <c r="AR3084" s="128"/>
      <c r="AS3084" s="128"/>
      <c r="AT3084" s="128"/>
      <c r="AU3084" s="128"/>
      <c r="AV3084" s="128"/>
      <c r="AW3084" s="128"/>
      <c r="AX3084" s="128"/>
      <c r="AY3084" s="128"/>
      <c r="AZ3084" s="128"/>
      <c r="BA3084" s="128"/>
      <c r="BB3084" s="107">
        <v>45884</v>
      </c>
    </row>
    <row r="3085" spans="1:54" s="8" customFormat="1" ht="13.95" customHeight="1" x14ac:dyDescent="0.25">
      <c r="A3085" s="219" t="s">
        <v>7037</v>
      </c>
      <c r="B3085" s="220" t="s">
        <v>6395</v>
      </c>
      <c r="C3085" s="98" t="s">
        <v>7038</v>
      </c>
      <c r="D3085" s="98" t="s">
        <v>20446</v>
      </c>
      <c r="E3085" s="141">
        <v>1983</v>
      </c>
      <c r="F3085" s="141">
        <v>670</v>
      </c>
      <c r="G3085" s="98" t="s">
        <v>1</v>
      </c>
      <c r="H3085" s="98">
        <v>0</v>
      </c>
      <c r="I3085" s="98">
        <v>0</v>
      </c>
      <c r="J3085" s="98" t="s">
        <v>400</v>
      </c>
      <c r="K3085" s="98" t="s">
        <v>400</v>
      </c>
      <c r="L3085" s="98" t="s">
        <v>400</v>
      </c>
      <c r="M3085" s="98" t="s">
        <v>400</v>
      </c>
      <c r="N3085" s="98" t="s">
        <v>400</v>
      </c>
      <c r="O3085" s="98" t="s">
        <v>400</v>
      </c>
      <c r="P3085" s="98" t="s">
        <v>400</v>
      </c>
      <c r="Q3085" s="98" t="s">
        <v>400</v>
      </c>
      <c r="R3085" s="98" t="s">
        <v>400</v>
      </c>
      <c r="S3085" s="98" t="s">
        <v>400</v>
      </c>
      <c r="T3085" s="98" t="s">
        <v>400</v>
      </c>
      <c r="U3085" s="128"/>
      <c r="V3085" s="128"/>
      <c r="W3085" s="128"/>
      <c r="X3085" s="128"/>
      <c r="Y3085" s="128"/>
      <c r="Z3085" s="128"/>
      <c r="AA3085" s="128"/>
      <c r="AB3085" s="128"/>
      <c r="AC3085" s="128"/>
      <c r="AD3085" s="128"/>
      <c r="AE3085" s="128"/>
      <c r="AF3085" s="128"/>
      <c r="AG3085" s="128"/>
      <c r="AH3085" s="128"/>
      <c r="AI3085" s="128"/>
      <c r="AJ3085" s="128"/>
      <c r="AK3085" s="128"/>
      <c r="AL3085" s="128"/>
      <c r="AM3085" s="128"/>
      <c r="AN3085" s="128"/>
      <c r="AO3085" s="128"/>
      <c r="AP3085" s="128"/>
      <c r="AQ3085" s="128"/>
      <c r="AR3085" s="128"/>
      <c r="AS3085" s="128"/>
      <c r="AT3085" s="128"/>
      <c r="AU3085" s="128"/>
      <c r="AV3085" s="128"/>
      <c r="AW3085" s="128"/>
      <c r="AX3085" s="128"/>
      <c r="AY3085" s="128"/>
      <c r="AZ3085" s="128"/>
      <c r="BA3085" s="128"/>
      <c r="BB3085" s="107">
        <v>45884</v>
      </c>
    </row>
    <row r="3086" spans="1:54" s="8" customFormat="1" ht="13.95" customHeight="1" x14ac:dyDescent="0.25">
      <c r="A3086" s="219" t="s">
        <v>7039</v>
      </c>
      <c r="B3086" s="220" t="s">
        <v>6395</v>
      </c>
      <c r="C3086" s="98" t="s">
        <v>20353</v>
      </c>
      <c r="D3086" s="98" t="s">
        <v>20806</v>
      </c>
      <c r="E3086" s="141">
        <v>1966</v>
      </c>
      <c r="F3086" s="141">
        <v>673</v>
      </c>
      <c r="G3086" s="98" t="s">
        <v>1</v>
      </c>
      <c r="H3086" s="98">
        <v>0</v>
      </c>
      <c r="I3086" s="98">
        <v>0</v>
      </c>
      <c r="J3086" s="98" t="s">
        <v>400</v>
      </c>
      <c r="K3086" s="98" t="s">
        <v>400</v>
      </c>
      <c r="L3086" s="98" t="s">
        <v>400</v>
      </c>
      <c r="M3086" s="98" t="s">
        <v>400</v>
      </c>
      <c r="N3086" s="98" t="s">
        <v>400</v>
      </c>
      <c r="O3086" s="98" t="s">
        <v>400</v>
      </c>
      <c r="P3086" s="98" t="s">
        <v>400</v>
      </c>
      <c r="Q3086" s="98" t="s">
        <v>400</v>
      </c>
      <c r="R3086" s="98" t="s">
        <v>400</v>
      </c>
      <c r="S3086" s="98" t="s">
        <v>400</v>
      </c>
      <c r="T3086" s="98" t="s">
        <v>400</v>
      </c>
      <c r="U3086" s="128"/>
      <c r="V3086" s="128"/>
      <c r="W3086" s="128"/>
      <c r="X3086" s="128"/>
      <c r="Y3086" s="128"/>
      <c r="Z3086" s="128"/>
      <c r="AA3086" s="128"/>
      <c r="AB3086" s="128"/>
      <c r="AC3086" s="128"/>
      <c r="AD3086" s="128"/>
      <c r="AE3086" s="128"/>
      <c r="AF3086" s="128"/>
      <c r="AG3086" s="128"/>
      <c r="AH3086" s="128"/>
      <c r="AI3086" s="128"/>
      <c r="AJ3086" s="128"/>
      <c r="AK3086" s="128"/>
      <c r="AL3086" s="128"/>
      <c r="AM3086" s="128"/>
      <c r="AN3086" s="128"/>
      <c r="AO3086" s="128"/>
      <c r="AP3086" s="128"/>
      <c r="AQ3086" s="128"/>
      <c r="AR3086" s="128"/>
      <c r="AS3086" s="128"/>
      <c r="AT3086" s="128"/>
      <c r="AU3086" s="128"/>
      <c r="AV3086" s="128"/>
      <c r="AW3086" s="128"/>
      <c r="AX3086" s="128"/>
      <c r="AY3086" s="128"/>
      <c r="AZ3086" s="128"/>
      <c r="BA3086" s="128"/>
      <c r="BB3086" s="107">
        <v>45884</v>
      </c>
    </row>
    <row r="3087" spans="1:54" s="8" customFormat="1" ht="13.95" customHeight="1" x14ac:dyDescent="0.25">
      <c r="A3087" s="219" t="s">
        <v>7040</v>
      </c>
      <c r="B3087" s="220" t="s">
        <v>6395</v>
      </c>
      <c r="C3087" s="98" t="s">
        <v>7041</v>
      </c>
      <c r="D3087" s="98" t="s">
        <v>21774</v>
      </c>
      <c r="E3087" s="141">
        <v>1988</v>
      </c>
      <c r="F3087" s="141">
        <v>673</v>
      </c>
      <c r="G3087" s="98" t="s">
        <v>1</v>
      </c>
      <c r="H3087" s="98">
        <v>0</v>
      </c>
      <c r="I3087" s="98">
        <v>0</v>
      </c>
      <c r="J3087" s="98" t="s">
        <v>400</v>
      </c>
      <c r="K3087" s="98" t="s">
        <v>400</v>
      </c>
      <c r="L3087" s="98" t="s">
        <v>400</v>
      </c>
      <c r="M3087" s="98" t="s">
        <v>400</v>
      </c>
      <c r="N3087" s="98" t="s">
        <v>400</v>
      </c>
      <c r="O3087" s="98" t="s">
        <v>400</v>
      </c>
      <c r="P3087" s="98" t="s">
        <v>400</v>
      </c>
      <c r="Q3087" s="98" t="s">
        <v>400</v>
      </c>
      <c r="R3087" s="98" t="s">
        <v>400</v>
      </c>
      <c r="S3087" s="98" t="s">
        <v>400</v>
      </c>
      <c r="T3087" s="98" t="s">
        <v>400</v>
      </c>
      <c r="U3087" s="128"/>
      <c r="V3087" s="128"/>
      <c r="W3087" s="128"/>
      <c r="X3087" s="128"/>
      <c r="Y3087" s="128"/>
      <c r="Z3087" s="128"/>
      <c r="AA3087" s="128"/>
      <c r="AB3087" s="128"/>
      <c r="AC3087" s="128"/>
      <c r="AD3087" s="128"/>
      <c r="AE3087" s="128"/>
      <c r="AF3087" s="128"/>
      <c r="AG3087" s="128"/>
      <c r="AH3087" s="128"/>
      <c r="AI3087" s="128"/>
      <c r="AJ3087" s="128"/>
      <c r="AK3087" s="128"/>
      <c r="AL3087" s="128"/>
      <c r="AM3087" s="128"/>
      <c r="AN3087" s="128"/>
      <c r="AO3087" s="128"/>
      <c r="AP3087" s="128"/>
      <c r="AQ3087" s="128"/>
      <c r="AR3087" s="128"/>
      <c r="AS3087" s="128"/>
      <c r="AT3087" s="128"/>
      <c r="AU3087" s="128"/>
      <c r="AV3087" s="128"/>
      <c r="AW3087" s="128"/>
      <c r="AX3087" s="128"/>
      <c r="AY3087" s="128"/>
      <c r="AZ3087" s="128"/>
      <c r="BA3087" s="128"/>
      <c r="BB3087" s="107">
        <v>45884</v>
      </c>
    </row>
    <row r="3088" spans="1:54" s="8" customFormat="1" ht="13.95" customHeight="1" x14ac:dyDescent="0.25">
      <c r="A3088" s="219" t="s">
        <v>7042</v>
      </c>
      <c r="B3088" s="220" t="s">
        <v>6395</v>
      </c>
      <c r="C3088" s="98" t="s">
        <v>7043</v>
      </c>
      <c r="D3088" s="98" t="s">
        <v>20807</v>
      </c>
      <c r="E3088" s="141">
        <v>1971</v>
      </c>
      <c r="F3088" s="141">
        <v>675</v>
      </c>
      <c r="G3088" s="98" t="s">
        <v>1</v>
      </c>
      <c r="H3088" s="98">
        <v>0</v>
      </c>
      <c r="I3088" s="98">
        <v>0</v>
      </c>
      <c r="J3088" s="98" t="s">
        <v>400</v>
      </c>
      <c r="K3088" s="98" t="s">
        <v>400</v>
      </c>
      <c r="L3088" s="98" t="s">
        <v>400</v>
      </c>
      <c r="M3088" s="98" t="s">
        <v>400</v>
      </c>
      <c r="N3088" s="98" t="s">
        <v>400</v>
      </c>
      <c r="O3088" s="98" t="s">
        <v>400</v>
      </c>
      <c r="P3088" s="98" t="s">
        <v>400</v>
      </c>
      <c r="Q3088" s="98" t="s">
        <v>400</v>
      </c>
      <c r="R3088" s="98" t="s">
        <v>400</v>
      </c>
      <c r="S3088" s="98" t="s">
        <v>400</v>
      </c>
      <c r="T3088" s="98" t="s">
        <v>400</v>
      </c>
      <c r="U3088" s="128"/>
      <c r="V3088" s="128"/>
      <c r="W3088" s="128"/>
      <c r="X3088" s="128"/>
      <c r="Y3088" s="128"/>
      <c r="Z3088" s="128"/>
      <c r="AA3088" s="128"/>
      <c r="AB3088" s="128"/>
      <c r="AC3088" s="128"/>
      <c r="AD3088" s="128"/>
      <c r="AE3088" s="128"/>
      <c r="AF3088" s="128"/>
      <c r="AG3088" s="128"/>
      <c r="AH3088" s="128"/>
      <c r="AI3088" s="128"/>
      <c r="AJ3088" s="128"/>
      <c r="AK3088" s="128"/>
      <c r="AL3088" s="128"/>
      <c r="AM3088" s="128"/>
      <c r="AN3088" s="128"/>
      <c r="AO3088" s="128"/>
      <c r="AP3088" s="128"/>
      <c r="AQ3088" s="128"/>
      <c r="AR3088" s="128"/>
      <c r="AS3088" s="128"/>
      <c r="AT3088" s="128"/>
      <c r="AU3088" s="128"/>
      <c r="AV3088" s="128"/>
      <c r="AW3088" s="128"/>
      <c r="AX3088" s="128"/>
      <c r="AY3088" s="128"/>
      <c r="AZ3088" s="128"/>
      <c r="BA3088" s="128"/>
      <c r="BB3088" s="107">
        <v>45884</v>
      </c>
    </row>
    <row r="3089" spans="1:54" s="8" customFormat="1" ht="13.95" customHeight="1" x14ac:dyDescent="0.25">
      <c r="A3089" s="219" t="s">
        <v>7044</v>
      </c>
      <c r="B3089" s="220" t="s">
        <v>6395</v>
      </c>
      <c r="C3089" s="98" t="s">
        <v>7045</v>
      </c>
      <c r="D3089" s="98" t="s">
        <v>20808</v>
      </c>
      <c r="E3089" s="141">
        <v>1979</v>
      </c>
      <c r="F3089" s="141">
        <v>678</v>
      </c>
      <c r="G3089" s="98" t="s">
        <v>1</v>
      </c>
      <c r="H3089" s="98">
        <v>0</v>
      </c>
      <c r="I3089" s="98">
        <v>0</v>
      </c>
      <c r="J3089" s="98" t="s">
        <v>400</v>
      </c>
      <c r="K3089" s="98" t="s">
        <v>400</v>
      </c>
      <c r="L3089" s="98" t="s">
        <v>400</v>
      </c>
      <c r="M3089" s="98" t="s">
        <v>400</v>
      </c>
      <c r="N3089" s="98" t="s">
        <v>400</v>
      </c>
      <c r="O3089" s="98" t="s">
        <v>400</v>
      </c>
      <c r="P3089" s="98" t="s">
        <v>400</v>
      </c>
      <c r="Q3089" s="98" t="s">
        <v>400</v>
      </c>
      <c r="R3089" s="98" t="s">
        <v>400</v>
      </c>
      <c r="S3089" s="98" t="s">
        <v>400</v>
      </c>
      <c r="T3089" s="98" t="s">
        <v>400</v>
      </c>
      <c r="U3089" s="128"/>
      <c r="V3089" s="128"/>
      <c r="W3089" s="128"/>
      <c r="X3089" s="128"/>
      <c r="Y3089" s="128"/>
      <c r="Z3089" s="128"/>
      <c r="AA3089" s="128"/>
      <c r="AB3089" s="128"/>
      <c r="AC3089" s="128"/>
      <c r="AD3089" s="128"/>
      <c r="AE3089" s="128"/>
      <c r="AF3089" s="128"/>
      <c r="AG3089" s="128"/>
      <c r="AH3089" s="128"/>
      <c r="AI3089" s="128"/>
      <c r="AJ3089" s="128"/>
      <c r="AK3089" s="128"/>
      <c r="AL3089" s="128"/>
      <c r="AM3089" s="128"/>
      <c r="AN3089" s="128"/>
      <c r="AO3089" s="128"/>
      <c r="AP3089" s="128"/>
      <c r="AQ3089" s="128"/>
      <c r="AR3089" s="128"/>
      <c r="AS3089" s="128"/>
      <c r="AT3089" s="128"/>
      <c r="AU3089" s="128"/>
      <c r="AV3089" s="128"/>
      <c r="AW3089" s="128"/>
      <c r="AX3089" s="128"/>
      <c r="AY3089" s="128"/>
      <c r="AZ3089" s="128"/>
      <c r="BA3089" s="128"/>
      <c r="BB3089" s="107">
        <v>45884</v>
      </c>
    </row>
    <row r="3090" spans="1:54" s="8" customFormat="1" ht="13.95" customHeight="1" x14ac:dyDescent="0.25">
      <c r="A3090" s="219" t="s">
        <v>7046</v>
      </c>
      <c r="B3090" s="220" t="s">
        <v>6395</v>
      </c>
      <c r="C3090" s="98" t="s">
        <v>7047</v>
      </c>
      <c r="D3090" s="98" t="s">
        <v>20809</v>
      </c>
      <c r="E3090" s="141">
        <v>1981</v>
      </c>
      <c r="F3090" s="141">
        <v>680</v>
      </c>
      <c r="G3090" s="98" t="s">
        <v>1</v>
      </c>
      <c r="H3090" s="98">
        <v>0</v>
      </c>
      <c r="I3090" s="98">
        <v>0</v>
      </c>
      <c r="J3090" s="98" t="s">
        <v>400</v>
      </c>
      <c r="K3090" s="98" t="s">
        <v>400</v>
      </c>
      <c r="L3090" s="98" t="s">
        <v>400</v>
      </c>
      <c r="M3090" s="98" t="s">
        <v>400</v>
      </c>
      <c r="N3090" s="98" t="s">
        <v>400</v>
      </c>
      <c r="O3090" s="98" t="s">
        <v>400</v>
      </c>
      <c r="P3090" s="98" t="s">
        <v>400</v>
      </c>
      <c r="Q3090" s="98" t="s">
        <v>400</v>
      </c>
      <c r="R3090" s="98" t="s">
        <v>400</v>
      </c>
      <c r="S3090" s="98" t="s">
        <v>400</v>
      </c>
      <c r="T3090" s="98" t="s">
        <v>400</v>
      </c>
      <c r="U3090" s="128"/>
      <c r="V3090" s="128"/>
      <c r="W3090" s="128"/>
      <c r="X3090" s="128"/>
      <c r="Y3090" s="128"/>
      <c r="Z3090" s="128"/>
      <c r="AA3090" s="128"/>
      <c r="AB3090" s="128"/>
      <c r="AC3090" s="128"/>
      <c r="AD3090" s="128"/>
      <c r="AE3090" s="128"/>
      <c r="AF3090" s="128"/>
      <c r="AG3090" s="128"/>
      <c r="AH3090" s="128"/>
      <c r="AI3090" s="128"/>
      <c r="AJ3090" s="128"/>
      <c r="AK3090" s="128"/>
      <c r="AL3090" s="128"/>
      <c r="AM3090" s="128"/>
      <c r="AN3090" s="128"/>
      <c r="AO3090" s="128"/>
      <c r="AP3090" s="128"/>
      <c r="AQ3090" s="128"/>
      <c r="AR3090" s="128"/>
      <c r="AS3090" s="128"/>
      <c r="AT3090" s="128"/>
      <c r="AU3090" s="128"/>
      <c r="AV3090" s="128"/>
      <c r="AW3090" s="128"/>
      <c r="AX3090" s="128"/>
      <c r="AY3090" s="128"/>
      <c r="AZ3090" s="128"/>
      <c r="BA3090" s="128"/>
      <c r="BB3090" s="107">
        <v>45884</v>
      </c>
    </row>
    <row r="3091" spans="1:54" s="8" customFormat="1" ht="13.95" customHeight="1" x14ac:dyDescent="0.25">
      <c r="A3091" s="219" t="s">
        <v>7048</v>
      </c>
      <c r="B3091" s="220" t="s">
        <v>6395</v>
      </c>
      <c r="C3091" s="98" t="s">
        <v>7049</v>
      </c>
      <c r="D3091" s="98" t="s">
        <v>20810</v>
      </c>
      <c r="E3091" s="141">
        <v>1999</v>
      </c>
      <c r="F3091" s="141">
        <v>680</v>
      </c>
      <c r="G3091" s="98" t="s">
        <v>1</v>
      </c>
      <c r="H3091" s="98">
        <v>0</v>
      </c>
      <c r="I3091" s="98">
        <v>0</v>
      </c>
      <c r="J3091" s="98" t="s">
        <v>400</v>
      </c>
      <c r="K3091" s="98" t="s">
        <v>400</v>
      </c>
      <c r="L3091" s="98" t="s">
        <v>400</v>
      </c>
      <c r="M3091" s="98" t="s">
        <v>400</v>
      </c>
      <c r="N3091" s="98" t="s">
        <v>400</v>
      </c>
      <c r="O3091" s="98" t="s">
        <v>400</v>
      </c>
      <c r="P3091" s="98" t="s">
        <v>400</v>
      </c>
      <c r="Q3091" s="98" t="s">
        <v>400</v>
      </c>
      <c r="R3091" s="98" t="s">
        <v>400</v>
      </c>
      <c r="S3091" s="98" t="s">
        <v>400</v>
      </c>
      <c r="T3091" s="98" t="s">
        <v>400</v>
      </c>
      <c r="U3091" s="128"/>
      <c r="V3091" s="128"/>
      <c r="W3091" s="128"/>
      <c r="X3091" s="128"/>
      <c r="Y3091" s="128"/>
      <c r="Z3091" s="128"/>
      <c r="AA3091" s="128"/>
      <c r="AB3091" s="128"/>
      <c r="AC3091" s="128"/>
      <c r="AD3091" s="128"/>
      <c r="AE3091" s="128"/>
      <c r="AF3091" s="128"/>
      <c r="AG3091" s="128"/>
      <c r="AH3091" s="128"/>
      <c r="AI3091" s="128"/>
      <c r="AJ3091" s="128"/>
      <c r="AK3091" s="128"/>
      <c r="AL3091" s="128"/>
      <c r="AM3091" s="128"/>
      <c r="AN3091" s="128"/>
      <c r="AO3091" s="128"/>
      <c r="AP3091" s="128"/>
      <c r="AQ3091" s="128"/>
      <c r="AR3091" s="128"/>
      <c r="AS3091" s="128"/>
      <c r="AT3091" s="128"/>
      <c r="AU3091" s="128"/>
      <c r="AV3091" s="128"/>
      <c r="AW3091" s="128"/>
      <c r="AX3091" s="128"/>
      <c r="AY3091" s="128"/>
      <c r="AZ3091" s="128"/>
      <c r="BA3091" s="128"/>
      <c r="BB3091" s="107">
        <v>45884</v>
      </c>
    </row>
    <row r="3092" spans="1:54" s="8" customFormat="1" ht="13.95" customHeight="1" x14ac:dyDescent="0.25">
      <c r="A3092" s="219" t="s">
        <v>7050</v>
      </c>
      <c r="B3092" s="220" t="s">
        <v>6395</v>
      </c>
      <c r="C3092" s="98" t="s">
        <v>7051</v>
      </c>
      <c r="D3092" s="98" t="s">
        <v>21775</v>
      </c>
      <c r="E3092" s="141">
        <v>1987</v>
      </c>
      <c r="F3092" s="141">
        <v>683</v>
      </c>
      <c r="G3092" s="98" t="s">
        <v>1</v>
      </c>
      <c r="H3092" s="98">
        <v>0</v>
      </c>
      <c r="I3092" s="98">
        <v>0</v>
      </c>
      <c r="J3092" s="98" t="s">
        <v>400</v>
      </c>
      <c r="K3092" s="98" t="s">
        <v>400</v>
      </c>
      <c r="L3092" s="98" t="s">
        <v>400</v>
      </c>
      <c r="M3092" s="98" t="s">
        <v>400</v>
      </c>
      <c r="N3092" s="98" t="s">
        <v>400</v>
      </c>
      <c r="O3092" s="98" t="s">
        <v>400</v>
      </c>
      <c r="P3092" s="98" t="s">
        <v>400</v>
      </c>
      <c r="Q3092" s="98" t="s">
        <v>400</v>
      </c>
      <c r="R3092" s="98" t="s">
        <v>400</v>
      </c>
      <c r="S3092" s="98" t="s">
        <v>400</v>
      </c>
      <c r="T3092" s="98" t="s">
        <v>400</v>
      </c>
      <c r="U3092" s="128"/>
      <c r="V3092" s="128"/>
      <c r="W3092" s="128"/>
      <c r="X3092" s="128"/>
      <c r="Y3092" s="128"/>
      <c r="Z3092" s="128"/>
      <c r="AA3092" s="128"/>
      <c r="AB3092" s="128"/>
      <c r="AC3092" s="128"/>
      <c r="AD3092" s="128"/>
      <c r="AE3092" s="128"/>
      <c r="AF3092" s="128"/>
      <c r="AG3092" s="128"/>
      <c r="AH3092" s="128"/>
      <c r="AI3092" s="128"/>
      <c r="AJ3092" s="128"/>
      <c r="AK3092" s="128"/>
      <c r="AL3092" s="128"/>
      <c r="AM3092" s="128"/>
      <c r="AN3092" s="128"/>
      <c r="AO3092" s="128"/>
      <c r="AP3092" s="128"/>
      <c r="AQ3092" s="128"/>
      <c r="AR3092" s="128"/>
      <c r="AS3092" s="128"/>
      <c r="AT3092" s="128"/>
      <c r="AU3092" s="128"/>
      <c r="AV3092" s="128"/>
      <c r="AW3092" s="128"/>
      <c r="AX3092" s="128"/>
      <c r="AY3092" s="128"/>
      <c r="AZ3092" s="128"/>
      <c r="BA3092" s="128"/>
      <c r="BB3092" s="107">
        <v>45884</v>
      </c>
    </row>
    <row r="3093" spans="1:54" s="8" customFormat="1" ht="13.95" customHeight="1" x14ac:dyDescent="0.25">
      <c r="A3093" s="219" t="s">
        <v>7052</v>
      </c>
      <c r="B3093" s="220" t="s">
        <v>6395</v>
      </c>
      <c r="C3093" s="98" t="s">
        <v>22159</v>
      </c>
      <c r="D3093" s="98" t="s">
        <v>20811</v>
      </c>
      <c r="E3093" s="141">
        <v>1974</v>
      </c>
      <c r="F3093" s="141">
        <v>692</v>
      </c>
      <c r="G3093" s="98" t="s">
        <v>1</v>
      </c>
      <c r="H3093" s="98">
        <v>0</v>
      </c>
      <c r="I3093" s="98">
        <v>0</v>
      </c>
      <c r="J3093" s="98" t="s">
        <v>400</v>
      </c>
      <c r="K3093" s="98" t="s">
        <v>400</v>
      </c>
      <c r="L3093" s="98" t="s">
        <v>400</v>
      </c>
      <c r="M3093" s="98" t="s">
        <v>400</v>
      </c>
      <c r="N3093" s="98" t="s">
        <v>400</v>
      </c>
      <c r="O3093" s="98" t="s">
        <v>400</v>
      </c>
      <c r="P3093" s="98" t="s">
        <v>400</v>
      </c>
      <c r="Q3093" s="98" t="s">
        <v>400</v>
      </c>
      <c r="R3093" s="98" t="s">
        <v>400</v>
      </c>
      <c r="S3093" s="98" t="s">
        <v>400</v>
      </c>
      <c r="T3093" s="98" t="s">
        <v>400</v>
      </c>
      <c r="U3093" s="128"/>
      <c r="V3093" s="128"/>
      <c r="W3093" s="128"/>
      <c r="X3093" s="128"/>
      <c r="Y3093" s="128"/>
      <c r="Z3093" s="128"/>
      <c r="AA3093" s="128"/>
      <c r="AB3093" s="128"/>
      <c r="AC3093" s="128"/>
      <c r="AD3093" s="128"/>
      <c r="AE3093" s="128"/>
      <c r="AF3093" s="128"/>
      <c r="AG3093" s="128"/>
      <c r="AH3093" s="128"/>
      <c r="AI3093" s="128"/>
      <c r="AJ3093" s="128"/>
      <c r="AK3093" s="128"/>
      <c r="AL3093" s="128"/>
      <c r="AM3093" s="128"/>
      <c r="AN3093" s="128"/>
      <c r="AO3093" s="128"/>
      <c r="AP3093" s="128"/>
      <c r="AQ3093" s="128"/>
      <c r="AR3093" s="128"/>
      <c r="AS3093" s="128"/>
      <c r="AT3093" s="128"/>
      <c r="AU3093" s="128"/>
      <c r="AV3093" s="128"/>
      <c r="AW3093" s="128"/>
      <c r="AX3093" s="128"/>
      <c r="AY3093" s="128"/>
      <c r="AZ3093" s="128"/>
      <c r="BA3093" s="128"/>
      <c r="BB3093" s="107">
        <v>45884</v>
      </c>
    </row>
    <row r="3094" spans="1:54" s="8" customFormat="1" ht="13.95" customHeight="1" x14ac:dyDescent="0.25">
      <c r="A3094" s="219" t="s">
        <v>7053</v>
      </c>
      <c r="B3094" s="220" t="s">
        <v>6395</v>
      </c>
      <c r="C3094" s="98" t="s">
        <v>7054</v>
      </c>
      <c r="D3094" s="98" t="s">
        <v>20812</v>
      </c>
      <c r="E3094" s="141">
        <v>1974</v>
      </c>
      <c r="F3094" s="141">
        <v>692</v>
      </c>
      <c r="G3094" s="98" t="s">
        <v>1</v>
      </c>
      <c r="H3094" s="98">
        <v>0</v>
      </c>
      <c r="I3094" s="98">
        <v>0</v>
      </c>
      <c r="J3094" s="98" t="s">
        <v>400</v>
      </c>
      <c r="K3094" s="98" t="s">
        <v>400</v>
      </c>
      <c r="L3094" s="98" t="s">
        <v>400</v>
      </c>
      <c r="M3094" s="98" t="s">
        <v>400</v>
      </c>
      <c r="N3094" s="98" t="s">
        <v>400</v>
      </c>
      <c r="O3094" s="98" t="s">
        <v>400</v>
      </c>
      <c r="P3094" s="98" t="s">
        <v>400</v>
      </c>
      <c r="Q3094" s="98" t="s">
        <v>400</v>
      </c>
      <c r="R3094" s="98" t="s">
        <v>400</v>
      </c>
      <c r="S3094" s="98" t="s">
        <v>400</v>
      </c>
      <c r="T3094" s="98" t="s">
        <v>400</v>
      </c>
      <c r="U3094" s="128"/>
      <c r="V3094" s="128"/>
      <c r="W3094" s="128"/>
      <c r="X3094" s="128"/>
      <c r="Y3094" s="128"/>
      <c r="Z3094" s="128"/>
      <c r="AA3094" s="128"/>
      <c r="AB3094" s="128"/>
      <c r="AC3094" s="128"/>
      <c r="AD3094" s="128"/>
      <c r="AE3094" s="128"/>
      <c r="AF3094" s="128"/>
      <c r="AG3094" s="128"/>
      <c r="AH3094" s="128"/>
      <c r="AI3094" s="128"/>
      <c r="AJ3094" s="128"/>
      <c r="AK3094" s="128"/>
      <c r="AL3094" s="128"/>
      <c r="AM3094" s="128"/>
      <c r="AN3094" s="128"/>
      <c r="AO3094" s="128"/>
      <c r="AP3094" s="128"/>
      <c r="AQ3094" s="128"/>
      <c r="AR3094" s="128"/>
      <c r="AS3094" s="128"/>
      <c r="AT3094" s="128"/>
      <c r="AU3094" s="128"/>
      <c r="AV3094" s="128"/>
      <c r="AW3094" s="128"/>
      <c r="AX3094" s="128"/>
      <c r="AY3094" s="128"/>
      <c r="AZ3094" s="128"/>
      <c r="BA3094" s="128"/>
      <c r="BB3094" s="107">
        <v>45884</v>
      </c>
    </row>
    <row r="3095" spans="1:54" s="8" customFormat="1" ht="13.95" customHeight="1" x14ac:dyDescent="0.25">
      <c r="A3095" s="219" t="s">
        <v>7055</v>
      </c>
      <c r="B3095" s="220" t="s">
        <v>6395</v>
      </c>
      <c r="C3095" s="98" t="s">
        <v>7056</v>
      </c>
      <c r="D3095" s="98" t="s">
        <v>21776</v>
      </c>
      <c r="E3095" s="141">
        <v>1985</v>
      </c>
      <c r="F3095" s="141">
        <v>692</v>
      </c>
      <c r="G3095" s="98" t="s">
        <v>1</v>
      </c>
      <c r="H3095" s="98">
        <v>0</v>
      </c>
      <c r="I3095" s="98">
        <v>0</v>
      </c>
      <c r="J3095" s="98" t="s">
        <v>400</v>
      </c>
      <c r="K3095" s="98" t="s">
        <v>400</v>
      </c>
      <c r="L3095" s="98" t="s">
        <v>400</v>
      </c>
      <c r="M3095" s="98" t="s">
        <v>400</v>
      </c>
      <c r="N3095" s="98" t="s">
        <v>400</v>
      </c>
      <c r="O3095" s="98" t="s">
        <v>400</v>
      </c>
      <c r="P3095" s="98" t="s">
        <v>400</v>
      </c>
      <c r="Q3095" s="98" t="s">
        <v>400</v>
      </c>
      <c r="R3095" s="98" t="s">
        <v>400</v>
      </c>
      <c r="S3095" s="98" t="s">
        <v>400</v>
      </c>
      <c r="T3095" s="98" t="s">
        <v>400</v>
      </c>
      <c r="U3095" s="128"/>
      <c r="V3095" s="128"/>
      <c r="W3095" s="128"/>
      <c r="X3095" s="128"/>
      <c r="Y3095" s="128"/>
      <c r="Z3095" s="128"/>
      <c r="AA3095" s="128"/>
      <c r="AB3095" s="128"/>
      <c r="AC3095" s="128"/>
      <c r="AD3095" s="128"/>
      <c r="AE3095" s="128"/>
      <c r="AF3095" s="128"/>
      <c r="AG3095" s="128"/>
      <c r="AH3095" s="128"/>
      <c r="AI3095" s="128"/>
      <c r="AJ3095" s="128"/>
      <c r="AK3095" s="128"/>
      <c r="AL3095" s="128"/>
      <c r="AM3095" s="128"/>
      <c r="AN3095" s="128"/>
      <c r="AO3095" s="128"/>
      <c r="AP3095" s="128"/>
      <c r="AQ3095" s="128"/>
      <c r="AR3095" s="128"/>
      <c r="AS3095" s="128"/>
      <c r="AT3095" s="128"/>
      <c r="AU3095" s="128"/>
      <c r="AV3095" s="128"/>
      <c r="AW3095" s="128"/>
      <c r="AX3095" s="128"/>
      <c r="AY3095" s="128"/>
      <c r="AZ3095" s="128"/>
      <c r="BA3095" s="128"/>
      <c r="BB3095" s="107">
        <v>45884</v>
      </c>
    </row>
    <row r="3096" spans="1:54" s="8" customFormat="1" ht="13.95" customHeight="1" x14ac:dyDescent="0.25">
      <c r="A3096" s="219" t="s">
        <v>7057</v>
      </c>
      <c r="B3096" s="220" t="s">
        <v>6395</v>
      </c>
      <c r="C3096" s="98" t="s">
        <v>7058</v>
      </c>
      <c r="D3096" s="98" t="s">
        <v>21777</v>
      </c>
      <c r="E3096" s="141">
        <v>1981</v>
      </c>
      <c r="F3096" s="141">
        <v>693</v>
      </c>
      <c r="G3096" s="98" t="s">
        <v>1</v>
      </c>
      <c r="H3096" s="98">
        <v>0</v>
      </c>
      <c r="I3096" s="98">
        <v>0</v>
      </c>
      <c r="J3096" s="98" t="s">
        <v>400</v>
      </c>
      <c r="K3096" s="98" t="s">
        <v>400</v>
      </c>
      <c r="L3096" s="98" t="s">
        <v>400</v>
      </c>
      <c r="M3096" s="98" t="s">
        <v>400</v>
      </c>
      <c r="N3096" s="98" t="s">
        <v>400</v>
      </c>
      <c r="O3096" s="98" t="s">
        <v>400</v>
      </c>
      <c r="P3096" s="98" t="s">
        <v>400</v>
      </c>
      <c r="Q3096" s="98" t="s">
        <v>400</v>
      </c>
      <c r="R3096" s="98" t="s">
        <v>400</v>
      </c>
      <c r="S3096" s="98" t="s">
        <v>400</v>
      </c>
      <c r="T3096" s="98" t="s">
        <v>400</v>
      </c>
      <c r="U3096" s="128"/>
      <c r="V3096" s="128"/>
      <c r="W3096" s="128"/>
      <c r="X3096" s="128"/>
      <c r="Y3096" s="128"/>
      <c r="Z3096" s="128"/>
      <c r="AA3096" s="128"/>
      <c r="AB3096" s="128"/>
      <c r="AC3096" s="128"/>
      <c r="AD3096" s="128"/>
      <c r="AE3096" s="128"/>
      <c r="AF3096" s="128"/>
      <c r="AG3096" s="128"/>
      <c r="AH3096" s="128"/>
      <c r="AI3096" s="128"/>
      <c r="AJ3096" s="128"/>
      <c r="AK3096" s="128"/>
      <c r="AL3096" s="128"/>
      <c r="AM3096" s="128"/>
      <c r="AN3096" s="128"/>
      <c r="AO3096" s="128"/>
      <c r="AP3096" s="128"/>
      <c r="AQ3096" s="128"/>
      <c r="AR3096" s="128"/>
      <c r="AS3096" s="128"/>
      <c r="AT3096" s="128"/>
      <c r="AU3096" s="128"/>
      <c r="AV3096" s="128"/>
      <c r="AW3096" s="128"/>
      <c r="AX3096" s="128"/>
      <c r="AY3096" s="128"/>
      <c r="AZ3096" s="128"/>
      <c r="BA3096" s="128"/>
      <c r="BB3096" s="107">
        <v>45884</v>
      </c>
    </row>
    <row r="3097" spans="1:54" s="8" customFormat="1" ht="13.95" customHeight="1" x14ac:dyDescent="0.25">
      <c r="A3097" s="219" t="s">
        <v>7059</v>
      </c>
      <c r="B3097" s="220" t="s">
        <v>6395</v>
      </c>
      <c r="C3097" s="98" t="s">
        <v>7060</v>
      </c>
      <c r="D3097" s="98" t="s">
        <v>20813</v>
      </c>
      <c r="E3097" s="141">
        <v>1979</v>
      </c>
      <c r="F3097" s="141">
        <v>693</v>
      </c>
      <c r="G3097" s="98" t="s">
        <v>1</v>
      </c>
      <c r="H3097" s="98">
        <v>0</v>
      </c>
      <c r="I3097" s="98">
        <v>0</v>
      </c>
      <c r="J3097" s="98" t="s">
        <v>400</v>
      </c>
      <c r="K3097" s="98" t="s">
        <v>400</v>
      </c>
      <c r="L3097" s="98" t="s">
        <v>400</v>
      </c>
      <c r="M3097" s="98" t="s">
        <v>400</v>
      </c>
      <c r="N3097" s="98" t="s">
        <v>400</v>
      </c>
      <c r="O3097" s="98" t="s">
        <v>400</v>
      </c>
      <c r="P3097" s="98" t="s">
        <v>400</v>
      </c>
      <c r="Q3097" s="98" t="s">
        <v>400</v>
      </c>
      <c r="R3097" s="98" t="s">
        <v>400</v>
      </c>
      <c r="S3097" s="98" t="s">
        <v>400</v>
      </c>
      <c r="T3097" s="98" t="s">
        <v>400</v>
      </c>
      <c r="U3097" s="128"/>
      <c r="V3097" s="128"/>
      <c r="W3097" s="128"/>
      <c r="X3097" s="128"/>
      <c r="Y3097" s="128"/>
      <c r="Z3097" s="128"/>
      <c r="AA3097" s="128"/>
      <c r="AB3097" s="128"/>
      <c r="AC3097" s="128"/>
      <c r="AD3097" s="128"/>
      <c r="AE3097" s="128"/>
      <c r="AF3097" s="128"/>
      <c r="AG3097" s="128"/>
      <c r="AH3097" s="128"/>
      <c r="AI3097" s="128"/>
      <c r="AJ3097" s="128"/>
      <c r="AK3097" s="128"/>
      <c r="AL3097" s="128"/>
      <c r="AM3097" s="128"/>
      <c r="AN3097" s="128"/>
      <c r="AO3097" s="128"/>
      <c r="AP3097" s="128"/>
      <c r="AQ3097" s="128"/>
      <c r="AR3097" s="128"/>
      <c r="AS3097" s="128"/>
      <c r="AT3097" s="128"/>
      <c r="AU3097" s="128"/>
      <c r="AV3097" s="128"/>
      <c r="AW3097" s="128"/>
      <c r="AX3097" s="128"/>
      <c r="AY3097" s="128"/>
      <c r="AZ3097" s="128"/>
      <c r="BA3097" s="128"/>
      <c r="BB3097" s="107">
        <v>45884</v>
      </c>
    </row>
    <row r="3098" spans="1:54" s="8" customFormat="1" ht="13.95" customHeight="1" x14ac:dyDescent="0.25">
      <c r="A3098" s="219" t="s">
        <v>7061</v>
      </c>
      <c r="B3098" s="220" t="s">
        <v>6395</v>
      </c>
      <c r="C3098" s="98" t="s">
        <v>7062</v>
      </c>
      <c r="D3098" s="98" t="s">
        <v>20814</v>
      </c>
      <c r="E3098" s="141">
        <v>1991</v>
      </c>
      <c r="F3098" s="141">
        <v>700</v>
      </c>
      <c r="G3098" s="98" t="s">
        <v>1</v>
      </c>
      <c r="H3098" s="98">
        <v>0</v>
      </c>
      <c r="I3098" s="98">
        <v>0</v>
      </c>
      <c r="J3098" s="98" t="s">
        <v>400</v>
      </c>
      <c r="K3098" s="98" t="s">
        <v>400</v>
      </c>
      <c r="L3098" s="98" t="s">
        <v>400</v>
      </c>
      <c r="M3098" s="98" t="s">
        <v>400</v>
      </c>
      <c r="N3098" s="98" t="s">
        <v>400</v>
      </c>
      <c r="O3098" s="98" t="s">
        <v>400</v>
      </c>
      <c r="P3098" s="98" t="s">
        <v>400</v>
      </c>
      <c r="Q3098" s="98" t="s">
        <v>400</v>
      </c>
      <c r="R3098" s="98" t="s">
        <v>400</v>
      </c>
      <c r="S3098" s="98" t="s">
        <v>400</v>
      </c>
      <c r="T3098" s="98" t="s">
        <v>400</v>
      </c>
      <c r="U3098" s="128"/>
      <c r="V3098" s="128"/>
      <c r="W3098" s="128"/>
      <c r="X3098" s="128"/>
      <c r="Y3098" s="128"/>
      <c r="Z3098" s="128"/>
      <c r="AA3098" s="128"/>
      <c r="AB3098" s="128"/>
      <c r="AC3098" s="128"/>
      <c r="AD3098" s="128"/>
      <c r="AE3098" s="128"/>
      <c r="AF3098" s="128"/>
      <c r="AG3098" s="128"/>
      <c r="AH3098" s="128"/>
      <c r="AI3098" s="128"/>
      <c r="AJ3098" s="128"/>
      <c r="AK3098" s="128"/>
      <c r="AL3098" s="128"/>
      <c r="AM3098" s="128"/>
      <c r="AN3098" s="128"/>
      <c r="AO3098" s="128"/>
      <c r="AP3098" s="128"/>
      <c r="AQ3098" s="128"/>
      <c r="AR3098" s="128"/>
      <c r="AS3098" s="128"/>
      <c r="AT3098" s="128"/>
      <c r="AU3098" s="128"/>
      <c r="AV3098" s="128"/>
      <c r="AW3098" s="128"/>
      <c r="AX3098" s="128"/>
      <c r="AY3098" s="128"/>
      <c r="AZ3098" s="128"/>
      <c r="BA3098" s="128"/>
      <c r="BB3098" s="107">
        <v>45884</v>
      </c>
    </row>
    <row r="3099" spans="1:54" s="8" customFormat="1" ht="13.95" customHeight="1" x14ac:dyDescent="0.25">
      <c r="A3099" s="219" t="s">
        <v>7063</v>
      </c>
      <c r="B3099" s="220" t="s">
        <v>6395</v>
      </c>
      <c r="C3099" s="98" t="s">
        <v>7064</v>
      </c>
      <c r="D3099" s="98" t="s">
        <v>20815</v>
      </c>
      <c r="E3099" s="141">
        <v>1980</v>
      </c>
      <c r="F3099" s="141">
        <v>700</v>
      </c>
      <c r="G3099" s="98" t="s">
        <v>1</v>
      </c>
      <c r="H3099" s="98">
        <v>0</v>
      </c>
      <c r="I3099" s="98">
        <v>0</v>
      </c>
      <c r="J3099" s="98" t="s">
        <v>400</v>
      </c>
      <c r="K3099" s="98" t="s">
        <v>400</v>
      </c>
      <c r="L3099" s="98" t="s">
        <v>400</v>
      </c>
      <c r="M3099" s="98" t="s">
        <v>400</v>
      </c>
      <c r="N3099" s="98" t="s">
        <v>400</v>
      </c>
      <c r="O3099" s="98" t="s">
        <v>400</v>
      </c>
      <c r="P3099" s="98" t="s">
        <v>400</v>
      </c>
      <c r="Q3099" s="98" t="s">
        <v>400</v>
      </c>
      <c r="R3099" s="98" t="s">
        <v>400</v>
      </c>
      <c r="S3099" s="98" t="s">
        <v>400</v>
      </c>
      <c r="T3099" s="98" t="s">
        <v>400</v>
      </c>
      <c r="U3099" s="128"/>
      <c r="V3099" s="128"/>
      <c r="W3099" s="128"/>
      <c r="X3099" s="128"/>
      <c r="Y3099" s="128"/>
      <c r="Z3099" s="128"/>
      <c r="AA3099" s="128"/>
      <c r="AB3099" s="128"/>
      <c r="AC3099" s="128"/>
      <c r="AD3099" s="128"/>
      <c r="AE3099" s="128"/>
      <c r="AF3099" s="128"/>
      <c r="AG3099" s="128"/>
      <c r="AH3099" s="128"/>
      <c r="AI3099" s="128"/>
      <c r="AJ3099" s="128"/>
      <c r="AK3099" s="128"/>
      <c r="AL3099" s="128"/>
      <c r="AM3099" s="128"/>
      <c r="AN3099" s="128"/>
      <c r="AO3099" s="128"/>
      <c r="AP3099" s="128"/>
      <c r="AQ3099" s="128"/>
      <c r="AR3099" s="128"/>
      <c r="AS3099" s="128"/>
      <c r="AT3099" s="128"/>
      <c r="AU3099" s="128"/>
      <c r="AV3099" s="128"/>
      <c r="AW3099" s="128"/>
      <c r="AX3099" s="128"/>
      <c r="AY3099" s="128"/>
      <c r="AZ3099" s="128"/>
      <c r="BA3099" s="128"/>
      <c r="BB3099" s="107">
        <v>45884</v>
      </c>
    </row>
    <row r="3100" spans="1:54" s="8" customFormat="1" ht="13.95" customHeight="1" x14ac:dyDescent="0.25">
      <c r="A3100" s="219" t="s">
        <v>7065</v>
      </c>
      <c r="B3100" s="220" t="s">
        <v>6395</v>
      </c>
      <c r="C3100" s="98" t="s">
        <v>7066</v>
      </c>
      <c r="D3100" s="98" t="s">
        <v>20816</v>
      </c>
      <c r="E3100" s="141">
        <v>1998</v>
      </c>
      <c r="F3100" s="141">
        <v>704</v>
      </c>
      <c r="G3100" s="98" t="s">
        <v>1</v>
      </c>
      <c r="H3100" s="98">
        <v>0</v>
      </c>
      <c r="I3100" s="98">
        <v>0</v>
      </c>
      <c r="J3100" s="98" t="s">
        <v>400</v>
      </c>
      <c r="K3100" s="98" t="s">
        <v>400</v>
      </c>
      <c r="L3100" s="98" t="s">
        <v>400</v>
      </c>
      <c r="M3100" s="98" t="s">
        <v>400</v>
      </c>
      <c r="N3100" s="98" t="s">
        <v>400</v>
      </c>
      <c r="O3100" s="98" t="s">
        <v>400</v>
      </c>
      <c r="P3100" s="98" t="s">
        <v>400</v>
      </c>
      <c r="Q3100" s="98" t="s">
        <v>400</v>
      </c>
      <c r="R3100" s="98" t="s">
        <v>400</v>
      </c>
      <c r="S3100" s="98" t="s">
        <v>400</v>
      </c>
      <c r="T3100" s="98" t="s">
        <v>400</v>
      </c>
      <c r="U3100" s="128"/>
      <c r="V3100" s="128"/>
      <c r="W3100" s="128"/>
      <c r="X3100" s="128"/>
      <c r="Y3100" s="128"/>
      <c r="Z3100" s="128"/>
      <c r="AA3100" s="128"/>
      <c r="AB3100" s="128"/>
      <c r="AC3100" s="128"/>
      <c r="AD3100" s="128"/>
      <c r="AE3100" s="128"/>
      <c r="AF3100" s="128"/>
      <c r="AG3100" s="128"/>
      <c r="AH3100" s="128"/>
      <c r="AI3100" s="128"/>
      <c r="AJ3100" s="128"/>
      <c r="AK3100" s="128"/>
      <c r="AL3100" s="128"/>
      <c r="AM3100" s="128"/>
      <c r="AN3100" s="128"/>
      <c r="AO3100" s="128"/>
      <c r="AP3100" s="128"/>
      <c r="AQ3100" s="128"/>
      <c r="AR3100" s="128"/>
      <c r="AS3100" s="128"/>
      <c r="AT3100" s="128"/>
      <c r="AU3100" s="128"/>
      <c r="AV3100" s="128"/>
      <c r="AW3100" s="128"/>
      <c r="AX3100" s="128"/>
      <c r="AY3100" s="128"/>
      <c r="AZ3100" s="128"/>
      <c r="BA3100" s="128"/>
      <c r="BB3100" s="107">
        <v>45884</v>
      </c>
    </row>
    <row r="3101" spans="1:54" s="8" customFormat="1" ht="13.95" customHeight="1" x14ac:dyDescent="0.25">
      <c r="A3101" s="219" t="s">
        <v>7067</v>
      </c>
      <c r="B3101" s="220" t="s">
        <v>6395</v>
      </c>
      <c r="C3101" s="98" t="s">
        <v>7068</v>
      </c>
      <c r="D3101" s="98" t="s">
        <v>20817</v>
      </c>
      <c r="E3101" s="141">
        <v>1984</v>
      </c>
      <c r="F3101" s="141">
        <v>704</v>
      </c>
      <c r="G3101" s="98" t="s">
        <v>8</v>
      </c>
      <c r="H3101" s="98">
        <v>0</v>
      </c>
      <c r="I3101" s="98">
        <v>0</v>
      </c>
      <c r="J3101" s="98" t="s">
        <v>400</v>
      </c>
      <c r="K3101" s="98" t="s">
        <v>400</v>
      </c>
      <c r="L3101" s="98" t="s">
        <v>400</v>
      </c>
      <c r="M3101" s="98" t="s">
        <v>400</v>
      </c>
      <c r="N3101" s="98" t="s">
        <v>400</v>
      </c>
      <c r="O3101" s="98" t="s">
        <v>400</v>
      </c>
      <c r="P3101" s="98" t="s">
        <v>400</v>
      </c>
      <c r="Q3101" s="98" t="s">
        <v>400</v>
      </c>
      <c r="R3101" s="98" t="s">
        <v>400</v>
      </c>
      <c r="S3101" s="98" t="s">
        <v>400</v>
      </c>
      <c r="T3101" s="98" t="s">
        <v>400</v>
      </c>
      <c r="U3101" s="98">
        <v>0</v>
      </c>
      <c r="V3101" s="98">
        <v>0</v>
      </c>
      <c r="W3101" s="98" t="s">
        <v>400</v>
      </c>
      <c r="X3101" s="98">
        <v>0</v>
      </c>
      <c r="Y3101" s="98">
        <v>0</v>
      </c>
      <c r="Z3101" s="98">
        <v>0</v>
      </c>
      <c r="AA3101" s="98" t="s">
        <v>400</v>
      </c>
      <c r="AB3101" s="98">
        <v>0</v>
      </c>
      <c r="AC3101" s="98">
        <v>0</v>
      </c>
      <c r="AD3101" s="98">
        <v>0</v>
      </c>
      <c r="AE3101" s="98">
        <v>0</v>
      </c>
      <c r="AF3101" s="98">
        <v>0</v>
      </c>
      <c r="AG3101" s="98">
        <v>0</v>
      </c>
      <c r="AH3101" s="98">
        <v>0</v>
      </c>
      <c r="AI3101" s="98">
        <v>0</v>
      </c>
      <c r="AJ3101" s="98">
        <v>0</v>
      </c>
      <c r="AK3101" s="98">
        <v>0</v>
      </c>
      <c r="AL3101" s="98">
        <v>0</v>
      </c>
      <c r="AM3101" s="98">
        <v>0</v>
      </c>
      <c r="AN3101" s="98">
        <v>0</v>
      </c>
      <c r="AO3101" s="98">
        <v>0</v>
      </c>
      <c r="AP3101" s="98">
        <v>0</v>
      </c>
      <c r="AQ3101" s="98">
        <v>0</v>
      </c>
      <c r="AR3101" s="98">
        <v>0</v>
      </c>
      <c r="AS3101" s="98">
        <v>0</v>
      </c>
      <c r="AT3101" s="129">
        <v>0</v>
      </c>
      <c r="AU3101" s="98">
        <v>0</v>
      </c>
      <c r="AV3101" s="98">
        <v>0</v>
      </c>
      <c r="AW3101" s="98">
        <v>0</v>
      </c>
      <c r="AX3101" s="98"/>
      <c r="AY3101" s="98"/>
      <c r="AZ3101" s="98"/>
      <c r="BA3101" s="98"/>
      <c r="BB3101" s="107">
        <v>45884</v>
      </c>
    </row>
    <row r="3102" spans="1:54" s="8" customFormat="1" ht="13.95" customHeight="1" x14ac:dyDescent="0.25">
      <c r="A3102" s="219" t="s">
        <v>7069</v>
      </c>
      <c r="B3102" s="220" t="s">
        <v>6395</v>
      </c>
      <c r="C3102" s="98" t="s">
        <v>7070</v>
      </c>
      <c r="D3102" s="98" t="s">
        <v>20447</v>
      </c>
      <c r="E3102" s="141">
        <v>1979</v>
      </c>
      <c r="F3102" s="141">
        <v>706</v>
      </c>
      <c r="G3102" s="98" t="s">
        <v>1</v>
      </c>
      <c r="H3102" s="98">
        <v>0</v>
      </c>
      <c r="I3102" s="98">
        <v>0</v>
      </c>
      <c r="J3102" s="98" t="s">
        <v>400</v>
      </c>
      <c r="K3102" s="98" t="s">
        <v>400</v>
      </c>
      <c r="L3102" s="98" t="s">
        <v>400</v>
      </c>
      <c r="M3102" s="98" t="s">
        <v>400</v>
      </c>
      <c r="N3102" s="98" t="s">
        <v>400</v>
      </c>
      <c r="O3102" s="98" t="s">
        <v>400</v>
      </c>
      <c r="P3102" s="98" t="s">
        <v>400</v>
      </c>
      <c r="Q3102" s="98" t="s">
        <v>400</v>
      </c>
      <c r="R3102" s="98" t="s">
        <v>400</v>
      </c>
      <c r="S3102" s="98" t="s">
        <v>400</v>
      </c>
      <c r="T3102" s="98" t="s">
        <v>400</v>
      </c>
      <c r="U3102" s="128"/>
      <c r="V3102" s="128"/>
      <c r="W3102" s="128"/>
      <c r="X3102" s="128"/>
      <c r="Y3102" s="128"/>
      <c r="Z3102" s="128"/>
      <c r="AA3102" s="128"/>
      <c r="AB3102" s="128"/>
      <c r="AC3102" s="128"/>
      <c r="AD3102" s="128"/>
      <c r="AE3102" s="128"/>
      <c r="AF3102" s="128"/>
      <c r="AG3102" s="128"/>
      <c r="AH3102" s="128"/>
      <c r="AI3102" s="128"/>
      <c r="AJ3102" s="128"/>
      <c r="AK3102" s="128"/>
      <c r="AL3102" s="128"/>
      <c r="AM3102" s="128"/>
      <c r="AN3102" s="128"/>
      <c r="AO3102" s="128"/>
      <c r="AP3102" s="128"/>
      <c r="AQ3102" s="128"/>
      <c r="AR3102" s="128"/>
      <c r="AS3102" s="128"/>
      <c r="AT3102" s="128"/>
      <c r="AU3102" s="128"/>
      <c r="AV3102" s="128"/>
      <c r="AW3102" s="128"/>
      <c r="AX3102" s="128"/>
      <c r="AY3102" s="128"/>
      <c r="AZ3102" s="128"/>
      <c r="BA3102" s="128"/>
      <c r="BB3102" s="107">
        <v>45884</v>
      </c>
    </row>
    <row r="3103" spans="1:54" s="8" customFormat="1" ht="13.95" customHeight="1" x14ac:dyDescent="0.25">
      <c r="A3103" s="219" t="s">
        <v>7071</v>
      </c>
      <c r="B3103" s="220" t="s">
        <v>6395</v>
      </c>
      <c r="C3103" s="98" t="s">
        <v>7072</v>
      </c>
      <c r="D3103" s="98" t="s">
        <v>20818</v>
      </c>
      <c r="E3103" s="141">
        <v>1982</v>
      </c>
      <c r="F3103" s="141">
        <v>707</v>
      </c>
      <c r="G3103" s="98" t="s">
        <v>1</v>
      </c>
      <c r="H3103" s="98">
        <v>0</v>
      </c>
      <c r="I3103" s="98">
        <v>0</v>
      </c>
      <c r="J3103" s="98" t="s">
        <v>400</v>
      </c>
      <c r="K3103" s="98" t="s">
        <v>400</v>
      </c>
      <c r="L3103" s="98" t="s">
        <v>400</v>
      </c>
      <c r="M3103" s="98" t="s">
        <v>400</v>
      </c>
      <c r="N3103" s="98" t="s">
        <v>400</v>
      </c>
      <c r="O3103" s="98" t="s">
        <v>400</v>
      </c>
      <c r="P3103" s="98" t="s">
        <v>400</v>
      </c>
      <c r="Q3103" s="98" t="s">
        <v>400</v>
      </c>
      <c r="R3103" s="98" t="s">
        <v>400</v>
      </c>
      <c r="S3103" s="98" t="s">
        <v>400</v>
      </c>
      <c r="T3103" s="98" t="s">
        <v>400</v>
      </c>
      <c r="U3103" s="128"/>
      <c r="V3103" s="128"/>
      <c r="W3103" s="128"/>
      <c r="X3103" s="128"/>
      <c r="Y3103" s="128"/>
      <c r="Z3103" s="128"/>
      <c r="AA3103" s="128"/>
      <c r="AB3103" s="128"/>
      <c r="AC3103" s="128"/>
      <c r="AD3103" s="128"/>
      <c r="AE3103" s="128"/>
      <c r="AF3103" s="128"/>
      <c r="AG3103" s="128"/>
      <c r="AH3103" s="128"/>
      <c r="AI3103" s="128"/>
      <c r="AJ3103" s="128"/>
      <c r="AK3103" s="128"/>
      <c r="AL3103" s="128"/>
      <c r="AM3103" s="128"/>
      <c r="AN3103" s="128"/>
      <c r="AO3103" s="128"/>
      <c r="AP3103" s="128"/>
      <c r="AQ3103" s="128"/>
      <c r="AR3103" s="128"/>
      <c r="AS3103" s="128"/>
      <c r="AT3103" s="128"/>
      <c r="AU3103" s="128"/>
      <c r="AV3103" s="128"/>
      <c r="AW3103" s="128"/>
      <c r="AX3103" s="128"/>
      <c r="AY3103" s="128"/>
      <c r="AZ3103" s="128"/>
      <c r="BA3103" s="128"/>
      <c r="BB3103" s="107">
        <v>45884</v>
      </c>
    </row>
    <row r="3104" spans="1:54" s="8" customFormat="1" ht="13.95" customHeight="1" x14ac:dyDescent="0.25">
      <c r="A3104" s="219" t="s">
        <v>7073</v>
      </c>
      <c r="B3104" s="220" t="s">
        <v>6395</v>
      </c>
      <c r="C3104" s="98" t="s">
        <v>7074</v>
      </c>
      <c r="D3104" s="98" t="s">
        <v>20448</v>
      </c>
      <c r="E3104" s="141">
        <v>1988</v>
      </c>
      <c r="F3104" s="141">
        <v>714</v>
      </c>
      <c r="G3104" s="98" t="s">
        <v>1</v>
      </c>
      <c r="H3104" s="98">
        <v>0</v>
      </c>
      <c r="I3104" s="98">
        <v>0</v>
      </c>
      <c r="J3104" s="98" t="s">
        <v>400</v>
      </c>
      <c r="K3104" s="98" t="s">
        <v>400</v>
      </c>
      <c r="L3104" s="98" t="s">
        <v>400</v>
      </c>
      <c r="M3104" s="98" t="s">
        <v>400</v>
      </c>
      <c r="N3104" s="98" t="s">
        <v>400</v>
      </c>
      <c r="O3104" s="98" t="s">
        <v>400</v>
      </c>
      <c r="P3104" s="98" t="s">
        <v>400</v>
      </c>
      <c r="Q3104" s="98" t="s">
        <v>400</v>
      </c>
      <c r="R3104" s="98" t="s">
        <v>400</v>
      </c>
      <c r="S3104" s="98" t="s">
        <v>400</v>
      </c>
      <c r="T3104" s="98" t="s">
        <v>400</v>
      </c>
      <c r="U3104" s="128"/>
      <c r="V3104" s="128"/>
      <c r="W3104" s="128"/>
      <c r="X3104" s="128"/>
      <c r="Y3104" s="128"/>
      <c r="Z3104" s="128"/>
      <c r="AA3104" s="128"/>
      <c r="AB3104" s="128"/>
      <c r="AC3104" s="128"/>
      <c r="AD3104" s="128"/>
      <c r="AE3104" s="128"/>
      <c r="AF3104" s="128"/>
      <c r="AG3104" s="128"/>
      <c r="AH3104" s="128"/>
      <c r="AI3104" s="128"/>
      <c r="AJ3104" s="128"/>
      <c r="AK3104" s="128"/>
      <c r="AL3104" s="128"/>
      <c r="AM3104" s="128"/>
      <c r="AN3104" s="128"/>
      <c r="AO3104" s="128"/>
      <c r="AP3104" s="128"/>
      <c r="AQ3104" s="128"/>
      <c r="AR3104" s="128"/>
      <c r="AS3104" s="128"/>
      <c r="AT3104" s="128"/>
      <c r="AU3104" s="128"/>
      <c r="AV3104" s="128"/>
      <c r="AW3104" s="128"/>
      <c r="AX3104" s="128"/>
      <c r="AY3104" s="128"/>
      <c r="AZ3104" s="128"/>
      <c r="BA3104" s="128"/>
      <c r="BB3104" s="107">
        <v>45884</v>
      </c>
    </row>
    <row r="3105" spans="1:54" s="8" customFormat="1" ht="13.95" customHeight="1" x14ac:dyDescent="0.25">
      <c r="A3105" s="219" t="s">
        <v>7075</v>
      </c>
      <c r="B3105" s="220" t="s">
        <v>6395</v>
      </c>
      <c r="C3105" s="98" t="s">
        <v>7076</v>
      </c>
      <c r="D3105" s="98" t="s">
        <v>20449</v>
      </c>
      <c r="E3105" s="141">
        <v>1986</v>
      </c>
      <c r="F3105" s="141">
        <v>714</v>
      </c>
      <c r="G3105" s="98" t="s">
        <v>1</v>
      </c>
      <c r="H3105" s="98">
        <v>0</v>
      </c>
      <c r="I3105" s="98">
        <v>0</v>
      </c>
      <c r="J3105" s="98" t="s">
        <v>400</v>
      </c>
      <c r="K3105" s="98" t="s">
        <v>400</v>
      </c>
      <c r="L3105" s="98" t="s">
        <v>400</v>
      </c>
      <c r="M3105" s="98" t="s">
        <v>400</v>
      </c>
      <c r="N3105" s="98" t="s">
        <v>400</v>
      </c>
      <c r="O3105" s="98" t="s">
        <v>400</v>
      </c>
      <c r="P3105" s="98" t="s">
        <v>400</v>
      </c>
      <c r="Q3105" s="98" t="s">
        <v>400</v>
      </c>
      <c r="R3105" s="98" t="s">
        <v>400</v>
      </c>
      <c r="S3105" s="98" t="s">
        <v>400</v>
      </c>
      <c r="T3105" s="98" t="s">
        <v>400</v>
      </c>
      <c r="U3105" s="128"/>
      <c r="V3105" s="128"/>
      <c r="W3105" s="128"/>
      <c r="X3105" s="128"/>
      <c r="Y3105" s="128"/>
      <c r="Z3105" s="128"/>
      <c r="AA3105" s="128"/>
      <c r="AB3105" s="128"/>
      <c r="AC3105" s="128"/>
      <c r="AD3105" s="128"/>
      <c r="AE3105" s="128"/>
      <c r="AF3105" s="128"/>
      <c r="AG3105" s="128"/>
      <c r="AH3105" s="128"/>
      <c r="AI3105" s="128"/>
      <c r="AJ3105" s="128"/>
      <c r="AK3105" s="128"/>
      <c r="AL3105" s="128"/>
      <c r="AM3105" s="128"/>
      <c r="AN3105" s="128"/>
      <c r="AO3105" s="128"/>
      <c r="AP3105" s="128"/>
      <c r="AQ3105" s="128"/>
      <c r="AR3105" s="128"/>
      <c r="AS3105" s="128"/>
      <c r="AT3105" s="128"/>
      <c r="AU3105" s="128"/>
      <c r="AV3105" s="128"/>
      <c r="AW3105" s="128"/>
      <c r="AX3105" s="128"/>
      <c r="AY3105" s="128"/>
      <c r="AZ3105" s="128"/>
      <c r="BA3105" s="128"/>
      <c r="BB3105" s="107">
        <v>45884</v>
      </c>
    </row>
    <row r="3106" spans="1:54" s="8" customFormat="1" ht="13.95" customHeight="1" x14ac:dyDescent="0.25">
      <c r="A3106" s="219" t="s">
        <v>7077</v>
      </c>
      <c r="B3106" s="220" t="s">
        <v>6395</v>
      </c>
      <c r="C3106" s="98" t="s">
        <v>7078</v>
      </c>
      <c r="D3106" s="98" t="s">
        <v>20450</v>
      </c>
      <c r="E3106" s="141">
        <v>1972</v>
      </c>
      <c r="F3106" s="141">
        <v>719</v>
      </c>
      <c r="G3106" s="98" t="s">
        <v>1</v>
      </c>
      <c r="H3106" s="98">
        <v>0</v>
      </c>
      <c r="I3106" s="98">
        <v>0</v>
      </c>
      <c r="J3106" s="98" t="s">
        <v>400</v>
      </c>
      <c r="K3106" s="98" t="s">
        <v>400</v>
      </c>
      <c r="L3106" s="98" t="s">
        <v>400</v>
      </c>
      <c r="M3106" s="98" t="s">
        <v>400</v>
      </c>
      <c r="N3106" s="98" t="s">
        <v>400</v>
      </c>
      <c r="O3106" s="98" t="s">
        <v>400</v>
      </c>
      <c r="P3106" s="98" t="s">
        <v>400</v>
      </c>
      <c r="Q3106" s="98" t="s">
        <v>400</v>
      </c>
      <c r="R3106" s="98" t="s">
        <v>400</v>
      </c>
      <c r="S3106" s="98" t="s">
        <v>400</v>
      </c>
      <c r="T3106" s="98" t="s">
        <v>400</v>
      </c>
      <c r="U3106" s="128"/>
      <c r="V3106" s="128"/>
      <c r="W3106" s="128"/>
      <c r="X3106" s="128"/>
      <c r="Y3106" s="128"/>
      <c r="Z3106" s="128"/>
      <c r="AA3106" s="128"/>
      <c r="AB3106" s="128"/>
      <c r="AC3106" s="128"/>
      <c r="AD3106" s="128"/>
      <c r="AE3106" s="128"/>
      <c r="AF3106" s="128"/>
      <c r="AG3106" s="128"/>
      <c r="AH3106" s="128"/>
      <c r="AI3106" s="128"/>
      <c r="AJ3106" s="128"/>
      <c r="AK3106" s="128"/>
      <c r="AL3106" s="128"/>
      <c r="AM3106" s="128"/>
      <c r="AN3106" s="128"/>
      <c r="AO3106" s="128"/>
      <c r="AP3106" s="128"/>
      <c r="AQ3106" s="128"/>
      <c r="AR3106" s="128"/>
      <c r="AS3106" s="128"/>
      <c r="AT3106" s="128"/>
      <c r="AU3106" s="128"/>
      <c r="AV3106" s="128"/>
      <c r="AW3106" s="128"/>
      <c r="AX3106" s="128"/>
      <c r="AY3106" s="128"/>
      <c r="AZ3106" s="128"/>
      <c r="BA3106" s="128"/>
      <c r="BB3106" s="107">
        <v>45884</v>
      </c>
    </row>
    <row r="3107" spans="1:54" s="8" customFormat="1" ht="13.95" customHeight="1" x14ac:dyDescent="0.25">
      <c r="A3107" s="219" t="s">
        <v>7079</v>
      </c>
      <c r="B3107" s="220" t="s">
        <v>6395</v>
      </c>
      <c r="C3107" s="98" t="s">
        <v>7080</v>
      </c>
      <c r="D3107" s="98" t="s">
        <v>20819</v>
      </c>
      <c r="E3107" s="141">
        <v>1979</v>
      </c>
      <c r="F3107" s="141">
        <v>720</v>
      </c>
      <c r="G3107" s="98" t="s">
        <v>1</v>
      </c>
      <c r="H3107" s="98">
        <v>0</v>
      </c>
      <c r="I3107" s="98">
        <v>0</v>
      </c>
      <c r="J3107" s="98" t="s">
        <v>400</v>
      </c>
      <c r="K3107" s="98" t="s">
        <v>400</v>
      </c>
      <c r="L3107" s="98" t="s">
        <v>400</v>
      </c>
      <c r="M3107" s="98" t="s">
        <v>400</v>
      </c>
      <c r="N3107" s="98" t="s">
        <v>400</v>
      </c>
      <c r="O3107" s="98" t="s">
        <v>400</v>
      </c>
      <c r="P3107" s="98" t="s">
        <v>400</v>
      </c>
      <c r="Q3107" s="98" t="s">
        <v>400</v>
      </c>
      <c r="R3107" s="98" t="s">
        <v>400</v>
      </c>
      <c r="S3107" s="98" t="s">
        <v>400</v>
      </c>
      <c r="T3107" s="98" t="s">
        <v>400</v>
      </c>
      <c r="U3107" s="128"/>
      <c r="V3107" s="128"/>
      <c r="W3107" s="128"/>
      <c r="X3107" s="128"/>
      <c r="Y3107" s="128"/>
      <c r="Z3107" s="128"/>
      <c r="AA3107" s="128"/>
      <c r="AB3107" s="128"/>
      <c r="AC3107" s="128"/>
      <c r="AD3107" s="128"/>
      <c r="AE3107" s="128"/>
      <c r="AF3107" s="128"/>
      <c r="AG3107" s="128"/>
      <c r="AH3107" s="128"/>
      <c r="AI3107" s="128"/>
      <c r="AJ3107" s="128"/>
      <c r="AK3107" s="128"/>
      <c r="AL3107" s="128"/>
      <c r="AM3107" s="128"/>
      <c r="AN3107" s="128"/>
      <c r="AO3107" s="128"/>
      <c r="AP3107" s="128"/>
      <c r="AQ3107" s="128"/>
      <c r="AR3107" s="128"/>
      <c r="AS3107" s="128"/>
      <c r="AT3107" s="128"/>
      <c r="AU3107" s="128"/>
      <c r="AV3107" s="128"/>
      <c r="AW3107" s="128"/>
      <c r="AX3107" s="128"/>
      <c r="AY3107" s="128"/>
      <c r="AZ3107" s="128"/>
      <c r="BA3107" s="128"/>
      <c r="BB3107" s="107">
        <v>45884</v>
      </c>
    </row>
    <row r="3108" spans="1:54" s="8" customFormat="1" ht="13.95" customHeight="1" x14ac:dyDescent="0.25">
      <c r="A3108" s="219" t="s">
        <v>7081</v>
      </c>
      <c r="B3108" s="220" t="s">
        <v>6395</v>
      </c>
      <c r="C3108" s="98" t="s">
        <v>7082</v>
      </c>
      <c r="D3108" s="98" t="s">
        <v>20820</v>
      </c>
      <c r="E3108" s="141">
        <v>1984</v>
      </c>
      <c r="F3108" s="141">
        <v>720</v>
      </c>
      <c r="G3108" s="98" t="s">
        <v>1</v>
      </c>
      <c r="H3108" s="98">
        <v>0</v>
      </c>
      <c r="I3108" s="98">
        <v>0</v>
      </c>
      <c r="J3108" s="98" t="s">
        <v>400</v>
      </c>
      <c r="K3108" s="98" t="s">
        <v>400</v>
      </c>
      <c r="L3108" s="98" t="s">
        <v>400</v>
      </c>
      <c r="M3108" s="98" t="s">
        <v>400</v>
      </c>
      <c r="N3108" s="98" t="s">
        <v>400</v>
      </c>
      <c r="O3108" s="98" t="s">
        <v>400</v>
      </c>
      <c r="P3108" s="98" t="s">
        <v>400</v>
      </c>
      <c r="Q3108" s="98" t="s">
        <v>400</v>
      </c>
      <c r="R3108" s="98" t="s">
        <v>400</v>
      </c>
      <c r="S3108" s="98" t="s">
        <v>400</v>
      </c>
      <c r="T3108" s="98" t="s">
        <v>400</v>
      </c>
      <c r="U3108" s="128"/>
      <c r="V3108" s="128"/>
      <c r="W3108" s="128"/>
      <c r="X3108" s="128"/>
      <c r="Y3108" s="128"/>
      <c r="Z3108" s="128"/>
      <c r="AA3108" s="128"/>
      <c r="AB3108" s="128"/>
      <c r="AC3108" s="128"/>
      <c r="AD3108" s="128"/>
      <c r="AE3108" s="128"/>
      <c r="AF3108" s="128"/>
      <c r="AG3108" s="128"/>
      <c r="AH3108" s="128"/>
      <c r="AI3108" s="128"/>
      <c r="AJ3108" s="128"/>
      <c r="AK3108" s="128"/>
      <c r="AL3108" s="128"/>
      <c r="AM3108" s="128"/>
      <c r="AN3108" s="128"/>
      <c r="AO3108" s="128"/>
      <c r="AP3108" s="128"/>
      <c r="AQ3108" s="128"/>
      <c r="AR3108" s="128"/>
      <c r="AS3108" s="128"/>
      <c r="AT3108" s="128"/>
      <c r="AU3108" s="128"/>
      <c r="AV3108" s="128"/>
      <c r="AW3108" s="128"/>
      <c r="AX3108" s="128"/>
      <c r="AY3108" s="128"/>
      <c r="AZ3108" s="128"/>
      <c r="BA3108" s="128"/>
      <c r="BB3108" s="107">
        <v>45884</v>
      </c>
    </row>
    <row r="3109" spans="1:54" s="8" customFormat="1" ht="13.95" customHeight="1" x14ac:dyDescent="0.25">
      <c r="A3109" s="219" t="s">
        <v>7083</v>
      </c>
      <c r="B3109" s="220" t="s">
        <v>6395</v>
      </c>
      <c r="C3109" s="98" t="s">
        <v>7084</v>
      </c>
      <c r="D3109" s="98" t="s">
        <v>20821</v>
      </c>
      <c r="E3109" s="141">
        <v>2000</v>
      </c>
      <c r="F3109" s="141">
        <v>720</v>
      </c>
      <c r="G3109" s="98" t="s">
        <v>11</v>
      </c>
      <c r="H3109" s="98">
        <v>0</v>
      </c>
      <c r="I3109" s="98">
        <v>0</v>
      </c>
      <c r="J3109" s="98" t="s">
        <v>400</v>
      </c>
      <c r="K3109" s="98" t="s">
        <v>400</v>
      </c>
      <c r="L3109" s="98" t="s">
        <v>400</v>
      </c>
      <c r="M3109" s="98" t="s">
        <v>400</v>
      </c>
      <c r="N3109" s="98" t="s">
        <v>400</v>
      </c>
      <c r="O3109" s="98" t="s">
        <v>400</v>
      </c>
      <c r="P3109" s="98" t="s">
        <v>400</v>
      </c>
      <c r="Q3109" s="98" t="s">
        <v>400</v>
      </c>
      <c r="R3109" s="98" t="s">
        <v>400</v>
      </c>
      <c r="S3109" s="98" t="s">
        <v>400</v>
      </c>
      <c r="T3109" s="98" t="s">
        <v>400</v>
      </c>
      <c r="U3109" s="98">
        <v>0</v>
      </c>
      <c r="V3109" s="98">
        <v>0</v>
      </c>
      <c r="W3109" s="98" t="s">
        <v>400</v>
      </c>
      <c r="X3109" s="98">
        <v>0</v>
      </c>
      <c r="Y3109" s="98">
        <v>0</v>
      </c>
      <c r="Z3109" s="98">
        <v>0</v>
      </c>
      <c r="AA3109" s="98" t="s">
        <v>400</v>
      </c>
      <c r="AB3109" s="98">
        <v>0</v>
      </c>
      <c r="AC3109" s="98">
        <v>0</v>
      </c>
      <c r="AD3109" s="98">
        <v>0</v>
      </c>
      <c r="AE3109" s="98">
        <v>0</v>
      </c>
      <c r="AF3109" s="98">
        <v>0</v>
      </c>
      <c r="AG3109" s="98">
        <v>0</v>
      </c>
      <c r="AH3109" s="98">
        <v>0</v>
      </c>
      <c r="AI3109" s="98">
        <v>0</v>
      </c>
      <c r="AJ3109" s="98">
        <v>0</v>
      </c>
      <c r="AK3109" s="98">
        <v>0</v>
      </c>
      <c r="AL3109" s="98">
        <v>0</v>
      </c>
      <c r="AM3109" s="98">
        <v>0</v>
      </c>
      <c r="AN3109" s="98">
        <v>0</v>
      </c>
      <c r="AO3109" s="98">
        <v>0</v>
      </c>
      <c r="AP3109" s="98">
        <v>0</v>
      </c>
      <c r="AQ3109" s="98">
        <v>0</v>
      </c>
      <c r="AR3109" s="98">
        <v>0</v>
      </c>
      <c r="AS3109" s="98">
        <v>0</v>
      </c>
      <c r="AT3109" s="129">
        <v>0</v>
      </c>
      <c r="AU3109" s="98">
        <v>0</v>
      </c>
      <c r="AV3109" s="98">
        <v>0</v>
      </c>
      <c r="AW3109" s="98">
        <v>0</v>
      </c>
      <c r="AX3109" s="98"/>
      <c r="AY3109" s="98"/>
      <c r="AZ3109" s="98"/>
      <c r="BA3109" s="98"/>
      <c r="BB3109" s="107">
        <v>45884</v>
      </c>
    </row>
    <row r="3110" spans="1:54" s="8" customFormat="1" ht="13.95" customHeight="1" x14ac:dyDescent="0.25">
      <c r="A3110" s="219" t="s">
        <v>7085</v>
      </c>
      <c r="B3110" s="220" t="s">
        <v>6395</v>
      </c>
      <c r="C3110" s="98" t="s">
        <v>7086</v>
      </c>
      <c r="D3110" s="98" t="s">
        <v>20451</v>
      </c>
      <c r="E3110" s="141">
        <v>1974</v>
      </c>
      <c r="F3110" s="141">
        <v>722</v>
      </c>
      <c r="G3110" s="98" t="s">
        <v>1</v>
      </c>
      <c r="H3110" s="98">
        <v>0</v>
      </c>
      <c r="I3110" s="98">
        <v>0</v>
      </c>
      <c r="J3110" s="98" t="s">
        <v>400</v>
      </c>
      <c r="K3110" s="98" t="s">
        <v>400</v>
      </c>
      <c r="L3110" s="98" t="s">
        <v>400</v>
      </c>
      <c r="M3110" s="98" t="s">
        <v>400</v>
      </c>
      <c r="N3110" s="98" t="s">
        <v>400</v>
      </c>
      <c r="O3110" s="98" t="s">
        <v>400</v>
      </c>
      <c r="P3110" s="98" t="s">
        <v>400</v>
      </c>
      <c r="Q3110" s="98" t="s">
        <v>400</v>
      </c>
      <c r="R3110" s="98" t="s">
        <v>400</v>
      </c>
      <c r="S3110" s="98" t="s">
        <v>400</v>
      </c>
      <c r="T3110" s="98" t="s">
        <v>400</v>
      </c>
      <c r="U3110" s="128"/>
      <c r="V3110" s="128"/>
      <c r="W3110" s="128"/>
      <c r="X3110" s="128"/>
      <c r="Y3110" s="128"/>
      <c r="Z3110" s="128"/>
      <c r="AA3110" s="128"/>
      <c r="AB3110" s="128"/>
      <c r="AC3110" s="128"/>
      <c r="AD3110" s="128"/>
      <c r="AE3110" s="128"/>
      <c r="AF3110" s="128"/>
      <c r="AG3110" s="128"/>
      <c r="AH3110" s="128"/>
      <c r="AI3110" s="128"/>
      <c r="AJ3110" s="128"/>
      <c r="AK3110" s="128"/>
      <c r="AL3110" s="128"/>
      <c r="AM3110" s="128"/>
      <c r="AN3110" s="128"/>
      <c r="AO3110" s="128"/>
      <c r="AP3110" s="128"/>
      <c r="AQ3110" s="128"/>
      <c r="AR3110" s="128"/>
      <c r="AS3110" s="128"/>
      <c r="AT3110" s="128"/>
      <c r="AU3110" s="128"/>
      <c r="AV3110" s="128"/>
      <c r="AW3110" s="128"/>
      <c r="AX3110" s="128"/>
      <c r="AY3110" s="128"/>
      <c r="AZ3110" s="128"/>
      <c r="BA3110" s="128"/>
      <c r="BB3110" s="107">
        <v>45884</v>
      </c>
    </row>
    <row r="3111" spans="1:54" s="8" customFormat="1" ht="13.95" customHeight="1" x14ac:dyDescent="0.25">
      <c r="A3111" s="219" t="s">
        <v>7087</v>
      </c>
      <c r="B3111" s="220" t="s">
        <v>6395</v>
      </c>
      <c r="C3111" s="98" t="s">
        <v>7088</v>
      </c>
      <c r="D3111" s="98" t="s">
        <v>20822</v>
      </c>
      <c r="E3111" s="141">
        <v>1996</v>
      </c>
      <c r="F3111" s="141">
        <v>724</v>
      </c>
      <c r="G3111" s="98" t="s">
        <v>1</v>
      </c>
      <c r="H3111" s="98">
        <v>0</v>
      </c>
      <c r="I3111" s="98">
        <v>0</v>
      </c>
      <c r="J3111" s="98" t="s">
        <v>400</v>
      </c>
      <c r="K3111" s="98" t="s">
        <v>400</v>
      </c>
      <c r="L3111" s="98" t="s">
        <v>400</v>
      </c>
      <c r="M3111" s="98" t="s">
        <v>400</v>
      </c>
      <c r="N3111" s="98" t="s">
        <v>400</v>
      </c>
      <c r="O3111" s="98" t="s">
        <v>400</v>
      </c>
      <c r="P3111" s="98" t="s">
        <v>400</v>
      </c>
      <c r="Q3111" s="98" t="s">
        <v>400</v>
      </c>
      <c r="R3111" s="98" t="s">
        <v>400</v>
      </c>
      <c r="S3111" s="98" t="s">
        <v>400</v>
      </c>
      <c r="T3111" s="98" t="s">
        <v>400</v>
      </c>
      <c r="U3111" s="128"/>
      <c r="V3111" s="128"/>
      <c r="W3111" s="128"/>
      <c r="X3111" s="128"/>
      <c r="Y3111" s="128"/>
      <c r="Z3111" s="128"/>
      <c r="AA3111" s="128"/>
      <c r="AB3111" s="128"/>
      <c r="AC3111" s="128"/>
      <c r="AD3111" s="128"/>
      <c r="AE3111" s="128"/>
      <c r="AF3111" s="128"/>
      <c r="AG3111" s="128"/>
      <c r="AH3111" s="128"/>
      <c r="AI3111" s="128"/>
      <c r="AJ3111" s="128"/>
      <c r="AK3111" s="128"/>
      <c r="AL3111" s="128"/>
      <c r="AM3111" s="128"/>
      <c r="AN3111" s="128"/>
      <c r="AO3111" s="128"/>
      <c r="AP3111" s="128"/>
      <c r="AQ3111" s="128"/>
      <c r="AR3111" s="128"/>
      <c r="AS3111" s="128"/>
      <c r="AT3111" s="128"/>
      <c r="AU3111" s="128"/>
      <c r="AV3111" s="128"/>
      <c r="AW3111" s="128"/>
      <c r="AX3111" s="128"/>
      <c r="AY3111" s="128"/>
      <c r="AZ3111" s="128"/>
      <c r="BA3111" s="128"/>
      <c r="BB3111" s="107">
        <v>45884</v>
      </c>
    </row>
    <row r="3112" spans="1:54" s="8" customFormat="1" ht="13.95" customHeight="1" x14ac:dyDescent="0.25">
      <c r="A3112" s="219" t="s">
        <v>7089</v>
      </c>
      <c r="B3112" s="220" t="s">
        <v>6395</v>
      </c>
      <c r="C3112" s="98" t="s">
        <v>7090</v>
      </c>
      <c r="D3112" s="98" t="s">
        <v>20823</v>
      </c>
      <c r="E3112" s="141">
        <v>1981</v>
      </c>
      <c r="F3112" s="141">
        <v>731</v>
      </c>
      <c r="G3112" s="98" t="s">
        <v>1</v>
      </c>
      <c r="H3112" s="98">
        <v>0</v>
      </c>
      <c r="I3112" s="98">
        <v>0</v>
      </c>
      <c r="J3112" s="98" t="s">
        <v>400</v>
      </c>
      <c r="K3112" s="98" t="s">
        <v>400</v>
      </c>
      <c r="L3112" s="98" t="s">
        <v>400</v>
      </c>
      <c r="M3112" s="98" t="s">
        <v>400</v>
      </c>
      <c r="N3112" s="98" t="s">
        <v>400</v>
      </c>
      <c r="O3112" s="98" t="s">
        <v>400</v>
      </c>
      <c r="P3112" s="98" t="s">
        <v>400</v>
      </c>
      <c r="Q3112" s="98" t="s">
        <v>400</v>
      </c>
      <c r="R3112" s="98" t="s">
        <v>400</v>
      </c>
      <c r="S3112" s="98" t="s">
        <v>400</v>
      </c>
      <c r="T3112" s="98" t="s">
        <v>400</v>
      </c>
      <c r="U3112" s="128"/>
      <c r="V3112" s="128"/>
      <c r="W3112" s="128"/>
      <c r="X3112" s="128"/>
      <c r="Y3112" s="128"/>
      <c r="Z3112" s="128"/>
      <c r="AA3112" s="128"/>
      <c r="AB3112" s="128"/>
      <c r="AC3112" s="128"/>
      <c r="AD3112" s="128"/>
      <c r="AE3112" s="128"/>
      <c r="AF3112" s="128"/>
      <c r="AG3112" s="128"/>
      <c r="AH3112" s="128"/>
      <c r="AI3112" s="128"/>
      <c r="AJ3112" s="128"/>
      <c r="AK3112" s="128"/>
      <c r="AL3112" s="128"/>
      <c r="AM3112" s="128"/>
      <c r="AN3112" s="128"/>
      <c r="AO3112" s="128"/>
      <c r="AP3112" s="128"/>
      <c r="AQ3112" s="128"/>
      <c r="AR3112" s="128"/>
      <c r="AS3112" s="128"/>
      <c r="AT3112" s="128"/>
      <c r="AU3112" s="128"/>
      <c r="AV3112" s="128"/>
      <c r="AW3112" s="128"/>
      <c r="AX3112" s="128"/>
      <c r="AY3112" s="128"/>
      <c r="AZ3112" s="128"/>
      <c r="BA3112" s="128"/>
      <c r="BB3112" s="107">
        <v>45884</v>
      </c>
    </row>
    <row r="3113" spans="1:54" s="8" customFormat="1" ht="13.95" customHeight="1" x14ac:dyDescent="0.25">
      <c r="A3113" s="219" t="s">
        <v>7091</v>
      </c>
      <c r="B3113" s="220" t="s">
        <v>6395</v>
      </c>
      <c r="C3113" s="98" t="s">
        <v>7092</v>
      </c>
      <c r="D3113" s="98" t="s">
        <v>20824</v>
      </c>
      <c r="E3113" s="141">
        <v>1980</v>
      </c>
      <c r="F3113" s="141">
        <v>733</v>
      </c>
      <c r="G3113" s="98" t="s">
        <v>1</v>
      </c>
      <c r="H3113" s="98">
        <v>0</v>
      </c>
      <c r="I3113" s="98">
        <v>0</v>
      </c>
      <c r="J3113" s="98" t="s">
        <v>400</v>
      </c>
      <c r="K3113" s="98" t="s">
        <v>400</v>
      </c>
      <c r="L3113" s="98" t="s">
        <v>400</v>
      </c>
      <c r="M3113" s="98" t="s">
        <v>400</v>
      </c>
      <c r="N3113" s="98" t="s">
        <v>400</v>
      </c>
      <c r="O3113" s="98" t="s">
        <v>400</v>
      </c>
      <c r="P3113" s="98" t="s">
        <v>400</v>
      </c>
      <c r="Q3113" s="98" t="s">
        <v>400</v>
      </c>
      <c r="R3113" s="98" t="s">
        <v>400</v>
      </c>
      <c r="S3113" s="98" t="s">
        <v>400</v>
      </c>
      <c r="T3113" s="98" t="s">
        <v>400</v>
      </c>
      <c r="U3113" s="128"/>
      <c r="V3113" s="128"/>
      <c r="W3113" s="128"/>
      <c r="X3113" s="128"/>
      <c r="Y3113" s="128"/>
      <c r="Z3113" s="128"/>
      <c r="AA3113" s="128"/>
      <c r="AB3113" s="128"/>
      <c r="AC3113" s="128"/>
      <c r="AD3113" s="128"/>
      <c r="AE3113" s="128"/>
      <c r="AF3113" s="128"/>
      <c r="AG3113" s="128"/>
      <c r="AH3113" s="128"/>
      <c r="AI3113" s="128"/>
      <c r="AJ3113" s="128"/>
      <c r="AK3113" s="128"/>
      <c r="AL3113" s="128"/>
      <c r="AM3113" s="128"/>
      <c r="AN3113" s="128"/>
      <c r="AO3113" s="128"/>
      <c r="AP3113" s="128"/>
      <c r="AQ3113" s="128"/>
      <c r="AR3113" s="128"/>
      <c r="AS3113" s="128"/>
      <c r="AT3113" s="128"/>
      <c r="AU3113" s="128"/>
      <c r="AV3113" s="128"/>
      <c r="AW3113" s="128"/>
      <c r="AX3113" s="128"/>
      <c r="AY3113" s="128"/>
      <c r="AZ3113" s="128"/>
      <c r="BA3113" s="128"/>
      <c r="BB3113" s="107">
        <v>45884</v>
      </c>
    </row>
    <row r="3114" spans="1:54" s="8" customFormat="1" ht="13.95" customHeight="1" x14ac:dyDescent="0.25">
      <c r="A3114" s="219" t="s">
        <v>7093</v>
      </c>
      <c r="B3114" s="220" t="s">
        <v>6395</v>
      </c>
      <c r="C3114" s="98" t="s">
        <v>7094</v>
      </c>
      <c r="D3114" s="98" t="s">
        <v>20825</v>
      </c>
      <c r="E3114" s="141">
        <v>1977</v>
      </c>
      <c r="F3114" s="141">
        <v>735</v>
      </c>
      <c r="G3114" s="98" t="s">
        <v>1</v>
      </c>
      <c r="H3114" s="98">
        <v>0</v>
      </c>
      <c r="I3114" s="98">
        <v>0</v>
      </c>
      <c r="J3114" s="98" t="s">
        <v>400</v>
      </c>
      <c r="K3114" s="98" t="s">
        <v>400</v>
      </c>
      <c r="L3114" s="98" t="s">
        <v>400</v>
      </c>
      <c r="M3114" s="98" t="s">
        <v>400</v>
      </c>
      <c r="N3114" s="98" t="s">
        <v>400</v>
      </c>
      <c r="O3114" s="98" t="s">
        <v>400</v>
      </c>
      <c r="P3114" s="98" t="s">
        <v>400</v>
      </c>
      <c r="Q3114" s="98" t="s">
        <v>400</v>
      </c>
      <c r="R3114" s="98" t="s">
        <v>400</v>
      </c>
      <c r="S3114" s="98" t="s">
        <v>400</v>
      </c>
      <c r="T3114" s="98" t="s">
        <v>400</v>
      </c>
      <c r="U3114" s="128"/>
      <c r="V3114" s="128"/>
      <c r="W3114" s="128"/>
      <c r="X3114" s="128"/>
      <c r="Y3114" s="128"/>
      <c r="Z3114" s="128"/>
      <c r="AA3114" s="128"/>
      <c r="AB3114" s="128"/>
      <c r="AC3114" s="128"/>
      <c r="AD3114" s="128"/>
      <c r="AE3114" s="128"/>
      <c r="AF3114" s="128"/>
      <c r="AG3114" s="128"/>
      <c r="AH3114" s="128"/>
      <c r="AI3114" s="128"/>
      <c r="AJ3114" s="128"/>
      <c r="AK3114" s="128"/>
      <c r="AL3114" s="128"/>
      <c r="AM3114" s="128"/>
      <c r="AN3114" s="128"/>
      <c r="AO3114" s="128"/>
      <c r="AP3114" s="128"/>
      <c r="AQ3114" s="128"/>
      <c r="AR3114" s="128"/>
      <c r="AS3114" s="128"/>
      <c r="AT3114" s="128"/>
      <c r="AU3114" s="128"/>
      <c r="AV3114" s="128"/>
      <c r="AW3114" s="128"/>
      <c r="AX3114" s="128"/>
      <c r="AY3114" s="128"/>
      <c r="AZ3114" s="128"/>
      <c r="BA3114" s="128"/>
      <c r="BB3114" s="107">
        <v>45884</v>
      </c>
    </row>
    <row r="3115" spans="1:54" s="8" customFormat="1" ht="13.95" customHeight="1" x14ac:dyDescent="0.25">
      <c r="A3115" s="219" t="s">
        <v>7095</v>
      </c>
      <c r="B3115" s="220" t="s">
        <v>6395</v>
      </c>
      <c r="C3115" s="98" t="s">
        <v>7096</v>
      </c>
      <c r="D3115" s="98" t="s">
        <v>20826</v>
      </c>
      <c r="E3115" s="141">
        <v>1988</v>
      </c>
      <c r="F3115" s="141">
        <v>735</v>
      </c>
      <c r="G3115" s="98" t="s">
        <v>1</v>
      </c>
      <c r="H3115" s="98">
        <v>0</v>
      </c>
      <c r="I3115" s="98">
        <v>0</v>
      </c>
      <c r="J3115" s="98" t="s">
        <v>400</v>
      </c>
      <c r="K3115" s="98" t="s">
        <v>400</v>
      </c>
      <c r="L3115" s="98" t="s">
        <v>400</v>
      </c>
      <c r="M3115" s="98" t="s">
        <v>400</v>
      </c>
      <c r="N3115" s="98" t="s">
        <v>400</v>
      </c>
      <c r="O3115" s="98" t="s">
        <v>400</v>
      </c>
      <c r="P3115" s="98" t="s">
        <v>400</v>
      </c>
      <c r="Q3115" s="98" t="s">
        <v>400</v>
      </c>
      <c r="R3115" s="98" t="s">
        <v>400</v>
      </c>
      <c r="S3115" s="98" t="s">
        <v>400</v>
      </c>
      <c r="T3115" s="98" t="s">
        <v>400</v>
      </c>
      <c r="U3115" s="128"/>
      <c r="V3115" s="128"/>
      <c r="W3115" s="128"/>
      <c r="X3115" s="128"/>
      <c r="Y3115" s="128"/>
      <c r="Z3115" s="128"/>
      <c r="AA3115" s="128"/>
      <c r="AB3115" s="128"/>
      <c r="AC3115" s="128"/>
      <c r="AD3115" s="128"/>
      <c r="AE3115" s="128"/>
      <c r="AF3115" s="128"/>
      <c r="AG3115" s="128"/>
      <c r="AH3115" s="128"/>
      <c r="AI3115" s="128"/>
      <c r="AJ3115" s="128"/>
      <c r="AK3115" s="128"/>
      <c r="AL3115" s="128"/>
      <c r="AM3115" s="128"/>
      <c r="AN3115" s="128"/>
      <c r="AO3115" s="128"/>
      <c r="AP3115" s="128"/>
      <c r="AQ3115" s="128"/>
      <c r="AR3115" s="128"/>
      <c r="AS3115" s="128"/>
      <c r="AT3115" s="128"/>
      <c r="AU3115" s="128"/>
      <c r="AV3115" s="128"/>
      <c r="AW3115" s="128"/>
      <c r="AX3115" s="128"/>
      <c r="AY3115" s="128"/>
      <c r="AZ3115" s="128"/>
      <c r="BA3115" s="128"/>
      <c r="BB3115" s="107">
        <v>45884</v>
      </c>
    </row>
    <row r="3116" spans="1:54" s="8" customFormat="1" ht="13.95" customHeight="1" x14ac:dyDescent="0.25">
      <c r="A3116" s="219" t="s">
        <v>7097</v>
      </c>
      <c r="B3116" s="220" t="s">
        <v>6395</v>
      </c>
      <c r="C3116" s="98" t="s">
        <v>7098</v>
      </c>
      <c r="D3116" s="98" t="s">
        <v>20827</v>
      </c>
      <c r="E3116" s="141">
        <v>1994</v>
      </c>
      <c r="F3116" s="141">
        <v>735</v>
      </c>
      <c r="G3116" s="98" t="s">
        <v>8</v>
      </c>
      <c r="H3116" s="98">
        <v>0</v>
      </c>
      <c r="I3116" s="98">
        <v>0</v>
      </c>
      <c r="J3116" s="98" t="s">
        <v>400</v>
      </c>
      <c r="K3116" s="98" t="s">
        <v>400</v>
      </c>
      <c r="L3116" s="98" t="s">
        <v>400</v>
      </c>
      <c r="M3116" s="98" t="s">
        <v>400</v>
      </c>
      <c r="N3116" s="98" t="s">
        <v>400</v>
      </c>
      <c r="O3116" s="98" t="s">
        <v>400</v>
      </c>
      <c r="P3116" s="98" t="s">
        <v>400</v>
      </c>
      <c r="Q3116" s="98" t="s">
        <v>400</v>
      </c>
      <c r="R3116" s="98" t="s">
        <v>400</v>
      </c>
      <c r="S3116" s="98" t="s">
        <v>400</v>
      </c>
      <c r="T3116" s="98" t="s">
        <v>400</v>
      </c>
      <c r="U3116" s="98">
        <v>0</v>
      </c>
      <c r="V3116" s="98">
        <v>0</v>
      </c>
      <c r="W3116" s="98" t="s">
        <v>400</v>
      </c>
      <c r="X3116" s="98">
        <v>0</v>
      </c>
      <c r="Y3116" s="98">
        <v>0</v>
      </c>
      <c r="Z3116" s="98">
        <v>0</v>
      </c>
      <c r="AA3116" s="98" t="s">
        <v>400</v>
      </c>
      <c r="AB3116" s="98">
        <v>0</v>
      </c>
      <c r="AC3116" s="98">
        <v>0</v>
      </c>
      <c r="AD3116" s="98">
        <v>0</v>
      </c>
      <c r="AE3116" s="98">
        <v>0</v>
      </c>
      <c r="AF3116" s="98">
        <v>0</v>
      </c>
      <c r="AG3116" s="98">
        <v>0</v>
      </c>
      <c r="AH3116" s="98">
        <v>0</v>
      </c>
      <c r="AI3116" s="98">
        <v>0</v>
      </c>
      <c r="AJ3116" s="98">
        <v>0</v>
      </c>
      <c r="AK3116" s="98">
        <v>0</v>
      </c>
      <c r="AL3116" s="98">
        <v>0</v>
      </c>
      <c r="AM3116" s="98">
        <v>0</v>
      </c>
      <c r="AN3116" s="98">
        <v>0</v>
      </c>
      <c r="AO3116" s="98">
        <v>0</v>
      </c>
      <c r="AP3116" s="98">
        <v>0</v>
      </c>
      <c r="AQ3116" s="98">
        <v>0</v>
      </c>
      <c r="AR3116" s="98">
        <v>0</v>
      </c>
      <c r="AS3116" s="98">
        <v>0</v>
      </c>
      <c r="AT3116" s="129">
        <v>0</v>
      </c>
      <c r="AU3116" s="98">
        <v>0</v>
      </c>
      <c r="AV3116" s="98">
        <v>0</v>
      </c>
      <c r="AW3116" s="98">
        <v>0</v>
      </c>
      <c r="AX3116" s="98"/>
      <c r="AY3116" s="98"/>
      <c r="AZ3116" s="98"/>
      <c r="BA3116" s="98"/>
      <c r="BB3116" s="107">
        <v>45884</v>
      </c>
    </row>
    <row r="3117" spans="1:54" s="8" customFormat="1" ht="13.95" customHeight="1" x14ac:dyDescent="0.25">
      <c r="A3117" s="219" t="s">
        <v>7099</v>
      </c>
      <c r="B3117" s="220" t="s">
        <v>6395</v>
      </c>
      <c r="C3117" s="98" t="s">
        <v>7100</v>
      </c>
      <c r="D3117" s="98" t="s">
        <v>20828</v>
      </c>
      <c r="E3117" s="141">
        <v>1974</v>
      </c>
      <c r="F3117" s="141">
        <v>745</v>
      </c>
      <c r="G3117" s="98" t="s">
        <v>1</v>
      </c>
      <c r="H3117" s="98">
        <v>0</v>
      </c>
      <c r="I3117" s="98">
        <v>0</v>
      </c>
      <c r="J3117" s="98" t="s">
        <v>400</v>
      </c>
      <c r="K3117" s="98" t="s">
        <v>400</v>
      </c>
      <c r="L3117" s="98" t="s">
        <v>400</v>
      </c>
      <c r="M3117" s="98" t="s">
        <v>400</v>
      </c>
      <c r="N3117" s="98" t="s">
        <v>400</v>
      </c>
      <c r="O3117" s="98" t="s">
        <v>400</v>
      </c>
      <c r="P3117" s="98" t="s">
        <v>400</v>
      </c>
      <c r="Q3117" s="98" t="s">
        <v>400</v>
      </c>
      <c r="R3117" s="98" t="s">
        <v>400</v>
      </c>
      <c r="S3117" s="98" t="s">
        <v>400</v>
      </c>
      <c r="T3117" s="98" t="s">
        <v>400</v>
      </c>
      <c r="U3117" s="128"/>
      <c r="V3117" s="128"/>
      <c r="W3117" s="128"/>
      <c r="X3117" s="128"/>
      <c r="Y3117" s="128"/>
      <c r="Z3117" s="128"/>
      <c r="AA3117" s="128"/>
      <c r="AB3117" s="128"/>
      <c r="AC3117" s="128"/>
      <c r="AD3117" s="128"/>
      <c r="AE3117" s="128"/>
      <c r="AF3117" s="128"/>
      <c r="AG3117" s="128"/>
      <c r="AH3117" s="128"/>
      <c r="AI3117" s="128"/>
      <c r="AJ3117" s="128"/>
      <c r="AK3117" s="128"/>
      <c r="AL3117" s="128"/>
      <c r="AM3117" s="128"/>
      <c r="AN3117" s="128"/>
      <c r="AO3117" s="128"/>
      <c r="AP3117" s="128"/>
      <c r="AQ3117" s="128"/>
      <c r="AR3117" s="128"/>
      <c r="AS3117" s="128"/>
      <c r="AT3117" s="128"/>
      <c r="AU3117" s="128"/>
      <c r="AV3117" s="128"/>
      <c r="AW3117" s="128"/>
      <c r="AX3117" s="128"/>
      <c r="AY3117" s="128"/>
      <c r="AZ3117" s="128"/>
      <c r="BA3117" s="128"/>
      <c r="BB3117" s="107">
        <v>45884</v>
      </c>
    </row>
    <row r="3118" spans="1:54" s="8" customFormat="1" ht="13.95" customHeight="1" x14ac:dyDescent="0.25">
      <c r="A3118" s="219" t="s">
        <v>7101</v>
      </c>
      <c r="B3118" s="220" t="s">
        <v>6395</v>
      </c>
      <c r="C3118" s="98" t="s">
        <v>7102</v>
      </c>
      <c r="D3118" s="98" t="s">
        <v>20829</v>
      </c>
      <c r="E3118" s="141">
        <v>1999</v>
      </c>
      <c r="F3118" s="141">
        <v>748</v>
      </c>
      <c r="G3118" s="98" t="s">
        <v>1</v>
      </c>
      <c r="H3118" s="98">
        <v>0</v>
      </c>
      <c r="I3118" s="98">
        <v>0</v>
      </c>
      <c r="J3118" s="98" t="s">
        <v>400</v>
      </c>
      <c r="K3118" s="98" t="s">
        <v>400</v>
      </c>
      <c r="L3118" s="98" t="s">
        <v>400</v>
      </c>
      <c r="M3118" s="98" t="s">
        <v>400</v>
      </c>
      <c r="N3118" s="98" t="s">
        <v>400</v>
      </c>
      <c r="O3118" s="98" t="s">
        <v>400</v>
      </c>
      <c r="P3118" s="98" t="s">
        <v>400</v>
      </c>
      <c r="Q3118" s="98" t="s">
        <v>400</v>
      </c>
      <c r="R3118" s="98" t="s">
        <v>400</v>
      </c>
      <c r="S3118" s="98" t="s">
        <v>400</v>
      </c>
      <c r="T3118" s="98" t="s">
        <v>400</v>
      </c>
      <c r="U3118" s="128"/>
      <c r="V3118" s="128"/>
      <c r="W3118" s="128"/>
      <c r="X3118" s="128"/>
      <c r="Y3118" s="128"/>
      <c r="Z3118" s="128"/>
      <c r="AA3118" s="128"/>
      <c r="AB3118" s="128"/>
      <c r="AC3118" s="128"/>
      <c r="AD3118" s="128"/>
      <c r="AE3118" s="128"/>
      <c r="AF3118" s="128"/>
      <c r="AG3118" s="128"/>
      <c r="AH3118" s="128"/>
      <c r="AI3118" s="128"/>
      <c r="AJ3118" s="128"/>
      <c r="AK3118" s="128"/>
      <c r="AL3118" s="128"/>
      <c r="AM3118" s="128"/>
      <c r="AN3118" s="128"/>
      <c r="AO3118" s="128"/>
      <c r="AP3118" s="128"/>
      <c r="AQ3118" s="128"/>
      <c r="AR3118" s="128"/>
      <c r="AS3118" s="128"/>
      <c r="AT3118" s="128"/>
      <c r="AU3118" s="128"/>
      <c r="AV3118" s="128"/>
      <c r="AW3118" s="128"/>
      <c r="AX3118" s="128"/>
      <c r="AY3118" s="128"/>
      <c r="AZ3118" s="128"/>
      <c r="BA3118" s="128"/>
      <c r="BB3118" s="107">
        <v>45884</v>
      </c>
    </row>
    <row r="3119" spans="1:54" s="8" customFormat="1" ht="13.95" customHeight="1" x14ac:dyDescent="0.25">
      <c r="A3119" s="219" t="s">
        <v>7103</v>
      </c>
      <c r="B3119" s="220" t="s">
        <v>6395</v>
      </c>
      <c r="C3119" s="98" t="s">
        <v>7104</v>
      </c>
      <c r="D3119" s="98" t="s">
        <v>20830</v>
      </c>
      <c r="E3119" s="141">
        <v>1998</v>
      </c>
      <c r="F3119" s="141">
        <v>751</v>
      </c>
      <c r="G3119" s="98" t="s">
        <v>1</v>
      </c>
      <c r="H3119" s="98">
        <v>0</v>
      </c>
      <c r="I3119" s="98">
        <v>0</v>
      </c>
      <c r="J3119" s="98" t="s">
        <v>400</v>
      </c>
      <c r="K3119" s="98" t="s">
        <v>400</v>
      </c>
      <c r="L3119" s="98" t="s">
        <v>400</v>
      </c>
      <c r="M3119" s="98" t="s">
        <v>400</v>
      </c>
      <c r="N3119" s="98" t="s">
        <v>400</v>
      </c>
      <c r="O3119" s="98" t="s">
        <v>400</v>
      </c>
      <c r="P3119" s="98" t="s">
        <v>400</v>
      </c>
      <c r="Q3119" s="98" t="s">
        <v>400</v>
      </c>
      <c r="R3119" s="98" t="s">
        <v>400</v>
      </c>
      <c r="S3119" s="98" t="s">
        <v>400</v>
      </c>
      <c r="T3119" s="98" t="s">
        <v>400</v>
      </c>
      <c r="U3119" s="128"/>
      <c r="V3119" s="128"/>
      <c r="W3119" s="128"/>
      <c r="X3119" s="128"/>
      <c r="Y3119" s="128"/>
      <c r="Z3119" s="128"/>
      <c r="AA3119" s="128"/>
      <c r="AB3119" s="128"/>
      <c r="AC3119" s="128"/>
      <c r="AD3119" s="128"/>
      <c r="AE3119" s="128"/>
      <c r="AF3119" s="128"/>
      <c r="AG3119" s="128"/>
      <c r="AH3119" s="128"/>
      <c r="AI3119" s="128"/>
      <c r="AJ3119" s="128"/>
      <c r="AK3119" s="128"/>
      <c r="AL3119" s="128"/>
      <c r="AM3119" s="128"/>
      <c r="AN3119" s="128"/>
      <c r="AO3119" s="128"/>
      <c r="AP3119" s="128"/>
      <c r="AQ3119" s="128"/>
      <c r="AR3119" s="128"/>
      <c r="AS3119" s="128"/>
      <c r="AT3119" s="128"/>
      <c r="AU3119" s="128"/>
      <c r="AV3119" s="128"/>
      <c r="AW3119" s="128"/>
      <c r="AX3119" s="128"/>
      <c r="AY3119" s="128"/>
      <c r="AZ3119" s="128"/>
      <c r="BA3119" s="128"/>
      <c r="BB3119" s="107">
        <v>45884</v>
      </c>
    </row>
    <row r="3120" spans="1:54" s="8" customFormat="1" ht="13.95" customHeight="1" x14ac:dyDescent="0.25">
      <c r="A3120" s="219" t="s">
        <v>7105</v>
      </c>
      <c r="B3120" s="220" t="s">
        <v>6395</v>
      </c>
      <c r="C3120" s="98" t="s">
        <v>7106</v>
      </c>
      <c r="D3120" s="98" t="s">
        <v>20831</v>
      </c>
      <c r="E3120" s="141">
        <v>1986</v>
      </c>
      <c r="F3120" s="141">
        <v>756</v>
      </c>
      <c r="G3120" s="98" t="s">
        <v>1</v>
      </c>
      <c r="H3120" s="98">
        <v>0</v>
      </c>
      <c r="I3120" s="98">
        <v>0</v>
      </c>
      <c r="J3120" s="98" t="s">
        <v>400</v>
      </c>
      <c r="K3120" s="98" t="s">
        <v>400</v>
      </c>
      <c r="L3120" s="98" t="s">
        <v>400</v>
      </c>
      <c r="M3120" s="98" t="s">
        <v>400</v>
      </c>
      <c r="N3120" s="98" t="s">
        <v>400</v>
      </c>
      <c r="O3120" s="98" t="s">
        <v>400</v>
      </c>
      <c r="P3120" s="98" t="s">
        <v>400</v>
      </c>
      <c r="Q3120" s="98" t="s">
        <v>400</v>
      </c>
      <c r="R3120" s="98" t="s">
        <v>400</v>
      </c>
      <c r="S3120" s="98" t="s">
        <v>400</v>
      </c>
      <c r="T3120" s="98" t="s">
        <v>400</v>
      </c>
      <c r="U3120" s="128"/>
      <c r="V3120" s="128"/>
      <c r="W3120" s="128"/>
      <c r="X3120" s="128"/>
      <c r="Y3120" s="128"/>
      <c r="Z3120" s="128"/>
      <c r="AA3120" s="128"/>
      <c r="AB3120" s="128"/>
      <c r="AC3120" s="128"/>
      <c r="AD3120" s="128"/>
      <c r="AE3120" s="128"/>
      <c r="AF3120" s="128"/>
      <c r="AG3120" s="128"/>
      <c r="AH3120" s="128"/>
      <c r="AI3120" s="128"/>
      <c r="AJ3120" s="128"/>
      <c r="AK3120" s="128"/>
      <c r="AL3120" s="128"/>
      <c r="AM3120" s="128"/>
      <c r="AN3120" s="128"/>
      <c r="AO3120" s="128"/>
      <c r="AP3120" s="128"/>
      <c r="AQ3120" s="128"/>
      <c r="AR3120" s="128"/>
      <c r="AS3120" s="128"/>
      <c r="AT3120" s="128"/>
      <c r="AU3120" s="128"/>
      <c r="AV3120" s="128"/>
      <c r="AW3120" s="128"/>
      <c r="AX3120" s="128"/>
      <c r="AY3120" s="128"/>
      <c r="AZ3120" s="128"/>
      <c r="BA3120" s="128"/>
      <c r="BB3120" s="107">
        <v>45884</v>
      </c>
    </row>
    <row r="3121" spans="1:54" s="8" customFormat="1" ht="13.95" customHeight="1" x14ac:dyDescent="0.25">
      <c r="A3121" s="219" t="s">
        <v>7107</v>
      </c>
      <c r="B3121" s="220" t="s">
        <v>6395</v>
      </c>
      <c r="C3121" s="98" t="s">
        <v>7108</v>
      </c>
      <c r="D3121" s="98" t="s">
        <v>20832</v>
      </c>
      <c r="E3121" s="141">
        <v>1979</v>
      </c>
      <c r="F3121" s="141">
        <v>756</v>
      </c>
      <c r="G3121" s="98" t="s">
        <v>1</v>
      </c>
      <c r="H3121" s="98">
        <v>0</v>
      </c>
      <c r="I3121" s="98">
        <v>0</v>
      </c>
      <c r="J3121" s="98" t="s">
        <v>400</v>
      </c>
      <c r="K3121" s="98" t="s">
        <v>400</v>
      </c>
      <c r="L3121" s="98" t="s">
        <v>400</v>
      </c>
      <c r="M3121" s="98" t="s">
        <v>400</v>
      </c>
      <c r="N3121" s="98" t="s">
        <v>400</v>
      </c>
      <c r="O3121" s="98" t="s">
        <v>400</v>
      </c>
      <c r="P3121" s="98" t="s">
        <v>400</v>
      </c>
      <c r="Q3121" s="98" t="s">
        <v>400</v>
      </c>
      <c r="R3121" s="98" t="s">
        <v>400</v>
      </c>
      <c r="S3121" s="98" t="s">
        <v>400</v>
      </c>
      <c r="T3121" s="98" t="s">
        <v>400</v>
      </c>
      <c r="U3121" s="128"/>
      <c r="V3121" s="128"/>
      <c r="W3121" s="128"/>
      <c r="X3121" s="128"/>
      <c r="Y3121" s="128"/>
      <c r="Z3121" s="128"/>
      <c r="AA3121" s="128"/>
      <c r="AB3121" s="128"/>
      <c r="AC3121" s="128"/>
      <c r="AD3121" s="128"/>
      <c r="AE3121" s="128"/>
      <c r="AF3121" s="128"/>
      <c r="AG3121" s="128"/>
      <c r="AH3121" s="128"/>
      <c r="AI3121" s="128"/>
      <c r="AJ3121" s="128"/>
      <c r="AK3121" s="128"/>
      <c r="AL3121" s="128"/>
      <c r="AM3121" s="128"/>
      <c r="AN3121" s="128"/>
      <c r="AO3121" s="128"/>
      <c r="AP3121" s="128"/>
      <c r="AQ3121" s="128"/>
      <c r="AR3121" s="128"/>
      <c r="AS3121" s="128"/>
      <c r="AT3121" s="128"/>
      <c r="AU3121" s="128"/>
      <c r="AV3121" s="128"/>
      <c r="AW3121" s="128"/>
      <c r="AX3121" s="128"/>
      <c r="AY3121" s="128"/>
      <c r="AZ3121" s="128"/>
      <c r="BA3121" s="128"/>
      <c r="BB3121" s="107">
        <v>45884</v>
      </c>
    </row>
    <row r="3122" spans="1:54" s="8" customFormat="1" ht="13.95" customHeight="1" x14ac:dyDescent="0.25">
      <c r="A3122" s="219" t="s">
        <v>7109</v>
      </c>
      <c r="B3122" s="220" t="s">
        <v>6395</v>
      </c>
      <c r="C3122" s="98" t="s">
        <v>7110</v>
      </c>
      <c r="D3122" s="98" t="s">
        <v>20833</v>
      </c>
      <c r="E3122" s="141">
        <v>1957</v>
      </c>
      <c r="F3122" s="141">
        <v>763</v>
      </c>
      <c r="G3122" s="98" t="s">
        <v>1</v>
      </c>
      <c r="H3122" s="98">
        <v>0</v>
      </c>
      <c r="I3122" s="98">
        <v>0</v>
      </c>
      <c r="J3122" s="98" t="s">
        <v>400</v>
      </c>
      <c r="K3122" s="98" t="s">
        <v>400</v>
      </c>
      <c r="L3122" s="98" t="s">
        <v>400</v>
      </c>
      <c r="M3122" s="98" t="s">
        <v>400</v>
      </c>
      <c r="N3122" s="98" t="s">
        <v>400</v>
      </c>
      <c r="O3122" s="98" t="s">
        <v>400</v>
      </c>
      <c r="P3122" s="98" t="s">
        <v>400</v>
      </c>
      <c r="Q3122" s="98" t="s">
        <v>400</v>
      </c>
      <c r="R3122" s="98" t="s">
        <v>400</v>
      </c>
      <c r="S3122" s="98" t="s">
        <v>400</v>
      </c>
      <c r="T3122" s="98" t="s">
        <v>400</v>
      </c>
      <c r="U3122" s="128"/>
      <c r="V3122" s="128"/>
      <c r="W3122" s="128"/>
      <c r="X3122" s="128"/>
      <c r="Y3122" s="128"/>
      <c r="Z3122" s="128"/>
      <c r="AA3122" s="128"/>
      <c r="AB3122" s="128"/>
      <c r="AC3122" s="128"/>
      <c r="AD3122" s="128"/>
      <c r="AE3122" s="128"/>
      <c r="AF3122" s="128"/>
      <c r="AG3122" s="128"/>
      <c r="AH3122" s="128"/>
      <c r="AI3122" s="128"/>
      <c r="AJ3122" s="128"/>
      <c r="AK3122" s="128"/>
      <c r="AL3122" s="128"/>
      <c r="AM3122" s="128"/>
      <c r="AN3122" s="128"/>
      <c r="AO3122" s="128"/>
      <c r="AP3122" s="128"/>
      <c r="AQ3122" s="128"/>
      <c r="AR3122" s="128"/>
      <c r="AS3122" s="128"/>
      <c r="AT3122" s="128"/>
      <c r="AU3122" s="128"/>
      <c r="AV3122" s="128"/>
      <c r="AW3122" s="128"/>
      <c r="AX3122" s="128"/>
      <c r="AY3122" s="128"/>
      <c r="AZ3122" s="128"/>
      <c r="BA3122" s="128"/>
      <c r="BB3122" s="107">
        <v>45884</v>
      </c>
    </row>
    <row r="3123" spans="1:54" s="8" customFormat="1" ht="13.95" customHeight="1" x14ac:dyDescent="0.25">
      <c r="A3123" s="97" t="s">
        <v>7111</v>
      </c>
      <c r="B3123" s="220" t="s">
        <v>6395</v>
      </c>
      <c r="C3123" s="98" t="s">
        <v>7112</v>
      </c>
      <c r="D3123" s="98" t="s">
        <v>20834</v>
      </c>
      <c r="E3123" s="141">
        <v>2006</v>
      </c>
      <c r="F3123" s="222">
        <v>1442</v>
      </c>
      <c r="G3123" s="98" t="s">
        <v>1</v>
      </c>
      <c r="H3123" s="98">
        <v>0</v>
      </c>
      <c r="I3123" s="98">
        <v>0</v>
      </c>
      <c r="J3123" s="98" t="s">
        <v>400</v>
      </c>
      <c r="K3123" s="98" t="s">
        <v>400</v>
      </c>
      <c r="L3123" s="98" t="s">
        <v>400</v>
      </c>
      <c r="M3123" s="98" t="s">
        <v>400</v>
      </c>
      <c r="N3123" s="98" t="s">
        <v>400</v>
      </c>
      <c r="O3123" s="98" t="s">
        <v>400</v>
      </c>
      <c r="P3123" s="98" t="s">
        <v>400</v>
      </c>
      <c r="Q3123" s="98" t="s">
        <v>400</v>
      </c>
      <c r="R3123" s="98" t="s">
        <v>400</v>
      </c>
      <c r="S3123" s="98" t="s">
        <v>400</v>
      </c>
      <c r="T3123" s="98" t="s">
        <v>400</v>
      </c>
      <c r="U3123" s="128"/>
      <c r="V3123" s="128"/>
      <c r="W3123" s="128"/>
      <c r="X3123" s="128"/>
      <c r="Y3123" s="128"/>
      <c r="Z3123" s="128"/>
      <c r="AA3123" s="128"/>
      <c r="AB3123" s="128"/>
      <c r="AC3123" s="128"/>
      <c r="AD3123" s="128"/>
      <c r="AE3123" s="128"/>
      <c r="AF3123" s="128"/>
      <c r="AG3123" s="128"/>
      <c r="AH3123" s="128"/>
      <c r="AI3123" s="128"/>
      <c r="AJ3123" s="128"/>
      <c r="AK3123" s="128"/>
      <c r="AL3123" s="128"/>
      <c r="AM3123" s="128"/>
      <c r="AN3123" s="128"/>
      <c r="AO3123" s="128"/>
      <c r="AP3123" s="128"/>
      <c r="AQ3123" s="128"/>
      <c r="AR3123" s="128"/>
      <c r="AS3123" s="128"/>
      <c r="AT3123" s="128"/>
      <c r="AU3123" s="128"/>
      <c r="AV3123" s="128"/>
      <c r="AW3123" s="128"/>
      <c r="AX3123" s="128"/>
      <c r="AY3123" s="128"/>
      <c r="AZ3123" s="128"/>
      <c r="BA3123" s="128"/>
      <c r="BB3123" s="107">
        <v>45884</v>
      </c>
    </row>
    <row r="3124" spans="1:54" s="8" customFormat="1" ht="13.95" customHeight="1" x14ac:dyDescent="0.25">
      <c r="A3124" s="219" t="s">
        <v>7113</v>
      </c>
      <c r="B3124" s="220" t="s">
        <v>6395</v>
      </c>
      <c r="C3124" s="98" t="s">
        <v>7114</v>
      </c>
      <c r="D3124" s="98" t="s">
        <v>20835</v>
      </c>
      <c r="E3124" s="141">
        <v>1980</v>
      </c>
      <c r="F3124" s="141">
        <v>765</v>
      </c>
      <c r="G3124" s="98" t="s">
        <v>1</v>
      </c>
      <c r="H3124" s="98">
        <v>0</v>
      </c>
      <c r="I3124" s="98">
        <v>0</v>
      </c>
      <c r="J3124" s="98" t="s">
        <v>400</v>
      </c>
      <c r="K3124" s="98" t="s">
        <v>400</v>
      </c>
      <c r="L3124" s="98" t="s">
        <v>400</v>
      </c>
      <c r="M3124" s="98" t="s">
        <v>400</v>
      </c>
      <c r="N3124" s="98" t="s">
        <v>400</v>
      </c>
      <c r="O3124" s="98" t="s">
        <v>400</v>
      </c>
      <c r="P3124" s="98" t="s">
        <v>400</v>
      </c>
      <c r="Q3124" s="98" t="s">
        <v>400</v>
      </c>
      <c r="R3124" s="98" t="s">
        <v>400</v>
      </c>
      <c r="S3124" s="98" t="s">
        <v>400</v>
      </c>
      <c r="T3124" s="98" t="s">
        <v>400</v>
      </c>
      <c r="U3124" s="128"/>
      <c r="V3124" s="128"/>
      <c r="W3124" s="128"/>
      <c r="X3124" s="128"/>
      <c r="Y3124" s="128"/>
      <c r="Z3124" s="128"/>
      <c r="AA3124" s="128"/>
      <c r="AB3124" s="128"/>
      <c r="AC3124" s="128"/>
      <c r="AD3124" s="128"/>
      <c r="AE3124" s="128"/>
      <c r="AF3124" s="128"/>
      <c r="AG3124" s="128"/>
      <c r="AH3124" s="128"/>
      <c r="AI3124" s="128"/>
      <c r="AJ3124" s="128"/>
      <c r="AK3124" s="128"/>
      <c r="AL3124" s="128"/>
      <c r="AM3124" s="128"/>
      <c r="AN3124" s="128"/>
      <c r="AO3124" s="128"/>
      <c r="AP3124" s="128"/>
      <c r="AQ3124" s="128"/>
      <c r="AR3124" s="128"/>
      <c r="AS3124" s="128"/>
      <c r="AT3124" s="128"/>
      <c r="AU3124" s="128"/>
      <c r="AV3124" s="128"/>
      <c r="AW3124" s="128"/>
      <c r="AX3124" s="128"/>
      <c r="AY3124" s="128"/>
      <c r="AZ3124" s="128"/>
      <c r="BA3124" s="128"/>
      <c r="BB3124" s="107">
        <v>45884</v>
      </c>
    </row>
    <row r="3125" spans="1:54" s="8" customFormat="1" ht="13.95" customHeight="1" x14ac:dyDescent="0.25">
      <c r="A3125" s="219" t="s">
        <v>7115</v>
      </c>
      <c r="B3125" s="220" t="s">
        <v>6395</v>
      </c>
      <c r="C3125" s="98" t="s">
        <v>7116</v>
      </c>
      <c r="D3125" s="98" t="s">
        <v>20836</v>
      </c>
      <c r="E3125" s="141">
        <v>1966</v>
      </c>
      <c r="F3125" s="141">
        <v>766</v>
      </c>
      <c r="G3125" s="98" t="s">
        <v>1</v>
      </c>
      <c r="H3125" s="98">
        <v>0</v>
      </c>
      <c r="I3125" s="98">
        <v>0</v>
      </c>
      <c r="J3125" s="98" t="s">
        <v>400</v>
      </c>
      <c r="K3125" s="98" t="s">
        <v>400</v>
      </c>
      <c r="L3125" s="98" t="s">
        <v>400</v>
      </c>
      <c r="M3125" s="98" t="s">
        <v>400</v>
      </c>
      <c r="N3125" s="98" t="s">
        <v>400</v>
      </c>
      <c r="O3125" s="98" t="s">
        <v>400</v>
      </c>
      <c r="P3125" s="98" t="s">
        <v>400</v>
      </c>
      <c r="Q3125" s="98" t="s">
        <v>400</v>
      </c>
      <c r="R3125" s="98" t="s">
        <v>400</v>
      </c>
      <c r="S3125" s="98" t="s">
        <v>400</v>
      </c>
      <c r="T3125" s="98" t="s">
        <v>400</v>
      </c>
      <c r="U3125" s="128"/>
      <c r="V3125" s="128"/>
      <c r="W3125" s="128"/>
      <c r="X3125" s="128"/>
      <c r="Y3125" s="128"/>
      <c r="Z3125" s="128"/>
      <c r="AA3125" s="128"/>
      <c r="AB3125" s="128"/>
      <c r="AC3125" s="128"/>
      <c r="AD3125" s="128"/>
      <c r="AE3125" s="128"/>
      <c r="AF3125" s="128"/>
      <c r="AG3125" s="128"/>
      <c r="AH3125" s="128"/>
      <c r="AI3125" s="128"/>
      <c r="AJ3125" s="128"/>
      <c r="AK3125" s="128"/>
      <c r="AL3125" s="128"/>
      <c r="AM3125" s="128"/>
      <c r="AN3125" s="128"/>
      <c r="AO3125" s="128"/>
      <c r="AP3125" s="128"/>
      <c r="AQ3125" s="128"/>
      <c r="AR3125" s="128"/>
      <c r="AS3125" s="128"/>
      <c r="AT3125" s="128"/>
      <c r="AU3125" s="128"/>
      <c r="AV3125" s="128"/>
      <c r="AW3125" s="128"/>
      <c r="AX3125" s="128"/>
      <c r="AY3125" s="128"/>
      <c r="AZ3125" s="128"/>
      <c r="BA3125" s="128"/>
      <c r="BB3125" s="107">
        <v>45884</v>
      </c>
    </row>
    <row r="3126" spans="1:54" s="8" customFormat="1" ht="13.95" customHeight="1" x14ac:dyDescent="0.25">
      <c r="A3126" s="219" t="s">
        <v>7117</v>
      </c>
      <c r="B3126" s="220" t="s">
        <v>6395</v>
      </c>
      <c r="C3126" s="98" t="s">
        <v>7118</v>
      </c>
      <c r="D3126" s="98" t="s">
        <v>20837</v>
      </c>
      <c r="E3126" s="141">
        <v>1974</v>
      </c>
      <c r="F3126" s="141">
        <v>767</v>
      </c>
      <c r="G3126" s="98" t="s">
        <v>1</v>
      </c>
      <c r="H3126" s="98">
        <v>0</v>
      </c>
      <c r="I3126" s="98">
        <v>0</v>
      </c>
      <c r="J3126" s="98" t="s">
        <v>400</v>
      </c>
      <c r="K3126" s="98" t="s">
        <v>400</v>
      </c>
      <c r="L3126" s="98" t="s">
        <v>400</v>
      </c>
      <c r="M3126" s="98" t="s">
        <v>400</v>
      </c>
      <c r="N3126" s="98" t="s">
        <v>400</v>
      </c>
      <c r="O3126" s="98" t="s">
        <v>400</v>
      </c>
      <c r="P3126" s="98" t="s">
        <v>400</v>
      </c>
      <c r="Q3126" s="98" t="s">
        <v>400</v>
      </c>
      <c r="R3126" s="98" t="s">
        <v>400</v>
      </c>
      <c r="S3126" s="98" t="s">
        <v>400</v>
      </c>
      <c r="T3126" s="98" t="s">
        <v>400</v>
      </c>
      <c r="U3126" s="128"/>
      <c r="V3126" s="128"/>
      <c r="W3126" s="128"/>
      <c r="X3126" s="128"/>
      <c r="Y3126" s="128"/>
      <c r="Z3126" s="128"/>
      <c r="AA3126" s="128"/>
      <c r="AB3126" s="128"/>
      <c r="AC3126" s="128"/>
      <c r="AD3126" s="128"/>
      <c r="AE3126" s="128"/>
      <c r="AF3126" s="128"/>
      <c r="AG3126" s="128"/>
      <c r="AH3126" s="128"/>
      <c r="AI3126" s="128"/>
      <c r="AJ3126" s="128"/>
      <c r="AK3126" s="128"/>
      <c r="AL3126" s="128"/>
      <c r="AM3126" s="128"/>
      <c r="AN3126" s="128"/>
      <c r="AO3126" s="128"/>
      <c r="AP3126" s="128"/>
      <c r="AQ3126" s="128"/>
      <c r="AR3126" s="128"/>
      <c r="AS3126" s="128"/>
      <c r="AT3126" s="128"/>
      <c r="AU3126" s="128"/>
      <c r="AV3126" s="128"/>
      <c r="AW3126" s="128"/>
      <c r="AX3126" s="128"/>
      <c r="AY3126" s="128"/>
      <c r="AZ3126" s="128"/>
      <c r="BA3126" s="128"/>
      <c r="BB3126" s="107">
        <v>45884</v>
      </c>
    </row>
    <row r="3127" spans="1:54" s="8" customFormat="1" ht="13.95" customHeight="1" x14ac:dyDescent="0.25">
      <c r="A3127" s="219" t="s">
        <v>7119</v>
      </c>
      <c r="B3127" s="220" t="s">
        <v>6395</v>
      </c>
      <c r="C3127" s="98" t="s">
        <v>7120</v>
      </c>
      <c r="D3127" s="98" t="s">
        <v>20838</v>
      </c>
      <c r="E3127" s="141">
        <v>1983</v>
      </c>
      <c r="F3127" s="141">
        <v>773</v>
      </c>
      <c r="G3127" s="98" t="s">
        <v>1</v>
      </c>
      <c r="H3127" s="98">
        <v>0</v>
      </c>
      <c r="I3127" s="98">
        <v>0</v>
      </c>
      <c r="J3127" s="98" t="s">
        <v>400</v>
      </c>
      <c r="K3127" s="98" t="s">
        <v>400</v>
      </c>
      <c r="L3127" s="98" t="s">
        <v>400</v>
      </c>
      <c r="M3127" s="98" t="s">
        <v>400</v>
      </c>
      <c r="N3127" s="98" t="s">
        <v>400</v>
      </c>
      <c r="O3127" s="98" t="s">
        <v>400</v>
      </c>
      <c r="P3127" s="98" t="s">
        <v>400</v>
      </c>
      <c r="Q3127" s="98" t="s">
        <v>400</v>
      </c>
      <c r="R3127" s="98" t="s">
        <v>400</v>
      </c>
      <c r="S3127" s="98" t="s">
        <v>400</v>
      </c>
      <c r="T3127" s="98" t="s">
        <v>400</v>
      </c>
      <c r="U3127" s="128"/>
      <c r="V3127" s="128"/>
      <c r="W3127" s="128"/>
      <c r="X3127" s="128"/>
      <c r="Y3127" s="128"/>
      <c r="Z3127" s="128"/>
      <c r="AA3127" s="128"/>
      <c r="AB3127" s="128"/>
      <c r="AC3127" s="128"/>
      <c r="AD3127" s="128"/>
      <c r="AE3127" s="128"/>
      <c r="AF3127" s="128"/>
      <c r="AG3127" s="128"/>
      <c r="AH3127" s="128"/>
      <c r="AI3127" s="128"/>
      <c r="AJ3127" s="128"/>
      <c r="AK3127" s="128"/>
      <c r="AL3127" s="128"/>
      <c r="AM3127" s="128"/>
      <c r="AN3127" s="128"/>
      <c r="AO3127" s="128"/>
      <c r="AP3127" s="128"/>
      <c r="AQ3127" s="128"/>
      <c r="AR3127" s="128"/>
      <c r="AS3127" s="128"/>
      <c r="AT3127" s="128"/>
      <c r="AU3127" s="128"/>
      <c r="AV3127" s="128"/>
      <c r="AW3127" s="128"/>
      <c r="AX3127" s="128"/>
      <c r="AY3127" s="128"/>
      <c r="AZ3127" s="128"/>
      <c r="BA3127" s="128"/>
      <c r="BB3127" s="107">
        <v>45884</v>
      </c>
    </row>
    <row r="3128" spans="1:54" s="8" customFormat="1" ht="13.95" customHeight="1" x14ac:dyDescent="0.25">
      <c r="A3128" s="219" t="s">
        <v>7121</v>
      </c>
      <c r="B3128" s="220" t="s">
        <v>6395</v>
      </c>
      <c r="C3128" s="98" t="s">
        <v>7122</v>
      </c>
      <c r="D3128" s="98" t="s">
        <v>20839</v>
      </c>
      <c r="E3128" s="141">
        <v>1991</v>
      </c>
      <c r="F3128" s="141">
        <v>774</v>
      </c>
      <c r="G3128" s="98" t="s">
        <v>1</v>
      </c>
      <c r="H3128" s="98">
        <v>0</v>
      </c>
      <c r="I3128" s="98">
        <v>0</v>
      </c>
      <c r="J3128" s="98" t="s">
        <v>400</v>
      </c>
      <c r="K3128" s="98" t="s">
        <v>400</v>
      </c>
      <c r="L3128" s="98" t="s">
        <v>400</v>
      </c>
      <c r="M3128" s="98" t="s">
        <v>400</v>
      </c>
      <c r="N3128" s="98" t="s">
        <v>400</v>
      </c>
      <c r="O3128" s="98" t="s">
        <v>400</v>
      </c>
      <c r="P3128" s="98" t="s">
        <v>400</v>
      </c>
      <c r="Q3128" s="98" t="s">
        <v>400</v>
      </c>
      <c r="R3128" s="98" t="s">
        <v>400</v>
      </c>
      <c r="S3128" s="98" t="s">
        <v>400</v>
      </c>
      <c r="T3128" s="98" t="s">
        <v>400</v>
      </c>
      <c r="U3128" s="128"/>
      <c r="V3128" s="128"/>
      <c r="W3128" s="128"/>
      <c r="X3128" s="128"/>
      <c r="Y3128" s="128"/>
      <c r="Z3128" s="128"/>
      <c r="AA3128" s="128"/>
      <c r="AB3128" s="128"/>
      <c r="AC3128" s="128"/>
      <c r="AD3128" s="128"/>
      <c r="AE3128" s="128"/>
      <c r="AF3128" s="128"/>
      <c r="AG3128" s="128"/>
      <c r="AH3128" s="128"/>
      <c r="AI3128" s="128"/>
      <c r="AJ3128" s="128"/>
      <c r="AK3128" s="128"/>
      <c r="AL3128" s="128"/>
      <c r="AM3128" s="128"/>
      <c r="AN3128" s="128"/>
      <c r="AO3128" s="128"/>
      <c r="AP3128" s="128"/>
      <c r="AQ3128" s="128"/>
      <c r="AR3128" s="128"/>
      <c r="AS3128" s="128"/>
      <c r="AT3128" s="128"/>
      <c r="AU3128" s="128"/>
      <c r="AV3128" s="128"/>
      <c r="AW3128" s="128"/>
      <c r="AX3128" s="128"/>
      <c r="AY3128" s="128"/>
      <c r="AZ3128" s="128"/>
      <c r="BA3128" s="128"/>
      <c r="BB3128" s="107">
        <v>45884</v>
      </c>
    </row>
    <row r="3129" spans="1:54" s="8" customFormat="1" ht="13.95" customHeight="1" x14ac:dyDescent="0.25">
      <c r="A3129" s="219" t="s">
        <v>7123</v>
      </c>
      <c r="B3129" s="220" t="s">
        <v>6395</v>
      </c>
      <c r="C3129" s="98" t="s">
        <v>7124</v>
      </c>
      <c r="D3129" s="98" t="s">
        <v>20840</v>
      </c>
      <c r="E3129" s="141">
        <v>1983</v>
      </c>
      <c r="F3129" s="141">
        <v>775</v>
      </c>
      <c r="G3129" s="98" t="s">
        <v>1</v>
      </c>
      <c r="H3129" s="98">
        <v>0</v>
      </c>
      <c r="I3129" s="98">
        <v>0</v>
      </c>
      <c r="J3129" s="98" t="s">
        <v>400</v>
      </c>
      <c r="K3129" s="98" t="s">
        <v>400</v>
      </c>
      <c r="L3129" s="98" t="s">
        <v>400</v>
      </c>
      <c r="M3129" s="98" t="s">
        <v>400</v>
      </c>
      <c r="N3129" s="98" t="s">
        <v>400</v>
      </c>
      <c r="O3129" s="98" t="s">
        <v>400</v>
      </c>
      <c r="P3129" s="98" t="s">
        <v>400</v>
      </c>
      <c r="Q3129" s="98" t="s">
        <v>400</v>
      </c>
      <c r="R3129" s="98" t="s">
        <v>400</v>
      </c>
      <c r="S3129" s="98" t="s">
        <v>400</v>
      </c>
      <c r="T3129" s="98" t="s">
        <v>400</v>
      </c>
      <c r="U3129" s="128"/>
      <c r="V3129" s="128"/>
      <c r="W3129" s="128"/>
      <c r="X3129" s="128"/>
      <c r="Y3129" s="128"/>
      <c r="Z3129" s="128"/>
      <c r="AA3129" s="128"/>
      <c r="AB3129" s="128"/>
      <c r="AC3129" s="128"/>
      <c r="AD3129" s="128"/>
      <c r="AE3129" s="128"/>
      <c r="AF3129" s="128"/>
      <c r="AG3129" s="128"/>
      <c r="AH3129" s="128"/>
      <c r="AI3129" s="128"/>
      <c r="AJ3129" s="128"/>
      <c r="AK3129" s="128"/>
      <c r="AL3129" s="128"/>
      <c r="AM3129" s="128"/>
      <c r="AN3129" s="128"/>
      <c r="AO3129" s="128"/>
      <c r="AP3129" s="128"/>
      <c r="AQ3129" s="128"/>
      <c r="AR3129" s="128"/>
      <c r="AS3129" s="128"/>
      <c r="AT3129" s="128"/>
      <c r="AU3129" s="128"/>
      <c r="AV3129" s="128"/>
      <c r="AW3129" s="128"/>
      <c r="AX3129" s="128"/>
      <c r="AY3129" s="128"/>
      <c r="AZ3129" s="128"/>
      <c r="BA3129" s="128"/>
      <c r="BB3129" s="107">
        <v>45884</v>
      </c>
    </row>
    <row r="3130" spans="1:54" s="8" customFormat="1" ht="13.95" customHeight="1" x14ac:dyDescent="0.25">
      <c r="A3130" s="219" t="s">
        <v>7125</v>
      </c>
      <c r="B3130" s="220" t="s">
        <v>6395</v>
      </c>
      <c r="C3130" s="98" t="s">
        <v>7126</v>
      </c>
      <c r="D3130" s="98" t="s">
        <v>20841</v>
      </c>
      <c r="E3130" s="141">
        <v>1996</v>
      </c>
      <c r="F3130" s="141">
        <v>778</v>
      </c>
      <c r="G3130" s="98" t="s">
        <v>1</v>
      </c>
      <c r="H3130" s="98">
        <v>0</v>
      </c>
      <c r="I3130" s="98">
        <v>0</v>
      </c>
      <c r="J3130" s="98" t="s">
        <v>400</v>
      </c>
      <c r="K3130" s="98" t="s">
        <v>400</v>
      </c>
      <c r="L3130" s="98" t="s">
        <v>400</v>
      </c>
      <c r="M3130" s="98" t="s">
        <v>400</v>
      </c>
      <c r="N3130" s="98" t="s">
        <v>400</v>
      </c>
      <c r="O3130" s="98" t="s">
        <v>400</v>
      </c>
      <c r="P3130" s="98" t="s">
        <v>400</v>
      </c>
      <c r="Q3130" s="98" t="s">
        <v>400</v>
      </c>
      <c r="R3130" s="98" t="s">
        <v>400</v>
      </c>
      <c r="S3130" s="98" t="s">
        <v>400</v>
      </c>
      <c r="T3130" s="98" t="s">
        <v>400</v>
      </c>
      <c r="U3130" s="128"/>
      <c r="V3130" s="128"/>
      <c r="W3130" s="128"/>
      <c r="X3130" s="128"/>
      <c r="Y3130" s="128"/>
      <c r="Z3130" s="128"/>
      <c r="AA3130" s="128"/>
      <c r="AB3130" s="128"/>
      <c r="AC3130" s="128"/>
      <c r="AD3130" s="128"/>
      <c r="AE3130" s="128"/>
      <c r="AF3130" s="128"/>
      <c r="AG3130" s="128"/>
      <c r="AH3130" s="128"/>
      <c r="AI3130" s="128"/>
      <c r="AJ3130" s="128"/>
      <c r="AK3130" s="128"/>
      <c r="AL3130" s="128"/>
      <c r="AM3130" s="128"/>
      <c r="AN3130" s="128"/>
      <c r="AO3130" s="128"/>
      <c r="AP3130" s="128"/>
      <c r="AQ3130" s="128"/>
      <c r="AR3130" s="128"/>
      <c r="AS3130" s="128"/>
      <c r="AT3130" s="128"/>
      <c r="AU3130" s="128"/>
      <c r="AV3130" s="128"/>
      <c r="AW3130" s="128"/>
      <c r="AX3130" s="128"/>
      <c r="AY3130" s="128"/>
      <c r="AZ3130" s="128"/>
      <c r="BA3130" s="128"/>
      <c r="BB3130" s="107">
        <v>45884</v>
      </c>
    </row>
    <row r="3131" spans="1:54" s="8" customFormat="1" ht="13.95" customHeight="1" x14ac:dyDescent="0.25">
      <c r="A3131" s="219" t="s">
        <v>7127</v>
      </c>
      <c r="B3131" s="220" t="s">
        <v>6395</v>
      </c>
      <c r="C3131" s="98" t="s">
        <v>7128</v>
      </c>
      <c r="D3131" s="98" t="s">
        <v>20842</v>
      </c>
      <c r="E3131" s="141">
        <v>1981</v>
      </c>
      <c r="F3131" s="141">
        <v>780</v>
      </c>
      <c r="G3131" s="98" t="s">
        <v>1</v>
      </c>
      <c r="H3131" s="98">
        <v>0</v>
      </c>
      <c r="I3131" s="98">
        <v>0</v>
      </c>
      <c r="J3131" s="98" t="s">
        <v>400</v>
      </c>
      <c r="K3131" s="98" t="s">
        <v>400</v>
      </c>
      <c r="L3131" s="98" t="s">
        <v>400</v>
      </c>
      <c r="M3131" s="98" t="s">
        <v>400</v>
      </c>
      <c r="N3131" s="98" t="s">
        <v>400</v>
      </c>
      <c r="O3131" s="98" t="s">
        <v>400</v>
      </c>
      <c r="P3131" s="98" t="s">
        <v>400</v>
      </c>
      <c r="Q3131" s="98" t="s">
        <v>400</v>
      </c>
      <c r="R3131" s="98" t="s">
        <v>400</v>
      </c>
      <c r="S3131" s="98" t="s">
        <v>400</v>
      </c>
      <c r="T3131" s="98" t="s">
        <v>400</v>
      </c>
      <c r="U3131" s="128"/>
      <c r="V3131" s="128"/>
      <c r="W3131" s="128"/>
      <c r="X3131" s="128"/>
      <c r="Y3131" s="128"/>
      <c r="Z3131" s="128"/>
      <c r="AA3131" s="128"/>
      <c r="AB3131" s="128"/>
      <c r="AC3131" s="128"/>
      <c r="AD3131" s="128"/>
      <c r="AE3131" s="128"/>
      <c r="AF3131" s="128"/>
      <c r="AG3131" s="128"/>
      <c r="AH3131" s="128"/>
      <c r="AI3131" s="128"/>
      <c r="AJ3131" s="128"/>
      <c r="AK3131" s="128"/>
      <c r="AL3131" s="128"/>
      <c r="AM3131" s="128"/>
      <c r="AN3131" s="128"/>
      <c r="AO3131" s="128"/>
      <c r="AP3131" s="128"/>
      <c r="AQ3131" s="128"/>
      <c r="AR3131" s="128"/>
      <c r="AS3131" s="128"/>
      <c r="AT3131" s="128"/>
      <c r="AU3131" s="128"/>
      <c r="AV3131" s="128"/>
      <c r="AW3131" s="128"/>
      <c r="AX3131" s="128"/>
      <c r="AY3131" s="128"/>
      <c r="AZ3131" s="128"/>
      <c r="BA3131" s="128"/>
      <c r="BB3131" s="107">
        <v>45884</v>
      </c>
    </row>
    <row r="3132" spans="1:54" s="8" customFormat="1" ht="13.95" customHeight="1" x14ac:dyDescent="0.25">
      <c r="A3132" s="219" t="s">
        <v>7129</v>
      </c>
      <c r="B3132" s="220" t="s">
        <v>6395</v>
      </c>
      <c r="C3132" s="98" t="s">
        <v>7130</v>
      </c>
      <c r="D3132" s="98" t="s">
        <v>20843</v>
      </c>
      <c r="E3132" s="141">
        <v>1983</v>
      </c>
      <c r="F3132" s="141">
        <v>782</v>
      </c>
      <c r="G3132" s="98" t="s">
        <v>1</v>
      </c>
      <c r="H3132" s="98">
        <v>0</v>
      </c>
      <c r="I3132" s="98">
        <v>0</v>
      </c>
      <c r="J3132" s="98" t="s">
        <v>400</v>
      </c>
      <c r="K3132" s="98" t="s">
        <v>400</v>
      </c>
      <c r="L3132" s="98" t="s">
        <v>400</v>
      </c>
      <c r="M3132" s="98" t="s">
        <v>400</v>
      </c>
      <c r="N3132" s="98" t="s">
        <v>400</v>
      </c>
      <c r="O3132" s="98" t="s">
        <v>400</v>
      </c>
      <c r="P3132" s="98" t="s">
        <v>400</v>
      </c>
      <c r="Q3132" s="98" t="s">
        <v>400</v>
      </c>
      <c r="R3132" s="98" t="s">
        <v>400</v>
      </c>
      <c r="S3132" s="98" t="s">
        <v>400</v>
      </c>
      <c r="T3132" s="98" t="s">
        <v>400</v>
      </c>
      <c r="U3132" s="128"/>
      <c r="V3132" s="128"/>
      <c r="W3132" s="128"/>
      <c r="X3132" s="128"/>
      <c r="Y3132" s="128"/>
      <c r="Z3132" s="128"/>
      <c r="AA3132" s="128"/>
      <c r="AB3132" s="128"/>
      <c r="AC3132" s="128"/>
      <c r="AD3132" s="128"/>
      <c r="AE3132" s="128"/>
      <c r="AF3132" s="128"/>
      <c r="AG3132" s="128"/>
      <c r="AH3132" s="128"/>
      <c r="AI3132" s="128"/>
      <c r="AJ3132" s="128"/>
      <c r="AK3132" s="128"/>
      <c r="AL3132" s="128"/>
      <c r="AM3132" s="128"/>
      <c r="AN3132" s="128"/>
      <c r="AO3132" s="128"/>
      <c r="AP3132" s="128"/>
      <c r="AQ3132" s="128"/>
      <c r="AR3132" s="128"/>
      <c r="AS3132" s="128"/>
      <c r="AT3132" s="128"/>
      <c r="AU3132" s="128"/>
      <c r="AV3132" s="128"/>
      <c r="AW3132" s="128"/>
      <c r="AX3132" s="128"/>
      <c r="AY3132" s="128"/>
      <c r="AZ3132" s="128"/>
      <c r="BA3132" s="128"/>
      <c r="BB3132" s="107">
        <v>45884</v>
      </c>
    </row>
    <row r="3133" spans="1:54" s="8" customFormat="1" ht="13.95" customHeight="1" x14ac:dyDescent="0.25">
      <c r="A3133" s="219" t="s">
        <v>7131</v>
      </c>
      <c r="B3133" s="220" t="s">
        <v>6395</v>
      </c>
      <c r="C3133" s="98" t="s">
        <v>7132</v>
      </c>
      <c r="D3133" s="98" t="s">
        <v>20844</v>
      </c>
      <c r="E3133" s="141">
        <v>1959</v>
      </c>
      <c r="F3133" s="141">
        <v>792</v>
      </c>
      <c r="G3133" s="98" t="s">
        <v>1</v>
      </c>
      <c r="H3133" s="98">
        <v>0</v>
      </c>
      <c r="I3133" s="98">
        <v>0</v>
      </c>
      <c r="J3133" s="98" t="s">
        <v>400</v>
      </c>
      <c r="K3133" s="98" t="s">
        <v>400</v>
      </c>
      <c r="L3133" s="98" t="s">
        <v>400</v>
      </c>
      <c r="M3133" s="98" t="s">
        <v>400</v>
      </c>
      <c r="N3133" s="98" t="s">
        <v>400</v>
      </c>
      <c r="O3133" s="98" t="s">
        <v>400</v>
      </c>
      <c r="P3133" s="98" t="s">
        <v>400</v>
      </c>
      <c r="Q3133" s="98" t="s">
        <v>400</v>
      </c>
      <c r="R3133" s="98" t="s">
        <v>400</v>
      </c>
      <c r="S3133" s="98" t="s">
        <v>400</v>
      </c>
      <c r="T3133" s="98" t="s">
        <v>400</v>
      </c>
      <c r="U3133" s="128"/>
      <c r="V3133" s="128"/>
      <c r="W3133" s="128"/>
      <c r="X3133" s="128"/>
      <c r="Y3133" s="128"/>
      <c r="Z3133" s="128"/>
      <c r="AA3133" s="128"/>
      <c r="AB3133" s="128"/>
      <c r="AC3133" s="128"/>
      <c r="AD3133" s="128"/>
      <c r="AE3133" s="128"/>
      <c r="AF3133" s="128"/>
      <c r="AG3133" s="128"/>
      <c r="AH3133" s="128"/>
      <c r="AI3133" s="128"/>
      <c r="AJ3133" s="128"/>
      <c r="AK3133" s="128"/>
      <c r="AL3133" s="128"/>
      <c r="AM3133" s="128"/>
      <c r="AN3133" s="128"/>
      <c r="AO3133" s="128"/>
      <c r="AP3133" s="128"/>
      <c r="AQ3133" s="128"/>
      <c r="AR3133" s="128"/>
      <c r="AS3133" s="128"/>
      <c r="AT3133" s="128"/>
      <c r="AU3133" s="128"/>
      <c r="AV3133" s="128"/>
      <c r="AW3133" s="128"/>
      <c r="AX3133" s="128"/>
      <c r="AY3133" s="128"/>
      <c r="AZ3133" s="128"/>
      <c r="BA3133" s="128"/>
      <c r="BB3133" s="107">
        <v>45884</v>
      </c>
    </row>
    <row r="3134" spans="1:54" s="8" customFormat="1" ht="13.95" customHeight="1" x14ac:dyDescent="0.25">
      <c r="A3134" s="219" t="s">
        <v>7133</v>
      </c>
      <c r="B3134" s="220" t="s">
        <v>6395</v>
      </c>
      <c r="C3134" s="98" t="s">
        <v>7134</v>
      </c>
      <c r="D3134" s="98" t="s">
        <v>20845</v>
      </c>
      <c r="E3134" s="141">
        <v>1974</v>
      </c>
      <c r="F3134" s="141">
        <v>795</v>
      </c>
      <c r="G3134" s="98" t="s">
        <v>1</v>
      </c>
      <c r="H3134" s="98">
        <v>0</v>
      </c>
      <c r="I3134" s="98">
        <v>0</v>
      </c>
      <c r="J3134" s="98" t="s">
        <v>400</v>
      </c>
      <c r="K3134" s="98" t="s">
        <v>400</v>
      </c>
      <c r="L3134" s="98" t="s">
        <v>400</v>
      </c>
      <c r="M3134" s="98" t="s">
        <v>400</v>
      </c>
      <c r="N3134" s="98" t="s">
        <v>400</v>
      </c>
      <c r="O3134" s="98" t="s">
        <v>400</v>
      </c>
      <c r="P3134" s="98" t="s">
        <v>400</v>
      </c>
      <c r="Q3134" s="98" t="s">
        <v>400</v>
      </c>
      <c r="R3134" s="98" t="s">
        <v>400</v>
      </c>
      <c r="S3134" s="98" t="s">
        <v>400</v>
      </c>
      <c r="T3134" s="98" t="s">
        <v>400</v>
      </c>
      <c r="U3134" s="128"/>
      <c r="V3134" s="128"/>
      <c r="W3134" s="128"/>
      <c r="X3134" s="128"/>
      <c r="Y3134" s="128"/>
      <c r="Z3134" s="128"/>
      <c r="AA3134" s="128"/>
      <c r="AB3134" s="128"/>
      <c r="AC3134" s="128"/>
      <c r="AD3134" s="128"/>
      <c r="AE3134" s="128"/>
      <c r="AF3134" s="128"/>
      <c r="AG3134" s="128"/>
      <c r="AH3134" s="128"/>
      <c r="AI3134" s="128"/>
      <c r="AJ3134" s="128"/>
      <c r="AK3134" s="128"/>
      <c r="AL3134" s="128"/>
      <c r="AM3134" s="128"/>
      <c r="AN3134" s="128"/>
      <c r="AO3134" s="128"/>
      <c r="AP3134" s="128"/>
      <c r="AQ3134" s="128"/>
      <c r="AR3134" s="128"/>
      <c r="AS3134" s="128"/>
      <c r="AT3134" s="128"/>
      <c r="AU3134" s="128"/>
      <c r="AV3134" s="128"/>
      <c r="AW3134" s="128"/>
      <c r="AX3134" s="128"/>
      <c r="AY3134" s="128"/>
      <c r="AZ3134" s="128"/>
      <c r="BA3134" s="128"/>
      <c r="BB3134" s="107">
        <v>45884</v>
      </c>
    </row>
    <row r="3135" spans="1:54" s="8" customFormat="1" ht="13.95" customHeight="1" x14ac:dyDescent="0.25">
      <c r="A3135" s="219" t="s">
        <v>7135</v>
      </c>
      <c r="B3135" s="220" t="s">
        <v>6395</v>
      </c>
      <c r="C3135" s="98" t="s">
        <v>7136</v>
      </c>
      <c r="D3135" s="98" t="s">
        <v>20846</v>
      </c>
      <c r="E3135" s="141">
        <v>1995</v>
      </c>
      <c r="F3135" s="141">
        <v>798</v>
      </c>
      <c r="G3135" s="98" t="s">
        <v>1</v>
      </c>
      <c r="H3135" s="98">
        <v>0</v>
      </c>
      <c r="I3135" s="98">
        <v>0</v>
      </c>
      <c r="J3135" s="98" t="s">
        <v>400</v>
      </c>
      <c r="K3135" s="98" t="s">
        <v>400</v>
      </c>
      <c r="L3135" s="98" t="s">
        <v>400</v>
      </c>
      <c r="M3135" s="98" t="s">
        <v>400</v>
      </c>
      <c r="N3135" s="98" t="s">
        <v>400</v>
      </c>
      <c r="O3135" s="98" t="s">
        <v>400</v>
      </c>
      <c r="P3135" s="98" t="s">
        <v>400</v>
      </c>
      <c r="Q3135" s="98" t="s">
        <v>400</v>
      </c>
      <c r="R3135" s="98" t="s">
        <v>400</v>
      </c>
      <c r="S3135" s="98" t="s">
        <v>400</v>
      </c>
      <c r="T3135" s="98" t="s">
        <v>400</v>
      </c>
      <c r="U3135" s="128"/>
      <c r="V3135" s="128"/>
      <c r="W3135" s="128"/>
      <c r="X3135" s="128"/>
      <c r="Y3135" s="128"/>
      <c r="Z3135" s="128"/>
      <c r="AA3135" s="128"/>
      <c r="AB3135" s="128"/>
      <c r="AC3135" s="128"/>
      <c r="AD3135" s="128"/>
      <c r="AE3135" s="128"/>
      <c r="AF3135" s="128"/>
      <c r="AG3135" s="128"/>
      <c r="AH3135" s="128"/>
      <c r="AI3135" s="128"/>
      <c r="AJ3135" s="128"/>
      <c r="AK3135" s="128"/>
      <c r="AL3135" s="128"/>
      <c r="AM3135" s="128"/>
      <c r="AN3135" s="128"/>
      <c r="AO3135" s="128"/>
      <c r="AP3135" s="128"/>
      <c r="AQ3135" s="128"/>
      <c r="AR3135" s="128"/>
      <c r="AS3135" s="128"/>
      <c r="AT3135" s="128"/>
      <c r="AU3135" s="128"/>
      <c r="AV3135" s="128"/>
      <c r="AW3135" s="128"/>
      <c r="AX3135" s="128"/>
      <c r="AY3135" s="128"/>
      <c r="AZ3135" s="128"/>
      <c r="BA3135" s="128"/>
      <c r="BB3135" s="107">
        <v>45884</v>
      </c>
    </row>
    <row r="3136" spans="1:54" s="8" customFormat="1" ht="13.95" customHeight="1" x14ac:dyDescent="0.25">
      <c r="A3136" s="219" t="s">
        <v>7137</v>
      </c>
      <c r="B3136" s="220" t="s">
        <v>6395</v>
      </c>
      <c r="C3136" s="98" t="s">
        <v>7138</v>
      </c>
      <c r="D3136" s="98" t="s">
        <v>20452</v>
      </c>
      <c r="E3136" s="141">
        <v>1972</v>
      </c>
      <c r="F3136" s="141">
        <v>800</v>
      </c>
      <c r="G3136" s="98" t="s">
        <v>1</v>
      </c>
      <c r="H3136" s="98">
        <v>0</v>
      </c>
      <c r="I3136" s="98">
        <v>0</v>
      </c>
      <c r="J3136" s="98" t="s">
        <v>400</v>
      </c>
      <c r="K3136" s="98" t="s">
        <v>400</v>
      </c>
      <c r="L3136" s="98" t="s">
        <v>400</v>
      </c>
      <c r="M3136" s="98" t="s">
        <v>400</v>
      </c>
      <c r="N3136" s="98" t="s">
        <v>400</v>
      </c>
      <c r="O3136" s="98" t="s">
        <v>400</v>
      </c>
      <c r="P3136" s="98" t="s">
        <v>400</v>
      </c>
      <c r="Q3136" s="98" t="s">
        <v>400</v>
      </c>
      <c r="R3136" s="98" t="s">
        <v>400</v>
      </c>
      <c r="S3136" s="98" t="s">
        <v>400</v>
      </c>
      <c r="T3136" s="98" t="s">
        <v>400</v>
      </c>
      <c r="U3136" s="128"/>
      <c r="V3136" s="128"/>
      <c r="W3136" s="128"/>
      <c r="X3136" s="128"/>
      <c r="Y3136" s="128"/>
      <c r="Z3136" s="128"/>
      <c r="AA3136" s="128"/>
      <c r="AB3136" s="128"/>
      <c r="AC3136" s="128"/>
      <c r="AD3136" s="128"/>
      <c r="AE3136" s="128"/>
      <c r="AF3136" s="128"/>
      <c r="AG3136" s="128"/>
      <c r="AH3136" s="128"/>
      <c r="AI3136" s="128"/>
      <c r="AJ3136" s="128"/>
      <c r="AK3136" s="128"/>
      <c r="AL3136" s="128"/>
      <c r="AM3136" s="128"/>
      <c r="AN3136" s="128"/>
      <c r="AO3136" s="128"/>
      <c r="AP3136" s="128"/>
      <c r="AQ3136" s="128"/>
      <c r="AR3136" s="128"/>
      <c r="AS3136" s="128"/>
      <c r="AT3136" s="128"/>
      <c r="AU3136" s="128"/>
      <c r="AV3136" s="128"/>
      <c r="AW3136" s="128"/>
      <c r="AX3136" s="128"/>
      <c r="AY3136" s="128"/>
      <c r="AZ3136" s="128"/>
      <c r="BA3136" s="128"/>
      <c r="BB3136" s="107">
        <v>45884</v>
      </c>
    </row>
    <row r="3137" spans="1:54" s="8" customFormat="1" ht="13.95" customHeight="1" x14ac:dyDescent="0.25">
      <c r="A3137" s="219" t="s">
        <v>7139</v>
      </c>
      <c r="B3137" s="220" t="s">
        <v>6395</v>
      </c>
      <c r="C3137" s="98" t="s">
        <v>7140</v>
      </c>
      <c r="D3137" s="98" t="s">
        <v>20847</v>
      </c>
      <c r="E3137" s="141">
        <v>1992</v>
      </c>
      <c r="F3137" s="141">
        <v>805</v>
      </c>
      <c r="G3137" s="98" t="s">
        <v>1</v>
      </c>
      <c r="H3137" s="98">
        <v>0</v>
      </c>
      <c r="I3137" s="98">
        <v>0</v>
      </c>
      <c r="J3137" s="98" t="s">
        <v>400</v>
      </c>
      <c r="K3137" s="98" t="s">
        <v>400</v>
      </c>
      <c r="L3137" s="98" t="s">
        <v>400</v>
      </c>
      <c r="M3137" s="98" t="s">
        <v>400</v>
      </c>
      <c r="N3137" s="98" t="s">
        <v>400</v>
      </c>
      <c r="O3137" s="98" t="s">
        <v>400</v>
      </c>
      <c r="P3137" s="98" t="s">
        <v>400</v>
      </c>
      <c r="Q3137" s="98" t="s">
        <v>400</v>
      </c>
      <c r="R3137" s="98" t="s">
        <v>400</v>
      </c>
      <c r="S3137" s="98" t="s">
        <v>400</v>
      </c>
      <c r="T3137" s="98" t="s">
        <v>400</v>
      </c>
      <c r="U3137" s="128"/>
      <c r="V3137" s="128"/>
      <c r="W3137" s="128"/>
      <c r="X3137" s="128"/>
      <c r="Y3137" s="128"/>
      <c r="Z3137" s="128"/>
      <c r="AA3137" s="128"/>
      <c r="AB3137" s="128"/>
      <c r="AC3137" s="128"/>
      <c r="AD3137" s="128"/>
      <c r="AE3137" s="128"/>
      <c r="AF3137" s="128"/>
      <c r="AG3137" s="128"/>
      <c r="AH3137" s="128"/>
      <c r="AI3137" s="128"/>
      <c r="AJ3137" s="128"/>
      <c r="AK3137" s="128"/>
      <c r="AL3137" s="128"/>
      <c r="AM3137" s="128"/>
      <c r="AN3137" s="128"/>
      <c r="AO3137" s="128"/>
      <c r="AP3137" s="128"/>
      <c r="AQ3137" s="128"/>
      <c r="AR3137" s="128"/>
      <c r="AS3137" s="128"/>
      <c r="AT3137" s="128"/>
      <c r="AU3137" s="128"/>
      <c r="AV3137" s="128"/>
      <c r="AW3137" s="128"/>
      <c r="AX3137" s="128"/>
      <c r="AY3137" s="128"/>
      <c r="AZ3137" s="128"/>
      <c r="BA3137" s="128"/>
      <c r="BB3137" s="107">
        <v>45884</v>
      </c>
    </row>
    <row r="3138" spans="1:54" s="8" customFormat="1" ht="13.95" customHeight="1" x14ac:dyDescent="0.25">
      <c r="A3138" s="219" t="s">
        <v>7141</v>
      </c>
      <c r="B3138" s="220" t="s">
        <v>6395</v>
      </c>
      <c r="C3138" s="98" t="s">
        <v>7142</v>
      </c>
      <c r="D3138" s="98" t="s">
        <v>20848</v>
      </c>
      <c r="E3138" s="141">
        <v>1981</v>
      </c>
      <c r="F3138" s="141">
        <v>807</v>
      </c>
      <c r="G3138" s="98" t="s">
        <v>1</v>
      </c>
      <c r="H3138" s="98">
        <v>0</v>
      </c>
      <c r="I3138" s="98">
        <v>0</v>
      </c>
      <c r="J3138" s="98" t="s">
        <v>400</v>
      </c>
      <c r="K3138" s="98" t="s">
        <v>400</v>
      </c>
      <c r="L3138" s="98" t="s">
        <v>400</v>
      </c>
      <c r="M3138" s="98" t="s">
        <v>400</v>
      </c>
      <c r="N3138" s="98" t="s">
        <v>400</v>
      </c>
      <c r="O3138" s="98" t="s">
        <v>400</v>
      </c>
      <c r="P3138" s="98" t="s">
        <v>400</v>
      </c>
      <c r="Q3138" s="98" t="s">
        <v>400</v>
      </c>
      <c r="R3138" s="98" t="s">
        <v>400</v>
      </c>
      <c r="S3138" s="98" t="s">
        <v>400</v>
      </c>
      <c r="T3138" s="98" t="s">
        <v>400</v>
      </c>
      <c r="U3138" s="128"/>
      <c r="V3138" s="128"/>
      <c r="W3138" s="128"/>
      <c r="X3138" s="128"/>
      <c r="Y3138" s="128"/>
      <c r="Z3138" s="128"/>
      <c r="AA3138" s="128"/>
      <c r="AB3138" s="128"/>
      <c r="AC3138" s="128"/>
      <c r="AD3138" s="128"/>
      <c r="AE3138" s="128"/>
      <c r="AF3138" s="128"/>
      <c r="AG3138" s="128"/>
      <c r="AH3138" s="128"/>
      <c r="AI3138" s="128"/>
      <c r="AJ3138" s="128"/>
      <c r="AK3138" s="128"/>
      <c r="AL3138" s="128"/>
      <c r="AM3138" s="128"/>
      <c r="AN3138" s="128"/>
      <c r="AO3138" s="128"/>
      <c r="AP3138" s="128"/>
      <c r="AQ3138" s="128"/>
      <c r="AR3138" s="128"/>
      <c r="AS3138" s="128"/>
      <c r="AT3138" s="128"/>
      <c r="AU3138" s="128"/>
      <c r="AV3138" s="128"/>
      <c r="AW3138" s="128"/>
      <c r="AX3138" s="128"/>
      <c r="AY3138" s="128"/>
      <c r="AZ3138" s="128"/>
      <c r="BA3138" s="128"/>
      <c r="BB3138" s="107">
        <v>45884</v>
      </c>
    </row>
    <row r="3139" spans="1:54" s="8" customFormat="1" ht="13.95" customHeight="1" x14ac:dyDescent="0.25">
      <c r="A3139" s="219" t="s">
        <v>7143</v>
      </c>
      <c r="B3139" s="220" t="s">
        <v>6395</v>
      </c>
      <c r="C3139" s="98" t="s">
        <v>7144</v>
      </c>
      <c r="D3139" s="98" t="s">
        <v>20453</v>
      </c>
      <c r="E3139" s="141">
        <v>1979</v>
      </c>
      <c r="F3139" s="141">
        <v>811</v>
      </c>
      <c r="G3139" s="98" t="s">
        <v>1</v>
      </c>
      <c r="H3139" s="98">
        <v>0</v>
      </c>
      <c r="I3139" s="98">
        <v>0</v>
      </c>
      <c r="J3139" s="98" t="s">
        <v>400</v>
      </c>
      <c r="K3139" s="98" t="s">
        <v>400</v>
      </c>
      <c r="L3139" s="98" t="s">
        <v>400</v>
      </c>
      <c r="M3139" s="98" t="s">
        <v>400</v>
      </c>
      <c r="N3139" s="98" t="s">
        <v>400</v>
      </c>
      <c r="O3139" s="98" t="s">
        <v>400</v>
      </c>
      <c r="P3139" s="98" t="s">
        <v>400</v>
      </c>
      <c r="Q3139" s="98" t="s">
        <v>400</v>
      </c>
      <c r="R3139" s="98" t="s">
        <v>400</v>
      </c>
      <c r="S3139" s="98" t="s">
        <v>400</v>
      </c>
      <c r="T3139" s="98" t="s">
        <v>400</v>
      </c>
      <c r="U3139" s="128"/>
      <c r="V3139" s="128"/>
      <c r="W3139" s="128"/>
      <c r="X3139" s="128"/>
      <c r="Y3139" s="128"/>
      <c r="Z3139" s="128"/>
      <c r="AA3139" s="128"/>
      <c r="AB3139" s="128"/>
      <c r="AC3139" s="128"/>
      <c r="AD3139" s="128"/>
      <c r="AE3139" s="128"/>
      <c r="AF3139" s="128"/>
      <c r="AG3139" s="128"/>
      <c r="AH3139" s="128"/>
      <c r="AI3139" s="128"/>
      <c r="AJ3139" s="128"/>
      <c r="AK3139" s="128"/>
      <c r="AL3139" s="128"/>
      <c r="AM3139" s="128"/>
      <c r="AN3139" s="128"/>
      <c r="AO3139" s="128"/>
      <c r="AP3139" s="128"/>
      <c r="AQ3139" s="128"/>
      <c r="AR3139" s="128"/>
      <c r="AS3139" s="128"/>
      <c r="AT3139" s="128"/>
      <c r="AU3139" s="128"/>
      <c r="AV3139" s="128"/>
      <c r="AW3139" s="128"/>
      <c r="AX3139" s="128"/>
      <c r="AY3139" s="128"/>
      <c r="AZ3139" s="128"/>
      <c r="BA3139" s="128"/>
      <c r="BB3139" s="107">
        <v>45884</v>
      </c>
    </row>
    <row r="3140" spans="1:54" s="8" customFormat="1" ht="13.95" customHeight="1" x14ac:dyDescent="0.25">
      <c r="A3140" s="219" t="s">
        <v>7145</v>
      </c>
      <c r="B3140" s="220" t="s">
        <v>6395</v>
      </c>
      <c r="C3140" s="98" t="s">
        <v>7146</v>
      </c>
      <c r="D3140" s="98" t="s">
        <v>20454</v>
      </c>
      <c r="E3140" s="141">
        <v>1974</v>
      </c>
      <c r="F3140" s="141">
        <v>812</v>
      </c>
      <c r="G3140" s="98" t="s">
        <v>1</v>
      </c>
      <c r="H3140" s="98">
        <v>0</v>
      </c>
      <c r="I3140" s="98">
        <v>0</v>
      </c>
      <c r="J3140" s="98" t="s">
        <v>400</v>
      </c>
      <c r="K3140" s="98" t="s">
        <v>400</v>
      </c>
      <c r="L3140" s="98" t="s">
        <v>400</v>
      </c>
      <c r="M3140" s="98" t="s">
        <v>400</v>
      </c>
      <c r="N3140" s="98" t="s">
        <v>400</v>
      </c>
      <c r="O3140" s="98" t="s">
        <v>400</v>
      </c>
      <c r="P3140" s="98" t="s">
        <v>400</v>
      </c>
      <c r="Q3140" s="98" t="s">
        <v>400</v>
      </c>
      <c r="R3140" s="98" t="s">
        <v>400</v>
      </c>
      <c r="S3140" s="98" t="s">
        <v>400</v>
      </c>
      <c r="T3140" s="98" t="s">
        <v>400</v>
      </c>
      <c r="U3140" s="128"/>
      <c r="V3140" s="128"/>
      <c r="W3140" s="128"/>
      <c r="X3140" s="128"/>
      <c r="Y3140" s="128"/>
      <c r="Z3140" s="128"/>
      <c r="AA3140" s="128"/>
      <c r="AB3140" s="128"/>
      <c r="AC3140" s="128"/>
      <c r="AD3140" s="128"/>
      <c r="AE3140" s="128"/>
      <c r="AF3140" s="128"/>
      <c r="AG3140" s="128"/>
      <c r="AH3140" s="128"/>
      <c r="AI3140" s="128"/>
      <c r="AJ3140" s="128"/>
      <c r="AK3140" s="128"/>
      <c r="AL3140" s="128"/>
      <c r="AM3140" s="128"/>
      <c r="AN3140" s="128"/>
      <c r="AO3140" s="128"/>
      <c r="AP3140" s="128"/>
      <c r="AQ3140" s="128"/>
      <c r="AR3140" s="128"/>
      <c r="AS3140" s="128"/>
      <c r="AT3140" s="128"/>
      <c r="AU3140" s="128"/>
      <c r="AV3140" s="128"/>
      <c r="AW3140" s="128"/>
      <c r="AX3140" s="128"/>
      <c r="AY3140" s="128"/>
      <c r="AZ3140" s="128"/>
      <c r="BA3140" s="128"/>
      <c r="BB3140" s="107">
        <v>45884</v>
      </c>
    </row>
    <row r="3141" spans="1:54" s="8" customFormat="1" ht="13.95" customHeight="1" x14ac:dyDescent="0.25">
      <c r="A3141" s="219" t="s">
        <v>7147</v>
      </c>
      <c r="B3141" s="220" t="s">
        <v>6395</v>
      </c>
      <c r="C3141" s="98" t="s">
        <v>7148</v>
      </c>
      <c r="D3141" s="98" t="s">
        <v>20849</v>
      </c>
      <c r="E3141" s="141">
        <v>1962</v>
      </c>
      <c r="F3141" s="141">
        <v>819</v>
      </c>
      <c r="G3141" s="98" t="s">
        <v>1</v>
      </c>
      <c r="H3141" s="98">
        <v>0</v>
      </c>
      <c r="I3141" s="98">
        <v>0</v>
      </c>
      <c r="J3141" s="98" t="s">
        <v>400</v>
      </c>
      <c r="K3141" s="98" t="s">
        <v>400</v>
      </c>
      <c r="L3141" s="98" t="s">
        <v>400</v>
      </c>
      <c r="M3141" s="98" t="s">
        <v>400</v>
      </c>
      <c r="N3141" s="98" t="s">
        <v>400</v>
      </c>
      <c r="O3141" s="98" t="s">
        <v>400</v>
      </c>
      <c r="P3141" s="98" t="s">
        <v>400</v>
      </c>
      <c r="Q3141" s="98" t="s">
        <v>400</v>
      </c>
      <c r="R3141" s="98" t="s">
        <v>400</v>
      </c>
      <c r="S3141" s="98" t="s">
        <v>400</v>
      </c>
      <c r="T3141" s="98" t="s">
        <v>400</v>
      </c>
      <c r="U3141" s="128"/>
      <c r="V3141" s="128"/>
      <c r="W3141" s="128"/>
      <c r="X3141" s="128"/>
      <c r="Y3141" s="128"/>
      <c r="Z3141" s="128"/>
      <c r="AA3141" s="128"/>
      <c r="AB3141" s="128"/>
      <c r="AC3141" s="128"/>
      <c r="AD3141" s="128"/>
      <c r="AE3141" s="128"/>
      <c r="AF3141" s="128"/>
      <c r="AG3141" s="128"/>
      <c r="AH3141" s="128"/>
      <c r="AI3141" s="128"/>
      <c r="AJ3141" s="128"/>
      <c r="AK3141" s="128"/>
      <c r="AL3141" s="128"/>
      <c r="AM3141" s="128"/>
      <c r="AN3141" s="128"/>
      <c r="AO3141" s="128"/>
      <c r="AP3141" s="128"/>
      <c r="AQ3141" s="128"/>
      <c r="AR3141" s="128"/>
      <c r="AS3141" s="128"/>
      <c r="AT3141" s="128"/>
      <c r="AU3141" s="128"/>
      <c r="AV3141" s="128"/>
      <c r="AW3141" s="128"/>
      <c r="AX3141" s="128"/>
      <c r="AY3141" s="128"/>
      <c r="AZ3141" s="128"/>
      <c r="BA3141" s="128"/>
      <c r="BB3141" s="107">
        <v>45884</v>
      </c>
    </row>
    <row r="3142" spans="1:54" s="8" customFormat="1" ht="13.95" customHeight="1" x14ac:dyDescent="0.25">
      <c r="A3142" s="219" t="s">
        <v>7149</v>
      </c>
      <c r="B3142" s="220" t="s">
        <v>6395</v>
      </c>
      <c r="C3142" s="98" t="s">
        <v>7150</v>
      </c>
      <c r="D3142" s="98" t="s">
        <v>20455</v>
      </c>
      <c r="E3142" s="141">
        <v>1977</v>
      </c>
      <c r="F3142" s="141">
        <v>841</v>
      </c>
      <c r="G3142" s="98" t="s">
        <v>1</v>
      </c>
      <c r="H3142" s="98">
        <v>0</v>
      </c>
      <c r="I3142" s="98">
        <v>0</v>
      </c>
      <c r="J3142" s="98" t="s">
        <v>400</v>
      </c>
      <c r="K3142" s="98" t="s">
        <v>400</v>
      </c>
      <c r="L3142" s="98" t="s">
        <v>400</v>
      </c>
      <c r="M3142" s="98" t="s">
        <v>400</v>
      </c>
      <c r="N3142" s="98" t="s">
        <v>400</v>
      </c>
      <c r="O3142" s="98" t="s">
        <v>400</v>
      </c>
      <c r="P3142" s="98" t="s">
        <v>400</v>
      </c>
      <c r="Q3142" s="98" t="s">
        <v>400</v>
      </c>
      <c r="R3142" s="98" t="s">
        <v>400</v>
      </c>
      <c r="S3142" s="98" t="s">
        <v>400</v>
      </c>
      <c r="T3142" s="98" t="s">
        <v>400</v>
      </c>
      <c r="U3142" s="128"/>
      <c r="V3142" s="128"/>
      <c r="W3142" s="128"/>
      <c r="X3142" s="128"/>
      <c r="Y3142" s="128"/>
      <c r="Z3142" s="128"/>
      <c r="AA3142" s="128"/>
      <c r="AB3142" s="128"/>
      <c r="AC3142" s="128"/>
      <c r="AD3142" s="128"/>
      <c r="AE3142" s="128"/>
      <c r="AF3142" s="128"/>
      <c r="AG3142" s="128"/>
      <c r="AH3142" s="128"/>
      <c r="AI3142" s="128"/>
      <c r="AJ3142" s="128"/>
      <c r="AK3142" s="128"/>
      <c r="AL3142" s="128"/>
      <c r="AM3142" s="128"/>
      <c r="AN3142" s="128"/>
      <c r="AO3142" s="128"/>
      <c r="AP3142" s="128"/>
      <c r="AQ3142" s="128"/>
      <c r="AR3142" s="128"/>
      <c r="AS3142" s="128"/>
      <c r="AT3142" s="128"/>
      <c r="AU3142" s="128"/>
      <c r="AV3142" s="128"/>
      <c r="AW3142" s="128"/>
      <c r="AX3142" s="128"/>
      <c r="AY3142" s="128"/>
      <c r="AZ3142" s="128"/>
      <c r="BA3142" s="128"/>
      <c r="BB3142" s="107">
        <v>45884</v>
      </c>
    </row>
    <row r="3143" spans="1:54" s="8" customFormat="1" ht="13.95" customHeight="1" x14ac:dyDescent="0.25">
      <c r="A3143" s="219" t="s">
        <v>7151</v>
      </c>
      <c r="B3143" s="220" t="s">
        <v>6395</v>
      </c>
      <c r="C3143" s="98" t="s">
        <v>7152</v>
      </c>
      <c r="D3143" s="98" t="s">
        <v>20850</v>
      </c>
      <c r="E3143" s="141">
        <v>1984</v>
      </c>
      <c r="F3143" s="141">
        <v>842</v>
      </c>
      <c r="G3143" s="98" t="s">
        <v>1</v>
      </c>
      <c r="H3143" s="98">
        <v>0</v>
      </c>
      <c r="I3143" s="98">
        <v>0</v>
      </c>
      <c r="J3143" s="98" t="s">
        <v>400</v>
      </c>
      <c r="K3143" s="98" t="s">
        <v>400</v>
      </c>
      <c r="L3143" s="98" t="s">
        <v>400</v>
      </c>
      <c r="M3143" s="98" t="s">
        <v>400</v>
      </c>
      <c r="N3143" s="98" t="s">
        <v>400</v>
      </c>
      <c r="O3143" s="98" t="s">
        <v>400</v>
      </c>
      <c r="P3143" s="98" t="s">
        <v>400</v>
      </c>
      <c r="Q3143" s="98" t="s">
        <v>400</v>
      </c>
      <c r="R3143" s="98" t="s">
        <v>400</v>
      </c>
      <c r="S3143" s="98" t="s">
        <v>400</v>
      </c>
      <c r="T3143" s="98" t="s">
        <v>400</v>
      </c>
      <c r="U3143" s="128"/>
      <c r="V3143" s="128"/>
      <c r="W3143" s="128"/>
      <c r="X3143" s="128"/>
      <c r="Y3143" s="128"/>
      <c r="Z3143" s="128"/>
      <c r="AA3143" s="128"/>
      <c r="AB3143" s="128"/>
      <c r="AC3143" s="128"/>
      <c r="AD3143" s="128"/>
      <c r="AE3143" s="128"/>
      <c r="AF3143" s="128"/>
      <c r="AG3143" s="128"/>
      <c r="AH3143" s="128"/>
      <c r="AI3143" s="128"/>
      <c r="AJ3143" s="128"/>
      <c r="AK3143" s="128"/>
      <c r="AL3143" s="128"/>
      <c r="AM3143" s="128"/>
      <c r="AN3143" s="128"/>
      <c r="AO3143" s="128"/>
      <c r="AP3143" s="128"/>
      <c r="AQ3143" s="128"/>
      <c r="AR3143" s="128"/>
      <c r="AS3143" s="128"/>
      <c r="AT3143" s="128"/>
      <c r="AU3143" s="128"/>
      <c r="AV3143" s="128"/>
      <c r="AW3143" s="128"/>
      <c r="AX3143" s="128"/>
      <c r="AY3143" s="128"/>
      <c r="AZ3143" s="128"/>
      <c r="BA3143" s="128"/>
      <c r="BB3143" s="107">
        <v>45884</v>
      </c>
    </row>
    <row r="3144" spans="1:54" s="8" customFormat="1" ht="13.95" customHeight="1" x14ac:dyDescent="0.25">
      <c r="A3144" s="219" t="s">
        <v>7153</v>
      </c>
      <c r="B3144" s="220" t="s">
        <v>6395</v>
      </c>
      <c r="C3144" s="98" t="s">
        <v>7154</v>
      </c>
      <c r="D3144" s="98" t="s">
        <v>20851</v>
      </c>
      <c r="E3144" s="141">
        <v>1990</v>
      </c>
      <c r="F3144" s="141">
        <v>845</v>
      </c>
      <c r="G3144" s="98" t="s">
        <v>1</v>
      </c>
      <c r="H3144" s="98">
        <v>0</v>
      </c>
      <c r="I3144" s="98">
        <v>0</v>
      </c>
      <c r="J3144" s="98" t="s">
        <v>400</v>
      </c>
      <c r="K3144" s="98" t="s">
        <v>400</v>
      </c>
      <c r="L3144" s="98" t="s">
        <v>400</v>
      </c>
      <c r="M3144" s="98" t="s">
        <v>400</v>
      </c>
      <c r="N3144" s="98" t="s">
        <v>400</v>
      </c>
      <c r="O3144" s="98" t="s">
        <v>400</v>
      </c>
      <c r="P3144" s="98" t="s">
        <v>400</v>
      </c>
      <c r="Q3144" s="98" t="s">
        <v>400</v>
      </c>
      <c r="R3144" s="98" t="s">
        <v>400</v>
      </c>
      <c r="S3144" s="98" t="s">
        <v>400</v>
      </c>
      <c r="T3144" s="98" t="s">
        <v>400</v>
      </c>
      <c r="U3144" s="128"/>
      <c r="V3144" s="128"/>
      <c r="W3144" s="128"/>
      <c r="X3144" s="128"/>
      <c r="Y3144" s="128"/>
      <c r="Z3144" s="128"/>
      <c r="AA3144" s="128"/>
      <c r="AB3144" s="128"/>
      <c r="AC3144" s="128"/>
      <c r="AD3144" s="128"/>
      <c r="AE3144" s="128"/>
      <c r="AF3144" s="128"/>
      <c r="AG3144" s="128"/>
      <c r="AH3144" s="128"/>
      <c r="AI3144" s="128"/>
      <c r="AJ3144" s="128"/>
      <c r="AK3144" s="128"/>
      <c r="AL3144" s="128"/>
      <c r="AM3144" s="128"/>
      <c r="AN3144" s="128"/>
      <c r="AO3144" s="128"/>
      <c r="AP3144" s="128"/>
      <c r="AQ3144" s="128"/>
      <c r="AR3144" s="128"/>
      <c r="AS3144" s="128"/>
      <c r="AT3144" s="128"/>
      <c r="AU3144" s="128"/>
      <c r="AV3144" s="128"/>
      <c r="AW3144" s="128"/>
      <c r="AX3144" s="128"/>
      <c r="AY3144" s="128"/>
      <c r="AZ3144" s="128"/>
      <c r="BA3144" s="128"/>
      <c r="BB3144" s="107">
        <v>45884</v>
      </c>
    </row>
    <row r="3145" spans="1:54" s="8" customFormat="1" ht="13.95" customHeight="1" x14ac:dyDescent="0.25">
      <c r="A3145" s="219" t="s">
        <v>7155</v>
      </c>
      <c r="B3145" s="220" t="s">
        <v>6395</v>
      </c>
      <c r="C3145" s="98" t="s">
        <v>7156</v>
      </c>
      <c r="D3145" s="98" t="s">
        <v>20852</v>
      </c>
      <c r="E3145" s="141">
        <v>1981</v>
      </c>
      <c r="F3145" s="141">
        <v>847</v>
      </c>
      <c r="G3145" s="98" t="s">
        <v>1</v>
      </c>
      <c r="H3145" s="98">
        <v>0</v>
      </c>
      <c r="I3145" s="98">
        <v>0</v>
      </c>
      <c r="J3145" s="98" t="s">
        <v>400</v>
      </c>
      <c r="K3145" s="98" t="s">
        <v>400</v>
      </c>
      <c r="L3145" s="98" t="s">
        <v>400</v>
      </c>
      <c r="M3145" s="98" t="s">
        <v>400</v>
      </c>
      <c r="N3145" s="98" t="s">
        <v>400</v>
      </c>
      <c r="O3145" s="98" t="s">
        <v>400</v>
      </c>
      <c r="P3145" s="98" t="s">
        <v>400</v>
      </c>
      <c r="Q3145" s="98" t="s">
        <v>400</v>
      </c>
      <c r="R3145" s="98" t="s">
        <v>400</v>
      </c>
      <c r="S3145" s="98" t="s">
        <v>400</v>
      </c>
      <c r="T3145" s="98" t="s">
        <v>400</v>
      </c>
      <c r="U3145" s="128"/>
      <c r="V3145" s="128"/>
      <c r="W3145" s="128"/>
      <c r="X3145" s="128"/>
      <c r="Y3145" s="128"/>
      <c r="Z3145" s="128"/>
      <c r="AA3145" s="128"/>
      <c r="AB3145" s="128"/>
      <c r="AC3145" s="128"/>
      <c r="AD3145" s="128"/>
      <c r="AE3145" s="128"/>
      <c r="AF3145" s="128"/>
      <c r="AG3145" s="128"/>
      <c r="AH3145" s="128"/>
      <c r="AI3145" s="128"/>
      <c r="AJ3145" s="128"/>
      <c r="AK3145" s="128"/>
      <c r="AL3145" s="128"/>
      <c r="AM3145" s="128"/>
      <c r="AN3145" s="128"/>
      <c r="AO3145" s="128"/>
      <c r="AP3145" s="128"/>
      <c r="AQ3145" s="128"/>
      <c r="AR3145" s="128"/>
      <c r="AS3145" s="128"/>
      <c r="AT3145" s="128"/>
      <c r="AU3145" s="128"/>
      <c r="AV3145" s="128"/>
      <c r="AW3145" s="128"/>
      <c r="AX3145" s="128"/>
      <c r="AY3145" s="128"/>
      <c r="AZ3145" s="128"/>
      <c r="BA3145" s="128"/>
      <c r="BB3145" s="107">
        <v>45884</v>
      </c>
    </row>
    <row r="3146" spans="1:54" s="8" customFormat="1" ht="13.95" customHeight="1" x14ac:dyDescent="0.25">
      <c r="A3146" s="219" t="s">
        <v>7157</v>
      </c>
      <c r="B3146" s="220" t="s">
        <v>6395</v>
      </c>
      <c r="C3146" s="98" t="s">
        <v>7158</v>
      </c>
      <c r="D3146" s="98" t="s">
        <v>20853</v>
      </c>
      <c r="E3146" s="141">
        <v>1966</v>
      </c>
      <c r="F3146" s="141">
        <v>850</v>
      </c>
      <c r="G3146" s="98" t="s">
        <v>1</v>
      </c>
      <c r="H3146" s="98">
        <v>0</v>
      </c>
      <c r="I3146" s="98">
        <v>0</v>
      </c>
      <c r="J3146" s="98" t="s">
        <v>400</v>
      </c>
      <c r="K3146" s="98" t="s">
        <v>400</v>
      </c>
      <c r="L3146" s="98" t="s">
        <v>400</v>
      </c>
      <c r="M3146" s="98" t="s">
        <v>400</v>
      </c>
      <c r="N3146" s="98" t="s">
        <v>400</v>
      </c>
      <c r="O3146" s="98" t="s">
        <v>400</v>
      </c>
      <c r="P3146" s="98" t="s">
        <v>400</v>
      </c>
      <c r="Q3146" s="98" t="s">
        <v>400</v>
      </c>
      <c r="R3146" s="98" t="s">
        <v>400</v>
      </c>
      <c r="S3146" s="98" t="s">
        <v>400</v>
      </c>
      <c r="T3146" s="98" t="s">
        <v>400</v>
      </c>
      <c r="U3146" s="128"/>
      <c r="V3146" s="128"/>
      <c r="W3146" s="128"/>
      <c r="X3146" s="128"/>
      <c r="Y3146" s="128"/>
      <c r="Z3146" s="128"/>
      <c r="AA3146" s="128"/>
      <c r="AB3146" s="128"/>
      <c r="AC3146" s="128"/>
      <c r="AD3146" s="128"/>
      <c r="AE3146" s="128"/>
      <c r="AF3146" s="128"/>
      <c r="AG3146" s="128"/>
      <c r="AH3146" s="128"/>
      <c r="AI3146" s="128"/>
      <c r="AJ3146" s="128"/>
      <c r="AK3146" s="128"/>
      <c r="AL3146" s="128"/>
      <c r="AM3146" s="128"/>
      <c r="AN3146" s="128"/>
      <c r="AO3146" s="128"/>
      <c r="AP3146" s="128"/>
      <c r="AQ3146" s="128"/>
      <c r="AR3146" s="128"/>
      <c r="AS3146" s="128"/>
      <c r="AT3146" s="128"/>
      <c r="AU3146" s="128"/>
      <c r="AV3146" s="128"/>
      <c r="AW3146" s="128"/>
      <c r="AX3146" s="128"/>
      <c r="AY3146" s="128"/>
      <c r="AZ3146" s="128"/>
      <c r="BA3146" s="128"/>
      <c r="BB3146" s="107">
        <v>45884</v>
      </c>
    </row>
    <row r="3147" spans="1:54" s="8" customFormat="1" ht="13.95" customHeight="1" x14ac:dyDescent="0.25">
      <c r="A3147" s="219" t="s">
        <v>7159</v>
      </c>
      <c r="B3147" s="220" t="s">
        <v>6395</v>
      </c>
      <c r="C3147" s="98" t="s">
        <v>7160</v>
      </c>
      <c r="D3147" s="98" t="s">
        <v>20854</v>
      </c>
      <c r="E3147" s="141">
        <v>1985</v>
      </c>
      <c r="F3147" s="141">
        <v>851</v>
      </c>
      <c r="G3147" s="98" t="s">
        <v>1</v>
      </c>
      <c r="H3147" s="98">
        <v>0</v>
      </c>
      <c r="I3147" s="98">
        <v>0</v>
      </c>
      <c r="J3147" s="98" t="s">
        <v>400</v>
      </c>
      <c r="K3147" s="98" t="s">
        <v>400</v>
      </c>
      <c r="L3147" s="98" t="s">
        <v>400</v>
      </c>
      <c r="M3147" s="98" t="s">
        <v>400</v>
      </c>
      <c r="N3147" s="98" t="s">
        <v>400</v>
      </c>
      <c r="O3147" s="98" t="s">
        <v>400</v>
      </c>
      <c r="P3147" s="98" t="s">
        <v>400</v>
      </c>
      <c r="Q3147" s="98" t="s">
        <v>400</v>
      </c>
      <c r="R3147" s="98" t="s">
        <v>400</v>
      </c>
      <c r="S3147" s="98" t="s">
        <v>400</v>
      </c>
      <c r="T3147" s="98" t="s">
        <v>400</v>
      </c>
      <c r="U3147" s="128"/>
      <c r="V3147" s="128"/>
      <c r="W3147" s="128"/>
      <c r="X3147" s="128"/>
      <c r="Y3147" s="128"/>
      <c r="Z3147" s="128"/>
      <c r="AA3147" s="128"/>
      <c r="AB3147" s="128"/>
      <c r="AC3147" s="128"/>
      <c r="AD3147" s="128"/>
      <c r="AE3147" s="128"/>
      <c r="AF3147" s="128"/>
      <c r="AG3147" s="128"/>
      <c r="AH3147" s="128"/>
      <c r="AI3147" s="128"/>
      <c r="AJ3147" s="128"/>
      <c r="AK3147" s="128"/>
      <c r="AL3147" s="128"/>
      <c r="AM3147" s="128"/>
      <c r="AN3147" s="128"/>
      <c r="AO3147" s="128"/>
      <c r="AP3147" s="128"/>
      <c r="AQ3147" s="128"/>
      <c r="AR3147" s="128"/>
      <c r="AS3147" s="128"/>
      <c r="AT3147" s="128"/>
      <c r="AU3147" s="128"/>
      <c r="AV3147" s="128"/>
      <c r="AW3147" s="128"/>
      <c r="AX3147" s="128"/>
      <c r="AY3147" s="128"/>
      <c r="AZ3147" s="128"/>
      <c r="BA3147" s="128"/>
      <c r="BB3147" s="107">
        <v>45884</v>
      </c>
    </row>
    <row r="3148" spans="1:54" s="8" customFormat="1" ht="13.95" customHeight="1" x14ac:dyDescent="0.25">
      <c r="A3148" s="219" t="s">
        <v>7161</v>
      </c>
      <c r="B3148" s="220" t="s">
        <v>6395</v>
      </c>
      <c r="C3148" s="98" t="s">
        <v>7162</v>
      </c>
      <c r="D3148" s="98" t="s">
        <v>20855</v>
      </c>
      <c r="E3148" s="141">
        <v>1964</v>
      </c>
      <c r="F3148" s="141">
        <v>852</v>
      </c>
      <c r="G3148" s="98" t="s">
        <v>1</v>
      </c>
      <c r="H3148" s="98">
        <v>0</v>
      </c>
      <c r="I3148" s="98">
        <v>0</v>
      </c>
      <c r="J3148" s="98" t="s">
        <v>400</v>
      </c>
      <c r="K3148" s="98" t="s">
        <v>400</v>
      </c>
      <c r="L3148" s="98" t="s">
        <v>400</v>
      </c>
      <c r="M3148" s="98" t="s">
        <v>400</v>
      </c>
      <c r="N3148" s="98" t="s">
        <v>400</v>
      </c>
      <c r="O3148" s="98" t="s">
        <v>400</v>
      </c>
      <c r="P3148" s="98" t="s">
        <v>400</v>
      </c>
      <c r="Q3148" s="98" t="s">
        <v>400</v>
      </c>
      <c r="R3148" s="98" t="s">
        <v>400</v>
      </c>
      <c r="S3148" s="98" t="s">
        <v>400</v>
      </c>
      <c r="T3148" s="98" t="s">
        <v>400</v>
      </c>
      <c r="U3148" s="128"/>
      <c r="V3148" s="128"/>
      <c r="W3148" s="128"/>
      <c r="X3148" s="128"/>
      <c r="Y3148" s="128"/>
      <c r="Z3148" s="128"/>
      <c r="AA3148" s="128"/>
      <c r="AB3148" s="128"/>
      <c r="AC3148" s="128"/>
      <c r="AD3148" s="128"/>
      <c r="AE3148" s="128"/>
      <c r="AF3148" s="128"/>
      <c r="AG3148" s="128"/>
      <c r="AH3148" s="128"/>
      <c r="AI3148" s="128"/>
      <c r="AJ3148" s="128"/>
      <c r="AK3148" s="128"/>
      <c r="AL3148" s="128"/>
      <c r="AM3148" s="128"/>
      <c r="AN3148" s="128"/>
      <c r="AO3148" s="128"/>
      <c r="AP3148" s="128"/>
      <c r="AQ3148" s="128"/>
      <c r="AR3148" s="128"/>
      <c r="AS3148" s="128"/>
      <c r="AT3148" s="128"/>
      <c r="AU3148" s="128"/>
      <c r="AV3148" s="128"/>
      <c r="AW3148" s="128"/>
      <c r="AX3148" s="128"/>
      <c r="AY3148" s="128"/>
      <c r="AZ3148" s="128"/>
      <c r="BA3148" s="128"/>
      <c r="BB3148" s="107">
        <v>45884</v>
      </c>
    </row>
    <row r="3149" spans="1:54" s="8" customFormat="1" ht="13.95" customHeight="1" x14ac:dyDescent="0.25">
      <c r="A3149" s="219" t="s">
        <v>7163</v>
      </c>
      <c r="B3149" s="220" t="s">
        <v>6395</v>
      </c>
      <c r="C3149" s="98" t="s">
        <v>7164</v>
      </c>
      <c r="D3149" s="98" t="s">
        <v>20856</v>
      </c>
      <c r="E3149" s="141">
        <v>2000</v>
      </c>
      <c r="F3149" s="141">
        <v>854</v>
      </c>
      <c r="G3149" s="98" t="s">
        <v>1</v>
      </c>
      <c r="H3149" s="98">
        <v>0</v>
      </c>
      <c r="I3149" s="98">
        <v>0</v>
      </c>
      <c r="J3149" s="98" t="s">
        <v>400</v>
      </c>
      <c r="K3149" s="98" t="s">
        <v>400</v>
      </c>
      <c r="L3149" s="98" t="s">
        <v>400</v>
      </c>
      <c r="M3149" s="98" t="s">
        <v>400</v>
      </c>
      <c r="N3149" s="98" t="s">
        <v>400</v>
      </c>
      <c r="O3149" s="98" t="s">
        <v>400</v>
      </c>
      <c r="P3149" s="98" t="s">
        <v>400</v>
      </c>
      <c r="Q3149" s="98" t="s">
        <v>400</v>
      </c>
      <c r="R3149" s="98" t="s">
        <v>400</v>
      </c>
      <c r="S3149" s="98" t="s">
        <v>400</v>
      </c>
      <c r="T3149" s="98" t="s">
        <v>400</v>
      </c>
      <c r="U3149" s="128"/>
      <c r="V3149" s="128"/>
      <c r="W3149" s="128"/>
      <c r="X3149" s="128"/>
      <c r="Y3149" s="128"/>
      <c r="Z3149" s="128"/>
      <c r="AA3149" s="128"/>
      <c r="AB3149" s="128"/>
      <c r="AC3149" s="128"/>
      <c r="AD3149" s="128"/>
      <c r="AE3149" s="128"/>
      <c r="AF3149" s="128"/>
      <c r="AG3149" s="128"/>
      <c r="AH3149" s="128"/>
      <c r="AI3149" s="128"/>
      <c r="AJ3149" s="128"/>
      <c r="AK3149" s="128"/>
      <c r="AL3149" s="128"/>
      <c r="AM3149" s="128"/>
      <c r="AN3149" s="128"/>
      <c r="AO3149" s="128"/>
      <c r="AP3149" s="128"/>
      <c r="AQ3149" s="128"/>
      <c r="AR3149" s="128"/>
      <c r="AS3149" s="128"/>
      <c r="AT3149" s="128"/>
      <c r="AU3149" s="128"/>
      <c r="AV3149" s="128"/>
      <c r="AW3149" s="128"/>
      <c r="AX3149" s="128"/>
      <c r="AY3149" s="128"/>
      <c r="AZ3149" s="128"/>
      <c r="BA3149" s="128"/>
      <c r="BB3149" s="107">
        <v>45884</v>
      </c>
    </row>
    <row r="3150" spans="1:54" s="8" customFormat="1" ht="13.95" customHeight="1" x14ac:dyDescent="0.25">
      <c r="A3150" s="219" t="s">
        <v>7165</v>
      </c>
      <c r="B3150" s="220" t="s">
        <v>6395</v>
      </c>
      <c r="C3150" s="98" t="s">
        <v>7166</v>
      </c>
      <c r="D3150" s="98" t="s">
        <v>20456</v>
      </c>
      <c r="E3150" s="141">
        <v>1993</v>
      </c>
      <c r="F3150" s="141">
        <v>877</v>
      </c>
      <c r="G3150" s="98" t="s">
        <v>1</v>
      </c>
      <c r="H3150" s="98">
        <v>0</v>
      </c>
      <c r="I3150" s="98">
        <v>0</v>
      </c>
      <c r="J3150" s="98" t="s">
        <v>400</v>
      </c>
      <c r="K3150" s="98" t="s">
        <v>400</v>
      </c>
      <c r="L3150" s="98" t="s">
        <v>400</v>
      </c>
      <c r="M3150" s="98" t="s">
        <v>400</v>
      </c>
      <c r="N3150" s="98" t="s">
        <v>400</v>
      </c>
      <c r="O3150" s="98" t="s">
        <v>400</v>
      </c>
      <c r="P3150" s="98" t="s">
        <v>400</v>
      </c>
      <c r="Q3150" s="98" t="s">
        <v>400</v>
      </c>
      <c r="R3150" s="98" t="s">
        <v>400</v>
      </c>
      <c r="S3150" s="98" t="s">
        <v>400</v>
      </c>
      <c r="T3150" s="98" t="s">
        <v>400</v>
      </c>
      <c r="U3150" s="128"/>
      <c r="V3150" s="128"/>
      <c r="W3150" s="128"/>
      <c r="X3150" s="128"/>
      <c r="Y3150" s="128"/>
      <c r="Z3150" s="128"/>
      <c r="AA3150" s="128"/>
      <c r="AB3150" s="128"/>
      <c r="AC3150" s="128"/>
      <c r="AD3150" s="128"/>
      <c r="AE3150" s="128"/>
      <c r="AF3150" s="128"/>
      <c r="AG3150" s="128"/>
      <c r="AH3150" s="128"/>
      <c r="AI3150" s="128"/>
      <c r="AJ3150" s="128"/>
      <c r="AK3150" s="128"/>
      <c r="AL3150" s="128"/>
      <c r="AM3150" s="128"/>
      <c r="AN3150" s="128"/>
      <c r="AO3150" s="128"/>
      <c r="AP3150" s="128"/>
      <c r="AQ3150" s="128"/>
      <c r="AR3150" s="128"/>
      <c r="AS3150" s="128"/>
      <c r="AT3150" s="128"/>
      <c r="AU3150" s="128"/>
      <c r="AV3150" s="128"/>
      <c r="AW3150" s="128"/>
      <c r="AX3150" s="128"/>
      <c r="AY3150" s="128"/>
      <c r="AZ3150" s="128"/>
      <c r="BA3150" s="128"/>
      <c r="BB3150" s="107">
        <v>45884</v>
      </c>
    </row>
    <row r="3151" spans="1:54" s="8" customFormat="1" ht="13.95" customHeight="1" x14ac:dyDescent="0.25">
      <c r="A3151" s="219" t="s">
        <v>7167</v>
      </c>
      <c r="B3151" s="220" t="s">
        <v>6395</v>
      </c>
      <c r="C3151" s="98" t="s">
        <v>7168</v>
      </c>
      <c r="D3151" s="98" t="s">
        <v>20457</v>
      </c>
      <c r="E3151" s="141">
        <v>1978</v>
      </c>
      <c r="F3151" s="141">
        <v>879</v>
      </c>
      <c r="G3151" s="98" t="s">
        <v>1</v>
      </c>
      <c r="H3151" s="98">
        <v>0</v>
      </c>
      <c r="I3151" s="98">
        <v>0</v>
      </c>
      <c r="J3151" s="98" t="s">
        <v>400</v>
      </c>
      <c r="K3151" s="98" t="s">
        <v>400</v>
      </c>
      <c r="L3151" s="98" t="s">
        <v>400</v>
      </c>
      <c r="M3151" s="98" t="s">
        <v>400</v>
      </c>
      <c r="N3151" s="98" t="s">
        <v>400</v>
      </c>
      <c r="O3151" s="98" t="s">
        <v>400</v>
      </c>
      <c r="P3151" s="98" t="s">
        <v>400</v>
      </c>
      <c r="Q3151" s="98" t="s">
        <v>400</v>
      </c>
      <c r="R3151" s="98" t="s">
        <v>400</v>
      </c>
      <c r="S3151" s="98" t="s">
        <v>400</v>
      </c>
      <c r="T3151" s="98" t="s">
        <v>400</v>
      </c>
      <c r="U3151" s="128"/>
      <c r="V3151" s="128"/>
      <c r="W3151" s="128"/>
      <c r="X3151" s="128"/>
      <c r="Y3151" s="128"/>
      <c r="Z3151" s="128"/>
      <c r="AA3151" s="128"/>
      <c r="AB3151" s="128"/>
      <c r="AC3151" s="128"/>
      <c r="AD3151" s="128"/>
      <c r="AE3151" s="128"/>
      <c r="AF3151" s="128"/>
      <c r="AG3151" s="128"/>
      <c r="AH3151" s="128"/>
      <c r="AI3151" s="128"/>
      <c r="AJ3151" s="128"/>
      <c r="AK3151" s="128"/>
      <c r="AL3151" s="128"/>
      <c r="AM3151" s="128"/>
      <c r="AN3151" s="128"/>
      <c r="AO3151" s="128"/>
      <c r="AP3151" s="128"/>
      <c r="AQ3151" s="128"/>
      <c r="AR3151" s="128"/>
      <c r="AS3151" s="128"/>
      <c r="AT3151" s="128"/>
      <c r="AU3151" s="128"/>
      <c r="AV3151" s="128"/>
      <c r="AW3151" s="128"/>
      <c r="AX3151" s="128"/>
      <c r="AY3151" s="128"/>
      <c r="AZ3151" s="128"/>
      <c r="BA3151" s="128"/>
      <c r="BB3151" s="107">
        <v>45884</v>
      </c>
    </row>
    <row r="3152" spans="1:54" s="8" customFormat="1" ht="13.95" customHeight="1" x14ac:dyDescent="0.25">
      <c r="A3152" s="219" t="s">
        <v>7169</v>
      </c>
      <c r="B3152" s="220" t="s">
        <v>6395</v>
      </c>
      <c r="C3152" s="98" t="s">
        <v>7170</v>
      </c>
      <c r="D3152" s="98" t="s">
        <v>20458</v>
      </c>
      <c r="E3152" s="141">
        <v>1970</v>
      </c>
      <c r="F3152" s="141">
        <v>881</v>
      </c>
      <c r="G3152" s="98" t="s">
        <v>1</v>
      </c>
      <c r="H3152" s="98">
        <v>0</v>
      </c>
      <c r="I3152" s="98">
        <v>0</v>
      </c>
      <c r="J3152" s="98" t="s">
        <v>400</v>
      </c>
      <c r="K3152" s="98" t="s">
        <v>400</v>
      </c>
      <c r="L3152" s="98" t="s">
        <v>400</v>
      </c>
      <c r="M3152" s="98" t="s">
        <v>400</v>
      </c>
      <c r="N3152" s="98" t="s">
        <v>400</v>
      </c>
      <c r="O3152" s="98" t="s">
        <v>400</v>
      </c>
      <c r="P3152" s="98" t="s">
        <v>400</v>
      </c>
      <c r="Q3152" s="98" t="s">
        <v>400</v>
      </c>
      <c r="R3152" s="98" t="s">
        <v>400</v>
      </c>
      <c r="S3152" s="98" t="s">
        <v>400</v>
      </c>
      <c r="T3152" s="98" t="s">
        <v>400</v>
      </c>
      <c r="U3152" s="128"/>
      <c r="V3152" s="128"/>
      <c r="W3152" s="128"/>
      <c r="X3152" s="128"/>
      <c r="Y3152" s="128"/>
      <c r="Z3152" s="128"/>
      <c r="AA3152" s="128"/>
      <c r="AB3152" s="128"/>
      <c r="AC3152" s="128"/>
      <c r="AD3152" s="128"/>
      <c r="AE3152" s="128"/>
      <c r="AF3152" s="128"/>
      <c r="AG3152" s="128"/>
      <c r="AH3152" s="128"/>
      <c r="AI3152" s="128"/>
      <c r="AJ3152" s="128"/>
      <c r="AK3152" s="128"/>
      <c r="AL3152" s="128"/>
      <c r="AM3152" s="128"/>
      <c r="AN3152" s="128"/>
      <c r="AO3152" s="128"/>
      <c r="AP3152" s="128"/>
      <c r="AQ3152" s="128"/>
      <c r="AR3152" s="128"/>
      <c r="AS3152" s="128"/>
      <c r="AT3152" s="128"/>
      <c r="AU3152" s="128"/>
      <c r="AV3152" s="128"/>
      <c r="AW3152" s="128"/>
      <c r="AX3152" s="128"/>
      <c r="AY3152" s="128"/>
      <c r="AZ3152" s="128"/>
      <c r="BA3152" s="128"/>
      <c r="BB3152" s="107">
        <v>45884</v>
      </c>
    </row>
    <row r="3153" spans="1:54" s="8" customFormat="1" ht="13.95" customHeight="1" x14ac:dyDescent="0.25">
      <c r="A3153" s="219" t="s">
        <v>7171</v>
      </c>
      <c r="B3153" s="220" t="s">
        <v>6395</v>
      </c>
      <c r="C3153" s="98" t="s">
        <v>7172</v>
      </c>
      <c r="D3153" s="98" t="s">
        <v>20857</v>
      </c>
      <c r="E3153" s="141">
        <v>1980</v>
      </c>
      <c r="F3153" s="141">
        <v>882</v>
      </c>
      <c r="G3153" s="98" t="s">
        <v>1</v>
      </c>
      <c r="H3153" s="98">
        <v>0</v>
      </c>
      <c r="I3153" s="98">
        <v>0</v>
      </c>
      <c r="J3153" s="98" t="s">
        <v>400</v>
      </c>
      <c r="K3153" s="98" t="s">
        <v>400</v>
      </c>
      <c r="L3153" s="98" t="s">
        <v>400</v>
      </c>
      <c r="M3153" s="98" t="s">
        <v>400</v>
      </c>
      <c r="N3153" s="98" t="s">
        <v>400</v>
      </c>
      <c r="O3153" s="98" t="s">
        <v>400</v>
      </c>
      <c r="P3153" s="98" t="s">
        <v>400</v>
      </c>
      <c r="Q3153" s="98" t="s">
        <v>400</v>
      </c>
      <c r="R3153" s="98" t="s">
        <v>400</v>
      </c>
      <c r="S3153" s="98" t="s">
        <v>400</v>
      </c>
      <c r="T3153" s="98" t="s">
        <v>400</v>
      </c>
      <c r="U3153" s="128"/>
      <c r="V3153" s="128"/>
      <c r="W3153" s="128"/>
      <c r="X3153" s="128"/>
      <c r="Y3153" s="128"/>
      <c r="Z3153" s="128"/>
      <c r="AA3153" s="128"/>
      <c r="AB3153" s="128"/>
      <c r="AC3153" s="128"/>
      <c r="AD3153" s="128"/>
      <c r="AE3153" s="128"/>
      <c r="AF3153" s="128"/>
      <c r="AG3153" s="128"/>
      <c r="AH3153" s="128"/>
      <c r="AI3153" s="128"/>
      <c r="AJ3153" s="128"/>
      <c r="AK3153" s="128"/>
      <c r="AL3153" s="128"/>
      <c r="AM3153" s="128"/>
      <c r="AN3153" s="128"/>
      <c r="AO3153" s="128"/>
      <c r="AP3153" s="128"/>
      <c r="AQ3153" s="128"/>
      <c r="AR3153" s="128"/>
      <c r="AS3153" s="128"/>
      <c r="AT3153" s="128"/>
      <c r="AU3153" s="128"/>
      <c r="AV3153" s="128"/>
      <c r="AW3153" s="128"/>
      <c r="AX3153" s="128"/>
      <c r="AY3153" s="128"/>
      <c r="AZ3153" s="128"/>
      <c r="BA3153" s="128"/>
      <c r="BB3153" s="107">
        <v>45884</v>
      </c>
    </row>
    <row r="3154" spans="1:54" s="8" customFormat="1" ht="13.95" customHeight="1" x14ac:dyDescent="0.25">
      <c r="A3154" s="219" t="s">
        <v>7173</v>
      </c>
      <c r="B3154" s="220" t="s">
        <v>6395</v>
      </c>
      <c r="C3154" s="98" t="s">
        <v>7174</v>
      </c>
      <c r="D3154" s="98" t="s">
        <v>20858</v>
      </c>
      <c r="E3154" s="141">
        <v>1984</v>
      </c>
      <c r="F3154" s="141">
        <v>884</v>
      </c>
      <c r="G3154" s="98" t="s">
        <v>1</v>
      </c>
      <c r="H3154" s="98">
        <v>0</v>
      </c>
      <c r="I3154" s="98">
        <v>0</v>
      </c>
      <c r="J3154" s="98" t="s">
        <v>400</v>
      </c>
      <c r="K3154" s="98" t="s">
        <v>400</v>
      </c>
      <c r="L3154" s="98" t="s">
        <v>400</v>
      </c>
      <c r="M3154" s="98" t="s">
        <v>400</v>
      </c>
      <c r="N3154" s="98" t="s">
        <v>400</v>
      </c>
      <c r="O3154" s="98" t="s">
        <v>400</v>
      </c>
      <c r="P3154" s="98" t="s">
        <v>400</v>
      </c>
      <c r="Q3154" s="98" t="s">
        <v>400</v>
      </c>
      <c r="R3154" s="98" t="s">
        <v>400</v>
      </c>
      <c r="S3154" s="98" t="s">
        <v>400</v>
      </c>
      <c r="T3154" s="98" t="s">
        <v>400</v>
      </c>
      <c r="U3154" s="128"/>
      <c r="V3154" s="128"/>
      <c r="W3154" s="128"/>
      <c r="X3154" s="128"/>
      <c r="Y3154" s="128"/>
      <c r="Z3154" s="128"/>
      <c r="AA3154" s="128"/>
      <c r="AB3154" s="128"/>
      <c r="AC3154" s="128"/>
      <c r="AD3154" s="128"/>
      <c r="AE3154" s="128"/>
      <c r="AF3154" s="128"/>
      <c r="AG3154" s="128"/>
      <c r="AH3154" s="128"/>
      <c r="AI3154" s="128"/>
      <c r="AJ3154" s="128"/>
      <c r="AK3154" s="128"/>
      <c r="AL3154" s="128"/>
      <c r="AM3154" s="128"/>
      <c r="AN3154" s="128"/>
      <c r="AO3154" s="128"/>
      <c r="AP3154" s="128"/>
      <c r="AQ3154" s="128"/>
      <c r="AR3154" s="128"/>
      <c r="AS3154" s="128"/>
      <c r="AT3154" s="128"/>
      <c r="AU3154" s="128"/>
      <c r="AV3154" s="128"/>
      <c r="AW3154" s="128"/>
      <c r="AX3154" s="128"/>
      <c r="AY3154" s="128"/>
      <c r="AZ3154" s="128"/>
      <c r="BA3154" s="128"/>
      <c r="BB3154" s="107">
        <v>45884</v>
      </c>
    </row>
    <row r="3155" spans="1:54" s="8" customFormat="1" ht="13.95" customHeight="1" x14ac:dyDescent="0.25">
      <c r="A3155" s="219" t="s">
        <v>7175</v>
      </c>
      <c r="B3155" s="220" t="s">
        <v>6395</v>
      </c>
      <c r="C3155" s="98" t="s">
        <v>7176</v>
      </c>
      <c r="D3155" s="98" t="s">
        <v>20859</v>
      </c>
      <c r="E3155" s="141">
        <v>1979</v>
      </c>
      <c r="F3155" s="141">
        <v>885</v>
      </c>
      <c r="G3155" s="98" t="s">
        <v>1</v>
      </c>
      <c r="H3155" s="98">
        <v>0</v>
      </c>
      <c r="I3155" s="98">
        <v>0</v>
      </c>
      <c r="J3155" s="98" t="s">
        <v>400</v>
      </c>
      <c r="K3155" s="98" t="s">
        <v>400</v>
      </c>
      <c r="L3155" s="98" t="s">
        <v>400</v>
      </c>
      <c r="M3155" s="98" t="s">
        <v>400</v>
      </c>
      <c r="N3155" s="98" t="s">
        <v>400</v>
      </c>
      <c r="O3155" s="98" t="s">
        <v>400</v>
      </c>
      <c r="P3155" s="98" t="s">
        <v>400</v>
      </c>
      <c r="Q3155" s="98" t="s">
        <v>400</v>
      </c>
      <c r="R3155" s="98" t="s">
        <v>400</v>
      </c>
      <c r="S3155" s="98" t="s">
        <v>400</v>
      </c>
      <c r="T3155" s="98" t="s">
        <v>400</v>
      </c>
      <c r="U3155" s="128"/>
      <c r="V3155" s="128"/>
      <c r="W3155" s="128"/>
      <c r="X3155" s="128"/>
      <c r="Y3155" s="128"/>
      <c r="Z3155" s="128"/>
      <c r="AA3155" s="128"/>
      <c r="AB3155" s="128"/>
      <c r="AC3155" s="128"/>
      <c r="AD3155" s="128"/>
      <c r="AE3155" s="128"/>
      <c r="AF3155" s="128"/>
      <c r="AG3155" s="128"/>
      <c r="AH3155" s="128"/>
      <c r="AI3155" s="128"/>
      <c r="AJ3155" s="128"/>
      <c r="AK3155" s="128"/>
      <c r="AL3155" s="128"/>
      <c r="AM3155" s="128"/>
      <c r="AN3155" s="128"/>
      <c r="AO3155" s="128"/>
      <c r="AP3155" s="128"/>
      <c r="AQ3155" s="128"/>
      <c r="AR3155" s="128"/>
      <c r="AS3155" s="128"/>
      <c r="AT3155" s="128"/>
      <c r="AU3155" s="128"/>
      <c r="AV3155" s="128"/>
      <c r="AW3155" s="128"/>
      <c r="AX3155" s="128"/>
      <c r="AY3155" s="128"/>
      <c r="AZ3155" s="128"/>
      <c r="BA3155" s="128"/>
      <c r="BB3155" s="107">
        <v>45884</v>
      </c>
    </row>
    <row r="3156" spans="1:54" s="8" customFormat="1" ht="13.95" customHeight="1" x14ac:dyDescent="0.25">
      <c r="A3156" s="219" t="s">
        <v>7177</v>
      </c>
      <c r="B3156" s="220" t="s">
        <v>6395</v>
      </c>
      <c r="C3156" s="98" t="s">
        <v>7178</v>
      </c>
      <c r="D3156" s="98" t="s">
        <v>20459</v>
      </c>
      <c r="E3156" s="141">
        <v>2006</v>
      </c>
      <c r="F3156" s="141">
        <v>892</v>
      </c>
      <c r="G3156" s="98" t="s">
        <v>1</v>
      </c>
      <c r="H3156" s="98">
        <v>0</v>
      </c>
      <c r="I3156" s="98">
        <v>0</v>
      </c>
      <c r="J3156" s="98" t="s">
        <v>400</v>
      </c>
      <c r="K3156" s="98" t="s">
        <v>400</v>
      </c>
      <c r="L3156" s="98" t="s">
        <v>400</v>
      </c>
      <c r="M3156" s="98" t="s">
        <v>400</v>
      </c>
      <c r="N3156" s="98" t="s">
        <v>400</v>
      </c>
      <c r="O3156" s="98" t="s">
        <v>400</v>
      </c>
      <c r="P3156" s="98" t="s">
        <v>400</v>
      </c>
      <c r="Q3156" s="98" t="s">
        <v>400</v>
      </c>
      <c r="R3156" s="98" t="s">
        <v>400</v>
      </c>
      <c r="S3156" s="98" t="s">
        <v>400</v>
      </c>
      <c r="T3156" s="98" t="s">
        <v>400</v>
      </c>
      <c r="U3156" s="128"/>
      <c r="V3156" s="128"/>
      <c r="W3156" s="128"/>
      <c r="X3156" s="128"/>
      <c r="Y3156" s="128"/>
      <c r="Z3156" s="128"/>
      <c r="AA3156" s="128"/>
      <c r="AB3156" s="128"/>
      <c r="AC3156" s="128"/>
      <c r="AD3156" s="128"/>
      <c r="AE3156" s="128"/>
      <c r="AF3156" s="128"/>
      <c r="AG3156" s="128"/>
      <c r="AH3156" s="128"/>
      <c r="AI3156" s="128"/>
      <c r="AJ3156" s="128"/>
      <c r="AK3156" s="128"/>
      <c r="AL3156" s="128"/>
      <c r="AM3156" s="128"/>
      <c r="AN3156" s="128"/>
      <c r="AO3156" s="128"/>
      <c r="AP3156" s="128"/>
      <c r="AQ3156" s="128"/>
      <c r="AR3156" s="128"/>
      <c r="AS3156" s="128"/>
      <c r="AT3156" s="128"/>
      <c r="AU3156" s="128"/>
      <c r="AV3156" s="128"/>
      <c r="AW3156" s="128"/>
      <c r="AX3156" s="128"/>
      <c r="AY3156" s="128"/>
      <c r="AZ3156" s="128"/>
      <c r="BA3156" s="128"/>
      <c r="BB3156" s="107">
        <v>45884</v>
      </c>
    </row>
    <row r="3157" spans="1:54" s="8" customFormat="1" ht="13.95" customHeight="1" x14ac:dyDescent="0.25">
      <c r="A3157" s="219" t="s">
        <v>7179</v>
      </c>
      <c r="B3157" s="220" t="s">
        <v>6395</v>
      </c>
      <c r="C3157" s="98" t="s">
        <v>7180</v>
      </c>
      <c r="D3157" s="98" t="s">
        <v>20860</v>
      </c>
      <c r="E3157" s="141">
        <v>1984</v>
      </c>
      <c r="F3157" s="141">
        <v>899</v>
      </c>
      <c r="G3157" s="98" t="s">
        <v>1</v>
      </c>
      <c r="H3157" s="98">
        <v>0</v>
      </c>
      <c r="I3157" s="98">
        <v>0</v>
      </c>
      <c r="J3157" s="98" t="s">
        <v>400</v>
      </c>
      <c r="K3157" s="98" t="s">
        <v>400</v>
      </c>
      <c r="L3157" s="98" t="s">
        <v>400</v>
      </c>
      <c r="M3157" s="98" t="s">
        <v>400</v>
      </c>
      <c r="N3157" s="98" t="s">
        <v>400</v>
      </c>
      <c r="O3157" s="98" t="s">
        <v>400</v>
      </c>
      <c r="P3157" s="98" t="s">
        <v>400</v>
      </c>
      <c r="Q3157" s="98" t="s">
        <v>400</v>
      </c>
      <c r="R3157" s="98" t="s">
        <v>400</v>
      </c>
      <c r="S3157" s="98" t="s">
        <v>400</v>
      </c>
      <c r="T3157" s="98" t="s">
        <v>400</v>
      </c>
      <c r="U3157" s="128"/>
      <c r="V3157" s="128"/>
      <c r="W3157" s="128"/>
      <c r="X3157" s="128"/>
      <c r="Y3157" s="128"/>
      <c r="Z3157" s="128"/>
      <c r="AA3157" s="128"/>
      <c r="AB3157" s="128"/>
      <c r="AC3157" s="128"/>
      <c r="AD3157" s="128"/>
      <c r="AE3157" s="128"/>
      <c r="AF3157" s="128"/>
      <c r="AG3157" s="128"/>
      <c r="AH3157" s="128"/>
      <c r="AI3157" s="128"/>
      <c r="AJ3157" s="128"/>
      <c r="AK3157" s="128"/>
      <c r="AL3157" s="128"/>
      <c r="AM3157" s="128"/>
      <c r="AN3157" s="128"/>
      <c r="AO3157" s="128"/>
      <c r="AP3157" s="128"/>
      <c r="AQ3157" s="128"/>
      <c r="AR3157" s="128"/>
      <c r="AS3157" s="128"/>
      <c r="AT3157" s="128"/>
      <c r="AU3157" s="128"/>
      <c r="AV3157" s="128"/>
      <c r="AW3157" s="128"/>
      <c r="AX3157" s="128"/>
      <c r="AY3157" s="128"/>
      <c r="AZ3157" s="128"/>
      <c r="BA3157" s="128"/>
      <c r="BB3157" s="107">
        <v>45884</v>
      </c>
    </row>
    <row r="3158" spans="1:54" s="8" customFormat="1" ht="13.95" customHeight="1" x14ac:dyDescent="0.25">
      <c r="A3158" s="219" t="s">
        <v>7181</v>
      </c>
      <c r="B3158" s="220" t="s">
        <v>6395</v>
      </c>
      <c r="C3158" s="98" t="s">
        <v>7182</v>
      </c>
      <c r="D3158" s="98" t="s">
        <v>7183</v>
      </c>
      <c r="E3158" s="141">
        <v>1997</v>
      </c>
      <c r="F3158" s="141">
        <v>901</v>
      </c>
      <c r="G3158" s="98" t="s">
        <v>1</v>
      </c>
      <c r="H3158" s="98">
        <v>0</v>
      </c>
      <c r="I3158" s="98">
        <v>0</v>
      </c>
      <c r="J3158" s="98" t="s">
        <v>400</v>
      </c>
      <c r="K3158" s="98" t="s">
        <v>400</v>
      </c>
      <c r="L3158" s="98" t="s">
        <v>400</v>
      </c>
      <c r="M3158" s="98" t="s">
        <v>400</v>
      </c>
      <c r="N3158" s="98" t="s">
        <v>400</v>
      </c>
      <c r="O3158" s="98" t="s">
        <v>400</v>
      </c>
      <c r="P3158" s="98" t="s">
        <v>400</v>
      </c>
      <c r="Q3158" s="98" t="s">
        <v>400</v>
      </c>
      <c r="R3158" s="98" t="s">
        <v>400</v>
      </c>
      <c r="S3158" s="98" t="s">
        <v>400</v>
      </c>
      <c r="T3158" s="98" t="s">
        <v>400</v>
      </c>
      <c r="U3158" s="128"/>
      <c r="V3158" s="128"/>
      <c r="W3158" s="128"/>
      <c r="X3158" s="128"/>
      <c r="Y3158" s="128"/>
      <c r="Z3158" s="128"/>
      <c r="AA3158" s="128"/>
      <c r="AB3158" s="128"/>
      <c r="AC3158" s="128"/>
      <c r="AD3158" s="128"/>
      <c r="AE3158" s="128"/>
      <c r="AF3158" s="128"/>
      <c r="AG3158" s="128"/>
      <c r="AH3158" s="128"/>
      <c r="AI3158" s="128"/>
      <c r="AJ3158" s="128"/>
      <c r="AK3158" s="128"/>
      <c r="AL3158" s="128"/>
      <c r="AM3158" s="128"/>
      <c r="AN3158" s="128"/>
      <c r="AO3158" s="128"/>
      <c r="AP3158" s="128"/>
      <c r="AQ3158" s="128"/>
      <c r="AR3158" s="128"/>
      <c r="AS3158" s="128"/>
      <c r="AT3158" s="128"/>
      <c r="AU3158" s="128"/>
      <c r="AV3158" s="128"/>
      <c r="AW3158" s="128"/>
      <c r="AX3158" s="128"/>
      <c r="AY3158" s="128"/>
      <c r="AZ3158" s="128"/>
      <c r="BA3158" s="128"/>
      <c r="BB3158" s="107">
        <v>45884</v>
      </c>
    </row>
    <row r="3159" spans="1:54" s="8" customFormat="1" ht="13.95" customHeight="1" x14ac:dyDescent="0.25">
      <c r="A3159" s="219" t="s">
        <v>7184</v>
      </c>
      <c r="B3159" s="220" t="s">
        <v>6395</v>
      </c>
      <c r="C3159" s="98" t="s">
        <v>7185</v>
      </c>
      <c r="D3159" s="98" t="s">
        <v>20460</v>
      </c>
      <c r="E3159" s="141">
        <v>1990</v>
      </c>
      <c r="F3159" s="141">
        <v>906</v>
      </c>
      <c r="G3159" s="98" t="s">
        <v>1</v>
      </c>
      <c r="H3159" s="98">
        <v>1</v>
      </c>
      <c r="I3159" s="98">
        <v>0</v>
      </c>
      <c r="J3159" s="98" t="s">
        <v>400</v>
      </c>
      <c r="K3159" s="98" t="s">
        <v>400</v>
      </c>
      <c r="L3159" s="98" t="s">
        <v>400</v>
      </c>
      <c r="M3159" s="98" t="s">
        <v>400</v>
      </c>
      <c r="N3159" s="98" t="s">
        <v>400</v>
      </c>
      <c r="O3159" s="98" t="s">
        <v>400</v>
      </c>
      <c r="P3159" s="98" t="s">
        <v>400</v>
      </c>
      <c r="Q3159" s="98" t="s">
        <v>400</v>
      </c>
      <c r="R3159" s="98" t="s">
        <v>400</v>
      </c>
      <c r="S3159" s="98" t="s">
        <v>400</v>
      </c>
      <c r="T3159" s="98" t="s">
        <v>400</v>
      </c>
      <c r="U3159" s="128"/>
      <c r="V3159" s="128"/>
      <c r="W3159" s="128"/>
      <c r="X3159" s="128"/>
      <c r="Y3159" s="128"/>
      <c r="Z3159" s="128"/>
      <c r="AA3159" s="128"/>
      <c r="AB3159" s="128"/>
      <c r="AC3159" s="128"/>
      <c r="AD3159" s="128"/>
      <c r="AE3159" s="128"/>
      <c r="AF3159" s="128"/>
      <c r="AG3159" s="128"/>
      <c r="AH3159" s="128"/>
      <c r="AI3159" s="128"/>
      <c r="AJ3159" s="128"/>
      <c r="AK3159" s="128"/>
      <c r="AL3159" s="128"/>
      <c r="AM3159" s="128"/>
      <c r="AN3159" s="128"/>
      <c r="AO3159" s="128"/>
      <c r="AP3159" s="128"/>
      <c r="AQ3159" s="128"/>
      <c r="AR3159" s="128"/>
      <c r="AS3159" s="128"/>
      <c r="AT3159" s="128"/>
      <c r="AU3159" s="128"/>
      <c r="AV3159" s="128"/>
      <c r="AW3159" s="128"/>
      <c r="AX3159" s="128"/>
      <c r="AY3159" s="128"/>
      <c r="AZ3159" s="128"/>
      <c r="BA3159" s="128"/>
      <c r="BB3159" s="107">
        <v>45884</v>
      </c>
    </row>
    <row r="3160" spans="1:54" s="8" customFormat="1" ht="13.95" customHeight="1" x14ac:dyDescent="0.25">
      <c r="A3160" s="219" t="s">
        <v>7186</v>
      </c>
      <c r="B3160" s="220" t="s">
        <v>6395</v>
      </c>
      <c r="C3160" s="98" t="s">
        <v>7187</v>
      </c>
      <c r="D3160" s="98" t="s">
        <v>20861</v>
      </c>
      <c r="E3160" s="141">
        <v>1979</v>
      </c>
      <c r="F3160" s="141">
        <v>907</v>
      </c>
      <c r="G3160" s="98" t="s">
        <v>1</v>
      </c>
      <c r="H3160" s="98">
        <v>0</v>
      </c>
      <c r="I3160" s="98">
        <v>0</v>
      </c>
      <c r="J3160" s="98" t="s">
        <v>400</v>
      </c>
      <c r="K3160" s="98" t="s">
        <v>400</v>
      </c>
      <c r="L3160" s="98" t="s">
        <v>400</v>
      </c>
      <c r="M3160" s="98" t="s">
        <v>400</v>
      </c>
      <c r="N3160" s="98" t="s">
        <v>400</v>
      </c>
      <c r="O3160" s="98" t="s">
        <v>400</v>
      </c>
      <c r="P3160" s="98" t="s">
        <v>400</v>
      </c>
      <c r="Q3160" s="98" t="s">
        <v>400</v>
      </c>
      <c r="R3160" s="98" t="s">
        <v>400</v>
      </c>
      <c r="S3160" s="98" t="s">
        <v>400</v>
      </c>
      <c r="T3160" s="98" t="s">
        <v>400</v>
      </c>
      <c r="U3160" s="128"/>
      <c r="V3160" s="128"/>
      <c r="W3160" s="128"/>
      <c r="X3160" s="128"/>
      <c r="Y3160" s="128"/>
      <c r="Z3160" s="128"/>
      <c r="AA3160" s="128"/>
      <c r="AB3160" s="128"/>
      <c r="AC3160" s="128"/>
      <c r="AD3160" s="128"/>
      <c r="AE3160" s="128"/>
      <c r="AF3160" s="128"/>
      <c r="AG3160" s="128"/>
      <c r="AH3160" s="128"/>
      <c r="AI3160" s="128"/>
      <c r="AJ3160" s="128"/>
      <c r="AK3160" s="128"/>
      <c r="AL3160" s="128"/>
      <c r="AM3160" s="128"/>
      <c r="AN3160" s="128"/>
      <c r="AO3160" s="128"/>
      <c r="AP3160" s="128"/>
      <c r="AQ3160" s="128"/>
      <c r="AR3160" s="128"/>
      <c r="AS3160" s="128"/>
      <c r="AT3160" s="128"/>
      <c r="AU3160" s="128"/>
      <c r="AV3160" s="128"/>
      <c r="AW3160" s="128"/>
      <c r="AX3160" s="128"/>
      <c r="AY3160" s="128"/>
      <c r="AZ3160" s="128"/>
      <c r="BA3160" s="128"/>
      <c r="BB3160" s="107">
        <v>45884</v>
      </c>
    </row>
    <row r="3161" spans="1:54" s="8" customFormat="1" ht="13.95" customHeight="1" x14ac:dyDescent="0.25">
      <c r="A3161" s="219" t="s">
        <v>7188</v>
      </c>
      <c r="B3161" s="220" t="s">
        <v>6395</v>
      </c>
      <c r="C3161" s="98" t="s">
        <v>7189</v>
      </c>
      <c r="D3161" s="98" t="s">
        <v>20862</v>
      </c>
      <c r="E3161" s="141">
        <v>1990</v>
      </c>
      <c r="F3161" s="141">
        <v>910</v>
      </c>
      <c r="G3161" s="98" t="s">
        <v>8</v>
      </c>
      <c r="H3161" s="98">
        <v>0</v>
      </c>
      <c r="I3161" s="98">
        <v>0</v>
      </c>
      <c r="J3161" s="98" t="s">
        <v>400</v>
      </c>
      <c r="K3161" s="98" t="s">
        <v>400</v>
      </c>
      <c r="L3161" s="98" t="s">
        <v>400</v>
      </c>
      <c r="M3161" s="98" t="s">
        <v>400</v>
      </c>
      <c r="N3161" s="98" t="s">
        <v>400</v>
      </c>
      <c r="O3161" s="98" t="s">
        <v>400</v>
      </c>
      <c r="P3161" s="98" t="s">
        <v>400</v>
      </c>
      <c r="Q3161" s="98" t="s">
        <v>400</v>
      </c>
      <c r="R3161" s="98" t="s">
        <v>400</v>
      </c>
      <c r="S3161" s="98" t="s">
        <v>400</v>
      </c>
      <c r="T3161" s="98" t="s">
        <v>400</v>
      </c>
      <c r="U3161" s="98">
        <v>0</v>
      </c>
      <c r="V3161" s="98">
        <v>0</v>
      </c>
      <c r="W3161" s="98" t="s">
        <v>400</v>
      </c>
      <c r="X3161" s="98">
        <v>0</v>
      </c>
      <c r="Y3161" s="98">
        <v>0</v>
      </c>
      <c r="Z3161" s="98">
        <v>0</v>
      </c>
      <c r="AA3161" s="98" t="s">
        <v>400</v>
      </c>
      <c r="AB3161" s="98">
        <v>0</v>
      </c>
      <c r="AC3161" s="98">
        <v>0</v>
      </c>
      <c r="AD3161" s="98">
        <v>0</v>
      </c>
      <c r="AE3161" s="98">
        <v>0</v>
      </c>
      <c r="AF3161" s="98">
        <v>0</v>
      </c>
      <c r="AG3161" s="98">
        <v>0</v>
      </c>
      <c r="AH3161" s="98">
        <v>0</v>
      </c>
      <c r="AI3161" s="98">
        <v>0</v>
      </c>
      <c r="AJ3161" s="98">
        <v>0</v>
      </c>
      <c r="AK3161" s="98">
        <v>0</v>
      </c>
      <c r="AL3161" s="98">
        <v>0</v>
      </c>
      <c r="AM3161" s="98">
        <v>0</v>
      </c>
      <c r="AN3161" s="98">
        <v>0</v>
      </c>
      <c r="AO3161" s="98">
        <v>0</v>
      </c>
      <c r="AP3161" s="98">
        <v>0</v>
      </c>
      <c r="AQ3161" s="98">
        <v>0</v>
      </c>
      <c r="AR3161" s="98">
        <v>0</v>
      </c>
      <c r="AS3161" s="98">
        <v>0</v>
      </c>
      <c r="AT3161" s="129">
        <v>0</v>
      </c>
      <c r="AU3161" s="98">
        <v>0</v>
      </c>
      <c r="AV3161" s="98">
        <v>0</v>
      </c>
      <c r="AW3161" s="98">
        <v>0</v>
      </c>
      <c r="AX3161" s="98"/>
      <c r="AY3161" s="98"/>
      <c r="AZ3161" s="98"/>
      <c r="BA3161" s="98"/>
      <c r="BB3161" s="107">
        <v>45884</v>
      </c>
    </row>
    <row r="3162" spans="1:54" s="8" customFormat="1" ht="13.95" customHeight="1" x14ac:dyDescent="0.25">
      <c r="A3162" s="219" t="s">
        <v>7190</v>
      </c>
      <c r="B3162" s="220" t="s">
        <v>6395</v>
      </c>
      <c r="C3162" s="98" t="s">
        <v>7191</v>
      </c>
      <c r="D3162" s="98" t="s">
        <v>20863</v>
      </c>
      <c r="E3162" s="141">
        <v>1969</v>
      </c>
      <c r="F3162" s="141">
        <v>915</v>
      </c>
      <c r="G3162" s="98" t="s">
        <v>1</v>
      </c>
      <c r="H3162" s="98">
        <v>0</v>
      </c>
      <c r="I3162" s="98">
        <v>0</v>
      </c>
      <c r="J3162" s="98" t="s">
        <v>400</v>
      </c>
      <c r="K3162" s="98" t="s">
        <v>400</v>
      </c>
      <c r="L3162" s="98" t="s">
        <v>400</v>
      </c>
      <c r="M3162" s="98" t="s">
        <v>400</v>
      </c>
      <c r="N3162" s="98" t="s">
        <v>400</v>
      </c>
      <c r="O3162" s="98" t="s">
        <v>400</v>
      </c>
      <c r="P3162" s="98" t="s">
        <v>400</v>
      </c>
      <c r="Q3162" s="98" t="s">
        <v>400</v>
      </c>
      <c r="R3162" s="98" t="s">
        <v>400</v>
      </c>
      <c r="S3162" s="98" t="s">
        <v>400</v>
      </c>
      <c r="T3162" s="98" t="s">
        <v>400</v>
      </c>
      <c r="U3162" s="128"/>
      <c r="V3162" s="128"/>
      <c r="W3162" s="128"/>
      <c r="X3162" s="128"/>
      <c r="Y3162" s="128"/>
      <c r="Z3162" s="128"/>
      <c r="AA3162" s="128"/>
      <c r="AB3162" s="128"/>
      <c r="AC3162" s="128"/>
      <c r="AD3162" s="128"/>
      <c r="AE3162" s="128"/>
      <c r="AF3162" s="128"/>
      <c r="AG3162" s="128"/>
      <c r="AH3162" s="128"/>
      <c r="AI3162" s="128"/>
      <c r="AJ3162" s="128"/>
      <c r="AK3162" s="128"/>
      <c r="AL3162" s="128"/>
      <c r="AM3162" s="128"/>
      <c r="AN3162" s="128"/>
      <c r="AO3162" s="128"/>
      <c r="AP3162" s="128"/>
      <c r="AQ3162" s="128"/>
      <c r="AR3162" s="128"/>
      <c r="AS3162" s="128"/>
      <c r="AT3162" s="128"/>
      <c r="AU3162" s="128"/>
      <c r="AV3162" s="128"/>
      <c r="AW3162" s="128"/>
      <c r="AX3162" s="128"/>
      <c r="AY3162" s="128"/>
      <c r="AZ3162" s="128"/>
      <c r="BA3162" s="128"/>
      <c r="BB3162" s="107">
        <v>45884</v>
      </c>
    </row>
    <row r="3163" spans="1:54" s="8" customFormat="1" ht="13.95" customHeight="1" x14ac:dyDescent="0.25">
      <c r="A3163" s="219" t="s">
        <v>7192</v>
      </c>
      <c r="B3163" s="220" t="s">
        <v>6395</v>
      </c>
      <c r="C3163" s="98" t="s">
        <v>7193</v>
      </c>
      <c r="D3163" s="98" t="s">
        <v>20864</v>
      </c>
      <c r="E3163" s="141">
        <v>1977</v>
      </c>
      <c r="F3163" s="141">
        <v>919</v>
      </c>
      <c r="G3163" s="98" t="s">
        <v>1</v>
      </c>
      <c r="H3163" s="98">
        <v>0</v>
      </c>
      <c r="I3163" s="98">
        <v>0</v>
      </c>
      <c r="J3163" s="98" t="s">
        <v>400</v>
      </c>
      <c r="K3163" s="98" t="s">
        <v>400</v>
      </c>
      <c r="L3163" s="98" t="s">
        <v>400</v>
      </c>
      <c r="M3163" s="98" t="s">
        <v>400</v>
      </c>
      <c r="N3163" s="98" t="s">
        <v>400</v>
      </c>
      <c r="O3163" s="98" t="s">
        <v>400</v>
      </c>
      <c r="P3163" s="98" t="s">
        <v>400</v>
      </c>
      <c r="Q3163" s="98" t="s">
        <v>400</v>
      </c>
      <c r="R3163" s="98" t="s">
        <v>400</v>
      </c>
      <c r="S3163" s="98" t="s">
        <v>400</v>
      </c>
      <c r="T3163" s="98" t="s">
        <v>400</v>
      </c>
      <c r="U3163" s="128"/>
      <c r="V3163" s="128"/>
      <c r="W3163" s="128"/>
      <c r="X3163" s="128"/>
      <c r="Y3163" s="128"/>
      <c r="Z3163" s="128"/>
      <c r="AA3163" s="128"/>
      <c r="AB3163" s="128"/>
      <c r="AC3163" s="128"/>
      <c r="AD3163" s="128"/>
      <c r="AE3163" s="128"/>
      <c r="AF3163" s="128"/>
      <c r="AG3163" s="128"/>
      <c r="AH3163" s="128"/>
      <c r="AI3163" s="128"/>
      <c r="AJ3163" s="128"/>
      <c r="AK3163" s="128"/>
      <c r="AL3163" s="128"/>
      <c r="AM3163" s="128"/>
      <c r="AN3163" s="128"/>
      <c r="AO3163" s="128"/>
      <c r="AP3163" s="128"/>
      <c r="AQ3163" s="128"/>
      <c r="AR3163" s="128"/>
      <c r="AS3163" s="128"/>
      <c r="AT3163" s="128"/>
      <c r="AU3163" s="128"/>
      <c r="AV3163" s="128"/>
      <c r="AW3163" s="128"/>
      <c r="AX3163" s="128"/>
      <c r="AY3163" s="128"/>
      <c r="AZ3163" s="128"/>
      <c r="BA3163" s="128"/>
      <c r="BB3163" s="107">
        <v>45884</v>
      </c>
    </row>
    <row r="3164" spans="1:54" s="8" customFormat="1" ht="13.95" customHeight="1" x14ac:dyDescent="0.25">
      <c r="A3164" s="219" t="s">
        <v>7194</v>
      </c>
      <c r="B3164" s="220" t="s">
        <v>6395</v>
      </c>
      <c r="C3164" s="98" t="s">
        <v>7195</v>
      </c>
      <c r="D3164" s="98" t="s">
        <v>20865</v>
      </c>
      <c r="E3164" s="141">
        <v>1984</v>
      </c>
      <c r="F3164" s="141">
        <v>922</v>
      </c>
      <c r="G3164" s="98" t="s">
        <v>1</v>
      </c>
      <c r="H3164" s="98">
        <v>0</v>
      </c>
      <c r="I3164" s="98">
        <v>0</v>
      </c>
      <c r="J3164" s="98" t="s">
        <v>400</v>
      </c>
      <c r="K3164" s="98" t="s">
        <v>400</v>
      </c>
      <c r="L3164" s="98" t="s">
        <v>400</v>
      </c>
      <c r="M3164" s="98" t="s">
        <v>400</v>
      </c>
      <c r="N3164" s="98" t="s">
        <v>400</v>
      </c>
      <c r="O3164" s="98" t="s">
        <v>400</v>
      </c>
      <c r="P3164" s="98" t="s">
        <v>400</v>
      </c>
      <c r="Q3164" s="98" t="s">
        <v>400</v>
      </c>
      <c r="R3164" s="98" t="s">
        <v>400</v>
      </c>
      <c r="S3164" s="98" t="s">
        <v>400</v>
      </c>
      <c r="T3164" s="98" t="s">
        <v>400</v>
      </c>
      <c r="U3164" s="128"/>
      <c r="V3164" s="128"/>
      <c r="W3164" s="128"/>
      <c r="X3164" s="128"/>
      <c r="Y3164" s="128"/>
      <c r="Z3164" s="128"/>
      <c r="AA3164" s="128"/>
      <c r="AB3164" s="128"/>
      <c r="AC3164" s="128"/>
      <c r="AD3164" s="128"/>
      <c r="AE3164" s="128"/>
      <c r="AF3164" s="128"/>
      <c r="AG3164" s="128"/>
      <c r="AH3164" s="128"/>
      <c r="AI3164" s="128"/>
      <c r="AJ3164" s="128"/>
      <c r="AK3164" s="128"/>
      <c r="AL3164" s="128"/>
      <c r="AM3164" s="128"/>
      <c r="AN3164" s="128"/>
      <c r="AO3164" s="128"/>
      <c r="AP3164" s="128"/>
      <c r="AQ3164" s="128"/>
      <c r="AR3164" s="128"/>
      <c r="AS3164" s="128"/>
      <c r="AT3164" s="128"/>
      <c r="AU3164" s="128"/>
      <c r="AV3164" s="128"/>
      <c r="AW3164" s="128"/>
      <c r="AX3164" s="128"/>
      <c r="AY3164" s="128"/>
      <c r="AZ3164" s="128"/>
      <c r="BA3164" s="128"/>
      <c r="BB3164" s="107">
        <v>45884</v>
      </c>
    </row>
    <row r="3165" spans="1:54" s="8" customFormat="1" ht="13.95" customHeight="1" x14ac:dyDescent="0.25">
      <c r="A3165" s="219" t="s">
        <v>7196</v>
      </c>
      <c r="B3165" s="220" t="s">
        <v>6395</v>
      </c>
      <c r="C3165" s="98" t="s">
        <v>7197</v>
      </c>
      <c r="D3165" s="98" t="s">
        <v>20866</v>
      </c>
      <c r="E3165" s="141">
        <v>1990</v>
      </c>
      <c r="F3165" s="141">
        <v>924</v>
      </c>
      <c r="G3165" s="98" t="s">
        <v>1</v>
      </c>
      <c r="H3165" s="98">
        <v>0</v>
      </c>
      <c r="I3165" s="98">
        <v>0</v>
      </c>
      <c r="J3165" s="98" t="s">
        <v>400</v>
      </c>
      <c r="K3165" s="98" t="s">
        <v>400</v>
      </c>
      <c r="L3165" s="98" t="s">
        <v>400</v>
      </c>
      <c r="M3165" s="98" t="s">
        <v>400</v>
      </c>
      <c r="N3165" s="98" t="s">
        <v>400</v>
      </c>
      <c r="O3165" s="98" t="s">
        <v>400</v>
      </c>
      <c r="P3165" s="98" t="s">
        <v>400</v>
      </c>
      <c r="Q3165" s="98" t="s">
        <v>400</v>
      </c>
      <c r="R3165" s="98" t="s">
        <v>400</v>
      </c>
      <c r="S3165" s="98" t="s">
        <v>400</v>
      </c>
      <c r="T3165" s="98" t="s">
        <v>400</v>
      </c>
      <c r="U3165" s="128"/>
      <c r="V3165" s="128"/>
      <c r="W3165" s="128"/>
      <c r="X3165" s="128"/>
      <c r="Y3165" s="128"/>
      <c r="Z3165" s="128"/>
      <c r="AA3165" s="128"/>
      <c r="AB3165" s="128"/>
      <c r="AC3165" s="128"/>
      <c r="AD3165" s="128"/>
      <c r="AE3165" s="128"/>
      <c r="AF3165" s="128"/>
      <c r="AG3165" s="128"/>
      <c r="AH3165" s="128"/>
      <c r="AI3165" s="128"/>
      <c r="AJ3165" s="128"/>
      <c r="AK3165" s="128"/>
      <c r="AL3165" s="128"/>
      <c r="AM3165" s="128"/>
      <c r="AN3165" s="128"/>
      <c r="AO3165" s="128"/>
      <c r="AP3165" s="128"/>
      <c r="AQ3165" s="128"/>
      <c r="AR3165" s="128"/>
      <c r="AS3165" s="128"/>
      <c r="AT3165" s="128"/>
      <c r="AU3165" s="128"/>
      <c r="AV3165" s="128"/>
      <c r="AW3165" s="128"/>
      <c r="AX3165" s="128"/>
      <c r="AY3165" s="128"/>
      <c r="AZ3165" s="128"/>
      <c r="BA3165" s="128"/>
      <c r="BB3165" s="107">
        <v>45884</v>
      </c>
    </row>
    <row r="3166" spans="1:54" s="8" customFormat="1" ht="13.95" customHeight="1" x14ac:dyDescent="0.25">
      <c r="A3166" s="219" t="s">
        <v>7198</v>
      </c>
      <c r="B3166" s="220" t="s">
        <v>6395</v>
      </c>
      <c r="C3166" s="98" t="s">
        <v>7199</v>
      </c>
      <c r="D3166" s="98" t="s">
        <v>20867</v>
      </c>
      <c r="E3166" s="141">
        <v>1965</v>
      </c>
      <c r="F3166" s="141">
        <v>929</v>
      </c>
      <c r="G3166" s="98" t="s">
        <v>1</v>
      </c>
      <c r="H3166" s="98">
        <v>0</v>
      </c>
      <c r="I3166" s="98">
        <v>0</v>
      </c>
      <c r="J3166" s="98" t="s">
        <v>400</v>
      </c>
      <c r="K3166" s="98" t="s">
        <v>400</v>
      </c>
      <c r="L3166" s="98" t="s">
        <v>400</v>
      </c>
      <c r="M3166" s="98" t="s">
        <v>400</v>
      </c>
      <c r="N3166" s="98" t="s">
        <v>400</v>
      </c>
      <c r="O3166" s="98" t="s">
        <v>400</v>
      </c>
      <c r="P3166" s="98" t="s">
        <v>400</v>
      </c>
      <c r="Q3166" s="98" t="s">
        <v>400</v>
      </c>
      <c r="R3166" s="98" t="s">
        <v>400</v>
      </c>
      <c r="S3166" s="98" t="s">
        <v>400</v>
      </c>
      <c r="T3166" s="98" t="s">
        <v>400</v>
      </c>
      <c r="U3166" s="128"/>
      <c r="V3166" s="128"/>
      <c r="W3166" s="128"/>
      <c r="X3166" s="128"/>
      <c r="Y3166" s="128"/>
      <c r="Z3166" s="128"/>
      <c r="AA3166" s="128"/>
      <c r="AB3166" s="128"/>
      <c r="AC3166" s="128"/>
      <c r="AD3166" s="128"/>
      <c r="AE3166" s="128"/>
      <c r="AF3166" s="128"/>
      <c r="AG3166" s="128"/>
      <c r="AH3166" s="128"/>
      <c r="AI3166" s="128"/>
      <c r="AJ3166" s="128"/>
      <c r="AK3166" s="128"/>
      <c r="AL3166" s="128"/>
      <c r="AM3166" s="128"/>
      <c r="AN3166" s="128"/>
      <c r="AO3166" s="128"/>
      <c r="AP3166" s="128"/>
      <c r="AQ3166" s="128"/>
      <c r="AR3166" s="128"/>
      <c r="AS3166" s="128"/>
      <c r="AT3166" s="128"/>
      <c r="AU3166" s="128"/>
      <c r="AV3166" s="128"/>
      <c r="AW3166" s="128"/>
      <c r="AX3166" s="128"/>
      <c r="AY3166" s="128"/>
      <c r="AZ3166" s="128"/>
      <c r="BA3166" s="128"/>
      <c r="BB3166" s="107">
        <v>45884</v>
      </c>
    </row>
    <row r="3167" spans="1:54" s="8" customFormat="1" ht="13.95" customHeight="1" x14ac:dyDescent="0.25">
      <c r="A3167" s="219" t="s">
        <v>7200</v>
      </c>
      <c r="B3167" s="220" t="s">
        <v>6395</v>
      </c>
      <c r="C3167" s="98" t="s">
        <v>7201</v>
      </c>
      <c r="D3167" s="98" t="s">
        <v>20868</v>
      </c>
      <c r="E3167" s="141">
        <v>2004</v>
      </c>
      <c r="F3167" s="141">
        <v>934</v>
      </c>
      <c r="G3167" s="98" t="s">
        <v>1</v>
      </c>
      <c r="H3167" s="98">
        <v>0</v>
      </c>
      <c r="I3167" s="98">
        <v>0</v>
      </c>
      <c r="J3167" s="98" t="s">
        <v>400</v>
      </c>
      <c r="K3167" s="98" t="s">
        <v>400</v>
      </c>
      <c r="L3167" s="98" t="s">
        <v>400</v>
      </c>
      <c r="M3167" s="98" t="s">
        <v>400</v>
      </c>
      <c r="N3167" s="98" t="s">
        <v>400</v>
      </c>
      <c r="O3167" s="98" t="s">
        <v>400</v>
      </c>
      <c r="P3167" s="98" t="s">
        <v>400</v>
      </c>
      <c r="Q3167" s="98" t="s">
        <v>400</v>
      </c>
      <c r="R3167" s="98" t="s">
        <v>400</v>
      </c>
      <c r="S3167" s="98" t="s">
        <v>400</v>
      </c>
      <c r="T3167" s="98" t="s">
        <v>400</v>
      </c>
      <c r="U3167" s="128"/>
      <c r="V3167" s="128"/>
      <c r="W3167" s="128"/>
      <c r="X3167" s="128"/>
      <c r="Y3167" s="128"/>
      <c r="Z3167" s="128"/>
      <c r="AA3167" s="128"/>
      <c r="AB3167" s="128"/>
      <c r="AC3167" s="128"/>
      <c r="AD3167" s="128"/>
      <c r="AE3167" s="128"/>
      <c r="AF3167" s="128"/>
      <c r="AG3167" s="128"/>
      <c r="AH3167" s="128"/>
      <c r="AI3167" s="128"/>
      <c r="AJ3167" s="128"/>
      <c r="AK3167" s="128"/>
      <c r="AL3167" s="128"/>
      <c r="AM3167" s="128"/>
      <c r="AN3167" s="128"/>
      <c r="AO3167" s="128"/>
      <c r="AP3167" s="128"/>
      <c r="AQ3167" s="128"/>
      <c r="AR3167" s="128"/>
      <c r="AS3167" s="128"/>
      <c r="AT3167" s="128"/>
      <c r="AU3167" s="128"/>
      <c r="AV3167" s="128"/>
      <c r="AW3167" s="128"/>
      <c r="AX3167" s="128"/>
      <c r="AY3167" s="128"/>
      <c r="AZ3167" s="128"/>
      <c r="BA3167" s="128"/>
      <c r="BB3167" s="107">
        <v>45884</v>
      </c>
    </row>
    <row r="3168" spans="1:54" s="8" customFormat="1" ht="13.95" customHeight="1" x14ac:dyDescent="0.25">
      <c r="A3168" s="219" t="s">
        <v>7202</v>
      </c>
      <c r="B3168" s="220" t="s">
        <v>6395</v>
      </c>
      <c r="C3168" s="98" t="s">
        <v>7203</v>
      </c>
      <c r="D3168" s="98" t="s">
        <v>20869</v>
      </c>
      <c r="E3168" s="141">
        <v>1984</v>
      </c>
      <c r="F3168" s="141">
        <v>940</v>
      </c>
      <c r="G3168" s="98" t="s">
        <v>1</v>
      </c>
      <c r="H3168" s="98">
        <v>0</v>
      </c>
      <c r="I3168" s="98">
        <v>0</v>
      </c>
      <c r="J3168" s="98" t="s">
        <v>400</v>
      </c>
      <c r="K3168" s="98" t="s">
        <v>400</v>
      </c>
      <c r="L3168" s="98" t="s">
        <v>400</v>
      </c>
      <c r="M3168" s="98" t="s">
        <v>400</v>
      </c>
      <c r="N3168" s="98" t="s">
        <v>400</v>
      </c>
      <c r="O3168" s="98" t="s">
        <v>400</v>
      </c>
      <c r="P3168" s="98" t="s">
        <v>400</v>
      </c>
      <c r="Q3168" s="98" t="s">
        <v>400</v>
      </c>
      <c r="R3168" s="98" t="s">
        <v>400</v>
      </c>
      <c r="S3168" s="98" t="s">
        <v>400</v>
      </c>
      <c r="T3168" s="98" t="s">
        <v>400</v>
      </c>
      <c r="U3168" s="128"/>
      <c r="V3168" s="128"/>
      <c r="W3168" s="128"/>
      <c r="X3168" s="128"/>
      <c r="Y3168" s="128"/>
      <c r="Z3168" s="128"/>
      <c r="AA3168" s="128"/>
      <c r="AB3168" s="128"/>
      <c r="AC3168" s="128"/>
      <c r="AD3168" s="128"/>
      <c r="AE3168" s="128"/>
      <c r="AF3168" s="128"/>
      <c r="AG3168" s="128"/>
      <c r="AH3168" s="128"/>
      <c r="AI3168" s="128"/>
      <c r="AJ3168" s="128"/>
      <c r="AK3168" s="128"/>
      <c r="AL3168" s="128"/>
      <c r="AM3168" s="128"/>
      <c r="AN3168" s="128"/>
      <c r="AO3168" s="128"/>
      <c r="AP3168" s="128"/>
      <c r="AQ3168" s="128"/>
      <c r="AR3168" s="128"/>
      <c r="AS3168" s="128"/>
      <c r="AT3168" s="128"/>
      <c r="AU3168" s="128"/>
      <c r="AV3168" s="128"/>
      <c r="AW3168" s="128"/>
      <c r="AX3168" s="128"/>
      <c r="AY3168" s="128"/>
      <c r="AZ3168" s="128"/>
      <c r="BA3168" s="128"/>
      <c r="BB3168" s="107">
        <v>45884</v>
      </c>
    </row>
    <row r="3169" spans="1:54" s="8" customFormat="1" ht="13.95" customHeight="1" x14ac:dyDescent="0.25">
      <c r="A3169" s="219" t="s">
        <v>7204</v>
      </c>
      <c r="B3169" s="220" t="s">
        <v>6395</v>
      </c>
      <c r="C3169" s="98" t="s">
        <v>7205</v>
      </c>
      <c r="D3169" s="98" t="s">
        <v>20461</v>
      </c>
      <c r="E3169" s="141">
        <v>1979</v>
      </c>
      <c r="F3169" s="141">
        <v>941</v>
      </c>
      <c r="G3169" s="98" t="s">
        <v>1</v>
      </c>
      <c r="H3169" s="98">
        <v>0</v>
      </c>
      <c r="I3169" s="98">
        <v>0</v>
      </c>
      <c r="J3169" s="98" t="s">
        <v>400</v>
      </c>
      <c r="K3169" s="98" t="s">
        <v>400</v>
      </c>
      <c r="L3169" s="98" t="s">
        <v>400</v>
      </c>
      <c r="M3169" s="98" t="s">
        <v>400</v>
      </c>
      <c r="N3169" s="98" t="s">
        <v>400</v>
      </c>
      <c r="O3169" s="98" t="s">
        <v>400</v>
      </c>
      <c r="P3169" s="98" t="s">
        <v>400</v>
      </c>
      <c r="Q3169" s="98" t="s">
        <v>400</v>
      </c>
      <c r="R3169" s="98" t="s">
        <v>400</v>
      </c>
      <c r="S3169" s="98" t="s">
        <v>400</v>
      </c>
      <c r="T3169" s="98" t="s">
        <v>400</v>
      </c>
      <c r="U3169" s="128"/>
      <c r="V3169" s="128"/>
      <c r="W3169" s="128"/>
      <c r="X3169" s="128"/>
      <c r="Y3169" s="128"/>
      <c r="Z3169" s="128"/>
      <c r="AA3169" s="128"/>
      <c r="AB3169" s="128"/>
      <c r="AC3169" s="128"/>
      <c r="AD3169" s="128"/>
      <c r="AE3169" s="128"/>
      <c r="AF3169" s="128"/>
      <c r="AG3169" s="128"/>
      <c r="AH3169" s="128"/>
      <c r="AI3169" s="128"/>
      <c r="AJ3169" s="128"/>
      <c r="AK3169" s="128"/>
      <c r="AL3169" s="128"/>
      <c r="AM3169" s="128"/>
      <c r="AN3169" s="128"/>
      <c r="AO3169" s="128"/>
      <c r="AP3169" s="128"/>
      <c r="AQ3169" s="128"/>
      <c r="AR3169" s="128"/>
      <c r="AS3169" s="128"/>
      <c r="AT3169" s="128"/>
      <c r="AU3169" s="128"/>
      <c r="AV3169" s="128"/>
      <c r="AW3169" s="128"/>
      <c r="AX3169" s="128"/>
      <c r="AY3169" s="128"/>
      <c r="AZ3169" s="128"/>
      <c r="BA3169" s="128"/>
      <c r="BB3169" s="107">
        <v>45884</v>
      </c>
    </row>
    <row r="3170" spans="1:54" s="8" customFormat="1" ht="13.95" customHeight="1" x14ac:dyDescent="0.25">
      <c r="A3170" s="219" t="s">
        <v>7206</v>
      </c>
      <c r="B3170" s="220" t="s">
        <v>6395</v>
      </c>
      <c r="C3170" s="98" t="s">
        <v>7207</v>
      </c>
      <c r="D3170" s="98" t="s">
        <v>20870</v>
      </c>
      <c r="E3170" s="141">
        <v>1963</v>
      </c>
      <c r="F3170" s="141">
        <v>943</v>
      </c>
      <c r="G3170" s="98" t="s">
        <v>1</v>
      </c>
      <c r="H3170" s="98">
        <v>0</v>
      </c>
      <c r="I3170" s="98">
        <v>0</v>
      </c>
      <c r="J3170" s="98" t="s">
        <v>400</v>
      </c>
      <c r="K3170" s="98" t="s">
        <v>400</v>
      </c>
      <c r="L3170" s="98" t="s">
        <v>400</v>
      </c>
      <c r="M3170" s="98" t="s">
        <v>400</v>
      </c>
      <c r="N3170" s="98" t="s">
        <v>400</v>
      </c>
      <c r="O3170" s="98" t="s">
        <v>400</v>
      </c>
      <c r="P3170" s="98" t="s">
        <v>400</v>
      </c>
      <c r="Q3170" s="98" t="s">
        <v>400</v>
      </c>
      <c r="R3170" s="98" t="s">
        <v>400</v>
      </c>
      <c r="S3170" s="98" t="s">
        <v>400</v>
      </c>
      <c r="T3170" s="98" t="s">
        <v>400</v>
      </c>
      <c r="U3170" s="128"/>
      <c r="V3170" s="128"/>
      <c r="W3170" s="128"/>
      <c r="X3170" s="128"/>
      <c r="Y3170" s="128"/>
      <c r="Z3170" s="128"/>
      <c r="AA3170" s="128"/>
      <c r="AB3170" s="128"/>
      <c r="AC3170" s="128"/>
      <c r="AD3170" s="128"/>
      <c r="AE3170" s="128"/>
      <c r="AF3170" s="128"/>
      <c r="AG3170" s="128"/>
      <c r="AH3170" s="128"/>
      <c r="AI3170" s="128"/>
      <c r="AJ3170" s="128"/>
      <c r="AK3170" s="128"/>
      <c r="AL3170" s="128"/>
      <c r="AM3170" s="128"/>
      <c r="AN3170" s="128"/>
      <c r="AO3170" s="128"/>
      <c r="AP3170" s="128"/>
      <c r="AQ3170" s="128"/>
      <c r="AR3170" s="128"/>
      <c r="AS3170" s="128"/>
      <c r="AT3170" s="128"/>
      <c r="AU3170" s="128"/>
      <c r="AV3170" s="128"/>
      <c r="AW3170" s="128"/>
      <c r="AX3170" s="128"/>
      <c r="AY3170" s="128"/>
      <c r="AZ3170" s="128"/>
      <c r="BA3170" s="128"/>
      <c r="BB3170" s="107">
        <v>45884</v>
      </c>
    </row>
    <row r="3171" spans="1:54" s="8" customFormat="1" ht="13.95" customHeight="1" x14ac:dyDescent="0.25">
      <c r="A3171" s="219" t="s">
        <v>7208</v>
      </c>
      <c r="B3171" s="220" t="s">
        <v>6395</v>
      </c>
      <c r="C3171" s="98" t="s">
        <v>7209</v>
      </c>
      <c r="D3171" s="98" t="s">
        <v>20871</v>
      </c>
      <c r="E3171" s="141">
        <v>1964</v>
      </c>
      <c r="F3171" s="141">
        <v>1487</v>
      </c>
      <c r="G3171" s="98" t="s">
        <v>1</v>
      </c>
      <c r="H3171" s="98">
        <v>0</v>
      </c>
      <c r="I3171" s="98">
        <v>0</v>
      </c>
      <c r="J3171" s="98" t="s">
        <v>400</v>
      </c>
      <c r="K3171" s="98" t="s">
        <v>400</v>
      </c>
      <c r="L3171" s="98" t="s">
        <v>400</v>
      </c>
      <c r="M3171" s="98" t="s">
        <v>400</v>
      </c>
      <c r="N3171" s="98" t="s">
        <v>400</v>
      </c>
      <c r="O3171" s="98" t="s">
        <v>400</v>
      </c>
      <c r="P3171" s="98" t="s">
        <v>400</v>
      </c>
      <c r="Q3171" s="98" t="s">
        <v>400</v>
      </c>
      <c r="R3171" s="98" t="s">
        <v>400</v>
      </c>
      <c r="S3171" s="98" t="s">
        <v>400</v>
      </c>
      <c r="T3171" s="98" t="s">
        <v>400</v>
      </c>
      <c r="U3171" s="128"/>
      <c r="V3171" s="128"/>
      <c r="W3171" s="128"/>
      <c r="X3171" s="128"/>
      <c r="Y3171" s="128"/>
      <c r="Z3171" s="128"/>
      <c r="AA3171" s="128"/>
      <c r="AB3171" s="128"/>
      <c r="AC3171" s="128"/>
      <c r="AD3171" s="128"/>
      <c r="AE3171" s="128"/>
      <c r="AF3171" s="128"/>
      <c r="AG3171" s="128"/>
      <c r="AH3171" s="128"/>
      <c r="AI3171" s="128"/>
      <c r="AJ3171" s="128"/>
      <c r="AK3171" s="128"/>
      <c r="AL3171" s="128"/>
      <c r="AM3171" s="128"/>
      <c r="AN3171" s="128"/>
      <c r="AO3171" s="128"/>
      <c r="AP3171" s="128"/>
      <c r="AQ3171" s="128"/>
      <c r="AR3171" s="128"/>
      <c r="AS3171" s="128"/>
      <c r="AT3171" s="128"/>
      <c r="AU3171" s="128"/>
      <c r="AV3171" s="128"/>
      <c r="AW3171" s="128"/>
      <c r="AX3171" s="128"/>
      <c r="AY3171" s="128"/>
      <c r="AZ3171" s="128"/>
      <c r="BA3171" s="128"/>
      <c r="BB3171" s="107">
        <v>45884</v>
      </c>
    </row>
    <row r="3172" spans="1:54" s="8" customFormat="1" ht="13.95" customHeight="1" x14ac:dyDescent="0.25">
      <c r="A3172" s="219" t="s">
        <v>7210</v>
      </c>
      <c r="B3172" s="220" t="s">
        <v>6395</v>
      </c>
      <c r="C3172" s="98" t="s">
        <v>7211</v>
      </c>
      <c r="D3172" s="98" t="s">
        <v>20872</v>
      </c>
      <c r="E3172" s="141">
        <v>1977</v>
      </c>
      <c r="F3172" s="141">
        <v>943</v>
      </c>
      <c r="G3172" s="98" t="s">
        <v>1</v>
      </c>
      <c r="H3172" s="98">
        <v>0</v>
      </c>
      <c r="I3172" s="98">
        <v>0</v>
      </c>
      <c r="J3172" s="98" t="s">
        <v>400</v>
      </c>
      <c r="K3172" s="98" t="s">
        <v>400</v>
      </c>
      <c r="L3172" s="98" t="s">
        <v>400</v>
      </c>
      <c r="M3172" s="98" t="s">
        <v>400</v>
      </c>
      <c r="N3172" s="98" t="s">
        <v>400</v>
      </c>
      <c r="O3172" s="98" t="s">
        <v>400</v>
      </c>
      <c r="P3172" s="98" t="s">
        <v>400</v>
      </c>
      <c r="Q3172" s="98" t="s">
        <v>400</v>
      </c>
      <c r="R3172" s="98" t="s">
        <v>400</v>
      </c>
      <c r="S3172" s="98" t="s">
        <v>400</v>
      </c>
      <c r="T3172" s="98" t="s">
        <v>400</v>
      </c>
      <c r="U3172" s="128"/>
      <c r="V3172" s="128"/>
      <c r="W3172" s="128"/>
      <c r="X3172" s="128"/>
      <c r="Y3172" s="128"/>
      <c r="Z3172" s="128"/>
      <c r="AA3172" s="128"/>
      <c r="AB3172" s="128"/>
      <c r="AC3172" s="128"/>
      <c r="AD3172" s="128"/>
      <c r="AE3172" s="128"/>
      <c r="AF3172" s="128"/>
      <c r="AG3172" s="128"/>
      <c r="AH3172" s="128"/>
      <c r="AI3172" s="128"/>
      <c r="AJ3172" s="128"/>
      <c r="AK3172" s="128"/>
      <c r="AL3172" s="128"/>
      <c r="AM3172" s="128"/>
      <c r="AN3172" s="128"/>
      <c r="AO3172" s="128"/>
      <c r="AP3172" s="128"/>
      <c r="AQ3172" s="128"/>
      <c r="AR3172" s="128"/>
      <c r="AS3172" s="128"/>
      <c r="AT3172" s="128"/>
      <c r="AU3172" s="128"/>
      <c r="AV3172" s="128"/>
      <c r="AW3172" s="128"/>
      <c r="AX3172" s="128"/>
      <c r="AY3172" s="128"/>
      <c r="AZ3172" s="128"/>
      <c r="BA3172" s="128"/>
      <c r="BB3172" s="107">
        <v>45884</v>
      </c>
    </row>
    <row r="3173" spans="1:54" s="8" customFormat="1" ht="13.95" customHeight="1" x14ac:dyDescent="0.25">
      <c r="A3173" s="219" t="s">
        <v>7212</v>
      </c>
      <c r="B3173" s="220" t="s">
        <v>6395</v>
      </c>
      <c r="C3173" s="98" t="s">
        <v>7213</v>
      </c>
      <c r="D3173" s="98" t="s">
        <v>7214</v>
      </c>
      <c r="E3173" s="141">
        <v>2004</v>
      </c>
      <c r="F3173" s="141">
        <v>945</v>
      </c>
      <c r="G3173" s="98" t="s">
        <v>1</v>
      </c>
      <c r="H3173" s="98">
        <v>0</v>
      </c>
      <c r="I3173" s="98">
        <v>0</v>
      </c>
      <c r="J3173" s="98" t="s">
        <v>400</v>
      </c>
      <c r="K3173" s="98" t="s">
        <v>400</v>
      </c>
      <c r="L3173" s="98" t="s">
        <v>400</v>
      </c>
      <c r="M3173" s="98" t="s">
        <v>400</v>
      </c>
      <c r="N3173" s="98" t="s">
        <v>400</v>
      </c>
      <c r="O3173" s="98" t="s">
        <v>400</v>
      </c>
      <c r="P3173" s="98" t="s">
        <v>400</v>
      </c>
      <c r="Q3173" s="98" t="s">
        <v>400</v>
      </c>
      <c r="R3173" s="98" t="s">
        <v>400</v>
      </c>
      <c r="S3173" s="98" t="s">
        <v>400</v>
      </c>
      <c r="T3173" s="98" t="s">
        <v>400</v>
      </c>
      <c r="U3173" s="128"/>
      <c r="V3173" s="128"/>
      <c r="W3173" s="128"/>
      <c r="X3173" s="128"/>
      <c r="Y3173" s="128"/>
      <c r="Z3173" s="128"/>
      <c r="AA3173" s="128"/>
      <c r="AB3173" s="128"/>
      <c r="AC3173" s="128"/>
      <c r="AD3173" s="128"/>
      <c r="AE3173" s="128"/>
      <c r="AF3173" s="128"/>
      <c r="AG3173" s="128"/>
      <c r="AH3173" s="128"/>
      <c r="AI3173" s="128"/>
      <c r="AJ3173" s="128"/>
      <c r="AK3173" s="128"/>
      <c r="AL3173" s="128"/>
      <c r="AM3173" s="128"/>
      <c r="AN3173" s="128"/>
      <c r="AO3173" s="128"/>
      <c r="AP3173" s="128"/>
      <c r="AQ3173" s="128"/>
      <c r="AR3173" s="128"/>
      <c r="AS3173" s="128"/>
      <c r="AT3173" s="128"/>
      <c r="AU3173" s="128"/>
      <c r="AV3173" s="128"/>
      <c r="AW3173" s="128"/>
      <c r="AX3173" s="128"/>
      <c r="AY3173" s="128"/>
      <c r="AZ3173" s="128"/>
      <c r="BA3173" s="128"/>
      <c r="BB3173" s="107">
        <v>45884</v>
      </c>
    </row>
    <row r="3174" spans="1:54" s="8" customFormat="1" ht="13.95" customHeight="1" x14ac:dyDescent="0.25">
      <c r="A3174" s="219" t="s">
        <v>7215</v>
      </c>
      <c r="B3174" s="220" t="s">
        <v>6395</v>
      </c>
      <c r="C3174" s="98" t="s">
        <v>7216</v>
      </c>
      <c r="D3174" s="98" t="s">
        <v>20873</v>
      </c>
      <c r="E3174" s="141">
        <v>1997</v>
      </c>
      <c r="F3174" s="141">
        <v>949</v>
      </c>
      <c r="G3174" s="98" t="s">
        <v>1</v>
      </c>
      <c r="H3174" s="98">
        <v>0</v>
      </c>
      <c r="I3174" s="98">
        <v>0</v>
      </c>
      <c r="J3174" s="98" t="s">
        <v>400</v>
      </c>
      <c r="K3174" s="98" t="s">
        <v>400</v>
      </c>
      <c r="L3174" s="98" t="s">
        <v>400</v>
      </c>
      <c r="M3174" s="98" t="s">
        <v>400</v>
      </c>
      <c r="N3174" s="98" t="s">
        <v>400</v>
      </c>
      <c r="O3174" s="98" t="s">
        <v>400</v>
      </c>
      <c r="P3174" s="98" t="s">
        <v>400</v>
      </c>
      <c r="Q3174" s="98" t="s">
        <v>400</v>
      </c>
      <c r="R3174" s="98" t="s">
        <v>400</v>
      </c>
      <c r="S3174" s="98" t="s">
        <v>400</v>
      </c>
      <c r="T3174" s="98" t="s">
        <v>400</v>
      </c>
      <c r="U3174" s="128"/>
      <c r="V3174" s="128"/>
      <c r="W3174" s="128"/>
      <c r="X3174" s="128"/>
      <c r="Y3174" s="128"/>
      <c r="Z3174" s="128"/>
      <c r="AA3174" s="128"/>
      <c r="AB3174" s="128"/>
      <c r="AC3174" s="128"/>
      <c r="AD3174" s="128"/>
      <c r="AE3174" s="128"/>
      <c r="AF3174" s="128"/>
      <c r="AG3174" s="128"/>
      <c r="AH3174" s="128"/>
      <c r="AI3174" s="128"/>
      <c r="AJ3174" s="128"/>
      <c r="AK3174" s="128"/>
      <c r="AL3174" s="128"/>
      <c r="AM3174" s="128"/>
      <c r="AN3174" s="128"/>
      <c r="AO3174" s="128"/>
      <c r="AP3174" s="128"/>
      <c r="AQ3174" s="128"/>
      <c r="AR3174" s="128"/>
      <c r="AS3174" s="128"/>
      <c r="AT3174" s="128"/>
      <c r="AU3174" s="128"/>
      <c r="AV3174" s="128"/>
      <c r="AW3174" s="128"/>
      <c r="AX3174" s="128"/>
      <c r="AY3174" s="128"/>
      <c r="AZ3174" s="128"/>
      <c r="BA3174" s="128"/>
      <c r="BB3174" s="107">
        <v>45884</v>
      </c>
    </row>
    <row r="3175" spans="1:54" s="8" customFormat="1" ht="13.95" customHeight="1" x14ac:dyDescent="0.25">
      <c r="A3175" s="219" t="s">
        <v>7217</v>
      </c>
      <c r="B3175" s="220" t="s">
        <v>6395</v>
      </c>
      <c r="C3175" s="98" t="s">
        <v>7218</v>
      </c>
      <c r="D3175" s="98" t="s">
        <v>20874</v>
      </c>
      <c r="E3175" s="141">
        <v>1966</v>
      </c>
      <c r="F3175" s="141">
        <v>949</v>
      </c>
      <c r="G3175" s="98" t="s">
        <v>1</v>
      </c>
      <c r="H3175" s="98">
        <v>0</v>
      </c>
      <c r="I3175" s="98">
        <v>0</v>
      </c>
      <c r="J3175" s="98" t="s">
        <v>400</v>
      </c>
      <c r="K3175" s="98" t="s">
        <v>400</v>
      </c>
      <c r="L3175" s="98" t="s">
        <v>400</v>
      </c>
      <c r="M3175" s="98" t="s">
        <v>400</v>
      </c>
      <c r="N3175" s="98" t="s">
        <v>400</v>
      </c>
      <c r="O3175" s="98" t="s">
        <v>400</v>
      </c>
      <c r="P3175" s="98" t="s">
        <v>400</v>
      </c>
      <c r="Q3175" s="98" t="s">
        <v>400</v>
      </c>
      <c r="R3175" s="98" t="s">
        <v>400</v>
      </c>
      <c r="S3175" s="98" t="s">
        <v>400</v>
      </c>
      <c r="T3175" s="98" t="s">
        <v>400</v>
      </c>
      <c r="U3175" s="128"/>
      <c r="V3175" s="128"/>
      <c r="W3175" s="128"/>
      <c r="X3175" s="128"/>
      <c r="Y3175" s="128"/>
      <c r="Z3175" s="128"/>
      <c r="AA3175" s="128"/>
      <c r="AB3175" s="128"/>
      <c r="AC3175" s="128"/>
      <c r="AD3175" s="128"/>
      <c r="AE3175" s="128"/>
      <c r="AF3175" s="128"/>
      <c r="AG3175" s="128"/>
      <c r="AH3175" s="128"/>
      <c r="AI3175" s="128"/>
      <c r="AJ3175" s="128"/>
      <c r="AK3175" s="128"/>
      <c r="AL3175" s="128"/>
      <c r="AM3175" s="128"/>
      <c r="AN3175" s="128"/>
      <c r="AO3175" s="128"/>
      <c r="AP3175" s="128"/>
      <c r="AQ3175" s="128"/>
      <c r="AR3175" s="128"/>
      <c r="AS3175" s="128"/>
      <c r="AT3175" s="128"/>
      <c r="AU3175" s="128"/>
      <c r="AV3175" s="128"/>
      <c r="AW3175" s="128"/>
      <c r="AX3175" s="128"/>
      <c r="AY3175" s="128"/>
      <c r="AZ3175" s="128"/>
      <c r="BA3175" s="128"/>
      <c r="BB3175" s="107">
        <v>45884</v>
      </c>
    </row>
    <row r="3176" spans="1:54" s="8" customFormat="1" ht="13.95" customHeight="1" x14ac:dyDescent="0.25">
      <c r="A3176" s="219" t="s">
        <v>7219</v>
      </c>
      <c r="B3176" s="220" t="s">
        <v>6395</v>
      </c>
      <c r="C3176" s="98" t="s">
        <v>7220</v>
      </c>
      <c r="D3176" s="98" t="s">
        <v>20875</v>
      </c>
      <c r="E3176" s="141">
        <v>1990</v>
      </c>
      <c r="F3176" s="141">
        <v>1826</v>
      </c>
      <c r="G3176" s="98" t="s">
        <v>1</v>
      </c>
      <c r="H3176" s="98">
        <v>0</v>
      </c>
      <c r="I3176" s="98">
        <v>0</v>
      </c>
      <c r="J3176" s="98" t="s">
        <v>400</v>
      </c>
      <c r="K3176" s="98" t="s">
        <v>400</v>
      </c>
      <c r="L3176" s="98" t="s">
        <v>400</v>
      </c>
      <c r="M3176" s="98" t="s">
        <v>400</v>
      </c>
      <c r="N3176" s="98" t="s">
        <v>400</v>
      </c>
      <c r="O3176" s="98" t="s">
        <v>400</v>
      </c>
      <c r="P3176" s="98" t="s">
        <v>400</v>
      </c>
      <c r="Q3176" s="98" t="s">
        <v>400</v>
      </c>
      <c r="R3176" s="98" t="s">
        <v>400</v>
      </c>
      <c r="S3176" s="98" t="s">
        <v>400</v>
      </c>
      <c r="T3176" s="98" t="s">
        <v>400</v>
      </c>
      <c r="U3176" s="128"/>
      <c r="V3176" s="128"/>
      <c r="W3176" s="128"/>
      <c r="X3176" s="128"/>
      <c r="Y3176" s="128"/>
      <c r="Z3176" s="128"/>
      <c r="AA3176" s="128"/>
      <c r="AB3176" s="128"/>
      <c r="AC3176" s="128"/>
      <c r="AD3176" s="128"/>
      <c r="AE3176" s="128"/>
      <c r="AF3176" s="128"/>
      <c r="AG3176" s="128"/>
      <c r="AH3176" s="128"/>
      <c r="AI3176" s="128"/>
      <c r="AJ3176" s="128"/>
      <c r="AK3176" s="128"/>
      <c r="AL3176" s="128"/>
      <c r="AM3176" s="128"/>
      <c r="AN3176" s="128"/>
      <c r="AO3176" s="128"/>
      <c r="AP3176" s="128"/>
      <c r="AQ3176" s="128"/>
      <c r="AR3176" s="128"/>
      <c r="AS3176" s="128"/>
      <c r="AT3176" s="128"/>
      <c r="AU3176" s="128"/>
      <c r="AV3176" s="128"/>
      <c r="AW3176" s="128"/>
      <c r="AX3176" s="128"/>
      <c r="AY3176" s="128"/>
      <c r="AZ3176" s="128"/>
      <c r="BA3176" s="128"/>
      <c r="BB3176" s="107">
        <v>45884</v>
      </c>
    </row>
    <row r="3177" spans="1:54" s="8" customFormat="1" ht="13.95" customHeight="1" x14ac:dyDescent="0.25">
      <c r="A3177" s="219" t="s">
        <v>7221</v>
      </c>
      <c r="B3177" s="220" t="s">
        <v>6395</v>
      </c>
      <c r="C3177" s="98" t="s">
        <v>7222</v>
      </c>
      <c r="D3177" s="98" t="s">
        <v>20876</v>
      </c>
      <c r="E3177" s="141">
        <v>1974</v>
      </c>
      <c r="F3177" s="141">
        <v>954</v>
      </c>
      <c r="G3177" s="98" t="s">
        <v>1</v>
      </c>
      <c r="H3177" s="98">
        <v>0</v>
      </c>
      <c r="I3177" s="98">
        <v>0</v>
      </c>
      <c r="J3177" s="98" t="s">
        <v>400</v>
      </c>
      <c r="K3177" s="98" t="s">
        <v>400</v>
      </c>
      <c r="L3177" s="98" t="s">
        <v>400</v>
      </c>
      <c r="M3177" s="98" t="s">
        <v>400</v>
      </c>
      <c r="N3177" s="98" t="s">
        <v>400</v>
      </c>
      <c r="O3177" s="98" t="s">
        <v>400</v>
      </c>
      <c r="P3177" s="98" t="s">
        <v>400</v>
      </c>
      <c r="Q3177" s="98" t="s">
        <v>400</v>
      </c>
      <c r="R3177" s="98" t="s">
        <v>400</v>
      </c>
      <c r="S3177" s="98" t="s">
        <v>400</v>
      </c>
      <c r="T3177" s="98" t="s">
        <v>400</v>
      </c>
      <c r="U3177" s="128"/>
      <c r="V3177" s="128"/>
      <c r="W3177" s="128"/>
      <c r="X3177" s="128"/>
      <c r="Y3177" s="128"/>
      <c r="Z3177" s="128"/>
      <c r="AA3177" s="128"/>
      <c r="AB3177" s="128"/>
      <c r="AC3177" s="128"/>
      <c r="AD3177" s="128"/>
      <c r="AE3177" s="128"/>
      <c r="AF3177" s="128"/>
      <c r="AG3177" s="128"/>
      <c r="AH3177" s="128"/>
      <c r="AI3177" s="128"/>
      <c r="AJ3177" s="128"/>
      <c r="AK3177" s="128"/>
      <c r="AL3177" s="128"/>
      <c r="AM3177" s="128"/>
      <c r="AN3177" s="128"/>
      <c r="AO3177" s="128"/>
      <c r="AP3177" s="128"/>
      <c r="AQ3177" s="128"/>
      <c r="AR3177" s="128"/>
      <c r="AS3177" s="128"/>
      <c r="AT3177" s="128"/>
      <c r="AU3177" s="128"/>
      <c r="AV3177" s="128"/>
      <c r="AW3177" s="128"/>
      <c r="AX3177" s="128"/>
      <c r="AY3177" s="128"/>
      <c r="AZ3177" s="128"/>
      <c r="BA3177" s="128"/>
      <c r="BB3177" s="107">
        <v>45884</v>
      </c>
    </row>
    <row r="3178" spans="1:54" s="8" customFormat="1" ht="13.95" customHeight="1" x14ac:dyDescent="0.25">
      <c r="A3178" s="219" t="s">
        <v>7223</v>
      </c>
      <c r="B3178" s="220" t="s">
        <v>6395</v>
      </c>
      <c r="C3178" s="98" t="s">
        <v>7224</v>
      </c>
      <c r="D3178" s="98" t="s">
        <v>20877</v>
      </c>
      <c r="E3178" s="141">
        <v>1966</v>
      </c>
      <c r="F3178" s="141">
        <v>961</v>
      </c>
      <c r="G3178" s="98" t="s">
        <v>1</v>
      </c>
      <c r="H3178" s="98">
        <v>0</v>
      </c>
      <c r="I3178" s="98">
        <v>0</v>
      </c>
      <c r="J3178" s="98" t="s">
        <v>400</v>
      </c>
      <c r="K3178" s="98" t="s">
        <v>400</v>
      </c>
      <c r="L3178" s="98" t="s">
        <v>400</v>
      </c>
      <c r="M3178" s="98" t="s">
        <v>400</v>
      </c>
      <c r="N3178" s="98" t="s">
        <v>400</v>
      </c>
      <c r="O3178" s="98" t="s">
        <v>400</v>
      </c>
      <c r="P3178" s="98" t="s">
        <v>400</v>
      </c>
      <c r="Q3178" s="98" t="s">
        <v>400</v>
      </c>
      <c r="R3178" s="98" t="s">
        <v>400</v>
      </c>
      <c r="S3178" s="98" t="s">
        <v>400</v>
      </c>
      <c r="T3178" s="98" t="s">
        <v>400</v>
      </c>
      <c r="U3178" s="128"/>
      <c r="V3178" s="128"/>
      <c r="W3178" s="128"/>
      <c r="X3178" s="128"/>
      <c r="Y3178" s="128"/>
      <c r="Z3178" s="128"/>
      <c r="AA3178" s="128"/>
      <c r="AB3178" s="128"/>
      <c r="AC3178" s="128"/>
      <c r="AD3178" s="128"/>
      <c r="AE3178" s="128"/>
      <c r="AF3178" s="128"/>
      <c r="AG3178" s="128"/>
      <c r="AH3178" s="128"/>
      <c r="AI3178" s="128"/>
      <c r="AJ3178" s="128"/>
      <c r="AK3178" s="128"/>
      <c r="AL3178" s="128"/>
      <c r="AM3178" s="128"/>
      <c r="AN3178" s="128"/>
      <c r="AO3178" s="128"/>
      <c r="AP3178" s="128"/>
      <c r="AQ3178" s="128"/>
      <c r="AR3178" s="128"/>
      <c r="AS3178" s="128"/>
      <c r="AT3178" s="128"/>
      <c r="AU3178" s="128"/>
      <c r="AV3178" s="128"/>
      <c r="AW3178" s="128"/>
      <c r="AX3178" s="128"/>
      <c r="AY3178" s="128"/>
      <c r="AZ3178" s="128"/>
      <c r="BA3178" s="128"/>
      <c r="BB3178" s="107">
        <v>45884</v>
      </c>
    </row>
    <row r="3179" spans="1:54" s="8" customFormat="1" ht="13.95" customHeight="1" x14ac:dyDescent="0.25">
      <c r="A3179" s="219" t="s">
        <v>7225</v>
      </c>
      <c r="B3179" s="220" t="s">
        <v>6395</v>
      </c>
      <c r="C3179" s="98" t="s">
        <v>7226</v>
      </c>
      <c r="D3179" s="98" t="s">
        <v>20878</v>
      </c>
      <c r="E3179" s="141">
        <v>1977</v>
      </c>
      <c r="F3179" s="141">
        <v>965</v>
      </c>
      <c r="G3179" s="98" t="s">
        <v>11</v>
      </c>
      <c r="H3179" s="98">
        <v>0</v>
      </c>
      <c r="I3179" s="98">
        <v>0</v>
      </c>
      <c r="J3179" s="98" t="s">
        <v>400</v>
      </c>
      <c r="K3179" s="98" t="s">
        <v>400</v>
      </c>
      <c r="L3179" s="98" t="s">
        <v>400</v>
      </c>
      <c r="M3179" s="98" t="s">
        <v>400</v>
      </c>
      <c r="N3179" s="98" t="s">
        <v>400</v>
      </c>
      <c r="O3179" s="98" t="s">
        <v>400</v>
      </c>
      <c r="P3179" s="98" t="s">
        <v>400</v>
      </c>
      <c r="Q3179" s="98" t="s">
        <v>400</v>
      </c>
      <c r="R3179" s="98" t="s">
        <v>400</v>
      </c>
      <c r="S3179" s="98" t="s">
        <v>400</v>
      </c>
      <c r="T3179" s="98" t="s">
        <v>400</v>
      </c>
      <c r="U3179" s="98">
        <v>0</v>
      </c>
      <c r="V3179" s="98">
        <v>0</v>
      </c>
      <c r="W3179" s="98" t="s">
        <v>400</v>
      </c>
      <c r="X3179" s="98">
        <v>0</v>
      </c>
      <c r="Y3179" s="98">
        <v>0</v>
      </c>
      <c r="Z3179" s="98">
        <v>0</v>
      </c>
      <c r="AA3179" s="98" t="s">
        <v>400</v>
      </c>
      <c r="AB3179" s="98">
        <v>0</v>
      </c>
      <c r="AC3179" s="98">
        <v>0</v>
      </c>
      <c r="AD3179" s="98">
        <v>0</v>
      </c>
      <c r="AE3179" s="98">
        <v>0</v>
      </c>
      <c r="AF3179" s="98">
        <v>0</v>
      </c>
      <c r="AG3179" s="98">
        <v>0</v>
      </c>
      <c r="AH3179" s="98">
        <v>0</v>
      </c>
      <c r="AI3179" s="98">
        <v>0</v>
      </c>
      <c r="AJ3179" s="98">
        <v>0</v>
      </c>
      <c r="AK3179" s="98">
        <v>0</v>
      </c>
      <c r="AL3179" s="98">
        <v>0</v>
      </c>
      <c r="AM3179" s="98">
        <v>0</v>
      </c>
      <c r="AN3179" s="98">
        <v>0</v>
      </c>
      <c r="AO3179" s="98">
        <v>0</v>
      </c>
      <c r="AP3179" s="98">
        <v>0</v>
      </c>
      <c r="AQ3179" s="98">
        <v>0</v>
      </c>
      <c r="AR3179" s="98">
        <v>0</v>
      </c>
      <c r="AS3179" s="98">
        <v>0</v>
      </c>
      <c r="AT3179" s="129">
        <v>0</v>
      </c>
      <c r="AU3179" s="98">
        <v>0</v>
      </c>
      <c r="AV3179" s="98">
        <v>0</v>
      </c>
      <c r="AW3179" s="98">
        <v>0</v>
      </c>
      <c r="AX3179" s="98"/>
      <c r="AY3179" s="98"/>
      <c r="AZ3179" s="98"/>
      <c r="BA3179" s="98"/>
      <c r="BB3179" s="107">
        <v>45884</v>
      </c>
    </row>
    <row r="3180" spans="1:54" s="8" customFormat="1" ht="13.95" customHeight="1" x14ac:dyDescent="0.25">
      <c r="A3180" s="219" t="s">
        <v>7227</v>
      </c>
      <c r="B3180" s="220" t="s">
        <v>6395</v>
      </c>
      <c r="C3180" s="98" t="s">
        <v>7228</v>
      </c>
      <c r="D3180" s="98" t="s">
        <v>20879</v>
      </c>
      <c r="E3180" s="141">
        <v>1972</v>
      </c>
      <c r="F3180" s="141">
        <v>972</v>
      </c>
      <c r="G3180" s="98" t="s">
        <v>1</v>
      </c>
      <c r="H3180" s="98">
        <v>0</v>
      </c>
      <c r="I3180" s="98">
        <v>0</v>
      </c>
      <c r="J3180" s="98" t="s">
        <v>400</v>
      </c>
      <c r="K3180" s="98" t="s">
        <v>400</v>
      </c>
      <c r="L3180" s="98" t="s">
        <v>400</v>
      </c>
      <c r="M3180" s="98" t="s">
        <v>400</v>
      </c>
      <c r="N3180" s="98" t="s">
        <v>400</v>
      </c>
      <c r="O3180" s="98" t="s">
        <v>400</v>
      </c>
      <c r="P3180" s="98" t="s">
        <v>400</v>
      </c>
      <c r="Q3180" s="98" t="s">
        <v>400</v>
      </c>
      <c r="R3180" s="98" t="s">
        <v>400</v>
      </c>
      <c r="S3180" s="98" t="s">
        <v>400</v>
      </c>
      <c r="T3180" s="98" t="s">
        <v>400</v>
      </c>
      <c r="U3180" s="128"/>
      <c r="V3180" s="128"/>
      <c r="W3180" s="128"/>
      <c r="X3180" s="128"/>
      <c r="Y3180" s="128"/>
      <c r="Z3180" s="128"/>
      <c r="AA3180" s="128"/>
      <c r="AB3180" s="128"/>
      <c r="AC3180" s="128"/>
      <c r="AD3180" s="128"/>
      <c r="AE3180" s="128"/>
      <c r="AF3180" s="128"/>
      <c r="AG3180" s="128"/>
      <c r="AH3180" s="128"/>
      <c r="AI3180" s="128"/>
      <c r="AJ3180" s="128"/>
      <c r="AK3180" s="128"/>
      <c r="AL3180" s="128"/>
      <c r="AM3180" s="128"/>
      <c r="AN3180" s="128"/>
      <c r="AO3180" s="128"/>
      <c r="AP3180" s="128"/>
      <c r="AQ3180" s="128"/>
      <c r="AR3180" s="128"/>
      <c r="AS3180" s="128"/>
      <c r="AT3180" s="128"/>
      <c r="AU3180" s="128"/>
      <c r="AV3180" s="128"/>
      <c r="AW3180" s="128"/>
      <c r="AX3180" s="128"/>
      <c r="AY3180" s="128"/>
      <c r="AZ3180" s="128"/>
      <c r="BA3180" s="128"/>
      <c r="BB3180" s="107">
        <v>45884</v>
      </c>
    </row>
    <row r="3181" spans="1:54" s="8" customFormat="1" ht="13.95" customHeight="1" x14ac:dyDescent="0.25">
      <c r="A3181" s="219" t="s">
        <v>7229</v>
      </c>
      <c r="B3181" s="220" t="s">
        <v>6395</v>
      </c>
      <c r="C3181" s="98" t="s">
        <v>7230</v>
      </c>
      <c r="D3181" s="98" t="s">
        <v>20880</v>
      </c>
      <c r="E3181" s="141">
        <v>1973</v>
      </c>
      <c r="F3181" s="141">
        <v>975</v>
      </c>
      <c r="G3181" s="98" t="s">
        <v>1</v>
      </c>
      <c r="H3181" s="98">
        <v>0</v>
      </c>
      <c r="I3181" s="98">
        <v>0</v>
      </c>
      <c r="J3181" s="98" t="s">
        <v>400</v>
      </c>
      <c r="K3181" s="98" t="s">
        <v>400</v>
      </c>
      <c r="L3181" s="98" t="s">
        <v>400</v>
      </c>
      <c r="M3181" s="98" t="s">
        <v>400</v>
      </c>
      <c r="N3181" s="98" t="s">
        <v>400</v>
      </c>
      <c r="O3181" s="98" t="s">
        <v>400</v>
      </c>
      <c r="P3181" s="98" t="s">
        <v>400</v>
      </c>
      <c r="Q3181" s="98" t="s">
        <v>400</v>
      </c>
      <c r="R3181" s="98" t="s">
        <v>400</v>
      </c>
      <c r="S3181" s="98" t="s">
        <v>400</v>
      </c>
      <c r="T3181" s="98" t="s">
        <v>400</v>
      </c>
      <c r="U3181" s="128"/>
      <c r="V3181" s="128"/>
      <c r="W3181" s="128"/>
      <c r="X3181" s="128"/>
      <c r="Y3181" s="128"/>
      <c r="Z3181" s="128"/>
      <c r="AA3181" s="128"/>
      <c r="AB3181" s="128"/>
      <c r="AC3181" s="128"/>
      <c r="AD3181" s="128"/>
      <c r="AE3181" s="128"/>
      <c r="AF3181" s="128"/>
      <c r="AG3181" s="128"/>
      <c r="AH3181" s="128"/>
      <c r="AI3181" s="128"/>
      <c r="AJ3181" s="128"/>
      <c r="AK3181" s="128"/>
      <c r="AL3181" s="128"/>
      <c r="AM3181" s="128"/>
      <c r="AN3181" s="128"/>
      <c r="AO3181" s="128"/>
      <c r="AP3181" s="128"/>
      <c r="AQ3181" s="128"/>
      <c r="AR3181" s="128"/>
      <c r="AS3181" s="128"/>
      <c r="AT3181" s="128"/>
      <c r="AU3181" s="128"/>
      <c r="AV3181" s="128"/>
      <c r="AW3181" s="128"/>
      <c r="AX3181" s="128"/>
      <c r="AY3181" s="128"/>
      <c r="AZ3181" s="128"/>
      <c r="BA3181" s="128"/>
      <c r="BB3181" s="107">
        <v>45884</v>
      </c>
    </row>
    <row r="3182" spans="1:54" s="8" customFormat="1" ht="13.95" customHeight="1" x14ac:dyDescent="0.25">
      <c r="A3182" s="219" t="s">
        <v>7231</v>
      </c>
      <c r="B3182" s="220" t="s">
        <v>6395</v>
      </c>
      <c r="C3182" s="98" t="s">
        <v>7232</v>
      </c>
      <c r="D3182" s="98" t="s">
        <v>20881</v>
      </c>
      <c r="E3182" s="141">
        <v>1974</v>
      </c>
      <c r="F3182" s="141">
        <v>981</v>
      </c>
      <c r="G3182" s="98" t="s">
        <v>1</v>
      </c>
      <c r="H3182" s="98">
        <v>0</v>
      </c>
      <c r="I3182" s="98">
        <v>0</v>
      </c>
      <c r="J3182" s="98" t="s">
        <v>400</v>
      </c>
      <c r="K3182" s="98" t="s">
        <v>400</v>
      </c>
      <c r="L3182" s="98" t="s">
        <v>400</v>
      </c>
      <c r="M3182" s="98" t="s">
        <v>400</v>
      </c>
      <c r="N3182" s="98" t="s">
        <v>400</v>
      </c>
      <c r="O3182" s="98" t="s">
        <v>400</v>
      </c>
      <c r="P3182" s="98" t="s">
        <v>400</v>
      </c>
      <c r="Q3182" s="98" t="s">
        <v>400</v>
      </c>
      <c r="R3182" s="98" t="s">
        <v>400</v>
      </c>
      <c r="S3182" s="98" t="s">
        <v>400</v>
      </c>
      <c r="T3182" s="98" t="s">
        <v>400</v>
      </c>
      <c r="U3182" s="128"/>
      <c r="V3182" s="128"/>
      <c r="W3182" s="128"/>
      <c r="X3182" s="128"/>
      <c r="Y3182" s="128"/>
      <c r="Z3182" s="128"/>
      <c r="AA3182" s="128"/>
      <c r="AB3182" s="128"/>
      <c r="AC3182" s="128"/>
      <c r="AD3182" s="128"/>
      <c r="AE3182" s="128"/>
      <c r="AF3182" s="128"/>
      <c r="AG3182" s="128"/>
      <c r="AH3182" s="128"/>
      <c r="AI3182" s="128"/>
      <c r="AJ3182" s="128"/>
      <c r="AK3182" s="128"/>
      <c r="AL3182" s="128"/>
      <c r="AM3182" s="128"/>
      <c r="AN3182" s="128"/>
      <c r="AO3182" s="128"/>
      <c r="AP3182" s="128"/>
      <c r="AQ3182" s="128"/>
      <c r="AR3182" s="128"/>
      <c r="AS3182" s="128"/>
      <c r="AT3182" s="128"/>
      <c r="AU3182" s="128"/>
      <c r="AV3182" s="128"/>
      <c r="AW3182" s="128"/>
      <c r="AX3182" s="128"/>
      <c r="AY3182" s="128"/>
      <c r="AZ3182" s="128"/>
      <c r="BA3182" s="128"/>
      <c r="BB3182" s="107">
        <v>45884</v>
      </c>
    </row>
    <row r="3183" spans="1:54" s="8" customFormat="1" ht="13.95" customHeight="1" x14ac:dyDescent="0.25">
      <c r="A3183" s="219" t="s">
        <v>7233</v>
      </c>
      <c r="B3183" s="220" t="s">
        <v>6395</v>
      </c>
      <c r="C3183" s="98" t="s">
        <v>7234</v>
      </c>
      <c r="D3183" s="98" t="s">
        <v>20882</v>
      </c>
      <c r="E3183" s="141">
        <v>1985</v>
      </c>
      <c r="F3183" s="141">
        <v>982</v>
      </c>
      <c r="G3183" s="98" t="s">
        <v>1</v>
      </c>
      <c r="H3183" s="98">
        <v>0</v>
      </c>
      <c r="I3183" s="98">
        <v>0</v>
      </c>
      <c r="J3183" s="98" t="s">
        <v>400</v>
      </c>
      <c r="K3183" s="98" t="s">
        <v>400</v>
      </c>
      <c r="L3183" s="98" t="s">
        <v>400</v>
      </c>
      <c r="M3183" s="98" t="s">
        <v>400</v>
      </c>
      <c r="N3183" s="98" t="s">
        <v>400</v>
      </c>
      <c r="O3183" s="98" t="s">
        <v>400</v>
      </c>
      <c r="P3183" s="98" t="s">
        <v>400</v>
      </c>
      <c r="Q3183" s="98" t="s">
        <v>400</v>
      </c>
      <c r="R3183" s="98" t="s">
        <v>400</v>
      </c>
      <c r="S3183" s="98" t="s">
        <v>400</v>
      </c>
      <c r="T3183" s="98" t="s">
        <v>400</v>
      </c>
      <c r="U3183" s="128"/>
      <c r="V3183" s="128"/>
      <c r="W3183" s="128"/>
      <c r="X3183" s="128"/>
      <c r="Y3183" s="128"/>
      <c r="Z3183" s="128"/>
      <c r="AA3183" s="128"/>
      <c r="AB3183" s="128"/>
      <c r="AC3183" s="128"/>
      <c r="AD3183" s="128"/>
      <c r="AE3183" s="128"/>
      <c r="AF3183" s="128"/>
      <c r="AG3183" s="128"/>
      <c r="AH3183" s="128"/>
      <c r="AI3183" s="128"/>
      <c r="AJ3183" s="128"/>
      <c r="AK3183" s="128"/>
      <c r="AL3183" s="128"/>
      <c r="AM3183" s="128"/>
      <c r="AN3183" s="128"/>
      <c r="AO3183" s="128"/>
      <c r="AP3183" s="128"/>
      <c r="AQ3183" s="128"/>
      <c r="AR3183" s="128"/>
      <c r="AS3183" s="128"/>
      <c r="AT3183" s="128"/>
      <c r="AU3183" s="128"/>
      <c r="AV3183" s="128"/>
      <c r="AW3183" s="128"/>
      <c r="AX3183" s="128"/>
      <c r="AY3183" s="128"/>
      <c r="AZ3183" s="128"/>
      <c r="BA3183" s="128"/>
      <c r="BB3183" s="107">
        <v>45884</v>
      </c>
    </row>
    <row r="3184" spans="1:54" s="8" customFormat="1" ht="13.95" customHeight="1" x14ac:dyDescent="0.25">
      <c r="A3184" s="219" t="s">
        <v>7235</v>
      </c>
      <c r="B3184" s="220" t="s">
        <v>6395</v>
      </c>
      <c r="C3184" s="98" t="s">
        <v>7236</v>
      </c>
      <c r="D3184" s="98" t="s">
        <v>20883</v>
      </c>
      <c r="E3184" s="141">
        <v>1986</v>
      </c>
      <c r="F3184" s="141">
        <v>986</v>
      </c>
      <c r="G3184" s="98" t="s">
        <v>1</v>
      </c>
      <c r="H3184" s="98">
        <v>0</v>
      </c>
      <c r="I3184" s="98">
        <v>0</v>
      </c>
      <c r="J3184" s="98" t="s">
        <v>400</v>
      </c>
      <c r="K3184" s="98" t="s">
        <v>400</v>
      </c>
      <c r="L3184" s="98" t="s">
        <v>400</v>
      </c>
      <c r="M3184" s="98" t="s">
        <v>400</v>
      </c>
      <c r="N3184" s="98" t="s">
        <v>400</v>
      </c>
      <c r="O3184" s="98" t="s">
        <v>400</v>
      </c>
      <c r="P3184" s="98" t="s">
        <v>400</v>
      </c>
      <c r="Q3184" s="98" t="s">
        <v>400</v>
      </c>
      <c r="R3184" s="98" t="s">
        <v>400</v>
      </c>
      <c r="S3184" s="98" t="s">
        <v>400</v>
      </c>
      <c r="T3184" s="98" t="s">
        <v>400</v>
      </c>
      <c r="U3184" s="128"/>
      <c r="V3184" s="128"/>
      <c r="W3184" s="128"/>
      <c r="X3184" s="128"/>
      <c r="Y3184" s="128"/>
      <c r="Z3184" s="128"/>
      <c r="AA3184" s="128"/>
      <c r="AB3184" s="128"/>
      <c r="AC3184" s="128"/>
      <c r="AD3184" s="128"/>
      <c r="AE3184" s="128"/>
      <c r="AF3184" s="128"/>
      <c r="AG3184" s="128"/>
      <c r="AH3184" s="128"/>
      <c r="AI3184" s="128"/>
      <c r="AJ3184" s="128"/>
      <c r="AK3184" s="128"/>
      <c r="AL3184" s="128"/>
      <c r="AM3184" s="128"/>
      <c r="AN3184" s="128"/>
      <c r="AO3184" s="128"/>
      <c r="AP3184" s="128"/>
      <c r="AQ3184" s="128"/>
      <c r="AR3184" s="128"/>
      <c r="AS3184" s="128"/>
      <c r="AT3184" s="128"/>
      <c r="AU3184" s="128"/>
      <c r="AV3184" s="128"/>
      <c r="AW3184" s="128"/>
      <c r="AX3184" s="128"/>
      <c r="AY3184" s="128"/>
      <c r="AZ3184" s="128"/>
      <c r="BA3184" s="128"/>
      <c r="BB3184" s="107">
        <v>45884</v>
      </c>
    </row>
    <row r="3185" spans="1:54" s="8" customFormat="1" ht="13.95" customHeight="1" x14ac:dyDescent="0.25">
      <c r="A3185" s="219" t="s">
        <v>7237</v>
      </c>
      <c r="B3185" s="220" t="s">
        <v>6395</v>
      </c>
      <c r="C3185" s="98" t="s">
        <v>7238</v>
      </c>
      <c r="D3185" s="98" t="s">
        <v>20884</v>
      </c>
      <c r="E3185" s="141">
        <v>1977</v>
      </c>
      <c r="F3185" s="141">
        <v>987</v>
      </c>
      <c r="G3185" s="98" t="s">
        <v>1</v>
      </c>
      <c r="H3185" s="98">
        <v>0</v>
      </c>
      <c r="I3185" s="98">
        <v>0</v>
      </c>
      <c r="J3185" s="98" t="s">
        <v>400</v>
      </c>
      <c r="K3185" s="98" t="s">
        <v>400</v>
      </c>
      <c r="L3185" s="98" t="s">
        <v>400</v>
      </c>
      <c r="M3185" s="98" t="s">
        <v>400</v>
      </c>
      <c r="N3185" s="98" t="s">
        <v>400</v>
      </c>
      <c r="O3185" s="98" t="s">
        <v>400</v>
      </c>
      <c r="P3185" s="98" t="s">
        <v>400</v>
      </c>
      <c r="Q3185" s="98" t="s">
        <v>400</v>
      </c>
      <c r="R3185" s="98" t="s">
        <v>400</v>
      </c>
      <c r="S3185" s="98" t="s">
        <v>400</v>
      </c>
      <c r="T3185" s="98" t="s">
        <v>400</v>
      </c>
      <c r="U3185" s="128"/>
      <c r="V3185" s="128"/>
      <c r="W3185" s="128"/>
      <c r="X3185" s="128"/>
      <c r="Y3185" s="128"/>
      <c r="Z3185" s="128"/>
      <c r="AA3185" s="128"/>
      <c r="AB3185" s="128"/>
      <c r="AC3185" s="128"/>
      <c r="AD3185" s="128"/>
      <c r="AE3185" s="128"/>
      <c r="AF3185" s="128"/>
      <c r="AG3185" s="128"/>
      <c r="AH3185" s="128"/>
      <c r="AI3185" s="128"/>
      <c r="AJ3185" s="128"/>
      <c r="AK3185" s="128"/>
      <c r="AL3185" s="128"/>
      <c r="AM3185" s="128"/>
      <c r="AN3185" s="128"/>
      <c r="AO3185" s="128"/>
      <c r="AP3185" s="128"/>
      <c r="AQ3185" s="128"/>
      <c r="AR3185" s="128"/>
      <c r="AS3185" s="128"/>
      <c r="AT3185" s="128"/>
      <c r="AU3185" s="128"/>
      <c r="AV3185" s="128"/>
      <c r="AW3185" s="128"/>
      <c r="AX3185" s="128"/>
      <c r="AY3185" s="128"/>
      <c r="AZ3185" s="128"/>
      <c r="BA3185" s="128"/>
      <c r="BB3185" s="107">
        <v>45884</v>
      </c>
    </row>
    <row r="3186" spans="1:54" s="8" customFormat="1" ht="13.95" customHeight="1" x14ac:dyDescent="0.25">
      <c r="A3186" s="219" t="s">
        <v>7239</v>
      </c>
      <c r="B3186" s="220" t="s">
        <v>6395</v>
      </c>
      <c r="C3186" s="98" t="s">
        <v>7240</v>
      </c>
      <c r="D3186" s="98" t="s">
        <v>20885</v>
      </c>
      <c r="E3186" s="141">
        <v>1966</v>
      </c>
      <c r="F3186" s="141">
        <v>993</v>
      </c>
      <c r="G3186" s="98" t="s">
        <v>1</v>
      </c>
      <c r="H3186" s="98">
        <v>0</v>
      </c>
      <c r="I3186" s="98">
        <v>0</v>
      </c>
      <c r="J3186" s="98" t="s">
        <v>400</v>
      </c>
      <c r="K3186" s="98" t="s">
        <v>400</v>
      </c>
      <c r="L3186" s="98" t="s">
        <v>400</v>
      </c>
      <c r="M3186" s="98" t="s">
        <v>400</v>
      </c>
      <c r="N3186" s="98" t="s">
        <v>400</v>
      </c>
      <c r="O3186" s="98" t="s">
        <v>400</v>
      </c>
      <c r="P3186" s="98" t="s">
        <v>400</v>
      </c>
      <c r="Q3186" s="98" t="s">
        <v>400</v>
      </c>
      <c r="R3186" s="98" t="s">
        <v>400</v>
      </c>
      <c r="S3186" s="98" t="s">
        <v>400</v>
      </c>
      <c r="T3186" s="98" t="s">
        <v>400</v>
      </c>
      <c r="U3186" s="128"/>
      <c r="V3186" s="128"/>
      <c r="W3186" s="128"/>
      <c r="X3186" s="128"/>
      <c r="Y3186" s="128"/>
      <c r="Z3186" s="128"/>
      <c r="AA3186" s="128"/>
      <c r="AB3186" s="128"/>
      <c r="AC3186" s="128"/>
      <c r="AD3186" s="128"/>
      <c r="AE3186" s="128"/>
      <c r="AF3186" s="128"/>
      <c r="AG3186" s="128"/>
      <c r="AH3186" s="128"/>
      <c r="AI3186" s="128"/>
      <c r="AJ3186" s="128"/>
      <c r="AK3186" s="128"/>
      <c r="AL3186" s="128"/>
      <c r="AM3186" s="128"/>
      <c r="AN3186" s="128"/>
      <c r="AO3186" s="128"/>
      <c r="AP3186" s="128"/>
      <c r="AQ3186" s="128"/>
      <c r="AR3186" s="128"/>
      <c r="AS3186" s="128"/>
      <c r="AT3186" s="128"/>
      <c r="AU3186" s="128"/>
      <c r="AV3186" s="128"/>
      <c r="AW3186" s="128"/>
      <c r="AX3186" s="128"/>
      <c r="AY3186" s="128"/>
      <c r="AZ3186" s="128"/>
      <c r="BA3186" s="128"/>
      <c r="BB3186" s="107">
        <v>45884</v>
      </c>
    </row>
    <row r="3187" spans="1:54" s="8" customFormat="1" ht="13.95" customHeight="1" x14ac:dyDescent="0.25">
      <c r="A3187" s="219" t="s">
        <v>7241</v>
      </c>
      <c r="B3187" s="220" t="s">
        <v>6395</v>
      </c>
      <c r="C3187" s="98" t="s">
        <v>7242</v>
      </c>
      <c r="D3187" s="98" t="s">
        <v>20886</v>
      </c>
      <c r="E3187" s="141">
        <v>1983</v>
      </c>
      <c r="F3187" s="141">
        <v>994</v>
      </c>
      <c r="G3187" s="98" t="s">
        <v>1</v>
      </c>
      <c r="H3187" s="98">
        <v>0</v>
      </c>
      <c r="I3187" s="98">
        <v>0</v>
      </c>
      <c r="J3187" s="98" t="s">
        <v>400</v>
      </c>
      <c r="K3187" s="98" t="s">
        <v>400</v>
      </c>
      <c r="L3187" s="98" t="s">
        <v>400</v>
      </c>
      <c r="M3187" s="98" t="s">
        <v>400</v>
      </c>
      <c r="N3187" s="98" t="s">
        <v>400</v>
      </c>
      <c r="O3187" s="98" t="s">
        <v>400</v>
      </c>
      <c r="P3187" s="98" t="s">
        <v>400</v>
      </c>
      <c r="Q3187" s="98" t="s">
        <v>400</v>
      </c>
      <c r="R3187" s="98" t="s">
        <v>400</v>
      </c>
      <c r="S3187" s="98" t="s">
        <v>400</v>
      </c>
      <c r="T3187" s="98" t="s">
        <v>400</v>
      </c>
      <c r="U3187" s="128"/>
      <c r="V3187" s="128"/>
      <c r="W3187" s="128"/>
      <c r="X3187" s="128"/>
      <c r="Y3187" s="128"/>
      <c r="Z3187" s="128"/>
      <c r="AA3187" s="128"/>
      <c r="AB3187" s="128"/>
      <c r="AC3187" s="128"/>
      <c r="AD3187" s="128"/>
      <c r="AE3187" s="128"/>
      <c r="AF3187" s="128"/>
      <c r="AG3187" s="128"/>
      <c r="AH3187" s="128"/>
      <c r="AI3187" s="128"/>
      <c r="AJ3187" s="128"/>
      <c r="AK3187" s="128"/>
      <c r="AL3187" s="128"/>
      <c r="AM3187" s="128"/>
      <c r="AN3187" s="128"/>
      <c r="AO3187" s="128"/>
      <c r="AP3187" s="128"/>
      <c r="AQ3187" s="128"/>
      <c r="AR3187" s="128"/>
      <c r="AS3187" s="128"/>
      <c r="AT3187" s="128"/>
      <c r="AU3187" s="128"/>
      <c r="AV3187" s="128"/>
      <c r="AW3187" s="128"/>
      <c r="AX3187" s="128"/>
      <c r="AY3187" s="128"/>
      <c r="AZ3187" s="128"/>
      <c r="BA3187" s="128"/>
      <c r="BB3187" s="107">
        <v>45884</v>
      </c>
    </row>
    <row r="3188" spans="1:54" s="8" customFormat="1" ht="13.95" customHeight="1" x14ac:dyDescent="0.25">
      <c r="A3188" s="219" t="s">
        <v>7243</v>
      </c>
      <c r="B3188" s="220" t="s">
        <v>6395</v>
      </c>
      <c r="C3188" s="98" t="s">
        <v>7244</v>
      </c>
      <c r="D3188" s="98" t="s">
        <v>20887</v>
      </c>
      <c r="E3188" s="141">
        <v>1957</v>
      </c>
      <c r="F3188" s="141">
        <v>995</v>
      </c>
      <c r="G3188" s="98" t="s">
        <v>1</v>
      </c>
      <c r="H3188" s="98">
        <v>0</v>
      </c>
      <c r="I3188" s="98">
        <v>0</v>
      </c>
      <c r="J3188" s="98" t="s">
        <v>400</v>
      </c>
      <c r="K3188" s="98" t="s">
        <v>400</v>
      </c>
      <c r="L3188" s="98" t="s">
        <v>400</v>
      </c>
      <c r="M3188" s="98" t="s">
        <v>400</v>
      </c>
      <c r="N3188" s="98" t="s">
        <v>400</v>
      </c>
      <c r="O3188" s="98" t="s">
        <v>400</v>
      </c>
      <c r="P3188" s="98" t="s">
        <v>400</v>
      </c>
      <c r="Q3188" s="98" t="s">
        <v>400</v>
      </c>
      <c r="R3188" s="98" t="s">
        <v>400</v>
      </c>
      <c r="S3188" s="98" t="s">
        <v>400</v>
      </c>
      <c r="T3188" s="98" t="s">
        <v>400</v>
      </c>
      <c r="U3188" s="128"/>
      <c r="V3188" s="128"/>
      <c r="W3188" s="128"/>
      <c r="X3188" s="128"/>
      <c r="Y3188" s="128"/>
      <c r="Z3188" s="128"/>
      <c r="AA3188" s="128"/>
      <c r="AB3188" s="128"/>
      <c r="AC3188" s="128"/>
      <c r="AD3188" s="128"/>
      <c r="AE3188" s="128"/>
      <c r="AF3188" s="128"/>
      <c r="AG3188" s="128"/>
      <c r="AH3188" s="128"/>
      <c r="AI3188" s="128"/>
      <c r="AJ3188" s="128"/>
      <c r="AK3188" s="128"/>
      <c r="AL3188" s="128"/>
      <c r="AM3188" s="128"/>
      <c r="AN3188" s="128"/>
      <c r="AO3188" s="128"/>
      <c r="AP3188" s="128"/>
      <c r="AQ3188" s="128"/>
      <c r="AR3188" s="128"/>
      <c r="AS3188" s="128"/>
      <c r="AT3188" s="128"/>
      <c r="AU3188" s="128"/>
      <c r="AV3188" s="128"/>
      <c r="AW3188" s="128"/>
      <c r="AX3188" s="128"/>
      <c r="AY3188" s="128"/>
      <c r="AZ3188" s="128"/>
      <c r="BA3188" s="128"/>
      <c r="BB3188" s="107">
        <v>45884</v>
      </c>
    </row>
    <row r="3189" spans="1:54" s="8" customFormat="1" ht="13.95" customHeight="1" x14ac:dyDescent="0.25">
      <c r="A3189" s="219" t="s">
        <v>7245</v>
      </c>
      <c r="B3189" s="220" t="s">
        <v>6395</v>
      </c>
      <c r="C3189" s="98" t="s">
        <v>7246</v>
      </c>
      <c r="D3189" s="98" t="s">
        <v>20888</v>
      </c>
      <c r="E3189" s="141">
        <v>2001</v>
      </c>
      <c r="F3189" s="141">
        <v>995</v>
      </c>
      <c r="G3189" s="98" t="s">
        <v>1</v>
      </c>
      <c r="H3189" s="98">
        <v>0</v>
      </c>
      <c r="I3189" s="98">
        <v>0</v>
      </c>
      <c r="J3189" s="98" t="s">
        <v>400</v>
      </c>
      <c r="K3189" s="98" t="s">
        <v>400</v>
      </c>
      <c r="L3189" s="98" t="s">
        <v>400</v>
      </c>
      <c r="M3189" s="98" t="s">
        <v>400</v>
      </c>
      <c r="N3189" s="98" t="s">
        <v>400</v>
      </c>
      <c r="O3189" s="98" t="s">
        <v>400</v>
      </c>
      <c r="P3189" s="98" t="s">
        <v>400</v>
      </c>
      <c r="Q3189" s="98" t="s">
        <v>400</v>
      </c>
      <c r="R3189" s="98" t="s">
        <v>400</v>
      </c>
      <c r="S3189" s="98" t="s">
        <v>400</v>
      </c>
      <c r="T3189" s="98" t="s">
        <v>400</v>
      </c>
      <c r="U3189" s="128"/>
      <c r="V3189" s="128"/>
      <c r="W3189" s="128"/>
      <c r="X3189" s="128"/>
      <c r="Y3189" s="128"/>
      <c r="Z3189" s="128"/>
      <c r="AA3189" s="128"/>
      <c r="AB3189" s="128"/>
      <c r="AC3189" s="128"/>
      <c r="AD3189" s="128"/>
      <c r="AE3189" s="128"/>
      <c r="AF3189" s="128"/>
      <c r="AG3189" s="128"/>
      <c r="AH3189" s="128"/>
      <c r="AI3189" s="128"/>
      <c r="AJ3189" s="128"/>
      <c r="AK3189" s="128"/>
      <c r="AL3189" s="128"/>
      <c r="AM3189" s="128"/>
      <c r="AN3189" s="128"/>
      <c r="AO3189" s="128"/>
      <c r="AP3189" s="128"/>
      <c r="AQ3189" s="128"/>
      <c r="AR3189" s="128"/>
      <c r="AS3189" s="128"/>
      <c r="AT3189" s="128"/>
      <c r="AU3189" s="128"/>
      <c r="AV3189" s="128"/>
      <c r="AW3189" s="128"/>
      <c r="AX3189" s="128"/>
      <c r="AY3189" s="128"/>
      <c r="AZ3189" s="128"/>
      <c r="BA3189" s="128"/>
      <c r="BB3189" s="107">
        <v>45884</v>
      </c>
    </row>
    <row r="3190" spans="1:54" s="8" customFormat="1" ht="13.95" customHeight="1" x14ac:dyDescent="0.25">
      <c r="A3190" s="219" t="s">
        <v>7247</v>
      </c>
      <c r="B3190" s="220" t="s">
        <v>6395</v>
      </c>
      <c r="C3190" s="98" t="s">
        <v>7248</v>
      </c>
      <c r="D3190" s="98" t="s">
        <v>20889</v>
      </c>
      <c r="E3190" s="141">
        <v>1959</v>
      </c>
      <c r="F3190" s="141">
        <v>995</v>
      </c>
      <c r="G3190" s="98" t="s">
        <v>1</v>
      </c>
      <c r="H3190" s="98">
        <v>0</v>
      </c>
      <c r="I3190" s="98">
        <v>0</v>
      </c>
      <c r="J3190" s="98" t="s">
        <v>400</v>
      </c>
      <c r="K3190" s="98" t="s">
        <v>400</v>
      </c>
      <c r="L3190" s="98" t="s">
        <v>400</v>
      </c>
      <c r="M3190" s="98" t="s">
        <v>400</v>
      </c>
      <c r="N3190" s="98" t="s">
        <v>400</v>
      </c>
      <c r="O3190" s="98" t="s">
        <v>400</v>
      </c>
      <c r="P3190" s="98" t="s">
        <v>400</v>
      </c>
      <c r="Q3190" s="98" t="s">
        <v>400</v>
      </c>
      <c r="R3190" s="98" t="s">
        <v>400</v>
      </c>
      <c r="S3190" s="98" t="s">
        <v>400</v>
      </c>
      <c r="T3190" s="98" t="s">
        <v>400</v>
      </c>
      <c r="U3190" s="128"/>
      <c r="V3190" s="128"/>
      <c r="W3190" s="128"/>
      <c r="X3190" s="128"/>
      <c r="Y3190" s="128"/>
      <c r="Z3190" s="128"/>
      <c r="AA3190" s="128"/>
      <c r="AB3190" s="128"/>
      <c r="AC3190" s="128"/>
      <c r="AD3190" s="128"/>
      <c r="AE3190" s="128"/>
      <c r="AF3190" s="128"/>
      <c r="AG3190" s="128"/>
      <c r="AH3190" s="128"/>
      <c r="AI3190" s="128"/>
      <c r="AJ3190" s="128"/>
      <c r="AK3190" s="128"/>
      <c r="AL3190" s="128"/>
      <c r="AM3190" s="128"/>
      <c r="AN3190" s="128"/>
      <c r="AO3190" s="128"/>
      <c r="AP3190" s="128"/>
      <c r="AQ3190" s="128"/>
      <c r="AR3190" s="128"/>
      <c r="AS3190" s="128"/>
      <c r="AT3190" s="128"/>
      <c r="AU3190" s="128"/>
      <c r="AV3190" s="128"/>
      <c r="AW3190" s="128"/>
      <c r="AX3190" s="128"/>
      <c r="AY3190" s="128"/>
      <c r="AZ3190" s="128"/>
      <c r="BA3190" s="128"/>
      <c r="BB3190" s="107">
        <v>45884</v>
      </c>
    </row>
    <row r="3191" spans="1:54" s="8" customFormat="1" ht="13.95" customHeight="1" x14ac:dyDescent="0.25">
      <c r="A3191" s="219" t="s">
        <v>7249</v>
      </c>
      <c r="B3191" s="220" t="s">
        <v>6395</v>
      </c>
      <c r="C3191" s="98" t="s">
        <v>7250</v>
      </c>
      <c r="D3191" s="98" t="s">
        <v>20890</v>
      </c>
      <c r="E3191" s="141">
        <v>1985</v>
      </c>
      <c r="F3191" s="141">
        <v>997</v>
      </c>
      <c r="G3191" s="98" t="s">
        <v>11</v>
      </c>
      <c r="H3191" s="98">
        <v>0</v>
      </c>
      <c r="I3191" s="98">
        <v>0</v>
      </c>
      <c r="J3191" s="98" t="s">
        <v>400</v>
      </c>
      <c r="K3191" s="98" t="s">
        <v>400</v>
      </c>
      <c r="L3191" s="98" t="s">
        <v>400</v>
      </c>
      <c r="M3191" s="98" t="s">
        <v>400</v>
      </c>
      <c r="N3191" s="98" t="s">
        <v>400</v>
      </c>
      <c r="O3191" s="98" t="s">
        <v>400</v>
      </c>
      <c r="P3191" s="98" t="s">
        <v>400</v>
      </c>
      <c r="Q3191" s="98" t="s">
        <v>400</v>
      </c>
      <c r="R3191" s="98" t="s">
        <v>400</v>
      </c>
      <c r="S3191" s="98" t="s">
        <v>400</v>
      </c>
      <c r="T3191" s="98" t="s">
        <v>400</v>
      </c>
      <c r="U3191" s="98">
        <v>0</v>
      </c>
      <c r="V3191" s="98">
        <v>0</v>
      </c>
      <c r="W3191" s="98" t="s">
        <v>400</v>
      </c>
      <c r="X3191" s="98">
        <v>0</v>
      </c>
      <c r="Y3191" s="98">
        <v>0</v>
      </c>
      <c r="Z3191" s="98">
        <v>0</v>
      </c>
      <c r="AA3191" s="98" t="s">
        <v>400</v>
      </c>
      <c r="AB3191" s="98">
        <v>0</v>
      </c>
      <c r="AC3191" s="98">
        <v>0</v>
      </c>
      <c r="AD3191" s="98">
        <v>0</v>
      </c>
      <c r="AE3191" s="98">
        <v>0</v>
      </c>
      <c r="AF3191" s="98">
        <v>0</v>
      </c>
      <c r="AG3191" s="98">
        <v>0</v>
      </c>
      <c r="AH3191" s="98">
        <v>0</v>
      </c>
      <c r="AI3191" s="98">
        <v>0</v>
      </c>
      <c r="AJ3191" s="98">
        <v>0</v>
      </c>
      <c r="AK3191" s="98">
        <v>0</v>
      </c>
      <c r="AL3191" s="98">
        <v>0</v>
      </c>
      <c r="AM3191" s="98">
        <v>0</v>
      </c>
      <c r="AN3191" s="98">
        <v>0</v>
      </c>
      <c r="AO3191" s="98">
        <v>0</v>
      </c>
      <c r="AP3191" s="98">
        <v>0</v>
      </c>
      <c r="AQ3191" s="98">
        <v>0</v>
      </c>
      <c r="AR3191" s="98">
        <v>0</v>
      </c>
      <c r="AS3191" s="98">
        <v>0</v>
      </c>
      <c r="AT3191" s="129">
        <v>0</v>
      </c>
      <c r="AU3191" s="98">
        <v>0</v>
      </c>
      <c r="AV3191" s="98">
        <v>0</v>
      </c>
      <c r="AW3191" s="98">
        <v>0</v>
      </c>
      <c r="AX3191" s="98"/>
      <c r="AY3191" s="98"/>
      <c r="AZ3191" s="98"/>
      <c r="BA3191" s="98"/>
      <c r="BB3191" s="107">
        <v>45884</v>
      </c>
    </row>
    <row r="3192" spans="1:54" s="8" customFormat="1" ht="13.95" customHeight="1" x14ac:dyDescent="0.25">
      <c r="A3192" s="219" t="s">
        <v>7251</v>
      </c>
      <c r="B3192" s="220" t="s">
        <v>6395</v>
      </c>
      <c r="C3192" s="98" t="s">
        <v>7252</v>
      </c>
      <c r="D3192" s="98" t="s">
        <v>20891</v>
      </c>
      <c r="E3192" s="141">
        <v>1984</v>
      </c>
      <c r="F3192" s="141">
        <v>998</v>
      </c>
      <c r="G3192" s="98" t="s">
        <v>1</v>
      </c>
      <c r="H3192" s="98">
        <v>0</v>
      </c>
      <c r="I3192" s="98">
        <v>0</v>
      </c>
      <c r="J3192" s="98" t="s">
        <v>400</v>
      </c>
      <c r="K3192" s="98" t="s">
        <v>400</v>
      </c>
      <c r="L3192" s="98" t="s">
        <v>400</v>
      </c>
      <c r="M3192" s="98" t="s">
        <v>400</v>
      </c>
      <c r="N3192" s="98" t="s">
        <v>400</v>
      </c>
      <c r="O3192" s="98" t="s">
        <v>400</v>
      </c>
      <c r="P3192" s="98" t="s">
        <v>400</v>
      </c>
      <c r="Q3192" s="98" t="s">
        <v>400</v>
      </c>
      <c r="R3192" s="98" t="s">
        <v>400</v>
      </c>
      <c r="S3192" s="98" t="s">
        <v>400</v>
      </c>
      <c r="T3192" s="98" t="s">
        <v>400</v>
      </c>
      <c r="U3192" s="128"/>
      <c r="V3192" s="128"/>
      <c r="W3192" s="128"/>
      <c r="X3192" s="128"/>
      <c r="Y3192" s="128"/>
      <c r="Z3192" s="128"/>
      <c r="AA3192" s="128"/>
      <c r="AB3192" s="128"/>
      <c r="AC3192" s="128"/>
      <c r="AD3192" s="128"/>
      <c r="AE3192" s="128"/>
      <c r="AF3192" s="128"/>
      <c r="AG3192" s="128"/>
      <c r="AH3192" s="128"/>
      <c r="AI3192" s="128"/>
      <c r="AJ3192" s="128"/>
      <c r="AK3192" s="128"/>
      <c r="AL3192" s="128"/>
      <c r="AM3192" s="128"/>
      <c r="AN3192" s="128"/>
      <c r="AO3192" s="128"/>
      <c r="AP3192" s="128"/>
      <c r="AQ3192" s="128"/>
      <c r="AR3192" s="128"/>
      <c r="AS3192" s="128"/>
      <c r="AT3192" s="128"/>
      <c r="AU3192" s="128"/>
      <c r="AV3192" s="128"/>
      <c r="AW3192" s="128"/>
      <c r="AX3192" s="128"/>
      <c r="AY3192" s="128"/>
      <c r="AZ3192" s="128"/>
      <c r="BA3192" s="128"/>
      <c r="BB3192" s="107">
        <v>45884</v>
      </c>
    </row>
    <row r="3193" spans="1:54" s="8" customFormat="1" ht="13.95" customHeight="1" x14ac:dyDescent="0.25">
      <c r="A3193" s="219" t="s">
        <v>7253</v>
      </c>
      <c r="B3193" s="220" t="s">
        <v>6395</v>
      </c>
      <c r="C3193" s="98" t="s">
        <v>7254</v>
      </c>
      <c r="D3193" s="98" t="s">
        <v>20892</v>
      </c>
      <c r="E3193" s="141">
        <v>1979</v>
      </c>
      <c r="F3193" s="141">
        <v>999</v>
      </c>
      <c r="G3193" s="98" t="s">
        <v>1</v>
      </c>
      <c r="H3193" s="98">
        <v>0</v>
      </c>
      <c r="I3193" s="98">
        <v>0</v>
      </c>
      <c r="J3193" s="98" t="s">
        <v>400</v>
      </c>
      <c r="K3193" s="98" t="s">
        <v>400</v>
      </c>
      <c r="L3193" s="98" t="s">
        <v>400</v>
      </c>
      <c r="M3193" s="98" t="s">
        <v>400</v>
      </c>
      <c r="N3193" s="98" t="s">
        <v>400</v>
      </c>
      <c r="O3193" s="98" t="s">
        <v>400</v>
      </c>
      <c r="P3193" s="98" t="s">
        <v>400</v>
      </c>
      <c r="Q3193" s="98" t="s">
        <v>400</v>
      </c>
      <c r="R3193" s="98" t="s">
        <v>400</v>
      </c>
      <c r="S3193" s="98" t="s">
        <v>400</v>
      </c>
      <c r="T3193" s="98" t="s">
        <v>400</v>
      </c>
      <c r="U3193" s="128"/>
      <c r="V3193" s="128"/>
      <c r="W3193" s="128"/>
      <c r="X3193" s="128"/>
      <c r="Y3193" s="128"/>
      <c r="Z3193" s="128"/>
      <c r="AA3193" s="128"/>
      <c r="AB3193" s="128"/>
      <c r="AC3193" s="128"/>
      <c r="AD3193" s="128"/>
      <c r="AE3193" s="128"/>
      <c r="AF3193" s="128"/>
      <c r="AG3193" s="128"/>
      <c r="AH3193" s="128"/>
      <c r="AI3193" s="128"/>
      <c r="AJ3193" s="128"/>
      <c r="AK3193" s="128"/>
      <c r="AL3193" s="128"/>
      <c r="AM3193" s="128"/>
      <c r="AN3193" s="128"/>
      <c r="AO3193" s="128"/>
      <c r="AP3193" s="128"/>
      <c r="AQ3193" s="128"/>
      <c r="AR3193" s="128"/>
      <c r="AS3193" s="128"/>
      <c r="AT3193" s="128"/>
      <c r="AU3193" s="128"/>
      <c r="AV3193" s="128"/>
      <c r="AW3193" s="128"/>
      <c r="AX3193" s="128"/>
      <c r="AY3193" s="128"/>
      <c r="AZ3193" s="128"/>
      <c r="BA3193" s="128"/>
      <c r="BB3193" s="107">
        <v>45884</v>
      </c>
    </row>
    <row r="3194" spans="1:54" s="8" customFormat="1" ht="13.95" customHeight="1" x14ac:dyDescent="0.25">
      <c r="A3194" s="219" t="s">
        <v>7255</v>
      </c>
      <c r="B3194" s="220" t="s">
        <v>6395</v>
      </c>
      <c r="C3194" s="98" t="s">
        <v>7256</v>
      </c>
      <c r="D3194" s="98" t="s">
        <v>20893</v>
      </c>
      <c r="E3194" s="141">
        <v>1986</v>
      </c>
      <c r="F3194" s="141">
        <v>1000</v>
      </c>
      <c r="G3194" s="98" t="s">
        <v>1</v>
      </c>
      <c r="H3194" s="98">
        <v>0</v>
      </c>
      <c r="I3194" s="98">
        <v>0</v>
      </c>
      <c r="J3194" s="98" t="s">
        <v>400</v>
      </c>
      <c r="K3194" s="98" t="s">
        <v>400</v>
      </c>
      <c r="L3194" s="98" t="s">
        <v>400</v>
      </c>
      <c r="M3194" s="98" t="s">
        <v>400</v>
      </c>
      <c r="N3194" s="98" t="s">
        <v>400</v>
      </c>
      <c r="O3194" s="98" t="s">
        <v>400</v>
      </c>
      <c r="P3194" s="98" t="s">
        <v>400</v>
      </c>
      <c r="Q3194" s="98" t="s">
        <v>400</v>
      </c>
      <c r="R3194" s="98" t="s">
        <v>400</v>
      </c>
      <c r="S3194" s="98" t="s">
        <v>400</v>
      </c>
      <c r="T3194" s="98" t="s">
        <v>400</v>
      </c>
      <c r="U3194" s="128"/>
      <c r="V3194" s="128"/>
      <c r="W3194" s="128"/>
      <c r="X3194" s="128"/>
      <c r="Y3194" s="128"/>
      <c r="Z3194" s="128"/>
      <c r="AA3194" s="128"/>
      <c r="AB3194" s="128"/>
      <c r="AC3194" s="128"/>
      <c r="AD3194" s="128"/>
      <c r="AE3194" s="128"/>
      <c r="AF3194" s="128"/>
      <c r="AG3194" s="128"/>
      <c r="AH3194" s="128"/>
      <c r="AI3194" s="128"/>
      <c r="AJ3194" s="128"/>
      <c r="AK3194" s="128"/>
      <c r="AL3194" s="128"/>
      <c r="AM3194" s="128"/>
      <c r="AN3194" s="128"/>
      <c r="AO3194" s="128"/>
      <c r="AP3194" s="128"/>
      <c r="AQ3194" s="128"/>
      <c r="AR3194" s="128"/>
      <c r="AS3194" s="128"/>
      <c r="AT3194" s="128"/>
      <c r="AU3194" s="128"/>
      <c r="AV3194" s="128"/>
      <c r="AW3194" s="128"/>
      <c r="AX3194" s="128"/>
      <c r="AY3194" s="128"/>
      <c r="AZ3194" s="128"/>
      <c r="BA3194" s="128"/>
      <c r="BB3194" s="107">
        <v>45884</v>
      </c>
    </row>
    <row r="3195" spans="1:54" s="8" customFormat="1" ht="13.95" customHeight="1" x14ac:dyDescent="0.25">
      <c r="A3195" s="219" t="s">
        <v>7257</v>
      </c>
      <c r="B3195" s="220" t="s">
        <v>6395</v>
      </c>
      <c r="C3195" s="98" t="s">
        <v>7258</v>
      </c>
      <c r="D3195" s="98" t="s">
        <v>20894</v>
      </c>
      <c r="E3195" s="141">
        <v>1987</v>
      </c>
      <c r="F3195" s="141">
        <v>1000</v>
      </c>
      <c r="G3195" s="98" t="s">
        <v>1</v>
      </c>
      <c r="H3195" s="98">
        <v>0</v>
      </c>
      <c r="I3195" s="98">
        <v>0</v>
      </c>
      <c r="J3195" s="98" t="s">
        <v>400</v>
      </c>
      <c r="K3195" s="98" t="s">
        <v>400</v>
      </c>
      <c r="L3195" s="98" t="s">
        <v>400</v>
      </c>
      <c r="M3195" s="98" t="s">
        <v>400</v>
      </c>
      <c r="N3195" s="98" t="s">
        <v>400</v>
      </c>
      <c r="O3195" s="98" t="s">
        <v>400</v>
      </c>
      <c r="P3195" s="98" t="s">
        <v>400</v>
      </c>
      <c r="Q3195" s="98" t="s">
        <v>400</v>
      </c>
      <c r="R3195" s="98" t="s">
        <v>400</v>
      </c>
      <c r="S3195" s="98" t="s">
        <v>400</v>
      </c>
      <c r="T3195" s="98" t="s">
        <v>400</v>
      </c>
      <c r="U3195" s="128"/>
      <c r="V3195" s="128"/>
      <c r="W3195" s="128"/>
      <c r="X3195" s="128"/>
      <c r="Y3195" s="128"/>
      <c r="Z3195" s="128"/>
      <c r="AA3195" s="128"/>
      <c r="AB3195" s="128"/>
      <c r="AC3195" s="128"/>
      <c r="AD3195" s="128"/>
      <c r="AE3195" s="128"/>
      <c r="AF3195" s="128"/>
      <c r="AG3195" s="128"/>
      <c r="AH3195" s="128"/>
      <c r="AI3195" s="128"/>
      <c r="AJ3195" s="128"/>
      <c r="AK3195" s="128"/>
      <c r="AL3195" s="128"/>
      <c r="AM3195" s="128"/>
      <c r="AN3195" s="128"/>
      <c r="AO3195" s="128"/>
      <c r="AP3195" s="128"/>
      <c r="AQ3195" s="128"/>
      <c r="AR3195" s="128"/>
      <c r="AS3195" s="128"/>
      <c r="AT3195" s="128"/>
      <c r="AU3195" s="128"/>
      <c r="AV3195" s="128"/>
      <c r="AW3195" s="128"/>
      <c r="AX3195" s="128"/>
      <c r="AY3195" s="128"/>
      <c r="AZ3195" s="128"/>
      <c r="BA3195" s="128"/>
      <c r="BB3195" s="107">
        <v>45884</v>
      </c>
    </row>
    <row r="3196" spans="1:54" s="8" customFormat="1" ht="13.95" customHeight="1" x14ac:dyDescent="0.25">
      <c r="A3196" s="219" t="s">
        <v>7259</v>
      </c>
      <c r="B3196" s="220" t="s">
        <v>6395</v>
      </c>
      <c r="C3196" s="98" t="s">
        <v>7260</v>
      </c>
      <c r="D3196" s="98" t="s">
        <v>20895</v>
      </c>
      <c r="E3196" s="141">
        <v>1982</v>
      </c>
      <c r="F3196" s="141">
        <v>1000</v>
      </c>
      <c r="G3196" s="98" t="s">
        <v>1</v>
      </c>
      <c r="H3196" s="98">
        <v>0</v>
      </c>
      <c r="I3196" s="98">
        <v>0</v>
      </c>
      <c r="J3196" s="98" t="s">
        <v>400</v>
      </c>
      <c r="K3196" s="98" t="s">
        <v>400</v>
      </c>
      <c r="L3196" s="98" t="s">
        <v>400</v>
      </c>
      <c r="M3196" s="98" t="s">
        <v>400</v>
      </c>
      <c r="N3196" s="98" t="s">
        <v>400</v>
      </c>
      <c r="O3196" s="98" t="s">
        <v>400</v>
      </c>
      <c r="P3196" s="98" t="s">
        <v>400</v>
      </c>
      <c r="Q3196" s="98" t="s">
        <v>400</v>
      </c>
      <c r="R3196" s="98" t="s">
        <v>400</v>
      </c>
      <c r="S3196" s="98" t="s">
        <v>400</v>
      </c>
      <c r="T3196" s="98" t="s">
        <v>400</v>
      </c>
      <c r="U3196" s="128"/>
      <c r="V3196" s="128"/>
      <c r="W3196" s="128"/>
      <c r="X3196" s="128"/>
      <c r="Y3196" s="128"/>
      <c r="Z3196" s="128"/>
      <c r="AA3196" s="128"/>
      <c r="AB3196" s="128"/>
      <c r="AC3196" s="128"/>
      <c r="AD3196" s="128"/>
      <c r="AE3196" s="128"/>
      <c r="AF3196" s="128"/>
      <c r="AG3196" s="128"/>
      <c r="AH3196" s="128"/>
      <c r="AI3196" s="128"/>
      <c r="AJ3196" s="128"/>
      <c r="AK3196" s="128"/>
      <c r="AL3196" s="128"/>
      <c r="AM3196" s="128"/>
      <c r="AN3196" s="128"/>
      <c r="AO3196" s="128"/>
      <c r="AP3196" s="128"/>
      <c r="AQ3196" s="128"/>
      <c r="AR3196" s="128"/>
      <c r="AS3196" s="128"/>
      <c r="AT3196" s="128"/>
      <c r="AU3196" s="128"/>
      <c r="AV3196" s="128"/>
      <c r="AW3196" s="128"/>
      <c r="AX3196" s="128"/>
      <c r="AY3196" s="128"/>
      <c r="AZ3196" s="128"/>
      <c r="BA3196" s="128"/>
      <c r="BB3196" s="107">
        <v>45884</v>
      </c>
    </row>
    <row r="3197" spans="1:54" s="8" customFormat="1" ht="13.95" customHeight="1" x14ac:dyDescent="0.25">
      <c r="A3197" s="219" t="s">
        <v>7261</v>
      </c>
      <c r="B3197" s="220" t="s">
        <v>6395</v>
      </c>
      <c r="C3197" s="98" t="s">
        <v>7262</v>
      </c>
      <c r="D3197" s="98" t="s">
        <v>20896</v>
      </c>
      <c r="E3197" s="141">
        <v>1982</v>
      </c>
      <c r="F3197" s="141">
        <v>1000</v>
      </c>
      <c r="G3197" s="98" t="s">
        <v>1</v>
      </c>
      <c r="H3197" s="98">
        <v>0</v>
      </c>
      <c r="I3197" s="98">
        <v>0</v>
      </c>
      <c r="J3197" s="98" t="s">
        <v>400</v>
      </c>
      <c r="K3197" s="98" t="s">
        <v>400</v>
      </c>
      <c r="L3197" s="98" t="s">
        <v>400</v>
      </c>
      <c r="M3197" s="98" t="s">
        <v>400</v>
      </c>
      <c r="N3197" s="98" t="s">
        <v>400</v>
      </c>
      <c r="O3197" s="98" t="s">
        <v>400</v>
      </c>
      <c r="P3197" s="98" t="s">
        <v>400</v>
      </c>
      <c r="Q3197" s="98" t="s">
        <v>400</v>
      </c>
      <c r="R3197" s="98" t="s">
        <v>400</v>
      </c>
      <c r="S3197" s="98" t="s">
        <v>400</v>
      </c>
      <c r="T3197" s="98" t="s">
        <v>400</v>
      </c>
      <c r="U3197" s="128"/>
      <c r="V3197" s="128"/>
      <c r="W3197" s="128"/>
      <c r="X3197" s="128"/>
      <c r="Y3197" s="128"/>
      <c r="Z3197" s="128"/>
      <c r="AA3197" s="128"/>
      <c r="AB3197" s="128"/>
      <c r="AC3197" s="128"/>
      <c r="AD3197" s="128"/>
      <c r="AE3197" s="128"/>
      <c r="AF3197" s="128"/>
      <c r="AG3197" s="128"/>
      <c r="AH3197" s="128"/>
      <c r="AI3197" s="128"/>
      <c r="AJ3197" s="128"/>
      <c r="AK3197" s="128"/>
      <c r="AL3197" s="128"/>
      <c r="AM3197" s="128"/>
      <c r="AN3197" s="128"/>
      <c r="AO3197" s="128"/>
      <c r="AP3197" s="128"/>
      <c r="AQ3197" s="128"/>
      <c r="AR3197" s="128"/>
      <c r="AS3197" s="128"/>
      <c r="AT3197" s="128"/>
      <c r="AU3197" s="128"/>
      <c r="AV3197" s="128"/>
      <c r="AW3197" s="128"/>
      <c r="AX3197" s="128"/>
      <c r="AY3197" s="128"/>
      <c r="AZ3197" s="128"/>
      <c r="BA3197" s="128"/>
      <c r="BB3197" s="107">
        <v>45884</v>
      </c>
    </row>
    <row r="3198" spans="1:54" s="8" customFormat="1" ht="13.95" customHeight="1" x14ac:dyDescent="0.25">
      <c r="A3198" s="219" t="s">
        <v>7263</v>
      </c>
      <c r="B3198" s="220" t="s">
        <v>6395</v>
      </c>
      <c r="C3198" s="98" t="s">
        <v>7264</v>
      </c>
      <c r="D3198" s="98" t="s">
        <v>20897</v>
      </c>
      <c r="E3198" s="141">
        <v>1987</v>
      </c>
      <c r="F3198" s="141">
        <v>1000</v>
      </c>
      <c r="G3198" s="98" t="s">
        <v>1</v>
      </c>
      <c r="H3198" s="98">
        <v>0</v>
      </c>
      <c r="I3198" s="98">
        <v>0</v>
      </c>
      <c r="J3198" s="98" t="s">
        <v>400</v>
      </c>
      <c r="K3198" s="98" t="s">
        <v>400</v>
      </c>
      <c r="L3198" s="98" t="s">
        <v>400</v>
      </c>
      <c r="M3198" s="98" t="s">
        <v>400</v>
      </c>
      <c r="N3198" s="98" t="s">
        <v>400</v>
      </c>
      <c r="O3198" s="98" t="s">
        <v>400</v>
      </c>
      <c r="P3198" s="98" t="s">
        <v>400</v>
      </c>
      <c r="Q3198" s="98" t="s">
        <v>400</v>
      </c>
      <c r="R3198" s="98" t="s">
        <v>400</v>
      </c>
      <c r="S3198" s="98" t="s">
        <v>400</v>
      </c>
      <c r="T3198" s="98" t="s">
        <v>400</v>
      </c>
      <c r="U3198" s="128"/>
      <c r="V3198" s="128"/>
      <c r="W3198" s="128"/>
      <c r="X3198" s="128"/>
      <c r="Y3198" s="128"/>
      <c r="Z3198" s="128"/>
      <c r="AA3198" s="128"/>
      <c r="AB3198" s="128"/>
      <c r="AC3198" s="128"/>
      <c r="AD3198" s="128"/>
      <c r="AE3198" s="128"/>
      <c r="AF3198" s="128"/>
      <c r="AG3198" s="128"/>
      <c r="AH3198" s="128"/>
      <c r="AI3198" s="128"/>
      <c r="AJ3198" s="128"/>
      <c r="AK3198" s="128"/>
      <c r="AL3198" s="128"/>
      <c r="AM3198" s="128"/>
      <c r="AN3198" s="128"/>
      <c r="AO3198" s="128"/>
      <c r="AP3198" s="128"/>
      <c r="AQ3198" s="128"/>
      <c r="AR3198" s="128"/>
      <c r="AS3198" s="128"/>
      <c r="AT3198" s="128"/>
      <c r="AU3198" s="128"/>
      <c r="AV3198" s="128"/>
      <c r="AW3198" s="128"/>
      <c r="AX3198" s="128"/>
      <c r="AY3198" s="128"/>
      <c r="AZ3198" s="128"/>
      <c r="BA3198" s="128"/>
      <c r="BB3198" s="107">
        <v>45884</v>
      </c>
    </row>
    <row r="3199" spans="1:54" s="8" customFormat="1" ht="13.95" customHeight="1" x14ac:dyDescent="0.25">
      <c r="A3199" s="219" t="s">
        <v>7265</v>
      </c>
      <c r="B3199" s="220" t="s">
        <v>6395</v>
      </c>
      <c r="C3199" s="98" t="s">
        <v>20462</v>
      </c>
      <c r="D3199" s="98" t="s">
        <v>20898</v>
      </c>
      <c r="E3199" s="141">
        <v>1979</v>
      </c>
      <c r="F3199" s="141">
        <v>1000</v>
      </c>
      <c r="G3199" s="98" t="s">
        <v>1</v>
      </c>
      <c r="H3199" s="98">
        <v>0</v>
      </c>
      <c r="I3199" s="98">
        <v>0</v>
      </c>
      <c r="J3199" s="98" t="s">
        <v>400</v>
      </c>
      <c r="K3199" s="98" t="s">
        <v>400</v>
      </c>
      <c r="L3199" s="98" t="s">
        <v>400</v>
      </c>
      <c r="M3199" s="98" t="s">
        <v>400</v>
      </c>
      <c r="N3199" s="98" t="s">
        <v>400</v>
      </c>
      <c r="O3199" s="98" t="s">
        <v>400</v>
      </c>
      <c r="P3199" s="98" t="s">
        <v>400</v>
      </c>
      <c r="Q3199" s="98" t="s">
        <v>400</v>
      </c>
      <c r="R3199" s="98" t="s">
        <v>400</v>
      </c>
      <c r="S3199" s="98" t="s">
        <v>400</v>
      </c>
      <c r="T3199" s="98" t="s">
        <v>400</v>
      </c>
      <c r="U3199" s="128"/>
      <c r="V3199" s="128"/>
      <c r="W3199" s="128"/>
      <c r="X3199" s="128"/>
      <c r="Y3199" s="128"/>
      <c r="Z3199" s="128"/>
      <c r="AA3199" s="128"/>
      <c r="AB3199" s="128"/>
      <c r="AC3199" s="128"/>
      <c r="AD3199" s="128"/>
      <c r="AE3199" s="128"/>
      <c r="AF3199" s="128"/>
      <c r="AG3199" s="128"/>
      <c r="AH3199" s="128"/>
      <c r="AI3199" s="128"/>
      <c r="AJ3199" s="128"/>
      <c r="AK3199" s="128"/>
      <c r="AL3199" s="128"/>
      <c r="AM3199" s="128"/>
      <c r="AN3199" s="128"/>
      <c r="AO3199" s="128"/>
      <c r="AP3199" s="128"/>
      <c r="AQ3199" s="128"/>
      <c r="AR3199" s="128"/>
      <c r="AS3199" s="128"/>
      <c r="AT3199" s="128"/>
      <c r="AU3199" s="128"/>
      <c r="AV3199" s="128"/>
      <c r="AW3199" s="128"/>
      <c r="AX3199" s="128"/>
      <c r="AY3199" s="128"/>
      <c r="AZ3199" s="128"/>
      <c r="BA3199" s="128"/>
      <c r="BB3199" s="107">
        <v>45884</v>
      </c>
    </row>
    <row r="3200" spans="1:54" s="8" customFormat="1" ht="13.95" customHeight="1" x14ac:dyDescent="0.25">
      <c r="A3200" s="219" t="s">
        <v>7266</v>
      </c>
      <c r="B3200" s="220" t="s">
        <v>6395</v>
      </c>
      <c r="C3200" s="98" t="s">
        <v>7267</v>
      </c>
      <c r="D3200" s="98" t="s">
        <v>20899</v>
      </c>
      <c r="E3200" s="141">
        <v>2007</v>
      </c>
      <c r="F3200" s="141">
        <v>1000</v>
      </c>
      <c r="G3200" s="98" t="s">
        <v>1</v>
      </c>
      <c r="H3200" s="98">
        <v>0</v>
      </c>
      <c r="I3200" s="98">
        <v>0</v>
      </c>
      <c r="J3200" s="98" t="s">
        <v>400</v>
      </c>
      <c r="K3200" s="98" t="s">
        <v>400</v>
      </c>
      <c r="L3200" s="98" t="s">
        <v>400</v>
      </c>
      <c r="M3200" s="98" t="s">
        <v>400</v>
      </c>
      <c r="N3200" s="98" t="s">
        <v>400</v>
      </c>
      <c r="O3200" s="98" t="s">
        <v>400</v>
      </c>
      <c r="P3200" s="98" t="s">
        <v>400</v>
      </c>
      <c r="Q3200" s="98" t="s">
        <v>400</v>
      </c>
      <c r="R3200" s="98" t="s">
        <v>400</v>
      </c>
      <c r="S3200" s="98" t="s">
        <v>400</v>
      </c>
      <c r="T3200" s="98" t="s">
        <v>400</v>
      </c>
      <c r="U3200" s="128"/>
      <c r="V3200" s="128"/>
      <c r="W3200" s="128"/>
      <c r="X3200" s="128"/>
      <c r="Y3200" s="128"/>
      <c r="Z3200" s="128"/>
      <c r="AA3200" s="128"/>
      <c r="AB3200" s="128"/>
      <c r="AC3200" s="128"/>
      <c r="AD3200" s="128"/>
      <c r="AE3200" s="128"/>
      <c r="AF3200" s="128"/>
      <c r="AG3200" s="128"/>
      <c r="AH3200" s="128"/>
      <c r="AI3200" s="128"/>
      <c r="AJ3200" s="128"/>
      <c r="AK3200" s="128"/>
      <c r="AL3200" s="128"/>
      <c r="AM3200" s="128"/>
      <c r="AN3200" s="128"/>
      <c r="AO3200" s="128"/>
      <c r="AP3200" s="128"/>
      <c r="AQ3200" s="128"/>
      <c r="AR3200" s="128"/>
      <c r="AS3200" s="128"/>
      <c r="AT3200" s="128"/>
      <c r="AU3200" s="128"/>
      <c r="AV3200" s="128"/>
      <c r="AW3200" s="128"/>
      <c r="AX3200" s="128"/>
      <c r="AY3200" s="128"/>
      <c r="AZ3200" s="128"/>
      <c r="BA3200" s="128"/>
      <c r="BB3200" s="107">
        <v>45884</v>
      </c>
    </row>
    <row r="3201" spans="1:54" s="8" customFormat="1" ht="13.95" customHeight="1" x14ac:dyDescent="0.25">
      <c r="A3201" s="219" t="s">
        <v>7268</v>
      </c>
      <c r="B3201" s="220" t="s">
        <v>6395</v>
      </c>
      <c r="C3201" s="98" t="s">
        <v>7269</v>
      </c>
      <c r="D3201" s="98" t="s">
        <v>20900</v>
      </c>
      <c r="E3201" s="141">
        <v>1987</v>
      </c>
      <c r="F3201" s="141">
        <v>1000</v>
      </c>
      <c r="G3201" s="98" t="s">
        <v>1</v>
      </c>
      <c r="H3201" s="98">
        <v>0</v>
      </c>
      <c r="I3201" s="98">
        <v>0</v>
      </c>
      <c r="J3201" s="98" t="s">
        <v>400</v>
      </c>
      <c r="K3201" s="98" t="s">
        <v>400</v>
      </c>
      <c r="L3201" s="98" t="s">
        <v>400</v>
      </c>
      <c r="M3201" s="98" t="s">
        <v>400</v>
      </c>
      <c r="N3201" s="98" t="s">
        <v>400</v>
      </c>
      <c r="O3201" s="98" t="s">
        <v>400</v>
      </c>
      <c r="P3201" s="98" t="s">
        <v>400</v>
      </c>
      <c r="Q3201" s="98" t="s">
        <v>400</v>
      </c>
      <c r="R3201" s="98" t="s">
        <v>400</v>
      </c>
      <c r="S3201" s="98" t="s">
        <v>400</v>
      </c>
      <c r="T3201" s="98" t="s">
        <v>400</v>
      </c>
      <c r="U3201" s="128"/>
      <c r="V3201" s="128"/>
      <c r="W3201" s="128"/>
      <c r="X3201" s="128"/>
      <c r="Y3201" s="128"/>
      <c r="Z3201" s="128"/>
      <c r="AA3201" s="128"/>
      <c r="AB3201" s="128"/>
      <c r="AC3201" s="128"/>
      <c r="AD3201" s="128"/>
      <c r="AE3201" s="128"/>
      <c r="AF3201" s="128"/>
      <c r="AG3201" s="128"/>
      <c r="AH3201" s="128"/>
      <c r="AI3201" s="128"/>
      <c r="AJ3201" s="128"/>
      <c r="AK3201" s="128"/>
      <c r="AL3201" s="128"/>
      <c r="AM3201" s="128"/>
      <c r="AN3201" s="128"/>
      <c r="AO3201" s="128"/>
      <c r="AP3201" s="128"/>
      <c r="AQ3201" s="128"/>
      <c r="AR3201" s="128"/>
      <c r="AS3201" s="128"/>
      <c r="AT3201" s="128"/>
      <c r="AU3201" s="128"/>
      <c r="AV3201" s="128"/>
      <c r="AW3201" s="128"/>
      <c r="AX3201" s="128"/>
      <c r="AY3201" s="128"/>
      <c r="AZ3201" s="128"/>
      <c r="BA3201" s="128"/>
      <c r="BB3201" s="107">
        <v>45884</v>
      </c>
    </row>
    <row r="3202" spans="1:54" s="8" customFormat="1" ht="13.95" customHeight="1" x14ac:dyDescent="0.25">
      <c r="A3202" s="219" t="s">
        <v>7270</v>
      </c>
      <c r="B3202" s="220" t="s">
        <v>6395</v>
      </c>
      <c r="C3202" s="98" t="s">
        <v>7271</v>
      </c>
      <c r="D3202" s="98" t="s">
        <v>20901</v>
      </c>
      <c r="E3202" s="141">
        <v>1984</v>
      </c>
      <c r="F3202" s="141">
        <v>1000</v>
      </c>
      <c r="G3202" s="98" t="s">
        <v>1</v>
      </c>
      <c r="H3202" s="98">
        <v>0</v>
      </c>
      <c r="I3202" s="98">
        <v>0</v>
      </c>
      <c r="J3202" s="98" t="s">
        <v>400</v>
      </c>
      <c r="K3202" s="98" t="s">
        <v>400</v>
      </c>
      <c r="L3202" s="98" t="s">
        <v>400</v>
      </c>
      <c r="M3202" s="98" t="s">
        <v>400</v>
      </c>
      <c r="N3202" s="98" t="s">
        <v>400</v>
      </c>
      <c r="O3202" s="98" t="s">
        <v>400</v>
      </c>
      <c r="P3202" s="98" t="s">
        <v>400</v>
      </c>
      <c r="Q3202" s="98" t="s">
        <v>400</v>
      </c>
      <c r="R3202" s="98" t="s">
        <v>400</v>
      </c>
      <c r="S3202" s="98" t="s">
        <v>400</v>
      </c>
      <c r="T3202" s="98" t="s">
        <v>400</v>
      </c>
      <c r="U3202" s="128"/>
      <c r="V3202" s="128"/>
      <c r="W3202" s="128"/>
      <c r="X3202" s="128"/>
      <c r="Y3202" s="128"/>
      <c r="Z3202" s="128"/>
      <c r="AA3202" s="128"/>
      <c r="AB3202" s="128"/>
      <c r="AC3202" s="128"/>
      <c r="AD3202" s="128"/>
      <c r="AE3202" s="128"/>
      <c r="AF3202" s="128"/>
      <c r="AG3202" s="128"/>
      <c r="AH3202" s="128"/>
      <c r="AI3202" s="128"/>
      <c r="AJ3202" s="128"/>
      <c r="AK3202" s="128"/>
      <c r="AL3202" s="128"/>
      <c r="AM3202" s="128"/>
      <c r="AN3202" s="128"/>
      <c r="AO3202" s="128"/>
      <c r="AP3202" s="128"/>
      <c r="AQ3202" s="128"/>
      <c r="AR3202" s="128"/>
      <c r="AS3202" s="128"/>
      <c r="AT3202" s="128"/>
      <c r="AU3202" s="128"/>
      <c r="AV3202" s="128"/>
      <c r="AW3202" s="128"/>
      <c r="AX3202" s="128"/>
      <c r="AY3202" s="128"/>
      <c r="AZ3202" s="128"/>
      <c r="BA3202" s="128"/>
      <c r="BB3202" s="107">
        <v>45884</v>
      </c>
    </row>
    <row r="3203" spans="1:54" s="8" customFormat="1" ht="13.95" customHeight="1" x14ac:dyDescent="0.25">
      <c r="A3203" s="219" t="s">
        <v>7272</v>
      </c>
      <c r="B3203" s="220" t="s">
        <v>6395</v>
      </c>
      <c r="C3203" s="98" t="s">
        <v>22160</v>
      </c>
      <c r="D3203" s="98" t="s">
        <v>20902</v>
      </c>
      <c r="E3203" s="141">
        <v>1976</v>
      </c>
      <c r="F3203" s="141">
        <v>1000</v>
      </c>
      <c r="G3203" s="98" t="s">
        <v>1</v>
      </c>
      <c r="H3203" s="98">
        <v>0</v>
      </c>
      <c r="I3203" s="98">
        <v>0</v>
      </c>
      <c r="J3203" s="98" t="s">
        <v>400</v>
      </c>
      <c r="K3203" s="98" t="s">
        <v>400</v>
      </c>
      <c r="L3203" s="98" t="s">
        <v>400</v>
      </c>
      <c r="M3203" s="98" t="s">
        <v>400</v>
      </c>
      <c r="N3203" s="98" t="s">
        <v>400</v>
      </c>
      <c r="O3203" s="98" t="s">
        <v>400</v>
      </c>
      <c r="P3203" s="98" t="s">
        <v>400</v>
      </c>
      <c r="Q3203" s="98" t="s">
        <v>400</v>
      </c>
      <c r="R3203" s="98" t="s">
        <v>400</v>
      </c>
      <c r="S3203" s="98" t="s">
        <v>400</v>
      </c>
      <c r="T3203" s="98" t="s">
        <v>400</v>
      </c>
      <c r="U3203" s="128"/>
      <c r="V3203" s="128"/>
      <c r="W3203" s="128"/>
      <c r="X3203" s="128"/>
      <c r="Y3203" s="128"/>
      <c r="Z3203" s="128"/>
      <c r="AA3203" s="128"/>
      <c r="AB3203" s="128"/>
      <c r="AC3203" s="128"/>
      <c r="AD3203" s="128"/>
      <c r="AE3203" s="128"/>
      <c r="AF3203" s="128"/>
      <c r="AG3203" s="128"/>
      <c r="AH3203" s="128"/>
      <c r="AI3203" s="128"/>
      <c r="AJ3203" s="128"/>
      <c r="AK3203" s="128"/>
      <c r="AL3203" s="128"/>
      <c r="AM3203" s="128"/>
      <c r="AN3203" s="128"/>
      <c r="AO3203" s="128"/>
      <c r="AP3203" s="128"/>
      <c r="AQ3203" s="128"/>
      <c r="AR3203" s="128"/>
      <c r="AS3203" s="128"/>
      <c r="AT3203" s="128"/>
      <c r="AU3203" s="128"/>
      <c r="AV3203" s="128"/>
      <c r="AW3203" s="128"/>
      <c r="AX3203" s="128"/>
      <c r="AY3203" s="128"/>
      <c r="AZ3203" s="128"/>
      <c r="BA3203" s="128"/>
      <c r="BB3203" s="107">
        <v>45884</v>
      </c>
    </row>
    <row r="3204" spans="1:54" s="8" customFormat="1" ht="13.95" customHeight="1" x14ac:dyDescent="0.25">
      <c r="A3204" s="219" t="s">
        <v>7273</v>
      </c>
      <c r="B3204" s="220" t="s">
        <v>6395</v>
      </c>
      <c r="C3204" s="98" t="s">
        <v>7274</v>
      </c>
      <c r="D3204" s="98" t="s">
        <v>20903</v>
      </c>
      <c r="E3204" s="141">
        <v>1979</v>
      </c>
      <c r="F3204" s="141">
        <v>1000</v>
      </c>
      <c r="G3204" s="98" t="s">
        <v>1</v>
      </c>
      <c r="H3204" s="98">
        <v>0</v>
      </c>
      <c r="I3204" s="98">
        <v>0</v>
      </c>
      <c r="J3204" s="98" t="s">
        <v>400</v>
      </c>
      <c r="K3204" s="98" t="s">
        <v>400</v>
      </c>
      <c r="L3204" s="98" t="s">
        <v>400</v>
      </c>
      <c r="M3204" s="98" t="s">
        <v>400</v>
      </c>
      <c r="N3204" s="98" t="s">
        <v>400</v>
      </c>
      <c r="O3204" s="98" t="s">
        <v>400</v>
      </c>
      <c r="P3204" s="98" t="s">
        <v>400</v>
      </c>
      <c r="Q3204" s="98" t="s">
        <v>400</v>
      </c>
      <c r="R3204" s="98" t="s">
        <v>400</v>
      </c>
      <c r="S3204" s="98" t="s">
        <v>400</v>
      </c>
      <c r="T3204" s="98" t="s">
        <v>400</v>
      </c>
      <c r="U3204" s="128"/>
      <c r="V3204" s="128"/>
      <c r="W3204" s="128"/>
      <c r="X3204" s="128"/>
      <c r="Y3204" s="128"/>
      <c r="Z3204" s="128"/>
      <c r="AA3204" s="128"/>
      <c r="AB3204" s="128"/>
      <c r="AC3204" s="128"/>
      <c r="AD3204" s="128"/>
      <c r="AE3204" s="128"/>
      <c r="AF3204" s="128"/>
      <c r="AG3204" s="128"/>
      <c r="AH3204" s="128"/>
      <c r="AI3204" s="128"/>
      <c r="AJ3204" s="128"/>
      <c r="AK3204" s="128"/>
      <c r="AL3204" s="128"/>
      <c r="AM3204" s="128"/>
      <c r="AN3204" s="128"/>
      <c r="AO3204" s="128"/>
      <c r="AP3204" s="128"/>
      <c r="AQ3204" s="128"/>
      <c r="AR3204" s="128"/>
      <c r="AS3204" s="128"/>
      <c r="AT3204" s="128"/>
      <c r="AU3204" s="128"/>
      <c r="AV3204" s="128"/>
      <c r="AW3204" s="128"/>
      <c r="AX3204" s="128"/>
      <c r="AY3204" s="128"/>
      <c r="AZ3204" s="128"/>
      <c r="BA3204" s="128"/>
      <c r="BB3204" s="107">
        <v>45884</v>
      </c>
    </row>
    <row r="3205" spans="1:54" s="8" customFormat="1" ht="13.95" customHeight="1" x14ac:dyDescent="0.25">
      <c r="A3205" s="219" t="s">
        <v>7275</v>
      </c>
      <c r="B3205" s="220" t="s">
        <v>6395</v>
      </c>
      <c r="C3205" s="98" t="s">
        <v>7276</v>
      </c>
      <c r="D3205" s="98" t="s">
        <v>20904</v>
      </c>
      <c r="E3205" s="141">
        <v>1987</v>
      </c>
      <c r="F3205" s="141">
        <v>1000</v>
      </c>
      <c r="G3205" s="98" t="s">
        <v>1</v>
      </c>
      <c r="H3205" s="98">
        <v>0</v>
      </c>
      <c r="I3205" s="98">
        <v>0</v>
      </c>
      <c r="J3205" s="98" t="s">
        <v>400</v>
      </c>
      <c r="K3205" s="98" t="s">
        <v>400</v>
      </c>
      <c r="L3205" s="98" t="s">
        <v>400</v>
      </c>
      <c r="M3205" s="98" t="s">
        <v>400</v>
      </c>
      <c r="N3205" s="98" t="s">
        <v>400</v>
      </c>
      <c r="O3205" s="98" t="s">
        <v>400</v>
      </c>
      <c r="P3205" s="98" t="s">
        <v>400</v>
      </c>
      <c r="Q3205" s="98" t="s">
        <v>400</v>
      </c>
      <c r="R3205" s="98" t="s">
        <v>400</v>
      </c>
      <c r="S3205" s="98" t="s">
        <v>400</v>
      </c>
      <c r="T3205" s="98" t="s">
        <v>400</v>
      </c>
      <c r="U3205" s="128"/>
      <c r="V3205" s="128"/>
      <c r="W3205" s="128"/>
      <c r="X3205" s="128"/>
      <c r="Y3205" s="128"/>
      <c r="Z3205" s="128"/>
      <c r="AA3205" s="128"/>
      <c r="AB3205" s="128"/>
      <c r="AC3205" s="128"/>
      <c r="AD3205" s="128"/>
      <c r="AE3205" s="128"/>
      <c r="AF3205" s="128"/>
      <c r="AG3205" s="128"/>
      <c r="AH3205" s="128"/>
      <c r="AI3205" s="128"/>
      <c r="AJ3205" s="128"/>
      <c r="AK3205" s="128"/>
      <c r="AL3205" s="128"/>
      <c r="AM3205" s="128"/>
      <c r="AN3205" s="128"/>
      <c r="AO3205" s="128"/>
      <c r="AP3205" s="128"/>
      <c r="AQ3205" s="128"/>
      <c r="AR3205" s="128"/>
      <c r="AS3205" s="128"/>
      <c r="AT3205" s="128"/>
      <c r="AU3205" s="128"/>
      <c r="AV3205" s="128"/>
      <c r="AW3205" s="128"/>
      <c r="AX3205" s="128"/>
      <c r="AY3205" s="128"/>
      <c r="AZ3205" s="128"/>
      <c r="BA3205" s="128"/>
      <c r="BB3205" s="107">
        <v>45884</v>
      </c>
    </row>
    <row r="3206" spans="1:54" s="8" customFormat="1" ht="13.95" customHeight="1" x14ac:dyDescent="0.25">
      <c r="A3206" s="219" t="s">
        <v>7277</v>
      </c>
      <c r="B3206" s="220" t="s">
        <v>6395</v>
      </c>
      <c r="C3206" s="98" t="s">
        <v>7278</v>
      </c>
      <c r="D3206" s="98" t="s">
        <v>20905</v>
      </c>
      <c r="E3206" s="141">
        <v>1974</v>
      </c>
      <c r="F3206" s="141">
        <v>1000</v>
      </c>
      <c r="G3206" s="98" t="s">
        <v>1</v>
      </c>
      <c r="H3206" s="98">
        <v>0</v>
      </c>
      <c r="I3206" s="98">
        <v>0</v>
      </c>
      <c r="J3206" s="98" t="s">
        <v>400</v>
      </c>
      <c r="K3206" s="98" t="s">
        <v>400</v>
      </c>
      <c r="L3206" s="98" t="s">
        <v>400</v>
      </c>
      <c r="M3206" s="98" t="s">
        <v>400</v>
      </c>
      <c r="N3206" s="98" t="s">
        <v>400</v>
      </c>
      <c r="O3206" s="98" t="s">
        <v>400</v>
      </c>
      <c r="P3206" s="98" t="s">
        <v>400</v>
      </c>
      <c r="Q3206" s="98" t="s">
        <v>400</v>
      </c>
      <c r="R3206" s="98" t="s">
        <v>400</v>
      </c>
      <c r="S3206" s="98" t="s">
        <v>400</v>
      </c>
      <c r="T3206" s="98" t="s">
        <v>400</v>
      </c>
      <c r="U3206" s="128"/>
      <c r="V3206" s="128"/>
      <c r="W3206" s="128"/>
      <c r="X3206" s="128"/>
      <c r="Y3206" s="128"/>
      <c r="Z3206" s="128"/>
      <c r="AA3206" s="128"/>
      <c r="AB3206" s="128"/>
      <c r="AC3206" s="128"/>
      <c r="AD3206" s="128"/>
      <c r="AE3206" s="128"/>
      <c r="AF3206" s="128"/>
      <c r="AG3206" s="128"/>
      <c r="AH3206" s="128"/>
      <c r="AI3206" s="128"/>
      <c r="AJ3206" s="128"/>
      <c r="AK3206" s="128"/>
      <c r="AL3206" s="128"/>
      <c r="AM3206" s="128"/>
      <c r="AN3206" s="128"/>
      <c r="AO3206" s="128"/>
      <c r="AP3206" s="128"/>
      <c r="AQ3206" s="128"/>
      <c r="AR3206" s="128"/>
      <c r="AS3206" s="128"/>
      <c r="AT3206" s="128"/>
      <c r="AU3206" s="128"/>
      <c r="AV3206" s="128"/>
      <c r="AW3206" s="128"/>
      <c r="AX3206" s="128"/>
      <c r="AY3206" s="128"/>
      <c r="AZ3206" s="128"/>
      <c r="BA3206" s="128"/>
      <c r="BB3206" s="107">
        <v>45884</v>
      </c>
    </row>
    <row r="3207" spans="1:54" s="8" customFormat="1" ht="13.95" customHeight="1" x14ac:dyDescent="0.25">
      <c r="A3207" s="219" t="s">
        <v>7279</v>
      </c>
      <c r="B3207" s="220" t="s">
        <v>6395</v>
      </c>
      <c r="C3207" s="98" t="s">
        <v>7280</v>
      </c>
      <c r="D3207" s="98" t="s">
        <v>20906</v>
      </c>
      <c r="E3207" s="141">
        <v>1988</v>
      </c>
      <c r="F3207" s="141">
        <v>1000</v>
      </c>
      <c r="G3207" s="98" t="s">
        <v>1</v>
      </c>
      <c r="H3207" s="98">
        <v>0</v>
      </c>
      <c r="I3207" s="98">
        <v>0</v>
      </c>
      <c r="J3207" s="98" t="s">
        <v>400</v>
      </c>
      <c r="K3207" s="98" t="s">
        <v>400</v>
      </c>
      <c r="L3207" s="98" t="s">
        <v>400</v>
      </c>
      <c r="M3207" s="98" t="s">
        <v>400</v>
      </c>
      <c r="N3207" s="98" t="s">
        <v>400</v>
      </c>
      <c r="O3207" s="98" t="s">
        <v>400</v>
      </c>
      <c r="P3207" s="98" t="s">
        <v>400</v>
      </c>
      <c r="Q3207" s="98" t="s">
        <v>400</v>
      </c>
      <c r="R3207" s="98" t="s">
        <v>400</v>
      </c>
      <c r="S3207" s="98" t="s">
        <v>400</v>
      </c>
      <c r="T3207" s="98" t="s">
        <v>400</v>
      </c>
      <c r="U3207" s="128"/>
      <c r="V3207" s="128"/>
      <c r="W3207" s="128"/>
      <c r="X3207" s="128"/>
      <c r="Y3207" s="128"/>
      <c r="Z3207" s="128"/>
      <c r="AA3207" s="128"/>
      <c r="AB3207" s="128"/>
      <c r="AC3207" s="128"/>
      <c r="AD3207" s="128"/>
      <c r="AE3207" s="128"/>
      <c r="AF3207" s="128"/>
      <c r="AG3207" s="128"/>
      <c r="AH3207" s="128"/>
      <c r="AI3207" s="128"/>
      <c r="AJ3207" s="128"/>
      <c r="AK3207" s="128"/>
      <c r="AL3207" s="128"/>
      <c r="AM3207" s="128"/>
      <c r="AN3207" s="128"/>
      <c r="AO3207" s="128"/>
      <c r="AP3207" s="128"/>
      <c r="AQ3207" s="128"/>
      <c r="AR3207" s="128"/>
      <c r="AS3207" s="128"/>
      <c r="AT3207" s="128"/>
      <c r="AU3207" s="128"/>
      <c r="AV3207" s="128"/>
      <c r="AW3207" s="128"/>
      <c r="AX3207" s="128"/>
      <c r="AY3207" s="128"/>
      <c r="AZ3207" s="128"/>
      <c r="BA3207" s="128"/>
      <c r="BB3207" s="107">
        <v>45884</v>
      </c>
    </row>
    <row r="3208" spans="1:54" s="8" customFormat="1" ht="13.95" customHeight="1" x14ac:dyDescent="0.25">
      <c r="A3208" s="219" t="s">
        <v>7281</v>
      </c>
      <c r="B3208" s="220" t="s">
        <v>6395</v>
      </c>
      <c r="C3208" s="98" t="s">
        <v>7282</v>
      </c>
      <c r="D3208" s="98" t="s">
        <v>20907</v>
      </c>
      <c r="E3208" s="141">
        <v>1957</v>
      </c>
      <c r="F3208" s="141">
        <v>1001</v>
      </c>
      <c r="G3208" s="98" t="s">
        <v>1</v>
      </c>
      <c r="H3208" s="98">
        <v>0</v>
      </c>
      <c r="I3208" s="98">
        <v>0</v>
      </c>
      <c r="J3208" s="98" t="s">
        <v>400</v>
      </c>
      <c r="K3208" s="98" t="s">
        <v>400</v>
      </c>
      <c r="L3208" s="98" t="s">
        <v>400</v>
      </c>
      <c r="M3208" s="98" t="s">
        <v>400</v>
      </c>
      <c r="N3208" s="98" t="s">
        <v>400</v>
      </c>
      <c r="O3208" s="98" t="s">
        <v>400</v>
      </c>
      <c r="P3208" s="98" t="s">
        <v>400</v>
      </c>
      <c r="Q3208" s="98" t="s">
        <v>400</v>
      </c>
      <c r="R3208" s="98" t="s">
        <v>400</v>
      </c>
      <c r="S3208" s="98" t="s">
        <v>400</v>
      </c>
      <c r="T3208" s="98" t="s">
        <v>400</v>
      </c>
      <c r="U3208" s="128"/>
      <c r="V3208" s="128"/>
      <c r="W3208" s="128"/>
      <c r="X3208" s="128"/>
      <c r="Y3208" s="128"/>
      <c r="Z3208" s="128"/>
      <c r="AA3208" s="128"/>
      <c r="AB3208" s="128"/>
      <c r="AC3208" s="128"/>
      <c r="AD3208" s="128"/>
      <c r="AE3208" s="128"/>
      <c r="AF3208" s="128"/>
      <c r="AG3208" s="128"/>
      <c r="AH3208" s="128"/>
      <c r="AI3208" s="128"/>
      <c r="AJ3208" s="128"/>
      <c r="AK3208" s="128"/>
      <c r="AL3208" s="128"/>
      <c r="AM3208" s="128"/>
      <c r="AN3208" s="128"/>
      <c r="AO3208" s="128"/>
      <c r="AP3208" s="128"/>
      <c r="AQ3208" s="128"/>
      <c r="AR3208" s="128"/>
      <c r="AS3208" s="128"/>
      <c r="AT3208" s="128"/>
      <c r="AU3208" s="128"/>
      <c r="AV3208" s="128"/>
      <c r="AW3208" s="128"/>
      <c r="AX3208" s="128"/>
      <c r="AY3208" s="128"/>
      <c r="AZ3208" s="128"/>
      <c r="BA3208" s="128"/>
      <c r="BB3208" s="107">
        <v>45884</v>
      </c>
    </row>
    <row r="3209" spans="1:54" s="8" customFormat="1" ht="13.95" customHeight="1" x14ac:dyDescent="0.25">
      <c r="A3209" s="219" t="s">
        <v>7283</v>
      </c>
      <c r="B3209" s="220" t="s">
        <v>6395</v>
      </c>
      <c r="C3209" s="98" t="s">
        <v>22161</v>
      </c>
      <c r="D3209" s="98" t="s">
        <v>20908</v>
      </c>
      <c r="E3209" s="141">
        <v>1982</v>
      </c>
      <c r="F3209" s="141">
        <v>1001</v>
      </c>
      <c r="G3209" s="98" t="s">
        <v>1</v>
      </c>
      <c r="H3209" s="98">
        <v>0</v>
      </c>
      <c r="I3209" s="98">
        <v>0</v>
      </c>
      <c r="J3209" s="98" t="s">
        <v>400</v>
      </c>
      <c r="K3209" s="98" t="s">
        <v>400</v>
      </c>
      <c r="L3209" s="98" t="s">
        <v>400</v>
      </c>
      <c r="M3209" s="98" t="s">
        <v>400</v>
      </c>
      <c r="N3209" s="98" t="s">
        <v>400</v>
      </c>
      <c r="O3209" s="98" t="s">
        <v>400</v>
      </c>
      <c r="P3209" s="98" t="s">
        <v>400</v>
      </c>
      <c r="Q3209" s="98" t="s">
        <v>400</v>
      </c>
      <c r="R3209" s="98" t="s">
        <v>400</v>
      </c>
      <c r="S3209" s="98" t="s">
        <v>400</v>
      </c>
      <c r="T3209" s="98" t="s">
        <v>400</v>
      </c>
      <c r="U3209" s="128"/>
      <c r="V3209" s="128"/>
      <c r="W3209" s="128"/>
      <c r="X3209" s="128"/>
      <c r="Y3209" s="128"/>
      <c r="Z3209" s="128"/>
      <c r="AA3209" s="128"/>
      <c r="AB3209" s="128"/>
      <c r="AC3209" s="128"/>
      <c r="AD3209" s="128"/>
      <c r="AE3209" s="128"/>
      <c r="AF3209" s="128"/>
      <c r="AG3209" s="128"/>
      <c r="AH3209" s="128"/>
      <c r="AI3209" s="128"/>
      <c r="AJ3209" s="128"/>
      <c r="AK3209" s="128"/>
      <c r="AL3209" s="128"/>
      <c r="AM3209" s="128"/>
      <c r="AN3209" s="128"/>
      <c r="AO3209" s="128"/>
      <c r="AP3209" s="128"/>
      <c r="AQ3209" s="128"/>
      <c r="AR3209" s="128"/>
      <c r="AS3209" s="128"/>
      <c r="AT3209" s="128"/>
      <c r="AU3209" s="128"/>
      <c r="AV3209" s="128"/>
      <c r="AW3209" s="128"/>
      <c r="AX3209" s="128"/>
      <c r="AY3209" s="128"/>
      <c r="AZ3209" s="128"/>
      <c r="BA3209" s="128"/>
      <c r="BB3209" s="107">
        <v>45884</v>
      </c>
    </row>
    <row r="3210" spans="1:54" s="8" customFormat="1" ht="13.95" customHeight="1" x14ac:dyDescent="0.25">
      <c r="A3210" s="219" t="s">
        <v>7284</v>
      </c>
      <c r="B3210" s="220" t="s">
        <v>6395</v>
      </c>
      <c r="C3210" s="98" t="s">
        <v>7285</v>
      </c>
      <c r="D3210" s="98" t="s">
        <v>20909</v>
      </c>
      <c r="E3210" s="141">
        <v>1984</v>
      </c>
      <c r="F3210" s="141">
        <v>1001</v>
      </c>
      <c r="G3210" s="98" t="s">
        <v>1</v>
      </c>
      <c r="H3210" s="98">
        <v>0</v>
      </c>
      <c r="I3210" s="98">
        <v>0</v>
      </c>
      <c r="J3210" s="98" t="s">
        <v>400</v>
      </c>
      <c r="K3210" s="98" t="s">
        <v>400</v>
      </c>
      <c r="L3210" s="98" t="s">
        <v>400</v>
      </c>
      <c r="M3210" s="98" t="s">
        <v>400</v>
      </c>
      <c r="N3210" s="98" t="s">
        <v>400</v>
      </c>
      <c r="O3210" s="98" t="s">
        <v>400</v>
      </c>
      <c r="P3210" s="98" t="s">
        <v>400</v>
      </c>
      <c r="Q3210" s="98" t="s">
        <v>400</v>
      </c>
      <c r="R3210" s="98" t="s">
        <v>400</v>
      </c>
      <c r="S3210" s="98" t="s">
        <v>400</v>
      </c>
      <c r="T3210" s="98" t="s">
        <v>400</v>
      </c>
      <c r="U3210" s="128"/>
      <c r="V3210" s="128"/>
      <c r="W3210" s="128"/>
      <c r="X3210" s="128"/>
      <c r="Y3210" s="128"/>
      <c r="Z3210" s="128"/>
      <c r="AA3210" s="128"/>
      <c r="AB3210" s="128"/>
      <c r="AC3210" s="128"/>
      <c r="AD3210" s="128"/>
      <c r="AE3210" s="128"/>
      <c r="AF3210" s="128"/>
      <c r="AG3210" s="128"/>
      <c r="AH3210" s="128"/>
      <c r="AI3210" s="128"/>
      <c r="AJ3210" s="128"/>
      <c r="AK3210" s="128"/>
      <c r="AL3210" s="128"/>
      <c r="AM3210" s="128"/>
      <c r="AN3210" s="128"/>
      <c r="AO3210" s="128"/>
      <c r="AP3210" s="128"/>
      <c r="AQ3210" s="128"/>
      <c r="AR3210" s="128"/>
      <c r="AS3210" s="128"/>
      <c r="AT3210" s="128"/>
      <c r="AU3210" s="128"/>
      <c r="AV3210" s="128"/>
      <c r="AW3210" s="128"/>
      <c r="AX3210" s="128"/>
      <c r="AY3210" s="128"/>
      <c r="AZ3210" s="128"/>
      <c r="BA3210" s="128"/>
      <c r="BB3210" s="107">
        <v>45884</v>
      </c>
    </row>
    <row r="3211" spans="1:54" s="8" customFormat="1" ht="13.95" customHeight="1" x14ac:dyDescent="0.25">
      <c r="A3211" s="219" t="s">
        <v>7286</v>
      </c>
      <c r="B3211" s="220" t="s">
        <v>6395</v>
      </c>
      <c r="C3211" s="98" t="s">
        <v>7287</v>
      </c>
      <c r="D3211" s="98" t="s">
        <v>20910</v>
      </c>
      <c r="E3211" s="141">
        <v>1974</v>
      </c>
      <c r="F3211" s="141">
        <v>1002</v>
      </c>
      <c r="G3211" s="98" t="s">
        <v>1</v>
      </c>
      <c r="H3211" s="98">
        <v>0</v>
      </c>
      <c r="I3211" s="98">
        <v>0</v>
      </c>
      <c r="J3211" s="98" t="s">
        <v>400</v>
      </c>
      <c r="K3211" s="98" t="s">
        <v>400</v>
      </c>
      <c r="L3211" s="98" t="s">
        <v>400</v>
      </c>
      <c r="M3211" s="98" t="s">
        <v>400</v>
      </c>
      <c r="N3211" s="98" t="s">
        <v>400</v>
      </c>
      <c r="O3211" s="98" t="s">
        <v>400</v>
      </c>
      <c r="P3211" s="98" t="s">
        <v>400</v>
      </c>
      <c r="Q3211" s="98" t="s">
        <v>400</v>
      </c>
      <c r="R3211" s="98" t="s">
        <v>400</v>
      </c>
      <c r="S3211" s="98" t="s">
        <v>400</v>
      </c>
      <c r="T3211" s="98" t="s">
        <v>400</v>
      </c>
      <c r="U3211" s="128"/>
      <c r="V3211" s="128"/>
      <c r="W3211" s="128"/>
      <c r="X3211" s="128"/>
      <c r="Y3211" s="128"/>
      <c r="Z3211" s="128"/>
      <c r="AA3211" s="128"/>
      <c r="AB3211" s="128"/>
      <c r="AC3211" s="128"/>
      <c r="AD3211" s="128"/>
      <c r="AE3211" s="128"/>
      <c r="AF3211" s="128"/>
      <c r="AG3211" s="128"/>
      <c r="AH3211" s="128"/>
      <c r="AI3211" s="128"/>
      <c r="AJ3211" s="128"/>
      <c r="AK3211" s="128"/>
      <c r="AL3211" s="128"/>
      <c r="AM3211" s="128"/>
      <c r="AN3211" s="128"/>
      <c r="AO3211" s="128"/>
      <c r="AP3211" s="128"/>
      <c r="AQ3211" s="128"/>
      <c r="AR3211" s="128"/>
      <c r="AS3211" s="128"/>
      <c r="AT3211" s="128"/>
      <c r="AU3211" s="128"/>
      <c r="AV3211" s="128"/>
      <c r="AW3211" s="128"/>
      <c r="AX3211" s="128"/>
      <c r="AY3211" s="128"/>
      <c r="AZ3211" s="128"/>
      <c r="BA3211" s="128"/>
      <c r="BB3211" s="107">
        <v>45884</v>
      </c>
    </row>
    <row r="3212" spans="1:54" s="8" customFormat="1" ht="13.95" customHeight="1" x14ac:dyDescent="0.25">
      <c r="A3212" s="219" t="s">
        <v>7288</v>
      </c>
      <c r="B3212" s="220" t="s">
        <v>6395</v>
      </c>
      <c r="C3212" s="98" t="s">
        <v>7289</v>
      </c>
      <c r="D3212" s="98" t="s">
        <v>20911</v>
      </c>
      <c r="E3212" s="141">
        <v>1979</v>
      </c>
      <c r="F3212" s="141">
        <v>1004</v>
      </c>
      <c r="G3212" s="98" t="s">
        <v>1</v>
      </c>
      <c r="H3212" s="98">
        <v>0</v>
      </c>
      <c r="I3212" s="98">
        <v>0</v>
      </c>
      <c r="J3212" s="98" t="s">
        <v>400</v>
      </c>
      <c r="K3212" s="98" t="s">
        <v>400</v>
      </c>
      <c r="L3212" s="98" t="s">
        <v>400</v>
      </c>
      <c r="M3212" s="98" t="s">
        <v>400</v>
      </c>
      <c r="N3212" s="98" t="s">
        <v>400</v>
      </c>
      <c r="O3212" s="98" t="s">
        <v>400</v>
      </c>
      <c r="P3212" s="98" t="s">
        <v>400</v>
      </c>
      <c r="Q3212" s="98" t="s">
        <v>400</v>
      </c>
      <c r="R3212" s="98" t="s">
        <v>400</v>
      </c>
      <c r="S3212" s="98" t="s">
        <v>400</v>
      </c>
      <c r="T3212" s="98" t="s">
        <v>400</v>
      </c>
      <c r="U3212" s="128"/>
      <c r="V3212" s="128"/>
      <c r="W3212" s="128"/>
      <c r="X3212" s="128"/>
      <c r="Y3212" s="128"/>
      <c r="Z3212" s="128"/>
      <c r="AA3212" s="128"/>
      <c r="AB3212" s="128"/>
      <c r="AC3212" s="128"/>
      <c r="AD3212" s="128"/>
      <c r="AE3212" s="128"/>
      <c r="AF3212" s="128"/>
      <c r="AG3212" s="128"/>
      <c r="AH3212" s="128"/>
      <c r="AI3212" s="128"/>
      <c r="AJ3212" s="128"/>
      <c r="AK3212" s="128"/>
      <c r="AL3212" s="128"/>
      <c r="AM3212" s="128"/>
      <c r="AN3212" s="128"/>
      <c r="AO3212" s="128"/>
      <c r="AP3212" s="128"/>
      <c r="AQ3212" s="128"/>
      <c r="AR3212" s="128"/>
      <c r="AS3212" s="128"/>
      <c r="AT3212" s="128"/>
      <c r="AU3212" s="128"/>
      <c r="AV3212" s="128"/>
      <c r="AW3212" s="128"/>
      <c r="AX3212" s="128"/>
      <c r="AY3212" s="128"/>
      <c r="AZ3212" s="128"/>
      <c r="BA3212" s="128"/>
      <c r="BB3212" s="107">
        <v>45884</v>
      </c>
    </row>
    <row r="3213" spans="1:54" s="8" customFormat="1" ht="13.95" customHeight="1" x14ac:dyDescent="0.25">
      <c r="A3213" s="219" t="s">
        <v>7290</v>
      </c>
      <c r="B3213" s="220" t="s">
        <v>6395</v>
      </c>
      <c r="C3213" s="98" t="s">
        <v>7291</v>
      </c>
      <c r="D3213" s="98" t="s">
        <v>20912</v>
      </c>
      <c r="E3213" s="141">
        <v>1979</v>
      </c>
      <c r="F3213" s="141">
        <v>1006</v>
      </c>
      <c r="G3213" s="98" t="s">
        <v>1</v>
      </c>
      <c r="H3213" s="98">
        <v>0</v>
      </c>
      <c r="I3213" s="98">
        <v>0</v>
      </c>
      <c r="J3213" s="98" t="s">
        <v>400</v>
      </c>
      <c r="K3213" s="98" t="s">
        <v>400</v>
      </c>
      <c r="L3213" s="98" t="s">
        <v>400</v>
      </c>
      <c r="M3213" s="98" t="s">
        <v>400</v>
      </c>
      <c r="N3213" s="98" t="s">
        <v>400</v>
      </c>
      <c r="O3213" s="98" t="s">
        <v>400</v>
      </c>
      <c r="P3213" s="98" t="s">
        <v>400</v>
      </c>
      <c r="Q3213" s="98" t="s">
        <v>400</v>
      </c>
      <c r="R3213" s="98" t="s">
        <v>400</v>
      </c>
      <c r="S3213" s="98" t="s">
        <v>400</v>
      </c>
      <c r="T3213" s="98" t="s">
        <v>400</v>
      </c>
      <c r="U3213" s="128"/>
      <c r="V3213" s="128"/>
      <c r="W3213" s="128"/>
      <c r="X3213" s="128"/>
      <c r="Y3213" s="128"/>
      <c r="Z3213" s="128"/>
      <c r="AA3213" s="128"/>
      <c r="AB3213" s="128"/>
      <c r="AC3213" s="128"/>
      <c r="AD3213" s="128"/>
      <c r="AE3213" s="128"/>
      <c r="AF3213" s="128"/>
      <c r="AG3213" s="128"/>
      <c r="AH3213" s="128"/>
      <c r="AI3213" s="128"/>
      <c r="AJ3213" s="128"/>
      <c r="AK3213" s="128"/>
      <c r="AL3213" s="128"/>
      <c r="AM3213" s="128"/>
      <c r="AN3213" s="128"/>
      <c r="AO3213" s="128"/>
      <c r="AP3213" s="128"/>
      <c r="AQ3213" s="128"/>
      <c r="AR3213" s="128"/>
      <c r="AS3213" s="128"/>
      <c r="AT3213" s="128"/>
      <c r="AU3213" s="128"/>
      <c r="AV3213" s="128"/>
      <c r="AW3213" s="128"/>
      <c r="AX3213" s="128"/>
      <c r="AY3213" s="128"/>
      <c r="AZ3213" s="128"/>
      <c r="BA3213" s="128"/>
      <c r="BB3213" s="107">
        <v>45884</v>
      </c>
    </row>
    <row r="3214" spans="1:54" s="8" customFormat="1" ht="13.95" customHeight="1" x14ac:dyDescent="0.25">
      <c r="A3214" s="219" t="s">
        <v>7292</v>
      </c>
      <c r="B3214" s="220" t="s">
        <v>6395</v>
      </c>
      <c r="C3214" s="98" t="s">
        <v>7293</v>
      </c>
      <c r="D3214" s="98" t="s">
        <v>20913</v>
      </c>
      <c r="E3214" s="141">
        <v>1979</v>
      </c>
      <c r="F3214" s="141">
        <v>1007</v>
      </c>
      <c r="G3214" s="98" t="s">
        <v>1</v>
      </c>
      <c r="H3214" s="98">
        <v>0</v>
      </c>
      <c r="I3214" s="98">
        <v>0</v>
      </c>
      <c r="J3214" s="98" t="s">
        <v>400</v>
      </c>
      <c r="K3214" s="98" t="s">
        <v>400</v>
      </c>
      <c r="L3214" s="98" t="s">
        <v>400</v>
      </c>
      <c r="M3214" s="98" t="s">
        <v>400</v>
      </c>
      <c r="N3214" s="98" t="s">
        <v>400</v>
      </c>
      <c r="O3214" s="98" t="s">
        <v>400</v>
      </c>
      <c r="P3214" s="98" t="s">
        <v>400</v>
      </c>
      <c r="Q3214" s="98" t="s">
        <v>400</v>
      </c>
      <c r="R3214" s="98" t="s">
        <v>400</v>
      </c>
      <c r="S3214" s="98" t="s">
        <v>400</v>
      </c>
      <c r="T3214" s="98" t="s">
        <v>400</v>
      </c>
      <c r="U3214" s="128"/>
      <c r="V3214" s="128"/>
      <c r="W3214" s="128"/>
      <c r="X3214" s="128"/>
      <c r="Y3214" s="128"/>
      <c r="Z3214" s="128"/>
      <c r="AA3214" s="128"/>
      <c r="AB3214" s="128"/>
      <c r="AC3214" s="128"/>
      <c r="AD3214" s="128"/>
      <c r="AE3214" s="128"/>
      <c r="AF3214" s="128"/>
      <c r="AG3214" s="128"/>
      <c r="AH3214" s="128"/>
      <c r="AI3214" s="128"/>
      <c r="AJ3214" s="128"/>
      <c r="AK3214" s="128"/>
      <c r="AL3214" s="128"/>
      <c r="AM3214" s="128"/>
      <c r="AN3214" s="128"/>
      <c r="AO3214" s="128"/>
      <c r="AP3214" s="128"/>
      <c r="AQ3214" s="128"/>
      <c r="AR3214" s="128"/>
      <c r="AS3214" s="128"/>
      <c r="AT3214" s="128"/>
      <c r="AU3214" s="128"/>
      <c r="AV3214" s="128"/>
      <c r="AW3214" s="128"/>
      <c r="AX3214" s="128"/>
      <c r="AY3214" s="128"/>
      <c r="AZ3214" s="128"/>
      <c r="BA3214" s="128"/>
      <c r="BB3214" s="107">
        <v>45884</v>
      </c>
    </row>
    <row r="3215" spans="1:54" s="8" customFormat="1" ht="13.95" customHeight="1" x14ac:dyDescent="0.25">
      <c r="A3215" s="219" t="s">
        <v>7294</v>
      </c>
      <c r="B3215" s="220" t="s">
        <v>6395</v>
      </c>
      <c r="C3215" s="98" t="s">
        <v>7295</v>
      </c>
      <c r="D3215" s="98" t="s">
        <v>20914</v>
      </c>
      <c r="E3215" s="141">
        <v>1987</v>
      </c>
      <c r="F3215" s="141">
        <v>1008</v>
      </c>
      <c r="G3215" s="98" t="s">
        <v>1</v>
      </c>
      <c r="H3215" s="98">
        <v>0</v>
      </c>
      <c r="I3215" s="98">
        <v>0</v>
      </c>
      <c r="J3215" s="98" t="s">
        <v>400</v>
      </c>
      <c r="K3215" s="98" t="s">
        <v>400</v>
      </c>
      <c r="L3215" s="98" t="s">
        <v>400</v>
      </c>
      <c r="M3215" s="98" t="s">
        <v>400</v>
      </c>
      <c r="N3215" s="98" t="s">
        <v>400</v>
      </c>
      <c r="O3215" s="98" t="s">
        <v>400</v>
      </c>
      <c r="P3215" s="98" t="s">
        <v>400</v>
      </c>
      <c r="Q3215" s="98" t="s">
        <v>400</v>
      </c>
      <c r="R3215" s="98" t="s">
        <v>400</v>
      </c>
      <c r="S3215" s="98" t="s">
        <v>400</v>
      </c>
      <c r="T3215" s="98" t="s">
        <v>400</v>
      </c>
      <c r="U3215" s="128"/>
      <c r="V3215" s="128"/>
      <c r="W3215" s="128"/>
      <c r="X3215" s="128"/>
      <c r="Y3215" s="128"/>
      <c r="Z3215" s="128"/>
      <c r="AA3215" s="128"/>
      <c r="AB3215" s="128"/>
      <c r="AC3215" s="128"/>
      <c r="AD3215" s="128"/>
      <c r="AE3215" s="128"/>
      <c r="AF3215" s="128"/>
      <c r="AG3215" s="128"/>
      <c r="AH3215" s="128"/>
      <c r="AI3215" s="128"/>
      <c r="AJ3215" s="128"/>
      <c r="AK3215" s="128"/>
      <c r="AL3215" s="128"/>
      <c r="AM3215" s="128"/>
      <c r="AN3215" s="128"/>
      <c r="AO3215" s="128"/>
      <c r="AP3215" s="128"/>
      <c r="AQ3215" s="128"/>
      <c r="AR3215" s="128"/>
      <c r="AS3215" s="128"/>
      <c r="AT3215" s="128"/>
      <c r="AU3215" s="128"/>
      <c r="AV3215" s="128"/>
      <c r="AW3215" s="128"/>
      <c r="AX3215" s="128"/>
      <c r="AY3215" s="128"/>
      <c r="AZ3215" s="128"/>
      <c r="BA3215" s="128"/>
      <c r="BB3215" s="107">
        <v>45884</v>
      </c>
    </row>
    <row r="3216" spans="1:54" s="8" customFormat="1" ht="13.95" customHeight="1" x14ac:dyDescent="0.25">
      <c r="A3216" s="219" t="s">
        <v>7296</v>
      </c>
      <c r="B3216" s="220" t="s">
        <v>6395</v>
      </c>
      <c r="C3216" s="98" t="s">
        <v>7297</v>
      </c>
      <c r="D3216" s="98" t="s">
        <v>20915</v>
      </c>
      <c r="E3216" s="141">
        <v>1984</v>
      </c>
      <c r="F3216" s="141">
        <v>1012</v>
      </c>
      <c r="G3216" s="98" t="s">
        <v>1</v>
      </c>
      <c r="H3216" s="98">
        <v>0</v>
      </c>
      <c r="I3216" s="98">
        <v>0</v>
      </c>
      <c r="J3216" s="98" t="s">
        <v>400</v>
      </c>
      <c r="K3216" s="98" t="s">
        <v>400</v>
      </c>
      <c r="L3216" s="98" t="s">
        <v>400</v>
      </c>
      <c r="M3216" s="98" t="s">
        <v>400</v>
      </c>
      <c r="N3216" s="98" t="s">
        <v>400</v>
      </c>
      <c r="O3216" s="98" t="s">
        <v>400</v>
      </c>
      <c r="P3216" s="98" t="s">
        <v>400</v>
      </c>
      <c r="Q3216" s="98" t="s">
        <v>400</v>
      </c>
      <c r="R3216" s="98" t="s">
        <v>400</v>
      </c>
      <c r="S3216" s="98" t="s">
        <v>400</v>
      </c>
      <c r="T3216" s="98" t="s">
        <v>400</v>
      </c>
      <c r="U3216" s="128"/>
      <c r="V3216" s="128"/>
      <c r="W3216" s="128"/>
      <c r="X3216" s="128"/>
      <c r="Y3216" s="128"/>
      <c r="Z3216" s="128"/>
      <c r="AA3216" s="128"/>
      <c r="AB3216" s="128"/>
      <c r="AC3216" s="128"/>
      <c r="AD3216" s="128"/>
      <c r="AE3216" s="128"/>
      <c r="AF3216" s="128"/>
      <c r="AG3216" s="128"/>
      <c r="AH3216" s="128"/>
      <c r="AI3216" s="128"/>
      <c r="AJ3216" s="128"/>
      <c r="AK3216" s="128"/>
      <c r="AL3216" s="128"/>
      <c r="AM3216" s="128"/>
      <c r="AN3216" s="128"/>
      <c r="AO3216" s="128"/>
      <c r="AP3216" s="128"/>
      <c r="AQ3216" s="128"/>
      <c r="AR3216" s="128"/>
      <c r="AS3216" s="128"/>
      <c r="AT3216" s="128"/>
      <c r="AU3216" s="128"/>
      <c r="AV3216" s="128"/>
      <c r="AW3216" s="128"/>
      <c r="AX3216" s="128"/>
      <c r="AY3216" s="128"/>
      <c r="AZ3216" s="128"/>
      <c r="BA3216" s="128"/>
      <c r="BB3216" s="107">
        <v>45884</v>
      </c>
    </row>
    <row r="3217" spans="1:54" s="8" customFormat="1" ht="13.95" customHeight="1" x14ac:dyDescent="0.25">
      <c r="A3217" s="219" t="s">
        <v>7298</v>
      </c>
      <c r="B3217" s="220" t="s">
        <v>6395</v>
      </c>
      <c r="C3217" s="98" t="s">
        <v>7299</v>
      </c>
      <c r="D3217" s="98" t="s">
        <v>20916</v>
      </c>
      <c r="E3217" s="141">
        <v>1977</v>
      </c>
      <c r="F3217" s="141">
        <v>1013</v>
      </c>
      <c r="G3217" s="98" t="s">
        <v>1</v>
      </c>
      <c r="H3217" s="98">
        <v>0</v>
      </c>
      <c r="I3217" s="98">
        <v>0</v>
      </c>
      <c r="J3217" s="98" t="s">
        <v>400</v>
      </c>
      <c r="K3217" s="98" t="s">
        <v>400</v>
      </c>
      <c r="L3217" s="98" t="s">
        <v>400</v>
      </c>
      <c r="M3217" s="98" t="s">
        <v>400</v>
      </c>
      <c r="N3217" s="98" t="s">
        <v>400</v>
      </c>
      <c r="O3217" s="98" t="s">
        <v>400</v>
      </c>
      <c r="P3217" s="98" t="s">
        <v>400</v>
      </c>
      <c r="Q3217" s="98" t="s">
        <v>400</v>
      </c>
      <c r="R3217" s="98" t="s">
        <v>400</v>
      </c>
      <c r="S3217" s="98" t="s">
        <v>400</v>
      </c>
      <c r="T3217" s="98" t="s">
        <v>400</v>
      </c>
      <c r="U3217" s="128"/>
      <c r="V3217" s="128"/>
      <c r="W3217" s="128"/>
      <c r="X3217" s="128"/>
      <c r="Y3217" s="128"/>
      <c r="Z3217" s="128"/>
      <c r="AA3217" s="128"/>
      <c r="AB3217" s="128"/>
      <c r="AC3217" s="128"/>
      <c r="AD3217" s="128"/>
      <c r="AE3217" s="128"/>
      <c r="AF3217" s="128"/>
      <c r="AG3217" s="128"/>
      <c r="AH3217" s="128"/>
      <c r="AI3217" s="128"/>
      <c r="AJ3217" s="128"/>
      <c r="AK3217" s="128"/>
      <c r="AL3217" s="128"/>
      <c r="AM3217" s="128"/>
      <c r="AN3217" s="128"/>
      <c r="AO3217" s="128"/>
      <c r="AP3217" s="128"/>
      <c r="AQ3217" s="128"/>
      <c r="AR3217" s="128"/>
      <c r="AS3217" s="128"/>
      <c r="AT3217" s="128"/>
      <c r="AU3217" s="128"/>
      <c r="AV3217" s="128"/>
      <c r="AW3217" s="128"/>
      <c r="AX3217" s="128"/>
      <c r="AY3217" s="128"/>
      <c r="AZ3217" s="128"/>
      <c r="BA3217" s="128"/>
      <c r="BB3217" s="107">
        <v>45884</v>
      </c>
    </row>
    <row r="3218" spans="1:54" s="8" customFormat="1" ht="13.95" customHeight="1" x14ac:dyDescent="0.25">
      <c r="A3218" s="219" t="s">
        <v>7300</v>
      </c>
      <c r="B3218" s="220" t="s">
        <v>6395</v>
      </c>
      <c r="C3218" s="98" t="s">
        <v>7301</v>
      </c>
      <c r="D3218" s="98" t="s">
        <v>20917</v>
      </c>
      <c r="E3218" s="141">
        <v>1975</v>
      </c>
      <c r="F3218" s="141">
        <v>1018</v>
      </c>
      <c r="G3218" s="98" t="s">
        <v>1</v>
      </c>
      <c r="H3218" s="98">
        <v>0</v>
      </c>
      <c r="I3218" s="98">
        <v>0</v>
      </c>
      <c r="J3218" s="98" t="s">
        <v>400</v>
      </c>
      <c r="K3218" s="98" t="s">
        <v>400</v>
      </c>
      <c r="L3218" s="98" t="s">
        <v>400</v>
      </c>
      <c r="M3218" s="98" t="s">
        <v>400</v>
      </c>
      <c r="N3218" s="98" t="s">
        <v>400</v>
      </c>
      <c r="O3218" s="98" t="s">
        <v>400</v>
      </c>
      <c r="P3218" s="98" t="s">
        <v>400</v>
      </c>
      <c r="Q3218" s="98" t="s">
        <v>400</v>
      </c>
      <c r="R3218" s="98" t="s">
        <v>400</v>
      </c>
      <c r="S3218" s="98" t="s">
        <v>400</v>
      </c>
      <c r="T3218" s="98" t="s">
        <v>400</v>
      </c>
      <c r="U3218" s="128"/>
      <c r="V3218" s="128"/>
      <c r="W3218" s="128"/>
      <c r="X3218" s="128"/>
      <c r="Y3218" s="128"/>
      <c r="Z3218" s="128"/>
      <c r="AA3218" s="128"/>
      <c r="AB3218" s="128"/>
      <c r="AC3218" s="128"/>
      <c r="AD3218" s="128"/>
      <c r="AE3218" s="128"/>
      <c r="AF3218" s="128"/>
      <c r="AG3218" s="128"/>
      <c r="AH3218" s="128"/>
      <c r="AI3218" s="128"/>
      <c r="AJ3218" s="128"/>
      <c r="AK3218" s="128"/>
      <c r="AL3218" s="128"/>
      <c r="AM3218" s="128"/>
      <c r="AN3218" s="128"/>
      <c r="AO3218" s="128"/>
      <c r="AP3218" s="128"/>
      <c r="AQ3218" s="128"/>
      <c r="AR3218" s="128"/>
      <c r="AS3218" s="128"/>
      <c r="AT3218" s="128"/>
      <c r="AU3218" s="128"/>
      <c r="AV3218" s="128"/>
      <c r="AW3218" s="128"/>
      <c r="AX3218" s="128"/>
      <c r="AY3218" s="128"/>
      <c r="AZ3218" s="128"/>
      <c r="BA3218" s="128"/>
      <c r="BB3218" s="107">
        <v>45884</v>
      </c>
    </row>
    <row r="3219" spans="1:54" s="8" customFormat="1" ht="13.95" customHeight="1" x14ac:dyDescent="0.25">
      <c r="A3219" s="219" t="s">
        <v>7302</v>
      </c>
      <c r="B3219" s="220" t="s">
        <v>6395</v>
      </c>
      <c r="C3219" s="98" t="s">
        <v>7303</v>
      </c>
      <c r="D3219" s="98" t="s">
        <v>20918</v>
      </c>
      <c r="E3219" s="141">
        <v>1985</v>
      </c>
      <c r="F3219" s="141">
        <v>1018</v>
      </c>
      <c r="G3219" s="98" t="s">
        <v>1</v>
      </c>
      <c r="H3219" s="98">
        <v>0</v>
      </c>
      <c r="I3219" s="98">
        <v>0</v>
      </c>
      <c r="J3219" s="98" t="s">
        <v>400</v>
      </c>
      <c r="K3219" s="98" t="s">
        <v>400</v>
      </c>
      <c r="L3219" s="98" t="s">
        <v>400</v>
      </c>
      <c r="M3219" s="98" t="s">
        <v>400</v>
      </c>
      <c r="N3219" s="98" t="s">
        <v>400</v>
      </c>
      <c r="O3219" s="98" t="s">
        <v>400</v>
      </c>
      <c r="P3219" s="98" t="s">
        <v>400</v>
      </c>
      <c r="Q3219" s="98" t="s">
        <v>400</v>
      </c>
      <c r="R3219" s="98" t="s">
        <v>400</v>
      </c>
      <c r="S3219" s="98" t="s">
        <v>400</v>
      </c>
      <c r="T3219" s="98" t="s">
        <v>400</v>
      </c>
      <c r="U3219" s="128"/>
      <c r="V3219" s="128"/>
      <c r="W3219" s="128"/>
      <c r="X3219" s="128"/>
      <c r="Y3219" s="128"/>
      <c r="Z3219" s="128"/>
      <c r="AA3219" s="128"/>
      <c r="AB3219" s="128"/>
      <c r="AC3219" s="128"/>
      <c r="AD3219" s="128"/>
      <c r="AE3219" s="128"/>
      <c r="AF3219" s="128"/>
      <c r="AG3219" s="128"/>
      <c r="AH3219" s="128"/>
      <c r="AI3219" s="128"/>
      <c r="AJ3219" s="128"/>
      <c r="AK3219" s="128"/>
      <c r="AL3219" s="128"/>
      <c r="AM3219" s="128"/>
      <c r="AN3219" s="128"/>
      <c r="AO3219" s="128"/>
      <c r="AP3219" s="128"/>
      <c r="AQ3219" s="128"/>
      <c r="AR3219" s="128"/>
      <c r="AS3219" s="128"/>
      <c r="AT3219" s="128"/>
      <c r="AU3219" s="128"/>
      <c r="AV3219" s="128"/>
      <c r="AW3219" s="128"/>
      <c r="AX3219" s="128"/>
      <c r="AY3219" s="128"/>
      <c r="AZ3219" s="128"/>
      <c r="BA3219" s="128"/>
      <c r="BB3219" s="107">
        <v>45884</v>
      </c>
    </row>
    <row r="3220" spans="1:54" s="8" customFormat="1" ht="13.95" customHeight="1" x14ac:dyDescent="0.25">
      <c r="A3220" s="219" t="s">
        <v>7304</v>
      </c>
      <c r="B3220" s="220" t="s">
        <v>6395</v>
      </c>
      <c r="C3220" s="98" t="s">
        <v>7305</v>
      </c>
      <c r="D3220" s="98" t="s">
        <v>20919</v>
      </c>
      <c r="E3220" s="141">
        <v>1965</v>
      </c>
      <c r="F3220" s="141">
        <v>1019</v>
      </c>
      <c r="G3220" s="98" t="s">
        <v>1</v>
      </c>
      <c r="H3220" s="98">
        <v>0</v>
      </c>
      <c r="I3220" s="98">
        <v>0</v>
      </c>
      <c r="J3220" s="98" t="s">
        <v>400</v>
      </c>
      <c r="K3220" s="98" t="s">
        <v>400</v>
      </c>
      <c r="L3220" s="98" t="s">
        <v>400</v>
      </c>
      <c r="M3220" s="98" t="s">
        <v>400</v>
      </c>
      <c r="N3220" s="98" t="s">
        <v>400</v>
      </c>
      <c r="O3220" s="98" t="s">
        <v>400</v>
      </c>
      <c r="P3220" s="98" t="s">
        <v>400</v>
      </c>
      <c r="Q3220" s="98" t="s">
        <v>400</v>
      </c>
      <c r="R3220" s="98" t="s">
        <v>400</v>
      </c>
      <c r="S3220" s="98" t="s">
        <v>400</v>
      </c>
      <c r="T3220" s="98" t="s">
        <v>400</v>
      </c>
      <c r="U3220" s="128"/>
      <c r="V3220" s="128"/>
      <c r="W3220" s="128"/>
      <c r="X3220" s="128"/>
      <c r="Y3220" s="128"/>
      <c r="Z3220" s="128"/>
      <c r="AA3220" s="128"/>
      <c r="AB3220" s="128"/>
      <c r="AC3220" s="128"/>
      <c r="AD3220" s="128"/>
      <c r="AE3220" s="128"/>
      <c r="AF3220" s="128"/>
      <c r="AG3220" s="128"/>
      <c r="AH3220" s="128"/>
      <c r="AI3220" s="128"/>
      <c r="AJ3220" s="128"/>
      <c r="AK3220" s="128"/>
      <c r="AL3220" s="128"/>
      <c r="AM3220" s="128"/>
      <c r="AN3220" s="128"/>
      <c r="AO3220" s="128"/>
      <c r="AP3220" s="128"/>
      <c r="AQ3220" s="128"/>
      <c r="AR3220" s="128"/>
      <c r="AS3220" s="128"/>
      <c r="AT3220" s="128"/>
      <c r="AU3220" s="128"/>
      <c r="AV3220" s="128"/>
      <c r="AW3220" s="128"/>
      <c r="AX3220" s="128"/>
      <c r="AY3220" s="128"/>
      <c r="AZ3220" s="128"/>
      <c r="BA3220" s="128"/>
      <c r="BB3220" s="107">
        <v>45884</v>
      </c>
    </row>
    <row r="3221" spans="1:54" s="8" customFormat="1" ht="13.95" customHeight="1" x14ac:dyDescent="0.25">
      <c r="A3221" s="219" t="s">
        <v>7306</v>
      </c>
      <c r="B3221" s="220" t="s">
        <v>6395</v>
      </c>
      <c r="C3221" s="98" t="s">
        <v>7307</v>
      </c>
      <c r="D3221" s="98" t="s">
        <v>20920</v>
      </c>
      <c r="E3221" s="141">
        <v>1984</v>
      </c>
      <c r="F3221" s="141">
        <v>1021</v>
      </c>
      <c r="G3221" s="98" t="s">
        <v>1</v>
      </c>
      <c r="H3221" s="98">
        <v>0</v>
      </c>
      <c r="I3221" s="98">
        <v>0</v>
      </c>
      <c r="J3221" s="98" t="s">
        <v>400</v>
      </c>
      <c r="K3221" s="98" t="s">
        <v>400</v>
      </c>
      <c r="L3221" s="98" t="s">
        <v>400</v>
      </c>
      <c r="M3221" s="98" t="s">
        <v>400</v>
      </c>
      <c r="N3221" s="98" t="s">
        <v>400</v>
      </c>
      <c r="O3221" s="98" t="s">
        <v>400</v>
      </c>
      <c r="P3221" s="98" t="s">
        <v>400</v>
      </c>
      <c r="Q3221" s="98" t="s">
        <v>400</v>
      </c>
      <c r="R3221" s="98" t="s">
        <v>400</v>
      </c>
      <c r="S3221" s="98" t="s">
        <v>400</v>
      </c>
      <c r="T3221" s="98" t="s">
        <v>400</v>
      </c>
      <c r="U3221" s="128"/>
      <c r="V3221" s="128"/>
      <c r="W3221" s="128"/>
      <c r="X3221" s="128"/>
      <c r="Y3221" s="128"/>
      <c r="Z3221" s="128"/>
      <c r="AA3221" s="128"/>
      <c r="AB3221" s="128"/>
      <c r="AC3221" s="128"/>
      <c r="AD3221" s="128"/>
      <c r="AE3221" s="128"/>
      <c r="AF3221" s="128"/>
      <c r="AG3221" s="128"/>
      <c r="AH3221" s="128"/>
      <c r="AI3221" s="128"/>
      <c r="AJ3221" s="128"/>
      <c r="AK3221" s="128"/>
      <c r="AL3221" s="128"/>
      <c r="AM3221" s="128"/>
      <c r="AN3221" s="128"/>
      <c r="AO3221" s="128"/>
      <c r="AP3221" s="128"/>
      <c r="AQ3221" s="128"/>
      <c r="AR3221" s="128"/>
      <c r="AS3221" s="128"/>
      <c r="AT3221" s="128"/>
      <c r="AU3221" s="128"/>
      <c r="AV3221" s="128"/>
      <c r="AW3221" s="128"/>
      <c r="AX3221" s="128"/>
      <c r="AY3221" s="128"/>
      <c r="AZ3221" s="128"/>
      <c r="BA3221" s="128"/>
      <c r="BB3221" s="107">
        <v>45884</v>
      </c>
    </row>
    <row r="3222" spans="1:54" s="8" customFormat="1" ht="13.95" customHeight="1" x14ac:dyDescent="0.25">
      <c r="A3222" s="219" t="s">
        <v>7308</v>
      </c>
      <c r="B3222" s="220" t="s">
        <v>6395</v>
      </c>
      <c r="C3222" s="98" t="s">
        <v>7309</v>
      </c>
      <c r="D3222" s="98" t="s">
        <v>20921</v>
      </c>
      <c r="E3222" s="141">
        <v>1974</v>
      </c>
      <c r="F3222" s="141">
        <v>1022</v>
      </c>
      <c r="G3222" s="98" t="s">
        <v>1</v>
      </c>
      <c r="H3222" s="98">
        <v>0</v>
      </c>
      <c r="I3222" s="98">
        <v>0</v>
      </c>
      <c r="J3222" s="98" t="s">
        <v>400</v>
      </c>
      <c r="K3222" s="98" t="s">
        <v>400</v>
      </c>
      <c r="L3222" s="98" t="s">
        <v>400</v>
      </c>
      <c r="M3222" s="98" t="s">
        <v>400</v>
      </c>
      <c r="N3222" s="98" t="s">
        <v>400</v>
      </c>
      <c r="O3222" s="98" t="s">
        <v>400</v>
      </c>
      <c r="P3222" s="98" t="s">
        <v>400</v>
      </c>
      <c r="Q3222" s="98" t="s">
        <v>400</v>
      </c>
      <c r="R3222" s="98" t="s">
        <v>400</v>
      </c>
      <c r="S3222" s="98" t="s">
        <v>400</v>
      </c>
      <c r="T3222" s="98" t="s">
        <v>400</v>
      </c>
      <c r="U3222" s="128"/>
      <c r="V3222" s="128"/>
      <c r="W3222" s="128"/>
      <c r="X3222" s="128"/>
      <c r="Y3222" s="128"/>
      <c r="Z3222" s="128"/>
      <c r="AA3222" s="128"/>
      <c r="AB3222" s="128"/>
      <c r="AC3222" s="128"/>
      <c r="AD3222" s="128"/>
      <c r="AE3222" s="128"/>
      <c r="AF3222" s="128"/>
      <c r="AG3222" s="128"/>
      <c r="AH3222" s="128"/>
      <c r="AI3222" s="128"/>
      <c r="AJ3222" s="128"/>
      <c r="AK3222" s="128"/>
      <c r="AL3222" s="128"/>
      <c r="AM3222" s="128"/>
      <c r="AN3222" s="128"/>
      <c r="AO3222" s="128"/>
      <c r="AP3222" s="128"/>
      <c r="AQ3222" s="128"/>
      <c r="AR3222" s="128"/>
      <c r="AS3222" s="128"/>
      <c r="AT3222" s="128"/>
      <c r="AU3222" s="128"/>
      <c r="AV3222" s="128"/>
      <c r="AW3222" s="128"/>
      <c r="AX3222" s="128"/>
      <c r="AY3222" s="128"/>
      <c r="AZ3222" s="128"/>
      <c r="BA3222" s="128"/>
      <c r="BB3222" s="107">
        <v>45884</v>
      </c>
    </row>
    <row r="3223" spans="1:54" s="8" customFormat="1" ht="13.95" customHeight="1" x14ac:dyDescent="0.25">
      <c r="A3223" s="219" t="s">
        <v>7310</v>
      </c>
      <c r="B3223" s="220" t="s">
        <v>6395</v>
      </c>
      <c r="C3223" s="98" t="s">
        <v>7311</v>
      </c>
      <c r="D3223" s="98" t="s">
        <v>20922</v>
      </c>
      <c r="E3223" s="141">
        <v>1985</v>
      </c>
      <c r="F3223" s="141">
        <v>1023</v>
      </c>
      <c r="G3223" s="98" t="s">
        <v>8</v>
      </c>
      <c r="H3223" s="98">
        <v>0</v>
      </c>
      <c r="I3223" s="98">
        <v>0</v>
      </c>
      <c r="J3223" s="98" t="s">
        <v>400</v>
      </c>
      <c r="K3223" s="98" t="s">
        <v>400</v>
      </c>
      <c r="L3223" s="98" t="s">
        <v>400</v>
      </c>
      <c r="M3223" s="98" t="s">
        <v>400</v>
      </c>
      <c r="N3223" s="98" t="s">
        <v>400</v>
      </c>
      <c r="O3223" s="98" t="s">
        <v>400</v>
      </c>
      <c r="P3223" s="98" t="s">
        <v>400</v>
      </c>
      <c r="Q3223" s="98" t="s">
        <v>400</v>
      </c>
      <c r="R3223" s="98" t="s">
        <v>400</v>
      </c>
      <c r="S3223" s="98" t="s">
        <v>400</v>
      </c>
      <c r="T3223" s="98" t="s">
        <v>400</v>
      </c>
      <c r="U3223" s="98">
        <v>0</v>
      </c>
      <c r="V3223" s="98">
        <v>0</v>
      </c>
      <c r="W3223" s="98" t="s">
        <v>400</v>
      </c>
      <c r="X3223" s="98">
        <v>0</v>
      </c>
      <c r="Y3223" s="98">
        <v>0</v>
      </c>
      <c r="Z3223" s="98">
        <v>0</v>
      </c>
      <c r="AA3223" s="98" t="s">
        <v>400</v>
      </c>
      <c r="AB3223" s="98">
        <v>0</v>
      </c>
      <c r="AC3223" s="98">
        <v>0</v>
      </c>
      <c r="AD3223" s="98">
        <v>0</v>
      </c>
      <c r="AE3223" s="98">
        <v>0</v>
      </c>
      <c r="AF3223" s="98">
        <v>0</v>
      </c>
      <c r="AG3223" s="98">
        <v>0</v>
      </c>
      <c r="AH3223" s="98">
        <v>0</v>
      </c>
      <c r="AI3223" s="98">
        <v>0</v>
      </c>
      <c r="AJ3223" s="98">
        <v>0</v>
      </c>
      <c r="AK3223" s="98">
        <v>0</v>
      </c>
      <c r="AL3223" s="98">
        <v>0</v>
      </c>
      <c r="AM3223" s="98">
        <v>0</v>
      </c>
      <c r="AN3223" s="98">
        <v>0</v>
      </c>
      <c r="AO3223" s="98">
        <v>0</v>
      </c>
      <c r="AP3223" s="98">
        <v>0</v>
      </c>
      <c r="AQ3223" s="98">
        <v>0</v>
      </c>
      <c r="AR3223" s="98">
        <v>0</v>
      </c>
      <c r="AS3223" s="98">
        <v>0</v>
      </c>
      <c r="AT3223" s="129">
        <v>0</v>
      </c>
      <c r="AU3223" s="98">
        <v>0</v>
      </c>
      <c r="AV3223" s="98">
        <v>0</v>
      </c>
      <c r="AW3223" s="98">
        <v>0</v>
      </c>
      <c r="AX3223" s="98"/>
      <c r="AY3223" s="98"/>
      <c r="AZ3223" s="98"/>
      <c r="BA3223" s="98"/>
      <c r="BB3223" s="107">
        <v>45884</v>
      </c>
    </row>
    <row r="3224" spans="1:54" s="8" customFormat="1" ht="13.95" customHeight="1" x14ac:dyDescent="0.25">
      <c r="A3224" s="219" t="s">
        <v>7312</v>
      </c>
      <c r="B3224" s="220" t="s">
        <v>6395</v>
      </c>
      <c r="C3224" s="98" t="s">
        <v>7313</v>
      </c>
      <c r="D3224" s="98" t="s">
        <v>20923</v>
      </c>
      <c r="E3224" s="141">
        <v>2007</v>
      </c>
      <c r="F3224" s="141">
        <v>1028</v>
      </c>
      <c r="G3224" s="98" t="s">
        <v>1</v>
      </c>
      <c r="H3224" s="98">
        <v>0</v>
      </c>
      <c r="I3224" s="98">
        <v>0</v>
      </c>
      <c r="J3224" s="98" t="s">
        <v>400</v>
      </c>
      <c r="K3224" s="98" t="s">
        <v>400</v>
      </c>
      <c r="L3224" s="98" t="s">
        <v>400</v>
      </c>
      <c r="M3224" s="98" t="s">
        <v>400</v>
      </c>
      <c r="N3224" s="98" t="s">
        <v>400</v>
      </c>
      <c r="O3224" s="98" t="s">
        <v>400</v>
      </c>
      <c r="P3224" s="98" t="s">
        <v>400</v>
      </c>
      <c r="Q3224" s="98" t="s">
        <v>400</v>
      </c>
      <c r="R3224" s="98" t="s">
        <v>400</v>
      </c>
      <c r="S3224" s="98" t="s">
        <v>400</v>
      </c>
      <c r="T3224" s="98" t="s">
        <v>400</v>
      </c>
      <c r="U3224" s="128"/>
      <c r="V3224" s="128"/>
      <c r="W3224" s="128"/>
      <c r="X3224" s="128"/>
      <c r="Y3224" s="128"/>
      <c r="Z3224" s="128"/>
      <c r="AA3224" s="128"/>
      <c r="AB3224" s="128"/>
      <c r="AC3224" s="128"/>
      <c r="AD3224" s="128"/>
      <c r="AE3224" s="128"/>
      <c r="AF3224" s="128"/>
      <c r="AG3224" s="128"/>
      <c r="AH3224" s="128"/>
      <c r="AI3224" s="128"/>
      <c r="AJ3224" s="128"/>
      <c r="AK3224" s="128"/>
      <c r="AL3224" s="128"/>
      <c r="AM3224" s="128"/>
      <c r="AN3224" s="128"/>
      <c r="AO3224" s="128"/>
      <c r="AP3224" s="128"/>
      <c r="AQ3224" s="128"/>
      <c r="AR3224" s="128"/>
      <c r="AS3224" s="128"/>
      <c r="AT3224" s="128"/>
      <c r="AU3224" s="128"/>
      <c r="AV3224" s="128"/>
      <c r="AW3224" s="128"/>
      <c r="AX3224" s="128"/>
      <c r="AY3224" s="128"/>
      <c r="AZ3224" s="128"/>
      <c r="BA3224" s="128"/>
      <c r="BB3224" s="107">
        <v>45884</v>
      </c>
    </row>
    <row r="3225" spans="1:54" s="8" customFormat="1" ht="13.95" customHeight="1" x14ac:dyDescent="0.25">
      <c r="A3225" s="219" t="s">
        <v>7314</v>
      </c>
      <c r="B3225" s="220" t="s">
        <v>6395</v>
      </c>
      <c r="C3225" s="98" t="s">
        <v>22162</v>
      </c>
      <c r="D3225" s="98" t="s">
        <v>20924</v>
      </c>
      <c r="E3225" s="141">
        <v>1975</v>
      </c>
      <c r="F3225" s="141">
        <v>1029</v>
      </c>
      <c r="G3225" s="98" t="s">
        <v>1</v>
      </c>
      <c r="H3225" s="98">
        <v>0</v>
      </c>
      <c r="I3225" s="98">
        <v>0</v>
      </c>
      <c r="J3225" s="98" t="s">
        <v>400</v>
      </c>
      <c r="K3225" s="98" t="s">
        <v>400</v>
      </c>
      <c r="L3225" s="98" t="s">
        <v>400</v>
      </c>
      <c r="M3225" s="98" t="s">
        <v>400</v>
      </c>
      <c r="N3225" s="98" t="s">
        <v>400</v>
      </c>
      <c r="O3225" s="98" t="s">
        <v>400</v>
      </c>
      <c r="P3225" s="98" t="s">
        <v>400</v>
      </c>
      <c r="Q3225" s="98" t="s">
        <v>400</v>
      </c>
      <c r="R3225" s="98" t="s">
        <v>400</v>
      </c>
      <c r="S3225" s="98" t="s">
        <v>400</v>
      </c>
      <c r="T3225" s="98" t="s">
        <v>400</v>
      </c>
      <c r="U3225" s="128"/>
      <c r="V3225" s="128"/>
      <c r="W3225" s="128"/>
      <c r="X3225" s="128"/>
      <c r="Y3225" s="128"/>
      <c r="Z3225" s="128"/>
      <c r="AA3225" s="128"/>
      <c r="AB3225" s="128"/>
      <c r="AC3225" s="128"/>
      <c r="AD3225" s="128"/>
      <c r="AE3225" s="128"/>
      <c r="AF3225" s="128"/>
      <c r="AG3225" s="128"/>
      <c r="AH3225" s="128"/>
      <c r="AI3225" s="128"/>
      <c r="AJ3225" s="128"/>
      <c r="AK3225" s="128"/>
      <c r="AL3225" s="128"/>
      <c r="AM3225" s="128"/>
      <c r="AN3225" s="128"/>
      <c r="AO3225" s="128"/>
      <c r="AP3225" s="128"/>
      <c r="AQ3225" s="128"/>
      <c r="AR3225" s="128"/>
      <c r="AS3225" s="128"/>
      <c r="AT3225" s="128"/>
      <c r="AU3225" s="128"/>
      <c r="AV3225" s="128"/>
      <c r="AW3225" s="128"/>
      <c r="AX3225" s="128"/>
      <c r="AY3225" s="128"/>
      <c r="AZ3225" s="128"/>
      <c r="BA3225" s="128"/>
      <c r="BB3225" s="107">
        <v>45884</v>
      </c>
    </row>
    <row r="3226" spans="1:54" s="8" customFormat="1" ht="13.95" customHeight="1" x14ac:dyDescent="0.25">
      <c r="A3226" s="219" t="s">
        <v>7315</v>
      </c>
      <c r="B3226" s="220" t="s">
        <v>6395</v>
      </c>
      <c r="C3226" s="98" t="s">
        <v>7316</v>
      </c>
      <c r="D3226" s="98" t="s">
        <v>20925</v>
      </c>
      <c r="E3226" s="141">
        <v>1999</v>
      </c>
      <c r="F3226" s="141">
        <v>1031</v>
      </c>
      <c r="G3226" s="98" t="s">
        <v>1</v>
      </c>
      <c r="H3226" s="98">
        <v>0</v>
      </c>
      <c r="I3226" s="98">
        <v>0</v>
      </c>
      <c r="J3226" s="98" t="s">
        <v>400</v>
      </c>
      <c r="K3226" s="98" t="s">
        <v>400</v>
      </c>
      <c r="L3226" s="98" t="s">
        <v>400</v>
      </c>
      <c r="M3226" s="98" t="s">
        <v>400</v>
      </c>
      <c r="N3226" s="98" t="s">
        <v>400</v>
      </c>
      <c r="O3226" s="98" t="s">
        <v>400</v>
      </c>
      <c r="P3226" s="98" t="s">
        <v>400</v>
      </c>
      <c r="Q3226" s="98" t="s">
        <v>400</v>
      </c>
      <c r="R3226" s="98" t="s">
        <v>400</v>
      </c>
      <c r="S3226" s="98" t="s">
        <v>400</v>
      </c>
      <c r="T3226" s="98" t="s">
        <v>400</v>
      </c>
      <c r="U3226" s="128"/>
      <c r="V3226" s="128"/>
      <c r="W3226" s="128"/>
      <c r="X3226" s="128"/>
      <c r="Y3226" s="128"/>
      <c r="Z3226" s="128"/>
      <c r="AA3226" s="128"/>
      <c r="AB3226" s="128"/>
      <c r="AC3226" s="128"/>
      <c r="AD3226" s="128"/>
      <c r="AE3226" s="128"/>
      <c r="AF3226" s="128"/>
      <c r="AG3226" s="128"/>
      <c r="AH3226" s="128"/>
      <c r="AI3226" s="128"/>
      <c r="AJ3226" s="128"/>
      <c r="AK3226" s="128"/>
      <c r="AL3226" s="128"/>
      <c r="AM3226" s="128"/>
      <c r="AN3226" s="128"/>
      <c r="AO3226" s="128"/>
      <c r="AP3226" s="128"/>
      <c r="AQ3226" s="128"/>
      <c r="AR3226" s="128"/>
      <c r="AS3226" s="128"/>
      <c r="AT3226" s="128"/>
      <c r="AU3226" s="128"/>
      <c r="AV3226" s="128"/>
      <c r="AW3226" s="128"/>
      <c r="AX3226" s="128"/>
      <c r="AY3226" s="128"/>
      <c r="AZ3226" s="128"/>
      <c r="BA3226" s="128"/>
      <c r="BB3226" s="107">
        <v>45884</v>
      </c>
    </row>
    <row r="3227" spans="1:54" s="8" customFormat="1" ht="13.95" customHeight="1" x14ac:dyDescent="0.25">
      <c r="A3227" s="219" t="s">
        <v>7317</v>
      </c>
      <c r="B3227" s="220" t="s">
        <v>6395</v>
      </c>
      <c r="C3227" s="98" t="s">
        <v>7318</v>
      </c>
      <c r="D3227" s="98" t="s">
        <v>20926</v>
      </c>
      <c r="E3227" s="141">
        <v>1982</v>
      </c>
      <c r="F3227" s="141">
        <v>1034</v>
      </c>
      <c r="G3227" s="98" t="s">
        <v>1</v>
      </c>
      <c r="H3227" s="98">
        <v>0</v>
      </c>
      <c r="I3227" s="98">
        <v>0</v>
      </c>
      <c r="J3227" s="98" t="s">
        <v>400</v>
      </c>
      <c r="K3227" s="98" t="s">
        <v>400</v>
      </c>
      <c r="L3227" s="98" t="s">
        <v>400</v>
      </c>
      <c r="M3227" s="98" t="s">
        <v>400</v>
      </c>
      <c r="N3227" s="98" t="s">
        <v>400</v>
      </c>
      <c r="O3227" s="98" t="s">
        <v>400</v>
      </c>
      <c r="P3227" s="98" t="s">
        <v>400</v>
      </c>
      <c r="Q3227" s="98" t="s">
        <v>400</v>
      </c>
      <c r="R3227" s="98" t="s">
        <v>400</v>
      </c>
      <c r="S3227" s="98" t="s">
        <v>400</v>
      </c>
      <c r="T3227" s="98" t="s">
        <v>400</v>
      </c>
      <c r="U3227" s="128"/>
      <c r="V3227" s="128"/>
      <c r="W3227" s="128"/>
      <c r="X3227" s="128"/>
      <c r="Y3227" s="128"/>
      <c r="Z3227" s="128"/>
      <c r="AA3227" s="128"/>
      <c r="AB3227" s="128"/>
      <c r="AC3227" s="128"/>
      <c r="AD3227" s="128"/>
      <c r="AE3227" s="128"/>
      <c r="AF3227" s="128"/>
      <c r="AG3227" s="128"/>
      <c r="AH3227" s="128"/>
      <c r="AI3227" s="128"/>
      <c r="AJ3227" s="128"/>
      <c r="AK3227" s="128"/>
      <c r="AL3227" s="128"/>
      <c r="AM3227" s="128"/>
      <c r="AN3227" s="128"/>
      <c r="AO3227" s="128"/>
      <c r="AP3227" s="128"/>
      <c r="AQ3227" s="128"/>
      <c r="AR3227" s="128"/>
      <c r="AS3227" s="128"/>
      <c r="AT3227" s="128"/>
      <c r="AU3227" s="128"/>
      <c r="AV3227" s="128"/>
      <c r="AW3227" s="128"/>
      <c r="AX3227" s="128"/>
      <c r="AY3227" s="128"/>
      <c r="AZ3227" s="128"/>
      <c r="BA3227" s="128"/>
      <c r="BB3227" s="107">
        <v>45884</v>
      </c>
    </row>
    <row r="3228" spans="1:54" s="8" customFormat="1" ht="13.95" customHeight="1" x14ac:dyDescent="0.25">
      <c r="A3228" s="219" t="s">
        <v>7319</v>
      </c>
      <c r="B3228" s="220" t="s">
        <v>6395</v>
      </c>
      <c r="C3228" s="98" t="s">
        <v>7320</v>
      </c>
      <c r="D3228" s="98" t="s">
        <v>20927</v>
      </c>
      <c r="E3228" s="141">
        <v>1983</v>
      </c>
      <c r="F3228" s="141">
        <v>1045</v>
      </c>
      <c r="G3228" s="98" t="s">
        <v>1</v>
      </c>
      <c r="H3228" s="98">
        <v>0</v>
      </c>
      <c r="I3228" s="98">
        <v>0</v>
      </c>
      <c r="J3228" s="98" t="s">
        <v>400</v>
      </c>
      <c r="K3228" s="98" t="s">
        <v>400</v>
      </c>
      <c r="L3228" s="98" t="s">
        <v>400</v>
      </c>
      <c r="M3228" s="98" t="s">
        <v>400</v>
      </c>
      <c r="N3228" s="98" t="s">
        <v>400</v>
      </c>
      <c r="O3228" s="98" t="s">
        <v>400</v>
      </c>
      <c r="P3228" s="98" t="s">
        <v>400</v>
      </c>
      <c r="Q3228" s="98" t="s">
        <v>400</v>
      </c>
      <c r="R3228" s="98" t="s">
        <v>400</v>
      </c>
      <c r="S3228" s="98" t="s">
        <v>400</v>
      </c>
      <c r="T3228" s="98" t="s">
        <v>400</v>
      </c>
      <c r="U3228" s="128"/>
      <c r="V3228" s="128"/>
      <c r="W3228" s="128"/>
      <c r="X3228" s="128"/>
      <c r="Y3228" s="128"/>
      <c r="Z3228" s="128"/>
      <c r="AA3228" s="128"/>
      <c r="AB3228" s="128"/>
      <c r="AC3228" s="128"/>
      <c r="AD3228" s="128"/>
      <c r="AE3228" s="128"/>
      <c r="AF3228" s="128"/>
      <c r="AG3228" s="128"/>
      <c r="AH3228" s="128"/>
      <c r="AI3228" s="128"/>
      <c r="AJ3228" s="128"/>
      <c r="AK3228" s="128"/>
      <c r="AL3228" s="128"/>
      <c r="AM3228" s="128"/>
      <c r="AN3228" s="128"/>
      <c r="AO3228" s="128"/>
      <c r="AP3228" s="128"/>
      <c r="AQ3228" s="128"/>
      <c r="AR3228" s="128"/>
      <c r="AS3228" s="128"/>
      <c r="AT3228" s="128"/>
      <c r="AU3228" s="128"/>
      <c r="AV3228" s="128"/>
      <c r="AW3228" s="128"/>
      <c r="AX3228" s="128"/>
      <c r="AY3228" s="128"/>
      <c r="AZ3228" s="128"/>
      <c r="BA3228" s="128"/>
      <c r="BB3228" s="107">
        <v>45884</v>
      </c>
    </row>
    <row r="3229" spans="1:54" s="8" customFormat="1" ht="13.95" customHeight="1" x14ac:dyDescent="0.25">
      <c r="A3229" s="219" t="s">
        <v>7321</v>
      </c>
      <c r="B3229" s="220" t="s">
        <v>6395</v>
      </c>
      <c r="C3229" s="98" t="s">
        <v>7322</v>
      </c>
      <c r="D3229" s="98" t="s">
        <v>20928</v>
      </c>
      <c r="E3229" s="141">
        <v>1957</v>
      </c>
      <c r="F3229" s="141">
        <v>1049</v>
      </c>
      <c r="G3229" s="98" t="s">
        <v>1</v>
      </c>
      <c r="H3229" s="98">
        <v>0</v>
      </c>
      <c r="I3229" s="98">
        <v>0</v>
      </c>
      <c r="J3229" s="98" t="s">
        <v>400</v>
      </c>
      <c r="K3229" s="98" t="s">
        <v>400</v>
      </c>
      <c r="L3229" s="98" t="s">
        <v>400</v>
      </c>
      <c r="M3229" s="98" t="s">
        <v>400</v>
      </c>
      <c r="N3229" s="98" t="s">
        <v>400</v>
      </c>
      <c r="O3229" s="98" t="s">
        <v>400</v>
      </c>
      <c r="P3229" s="98" t="s">
        <v>400</v>
      </c>
      <c r="Q3229" s="98" t="s">
        <v>400</v>
      </c>
      <c r="R3229" s="98" t="s">
        <v>400</v>
      </c>
      <c r="S3229" s="98" t="s">
        <v>400</v>
      </c>
      <c r="T3229" s="98" t="s">
        <v>400</v>
      </c>
      <c r="U3229" s="128"/>
      <c r="V3229" s="128"/>
      <c r="W3229" s="128"/>
      <c r="X3229" s="128"/>
      <c r="Y3229" s="128"/>
      <c r="Z3229" s="128"/>
      <c r="AA3229" s="128"/>
      <c r="AB3229" s="128"/>
      <c r="AC3229" s="128"/>
      <c r="AD3229" s="128"/>
      <c r="AE3229" s="128"/>
      <c r="AF3229" s="128"/>
      <c r="AG3229" s="128"/>
      <c r="AH3229" s="128"/>
      <c r="AI3229" s="128"/>
      <c r="AJ3229" s="128"/>
      <c r="AK3229" s="128"/>
      <c r="AL3229" s="128"/>
      <c r="AM3229" s="128"/>
      <c r="AN3229" s="128"/>
      <c r="AO3229" s="128"/>
      <c r="AP3229" s="128"/>
      <c r="AQ3229" s="128"/>
      <c r="AR3229" s="128"/>
      <c r="AS3229" s="128"/>
      <c r="AT3229" s="128"/>
      <c r="AU3229" s="128"/>
      <c r="AV3229" s="128"/>
      <c r="AW3229" s="128"/>
      <c r="AX3229" s="128"/>
      <c r="AY3229" s="128"/>
      <c r="AZ3229" s="128"/>
      <c r="BA3229" s="128"/>
      <c r="BB3229" s="107">
        <v>45884</v>
      </c>
    </row>
    <row r="3230" spans="1:54" s="8" customFormat="1" ht="13.95" customHeight="1" x14ac:dyDescent="0.25">
      <c r="A3230" s="219" t="s">
        <v>7323</v>
      </c>
      <c r="B3230" s="220" t="s">
        <v>6395</v>
      </c>
      <c r="C3230" s="98" t="s">
        <v>7324</v>
      </c>
      <c r="D3230" s="98" t="s">
        <v>20929</v>
      </c>
      <c r="E3230" s="141">
        <v>1987</v>
      </c>
      <c r="F3230" s="141">
        <v>1050</v>
      </c>
      <c r="G3230" s="98" t="s">
        <v>1</v>
      </c>
      <c r="H3230" s="98">
        <v>0</v>
      </c>
      <c r="I3230" s="98">
        <v>0</v>
      </c>
      <c r="J3230" s="98" t="s">
        <v>400</v>
      </c>
      <c r="K3230" s="98" t="s">
        <v>400</v>
      </c>
      <c r="L3230" s="98" t="s">
        <v>400</v>
      </c>
      <c r="M3230" s="98" t="s">
        <v>400</v>
      </c>
      <c r="N3230" s="98" t="s">
        <v>400</v>
      </c>
      <c r="O3230" s="98" t="s">
        <v>400</v>
      </c>
      <c r="P3230" s="98" t="s">
        <v>400</v>
      </c>
      <c r="Q3230" s="98" t="s">
        <v>400</v>
      </c>
      <c r="R3230" s="98" t="s">
        <v>400</v>
      </c>
      <c r="S3230" s="98" t="s">
        <v>400</v>
      </c>
      <c r="T3230" s="98" t="s">
        <v>400</v>
      </c>
      <c r="U3230" s="128"/>
      <c r="V3230" s="128"/>
      <c r="W3230" s="128"/>
      <c r="X3230" s="128"/>
      <c r="Y3230" s="128"/>
      <c r="Z3230" s="128"/>
      <c r="AA3230" s="128"/>
      <c r="AB3230" s="128"/>
      <c r="AC3230" s="128"/>
      <c r="AD3230" s="128"/>
      <c r="AE3230" s="128"/>
      <c r="AF3230" s="128"/>
      <c r="AG3230" s="128"/>
      <c r="AH3230" s="128"/>
      <c r="AI3230" s="128"/>
      <c r="AJ3230" s="128"/>
      <c r="AK3230" s="128"/>
      <c r="AL3230" s="128"/>
      <c r="AM3230" s="128"/>
      <c r="AN3230" s="128"/>
      <c r="AO3230" s="128"/>
      <c r="AP3230" s="128"/>
      <c r="AQ3230" s="128"/>
      <c r="AR3230" s="128"/>
      <c r="AS3230" s="128"/>
      <c r="AT3230" s="128"/>
      <c r="AU3230" s="128"/>
      <c r="AV3230" s="128"/>
      <c r="AW3230" s="128"/>
      <c r="AX3230" s="128"/>
      <c r="AY3230" s="128"/>
      <c r="AZ3230" s="128"/>
      <c r="BA3230" s="128"/>
      <c r="BB3230" s="107">
        <v>45884</v>
      </c>
    </row>
    <row r="3231" spans="1:54" s="8" customFormat="1" ht="13.95" customHeight="1" x14ac:dyDescent="0.25">
      <c r="A3231" s="219" t="s">
        <v>7325</v>
      </c>
      <c r="B3231" s="220" t="s">
        <v>6395</v>
      </c>
      <c r="C3231" s="98" t="s">
        <v>7326</v>
      </c>
      <c r="D3231" s="98" t="s">
        <v>20930</v>
      </c>
      <c r="E3231" s="141">
        <v>1999</v>
      </c>
      <c r="F3231" s="141">
        <v>1051</v>
      </c>
      <c r="G3231" s="98" t="s">
        <v>1</v>
      </c>
      <c r="H3231" s="98">
        <v>0</v>
      </c>
      <c r="I3231" s="98">
        <v>0</v>
      </c>
      <c r="J3231" s="98" t="s">
        <v>400</v>
      </c>
      <c r="K3231" s="98" t="s">
        <v>400</v>
      </c>
      <c r="L3231" s="98" t="s">
        <v>400</v>
      </c>
      <c r="M3231" s="98" t="s">
        <v>400</v>
      </c>
      <c r="N3231" s="98" t="s">
        <v>400</v>
      </c>
      <c r="O3231" s="98" t="s">
        <v>400</v>
      </c>
      <c r="P3231" s="98" t="s">
        <v>400</v>
      </c>
      <c r="Q3231" s="98" t="s">
        <v>400</v>
      </c>
      <c r="R3231" s="98" t="s">
        <v>400</v>
      </c>
      <c r="S3231" s="98" t="s">
        <v>400</v>
      </c>
      <c r="T3231" s="98" t="s">
        <v>400</v>
      </c>
      <c r="U3231" s="128"/>
      <c r="V3231" s="128"/>
      <c r="W3231" s="128"/>
      <c r="X3231" s="128"/>
      <c r="Y3231" s="128"/>
      <c r="Z3231" s="128"/>
      <c r="AA3231" s="128"/>
      <c r="AB3231" s="128"/>
      <c r="AC3231" s="128"/>
      <c r="AD3231" s="128"/>
      <c r="AE3231" s="128"/>
      <c r="AF3231" s="128"/>
      <c r="AG3231" s="128"/>
      <c r="AH3231" s="128"/>
      <c r="AI3231" s="128"/>
      <c r="AJ3231" s="128"/>
      <c r="AK3231" s="128"/>
      <c r="AL3231" s="128"/>
      <c r="AM3231" s="128"/>
      <c r="AN3231" s="128"/>
      <c r="AO3231" s="128"/>
      <c r="AP3231" s="128"/>
      <c r="AQ3231" s="128"/>
      <c r="AR3231" s="128"/>
      <c r="AS3231" s="128"/>
      <c r="AT3231" s="128"/>
      <c r="AU3231" s="128"/>
      <c r="AV3231" s="128"/>
      <c r="AW3231" s="128"/>
      <c r="AX3231" s="128"/>
      <c r="AY3231" s="128"/>
      <c r="AZ3231" s="128"/>
      <c r="BA3231" s="128"/>
      <c r="BB3231" s="107">
        <v>45884</v>
      </c>
    </row>
    <row r="3232" spans="1:54" s="8" customFormat="1" ht="13.95" customHeight="1" x14ac:dyDescent="0.25">
      <c r="A3232" s="219" t="s">
        <v>7327</v>
      </c>
      <c r="B3232" s="220" t="s">
        <v>6395</v>
      </c>
      <c r="C3232" s="98" t="s">
        <v>7328</v>
      </c>
      <c r="D3232" s="98" t="s">
        <v>20931</v>
      </c>
      <c r="E3232" s="141">
        <v>1979</v>
      </c>
      <c r="F3232" s="141">
        <v>1060</v>
      </c>
      <c r="G3232" s="98" t="s">
        <v>1</v>
      </c>
      <c r="H3232" s="98">
        <v>0</v>
      </c>
      <c r="I3232" s="98">
        <v>0</v>
      </c>
      <c r="J3232" s="98" t="s">
        <v>400</v>
      </c>
      <c r="K3232" s="98" t="s">
        <v>400</v>
      </c>
      <c r="L3232" s="98" t="s">
        <v>400</v>
      </c>
      <c r="M3232" s="98" t="s">
        <v>400</v>
      </c>
      <c r="N3232" s="98" t="s">
        <v>400</v>
      </c>
      <c r="O3232" s="98" t="s">
        <v>400</v>
      </c>
      <c r="P3232" s="98" t="s">
        <v>400</v>
      </c>
      <c r="Q3232" s="98" t="s">
        <v>400</v>
      </c>
      <c r="R3232" s="98" t="s">
        <v>400</v>
      </c>
      <c r="S3232" s="98" t="s">
        <v>400</v>
      </c>
      <c r="T3232" s="98" t="s">
        <v>400</v>
      </c>
      <c r="U3232" s="128"/>
      <c r="V3232" s="128"/>
      <c r="W3232" s="128"/>
      <c r="X3232" s="128"/>
      <c r="Y3232" s="128"/>
      <c r="Z3232" s="128"/>
      <c r="AA3232" s="128"/>
      <c r="AB3232" s="128"/>
      <c r="AC3232" s="128"/>
      <c r="AD3232" s="128"/>
      <c r="AE3232" s="128"/>
      <c r="AF3232" s="128"/>
      <c r="AG3232" s="128"/>
      <c r="AH3232" s="128"/>
      <c r="AI3232" s="128"/>
      <c r="AJ3232" s="128"/>
      <c r="AK3232" s="128"/>
      <c r="AL3232" s="128"/>
      <c r="AM3232" s="128"/>
      <c r="AN3232" s="128"/>
      <c r="AO3232" s="128"/>
      <c r="AP3232" s="128"/>
      <c r="AQ3232" s="128"/>
      <c r="AR3232" s="128"/>
      <c r="AS3232" s="128"/>
      <c r="AT3232" s="128"/>
      <c r="AU3232" s="128"/>
      <c r="AV3232" s="128"/>
      <c r="AW3232" s="128"/>
      <c r="AX3232" s="128"/>
      <c r="AY3232" s="128"/>
      <c r="AZ3232" s="128"/>
      <c r="BA3232" s="128"/>
      <c r="BB3232" s="107">
        <v>45884</v>
      </c>
    </row>
    <row r="3233" spans="1:54" s="8" customFormat="1" ht="13.95" customHeight="1" x14ac:dyDescent="0.25">
      <c r="A3233" s="219" t="s">
        <v>7329</v>
      </c>
      <c r="B3233" s="220" t="s">
        <v>6395</v>
      </c>
      <c r="C3233" s="98" t="s">
        <v>7330</v>
      </c>
      <c r="D3233" s="98" t="s">
        <v>20932</v>
      </c>
      <c r="E3233" s="141">
        <v>1983</v>
      </c>
      <c r="F3233" s="141">
        <v>1061</v>
      </c>
      <c r="G3233" s="98" t="s">
        <v>1</v>
      </c>
      <c r="H3233" s="98">
        <v>0</v>
      </c>
      <c r="I3233" s="98">
        <v>0</v>
      </c>
      <c r="J3233" s="98" t="s">
        <v>400</v>
      </c>
      <c r="K3233" s="98" t="s">
        <v>400</v>
      </c>
      <c r="L3233" s="98" t="s">
        <v>400</v>
      </c>
      <c r="M3233" s="98" t="s">
        <v>400</v>
      </c>
      <c r="N3233" s="98" t="s">
        <v>400</v>
      </c>
      <c r="O3233" s="98" t="s">
        <v>400</v>
      </c>
      <c r="P3233" s="98" t="s">
        <v>400</v>
      </c>
      <c r="Q3233" s="98" t="s">
        <v>400</v>
      </c>
      <c r="R3233" s="98" t="s">
        <v>400</v>
      </c>
      <c r="S3233" s="98" t="s">
        <v>400</v>
      </c>
      <c r="T3233" s="98" t="s">
        <v>400</v>
      </c>
      <c r="U3233" s="128"/>
      <c r="V3233" s="128"/>
      <c r="W3233" s="128"/>
      <c r="X3233" s="128"/>
      <c r="Y3233" s="128"/>
      <c r="Z3233" s="128"/>
      <c r="AA3233" s="128"/>
      <c r="AB3233" s="128"/>
      <c r="AC3233" s="128"/>
      <c r="AD3233" s="128"/>
      <c r="AE3233" s="128"/>
      <c r="AF3233" s="128"/>
      <c r="AG3233" s="128"/>
      <c r="AH3233" s="128"/>
      <c r="AI3233" s="128"/>
      <c r="AJ3233" s="128"/>
      <c r="AK3233" s="128"/>
      <c r="AL3233" s="128"/>
      <c r="AM3233" s="128"/>
      <c r="AN3233" s="128"/>
      <c r="AO3233" s="128"/>
      <c r="AP3233" s="128"/>
      <c r="AQ3233" s="128"/>
      <c r="AR3233" s="128"/>
      <c r="AS3233" s="128"/>
      <c r="AT3233" s="128"/>
      <c r="AU3233" s="128"/>
      <c r="AV3233" s="128"/>
      <c r="AW3233" s="128"/>
      <c r="AX3233" s="128"/>
      <c r="AY3233" s="128"/>
      <c r="AZ3233" s="128"/>
      <c r="BA3233" s="128"/>
      <c r="BB3233" s="107">
        <v>45884</v>
      </c>
    </row>
    <row r="3234" spans="1:54" s="8" customFormat="1" ht="13.95" customHeight="1" x14ac:dyDescent="0.25">
      <c r="A3234" s="219" t="s">
        <v>7331</v>
      </c>
      <c r="B3234" s="220" t="s">
        <v>6395</v>
      </c>
      <c r="C3234" s="98" t="s">
        <v>7332</v>
      </c>
      <c r="D3234" s="98" t="s">
        <v>20933</v>
      </c>
      <c r="E3234" s="141">
        <v>1993</v>
      </c>
      <c r="F3234" s="141">
        <v>1062</v>
      </c>
      <c r="G3234" s="98" t="s">
        <v>1</v>
      </c>
      <c r="H3234" s="98">
        <v>0</v>
      </c>
      <c r="I3234" s="98">
        <v>0</v>
      </c>
      <c r="J3234" s="98" t="s">
        <v>400</v>
      </c>
      <c r="K3234" s="98" t="s">
        <v>400</v>
      </c>
      <c r="L3234" s="98" t="s">
        <v>400</v>
      </c>
      <c r="M3234" s="98" t="s">
        <v>400</v>
      </c>
      <c r="N3234" s="98" t="s">
        <v>400</v>
      </c>
      <c r="O3234" s="98" t="s">
        <v>400</v>
      </c>
      <c r="P3234" s="98" t="s">
        <v>400</v>
      </c>
      <c r="Q3234" s="98" t="s">
        <v>400</v>
      </c>
      <c r="R3234" s="98" t="s">
        <v>400</v>
      </c>
      <c r="S3234" s="98" t="s">
        <v>400</v>
      </c>
      <c r="T3234" s="98" t="s">
        <v>400</v>
      </c>
      <c r="U3234" s="128"/>
      <c r="V3234" s="128"/>
      <c r="W3234" s="128"/>
      <c r="X3234" s="128"/>
      <c r="Y3234" s="128"/>
      <c r="Z3234" s="128"/>
      <c r="AA3234" s="128"/>
      <c r="AB3234" s="128"/>
      <c r="AC3234" s="128"/>
      <c r="AD3234" s="128"/>
      <c r="AE3234" s="128"/>
      <c r="AF3234" s="128"/>
      <c r="AG3234" s="128"/>
      <c r="AH3234" s="128"/>
      <c r="AI3234" s="128"/>
      <c r="AJ3234" s="128"/>
      <c r="AK3234" s="128"/>
      <c r="AL3234" s="128"/>
      <c r="AM3234" s="128"/>
      <c r="AN3234" s="128"/>
      <c r="AO3234" s="128"/>
      <c r="AP3234" s="128"/>
      <c r="AQ3234" s="128"/>
      <c r="AR3234" s="128"/>
      <c r="AS3234" s="128"/>
      <c r="AT3234" s="128"/>
      <c r="AU3234" s="128"/>
      <c r="AV3234" s="128"/>
      <c r="AW3234" s="128"/>
      <c r="AX3234" s="128"/>
      <c r="AY3234" s="128"/>
      <c r="AZ3234" s="128"/>
      <c r="BA3234" s="128"/>
      <c r="BB3234" s="107">
        <v>45884</v>
      </c>
    </row>
    <row r="3235" spans="1:54" s="8" customFormat="1" ht="13.95" customHeight="1" x14ac:dyDescent="0.25">
      <c r="A3235" s="219" t="s">
        <v>7333</v>
      </c>
      <c r="B3235" s="220" t="s">
        <v>6395</v>
      </c>
      <c r="C3235" s="98" t="s">
        <v>22163</v>
      </c>
      <c r="D3235" s="98" t="s">
        <v>20934</v>
      </c>
      <c r="E3235" s="141">
        <v>1976</v>
      </c>
      <c r="F3235" s="141">
        <v>1062</v>
      </c>
      <c r="G3235" s="98" t="s">
        <v>1</v>
      </c>
      <c r="H3235" s="98">
        <v>0</v>
      </c>
      <c r="I3235" s="98">
        <v>0</v>
      </c>
      <c r="J3235" s="98" t="s">
        <v>400</v>
      </c>
      <c r="K3235" s="98" t="s">
        <v>400</v>
      </c>
      <c r="L3235" s="98" t="s">
        <v>400</v>
      </c>
      <c r="M3235" s="98" t="s">
        <v>400</v>
      </c>
      <c r="N3235" s="98" t="s">
        <v>400</v>
      </c>
      <c r="O3235" s="98" t="s">
        <v>400</v>
      </c>
      <c r="P3235" s="98" t="s">
        <v>400</v>
      </c>
      <c r="Q3235" s="98" t="s">
        <v>400</v>
      </c>
      <c r="R3235" s="98" t="s">
        <v>400</v>
      </c>
      <c r="S3235" s="98" t="s">
        <v>400</v>
      </c>
      <c r="T3235" s="98" t="s">
        <v>400</v>
      </c>
      <c r="U3235" s="128"/>
      <c r="V3235" s="128"/>
      <c r="W3235" s="128"/>
      <c r="X3235" s="128"/>
      <c r="Y3235" s="128"/>
      <c r="Z3235" s="128"/>
      <c r="AA3235" s="128"/>
      <c r="AB3235" s="128"/>
      <c r="AC3235" s="128"/>
      <c r="AD3235" s="128"/>
      <c r="AE3235" s="128"/>
      <c r="AF3235" s="128"/>
      <c r="AG3235" s="128"/>
      <c r="AH3235" s="128"/>
      <c r="AI3235" s="128"/>
      <c r="AJ3235" s="128"/>
      <c r="AK3235" s="128"/>
      <c r="AL3235" s="128"/>
      <c r="AM3235" s="128"/>
      <c r="AN3235" s="128"/>
      <c r="AO3235" s="128"/>
      <c r="AP3235" s="128"/>
      <c r="AQ3235" s="128"/>
      <c r="AR3235" s="128"/>
      <c r="AS3235" s="128"/>
      <c r="AT3235" s="128"/>
      <c r="AU3235" s="128"/>
      <c r="AV3235" s="128"/>
      <c r="AW3235" s="128"/>
      <c r="AX3235" s="128"/>
      <c r="AY3235" s="128"/>
      <c r="AZ3235" s="128"/>
      <c r="BA3235" s="128"/>
      <c r="BB3235" s="107">
        <v>45884</v>
      </c>
    </row>
    <row r="3236" spans="1:54" s="8" customFormat="1" ht="13.95" customHeight="1" x14ac:dyDescent="0.25">
      <c r="A3236" s="219" t="s">
        <v>7334</v>
      </c>
      <c r="B3236" s="220" t="s">
        <v>6395</v>
      </c>
      <c r="C3236" s="98" t="s">
        <v>7335</v>
      </c>
      <c r="D3236" s="98" t="s">
        <v>20935</v>
      </c>
      <c r="E3236" s="141">
        <v>1979</v>
      </c>
      <c r="F3236" s="141">
        <v>1064</v>
      </c>
      <c r="G3236" s="98" t="s">
        <v>1</v>
      </c>
      <c r="H3236" s="98">
        <v>0</v>
      </c>
      <c r="I3236" s="98">
        <v>0</v>
      </c>
      <c r="J3236" s="98" t="s">
        <v>400</v>
      </c>
      <c r="K3236" s="98" t="s">
        <v>400</v>
      </c>
      <c r="L3236" s="98" t="s">
        <v>400</v>
      </c>
      <c r="M3236" s="98" t="s">
        <v>400</v>
      </c>
      <c r="N3236" s="98" t="s">
        <v>400</v>
      </c>
      <c r="O3236" s="98" t="s">
        <v>400</v>
      </c>
      <c r="P3236" s="98" t="s">
        <v>400</v>
      </c>
      <c r="Q3236" s="98" t="s">
        <v>400</v>
      </c>
      <c r="R3236" s="98" t="s">
        <v>400</v>
      </c>
      <c r="S3236" s="98" t="s">
        <v>400</v>
      </c>
      <c r="T3236" s="98" t="s">
        <v>400</v>
      </c>
      <c r="U3236" s="128"/>
      <c r="V3236" s="128"/>
      <c r="W3236" s="128"/>
      <c r="X3236" s="128"/>
      <c r="Y3236" s="128"/>
      <c r="Z3236" s="128"/>
      <c r="AA3236" s="128"/>
      <c r="AB3236" s="128"/>
      <c r="AC3236" s="128"/>
      <c r="AD3236" s="128"/>
      <c r="AE3236" s="128"/>
      <c r="AF3236" s="128"/>
      <c r="AG3236" s="128"/>
      <c r="AH3236" s="128"/>
      <c r="AI3236" s="128"/>
      <c r="AJ3236" s="128"/>
      <c r="AK3236" s="128"/>
      <c r="AL3236" s="128"/>
      <c r="AM3236" s="128"/>
      <c r="AN3236" s="128"/>
      <c r="AO3236" s="128"/>
      <c r="AP3236" s="128"/>
      <c r="AQ3236" s="128"/>
      <c r="AR3236" s="128"/>
      <c r="AS3236" s="128"/>
      <c r="AT3236" s="128"/>
      <c r="AU3236" s="128"/>
      <c r="AV3236" s="128"/>
      <c r="AW3236" s="128"/>
      <c r="AX3236" s="128"/>
      <c r="AY3236" s="128"/>
      <c r="AZ3236" s="128"/>
      <c r="BA3236" s="128"/>
      <c r="BB3236" s="107">
        <v>45884</v>
      </c>
    </row>
    <row r="3237" spans="1:54" s="8" customFormat="1" ht="13.95" customHeight="1" x14ac:dyDescent="0.25">
      <c r="A3237" s="219" t="s">
        <v>7336</v>
      </c>
      <c r="B3237" s="220" t="s">
        <v>6395</v>
      </c>
      <c r="C3237" s="98" t="s">
        <v>7337</v>
      </c>
      <c r="D3237" s="98" t="s">
        <v>7338</v>
      </c>
      <c r="E3237" s="141">
        <v>1966</v>
      </c>
      <c r="F3237" s="141">
        <v>1085</v>
      </c>
      <c r="G3237" s="98" t="s">
        <v>1</v>
      </c>
      <c r="H3237" s="98">
        <v>0</v>
      </c>
      <c r="I3237" s="98">
        <v>0</v>
      </c>
      <c r="J3237" s="98" t="s">
        <v>400</v>
      </c>
      <c r="K3237" s="98" t="s">
        <v>400</v>
      </c>
      <c r="L3237" s="98" t="s">
        <v>400</v>
      </c>
      <c r="M3237" s="98" t="s">
        <v>400</v>
      </c>
      <c r="N3237" s="98" t="s">
        <v>400</v>
      </c>
      <c r="O3237" s="98" t="s">
        <v>400</v>
      </c>
      <c r="P3237" s="98" t="s">
        <v>400</v>
      </c>
      <c r="Q3237" s="98" t="s">
        <v>400</v>
      </c>
      <c r="R3237" s="98" t="s">
        <v>400</v>
      </c>
      <c r="S3237" s="98" t="s">
        <v>400</v>
      </c>
      <c r="T3237" s="98" t="s">
        <v>400</v>
      </c>
      <c r="U3237" s="128"/>
      <c r="V3237" s="128"/>
      <c r="W3237" s="128"/>
      <c r="X3237" s="128"/>
      <c r="Y3237" s="128"/>
      <c r="Z3237" s="128"/>
      <c r="AA3237" s="128"/>
      <c r="AB3237" s="128"/>
      <c r="AC3237" s="128"/>
      <c r="AD3237" s="128"/>
      <c r="AE3237" s="128"/>
      <c r="AF3237" s="128"/>
      <c r="AG3237" s="128"/>
      <c r="AH3237" s="128"/>
      <c r="AI3237" s="128"/>
      <c r="AJ3237" s="128"/>
      <c r="AK3237" s="128"/>
      <c r="AL3237" s="128"/>
      <c r="AM3237" s="128"/>
      <c r="AN3237" s="128"/>
      <c r="AO3237" s="128"/>
      <c r="AP3237" s="128"/>
      <c r="AQ3237" s="128"/>
      <c r="AR3237" s="128"/>
      <c r="AS3237" s="128"/>
      <c r="AT3237" s="128"/>
      <c r="AU3237" s="128"/>
      <c r="AV3237" s="128"/>
      <c r="AW3237" s="128"/>
      <c r="AX3237" s="128"/>
      <c r="AY3237" s="128"/>
      <c r="AZ3237" s="128"/>
      <c r="BA3237" s="128"/>
      <c r="BB3237" s="107">
        <v>45884</v>
      </c>
    </row>
    <row r="3238" spans="1:54" s="8" customFormat="1" ht="13.95" customHeight="1" x14ac:dyDescent="0.25">
      <c r="A3238" s="219" t="s">
        <v>7339</v>
      </c>
      <c r="B3238" s="220" t="s">
        <v>6395</v>
      </c>
      <c r="C3238" s="98" t="s">
        <v>7340</v>
      </c>
      <c r="D3238" s="98" t="s">
        <v>20936</v>
      </c>
      <c r="E3238" s="141">
        <v>1999</v>
      </c>
      <c r="F3238" s="141">
        <v>1086</v>
      </c>
      <c r="G3238" s="98" t="s">
        <v>1</v>
      </c>
      <c r="H3238" s="98">
        <v>0</v>
      </c>
      <c r="I3238" s="98">
        <v>0</v>
      </c>
      <c r="J3238" s="98" t="s">
        <v>400</v>
      </c>
      <c r="K3238" s="98" t="s">
        <v>400</v>
      </c>
      <c r="L3238" s="98" t="s">
        <v>400</v>
      </c>
      <c r="M3238" s="98" t="s">
        <v>400</v>
      </c>
      <c r="N3238" s="98" t="s">
        <v>400</v>
      </c>
      <c r="O3238" s="98" t="s">
        <v>400</v>
      </c>
      <c r="P3238" s="98" t="s">
        <v>400</v>
      </c>
      <c r="Q3238" s="98" t="s">
        <v>400</v>
      </c>
      <c r="R3238" s="98" t="s">
        <v>400</v>
      </c>
      <c r="S3238" s="98" t="s">
        <v>400</v>
      </c>
      <c r="T3238" s="98" t="s">
        <v>400</v>
      </c>
      <c r="U3238" s="128"/>
      <c r="V3238" s="128"/>
      <c r="W3238" s="128"/>
      <c r="X3238" s="128"/>
      <c r="Y3238" s="128"/>
      <c r="Z3238" s="128"/>
      <c r="AA3238" s="128"/>
      <c r="AB3238" s="128"/>
      <c r="AC3238" s="128"/>
      <c r="AD3238" s="128"/>
      <c r="AE3238" s="128"/>
      <c r="AF3238" s="128"/>
      <c r="AG3238" s="128"/>
      <c r="AH3238" s="128"/>
      <c r="AI3238" s="128"/>
      <c r="AJ3238" s="128"/>
      <c r="AK3238" s="128"/>
      <c r="AL3238" s="128"/>
      <c r="AM3238" s="128"/>
      <c r="AN3238" s="128"/>
      <c r="AO3238" s="128"/>
      <c r="AP3238" s="128"/>
      <c r="AQ3238" s="128"/>
      <c r="AR3238" s="128"/>
      <c r="AS3238" s="128"/>
      <c r="AT3238" s="128"/>
      <c r="AU3238" s="128"/>
      <c r="AV3238" s="128"/>
      <c r="AW3238" s="128"/>
      <c r="AX3238" s="128"/>
      <c r="AY3238" s="128"/>
      <c r="AZ3238" s="128"/>
      <c r="BA3238" s="128"/>
      <c r="BB3238" s="107">
        <v>45884</v>
      </c>
    </row>
    <row r="3239" spans="1:54" s="8" customFormat="1" ht="13.95" customHeight="1" x14ac:dyDescent="0.25">
      <c r="A3239" s="219" t="s">
        <v>7341</v>
      </c>
      <c r="B3239" s="220" t="s">
        <v>6395</v>
      </c>
      <c r="C3239" s="98" t="s">
        <v>7342</v>
      </c>
      <c r="D3239" s="98" t="s">
        <v>20937</v>
      </c>
      <c r="E3239" s="141">
        <v>1999</v>
      </c>
      <c r="F3239" s="141">
        <v>1089</v>
      </c>
      <c r="G3239" s="98" t="s">
        <v>1</v>
      </c>
      <c r="H3239" s="98">
        <v>0</v>
      </c>
      <c r="I3239" s="98">
        <v>0</v>
      </c>
      <c r="J3239" s="98" t="s">
        <v>400</v>
      </c>
      <c r="K3239" s="98" t="s">
        <v>400</v>
      </c>
      <c r="L3239" s="98" t="s">
        <v>400</v>
      </c>
      <c r="M3239" s="98" t="s">
        <v>400</v>
      </c>
      <c r="N3239" s="98" t="s">
        <v>400</v>
      </c>
      <c r="O3239" s="98" t="s">
        <v>400</v>
      </c>
      <c r="P3239" s="98" t="s">
        <v>400</v>
      </c>
      <c r="Q3239" s="98" t="s">
        <v>400</v>
      </c>
      <c r="R3239" s="98" t="s">
        <v>400</v>
      </c>
      <c r="S3239" s="98" t="s">
        <v>400</v>
      </c>
      <c r="T3239" s="98" t="s">
        <v>400</v>
      </c>
      <c r="U3239" s="128"/>
      <c r="V3239" s="128"/>
      <c r="W3239" s="128"/>
      <c r="X3239" s="128"/>
      <c r="Y3239" s="128"/>
      <c r="Z3239" s="128"/>
      <c r="AA3239" s="128"/>
      <c r="AB3239" s="128"/>
      <c r="AC3239" s="128"/>
      <c r="AD3239" s="128"/>
      <c r="AE3239" s="128"/>
      <c r="AF3239" s="128"/>
      <c r="AG3239" s="128"/>
      <c r="AH3239" s="128"/>
      <c r="AI3239" s="128"/>
      <c r="AJ3239" s="128"/>
      <c r="AK3239" s="128"/>
      <c r="AL3239" s="128"/>
      <c r="AM3239" s="128"/>
      <c r="AN3239" s="128"/>
      <c r="AO3239" s="128"/>
      <c r="AP3239" s="128"/>
      <c r="AQ3239" s="128"/>
      <c r="AR3239" s="128"/>
      <c r="AS3239" s="128"/>
      <c r="AT3239" s="128"/>
      <c r="AU3239" s="128"/>
      <c r="AV3239" s="128"/>
      <c r="AW3239" s="128"/>
      <c r="AX3239" s="128"/>
      <c r="AY3239" s="128"/>
      <c r="AZ3239" s="128"/>
      <c r="BA3239" s="128"/>
      <c r="BB3239" s="107">
        <v>45884</v>
      </c>
    </row>
    <row r="3240" spans="1:54" s="8" customFormat="1" ht="13.95" customHeight="1" x14ac:dyDescent="0.25">
      <c r="A3240" s="219" t="s">
        <v>7343</v>
      </c>
      <c r="B3240" s="220" t="s">
        <v>6395</v>
      </c>
      <c r="C3240" s="98" t="s">
        <v>7344</v>
      </c>
      <c r="D3240" s="98" t="s">
        <v>20938</v>
      </c>
      <c r="E3240" s="141">
        <v>1977</v>
      </c>
      <c r="F3240" s="141">
        <v>1097</v>
      </c>
      <c r="G3240" s="98" t="s">
        <v>8</v>
      </c>
      <c r="H3240" s="98">
        <v>0</v>
      </c>
      <c r="I3240" s="98">
        <v>0</v>
      </c>
      <c r="J3240" s="98" t="s">
        <v>400</v>
      </c>
      <c r="K3240" s="98" t="s">
        <v>400</v>
      </c>
      <c r="L3240" s="98" t="s">
        <v>400</v>
      </c>
      <c r="M3240" s="98" t="s">
        <v>400</v>
      </c>
      <c r="N3240" s="98" t="s">
        <v>400</v>
      </c>
      <c r="O3240" s="98" t="s">
        <v>400</v>
      </c>
      <c r="P3240" s="98" t="s">
        <v>400</v>
      </c>
      <c r="Q3240" s="98" t="s">
        <v>400</v>
      </c>
      <c r="R3240" s="98" t="s">
        <v>400</v>
      </c>
      <c r="S3240" s="98" t="s">
        <v>400</v>
      </c>
      <c r="T3240" s="98" t="s">
        <v>400</v>
      </c>
      <c r="U3240" s="98">
        <v>0</v>
      </c>
      <c r="V3240" s="98">
        <v>0</v>
      </c>
      <c r="W3240" s="98" t="s">
        <v>400</v>
      </c>
      <c r="X3240" s="98">
        <v>0</v>
      </c>
      <c r="Y3240" s="98">
        <v>0</v>
      </c>
      <c r="Z3240" s="98">
        <v>0</v>
      </c>
      <c r="AA3240" s="98" t="s">
        <v>400</v>
      </c>
      <c r="AB3240" s="98">
        <v>0</v>
      </c>
      <c r="AC3240" s="98">
        <v>0</v>
      </c>
      <c r="AD3240" s="98">
        <v>0</v>
      </c>
      <c r="AE3240" s="98">
        <v>0</v>
      </c>
      <c r="AF3240" s="98">
        <v>0</v>
      </c>
      <c r="AG3240" s="98">
        <v>0</v>
      </c>
      <c r="AH3240" s="98">
        <v>0</v>
      </c>
      <c r="AI3240" s="98">
        <v>0</v>
      </c>
      <c r="AJ3240" s="98">
        <v>0</v>
      </c>
      <c r="AK3240" s="98">
        <v>0</v>
      </c>
      <c r="AL3240" s="98">
        <v>0</v>
      </c>
      <c r="AM3240" s="98">
        <v>0</v>
      </c>
      <c r="AN3240" s="98">
        <v>0</v>
      </c>
      <c r="AO3240" s="98">
        <v>0</v>
      </c>
      <c r="AP3240" s="98">
        <v>0</v>
      </c>
      <c r="AQ3240" s="98">
        <v>0</v>
      </c>
      <c r="AR3240" s="98">
        <v>0</v>
      </c>
      <c r="AS3240" s="98">
        <v>0</v>
      </c>
      <c r="AT3240" s="129">
        <v>0</v>
      </c>
      <c r="AU3240" s="98">
        <v>0</v>
      </c>
      <c r="AV3240" s="98">
        <v>0</v>
      </c>
      <c r="AW3240" s="98">
        <v>0</v>
      </c>
      <c r="AX3240" s="98"/>
      <c r="AY3240" s="98"/>
      <c r="AZ3240" s="98"/>
      <c r="BA3240" s="98"/>
      <c r="BB3240" s="107">
        <v>45884</v>
      </c>
    </row>
    <row r="3241" spans="1:54" s="8" customFormat="1" ht="13.95" customHeight="1" x14ac:dyDescent="0.25">
      <c r="A3241" s="219" t="s">
        <v>7345</v>
      </c>
      <c r="B3241" s="220" t="s">
        <v>6395</v>
      </c>
      <c r="C3241" s="98" t="s">
        <v>7346</v>
      </c>
      <c r="D3241" s="98" t="s">
        <v>20939</v>
      </c>
      <c r="E3241" s="141">
        <v>1985</v>
      </c>
      <c r="F3241" s="141">
        <v>1107</v>
      </c>
      <c r="G3241" s="98" t="s">
        <v>1</v>
      </c>
      <c r="H3241" s="98">
        <v>0</v>
      </c>
      <c r="I3241" s="98">
        <v>0</v>
      </c>
      <c r="J3241" s="98" t="s">
        <v>400</v>
      </c>
      <c r="K3241" s="98" t="s">
        <v>400</v>
      </c>
      <c r="L3241" s="98" t="s">
        <v>400</v>
      </c>
      <c r="M3241" s="98" t="s">
        <v>400</v>
      </c>
      <c r="N3241" s="98" t="s">
        <v>400</v>
      </c>
      <c r="O3241" s="98" t="s">
        <v>400</v>
      </c>
      <c r="P3241" s="98" t="s">
        <v>400</v>
      </c>
      <c r="Q3241" s="98" t="s">
        <v>400</v>
      </c>
      <c r="R3241" s="98" t="s">
        <v>400</v>
      </c>
      <c r="S3241" s="98" t="s">
        <v>400</v>
      </c>
      <c r="T3241" s="98" t="s">
        <v>400</v>
      </c>
      <c r="U3241" s="128"/>
      <c r="V3241" s="128"/>
      <c r="W3241" s="128"/>
      <c r="X3241" s="128"/>
      <c r="Y3241" s="128"/>
      <c r="Z3241" s="128"/>
      <c r="AA3241" s="128"/>
      <c r="AB3241" s="128"/>
      <c r="AC3241" s="128"/>
      <c r="AD3241" s="128"/>
      <c r="AE3241" s="128"/>
      <c r="AF3241" s="128"/>
      <c r="AG3241" s="128"/>
      <c r="AH3241" s="128"/>
      <c r="AI3241" s="128"/>
      <c r="AJ3241" s="128"/>
      <c r="AK3241" s="128"/>
      <c r="AL3241" s="128"/>
      <c r="AM3241" s="128"/>
      <c r="AN3241" s="128"/>
      <c r="AO3241" s="128"/>
      <c r="AP3241" s="128"/>
      <c r="AQ3241" s="128"/>
      <c r="AR3241" s="128"/>
      <c r="AS3241" s="128"/>
      <c r="AT3241" s="128"/>
      <c r="AU3241" s="128"/>
      <c r="AV3241" s="128"/>
      <c r="AW3241" s="128"/>
      <c r="AX3241" s="128"/>
      <c r="AY3241" s="128"/>
      <c r="AZ3241" s="128"/>
      <c r="BA3241" s="128"/>
      <c r="BB3241" s="107">
        <v>45884</v>
      </c>
    </row>
    <row r="3242" spans="1:54" s="8" customFormat="1" ht="13.95" customHeight="1" x14ac:dyDescent="0.25">
      <c r="A3242" s="219" t="s">
        <v>7347</v>
      </c>
      <c r="B3242" s="220" t="s">
        <v>6395</v>
      </c>
      <c r="C3242" s="98" t="s">
        <v>7348</v>
      </c>
      <c r="D3242" s="98" t="s">
        <v>20940</v>
      </c>
      <c r="E3242" s="141">
        <v>1964</v>
      </c>
      <c r="F3242" s="141">
        <v>1115</v>
      </c>
      <c r="G3242" s="98" t="s">
        <v>1</v>
      </c>
      <c r="H3242" s="98">
        <v>0</v>
      </c>
      <c r="I3242" s="98">
        <v>0</v>
      </c>
      <c r="J3242" s="98" t="s">
        <v>400</v>
      </c>
      <c r="K3242" s="98" t="s">
        <v>400</v>
      </c>
      <c r="L3242" s="98" t="s">
        <v>400</v>
      </c>
      <c r="M3242" s="98" t="s">
        <v>400</v>
      </c>
      <c r="N3242" s="98" t="s">
        <v>400</v>
      </c>
      <c r="O3242" s="98" t="s">
        <v>400</v>
      </c>
      <c r="P3242" s="98" t="s">
        <v>400</v>
      </c>
      <c r="Q3242" s="98" t="s">
        <v>400</v>
      </c>
      <c r="R3242" s="98" t="s">
        <v>400</v>
      </c>
      <c r="S3242" s="98" t="s">
        <v>400</v>
      </c>
      <c r="T3242" s="98" t="s">
        <v>400</v>
      </c>
      <c r="U3242" s="128"/>
      <c r="V3242" s="128"/>
      <c r="W3242" s="128"/>
      <c r="X3242" s="128"/>
      <c r="Y3242" s="128"/>
      <c r="Z3242" s="128"/>
      <c r="AA3242" s="128"/>
      <c r="AB3242" s="128"/>
      <c r="AC3242" s="128"/>
      <c r="AD3242" s="128"/>
      <c r="AE3242" s="128"/>
      <c r="AF3242" s="128"/>
      <c r="AG3242" s="128"/>
      <c r="AH3242" s="128"/>
      <c r="AI3242" s="128"/>
      <c r="AJ3242" s="128"/>
      <c r="AK3242" s="128"/>
      <c r="AL3242" s="128"/>
      <c r="AM3242" s="128"/>
      <c r="AN3242" s="128"/>
      <c r="AO3242" s="128"/>
      <c r="AP3242" s="128"/>
      <c r="AQ3242" s="128"/>
      <c r="AR3242" s="128"/>
      <c r="AS3242" s="128"/>
      <c r="AT3242" s="128"/>
      <c r="AU3242" s="128"/>
      <c r="AV3242" s="128"/>
      <c r="AW3242" s="128"/>
      <c r="AX3242" s="128"/>
      <c r="AY3242" s="128"/>
      <c r="AZ3242" s="128"/>
      <c r="BA3242" s="128"/>
      <c r="BB3242" s="107">
        <v>45884</v>
      </c>
    </row>
    <row r="3243" spans="1:54" s="8" customFormat="1" ht="13.95" customHeight="1" x14ac:dyDescent="0.25">
      <c r="A3243" s="219" t="s">
        <v>7349</v>
      </c>
      <c r="B3243" s="220" t="s">
        <v>6395</v>
      </c>
      <c r="C3243" s="98" t="s">
        <v>7350</v>
      </c>
      <c r="D3243" s="98" t="s">
        <v>20941</v>
      </c>
      <c r="E3243" s="141">
        <v>1979</v>
      </c>
      <c r="F3243" s="141">
        <v>1116</v>
      </c>
      <c r="G3243" s="98" t="s">
        <v>1</v>
      </c>
      <c r="H3243" s="98">
        <v>0</v>
      </c>
      <c r="I3243" s="98">
        <v>0</v>
      </c>
      <c r="J3243" s="98" t="s">
        <v>400</v>
      </c>
      <c r="K3243" s="98" t="s">
        <v>400</v>
      </c>
      <c r="L3243" s="98" t="s">
        <v>400</v>
      </c>
      <c r="M3243" s="98" t="s">
        <v>400</v>
      </c>
      <c r="N3243" s="98" t="s">
        <v>400</v>
      </c>
      <c r="O3243" s="98" t="s">
        <v>400</v>
      </c>
      <c r="P3243" s="98" t="s">
        <v>400</v>
      </c>
      <c r="Q3243" s="98" t="s">
        <v>400</v>
      </c>
      <c r="R3243" s="98" t="s">
        <v>400</v>
      </c>
      <c r="S3243" s="98" t="s">
        <v>400</v>
      </c>
      <c r="T3243" s="98" t="s">
        <v>400</v>
      </c>
      <c r="U3243" s="128"/>
      <c r="V3243" s="128"/>
      <c r="W3243" s="128"/>
      <c r="X3243" s="128"/>
      <c r="Y3243" s="128"/>
      <c r="Z3243" s="128"/>
      <c r="AA3243" s="128"/>
      <c r="AB3243" s="128"/>
      <c r="AC3243" s="128"/>
      <c r="AD3243" s="128"/>
      <c r="AE3243" s="128"/>
      <c r="AF3243" s="128"/>
      <c r="AG3243" s="128"/>
      <c r="AH3243" s="128"/>
      <c r="AI3243" s="128"/>
      <c r="AJ3243" s="128"/>
      <c r="AK3243" s="128"/>
      <c r="AL3243" s="128"/>
      <c r="AM3243" s="128"/>
      <c r="AN3243" s="128"/>
      <c r="AO3243" s="128"/>
      <c r="AP3243" s="128"/>
      <c r="AQ3243" s="128"/>
      <c r="AR3243" s="128"/>
      <c r="AS3243" s="128"/>
      <c r="AT3243" s="128"/>
      <c r="AU3243" s="128"/>
      <c r="AV3243" s="128"/>
      <c r="AW3243" s="128"/>
      <c r="AX3243" s="128"/>
      <c r="AY3243" s="128"/>
      <c r="AZ3243" s="128"/>
      <c r="BA3243" s="128"/>
      <c r="BB3243" s="107">
        <v>45884</v>
      </c>
    </row>
    <row r="3244" spans="1:54" s="8" customFormat="1" ht="13.95" customHeight="1" x14ac:dyDescent="0.25">
      <c r="A3244" s="219" t="s">
        <v>7351</v>
      </c>
      <c r="B3244" s="220" t="s">
        <v>6395</v>
      </c>
      <c r="C3244" s="98" t="s">
        <v>7352</v>
      </c>
      <c r="D3244" s="98" t="s">
        <v>20942</v>
      </c>
      <c r="E3244" s="141">
        <v>1979</v>
      </c>
      <c r="F3244" s="141">
        <v>1124</v>
      </c>
      <c r="G3244" s="98" t="s">
        <v>1</v>
      </c>
      <c r="H3244" s="98">
        <v>0</v>
      </c>
      <c r="I3244" s="98">
        <v>0</v>
      </c>
      <c r="J3244" s="98" t="s">
        <v>400</v>
      </c>
      <c r="K3244" s="98" t="s">
        <v>400</v>
      </c>
      <c r="L3244" s="98" t="s">
        <v>400</v>
      </c>
      <c r="M3244" s="98" t="s">
        <v>400</v>
      </c>
      <c r="N3244" s="98" t="s">
        <v>400</v>
      </c>
      <c r="O3244" s="98" t="s">
        <v>400</v>
      </c>
      <c r="P3244" s="98" t="s">
        <v>400</v>
      </c>
      <c r="Q3244" s="98" t="s">
        <v>400</v>
      </c>
      <c r="R3244" s="98" t="s">
        <v>400</v>
      </c>
      <c r="S3244" s="98" t="s">
        <v>400</v>
      </c>
      <c r="T3244" s="98" t="s">
        <v>400</v>
      </c>
      <c r="U3244" s="128"/>
      <c r="V3244" s="128"/>
      <c r="W3244" s="128"/>
      <c r="X3244" s="128"/>
      <c r="Y3244" s="128"/>
      <c r="Z3244" s="128"/>
      <c r="AA3244" s="128"/>
      <c r="AB3244" s="128"/>
      <c r="AC3244" s="128"/>
      <c r="AD3244" s="128"/>
      <c r="AE3244" s="128"/>
      <c r="AF3244" s="128"/>
      <c r="AG3244" s="128"/>
      <c r="AH3244" s="128"/>
      <c r="AI3244" s="128"/>
      <c r="AJ3244" s="128"/>
      <c r="AK3244" s="128"/>
      <c r="AL3244" s="128"/>
      <c r="AM3244" s="128"/>
      <c r="AN3244" s="128"/>
      <c r="AO3244" s="128"/>
      <c r="AP3244" s="128"/>
      <c r="AQ3244" s="128"/>
      <c r="AR3244" s="128"/>
      <c r="AS3244" s="128"/>
      <c r="AT3244" s="128"/>
      <c r="AU3244" s="128"/>
      <c r="AV3244" s="128"/>
      <c r="AW3244" s="128"/>
      <c r="AX3244" s="128"/>
      <c r="AY3244" s="128"/>
      <c r="AZ3244" s="128"/>
      <c r="BA3244" s="128"/>
      <c r="BB3244" s="107">
        <v>45884</v>
      </c>
    </row>
    <row r="3245" spans="1:54" s="8" customFormat="1" ht="13.95" customHeight="1" x14ac:dyDescent="0.25">
      <c r="A3245" s="219" t="s">
        <v>7353</v>
      </c>
      <c r="B3245" s="220" t="s">
        <v>6395</v>
      </c>
      <c r="C3245" s="98" t="s">
        <v>7354</v>
      </c>
      <c r="D3245" s="98" t="s">
        <v>20943</v>
      </c>
      <c r="E3245" s="141">
        <v>1974</v>
      </c>
      <c r="F3245" s="141">
        <v>1124</v>
      </c>
      <c r="G3245" s="98" t="s">
        <v>1</v>
      </c>
      <c r="H3245" s="98">
        <v>0</v>
      </c>
      <c r="I3245" s="98">
        <v>0</v>
      </c>
      <c r="J3245" s="98" t="s">
        <v>400</v>
      </c>
      <c r="K3245" s="98" t="s">
        <v>400</v>
      </c>
      <c r="L3245" s="98" t="s">
        <v>400</v>
      </c>
      <c r="M3245" s="98" t="s">
        <v>400</v>
      </c>
      <c r="N3245" s="98" t="s">
        <v>400</v>
      </c>
      <c r="O3245" s="98" t="s">
        <v>400</v>
      </c>
      <c r="P3245" s="98" t="s">
        <v>400</v>
      </c>
      <c r="Q3245" s="98" t="s">
        <v>400</v>
      </c>
      <c r="R3245" s="98" t="s">
        <v>400</v>
      </c>
      <c r="S3245" s="98" t="s">
        <v>400</v>
      </c>
      <c r="T3245" s="98" t="s">
        <v>400</v>
      </c>
      <c r="U3245" s="128"/>
      <c r="V3245" s="128"/>
      <c r="W3245" s="128"/>
      <c r="X3245" s="128"/>
      <c r="Y3245" s="128"/>
      <c r="Z3245" s="128"/>
      <c r="AA3245" s="128"/>
      <c r="AB3245" s="128"/>
      <c r="AC3245" s="128"/>
      <c r="AD3245" s="128"/>
      <c r="AE3245" s="128"/>
      <c r="AF3245" s="128"/>
      <c r="AG3245" s="128"/>
      <c r="AH3245" s="128"/>
      <c r="AI3245" s="128"/>
      <c r="AJ3245" s="128"/>
      <c r="AK3245" s="128"/>
      <c r="AL3245" s="128"/>
      <c r="AM3245" s="128"/>
      <c r="AN3245" s="128"/>
      <c r="AO3245" s="128"/>
      <c r="AP3245" s="128"/>
      <c r="AQ3245" s="128"/>
      <c r="AR3245" s="128"/>
      <c r="AS3245" s="128"/>
      <c r="AT3245" s="128"/>
      <c r="AU3245" s="128"/>
      <c r="AV3245" s="128"/>
      <c r="AW3245" s="128"/>
      <c r="AX3245" s="128"/>
      <c r="AY3245" s="128"/>
      <c r="AZ3245" s="128"/>
      <c r="BA3245" s="128"/>
      <c r="BB3245" s="107">
        <v>45884</v>
      </c>
    </row>
    <row r="3246" spans="1:54" s="8" customFormat="1" ht="13.95" customHeight="1" x14ac:dyDescent="0.25">
      <c r="A3246" s="219" t="s">
        <v>7355</v>
      </c>
      <c r="B3246" s="220" t="s">
        <v>6395</v>
      </c>
      <c r="C3246" s="98" t="s">
        <v>7356</v>
      </c>
      <c r="D3246" s="98" t="s">
        <v>20944</v>
      </c>
      <c r="E3246" s="141">
        <v>1996</v>
      </c>
      <c r="F3246" s="141">
        <v>1127</v>
      </c>
      <c r="G3246" s="98" t="s">
        <v>1</v>
      </c>
      <c r="H3246" s="98">
        <v>0</v>
      </c>
      <c r="I3246" s="98">
        <v>0</v>
      </c>
      <c r="J3246" s="98" t="s">
        <v>400</v>
      </c>
      <c r="K3246" s="98" t="s">
        <v>400</v>
      </c>
      <c r="L3246" s="98" t="s">
        <v>400</v>
      </c>
      <c r="M3246" s="98" t="s">
        <v>400</v>
      </c>
      <c r="N3246" s="98" t="s">
        <v>400</v>
      </c>
      <c r="O3246" s="98" t="s">
        <v>400</v>
      </c>
      <c r="P3246" s="98" t="s">
        <v>400</v>
      </c>
      <c r="Q3246" s="98" t="s">
        <v>400</v>
      </c>
      <c r="R3246" s="98" t="s">
        <v>400</v>
      </c>
      <c r="S3246" s="98" t="s">
        <v>400</v>
      </c>
      <c r="T3246" s="98" t="s">
        <v>400</v>
      </c>
      <c r="U3246" s="128"/>
      <c r="V3246" s="128"/>
      <c r="W3246" s="128"/>
      <c r="X3246" s="128"/>
      <c r="Y3246" s="128"/>
      <c r="Z3246" s="128"/>
      <c r="AA3246" s="128"/>
      <c r="AB3246" s="128"/>
      <c r="AC3246" s="128"/>
      <c r="AD3246" s="128"/>
      <c r="AE3246" s="128"/>
      <c r="AF3246" s="128"/>
      <c r="AG3246" s="128"/>
      <c r="AH3246" s="128"/>
      <c r="AI3246" s="128"/>
      <c r="AJ3246" s="128"/>
      <c r="AK3246" s="128"/>
      <c r="AL3246" s="128"/>
      <c r="AM3246" s="128"/>
      <c r="AN3246" s="128"/>
      <c r="AO3246" s="128"/>
      <c r="AP3246" s="128"/>
      <c r="AQ3246" s="128"/>
      <c r="AR3246" s="128"/>
      <c r="AS3246" s="128"/>
      <c r="AT3246" s="128"/>
      <c r="AU3246" s="128"/>
      <c r="AV3246" s="128"/>
      <c r="AW3246" s="128"/>
      <c r="AX3246" s="128"/>
      <c r="AY3246" s="128"/>
      <c r="AZ3246" s="128"/>
      <c r="BA3246" s="128"/>
      <c r="BB3246" s="107">
        <v>45884</v>
      </c>
    </row>
    <row r="3247" spans="1:54" s="8" customFormat="1" ht="13.95" customHeight="1" x14ac:dyDescent="0.25">
      <c r="A3247" s="219" t="s">
        <v>7357</v>
      </c>
      <c r="B3247" s="220" t="s">
        <v>6395</v>
      </c>
      <c r="C3247" s="98" t="s">
        <v>7358</v>
      </c>
      <c r="D3247" s="98" t="s">
        <v>20945</v>
      </c>
      <c r="E3247" s="141">
        <v>1971</v>
      </c>
      <c r="F3247" s="141">
        <v>1130</v>
      </c>
      <c r="G3247" s="98" t="s">
        <v>1</v>
      </c>
      <c r="H3247" s="98">
        <v>0</v>
      </c>
      <c r="I3247" s="98">
        <v>0</v>
      </c>
      <c r="J3247" s="98" t="s">
        <v>400</v>
      </c>
      <c r="K3247" s="98" t="s">
        <v>400</v>
      </c>
      <c r="L3247" s="98" t="s">
        <v>400</v>
      </c>
      <c r="M3247" s="98" t="s">
        <v>400</v>
      </c>
      <c r="N3247" s="98" t="s">
        <v>400</v>
      </c>
      <c r="O3247" s="98" t="s">
        <v>400</v>
      </c>
      <c r="P3247" s="98" t="s">
        <v>400</v>
      </c>
      <c r="Q3247" s="98" t="s">
        <v>400</v>
      </c>
      <c r="R3247" s="98" t="s">
        <v>400</v>
      </c>
      <c r="S3247" s="98" t="s">
        <v>400</v>
      </c>
      <c r="T3247" s="98" t="s">
        <v>400</v>
      </c>
      <c r="U3247" s="128"/>
      <c r="V3247" s="128"/>
      <c r="W3247" s="128"/>
      <c r="X3247" s="128"/>
      <c r="Y3247" s="128"/>
      <c r="Z3247" s="128"/>
      <c r="AA3247" s="128"/>
      <c r="AB3247" s="128"/>
      <c r="AC3247" s="128"/>
      <c r="AD3247" s="128"/>
      <c r="AE3247" s="128"/>
      <c r="AF3247" s="128"/>
      <c r="AG3247" s="128"/>
      <c r="AH3247" s="128"/>
      <c r="AI3247" s="128"/>
      <c r="AJ3247" s="128"/>
      <c r="AK3247" s="128"/>
      <c r="AL3247" s="128"/>
      <c r="AM3247" s="128"/>
      <c r="AN3247" s="128"/>
      <c r="AO3247" s="128"/>
      <c r="AP3247" s="128"/>
      <c r="AQ3247" s="128"/>
      <c r="AR3247" s="128"/>
      <c r="AS3247" s="128"/>
      <c r="AT3247" s="128"/>
      <c r="AU3247" s="128"/>
      <c r="AV3247" s="128"/>
      <c r="AW3247" s="128"/>
      <c r="AX3247" s="128"/>
      <c r="AY3247" s="128"/>
      <c r="AZ3247" s="128"/>
      <c r="BA3247" s="128"/>
      <c r="BB3247" s="107">
        <v>45884</v>
      </c>
    </row>
    <row r="3248" spans="1:54" s="8" customFormat="1" ht="13.95" customHeight="1" x14ac:dyDescent="0.25">
      <c r="A3248" s="219" t="s">
        <v>7359</v>
      </c>
      <c r="B3248" s="220" t="s">
        <v>6395</v>
      </c>
      <c r="C3248" s="98" t="s">
        <v>7360</v>
      </c>
      <c r="D3248" s="98" t="s">
        <v>20946</v>
      </c>
      <c r="E3248" s="141">
        <v>1974</v>
      </c>
      <c r="F3248" s="141">
        <v>1001</v>
      </c>
      <c r="G3248" s="98" t="s">
        <v>1</v>
      </c>
      <c r="H3248" s="98">
        <v>0</v>
      </c>
      <c r="I3248" s="98">
        <v>0</v>
      </c>
      <c r="J3248" s="98" t="s">
        <v>400</v>
      </c>
      <c r="K3248" s="98" t="s">
        <v>400</v>
      </c>
      <c r="L3248" s="98" t="s">
        <v>400</v>
      </c>
      <c r="M3248" s="98" t="s">
        <v>400</v>
      </c>
      <c r="N3248" s="98" t="s">
        <v>400</v>
      </c>
      <c r="O3248" s="98" t="s">
        <v>400</v>
      </c>
      <c r="P3248" s="98" t="s">
        <v>400</v>
      </c>
      <c r="Q3248" s="98" t="s">
        <v>400</v>
      </c>
      <c r="R3248" s="98" t="s">
        <v>400</v>
      </c>
      <c r="S3248" s="98" t="s">
        <v>400</v>
      </c>
      <c r="T3248" s="98" t="s">
        <v>400</v>
      </c>
      <c r="U3248" s="128"/>
      <c r="V3248" s="128"/>
      <c r="W3248" s="128"/>
      <c r="X3248" s="128"/>
      <c r="Y3248" s="128"/>
      <c r="Z3248" s="128"/>
      <c r="AA3248" s="128"/>
      <c r="AB3248" s="128"/>
      <c r="AC3248" s="128"/>
      <c r="AD3248" s="128"/>
      <c r="AE3248" s="128"/>
      <c r="AF3248" s="128"/>
      <c r="AG3248" s="128"/>
      <c r="AH3248" s="128"/>
      <c r="AI3248" s="128"/>
      <c r="AJ3248" s="128"/>
      <c r="AK3248" s="128"/>
      <c r="AL3248" s="128"/>
      <c r="AM3248" s="128"/>
      <c r="AN3248" s="128"/>
      <c r="AO3248" s="128"/>
      <c r="AP3248" s="128"/>
      <c r="AQ3248" s="128"/>
      <c r="AR3248" s="128"/>
      <c r="AS3248" s="128"/>
      <c r="AT3248" s="128"/>
      <c r="AU3248" s="128"/>
      <c r="AV3248" s="128"/>
      <c r="AW3248" s="128"/>
      <c r="AX3248" s="128"/>
      <c r="AY3248" s="128"/>
      <c r="AZ3248" s="128"/>
      <c r="BA3248" s="128"/>
      <c r="BB3248" s="107">
        <v>45884</v>
      </c>
    </row>
    <row r="3249" spans="1:54" s="8" customFormat="1" ht="13.95" customHeight="1" x14ac:dyDescent="0.25">
      <c r="A3249" s="219" t="s">
        <v>7361</v>
      </c>
      <c r="B3249" s="220" t="s">
        <v>6395</v>
      </c>
      <c r="C3249" s="98" t="s">
        <v>7362</v>
      </c>
      <c r="D3249" s="98" t="s">
        <v>20947</v>
      </c>
      <c r="E3249" s="141">
        <v>2000</v>
      </c>
      <c r="F3249" s="141">
        <v>1150</v>
      </c>
      <c r="G3249" s="98" t="s">
        <v>1</v>
      </c>
      <c r="H3249" s="98">
        <v>0</v>
      </c>
      <c r="I3249" s="98">
        <v>0</v>
      </c>
      <c r="J3249" s="98" t="s">
        <v>400</v>
      </c>
      <c r="K3249" s="98" t="s">
        <v>400</v>
      </c>
      <c r="L3249" s="98" t="s">
        <v>400</v>
      </c>
      <c r="M3249" s="98" t="s">
        <v>400</v>
      </c>
      <c r="N3249" s="98" t="s">
        <v>400</v>
      </c>
      <c r="O3249" s="98" t="s">
        <v>400</v>
      </c>
      <c r="P3249" s="98" t="s">
        <v>400</v>
      </c>
      <c r="Q3249" s="98" t="s">
        <v>400</v>
      </c>
      <c r="R3249" s="98" t="s">
        <v>400</v>
      </c>
      <c r="S3249" s="98" t="s">
        <v>400</v>
      </c>
      <c r="T3249" s="98" t="s">
        <v>400</v>
      </c>
      <c r="U3249" s="128"/>
      <c r="V3249" s="128"/>
      <c r="W3249" s="128"/>
      <c r="X3249" s="128"/>
      <c r="Y3249" s="128"/>
      <c r="Z3249" s="128"/>
      <c r="AA3249" s="128"/>
      <c r="AB3249" s="128"/>
      <c r="AC3249" s="128"/>
      <c r="AD3249" s="128"/>
      <c r="AE3249" s="128"/>
      <c r="AF3249" s="128"/>
      <c r="AG3249" s="128"/>
      <c r="AH3249" s="128"/>
      <c r="AI3249" s="128"/>
      <c r="AJ3249" s="128"/>
      <c r="AK3249" s="128"/>
      <c r="AL3249" s="128"/>
      <c r="AM3249" s="128"/>
      <c r="AN3249" s="128"/>
      <c r="AO3249" s="128"/>
      <c r="AP3249" s="128"/>
      <c r="AQ3249" s="128"/>
      <c r="AR3249" s="128"/>
      <c r="AS3249" s="128"/>
      <c r="AT3249" s="128"/>
      <c r="AU3249" s="128"/>
      <c r="AV3249" s="128"/>
      <c r="AW3249" s="128"/>
      <c r="AX3249" s="128"/>
      <c r="AY3249" s="128"/>
      <c r="AZ3249" s="128"/>
      <c r="BA3249" s="128"/>
      <c r="BB3249" s="107">
        <v>45884</v>
      </c>
    </row>
    <row r="3250" spans="1:54" s="8" customFormat="1" ht="13.95" customHeight="1" x14ac:dyDescent="0.25">
      <c r="A3250" s="219" t="s">
        <v>7363</v>
      </c>
      <c r="B3250" s="220" t="s">
        <v>6395</v>
      </c>
      <c r="C3250" s="98" t="s">
        <v>7364</v>
      </c>
      <c r="D3250" s="98" t="s">
        <v>20948</v>
      </c>
      <c r="E3250" s="141">
        <v>1999</v>
      </c>
      <c r="F3250" s="141">
        <v>1150</v>
      </c>
      <c r="G3250" s="98" t="s">
        <v>1</v>
      </c>
      <c r="H3250" s="98">
        <v>0</v>
      </c>
      <c r="I3250" s="98">
        <v>0</v>
      </c>
      <c r="J3250" s="98" t="s">
        <v>400</v>
      </c>
      <c r="K3250" s="98" t="s">
        <v>400</v>
      </c>
      <c r="L3250" s="98" t="s">
        <v>400</v>
      </c>
      <c r="M3250" s="98" t="s">
        <v>400</v>
      </c>
      <c r="N3250" s="98" t="s">
        <v>400</v>
      </c>
      <c r="O3250" s="98" t="s">
        <v>400</v>
      </c>
      <c r="P3250" s="98" t="s">
        <v>400</v>
      </c>
      <c r="Q3250" s="98" t="s">
        <v>400</v>
      </c>
      <c r="R3250" s="98" t="s">
        <v>400</v>
      </c>
      <c r="S3250" s="98" t="s">
        <v>400</v>
      </c>
      <c r="T3250" s="98" t="s">
        <v>400</v>
      </c>
      <c r="U3250" s="128"/>
      <c r="V3250" s="128"/>
      <c r="W3250" s="128"/>
      <c r="X3250" s="128"/>
      <c r="Y3250" s="128"/>
      <c r="Z3250" s="128"/>
      <c r="AA3250" s="128"/>
      <c r="AB3250" s="128"/>
      <c r="AC3250" s="128"/>
      <c r="AD3250" s="128"/>
      <c r="AE3250" s="128"/>
      <c r="AF3250" s="128"/>
      <c r="AG3250" s="128"/>
      <c r="AH3250" s="128"/>
      <c r="AI3250" s="128"/>
      <c r="AJ3250" s="128"/>
      <c r="AK3250" s="128"/>
      <c r="AL3250" s="128"/>
      <c r="AM3250" s="128"/>
      <c r="AN3250" s="128"/>
      <c r="AO3250" s="128"/>
      <c r="AP3250" s="128"/>
      <c r="AQ3250" s="128"/>
      <c r="AR3250" s="128"/>
      <c r="AS3250" s="128"/>
      <c r="AT3250" s="128"/>
      <c r="AU3250" s="128"/>
      <c r="AV3250" s="128"/>
      <c r="AW3250" s="128"/>
      <c r="AX3250" s="128"/>
      <c r="AY3250" s="128"/>
      <c r="AZ3250" s="128"/>
      <c r="BA3250" s="128"/>
      <c r="BB3250" s="107">
        <v>45884</v>
      </c>
    </row>
    <row r="3251" spans="1:54" s="8" customFormat="1" ht="13.95" customHeight="1" x14ac:dyDescent="0.25">
      <c r="A3251" s="219" t="s">
        <v>7365</v>
      </c>
      <c r="B3251" s="220" t="s">
        <v>6395</v>
      </c>
      <c r="C3251" s="98" t="s">
        <v>7366</v>
      </c>
      <c r="D3251" s="98" t="s">
        <v>20949</v>
      </c>
      <c r="E3251" s="141">
        <v>1981</v>
      </c>
      <c r="F3251" s="141">
        <v>1151</v>
      </c>
      <c r="G3251" s="98" t="s">
        <v>1</v>
      </c>
      <c r="H3251" s="98">
        <v>0</v>
      </c>
      <c r="I3251" s="98">
        <v>0</v>
      </c>
      <c r="J3251" s="98" t="s">
        <v>400</v>
      </c>
      <c r="K3251" s="98" t="s">
        <v>400</v>
      </c>
      <c r="L3251" s="98" t="s">
        <v>400</v>
      </c>
      <c r="M3251" s="98" t="s">
        <v>400</v>
      </c>
      <c r="N3251" s="98" t="s">
        <v>400</v>
      </c>
      <c r="O3251" s="98" t="s">
        <v>400</v>
      </c>
      <c r="P3251" s="98" t="s">
        <v>400</v>
      </c>
      <c r="Q3251" s="98" t="s">
        <v>400</v>
      </c>
      <c r="R3251" s="98" t="s">
        <v>400</v>
      </c>
      <c r="S3251" s="98" t="s">
        <v>400</v>
      </c>
      <c r="T3251" s="98" t="s">
        <v>400</v>
      </c>
      <c r="U3251" s="128"/>
      <c r="V3251" s="128"/>
      <c r="W3251" s="128"/>
      <c r="X3251" s="128"/>
      <c r="Y3251" s="128"/>
      <c r="Z3251" s="128"/>
      <c r="AA3251" s="128"/>
      <c r="AB3251" s="128"/>
      <c r="AC3251" s="128"/>
      <c r="AD3251" s="128"/>
      <c r="AE3251" s="128"/>
      <c r="AF3251" s="128"/>
      <c r="AG3251" s="128"/>
      <c r="AH3251" s="128"/>
      <c r="AI3251" s="128"/>
      <c r="AJ3251" s="128"/>
      <c r="AK3251" s="128"/>
      <c r="AL3251" s="128"/>
      <c r="AM3251" s="128"/>
      <c r="AN3251" s="128"/>
      <c r="AO3251" s="128"/>
      <c r="AP3251" s="128"/>
      <c r="AQ3251" s="128"/>
      <c r="AR3251" s="128"/>
      <c r="AS3251" s="128"/>
      <c r="AT3251" s="128"/>
      <c r="AU3251" s="128"/>
      <c r="AV3251" s="128"/>
      <c r="AW3251" s="128"/>
      <c r="AX3251" s="128"/>
      <c r="AY3251" s="128"/>
      <c r="AZ3251" s="128"/>
      <c r="BA3251" s="128"/>
      <c r="BB3251" s="107">
        <v>45884</v>
      </c>
    </row>
    <row r="3252" spans="1:54" s="8" customFormat="1" ht="13.95" customHeight="1" x14ac:dyDescent="0.25">
      <c r="A3252" s="219" t="s">
        <v>7367</v>
      </c>
      <c r="B3252" s="220" t="s">
        <v>6395</v>
      </c>
      <c r="C3252" s="98" t="s">
        <v>7368</v>
      </c>
      <c r="D3252" s="98" t="s">
        <v>20950</v>
      </c>
      <c r="E3252" s="141">
        <v>1988</v>
      </c>
      <c r="F3252" s="141">
        <v>1157</v>
      </c>
      <c r="G3252" s="98" t="s">
        <v>1</v>
      </c>
      <c r="H3252" s="98">
        <v>0</v>
      </c>
      <c r="I3252" s="98">
        <v>0</v>
      </c>
      <c r="J3252" s="98" t="s">
        <v>400</v>
      </c>
      <c r="K3252" s="98" t="s">
        <v>400</v>
      </c>
      <c r="L3252" s="98" t="s">
        <v>400</v>
      </c>
      <c r="M3252" s="98" t="s">
        <v>400</v>
      </c>
      <c r="N3252" s="98" t="s">
        <v>400</v>
      </c>
      <c r="O3252" s="98" t="s">
        <v>400</v>
      </c>
      <c r="P3252" s="98" t="s">
        <v>400</v>
      </c>
      <c r="Q3252" s="98" t="s">
        <v>400</v>
      </c>
      <c r="R3252" s="98" t="s">
        <v>400</v>
      </c>
      <c r="S3252" s="98" t="s">
        <v>400</v>
      </c>
      <c r="T3252" s="98" t="s">
        <v>400</v>
      </c>
      <c r="U3252" s="128"/>
      <c r="V3252" s="128"/>
      <c r="W3252" s="128"/>
      <c r="X3252" s="128"/>
      <c r="Y3252" s="128"/>
      <c r="Z3252" s="128"/>
      <c r="AA3252" s="128"/>
      <c r="AB3252" s="128"/>
      <c r="AC3252" s="128"/>
      <c r="AD3252" s="128"/>
      <c r="AE3252" s="128"/>
      <c r="AF3252" s="128"/>
      <c r="AG3252" s="128"/>
      <c r="AH3252" s="128"/>
      <c r="AI3252" s="128"/>
      <c r="AJ3252" s="128"/>
      <c r="AK3252" s="128"/>
      <c r="AL3252" s="128"/>
      <c r="AM3252" s="128"/>
      <c r="AN3252" s="128"/>
      <c r="AO3252" s="128"/>
      <c r="AP3252" s="128"/>
      <c r="AQ3252" s="128"/>
      <c r="AR3252" s="128"/>
      <c r="AS3252" s="128"/>
      <c r="AT3252" s="128"/>
      <c r="AU3252" s="128"/>
      <c r="AV3252" s="128"/>
      <c r="AW3252" s="128"/>
      <c r="AX3252" s="128"/>
      <c r="AY3252" s="128"/>
      <c r="AZ3252" s="128"/>
      <c r="BA3252" s="128"/>
      <c r="BB3252" s="107">
        <v>45884</v>
      </c>
    </row>
    <row r="3253" spans="1:54" s="8" customFormat="1" ht="13.95" customHeight="1" x14ac:dyDescent="0.25">
      <c r="A3253" s="219" t="s">
        <v>7369</v>
      </c>
      <c r="B3253" s="220" t="s">
        <v>6395</v>
      </c>
      <c r="C3253" s="98" t="s">
        <v>7370</v>
      </c>
      <c r="D3253" s="98" t="s">
        <v>20951</v>
      </c>
      <c r="E3253" s="141">
        <v>1980</v>
      </c>
      <c r="F3253" s="141">
        <v>1160</v>
      </c>
      <c r="G3253" s="98" t="s">
        <v>1</v>
      </c>
      <c r="H3253" s="98">
        <v>0</v>
      </c>
      <c r="I3253" s="98">
        <v>0</v>
      </c>
      <c r="J3253" s="98" t="s">
        <v>400</v>
      </c>
      <c r="K3253" s="98" t="s">
        <v>400</v>
      </c>
      <c r="L3253" s="98" t="s">
        <v>400</v>
      </c>
      <c r="M3253" s="98" t="s">
        <v>400</v>
      </c>
      <c r="N3253" s="98" t="s">
        <v>400</v>
      </c>
      <c r="O3253" s="98" t="s">
        <v>400</v>
      </c>
      <c r="P3253" s="98" t="s">
        <v>400</v>
      </c>
      <c r="Q3253" s="98" t="s">
        <v>400</v>
      </c>
      <c r="R3253" s="98" t="s">
        <v>400</v>
      </c>
      <c r="S3253" s="98" t="s">
        <v>400</v>
      </c>
      <c r="T3253" s="98" t="s">
        <v>400</v>
      </c>
      <c r="U3253" s="128"/>
      <c r="V3253" s="128"/>
      <c r="W3253" s="128"/>
      <c r="X3253" s="128"/>
      <c r="Y3253" s="128"/>
      <c r="Z3253" s="128"/>
      <c r="AA3253" s="128"/>
      <c r="AB3253" s="128"/>
      <c r="AC3253" s="128"/>
      <c r="AD3253" s="128"/>
      <c r="AE3253" s="128"/>
      <c r="AF3253" s="128"/>
      <c r="AG3253" s="128"/>
      <c r="AH3253" s="128"/>
      <c r="AI3253" s="128"/>
      <c r="AJ3253" s="128"/>
      <c r="AK3253" s="128"/>
      <c r="AL3253" s="128"/>
      <c r="AM3253" s="128"/>
      <c r="AN3253" s="128"/>
      <c r="AO3253" s="128"/>
      <c r="AP3253" s="128"/>
      <c r="AQ3253" s="128"/>
      <c r="AR3253" s="128"/>
      <c r="AS3253" s="128"/>
      <c r="AT3253" s="128"/>
      <c r="AU3253" s="128"/>
      <c r="AV3253" s="128"/>
      <c r="AW3253" s="128"/>
      <c r="AX3253" s="128"/>
      <c r="AY3253" s="128"/>
      <c r="AZ3253" s="128"/>
      <c r="BA3253" s="128"/>
      <c r="BB3253" s="107">
        <v>45884</v>
      </c>
    </row>
    <row r="3254" spans="1:54" s="8" customFormat="1" ht="13.95" customHeight="1" x14ac:dyDescent="0.25">
      <c r="A3254" s="219" t="s">
        <v>7371</v>
      </c>
      <c r="B3254" s="220" t="s">
        <v>6395</v>
      </c>
      <c r="C3254" s="98" t="s">
        <v>7372</v>
      </c>
      <c r="D3254" s="98" t="s">
        <v>20952</v>
      </c>
      <c r="E3254" s="141">
        <v>1979</v>
      </c>
      <c r="F3254" s="141">
        <v>1162</v>
      </c>
      <c r="G3254" s="98" t="s">
        <v>1</v>
      </c>
      <c r="H3254" s="98">
        <v>0</v>
      </c>
      <c r="I3254" s="98">
        <v>0</v>
      </c>
      <c r="J3254" s="98" t="s">
        <v>400</v>
      </c>
      <c r="K3254" s="98" t="s">
        <v>400</v>
      </c>
      <c r="L3254" s="98" t="s">
        <v>400</v>
      </c>
      <c r="M3254" s="98" t="s">
        <v>400</v>
      </c>
      <c r="N3254" s="98" t="s">
        <v>400</v>
      </c>
      <c r="O3254" s="98" t="s">
        <v>400</v>
      </c>
      <c r="P3254" s="98" t="s">
        <v>400</v>
      </c>
      <c r="Q3254" s="98" t="s">
        <v>400</v>
      </c>
      <c r="R3254" s="98" t="s">
        <v>400</v>
      </c>
      <c r="S3254" s="98" t="s">
        <v>400</v>
      </c>
      <c r="T3254" s="98" t="s">
        <v>400</v>
      </c>
      <c r="U3254" s="128"/>
      <c r="V3254" s="128"/>
      <c r="W3254" s="128"/>
      <c r="X3254" s="128"/>
      <c r="Y3254" s="128"/>
      <c r="Z3254" s="128"/>
      <c r="AA3254" s="128"/>
      <c r="AB3254" s="128"/>
      <c r="AC3254" s="128"/>
      <c r="AD3254" s="128"/>
      <c r="AE3254" s="128"/>
      <c r="AF3254" s="128"/>
      <c r="AG3254" s="128"/>
      <c r="AH3254" s="128"/>
      <c r="AI3254" s="128"/>
      <c r="AJ3254" s="128"/>
      <c r="AK3254" s="128"/>
      <c r="AL3254" s="128"/>
      <c r="AM3254" s="128"/>
      <c r="AN3254" s="128"/>
      <c r="AO3254" s="128"/>
      <c r="AP3254" s="128"/>
      <c r="AQ3254" s="128"/>
      <c r="AR3254" s="128"/>
      <c r="AS3254" s="128"/>
      <c r="AT3254" s="128"/>
      <c r="AU3254" s="128"/>
      <c r="AV3254" s="128"/>
      <c r="AW3254" s="128"/>
      <c r="AX3254" s="128"/>
      <c r="AY3254" s="128"/>
      <c r="AZ3254" s="128"/>
      <c r="BA3254" s="128"/>
      <c r="BB3254" s="107">
        <v>45884</v>
      </c>
    </row>
    <row r="3255" spans="1:54" s="8" customFormat="1" ht="13.95" customHeight="1" x14ac:dyDescent="0.25">
      <c r="A3255" s="219" t="s">
        <v>7373</v>
      </c>
      <c r="B3255" s="220" t="s">
        <v>6395</v>
      </c>
      <c r="C3255" s="98" t="s">
        <v>7374</v>
      </c>
      <c r="D3255" s="98" t="s">
        <v>20953</v>
      </c>
      <c r="E3255" s="141">
        <v>1957</v>
      </c>
      <c r="F3255" s="141">
        <v>1164</v>
      </c>
      <c r="G3255" s="98" t="s">
        <v>1</v>
      </c>
      <c r="H3255" s="98">
        <v>0</v>
      </c>
      <c r="I3255" s="98">
        <v>0</v>
      </c>
      <c r="J3255" s="98" t="s">
        <v>400</v>
      </c>
      <c r="K3255" s="98" t="s">
        <v>400</v>
      </c>
      <c r="L3255" s="98" t="s">
        <v>400</v>
      </c>
      <c r="M3255" s="98" t="s">
        <v>400</v>
      </c>
      <c r="N3255" s="98" t="s">
        <v>400</v>
      </c>
      <c r="O3255" s="98" t="s">
        <v>400</v>
      </c>
      <c r="P3255" s="98" t="s">
        <v>400</v>
      </c>
      <c r="Q3255" s="98" t="s">
        <v>400</v>
      </c>
      <c r="R3255" s="98" t="s">
        <v>400</v>
      </c>
      <c r="S3255" s="98" t="s">
        <v>400</v>
      </c>
      <c r="T3255" s="98" t="s">
        <v>400</v>
      </c>
      <c r="U3255" s="128"/>
      <c r="V3255" s="128"/>
      <c r="W3255" s="128"/>
      <c r="X3255" s="128"/>
      <c r="Y3255" s="128"/>
      <c r="Z3255" s="128"/>
      <c r="AA3255" s="128"/>
      <c r="AB3255" s="128"/>
      <c r="AC3255" s="128"/>
      <c r="AD3255" s="128"/>
      <c r="AE3255" s="128"/>
      <c r="AF3255" s="128"/>
      <c r="AG3255" s="128"/>
      <c r="AH3255" s="128"/>
      <c r="AI3255" s="128"/>
      <c r="AJ3255" s="128"/>
      <c r="AK3255" s="128"/>
      <c r="AL3255" s="128"/>
      <c r="AM3255" s="128"/>
      <c r="AN3255" s="128"/>
      <c r="AO3255" s="128"/>
      <c r="AP3255" s="128"/>
      <c r="AQ3255" s="128"/>
      <c r="AR3255" s="128"/>
      <c r="AS3255" s="128"/>
      <c r="AT3255" s="128"/>
      <c r="AU3255" s="128"/>
      <c r="AV3255" s="128"/>
      <c r="AW3255" s="128"/>
      <c r="AX3255" s="128"/>
      <c r="AY3255" s="128"/>
      <c r="AZ3255" s="128"/>
      <c r="BA3255" s="128"/>
      <c r="BB3255" s="107">
        <v>45884</v>
      </c>
    </row>
    <row r="3256" spans="1:54" s="8" customFormat="1" ht="13.95" customHeight="1" x14ac:dyDescent="0.25">
      <c r="A3256" s="219" t="s">
        <v>7375</v>
      </c>
      <c r="B3256" s="220" t="s">
        <v>6395</v>
      </c>
      <c r="C3256" s="98" t="s">
        <v>7376</v>
      </c>
      <c r="D3256" s="98" t="s">
        <v>20954</v>
      </c>
      <c r="E3256" s="141">
        <v>1977</v>
      </c>
      <c r="F3256" s="141">
        <v>1170</v>
      </c>
      <c r="G3256" s="98" t="s">
        <v>1</v>
      </c>
      <c r="H3256" s="98">
        <v>0</v>
      </c>
      <c r="I3256" s="98">
        <v>0</v>
      </c>
      <c r="J3256" s="98" t="s">
        <v>400</v>
      </c>
      <c r="K3256" s="98" t="s">
        <v>400</v>
      </c>
      <c r="L3256" s="98" t="s">
        <v>400</v>
      </c>
      <c r="M3256" s="98" t="s">
        <v>400</v>
      </c>
      <c r="N3256" s="98" t="s">
        <v>400</v>
      </c>
      <c r="O3256" s="98" t="s">
        <v>400</v>
      </c>
      <c r="P3256" s="98" t="s">
        <v>400</v>
      </c>
      <c r="Q3256" s="98" t="s">
        <v>400</v>
      </c>
      <c r="R3256" s="98" t="s">
        <v>400</v>
      </c>
      <c r="S3256" s="98" t="s">
        <v>400</v>
      </c>
      <c r="T3256" s="98" t="s">
        <v>400</v>
      </c>
      <c r="U3256" s="128"/>
      <c r="V3256" s="128"/>
      <c r="W3256" s="128"/>
      <c r="X3256" s="128"/>
      <c r="Y3256" s="128"/>
      <c r="Z3256" s="128"/>
      <c r="AA3256" s="128"/>
      <c r="AB3256" s="128"/>
      <c r="AC3256" s="128"/>
      <c r="AD3256" s="128"/>
      <c r="AE3256" s="128"/>
      <c r="AF3256" s="128"/>
      <c r="AG3256" s="128"/>
      <c r="AH3256" s="128"/>
      <c r="AI3256" s="128"/>
      <c r="AJ3256" s="128"/>
      <c r="AK3256" s="128"/>
      <c r="AL3256" s="128"/>
      <c r="AM3256" s="128"/>
      <c r="AN3256" s="128"/>
      <c r="AO3256" s="128"/>
      <c r="AP3256" s="128"/>
      <c r="AQ3256" s="128"/>
      <c r="AR3256" s="128"/>
      <c r="AS3256" s="128"/>
      <c r="AT3256" s="128"/>
      <c r="AU3256" s="128"/>
      <c r="AV3256" s="128"/>
      <c r="AW3256" s="128"/>
      <c r="AX3256" s="128"/>
      <c r="AY3256" s="128"/>
      <c r="AZ3256" s="128"/>
      <c r="BA3256" s="128"/>
      <c r="BB3256" s="107">
        <v>45884</v>
      </c>
    </row>
    <row r="3257" spans="1:54" s="8" customFormat="1" ht="13.95" customHeight="1" x14ac:dyDescent="0.25">
      <c r="A3257" s="219" t="s">
        <v>7377</v>
      </c>
      <c r="B3257" s="220" t="s">
        <v>6395</v>
      </c>
      <c r="C3257" s="98" t="s">
        <v>7378</v>
      </c>
      <c r="D3257" s="98" t="s">
        <v>20955</v>
      </c>
      <c r="E3257" s="141">
        <v>1974</v>
      </c>
      <c r="F3257" s="141">
        <v>1177</v>
      </c>
      <c r="G3257" s="98" t="s">
        <v>1</v>
      </c>
      <c r="H3257" s="98">
        <v>0</v>
      </c>
      <c r="I3257" s="98">
        <v>0</v>
      </c>
      <c r="J3257" s="98" t="s">
        <v>400</v>
      </c>
      <c r="K3257" s="98" t="s">
        <v>400</v>
      </c>
      <c r="L3257" s="98" t="s">
        <v>400</v>
      </c>
      <c r="M3257" s="98" t="s">
        <v>400</v>
      </c>
      <c r="N3257" s="98" t="s">
        <v>400</v>
      </c>
      <c r="O3257" s="98" t="s">
        <v>400</v>
      </c>
      <c r="P3257" s="98" t="s">
        <v>400</v>
      </c>
      <c r="Q3257" s="98" t="s">
        <v>400</v>
      </c>
      <c r="R3257" s="98" t="s">
        <v>400</v>
      </c>
      <c r="S3257" s="98" t="s">
        <v>400</v>
      </c>
      <c r="T3257" s="98" t="s">
        <v>400</v>
      </c>
      <c r="U3257" s="128"/>
      <c r="V3257" s="128"/>
      <c r="W3257" s="128"/>
      <c r="X3257" s="128"/>
      <c r="Y3257" s="128"/>
      <c r="Z3257" s="128"/>
      <c r="AA3257" s="128"/>
      <c r="AB3257" s="128"/>
      <c r="AC3257" s="128"/>
      <c r="AD3257" s="128"/>
      <c r="AE3257" s="128"/>
      <c r="AF3257" s="128"/>
      <c r="AG3257" s="128"/>
      <c r="AH3257" s="128"/>
      <c r="AI3257" s="128"/>
      <c r="AJ3257" s="128"/>
      <c r="AK3257" s="128"/>
      <c r="AL3257" s="128"/>
      <c r="AM3257" s="128"/>
      <c r="AN3257" s="128"/>
      <c r="AO3257" s="128"/>
      <c r="AP3257" s="128"/>
      <c r="AQ3257" s="128"/>
      <c r="AR3257" s="128"/>
      <c r="AS3257" s="128"/>
      <c r="AT3257" s="128"/>
      <c r="AU3257" s="128"/>
      <c r="AV3257" s="128"/>
      <c r="AW3257" s="128"/>
      <c r="AX3257" s="128"/>
      <c r="AY3257" s="128"/>
      <c r="AZ3257" s="128"/>
      <c r="BA3257" s="128"/>
      <c r="BB3257" s="107">
        <v>45884</v>
      </c>
    </row>
    <row r="3258" spans="1:54" s="8" customFormat="1" ht="13.95" customHeight="1" x14ac:dyDescent="0.25">
      <c r="A3258" s="219" t="s">
        <v>7379</v>
      </c>
      <c r="B3258" s="220" t="s">
        <v>6395</v>
      </c>
      <c r="C3258" s="98" t="s">
        <v>7380</v>
      </c>
      <c r="D3258" s="98" t="s">
        <v>20956</v>
      </c>
      <c r="E3258" s="141">
        <v>1966</v>
      </c>
      <c r="F3258" s="141">
        <v>1180</v>
      </c>
      <c r="G3258" s="98" t="s">
        <v>1</v>
      </c>
      <c r="H3258" s="98">
        <v>0</v>
      </c>
      <c r="I3258" s="98">
        <v>0</v>
      </c>
      <c r="J3258" s="98" t="s">
        <v>400</v>
      </c>
      <c r="K3258" s="98" t="s">
        <v>400</v>
      </c>
      <c r="L3258" s="98" t="s">
        <v>400</v>
      </c>
      <c r="M3258" s="98" t="s">
        <v>400</v>
      </c>
      <c r="N3258" s="98" t="s">
        <v>400</v>
      </c>
      <c r="O3258" s="98" t="s">
        <v>400</v>
      </c>
      <c r="P3258" s="98" t="s">
        <v>400</v>
      </c>
      <c r="Q3258" s="98" t="s">
        <v>400</v>
      </c>
      <c r="R3258" s="98" t="s">
        <v>400</v>
      </c>
      <c r="S3258" s="98" t="s">
        <v>400</v>
      </c>
      <c r="T3258" s="98" t="s">
        <v>400</v>
      </c>
      <c r="U3258" s="128"/>
      <c r="V3258" s="128"/>
      <c r="W3258" s="128"/>
      <c r="X3258" s="128"/>
      <c r="Y3258" s="128"/>
      <c r="Z3258" s="128"/>
      <c r="AA3258" s="128"/>
      <c r="AB3258" s="128"/>
      <c r="AC3258" s="128"/>
      <c r="AD3258" s="128"/>
      <c r="AE3258" s="128"/>
      <c r="AF3258" s="128"/>
      <c r="AG3258" s="128"/>
      <c r="AH3258" s="128"/>
      <c r="AI3258" s="128"/>
      <c r="AJ3258" s="128"/>
      <c r="AK3258" s="128"/>
      <c r="AL3258" s="128"/>
      <c r="AM3258" s="128"/>
      <c r="AN3258" s="128"/>
      <c r="AO3258" s="128"/>
      <c r="AP3258" s="128"/>
      <c r="AQ3258" s="128"/>
      <c r="AR3258" s="128"/>
      <c r="AS3258" s="128"/>
      <c r="AT3258" s="128"/>
      <c r="AU3258" s="128"/>
      <c r="AV3258" s="128"/>
      <c r="AW3258" s="128"/>
      <c r="AX3258" s="128"/>
      <c r="AY3258" s="128"/>
      <c r="AZ3258" s="128"/>
      <c r="BA3258" s="128"/>
      <c r="BB3258" s="107">
        <v>45884</v>
      </c>
    </row>
    <row r="3259" spans="1:54" s="8" customFormat="1" ht="13.95" customHeight="1" x14ac:dyDescent="0.25">
      <c r="A3259" s="219" t="s">
        <v>7381</v>
      </c>
      <c r="B3259" s="220" t="s">
        <v>6395</v>
      </c>
      <c r="C3259" s="98" t="s">
        <v>7382</v>
      </c>
      <c r="D3259" s="98" t="s">
        <v>20957</v>
      </c>
      <c r="E3259" s="141">
        <v>1974</v>
      </c>
      <c r="F3259" s="141">
        <v>1185</v>
      </c>
      <c r="G3259" s="98" t="s">
        <v>1</v>
      </c>
      <c r="H3259" s="98">
        <v>0</v>
      </c>
      <c r="I3259" s="98">
        <v>0</v>
      </c>
      <c r="J3259" s="98" t="s">
        <v>400</v>
      </c>
      <c r="K3259" s="98" t="s">
        <v>400</v>
      </c>
      <c r="L3259" s="98" t="s">
        <v>400</v>
      </c>
      <c r="M3259" s="98" t="s">
        <v>400</v>
      </c>
      <c r="N3259" s="98" t="s">
        <v>400</v>
      </c>
      <c r="O3259" s="98" t="s">
        <v>400</v>
      </c>
      <c r="P3259" s="98" t="s">
        <v>400</v>
      </c>
      <c r="Q3259" s="98" t="s">
        <v>400</v>
      </c>
      <c r="R3259" s="98" t="s">
        <v>400</v>
      </c>
      <c r="S3259" s="98" t="s">
        <v>400</v>
      </c>
      <c r="T3259" s="98" t="s">
        <v>400</v>
      </c>
      <c r="U3259" s="128"/>
      <c r="V3259" s="128"/>
      <c r="W3259" s="128"/>
      <c r="X3259" s="128"/>
      <c r="Y3259" s="128"/>
      <c r="Z3259" s="128"/>
      <c r="AA3259" s="128"/>
      <c r="AB3259" s="128"/>
      <c r="AC3259" s="128"/>
      <c r="AD3259" s="128"/>
      <c r="AE3259" s="128"/>
      <c r="AF3259" s="128"/>
      <c r="AG3259" s="128"/>
      <c r="AH3259" s="128"/>
      <c r="AI3259" s="128"/>
      <c r="AJ3259" s="128"/>
      <c r="AK3259" s="128"/>
      <c r="AL3259" s="128"/>
      <c r="AM3259" s="128"/>
      <c r="AN3259" s="128"/>
      <c r="AO3259" s="128"/>
      <c r="AP3259" s="128"/>
      <c r="AQ3259" s="128"/>
      <c r="AR3259" s="128"/>
      <c r="AS3259" s="128"/>
      <c r="AT3259" s="128"/>
      <c r="AU3259" s="128"/>
      <c r="AV3259" s="128"/>
      <c r="AW3259" s="128"/>
      <c r="AX3259" s="128"/>
      <c r="AY3259" s="128"/>
      <c r="AZ3259" s="128"/>
      <c r="BA3259" s="128"/>
      <c r="BB3259" s="107">
        <v>45884</v>
      </c>
    </row>
    <row r="3260" spans="1:54" s="8" customFormat="1" ht="13.95" customHeight="1" x14ac:dyDescent="0.25">
      <c r="A3260" s="219" t="s">
        <v>7383</v>
      </c>
      <c r="B3260" s="220" t="s">
        <v>6395</v>
      </c>
      <c r="C3260" s="98" t="s">
        <v>7384</v>
      </c>
      <c r="D3260" s="98" t="s">
        <v>20958</v>
      </c>
      <c r="E3260" s="141">
        <v>1957</v>
      </c>
      <c r="F3260" s="141">
        <v>1188</v>
      </c>
      <c r="G3260" s="98" t="s">
        <v>1</v>
      </c>
      <c r="H3260" s="98">
        <v>0</v>
      </c>
      <c r="I3260" s="98">
        <v>0</v>
      </c>
      <c r="J3260" s="98" t="s">
        <v>400</v>
      </c>
      <c r="K3260" s="98" t="s">
        <v>400</v>
      </c>
      <c r="L3260" s="98" t="s">
        <v>400</v>
      </c>
      <c r="M3260" s="98" t="s">
        <v>400</v>
      </c>
      <c r="N3260" s="98" t="s">
        <v>400</v>
      </c>
      <c r="O3260" s="98" t="s">
        <v>400</v>
      </c>
      <c r="P3260" s="98" t="s">
        <v>400</v>
      </c>
      <c r="Q3260" s="98" t="s">
        <v>400</v>
      </c>
      <c r="R3260" s="98" t="s">
        <v>400</v>
      </c>
      <c r="S3260" s="98" t="s">
        <v>400</v>
      </c>
      <c r="T3260" s="98" t="s">
        <v>400</v>
      </c>
      <c r="U3260" s="128"/>
      <c r="V3260" s="128"/>
      <c r="W3260" s="128"/>
      <c r="X3260" s="128"/>
      <c r="Y3260" s="128"/>
      <c r="Z3260" s="128"/>
      <c r="AA3260" s="128"/>
      <c r="AB3260" s="128"/>
      <c r="AC3260" s="128"/>
      <c r="AD3260" s="128"/>
      <c r="AE3260" s="128"/>
      <c r="AF3260" s="128"/>
      <c r="AG3260" s="128"/>
      <c r="AH3260" s="128"/>
      <c r="AI3260" s="128"/>
      <c r="AJ3260" s="128"/>
      <c r="AK3260" s="128"/>
      <c r="AL3260" s="128"/>
      <c r="AM3260" s="128"/>
      <c r="AN3260" s="128"/>
      <c r="AO3260" s="128"/>
      <c r="AP3260" s="128"/>
      <c r="AQ3260" s="128"/>
      <c r="AR3260" s="128"/>
      <c r="AS3260" s="128"/>
      <c r="AT3260" s="128"/>
      <c r="AU3260" s="128"/>
      <c r="AV3260" s="128"/>
      <c r="AW3260" s="128"/>
      <c r="AX3260" s="128"/>
      <c r="AY3260" s="128"/>
      <c r="AZ3260" s="128"/>
      <c r="BA3260" s="128"/>
      <c r="BB3260" s="107">
        <v>45884</v>
      </c>
    </row>
    <row r="3261" spans="1:54" s="8" customFormat="1" ht="13.95" customHeight="1" x14ac:dyDescent="0.25">
      <c r="A3261" s="219" t="s">
        <v>7385</v>
      </c>
      <c r="B3261" s="220" t="s">
        <v>6395</v>
      </c>
      <c r="C3261" s="98" t="s">
        <v>7386</v>
      </c>
      <c r="D3261" s="98" t="s">
        <v>20959</v>
      </c>
      <c r="E3261" s="141">
        <v>1957</v>
      </c>
      <c r="F3261" s="141">
        <v>1190</v>
      </c>
      <c r="G3261" s="98" t="s">
        <v>1</v>
      </c>
      <c r="H3261" s="98">
        <v>0</v>
      </c>
      <c r="I3261" s="98">
        <v>0</v>
      </c>
      <c r="J3261" s="98" t="s">
        <v>400</v>
      </c>
      <c r="K3261" s="98" t="s">
        <v>400</v>
      </c>
      <c r="L3261" s="98" t="s">
        <v>400</v>
      </c>
      <c r="M3261" s="98" t="s">
        <v>400</v>
      </c>
      <c r="N3261" s="98" t="s">
        <v>400</v>
      </c>
      <c r="O3261" s="98" t="s">
        <v>400</v>
      </c>
      <c r="P3261" s="98" t="s">
        <v>400</v>
      </c>
      <c r="Q3261" s="98" t="s">
        <v>400</v>
      </c>
      <c r="R3261" s="98" t="s">
        <v>400</v>
      </c>
      <c r="S3261" s="98" t="s">
        <v>400</v>
      </c>
      <c r="T3261" s="98" t="s">
        <v>400</v>
      </c>
      <c r="U3261" s="128"/>
      <c r="V3261" s="128"/>
      <c r="W3261" s="128"/>
      <c r="X3261" s="128"/>
      <c r="Y3261" s="128"/>
      <c r="Z3261" s="128"/>
      <c r="AA3261" s="128"/>
      <c r="AB3261" s="128"/>
      <c r="AC3261" s="128"/>
      <c r="AD3261" s="128"/>
      <c r="AE3261" s="128"/>
      <c r="AF3261" s="128"/>
      <c r="AG3261" s="128"/>
      <c r="AH3261" s="128"/>
      <c r="AI3261" s="128"/>
      <c r="AJ3261" s="128"/>
      <c r="AK3261" s="128"/>
      <c r="AL3261" s="128"/>
      <c r="AM3261" s="128"/>
      <c r="AN3261" s="128"/>
      <c r="AO3261" s="128"/>
      <c r="AP3261" s="128"/>
      <c r="AQ3261" s="128"/>
      <c r="AR3261" s="128"/>
      <c r="AS3261" s="128"/>
      <c r="AT3261" s="128"/>
      <c r="AU3261" s="128"/>
      <c r="AV3261" s="128"/>
      <c r="AW3261" s="128"/>
      <c r="AX3261" s="128"/>
      <c r="AY3261" s="128"/>
      <c r="AZ3261" s="128"/>
      <c r="BA3261" s="128"/>
      <c r="BB3261" s="107">
        <v>45884</v>
      </c>
    </row>
    <row r="3262" spans="1:54" s="8" customFormat="1" ht="13.95" customHeight="1" x14ac:dyDescent="0.25">
      <c r="A3262" s="219" t="s">
        <v>7387</v>
      </c>
      <c r="B3262" s="220" t="s">
        <v>6395</v>
      </c>
      <c r="C3262" s="98" t="s">
        <v>7388</v>
      </c>
      <c r="D3262" s="98" t="s">
        <v>20960</v>
      </c>
      <c r="E3262" s="141">
        <v>1983</v>
      </c>
      <c r="F3262" s="141">
        <v>1193</v>
      </c>
      <c r="G3262" s="98" t="s">
        <v>1</v>
      </c>
      <c r="H3262" s="98">
        <v>0</v>
      </c>
      <c r="I3262" s="98">
        <v>0</v>
      </c>
      <c r="J3262" s="98" t="s">
        <v>400</v>
      </c>
      <c r="K3262" s="98" t="s">
        <v>400</v>
      </c>
      <c r="L3262" s="98" t="s">
        <v>400</v>
      </c>
      <c r="M3262" s="98" t="s">
        <v>400</v>
      </c>
      <c r="N3262" s="98" t="s">
        <v>400</v>
      </c>
      <c r="O3262" s="98" t="s">
        <v>400</v>
      </c>
      <c r="P3262" s="98" t="s">
        <v>400</v>
      </c>
      <c r="Q3262" s="98" t="s">
        <v>400</v>
      </c>
      <c r="R3262" s="98" t="s">
        <v>400</v>
      </c>
      <c r="S3262" s="98" t="s">
        <v>400</v>
      </c>
      <c r="T3262" s="98" t="s">
        <v>400</v>
      </c>
      <c r="U3262" s="128"/>
      <c r="V3262" s="128"/>
      <c r="W3262" s="128"/>
      <c r="X3262" s="128"/>
      <c r="Y3262" s="128"/>
      <c r="Z3262" s="128"/>
      <c r="AA3262" s="128"/>
      <c r="AB3262" s="128"/>
      <c r="AC3262" s="128"/>
      <c r="AD3262" s="128"/>
      <c r="AE3262" s="128"/>
      <c r="AF3262" s="128"/>
      <c r="AG3262" s="128"/>
      <c r="AH3262" s="128"/>
      <c r="AI3262" s="128"/>
      <c r="AJ3262" s="128"/>
      <c r="AK3262" s="128"/>
      <c r="AL3262" s="128"/>
      <c r="AM3262" s="128"/>
      <c r="AN3262" s="128"/>
      <c r="AO3262" s="128"/>
      <c r="AP3262" s="128"/>
      <c r="AQ3262" s="128"/>
      <c r="AR3262" s="128"/>
      <c r="AS3262" s="128"/>
      <c r="AT3262" s="128"/>
      <c r="AU3262" s="128"/>
      <c r="AV3262" s="128"/>
      <c r="AW3262" s="128"/>
      <c r="AX3262" s="128"/>
      <c r="AY3262" s="128"/>
      <c r="AZ3262" s="128"/>
      <c r="BA3262" s="128"/>
      <c r="BB3262" s="107">
        <v>45884</v>
      </c>
    </row>
    <row r="3263" spans="1:54" s="8" customFormat="1" ht="13.95" customHeight="1" x14ac:dyDescent="0.25">
      <c r="A3263" s="219" t="s">
        <v>7389</v>
      </c>
      <c r="B3263" s="220" t="s">
        <v>6395</v>
      </c>
      <c r="C3263" s="98" t="s">
        <v>7390</v>
      </c>
      <c r="D3263" s="98" t="s">
        <v>20961</v>
      </c>
      <c r="E3263" s="141">
        <v>1979</v>
      </c>
      <c r="F3263" s="141">
        <v>1194</v>
      </c>
      <c r="G3263" s="98" t="s">
        <v>1</v>
      </c>
      <c r="H3263" s="98">
        <v>0</v>
      </c>
      <c r="I3263" s="98">
        <v>0</v>
      </c>
      <c r="J3263" s="98" t="s">
        <v>400</v>
      </c>
      <c r="K3263" s="98" t="s">
        <v>400</v>
      </c>
      <c r="L3263" s="98" t="s">
        <v>400</v>
      </c>
      <c r="M3263" s="98" t="s">
        <v>400</v>
      </c>
      <c r="N3263" s="98" t="s">
        <v>400</v>
      </c>
      <c r="O3263" s="98" t="s">
        <v>400</v>
      </c>
      <c r="P3263" s="98" t="s">
        <v>400</v>
      </c>
      <c r="Q3263" s="98" t="s">
        <v>400</v>
      </c>
      <c r="R3263" s="98" t="s">
        <v>400</v>
      </c>
      <c r="S3263" s="98" t="s">
        <v>400</v>
      </c>
      <c r="T3263" s="98" t="s">
        <v>400</v>
      </c>
      <c r="U3263" s="128"/>
      <c r="V3263" s="128"/>
      <c r="W3263" s="128"/>
      <c r="X3263" s="128"/>
      <c r="Y3263" s="128"/>
      <c r="Z3263" s="128"/>
      <c r="AA3263" s="128"/>
      <c r="AB3263" s="128"/>
      <c r="AC3263" s="128"/>
      <c r="AD3263" s="128"/>
      <c r="AE3263" s="128"/>
      <c r="AF3263" s="128"/>
      <c r="AG3263" s="128"/>
      <c r="AH3263" s="128"/>
      <c r="AI3263" s="128"/>
      <c r="AJ3263" s="128"/>
      <c r="AK3263" s="128"/>
      <c r="AL3263" s="128"/>
      <c r="AM3263" s="128"/>
      <c r="AN3263" s="128"/>
      <c r="AO3263" s="128"/>
      <c r="AP3263" s="128"/>
      <c r="AQ3263" s="128"/>
      <c r="AR3263" s="128"/>
      <c r="AS3263" s="128"/>
      <c r="AT3263" s="128"/>
      <c r="AU3263" s="128"/>
      <c r="AV3263" s="128"/>
      <c r="AW3263" s="128"/>
      <c r="AX3263" s="128"/>
      <c r="AY3263" s="128"/>
      <c r="AZ3263" s="128"/>
      <c r="BA3263" s="128"/>
      <c r="BB3263" s="107">
        <v>45884</v>
      </c>
    </row>
    <row r="3264" spans="1:54" s="8" customFormat="1" ht="13.95" customHeight="1" x14ac:dyDescent="0.25">
      <c r="A3264" s="219" t="s">
        <v>7391</v>
      </c>
      <c r="B3264" s="220" t="s">
        <v>6395</v>
      </c>
      <c r="C3264" s="98" t="s">
        <v>7392</v>
      </c>
      <c r="D3264" s="98" t="s">
        <v>20962</v>
      </c>
      <c r="E3264" s="141">
        <v>1984</v>
      </c>
      <c r="F3264" s="141">
        <v>1203</v>
      </c>
      <c r="G3264" s="98" t="s">
        <v>1</v>
      </c>
      <c r="H3264" s="98">
        <v>0</v>
      </c>
      <c r="I3264" s="98">
        <v>0</v>
      </c>
      <c r="J3264" s="98" t="s">
        <v>400</v>
      </c>
      <c r="K3264" s="98" t="s">
        <v>400</v>
      </c>
      <c r="L3264" s="98" t="s">
        <v>400</v>
      </c>
      <c r="M3264" s="98" t="s">
        <v>400</v>
      </c>
      <c r="N3264" s="98" t="s">
        <v>400</v>
      </c>
      <c r="O3264" s="98" t="s">
        <v>400</v>
      </c>
      <c r="P3264" s="98" t="s">
        <v>400</v>
      </c>
      <c r="Q3264" s="98" t="s">
        <v>400</v>
      </c>
      <c r="R3264" s="98" t="s">
        <v>400</v>
      </c>
      <c r="S3264" s="98" t="s">
        <v>400</v>
      </c>
      <c r="T3264" s="98" t="s">
        <v>400</v>
      </c>
      <c r="U3264" s="128"/>
      <c r="V3264" s="128"/>
      <c r="W3264" s="128"/>
      <c r="X3264" s="128"/>
      <c r="Y3264" s="128"/>
      <c r="Z3264" s="128"/>
      <c r="AA3264" s="128"/>
      <c r="AB3264" s="128"/>
      <c r="AC3264" s="128"/>
      <c r="AD3264" s="128"/>
      <c r="AE3264" s="128"/>
      <c r="AF3264" s="128"/>
      <c r="AG3264" s="128"/>
      <c r="AH3264" s="128"/>
      <c r="AI3264" s="128"/>
      <c r="AJ3264" s="128"/>
      <c r="AK3264" s="128"/>
      <c r="AL3264" s="128"/>
      <c r="AM3264" s="128"/>
      <c r="AN3264" s="128"/>
      <c r="AO3264" s="128"/>
      <c r="AP3264" s="128"/>
      <c r="AQ3264" s="128"/>
      <c r="AR3264" s="128"/>
      <c r="AS3264" s="128"/>
      <c r="AT3264" s="128"/>
      <c r="AU3264" s="128"/>
      <c r="AV3264" s="128"/>
      <c r="AW3264" s="128"/>
      <c r="AX3264" s="128"/>
      <c r="AY3264" s="128"/>
      <c r="AZ3264" s="128"/>
      <c r="BA3264" s="128"/>
      <c r="BB3264" s="107">
        <v>45884</v>
      </c>
    </row>
    <row r="3265" spans="1:54" s="8" customFormat="1" ht="13.95" customHeight="1" x14ac:dyDescent="0.25">
      <c r="A3265" s="219" t="s">
        <v>7393</v>
      </c>
      <c r="B3265" s="220" t="s">
        <v>6395</v>
      </c>
      <c r="C3265" s="98" t="s">
        <v>7394</v>
      </c>
      <c r="D3265" s="98" t="s">
        <v>20963</v>
      </c>
      <c r="E3265" s="141">
        <v>1983</v>
      </c>
      <c r="F3265" s="141">
        <v>1208</v>
      </c>
      <c r="G3265" s="98" t="s">
        <v>1</v>
      </c>
      <c r="H3265" s="98">
        <v>0</v>
      </c>
      <c r="I3265" s="98">
        <v>0</v>
      </c>
      <c r="J3265" s="98" t="s">
        <v>400</v>
      </c>
      <c r="K3265" s="98" t="s">
        <v>400</v>
      </c>
      <c r="L3265" s="98" t="s">
        <v>400</v>
      </c>
      <c r="M3265" s="98" t="s">
        <v>400</v>
      </c>
      <c r="N3265" s="98" t="s">
        <v>400</v>
      </c>
      <c r="O3265" s="98" t="s">
        <v>400</v>
      </c>
      <c r="P3265" s="98" t="s">
        <v>400</v>
      </c>
      <c r="Q3265" s="98" t="s">
        <v>400</v>
      </c>
      <c r="R3265" s="98" t="s">
        <v>400</v>
      </c>
      <c r="S3265" s="98" t="s">
        <v>400</v>
      </c>
      <c r="T3265" s="98" t="s">
        <v>400</v>
      </c>
      <c r="U3265" s="128"/>
      <c r="V3265" s="128"/>
      <c r="W3265" s="128"/>
      <c r="X3265" s="128"/>
      <c r="Y3265" s="128"/>
      <c r="Z3265" s="128"/>
      <c r="AA3265" s="128"/>
      <c r="AB3265" s="128"/>
      <c r="AC3265" s="128"/>
      <c r="AD3265" s="128"/>
      <c r="AE3265" s="128"/>
      <c r="AF3265" s="128"/>
      <c r="AG3265" s="128"/>
      <c r="AH3265" s="128"/>
      <c r="AI3265" s="128"/>
      <c r="AJ3265" s="128"/>
      <c r="AK3265" s="128"/>
      <c r="AL3265" s="128"/>
      <c r="AM3265" s="128"/>
      <c r="AN3265" s="128"/>
      <c r="AO3265" s="128"/>
      <c r="AP3265" s="128"/>
      <c r="AQ3265" s="128"/>
      <c r="AR3265" s="128"/>
      <c r="AS3265" s="128"/>
      <c r="AT3265" s="128"/>
      <c r="AU3265" s="128"/>
      <c r="AV3265" s="128"/>
      <c r="AW3265" s="128"/>
      <c r="AX3265" s="128"/>
      <c r="AY3265" s="128"/>
      <c r="AZ3265" s="128"/>
      <c r="BA3265" s="128"/>
      <c r="BB3265" s="107">
        <v>45884</v>
      </c>
    </row>
    <row r="3266" spans="1:54" s="8" customFormat="1" ht="13.95" customHeight="1" x14ac:dyDescent="0.25">
      <c r="A3266" s="219" t="s">
        <v>7395</v>
      </c>
      <c r="B3266" s="220" t="s">
        <v>6395</v>
      </c>
      <c r="C3266" s="98" t="s">
        <v>7396</v>
      </c>
      <c r="D3266" s="98" t="s">
        <v>20964</v>
      </c>
      <c r="E3266" s="141">
        <v>1992</v>
      </c>
      <c r="F3266" s="141">
        <v>1213</v>
      </c>
      <c r="G3266" s="98" t="s">
        <v>1</v>
      </c>
      <c r="H3266" s="98">
        <v>0</v>
      </c>
      <c r="I3266" s="98">
        <v>0</v>
      </c>
      <c r="J3266" s="98" t="s">
        <v>400</v>
      </c>
      <c r="K3266" s="98" t="s">
        <v>400</v>
      </c>
      <c r="L3266" s="98" t="s">
        <v>400</v>
      </c>
      <c r="M3266" s="98" t="s">
        <v>400</v>
      </c>
      <c r="N3266" s="98" t="s">
        <v>400</v>
      </c>
      <c r="O3266" s="98" t="s">
        <v>400</v>
      </c>
      <c r="P3266" s="98" t="s">
        <v>400</v>
      </c>
      <c r="Q3266" s="98" t="s">
        <v>400</v>
      </c>
      <c r="R3266" s="98" t="s">
        <v>400</v>
      </c>
      <c r="S3266" s="98" t="s">
        <v>400</v>
      </c>
      <c r="T3266" s="98" t="s">
        <v>400</v>
      </c>
      <c r="U3266" s="128"/>
      <c r="V3266" s="128"/>
      <c r="W3266" s="128"/>
      <c r="X3266" s="128"/>
      <c r="Y3266" s="128"/>
      <c r="Z3266" s="128"/>
      <c r="AA3266" s="128"/>
      <c r="AB3266" s="128"/>
      <c r="AC3266" s="128"/>
      <c r="AD3266" s="128"/>
      <c r="AE3266" s="128"/>
      <c r="AF3266" s="128"/>
      <c r="AG3266" s="128"/>
      <c r="AH3266" s="128"/>
      <c r="AI3266" s="128"/>
      <c r="AJ3266" s="128"/>
      <c r="AK3266" s="128"/>
      <c r="AL3266" s="128"/>
      <c r="AM3266" s="128"/>
      <c r="AN3266" s="128"/>
      <c r="AO3266" s="128"/>
      <c r="AP3266" s="128"/>
      <c r="AQ3266" s="128"/>
      <c r="AR3266" s="128"/>
      <c r="AS3266" s="128"/>
      <c r="AT3266" s="128"/>
      <c r="AU3266" s="128"/>
      <c r="AV3266" s="128"/>
      <c r="AW3266" s="128"/>
      <c r="AX3266" s="128"/>
      <c r="AY3266" s="128"/>
      <c r="AZ3266" s="128"/>
      <c r="BA3266" s="128"/>
      <c r="BB3266" s="107">
        <v>45884</v>
      </c>
    </row>
    <row r="3267" spans="1:54" s="8" customFormat="1" ht="13.95" customHeight="1" x14ac:dyDescent="0.25">
      <c r="A3267" s="219" t="s">
        <v>7397</v>
      </c>
      <c r="B3267" s="220" t="s">
        <v>6395</v>
      </c>
      <c r="C3267" s="98" t="s">
        <v>7398</v>
      </c>
      <c r="D3267" s="98" t="s">
        <v>20965</v>
      </c>
      <c r="E3267" s="141">
        <v>1984</v>
      </c>
      <c r="F3267" s="141">
        <v>1219</v>
      </c>
      <c r="G3267" s="98" t="s">
        <v>1</v>
      </c>
      <c r="H3267" s="98">
        <v>0</v>
      </c>
      <c r="I3267" s="98">
        <v>0</v>
      </c>
      <c r="J3267" s="98" t="s">
        <v>400</v>
      </c>
      <c r="K3267" s="98" t="s">
        <v>400</v>
      </c>
      <c r="L3267" s="98" t="s">
        <v>400</v>
      </c>
      <c r="M3267" s="98" t="s">
        <v>400</v>
      </c>
      <c r="N3267" s="98" t="s">
        <v>400</v>
      </c>
      <c r="O3267" s="98" t="s">
        <v>400</v>
      </c>
      <c r="P3267" s="98" t="s">
        <v>400</v>
      </c>
      <c r="Q3267" s="98" t="s">
        <v>400</v>
      </c>
      <c r="R3267" s="98" t="s">
        <v>400</v>
      </c>
      <c r="S3267" s="98" t="s">
        <v>400</v>
      </c>
      <c r="T3267" s="98" t="s">
        <v>400</v>
      </c>
      <c r="U3267" s="128"/>
      <c r="V3267" s="128"/>
      <c r="W3267" s="128"/>
      <c r="X3267" s="128"/>
      <c r="Y3267" s="128"/>
      <c r="Z3267" s="128"/>
      <c r="AA3267" s="128"/>
      <c r="AB3267" s="128"/>
      <c r="AC3267" s="128"/>
      <c r="AD3267" s="128"/>
      <c r="AE3267" s="128"/>
      <c r="AF3267" s="128"/>
      <c r="AG3267" s="128"/>
      <c r="AH3267" s="128"/>
      <c r="AI3267" s="128"/>
      <c r="AJ3267" s="128"/>
      <c r="AK3267" s="128"/>
      <c r="AL3267" s="128"/>
      <c r="AM3267" s="128"/>
      <c r="AN3267" s="128"/>
      <c r="AO3267" s="128"/>
      <c r="AP3267" s="128"/>
      <c r="AQ3267" s="128"/>
      <c r="AR3267" s="128"/>
      <c r="AS3267" s="128"/>
      <c r="AT3267" s="128"/>
      <c r="AU3267" s="128"/>
      <c r="AV3267" s="128"/>
      <c r="AW3267" s="128"/>
      <c r="AX3267" s="128"/>
      <c r="AY3267" s="128"/>
      <c r="AZ3267" s="128"/>
      <c r="BA3267" s="128"/>
      <c r="BB3267" s="107">
        <v>45884</v>
      </c>
    </row>
    <row r="3268" spans="1:54" s="8" customFormat="1" ht="13.95" customHeight="1" x14ac:dyDescent="0.25">
      <c r="A3268" s="219" t="s">
        <v>7399</v>
      </c>
      <c r="B3268" s="220" t="s">
        <v>6395</v>
      </c>
      <c r="C3268" s="98" t="s">
        <v>7400</v>
      </c>
      <c r="D3268" s="98" t="s">
        <v>20966</v>
      </c>
      <c r="E3268" s="141">
        <v>1979</v>
      </c>
      <c r="F3268" s="141">
        <v>1225</v>
      </c>
      <c r="G3268" s="98" t="s">
        <v>1</v>
      </c>
      <c r="H3268" s="98">
        <v>0</v>
      </c>
      <c r="I3268" s="98">
        <v>0</v>
      </c>
      <c r="J3268" s="98" t="s">
        <v>400</v>
      </c>
      <c r="K3268" s="98" t="s">
        <v>400</v>
      </c>
      <c r="L3268" s="98" t="s">
        <v>400</v>
      </c>
      <c r="M3268" s="98" t="s">
        <v>400</v>
      </c>
      <c r="N3268" s="98" t="s">
        <v>400</v>
      </c>
      <c r="O3268" s="98" t="s">
        <v>400</v>
      </c>
      <c r="P3268" s="98" t="s">
        <v>400</v>
      </c>
      <c r="Q3268" s="98" t="s">
        <v>400</v>
      </c>
      <c r="R3268" s="98" t="s">
        <v>400</v>
      </c>
      <c r="S3268" s="98" t="s">
        <v>400</v>
      </c>
      <c r="T3268" s="98" t="s">
        <v>400</v>
      </c>
      <c r="U3268" s="128"/>
      <c r="V3268" s="128"/>
      <c r="W3268" s="128"/>
      <c r="X3268" s="128"/>
      <c r="Y3268" s="128"/>
      <c r="Z3268" s="128"/>
      <c r="AA3268" s="128"/>
      <c r="AB3268" s="128"/>
      <c r="AC3268" s="128"/>
      <c r="AD3268" s="128"/>
      <c r="AE3268" s="128"/>
      <c r="AF3268" s="128"/>
      <c r="AG3268" s="128"/>
      <c r="AH3268" s="128"/>
      <c r="AI3268" s="128"/>
      <c r="AJ3268" s="128"/>
      <c r="AK3268" s="128"/>
      <c r="AL3268" s="128"/>
      <c r="AM3268" s="128"/>
      <c r="AN3268" s="128"/>
      <c r="AO3268" s="128"/>
      <c r="AP3268" s="128"/>
      <c r="AQ3268" s="128"/>
      <c r="AR3268" s="128"/>
      <c r="AS3268" s="128"/>
      <c r="AT3268" s="128"/>
      <c r="AU3268" s="128"/>
      <c r="AV3268" s="128"/>
      <c r="AW3268" s="128"/>
      <c r="AX3268" s="128"/>
      <c r="AY3268" s="128"/>
      <c r="AZ3268" s="128"/>
      <c r="BA3268" s="128"/>
      <c r="BB3268" s="107">
        <v>45884</v>
      </c>
    </row>
    <row r="3269" spans="1:54" s="8" customFormat="1" ht="13.95" customHeight="1" x14ac:dyDescent="0.25">
      <c r="A3269" s="219" t="s">
        <v>7401</v>
      </c>
      <c r="B3269" s="220" t="s">
        <v>6395</v>
      </c>
      <c r="C3269" s="98" t="s">
        <v>7402</v>
      </c>
      <c r="D3269" s="98" t="s">
        <v>20967</v>
      </c>
      <c r="E3269" s="141">
        <v>2007</v>
      </c>
      <c r="F3269" s="141">
        <v>1228</v>
      </c>
      <c r="G3269" s="98" t="s">
        <v>1</v>
      </c>
      <c r="H3269" s="98">
        <v>0</v>
      </c>
      <c r="I3269" s="98">
        <v>0</v>
      </c>
      <c r="J3269" s="98" t="s">
        <v>400</v>
      </c>
      <c r="K3269" s="98" t="s">
        <v>400</v>
      </c>
      <c r="L3269" s="98" t="s">
        <v>400</v>
      </c>
      <c r="M3269" s="98" t="s">
        <v>400</v>
      </c>
      <c r="N3269" s="98" t="s">
        <v>400</v>
      </c>
      <c r="O3269" s="98" t="s">
        <v>400</v>
      </c>
      <c r="P3269" s="98" t="s">
        <v>400</v>
      </c>
      <c r="Q3269" s="98" t="s">
        <v>400</v>
      </c>
      <c r="R3269" s="98" t="s">
        <v>400</v>
      </c>
      <c r="S3269" s="98" t="s">
        <v>400</v>
      </c>
      <c r="T3269" s="98" t="s">
        <v>400</v>
      </c>
      <c r="U3269" s="128"/>
      <c r="V3269" s="128"/>
      <c r="W3269" s="128"/>
      <c r="X3269" s="128"/>
      <c r="Y3269" s="128"/>
      <c r="Z3269" s="128"/>
      <c r="AA3269" s="128"/>
      <c r="AB3269" s="128"/>
      <c r="AC3269" s="128"/>
      <c r="AD3269" s="128"/>
      <c r="AE3269" s="128"/>
      <c r="AF3269" s="128"/>
      <c r="AG3269" s="128"/>
      <c r="AH3269" s="128"/>
      <c r="AI3269" s="128"/>
      <c r="AJ3269" s="128"/>
      <c r="AK3269" s="128"/>
      <c r="AL3269" s="128"/>
      <c r="AM3269" s="128"/>
      <c r="AN3269" s="128"/>
      <c r="AO3269" s="128"/>
      <c r="AP3269" s="128"/>
      <c r="AQ3269" s="128"/>
      <c r="AR3269" s="128"/>
      <c r="AS3269" s="128"/>
      <c r="AT3269" s="128"/>
      <c r="AU3269" s="128"/>
      <c r="AV3269" s="128"/>
      <c r="AW3269" s="128"/>
      <c r="AX3269" s="128"/>
      <c r="AY3269" s="128"/>
      <c r="AZ3269" s="128"/>
      <c r="BA3269" s="128"/>
      <c r="BB3269" s="107">
        <v>45884</v>
      </c>
    </row>
    <row r="3270" spans="1:54" s="8" customFormat="1" ht="13.95" customHeight="1" x14ac:dyDescent="0.25">
      <c r="A3270" s="219" t="s">
        <v>7403</v>
      </c>
      <c r="B3270" s="220" t="s">
        <v>6395</v>
      </c>
      <c r="C3270" s="98" t="s">
        <v>7404</v>
      </c>
      <c r="D3270" s="98" t="s">
        <v>20968</v>
      </c>
      <c r="E3270" s="141">
        <v>1985</v>
      </c>
      <c r="F3270" s="141">
        <v>1241</v>
      </c>
      <c r="G3270" s="98" t="s">
        <v>8</v>
      </c>
      <c r="H3270" s="98">
        <v>0</v>
      </c>
      <c r="I3270" s="98">
        <v>0</v>
      </c>
      <c r="J3270" s="98" t="s">
        <v>400</v>
      </c>
      <c r="K3270" s="98" t="s">
        <v>400</v>
      </c>
      <c r="L3270" s="98" t="s">
        <v>400</v>
      </c>
      <c r="M3270" s="98" t="s">
        <v>400</v>
      </c>
      <c r="N3270" s="98" t="s">
        <v>400</v>
      </c>
      <c r="O3270" s="98" t="s">
        <v>400</v>
      </c>
      <c r="P3270" s="98" t="s">
        <v>400</v>
      </c>
      <c r="Q3270" s="98" t="s">
        <v>400</v>
      </c>
      <c r="R3270" s="98" t="s">
        <v>400</v>
      </c>
      <c r="S3270" s="98" t="s">
        <v>400</v>
      </c>
      <c r="T3270" s="98" t="s">
        <v>400</v>
      </c>
      <c r="U3270" s="98">
        <v>0</v>
      </c>
      <c r="V3270" s="98">
        <v>0</v>
      </c>
      <c r="W3270" s="98" t="s">
        <v>400</v>
      </c>
      <c r="X3270" s="98">
        <v>0</v>
      </c>
      <c r="Y3270" s="98">
        <v>0</v>
      </c>
      <c r="Z3270" s="98">
        <v>0</v>
      </c>
      <c r="AA3270" s="98" t="s">
        <v>400</v>
      </c>
      <c r="AB3270" s="98">
        <v>0</v>
      </c>
      <c r="AC3270" s="98">
        <v>0</v>
      </c>
      <c r="AD3270" s="98">
        <v>0</v>
      </c>
      <c r="AE3270" s="98">
        <v>0</v>
      </c>
      <c r="AF3270" s="98">
        <v>0</v>
      </c>
      <c r="AG3270" s="98">
        <v>0</v>
      </c>
      <c r="AH3270" s="98">
        <v>0</v>
      </c>
      <c r="AI3270" s="98">
        <v>0</v>
      </c>
      <c r="AJ3270" s="98">
        <v>0</v>
      </c>
      <c r="AK3270" s="98">
        <v>0</v>
      </c>
      <c r="AL3270" s="98">
        <v>0</v>
      </c>
      <c r="AM3270" s="98">
        <v>0</v>
      </c>
      <c r="AN3270" s="98">
        <v>0</v>
      </c>
      <c r="AO3270" s="98">
        <v>0</v>
      </c>
      <c r="AP3270" s="98">
        <v>0</v>
      </c>
      <c r="AQ3270" s="98">
        <v>0</v>
      </c>
      <c r="AR3270" s="98">
        <v>0</v>
      </c>
      <c r="AS3270" s="98">
        <v>0</v>
      </c>
      <c r="AT3270" s="129">
        <v>0</v>
      </c>
      <c r="AU3270" s="98">
        <v>0</v>
      </c>
      <c r="AV3270" s="98">
        <v>0</v>
      </c>
      <c r="AW3270" s="98">
        <v>0</v>
      </c>
      <c r="AX3270" s="98"/>
      <c r="AY3270" s="98"/>
      <c r="AZ3270" s="98"/>
      <c r="BA3270" s="98"/>
      <c r="BB3270" s="107">
        <v>45884</v>
      </c>
    </row>
    <row r="3271" spans="1:54" s="8" customFormat="1" ht="13.95" customHeight="1" x14ac:dyDescent="0.25">
      <c r="A3271" s="219" t="s">
        <v>7405</v>
      </c>
      <c r="B3271" s="220" t="s">
        <v>6395</v>
      </c>
      <c r="C3271" s="98" t="s">
        <v>7406</v>
      </c>
      <c r="D3271" s="98" t="s">
        <v>20354</v>
      </c>
      <c r="E3271" s="141">
        <v>1979</v>
      </c>
      <c r="F3271" s="141">
        <v>1244</v>
      </c>
      <c r="G3271" s="98" t="s">
        <v>8</v>
      </c>
      <c r="H3271" s="98">
        <v>0</v>
      </c>
      <c r="I3271" s="98">
        <v>0</v>
      </c>
      <c r="J3271" s="98" t="s">
        <v>400</v>
      </c>
      <c r="K3271" s="98" t="s">
        <v>400</v>
      </c>
      <c r="L3271" s="98" t="s">
        <v>400</v>
      </c>
      <c r="M3271" s="98" t="s">
        <v>400</v>
      </c>
      <c r="N3271" s="98" t="s">
        <v>400</v>
      </c>
      <c r="O3271" s="98" t="s">
        <v>400</v>
      </c>
      <c r="P3271" s="98" t="s">
        <v>400</v>
      </c>
      <c r="Q3271" s="98" t="s">
        <v>400</v>
      </c>
      <c r="R3271" s="98" t="s">
        <v>400</v>
      </c>
      <c r="S3271" s="98" t="s">
        <v>400</v>
      </c>
      <c r="T3271" s="98" t="s">
        <v>400</v>
      </c>
      <c r="U3271" s="98">
        <v>0</v>
      </c>
      <c r="V3271" s="98">
        <v>0</v>
      </c>
      <c r="W3271" s="98" t="s">
        <v>400</v>
      </c>
      <c r="X3271" s="98">
        <v>0</v>
      </c>
      <c r="Y3271" s="98">
        <v>0</v>
      </c>
      <c r="Z3271" s="98">
        <v>0</v>
      </c>
      <c r="AA3271" s="98" t="s">
        <v>400</v>
      </c>
      <c r="AB3271" s="98">
        <v>0</v>
      </c>
      <c r="AC3271" s="98">
        <v>0</v>
      </c>
      <c r="AD3271" s="98">
        <v>0</v>
      </c>
      <c r="AE3271" s="98">
        <v>0</v>
      </c>
      <c r="AF3271" s="98">
        <v>0</v>
      </c>
      <c r="AG3271" s="98">
        <v>0</v>
      </c>
      <c r="AH3271" s="98">
        <v>0</v>
      </c>
      <c r="AI3271" s="98">
        <v>0</v>
      </c>
      <c r="AJ3271" s="98">
        <v>0</v>
      </c>
      <c r="AK3271" s="98">
        <v>0</v>
      </c>
      <c r="AL3271" s="98">
        <v>0</v>
      </c>
      <c r="AM3271" s="98">
        <v>0</v>
      </c>
      <c r="AN3271" s="98">
        <v>0</v>
      </c>
      <c r="AO3271" s="98">
        <v>0</v>
      </c>
      <c r="AP3271" s="98">
        <v>0</v>
      </c>
      <c r="AQ3271" s="98">
        <v>0</v>
      </c>
      <c r="AR3271" s="98">
        <v>0</v>
      </c>
      <c r="AS3271" s="98">
        <v>0</v>
      </c>
      <c r="AT3271" s="129">
        <v>0</v>
      </c>
      <c r="AU3271" s="98">
        <v>0</v>
      </c>
      <c r="AV3271" s="98">
        <v>0</v>
      </c>
      <c r="AW3271" s="98">
        <v>0</v>
      </c>
      <c r="AX3271" s="98"/>
      <c r="AY3271" s="98"/>
      <c r="AZ3271" s="98"/>
      <c r="BA3271" s="98"/>
      <c r="BB3271" s="107">
        <v>45884</v>
      </c>
    </row>
    <row r="3272" spans="1:54" s="8" customFormat="1" ht="13.95" customHeight="1" x14ac:dyDescent="0.25">
      <c r="A3272" s="219" t="s">
        <v>7407</v>
      </c>
      <c r="B3272" s="220" t="s">
        <v>6395</v>
      </c>
      <c r="C3272" s="98" t="s">
        <v>7408</v>
      </c>
      <c r="D3272" s="98" t="s">
        <v>20969</v>
      </c>
      <c r="E3272" s="141">
        <v>1974</v>
      </c>
      <c r="F3272" s="141">
        <v>1249</v>
      </c>
      <c r="G3272" s="98" t="s">
        <v>1</v>
      </c>
      <c r="H3272" s="98">
        <v>0</v>
      </c>
      <c r="I3272" s="98">
        <v>0</v>
      </c>
      <c r="J3272" s="98" t="s">
        <v>400</v>
      </c>
      <c r="K3272" s="98" t="s">
        <v>400</v>
      </c>
      <c r="L3272" s="98" t="s">
        <v>400</v>
      </c>
      <c r="M3272" s="98" t="s">
        <v>400</v>
      </c>
      <c r="N3272" s="98" t="s">
        <v>400</v>
      </c>
      <c r="O3272" s="98" t="s">
        <v>400</v>
      </c>
      <c r="P3272" s="98" t="s">
        <v>400</v>
      </c>
      <c r="Q3272" s="98" t="s">
        <v>400</v>
      </c>
      <c r="R3272" s="98" t="s">
        <v>400</v>
      </c>
      <c r="S3272" s="98" t="s">
        <v>400</v>
      </c>
      <c r="T3272" s="98" t="s">
        <v>400</v>
      </c>
      <c r="U3272" s="128"/>
      <c r="V3272" s="128"/>
      <c r="W3272" s="128"/>
      <c r="X3272" s="128"/>
      <c r="Y3272" s="128"/>
      <c r="Z3272" s="128"/>
      <c r="AA3272" s="128"/>
      <c r="AB3272" s="128"/>
      <c r="AC3272" s="128"/>
      <c r="AD3272" s="128"/>
      <c r="AE3272" s="128"/>
      <c r="AF3272" s="128"/>
      <c r="AG3272" s="128"/>
      <c r="AH3272" s="128"/>
      <c r="AI3272" s="128"/>
      <c r="AJ3272" s="128"/>
      <c r="AK3272" s="128"/>
      <c r="AL3272" s="128"/>
      <c r="AM3272" s="128"/>
      <c r="AN3272" s="128"/>
      <c r="AO3272" s="128"/>
      <c r="AP3272" s="128"/>
      <c r="AQ3272" s="128"/>
      <c r="AR3272" s="128"/>
      <c r="AS3272" s="128"/>
      <c r="AT3272" s="128"/>
      <c r="AU3272" s="128"/>
      <c r="AV3272" s="128"/>
      <c r="AW3272" s="128"/>
      <c r="AX3272" s="128"/>
      <c r="AY3272" s="128"/>
      <c r="AZ3272" s="128"/>
      <c r="BA3272" s="128"/>
      <c r="BB3272" s="107">
        <v>45884</v>
      </c>
    </row>
    <row r="3273" spans="1:54" s="8" customFormat="1" ht="13.95" customHeight="1" x14ac:dyDescent="0.25">
      <c r="A3273" s="219" t="s">
        <v>7409</v>
      </c>
      <c r="B3273" s="220" t="s">
        <v>6395</v>
      </c>
      <c r="C3273" s="98" t="s">
        <v>7410</v>
      </c>
      <c r="D3273" s="98" t="s">
        <v>20970</v>
      </c>
      <c r="E3273" s="141">
        <v>1984</v>
      </c>
      <c r="F3273" s="141">
        <v>1251</v>
      </c>
      <c r="G3273" s="98" t="s">
        <v>1</v>
      </c>
      <c r="H3273" s="98">
        <v>0</v>
      </c>
      <c r="I3273" s="98">
        <v>0</v>
      </c>
      <c r="J3273" s="98" t="s">
        <v>400</v>
      </c>
      <c r="K3273" s="98" t="s">
        <v>400</v>
      </c>
      <c r="L3273" s="98" t="s">
        <v>400</v>
      </c>
      <c r="M3273" s="98" t="s">
        <v>400</v>
      </c>
      <c r="N3273" s="98" t="s">
        <v>400</v>
      </c>
      <c r="O3273" s="98" t="s">
        <v>400</v>
      </c>
      <c r="P3273" s="98" t="s">
        <v>400</v>
      </c>
      <c r="Q3273" s="98" t="s">
        <v>400</v>
      </c>
      <c r="R3273" s="98" t="s">
        <v>400</v>
      </c>
      <c r="S3273" s="98" t="s">
        <v>400</v>
      </c>
      <c r="T3273" s="98" t="s">
        <v>400</v>
      </c>
      <c r="U3273" s="128"/>
      <c r="V3273" s="128"/>
      <c r="W3273" s="128"/>
      <c r="X3273" s="128"/>
      <c r="Y3273" s="128"/>
      <c r="Z3273" s="128"/>
      <c r="AA3273" s="128"/>
      <c r="AB3273" s="128"/>
      <c r="AC3273" s="128"/>
      <c r="AD3273" s="128"/>
      <c r="AE3273" s="128"/>
      <c r="AF3273" s="128"/>
      <c r="AG3273" s="128"/>
      <c r="AH3273" s="128"/>
      <c r="AI3273" s="128"/>
      <c r="AJ3273" s="128"/>
      <c r="AK3273" s="128"/>
      <c r="AL3273" s="128"/>
      <c r="AM3273" s="128"/>
      <c r="AN3273" s="128"/>
      <c r="AO3273" s="128"/>
      <c r="AP3273" s="128"/>
      <c r="AQ3273" s="128"/>
      <c r="AR3273" s="128"/>
      <c r="AS3273" s="128"/>
      <c r="AT3273" s="128"/>
      <c r="AU3273" s="128"/>
      <c r="AV3273" s="128"/>
      <c r="AW3273" s="128"/>
      <c r="AX3273" s="128"/>
      <c r="AY3273" s="128"/>
      <c r="AZ3273" s="128"/>
      <c r="BA3273" s="128"/>
      <c r="BB3273" s="107">
        <v>45884</v>
      </c>
    </row>
    <row r="3274" spans="1:54" s="8" customFormat="1" ht="13.95" customHeight="1" x14ac:dyDescent="0.25">
      <c r="A3274" s="219" t="s">
        <v>7411</v>
      </c>
      <c r="B3274" s="220" t="s">
        <v>6395</v>
      </c>
      <c r="C3274" s="98" t="s">
        <v>7412</v>
      </c>
      <c r="D3274" s="98" t="s">
        <v>20971</v>
      </c>
      <c r="E3274" s="141">
        <v>1979</v>
      </c>
      <c r="F3274" s="141">
        <v>1252</v>
      </c>
      <c r="G3274" s="98" t="s">
        <v>1</v>
      </c>
      <c r="H3274" s="98">
        <v>0</v>
      </c>
      <c r="I3274" s="98">
        <v>0</v>
      </c>
      <c r="J3274" s="98" t="s">
        <v>400</v>
      </c>
      <c r="K3274" s="98" t="s">
        <v>400</v>
      </c>
      <c r="L3274" s="98" t="s">
        <v>400</v>
      </c>
      <c r="M3274" s="98" t="s">
        <v>400</v>
      </c>
      <c r="N3274" s="98" t="s">
        <v>400</v>
      </c>
      <c r="O3274" s="98" t="s">
        <v>400</v>
      </c>
      <c r="P3274" s="98" t="s">
        <v>400</v>
      </c>
      <c r="Q3274" s="98" t="s">
        <v>400</v>
      </c>
      <c r="R3274" s="98" t="s">
        <v>400</v>
      </c>
      <c r="S3274" s="98" t="s">
        <v>400</v>
      </c>
      <c r="T3274" s="98" t="s">
        <v>400</v>
      </c>
      <c r="U3274" s="128"/>
      <c r="V3274" s="128"/>
      <c r="W3274" s="128"/>
      <c r="X3274" s="128"/>
      <c r="Y3274" s="128"/>
      <c r="Z3274" s="128"/>
      <c r="AA3274" s="128"/>
      <c r="AB3274" s="128"/>
      <c r="AC3274" s="128"/>
      <c r="AD3274" s="128"/>
      <c r="AE3274" s="128"/>
      <c r="AF3274" s="128"/>
      <c r="AG3274" s="128"/>
      <c r="AH3274" s="128"/>
      <c r="AI3274" s="128"/>
      <c r="AJ3274" s="128"/>
      <c r="AK3274" s="128"/>
      <c r="AL3274" s="128"/>
      <c r="AM3274" s="128"/>
      <c r="AN3274" s="128"/>
      <c r="AO3274" s="128"/>
      <c r="AP3274" s="128"/>
      <c r="AQ3274" s="128"/>
      <c r="AR3274" s="128"/>
      <c r="AS3274" s="128"/>
      <c r="AT3274" s="128"/>
      <c r="AU3274" s="128"/>
      <c r="AV3274" s="128"/>
      <c r="AW3274" s="128"/>
      <c r="AX3274" s="128"/>
      <c r="AY3274" s="128"/>
      <c r="AZ3274" s="128"/>
      <c r="BA3274" s="128"/>
      <c r="BB3274" s="107">
        <v>45884</v>
      </c>
    </row>
    <row r="3275" spans="1:54" s="8" customFormat="1" ht="13.95" customHeight="1" x14ac:dyDescent="0.25">
      <c r="A3275" s="219" t="s">
        <v>7413</v>
      </c>
      <c r="B3275" s="220" t="s">
        <v>6395</v>
      </c>
      <c r="C3275" s="98" t="s">
        <v>22164</v>
      </c>
      <c r="D3275" s="98" t="s">
        <v>20972</v>
      </c>
      <c r="E3275" s="141">
        <v>1966</v>
      </c>
      <c r="F3275" s="141">
        <v>1253</v>
      </c>
      <c r="G3275" s="98" t="s">
        <v>1</v>
      </c>
      <c r="H3275" s="98">
        <v>0</v>
      </c>
      <c r="I3275" s="98">
        <v>0</v>
      </c>
      <c r="J3275" s="98" t="s">
        <v>400</v>
      </c>
      <c r="K3275" s="98" t="s">
        <v>400</v>
      </c>
      <c r="L3275" s="98" t="s">
        <v>400</v>
      </c>
      <c r="M3275" s="98" t="s">
        <v>400</v>
      </c>
      <c r="N3275" s="98" t="s">
        <v>400</v>
      </c>
      <c r="O3275" s="98" t="s">
        <v>400</v>
      </c>
      <c r="P3275" s="98" t="s">
        <v>400</v>
      </c>
      <c r="Q3275" s="98" t="s">
        <v>400</v>
      </c>
      <c r="R3275" s="98" t="s">
        <v>400</v>
      </c>
      <c r="S3275" s="98" t="s">
        <v>400</v>
      </c>
      <c r="T3275" s="98" t="s">
        <v>400</v>
      </c>
      <c r="U3275" s="128"/>
      <c r="V3275" s="128"/>
      <c r="W3275" s="128"/>
      <c r="X3275" s="128"/>
      <c r="Y3275" s="128"/>
      <c r="Z3275" s="128"/>
      <c r="AA3275" s="128"/>
      <c r="AB3275" s="128"/>
      <c r="AC3275" s="128"/>
      <c r="AD3275" s="128"/>
      <c r="AE3275" s="128"/>
      <c r="AF3275" s="128"/>
      <c r="AG3275" s="128"/>
      <c r="AH3275" s="128"/>
      <c r="AI3275" s="128"/>
      <c r="AJ3275" s="128"/>
      <c r="AK3275" s="128"/>
      <c r="AL3275" s="128"/>
      <c r="AM3275" s="128"/>
      <c r="AN3275" s="128"/>
      <c r="AO3275" s="128"/>
      <c r="AP3275" s="128"/>
      <c r="AQ3275" s="128"/>
      <c r="AR3275" s="128"/>
      <c r="AS3275" s="128"/>
      <c r="AT3275" s="128"/>
      <c r="AU3275" s="128"/>
      <c r="AV3275" s="128"/>
      <c r="AW3275" s="128"/>
      <c r="AX3275" s="128"/>
      <c r="AY3275" s="128"/>
      <c r="AZ3275" s="128"/>
      <c r="BA3275" s="128"/>
      <c r="BB3275" s="107">
        <v>45884</v>
      </c>
    </row>
    <row r="3276" spans="1:54" s="8" customFormat="1" ht="13.95" customHeight="1" x14ac:dyDescent="0.25">
      <c r="A3276" s="219" t="s">
        <v>7414</v>
      </c>
      <c r="B3276" s="220" t="s">
        <v>6395</v>
      </c>
      <c r="C3276" s="98" t="s">
        <v>22165</v>
      </c>
      <c r="D3276" s="98" t="s">
        <v>20973</v>
      </c>
      <c r="E3276" s="141">
        <v>1976</v>
      </c>
      <c r="F3276" s="141">
        <v>1259</v>
      </c>
      <c r="G3276" s="98" t="s">
        <v>1</v>
      </c>
      <c r="H3276" s="98">
        <v>0</v>
      </c>
      <c r="I3276" s="98">
        <v>0</v>
      </c>
      <c r="J3276" s="98" t="s">
        <v>400</v>
      </c>
      <c r="K3276" s="98" t="s">
        <v>400</v>
      </c>
      <c r="L3276" s="98" t="s">
        <v>400</v>
      </c>
      <c r="M3276" s="98" t="s">
        <v>400</v>
      </c>
      <c r="N3276" s="98" t="s">
        <v>400</v>
      </c>
      <c r="O3276" s="98" t="s">
        <v>400</v>
      </c>
      <c r="P3276" s="98" t="s">
        <v>400</v>
      </c>
      <c r="Q3276" s="98" t="s">
        <v>400</v>
      </c>
      <c r="R3276" s="98" t="s">
        <v>400</v>
      </c>
      <c r="S3276" s="98" t="s">
        <v>400</v>
      </c>
      <c r="T3276" s="98" t="s">
        <v>400</v>
      </c>
      <c r="U3276" s="128"/>
      <c r="V3276" s="128"/>
      <c r="W3276" s="128"/>
      <c r="X3276" s="128"/>
      <c r="Y3276" s="128"/>
      <c r="Z3276" s="128"/>
      <c r="AA3276" s="128"/>
      <c r="AB3276" s="128"/>
      <c r="AC3276" s="128"/>
      <c r="AD3276" s="128"/>
      <c r="AE3276" s="128"/>
      <c r="AF3276" s="128"/>
      <c r="AG3276" s="128"/>
      <c r="AH3276" s="128"/>
      <c r="AI3276" s="128"/>
      <c r="AJ3276" s="128"/>
      <c r="AK3276" s="128"/>
      <c r="AL3276" s="128"/>
      <c r="AM3276" s="128"/>
      <c r="AN3276" s="128"/>
      <c r="AO3276" s="128"/>
      <c r="AP3276" s="128"/>
      <c r="AQ3276" s="128"/>
      <c r="AR3276" s="128"/>
      <c r="AS3276" s="128"/>
      <c r="AT3276" s="128"/>
      <c r="AU3276" s="128"/>
      <c r="AV3276" s="128"/>
      <c r="AW3276" s="128"/>
      <c r="AX3276" s="128"/>
      <c r="AY3276" s="128"/>
      <c r="AZ3276" s="128"/>
      <c r="BA3276" s="128"/>
      <c r="BB3276" s="107">
        <v>45884</v>
      </c>
    </row>
    <row r="3277" spans="1:54" s="8" customFormat="1" ht="13.95" customHeight="1" x14ac:dyDescent="0.25">
      <c r="A3277" s="219" t="s">
        <v>7415</v>
      </c>
      <c r="B3277" s="220" t="s">
        <v>6395</v>
      </c>
      <c r="C3277" s="98" t="s">
        <v>7416</v>
      </c>
      <c r="D3277" s="98" t="s">
        <v>20974</v>
      </c>
      <c r="E3277" s="141">
        <v>1996</v>
      </c>
      <c r="F3277" s="141">
        <v>1261</v>
      </c>
      <c r="G3277" s="98" t="s">
        <v>1</v>
      </c>
      <c r="H3277" s="98">
        <v>0</v>
      </c>
      <c r="I3277" s="98">
        <v>0</v>
      </c>
      <c r="J3277" s="98" t="s">
        <v>400</v>
      </c>
      <c r="K3277" s="98" t="s">
        <v>400</v>
      </c>
      <c r="L3277" s="98" t="s">
        <v>400</v>
      </c>
      <c r="M3277" s="98" t="s">
        <v>400</v>
      </c>
      <c r="N3277" s="98" t="s">
        <v>400</v>
      </c>
      <c r="O3277" s="98" t="s">
        <v>400</v>
      </c>
      <c r="P3277" s="98" t="s">
        <v>400</v>
      </c>
      <c r="Q3277" s="98" t="s">
        <v>400</v>
      </c>
      <c r="R3277" s="98" t="s">
        <v>400</v>
      </c>
      <c r="S3277" s="98" t="s">
        <v>400</v>
      </c>
      <c r="T3277" s="98" t="s">
        <v>400</v>
      </c>
      <c r="U3277" s="128"/>
      <c r="V3277" s="128"/>
      <c r="W3277" s="128"/>
      <c r="X3277" s="128"/>
      <c r="Y3277" s="128"/>
      <c r="Z3277" s="128"/>
      <c r="AA3277" s="128"/>
      <c r="AB3277" s="128"/>
      <c r="AC3277" s="128"/>
      <c r="AD3277" s="128"/>
      <c r="AE3277" s="128"/>
      <c r="AF3277" s="128"/>
      <c r="AG3277" s="128"/>
      <c r="AH3277" s="128"/>
      <c r="AI3277" s="128"/>
      <c r="AJ3277" s="128"/>
      <c r="AK3277" s="128"/>
      <c r="AL3277" s="128"/>
      <c r="AM3277" s="128"/>
      <c r="AN3277" s="128"/>
      <c r="AO3277" s="128"/>
      <c r="AP3277" s="128"/>
      <c r="AQ3277" s="128"/>
      <c r="AR3277" s="128"/>
      <c r="AS3277" s="128"/>
      <c r="AT3277" s="128"/>
      <c r="AU3277" s="128"/>
      <c r="AV3277" s="128"/>
      <c r="AW3277" s="128"/>
      <c r="AX3277" s="128"/>
      <c r="AY3277" s="128"/>
      <c r="AZ3277" s="128"/>
      <c r="BA3277" s="128"/>
      <c r="BB3277" s="107">
        <v>45884</v>
      </c>
    </row>
    <row r="3278" spans="1:54" s="8" customFormat="1" ht="13.95" customHeight="1" x14ac:dyDescent="0.25">
      <c r="A3278" s="219" t="s">
        <v>7417</v>
      </c>
      <c r="B3278" s="220" t="s">
        <v>6395</v>
      </c>
      <c r="C3278" s="98" t="s">
        <v>7418</v>
      </c>
      <c r="D3278" s="98" t="s">
        <v>20975</v>
      </c>
      <c r="E3278" s="141">
        <v>1972</v>
      </c>
      <c r="F3278" s="141">
        <v>1262</v>
      </c>
      <c r="G3278" s="98" t="s">
        <v>1</v>
      </c>
      <c r="H3278" s="98">
        <v>0</v>
      </c>
      <c r="I3278" s="98">
        <v>0</v>
      </c>
      <c r="J3278" s="98" t="s">
        <v>400</v>
      </c>
      <c r="K3278" s="98" t="s">
        <v>400</v>
      </c>
      <c r="L3278" s="98" t="s">
        <v>400</v>
      </c>
      <c r="M3278" s="98" t="s">
        <v>400</v>
      </c>
      <c r="N3278" s="98" t="s">
        <v>400</v>
      </c>
      <c r="O3278" s="98" t="s">
        <v>400</v>
      </c>
      <c r="P3278" s="98" t="s">
        <v>400</v>
      </c>
      <c r="Q3278" s="98" t="s">
        <v>400</v>
      </c>
      <c r="R3278" s="98" t="s">
        <v>400</v>
      </c>
      <c r="S3278" s="98" t="s">
        <v>400</v>
      </c>
      <c r="T3278" s="98" t="s">
        <v>400</v>
      </c>
      <c r="U3278" s="128"/>
      <c r="V3278" s="128"/>
      <c r="W3278" s="128"/>
      <c r="X3278" s="128"/>
      <c r="Y3278" s="128"/>
      <c r="Z3278" s="128"/>
      <c r="AA3278" s="128"/>
      <c r="AB3278" s="128"/>
      <c r="AC3278" s="128"/>
      <c r="AD3278" s="128"/>
      <c r="AE3278" s="128"/>
      <c r="AF3278" s="128"/>
      <c r="AG3278" s="128"/>
      <c r="AH3278" s="128"/>
      <c r="AI3278" s="128"/>
      <c r="AJ3278" s="128"/>
      <c r="AK3278" s="128"/>
      <c r="AL3278" s="128"/>
      <c r="AM3278" s="128"/>
      <c r="AN3278" s="128"/>
      <c r="AO3278" s="128"/>
      <c r="AP3278" s="128"/>
      <c r="AQ3278" s="128"/>
      <c r="AR3278" s="128"/>
      <c r="AS3278" s="128"/>
      <c r="AT3278" s="128"/>
      <c r="AU3278" s="128"/>
      <c r="AV3278" s="128"/>
      <c r="AW3278" s="128"/>
      <c r="AX3278" s="128"/>
      <c r="AY3278" s="128"/>
      <c r="AZ3278" s="128"/>
      <c r="BA3278" s="128"/>
      <c r="BB3278" s="107">
        <v>45884</v>
      </c>
    </row>
    <row r="3279" spans="1:54" s="8" customFormat="1" ht="13.95" customHeight="1" x14ac:dyDescent="0.25">
      <c r="A3279" s="219" t="s">
        <v>7419</v>
      </c>
      <c r="B3279" s="220" t="s">
        <v>6395</v>
      </c>
      <c r="C3279" s="98" t="s">
        <v>7420</v>
      </c>
      <c r="D3279" s="98" t="s">
        <v>20976</v>
      </c>
      <c r="E3279" s="141">
        <v>1981</v>
      </c>
      <c r="F3279" s="141">
        <v>1262</v>
      </c>
      <c r="G3279" s="98" t="s">
        <v>1</v>
      </c>
      <c r="H3279" s="98">
        <v>0</v>
      </c>
      <c r="I3279" s="98">
        <v>0</v>
      </c>
      <c r="J3279" s="98" t="s">
        <v>400</v>
      </c>
      <c r="K3279" s="98" t="s">
        <v>400</v>
      </c>
      <c r="L3279" s="98" t="s">
        <v>400</v>
      </c>
      <c r="M3279" s="98" t="s">
        <v>400</v>
      </c>
      <c r="N3279" s="98" t="s">
        <v>400</v>
      </c>
      <c r="O3279" s="98" t="s">
        <v>400</v>
      </c>
      <c r="P3279" s="98" t="s">
        <v>400</v>
      </c>
      <c r="Q3279" s="98" t="s">
        <v>400</v>
      </c>
      <c r="R3279" s="98" t="s">
        <v>400</v>
      </c>
      <c r="S3279" s="98" t="s">
        <v>400</v>
      </c>
      <c r="T3279" s="98" t="s">
        <v>400</v>
      </c>
      <c r="U3279" s="128"/>
      <c r="V3279" s="128"/>
      <c r="W3279" s="128"/>
      <c r="X3279" s="128"/>
      <c r="Y3279" s="128"/>
      <c r="Z3279" s="128"/>
      <c r="AA3279" s="128"/>
      <c r="AB3279" s="128"/>
      <c r="AC3279" s="128"/>
      <c r="AD3279" s="128"/>
      <c r="AE3279" s="128"/>
      <c r="AF3279" s="128"/>
      <c r="AG3279" s="128"/>
      <c r="AH3279" s="128"/>
      <c r="AI3279" s="128"/>
      <c r="AJ3279" s="128"/>
      <c r="AK3279" s="128"/>
      <c r="AL3279" s="128"/>
      <c r="AM3279" s="128"/>
      <c r="AN3279" s="128"/>
      <c r="AO3279" s="128"/>
      <c r="AP3279" s="128"/>
      <c r="AQ3279" s="128"/>
      <c r="AR3279" s="128"/>
      <c r="AS3279" s="128"/>
      <c r="AT3279" s="128"/>
      <c r="AU3279" s="128"/>
      <c r="AV3279" s="128"/>
      <c r="AW3279" s="128"/>
      <c r="AX3279" s="128"/>
      <c r="AY3279" s="128"/>
      <c r="AZ3279" s="128"/>
      <c r="BA3279" s="128"/>
      <c r="BB3279" s="107">
        <v>45884</v>
      </c>
    </row>
    <row r="3280" spans="1:54" s="8" customFormat="1" ht="13.95" customHeight="1" x14ac:dyDescent="0.25">
      <c r="A3280" s="219" t="s">
        <v>7421</v>
      </c>
      <c r="B3280" s="220" t="s">
        <v>6395</v>
      </c>
      <c r="C3280" s="98" t="s">
        <v>22166</v>
      </c>
      <c r="D3280" s="98" t="s">
        <v>20977</v>
      </c>
      <c r="E3280" s="141">
        <v>1964</v>
      </c>
      <c r="F3280" s="141">
        <v>1274</v>
      </c>
      <c r="G3280" s="98" t="s">
        <v>1</v>
      </c>
      <c r="H3280" s="98">
        <v>0</v>
      </c>
      <c r="I3280" s="98">
        <v>0</v>
      </c>
      <c r="J3280" s="98" t="s">
        <v>400</v>
      </c>
      <c r="K3280" s="98" t="s">
        <v>400</v>
      </c>
      <c r="L3280" s="98" t="s">
        <v>400</v>
      </c>
      <c r="M3280" s="98" t="s">
        <v>400</v>
      </c>
      <c r="N3280" s="98" t="s">
        <v>400</v>
      </c>
      <c r="O3280" s="98" t="s">
        <v>400</v>
      </c>
      <c r="P3280" s="98" t="s">
        <v>400</v>
      </c>
      <c r="Q3280" s="98" t="s">
        <v>400</v>
      </c>
      <c r="R3280" s="98" t="s">
        <v>400</v>
      </c>
      <c r="S3280" s="98" t="s">
        <v>400</v>
      </c>
      <c r="T3280" s="98" t="s">
        <v>400</v>
      </c>
      <c r="U3280" s="128"/>
      <c r="V3280" s="128"/>
      <c r="W3280" s="128"/>
      <c r="X3280" s="128"/>
      <c r="Y3280" s="128"/>
      <c r="Z3280" s="128"/>
      <c r="AA3280" s="128"/>
      <c r="AB3280" s="128"/>
      <c r="AC3280" s="128"/>
      <c r="AD3280" s="128"/>
      <c r="AE3280" s="128"/>
      <c r="AF3280" s="128"/>
      <c r="AG3280" s="128"/>
      <c r="AH3280" s="128"/>
      <c r="AI3280" s="128"/>
      <c r="AJ3280" s="128"/>
      <c r="AK3280" s="128"/>
      <c r="AL3280" s="128"/>
      <c r="AM3280" s="128"/>
      <c r="AN3280" s="128"/>
      <c r="AO3280" s="128"/>
      <c r="AP3280" s="128"/>
      <c r="AQ3280" s="128"/>
      <c r="AR3280" s="128"/>
      <c r="AS3280" s="128"/>
      <c r="AT3280" s="128"/>
      <c r="AU3280" s="128"/>
      <c r="AV3280" s="128"/>
      <c r="AW3280" s="128"/>
      <c r="AX3280" s="128"/>
      <c r="AY3280" s="128"/>
      <c r="AZ3280" s="128"/>
      <c r="BA3280" s="128"/>
      <c r="BB3280" s="107">
        <v>45884</v>
      </c>
    </row>
    <row r="3281" spans="1:54" s="8" customFormat="1" ht="13.95" customHeight="1" x14ac:dyDescent="0.25">
      <c r="A3281" s="219" t="s">
        <v>7422</v>
      </c>
      <c r="B3281" s="220" t="s">
        <v>6395</v>
      </c>
      <c r="C3281" s="98" t="s">
        <v>7423</v>
      </c>
      <c r="D3281" s="98" t="s">
        <v>20978</v>
      </c>
      <c r="E3281" s="141">
        <v>1999</v>
      </c>
      <c r="F3281" s="141">
        <v>1276</v>
      </c>
      <c r="G3281" s="98" t="s">
        <v>1</v>
      </c>
      <c r="H3281" s="98">
        <v>1</v>
      </c>
      <c r="I3281" s="98">
        <v>0</v>
      </c>
      <c r="J3281" s="98" t="s">
        <v>400</v>
      </c>
      <c r="K3281" s="98" t="s">
        <v>400</v>
      </c>
      <c r="L3281" s="98" t="s">
        <v>400</v>
      </c>
      <c r="M3281" s="98" t="s">
        <v>400</v>
      </c>
      <c r="N3281" s="98" t="s">
        <v>400</v>
      </c>
      <c r="O3281" s="98" t="s">
        <v>400</v>
      </c>
      <c r="P3281" s="98" t="s">
        <v>400</v>
      </c>
      <c r="Q3281" s="98" t="s">
        <v>400</v>
      </c>
      <c r="R3281" s="98" t="s">
        <v>400</v>
      </c>
      <c r="S3281" s="98" t="s">
        <v>400</v>
      </c>
      <c r="T3281" s="98" t="s">
        <v>400</v>
      </c>
      <c r="U3281" s="128"/>
      <c r="V3281" s="128"/>
      <c r="W3281" s="128"/>
      <c r="X3281" s="128"/>
      <c r="Y3281" s="128"/>
      <c r="Z3281" s="128"/>
      <c r="AA3281" s="128"/>
      <c r="AB3281" s="128"/>
      <c r="AC3281" s="128"/>
      <c r="AD3281" s="128"/>
      <c r="AE3281" s="128"/>
      <c r="AF3281" s="128"/>
      <c r="AG3281" s="128"/>
      <c r="AH3281" s="128"/>
      <c r="AI3281" s="128"/>
      <c r="AJ3281" s="128"/>
      <c r="AK3281" s="128"/>
      <c r="AL3281" s="128"/>
      <c r="AM3281" s="128"/>
      <c r="AN3281" s="128"/>
      <c r="AO3281" s="128"/>
      <c r="AP3281" s="128"/>
      <c r="AQ3281" s="128"/>
      <c r="AR3281" s="128"/>
      <c r="AS3281" s="128"/>
      <c r="AT3281" s="128"/>
      <c r="AU3281" s="128"/>
      <c r="AV3281" s="128"/>
      <c r="AW3281" s="128"/>
      <c r="AX3281" s="128"/>
      <c r="AY3281" s="128"/>
      <c r="AZ3281" s="128"/>
      <c r="BA3281" s="128"/>
      <c r="BB3281" s="107">
        <v>45884</v>
      </c>
    </row>
    <row r="3282" spans="1:54" s="8" customFormat="1" ht="13.95" customHeight="1" x14ac:dyDescent="0.25">
      <c r="A3282" s="219" t="s">
        <v>7424</v>
      </c>
      <c r="B3282" s="220" t="s">
        <v>6395</v>
      </c>
      <c r="C3282" s="98" t="s">
        <v>7425</v>
      </c>
      <c r="D3282" s="98" t="s">
        <v>20979</v>
      </c>
      <c r="E3282" s="141">
        <v>2002</v>
      </c>
      <c r="F3282" s="141">
        <v>1279</v>
      </c>
      <c r="G3282" s="98" t="s">
        <v>1</v>
      </c>
      <c r="H3282" s="98">
        <v>0</v>
      </c>
      <c r="I3282" s="98">
        <v>0</v>
      </c>
      <c r="J3282" s="98" t="s">
        <v>400</v>
      </c>
      <c r="K3282" s="98" t="s">
        <v>400</v>
      </c>
      <c r="L3282" s="98" t="s">
        <v>400</v>
      </c>
      <c r="M3282" s="98" t="s">
        <v>400</v>
      </c>
      <c r="N3282" s="98" t="s">
        <v>400</v>
      </c>
      <c r="O3282" s="98" t="s">
        <v>400</v>
      </c>
      <c r="P3282" s="98" t="s">
        <v>400</v>
      </c>
      <c r="Q3282" s="98" t="s">
        <v>400</v>
      </c>
      <c r="R3282" s="98" t="s">
        <v>400</v>
      </c>
      <c r="S3282" s="98" t="s">
        <v>400</v>
      </c>
      <c r="T3282" s="98" t="s">
        <v>400</v>
      </c>
      <c r="U3282" s="128"/>
      <c r="V3282" s="128"/>
      <c r="W3282" s="128"/>
      <c r="X3282" s="128"/>
      <c r="Y3282" s="128"/>
      <c r="Z3282" s="128"/>
      <c r="AA3282" s="128"/>
      <c r="AB3282" s="128"/>
      <c r="AC3282" s="128"/>
      <c r="AD3282" s="128"/>
      <c r="AE3282" s="128"/>
      <c r="AF3282" s="128"/>
      <c r="AG3282" s="128"/>
      <c r="AH3282" s="128"/>
      <c r="AI3282" s="128"/>
      <c r="AJ3282" s="128"/>
      <c r="AK3282" s="128"/>
      <c r="AL3282" s="128"/>
      <c r="AM3282" s="128"/>
      <c r="AN3282" s="128"/>
      <c r="AO3282" s="128"/>
      <c r="AP3282" s="128"/>
      <c r="AQ3282" s="128"/>
      <c r="AR3282" s="128"/>
      <c r="AS3282" s="128"/>
      <c r="AT3282" s="128"/>
      <c r="AU3282" s="128"/>
      <c r="AV3282" s="128"/>
      <c r="AW3282" s="128"/>
      <c r="AX3282" s="128"/>
      <c r="AY3282" s="128"/>
      <c r="AZ3282" s="128"/>
      <c r="BA3282" s="128"/>
      <c r="BB3282" s="107">
        <v>45884</v>
      </c>
    </row>
    <row r="3283" spans="1:54" s="8" customFormat="1" ht="13.95" customHeight="1" x14ac:dyDescent="0.25">
      <c r="A3283" s="219" t="s">
        <v>7426</v>
      </c>
      <c r="B3283" s="220" t="s">
        <v>6395</v>
      </c>
      <c r="C3283" s="98" t="s">
        <v>7427</v>
      </c>
      <c r="D3283" s="98" t="s">
        <v>20980</v>
      </c>
      <c r="E3283" s="141">
        <v>1957</v>
      </c>
      <c r="F3283" s="141">
        <v>1293</v>
      </c>
      <c r="G3283" s="98" t="s">
        <v>1</v>
      </c>
      <c r="H3283" s="98">
        <v>0</v>
      </c>
      <c r="I3283" s="98">
        <v>0</v>
      </c>
      <c r="J3283" s="98" t="s">
        <v>400</v>
      </c>
      <c r="K3283" s="98" t="s">
        <v>400</v>
      </c>
      <c r="L3283" s="98" t="s">
        <v>400</v>
      </c>
      <c r="M3283" s="98" t="s">
        <v>400</v>
      </c>
      <c r="N3283" s="98" t="s">
        <v>400</v>
      </c>
      <c r="O3283" s="98" t="s">
        <v>400</v>
      </c>
      <c r="P3283" s="98" t="s">
        <v>400</v>
      </c>
      <c r="Q3283" s="98" t="s">
        <v>400</v>
      </c>
      <c r="R3283" s="98" t="s">
        <v>400</v>
      </c>
      <c r="S3283" s="98" t="s">
        <v>400</v>
      </c>
      <c r="T3283" s="98" t="s">
        <v>400</v>
      </c>
      <c r="U3283" s="128"/>
      <c r="V3283" s="128"/>
      <c r="W3283" s="128"/>
      <c r="X3283" s="128"/>
      <c r="Y3283" s="128"/>
      <c r="Z3283" s="128"/>
      <c r="AA3283" s="128"/>
      <c r="AB3283" s="128"/>
      <c r="AC3283" s="128"/>
      <c r="AD3283" s="128"/>
      <c r="AE3283" s="128"/>
      <c r="AF3283" s="128"/>
      <c r="AG3283" s="128"/>
      <c r="AH3283" s="128"/>
      <c r="AI3283" s="128"/>
      <c r="AJ3283" s="128"/>
      <c r="AK3283" s="128"/>
      <c r="AL3283" s="128"/>
      <c r="AM3283" s="128"/>
      <c r="AN3283" s="128"/>
      <c r="AO3283" s="128"/>
      <c r="AP3283" s="128"/>
      <c r="AQ3283" s="128"/>
      <c r="AR3283" s="128"/>
      <c r="AS3283" s="128"/>
      <c r="AT3283" s="128"/>
      <c r="AU3283" s="128"/>
      <c r="AV3283" s="128"/>
      <c r="AW3283" s="128"/>
      <c r="AX3283" s="128"/>
      <c r="AY3283" s="128"/>
      <c r="AZ3283" s="128"/>
      <c r="BA3283" s="128"/>
      <c r="BB3283" s="107">
        <v>45884</v>
      </c>
    </row>
    <row r="3284" spans="1:54" s="8" customFormat="1" ht="13.95" customHeight="1" x14ac:dyDescent="0.25">
      <c r="A3284" s="219" t="s">
        <v>7428</v>
      </c>
      <c r="B3284" s="220" t="s">
        <v>6395</v>
      </c>
      <c r="C3284" s="98" t="s">
        <v>7429</v>
      </c>
      <c r="D3284" s="98" t="s">
        <v>20981</v>
      </c>
      <c r="E3284" s="141">
        <v>2000</v>
      </c>
      <c r="F3284" s="141">
        <v>1300</v>
      </c>
      <c r="G3284" s="98" t="s">
        <v>1</v>
      </c>
      <c r="H3284" s="98">
        <v>0</v>
      </c>
      <c r="I3284" s="98">
        <v>0</v>
      </c>
      <c r="J3284" s="98" t="s">
        <v>400</v>
      </c>
      <c r="K3284" s="98" t="s">
        <v>400</v>
      </c>
      <c r="L3284" s="98" t="s">
        <v>400</v>
      </c>
      <c r="M3284" s="98" t="s">
        <v>400</v>
      </c>
      <c r="N3284" s="98" t="s">
        <v>400</v>
      </c>
      <c r="O3284" s="98" t="s">
        <v>400</v>
      </c>
      <c r="P3284" s="98" t="s">
        <v>400</v>
      </c>
      <c r="Q3284" s="98" t="s">
        <v>400</v>
      </c>
      <c r="R3284" s="98" t="s">
        <v>400</v>
      </c>
      <c r="S3284" s="98" t="s">
        <v>400</v>
      </c>
      <c r="T3284" s="98" t="s">
        <v>400</v>
      </c>
      <c r="U3284" s="128"/>
      <c r="V3284" s="128"/>
      <c r="W3284" s="128"/>
      <c r="X3284" s="128"/>
      <c r="Y3284" s="128"/>
      <c r="Z3284" s="128"/>
      <c r="AA3284" s="128"/>
      <c r="AB3284" s="128"/>
      <c r="AC3284" s="128"/>
      <c r="AD3284" s="128"/>
      <c r="AE3284" s="128"/>
      <c r="AF3284" s="128"/>
      <c r="AG3284" s="128"/>
      <c r="AH3284" s="128"/>
      <c r="AI3284" s="128"/>
      <c r="AJ3284" s="128"/>
      <c r="AK3284" s="128"/>
      <c r="AL3284" s="128"/>
      <c r="AM3284" s="128"/>
      <c r="AN3284" s="128"/>
      <c r="AO3284" s="128"/>
      <c r="AP3284" s="128"/>
      <c r="AQ3284" s="128"/>
      <c r="AR3284" s="128"/>
      <c r="AS3284" s="128"/>
      <c r="AT3284" s="128"/>
      <c r="AU3284" s="128"/>
      <c r="AV3284" s="128"/>
      <c r="AW3284" s="128"/>
      <c r="AX3284" s="128"/>
      <c r="AY3284" s="128"/>
      <c r="AZ3284" s="128"/>
      <c r="BA3284" s="128"/>
      <c r="BB3284" s="107">
        <v>45884</v>
      </c>
    </row>
    <row r="3285" spans="1:54" s="8" customFormat="1" ht="13.95" customHeight="1" x14ac:dyDescent="0.25">
      <c r="A3285" s="219" t="s">
        <v>7430</v>
      </c>
      <c r="B3285" s="220" t="s">
        <v>6395</v>
      </c>
      <c r="C3285" s="98" t="s">
        <v>7431</v>
      </c>
      <c r="D3285" s="98" t="s">
        <v>20982</v>
      </c>
      <c r="E3285" s="141">
        <v>1998</v>
      </c>
      <c r="F3285" s="141">
        <v>1302</v>
      </c>
      <c r="G3285" s="98" t="s">
        <v>1</v>
      </c>
      <c r="H3285" s="98">
        <v>0</v>
      </c>
      <c r="I3285" s="98">
        <v>0</v>
      </c>
      <c r="J3285" s="98" t="s">
        <v>400</v>
      </c>
      <c r="K3285" s="98" t="s">
        <v>400</v>
      </c>
      <c r="L3285" s="98" t="s">
        <v>400</v>
      </c>
      <c r="M3285" s="98" t="s">
        <v>400</v>
      </c>
      <c r="N3285" s="98" t="s">
        <v>400</v>
      </c>
      <c r="O3285" s="98" t="s">
        <v>400</v>
      </c>
      <c r="P3285" s="98" t="s">
        <v>400</v>
      </c>
      <c r="Q3285" s="98" t="s">
        <v>400</v>
      </c>
      <c r="R3285" s="98" t="s">
        <v>400</v>
      </c>
      <c r="S3285" s="98" t="s">
        <v>400</v>
      </c>
      <c r="T3285" s="98" t="s">
        <v>400</v>
      </c>
      <c r="U3285" s="128"/>
      <c r="V3285" s="128"/>
      <c r="W3285" s="128"/>
      <c r="X3285" s="128"/>
      <c r="Y3285" s="128"/>
      <c r="Z3285" s="128"/>
      <c r="AA3285" s="128"/>
      <c r="AB3285" s="128"/>
      <c r="AC3285" s="128"/>
      <c r="AD3285" s="128"/>
      <c r="AE3285" s="128"/>
      <c r="AF3285" s="128"/>
      <c r="AG3285" s="128"/>
      <c r="AH3285" s="128"/>
      <c r="AI3285" s="128"/>
      <c r="AJ3285" s="128"/>
      <c r="AK3285" s="128"/>
      <c r="AL3285" s="128"/>
      <c r="AM3285" s="128"/>
      <c r="AN3285" s="128"/>
      <c r="AO3285" s="128"/>
      <c r="AP3285" s="128"/>
      <c r="AQ3285" s="128"/>
      <c r="AR3285" s="128"/>
      <c r="AS3285" s="128"/>
      <c r="AT3285" s="128"/>
      <c r="AU3285" s="128"/>
      <c r="AV3285" s="128"/>
      <c r="AW3285" s="128"/>
      <c r="AX3285" s="128"/>
      <c r="AY3285" s="128"/>
      <c r="AZ3285" s="128"/>
      <c r="BA3285" s="128"/>
      <c r="BB3285" s="107">
        <v>45884</v>
      </c>
    </row>
    <row r="3286" spans="1:54" s="8" customFormat="1" ht="13.95" customHeight="1" x14ac:dyDescent="0.25">
      <c r="A3286" s="219" t="s">
        <v>7432</v>
      </c>
      <c r="B3286" s="220" t="s">
        <v>6395</v>
      </c>
      <c r="C3286" s="98" t="s">
        <v>7433</v>
      </c>
      <c r="D3286" s="98" t="s">
        <v>20983</v>
      </c>
      <c r="E3286" s="141">
        <v>2004</v>
      </c>
      <c r="F3286" s="141">
        <v>1302</v>
      </c>
      <c r="G3286" s="98" t="s">
        <v>1</v>
      </c>
      <c r="H3286" s="98">
        <v>0</v>
      </c>
      <c r="I3286" s="98">
        <v>0</v>
      </c>
      <c r="J3286" s="98" t="s">
        <v>400</v>
      </c>
      <c r="K3286" s="98" t="s">
        <v>400</v>
      </c>
      <c r="L3286" s="98" t="s">
        <v>400</v>
      </c>
      <c r="M3286" s="98" t="s">
        <v>400</v>
      </c>
      <c r="N3286" s="98" t="s">
        <v>400</v>
      </c>
      <c r="O3286" s="98" t="s">
        <v>400</v>
      </c>
      <c r="P3286" s="98" t="s">
        <v>400</v>
      </c>
      <c r="Q3286" s="98" t="s">
        <v>400</v>
      </c>
      <c r="R3286" s="98" t="s">
        <v>400</v>
      </c>
      <c r="S3286" s="98" t="s">
        <v>400</v>
      </c>
      <c r="T3286" s="98" t="s">
        <v>400</v>
      </c>
      <c r="U3286" s="128"/>
      <c r="V3286" s="128"/>
      <c r="W3286" s="128"/>
      <c r="X3286" s="128"/>
      <c r="Y3286" s="128"/>
      <c r="Z3286" s="128"/>
      <c r="AA3286" s="128"/>
      <c r="AB3286" s="128"/>
      <c r="AC3286" s="128"/>
      <c r="AD3286" s="128"/>
      <c r="AE3286" s="128"/>
      <c r="AF3286" s="128"/>
      <c r="AG3286" s="128"/>
      <c r="AH3286" s="128"/>
      <c r="AI3286" s="128"/>
      <c r="AJ3286" s="128"/>
      <c r="AK3286" s="128"/>
      <c r="AL3286" s="128"/>
      <c r="AM3286" s="128"/>
      <c r="AN3286" s="128"/>
      <c r="AO3286" s="128"/>
      <c r="AP3286" s="128"/>
      <c r="AQ3286" s="128"/>
      <c r="AR3286" s="128"/>
      <c r="AS3286" s="128"/>
      <c r="AT3286" s="128"/>
      <c r="AU3286" s="128"/>
      <c r="AV3286" s="128"/>
      <c r="AW3286" s="128"/>
      <c r="AX3286" s="128"/>
      <c r="AY3286" s="128"/>
      <c r="AZ3286" s="128"/>
      <c r="BA3286" s="128"/>
      <c r="BB3286" s="107">
        <v>45884</v>
      </c>
    </row>
    <row r="3287" spans="1:54" s="8" customFormat="1" ht="13.95" customHeight="1" x14ac:dyDescent="0.25">
      <c r="A3287" s="219" t="s">
        <v>7434</v>
      </c>
      <c r="B3287" s="220" t="s">
        <v>6395</v>
      </c>
      <c r="C3287" s="98" t="s">
        <v>7435</v>
      </c>
      <c r="D3287" s="98" t="s">
        <v>20984</v>
      </c>
      <c r="E3287" s="141">
        <v>1984</v>
      </c>
      <c r="F3287" s="141">
        <v>1313</v>
      </c>
      <c r="G3287" s="98" t="s">
        <v>1</v>
      </c>
      <c r="H3287" s="98">
        <v>0</v>
      </c>
      <c r="I3287" s="98">
        <v>0</v>
      </c>
      <c r="J3287" s="98" t="s">
        <v>400</v>
      </c>
      <c r="K3287" s="98" t="s">
        <v>400</v>
      </c>
      <c r="L3287" s="98" t="s">
        <v>400</v>
      </c>
      <c r="M3287" s="98" t="s">
        <v>400</v>
      </c>
      <c r="N3287" s="98" t="s">
        <v>400</v>
      </c>
      <c r="O3287" s="98" t="s">
        <v>400</v>
      </c>
      <c r="P3287" s="98" t="s">
        <v>400</v>
      </c>
      <c r="Q3287" s="98" t="s">
        <v>400</v>
      </c>
      <c r="R3287" s="98" t="s">
        <v>400</v>
      </c>
      <c r="S3287" s="98" t="s">
        <v>400</v>
      </c>
      <c r="T3287" s="98" t="s">
        <v>400</v>
      </c>
      <c r="U3287" s="128"/>
      <c r="V3287" s="128"/>
      <c r="W3287" s="128"/>
      <c r="X3287" s="128"/>
      <c r="Y3287" s="128"/>
      <c r="Z3287" s="128"/>
      <c r="AA3287" s="128"/>
      <c r="AB3287" s="128"/>
      <c r="AC3287" s="128"/>
      <c r="AD3287" s="128"/>
      <c r="AE3287" s="128"/>
      <c r="AF3287" s="128"/>
      <c r="AG3287" s="128"/>
      <c r="AH3287" s="128"/>
      <c r="AI3287" s="128"/>
      <c r="AJ3287" s="128"/>
      <c r="AK3287" s="128"/>
      <c r="AL3287" s="128"/>
      <c r="AM3287" s="128"/>
      <c r="AN3287" s="128"/>
      <c r="AO3287" s="128"/>
      <c r="AP3287" s="128"/>
      <c r="AQ3287" s="128"/>
      <c r="AR3287" s="128"/>
      <c r="AS3287" s="128"/>
      <c r="AT3287" s="128"/>
      <c r="AU3287" s="128"/>
      <c r="AV3287" s="128"/>
      <c r="AW3287" s="128"/>
      <c r="AX3287" s="128"/>
      <c r="AY3287" s="128"/>
      <c r="AZ3287" s="128"/>
      <c r="BA3287" s="128"/>
      <c r="BB3287" s="107">
        <v>45884</v>
      </c>
    </row>
    <row r="3288" spans="1:54" s="8" customFormat="1" ht="13.95" customHeight="1" x14ac:dyDescent="0.25">
      <c r="A3288" s="219" t="s">
        <v>7436</v>
      </c>
      <c r="B3288" s="220" t="s">
        <v>6395</v>
      </c>
      <c r="C3288" s="98" t="s">
        <v>7437</v>
      </c>
      <c r="D3288" s="98" t="s">
        <v>20985</v>
      </c>
      <c r="E3288" s="141">
        <v>1959</v>
      </c>
      <c r="F3288" s="141">
        <v>1318</v>
      </c>
      <c r="G3288" s="98" t="s">
        <v>1</v>
      </c>
      <c r="H3288" s="98">
        <v>1</v>
      </c>
      <c r="I3288" s="98">
        <v>0</v>
      </c>
      <c r="J3288" s="98" t="s">
        <v>400</v>
      </c>
      <c r="K3288" s="98" t="s">
        <v>400</v>
      </c>
      <c r="L3288" s="98" t="s">
        <v>400</v>
      </c>
      <c r="M3288" s="98" t="s">
        <v>400</v>
      </c>
      <c r="N3288" s="98" t="s">
        <v>400</v>
      </c>
      <c r="O3288" s="98" t="s">
        <v>400</v>
      </c>
      <c r="P3288" s="98" t="s">
        <v>400</v>
      </c>
      <c r="Q3288" s="98" t="s">
        <v>400</v>
      </c>
      <c r="R3288" s="98" t="s">
        <v>400</v>
      </c>
      <c r="S3288" s="98" t="s">
        <v>400</v>
      </c>
      <c r="T3288" s="98" t="s">
        <v>400</v>
      </c>
      <c r="U3288" s="128"/>
      <c r="V3288" s="128"/>
      <c r="W3288" s="128"/>
      <c r="X3288" s="128"/>
      <c r="Y3288" s="128"/>
      <c r="Z3288" s="128"/>
      <c r="AA3288" s="128"/>
      <c r="AB3288" s="128"/>
      <c r="AC3288" s="128"/>
      <c r="AD3288" s="128"/>
      <c r="AE3288" s="128"/>
      <c r="AF3288" s="128"/>
      <c r="AG3288" s="128"/>
      <c r="AH3288" s="128"/>
      <c r="AI3288" s="128"/>
      <c r="AJ3288" s="128"/>
      <c r="AK3288" s="128"/>
      <c r="AL3288" s="128"/>
      <c r="AM3288" s="128"/>
      <c r="AN3288" s="128"/>
      <c r="AO3288" s="128"/>
      <c r="AP3288" s="128"/>
      <c r="AQ3288" s="128"/>
      <c r="AR3288" s="128"/>
      <c r="AS3288" s="128"/>
      <c r="AT3288" s="128"/>
      <c r="AU3288" s="128"/>
      <c r="AV3288" s="128"/>
      <c r="AW3288" s="128"/>
      <c r="AX3288" s="128"/>
      <c r="AY3288" s="128"/>
      <c r="AZ3288" s="128"/>
      <c r="BA3288" s="128"/>
      <c r="BB3288" s="107">
        <v>45884</v>
      </c>
    </row>
    <row r="3289" spans="1:54" s="8" customFormat="1" ht="13.95" customHeight="1" x14ac:dyDescent="0.25">
      <c r="A3289" s="219" t="s">
        <v>7438</v>
      </c>
      <c r="B3289" s="220" t="s">
        <v>6395</v>
      </c>
      <c r="C3289" s="98" t="s">
        <v>7439</v>
      </c>
      <c r="D3289" s="98" t="s">
        <v>20986</v>
      </c>
      <c r="E3289" s="141">
        <v>1959</v>
      </c>
      <c r="F3289" s="141">
        <v>1321</v>
      </c>
      <c r="G3289" s="98" t="s">
        <v>1</v>
      </c>
      <c r="H3289" s="98">
        <v>0</v>
      </c>
      <c r="I3289" s="98">
        <v>0</v>
      </c>
      <c r="J3289" s="98" t="s">
        <v>400</v>
      </c>
      <c r="K3289" s="98" t="s">
        <v>400</v>
      </c>
      <c r="L3289" s="98" t="s">
        <v>400</v>
      </c>
      <c r="M3289" s="98" t="s">
        <v>400</v>
      </c>
      <c r="N3289" s="98" t="s">
        <v>400</v>
      </c>
      <c r="O3289" s="98" t="s">
        <v>400</v>
      </c>
      <c r="P3289" s="98" t="s">
        <v>400</v>
      </c>
      <c r="Q3289" s="98" t="s">
        <v>400</v>
      </c>
      <c r="R3289" s="98" t="s">
        <v>400</v>
      </c>
      <c r="S3289" s="98" t="s">
        <v>400</v>
      </c>
      <c r="T3289" s="98" t="s">
        <v>400</v>
      </c>
      <c r="U3289" s="128"/>
      <c r="V3289" s="128"/>
      <c r="W3289" s="128"/>
      <c r="X3289" s="128"/>
      <c r="Y3289" s="128"/>
      <c r="Z3289" s="128"/>
      <c r="AA3289" s="128"/>
      <c r="AB3289" s="128"/>
      <c r="AC3289" s="128"/>
      <c r="AD3289" s="128"/>
      <c r="AE3289" s="128"/>
      <c r="AF3289" s="128"/>
      <c r="AG3289" s="128"/>
      <c r="AH3289" s="128"/>
      <c r="AI3289" s="128"/>
      <c r="AJ3289" s="128"/>
      <c r="AK3289" s="128"/>
      <c r="AL3289" s="128"/>
      <c r="AM3289" s="128"/>
      <c r="AN3289" s="128"/>
      <c r="AO3289" s="128"/>
      <c r="AP3289" s="128"/>
      <c r="AQ3289" s="128"/>
      <c r="AR3289" s="128"/>
      <c r="AS3289" s="128"/>
      <c r="AT3289" s="128"/>
      <c r="AU3289" s="128"/>
      <c r="AV3289" s="128"/>
      <c r="AW3289" s="128"/>
      <c r="AX3289" s="128"/>
      <c r="AY3289" s="128"/>
      <c r="AZ3289" s="128"/>
      <c r="BA3289" s="128"/>
      <c r="BB3289" s="107">
        <v>45884</v>
      </c>
    </row>
    <row r="3290" spans="1:54" s="8" customFormat="1" ht="13.95" customHeight="1" x14ac:dyDescent="0.25">
      <c r="A3290" s="219" t="s">
        <v>7440</v>
      </c>
      <c r="B3290" s="220" t="s">
        <v>6395</v>
      </c>
      <c r="C3290" s="98" t="s">
        <v>7441</v>
      </c>
      <c r="D3290" s="98" t="s">
        <v>20987</v>
      </c>
      <c r="E3290" s="141">
        <v>1973</v>
      </c>
      <c r="F3290" s="141">
        <v>1323</v>
      </c>
      <c r="G3290" s="98" t="s">
        <v>1</v>
      </c>
      <c r="H3290" s="98">
        <v>0</v>
      </c>
      <c r="I3290" s="98">
        <v>0</v>
      </c>
      <c r="J3290" s="98" t="s">
        <v>400</v>
      </c>
      <c r="K3290" s="98" t="s">
        <v>400</v>
      </c>
      <c r="L3290" s="98" t="s">
        <v>400</v>
      </c>
      <c r="M3290" s="98" t="s">
        <v>400</v>
      </c>
      <c r="N3290" s="98" t="s">
        <v>400</v>
      </c>
      <c r="O3290" s="98" t="s">
        <v>400</v>
      </c>
      <c r="P3290" s="98" t="s">
        <v>400</v>
      </c>
      <c r="Q3290" s="98" t="s">
        <v>400</v>
      </c>
      <c r="R3290" s="98" t="s">
        <v>400</v>
      </c>
      <c r="S3290" s="98" t="s">
        <v>400</v>
      </c>
      <c r="T3290" s="98" t="s">
        <v>400</v>
      </c>
      <c r="U3290" s="128"/>
      <c r="V3290" s="128"/>
      <c r="W3290" s="128"/>
      <c r="X3290" s="128"/>
      <c r="Y3290" s="128"/>
      <c r="Z3290" s="128"/>
      <c r="AA3290" s="128"/>
      <c r="AB3290" s="128"/>
      <c r="AC3290" s="128"/>
      <c r="AD3290" s="128"/>
      <c r="AE3290" s="128"/>
      <c r="AF3290" s="128"/>
      <c r="AG3290" s="128"/>
      <c r="AH3290" s="128"/>
      <c r="AI3290" s="128"/>
      <c r="AJ3290" s="128"/>
      <c r="AK3290" s="128"/>
      <c r="AL3290" s="128"/>
      <c r="AM3290" s="128"/>
      <c r="AN3290" s="128"/>
      <c r="AO3290" s="128"/>
      <c r="AP3290" s="128"/>
      <c r="AQ3290" s="128"/>
      <c r="AR3290" s="128"/>
      <c r="AS3290" s="128"/>
      <c r="AT3290" s="128"/>
      <c r="AU3290" s="128"/>
      <c r="AV3290" s="128"/>
      <c r="AW3290" s="128"/>
      <c r="AX3290" s="128"/>
      <c r="AY3290" s="128"/>
      <c r="AZ3290" s="128"/>
      <c r="BA3290" s="128"/>
      <c r="BB3290" s="107">
        <v>45884</v>
      </c>
    </row>
    <row r="3291" spans="1:54" s="8" customFormat="1" ht="13.95" customHeight="1" x14ac:dyDescent="0.25">
      <c r="A3291" s="219" t="s">
        <v>7442</v>
      </c>
      <c r="B3291" s="220" t="s">
        <v>6395</v>
      </c>
      <c r="C3291" s="98" t="s">
        <v>7443</v>
      </c>
      <c r="D3291" s="98" t="s">
        <v>20988</v>
      </c>
      <c r="E3291" s="141">
        <v>1983</v>
      </c>
      <c r="F3291" s="141">
        <v>1330</v>
      </c>
      <c r="G3291" s="98" t="s">
        <v>1</v>
      </c>
      <c r="H3291" s="98">
        <v>0</v>
      </c>
      <c r="I3291" s="98">
        <v>0</v>
      </c>
      <c r="J3291" s="98" t="s">
        <v>400</v>
      </c>
      <c r="K3291" s="98" t="s">
        <v>400</v>
      </c>
      <c r="L3291" s="98" t="s">
        <v>400</v>
      </c>
      <c r="M3291" s="98" t="s">
        <v>400</v>
      </c>
      <c r="N3291" s="98" t="s">
        <v>400</v>
      </c>
      <c r="O3291" s="98" t="s">
        <v>400</v>
      </c>
      <c r="P3291" s="98" t="s">
        <v>400</v>
      </c>
      <c r="Q3291" s="98" t="s">
        <v>400</v>
      </c>
      <c r="R3291" s="98" t="s">
        <v>400</v>
      </c>
      <c r="S3291" s="98" t="s">
        <v>400</v>
      </c>
      <c r="T3291" s="98" t="s">
        <v>400</v>
      </c>
      <c r="U3291" s="128"/>
      <c r="V3291" s="128"/>
      <c r="W3291" s="128"/>
      <c r="X3291" s="128"/>
      <c r="Y3291" s="128"/>
      <c r="Z3291" s="128"/>
      <c r="AA3291" s="128"/>
      <c r="AB3291" s="128"/>
      <c r="AC3291" s="128"/>
      <c r="AD3291" s="128"/>
      <c r="AE3291" s="128"/>
      <c r="AF3291" s="128"/>
      <c r="AG3291" s="128"/>
      <c r="AH3291" s="128"/>
      <c r="AI3291" s="128"/>
      <c r="AJ3291" s="128"/>
      <c r="AK3291" s="128"/>
      <c r="AL3291" s="128"/>
      <c r="AM3291" s="128"/>
      <c r="AN3291" s="128"/>
      <c r="AO3291" s="128"/>
      <c r="AP3291" s="128"/>
      <c r="AQ3291" s="128"/>
      <c r="AR3291" s="128"/>
      <c r="AS3291" s="128"/>
      <c r="AT3291" s="128"/>
      <c r="AU3291" s="128"/>
      <c r="AV3291" s="128"/>
      <c r="AW3291" s="128"/>
      <c r="AX3291" s="128"/>
      <c r="AY3291" s="128"/>
      <c r="AZ3291" s="128"/>
      <c r="BA3291" s="128"/>
      <c r="BB3291" s="107">
        <v>45884</v>
      </c>
    </row>
    <row r="3292" spans="1:54" s="8" customFormat="1" ht="13.95" customHeight="1" x14ac:dyDescent="0.25">
      <c r="A3292" s="219" t="s">
        <v>7444</v>
      </c>
      <c r="B3292" s="220" t="s">
        <v>6395</v>
      </c>
      <c r="C3292" s="98" t="s">
        <v>7445</v>
      </c>
      <c r="D3292" s="98" t="s">
        <v>20989</v>
      </c>
      <c r="E3292" s="141">
        <v>1982</v>
      </c>
      <c r="F3292" s="141">
        <v>1331</v>
      </c>
      <c r="G3292" s="98" t="s">
        <v>1</v>
      </c>
      <c r="H3292" s="98">
        <v>0</v>
      </c>
      <c r="I3292" s="98">
        <v>0</v>
      </c>
      <c r="J3292" s="98" t="s">
        <v>400</v>
      </c>
      <c r="K3292" s="98" t="s">
        <v>400</v>
      </c>
      <c r="L3292" s="98" t="s">
        <v>400</v>
      </c>
      <c r="M3292" s="98" t="s">
        <v>400</v>
      </c>
      <c r="N3292" s="98" t="s">
        <v>400</v>
      </c>
      <c r="O3292" s="98" t="s">
        <v>400</v>
      </c>
      <c r="P3292" s="98" t="s">
        <v>400</v>
      </c>
      <c r="Q3292" s="98" t="s">
        <v>400</v>
      </c>
      <c r="R3292" s="98" t="s">
        <v>400</v>
      </c>
      <c r="S3292" s="98" t="s">
        <v>400</v>
      </c>
      <c r="T3292" s="98" t="s">
        <v>400</v>
      </c>
      <c r="U3292" s="128"/>
      <c r="V3292" s="128"/>
      <c r="W3292" s="128"/>
      <c r="X3292" s="128"/>
      <c r="Y3292" s="128"/>
      <c r="Z3292" s="128"/>
      <c r="AA3292" s="128"/>
      <c r="AB3292" s="128"/>
      <c r="AC3292" s="128"/>
      <c r="AD3292" s="128"/>
      <c r="AE3292" s="128"/>
      <c r="AF3292" s="128"/>
      <c r="AG3292" s="128"/>
      <c r="AH3292" s="128"/>
      <c r="AI3292" s="128"/>
      <c r="AJ3292" s="128"/>
      <c r="AK3292" s="128"/>
      <c r="AL3292" s="128"/>
      <c r="AM3292" s="128"/>
      <c r="AN3292" s="128"/>
      <c r="AO3292" s="128"/>
      <c r="AP3292" s="128"/>
      <c r="AQ3292" s="128"/>
      <c r="AR3292" s="128"/>
      <c r="AS3292" s="128"/>
      <c r="AT3292" s="128"/>
      <c r="AU3292" s="128"/>
      <c r="AV3292" s="128"/>
      <c r="AW3292" s="128"/>
      <c r="AX3292" s="128"/>
      <c r="AY3292" s="128"/>
      <c r="AZ3292" s="128"/>
      <c r="BA3292" s="128"/>
      <c r="BB3292" s="107">
        <v>45884</v>
      </c>
    </row>
    <row r="3293" spans="1:54" s="8" customFormat="1" ht="13.95" customHeight="1" x14ac:dyDescent="0.25">
      <c r="A3293" s="219" t="s">
        <v>7446</v>
      </c>
      <c r="B3293" s="220" t="s">
        <v>6395</v>
      </c>
      <c r="C3293" s="98" t="s">
        <v>7447</v>
      </c>
      <c r="D3293" s="98" t="s">
        <v>20990</v>
      </c>
      <c r="E3293" s="141">
        <v>1962</v>
      </c>
      <c r="F3293" s="141">
        <v>1349</v>
      </c>
      <c r="G3293" s="98" t="s">
        <v>1</v>
      </c>
      <c r="H3293" s="98">
        <v>0</v>
      </c>
      <c r="I3293" s="98">
        <v>0</v>
      </c>
      <c r="J3293" s="98" t="s">
        <v>400</v>
      </c>
      <c r="K3293" s="98" t="s">
        <v>400</v>
      </c>
      <c r="L3293" s="98" t="s">
        <v>400</v>
      </c>
      <c r="M3293" s="98" t="s">
        <v>400</v>
      </c>
      <c r="N3293" s="98" t="s">
        <v>400</v>
      </c>
      <c r="O3293" s="98" t="s">
        <v>400</v>
      </c>
      <c r="P3293" s="98" t="s">
        <v>400</v>
      </c>
      <c r="Q3293" s="98" t="s">
        <v>400</v>
      </c>
      <c r="R3293" s="98" t="s">
        <v>400</v>
      </c>
      <c r="S3293" s="98" t="s">
        <v>400</v>
      </c>
      <c r="T3293" s="98" t="s">
        <v>400</v>
      </c>
      <c r="U3293" s="128"/>
      <c r="V3293" s="128"/>
      <c r="W3293" s="128"/>
      <c r="X3293" s="128"/>
      <c r="Y3293" s="128"/>
      <c r="Z3293" s="128"/>
      <c r="AA3293" s="128"/>
      <c r="AB3293" s="128"/>
      <c r="AC3293" s="128"/>
      <c r="AD3293" s="128"/>
      <c r="AE3293" s="128"/>
      <c r="AF3293" s="128"/>
      <c r="AG3293" s="128"/>
      <c r="AH3293" s="128"/>
      <c r="AI3293" s="128"/>
      <c r="AJ3293" s="128"/>
      <c r="AK3293" s="128"/>
      <c r="AL3293" s="128"/>
      <c r="AM3293" s="128"/>
      <c r="AN3293" s="128"/>
      <c r="AO3293" s="128"/>
      <c r="AP3293" s="128"/>
      <c r="AQ3293" s="128"/>
      <c r="AR3293" s="128"/>
      <c r="AS3293" s="128"/>
      <c r="AT3293" s="128"/>
      <c r="AU3293" s="128"/>
      <c r="AV3293" s="128"/>
      <c r="AW3293" s="128"/>
      <c r="AX3293" s="128"/>
      <c r="AY3293" s="128"/>
      <c r="AZ3293" s="128"/>
      <c r="BA3293" s="128"/>
      <c r="BB3293" s="107">
        <v>45884</v>
      </c>
    </row>
    <row r="3294" spans="1:54" s="8" customFormat="1" ht="13.95" customHeight="1" x14ac:dyDescent="0.25">
      <c r="A3294" s="219" t="s">
        <v>7448</v>
      </c>
      <c r="B3294" s="220" t="s">
        <v>6395</v>
      </c>
      <c r="C3294" s="98" t="s">
        <v>7449</v>
      </c>
      <c r="D3294" s="98" t="s">
        <v>20991</v>
      </c>
      <c r="E3294" s="141">
        <v>1970</v>
      </c>
      <c r="F3294" s="141">
        <v>1356</v>
      </c>
      <c r="G3294" s="98" t="s">
        <v>8</v>
      </c>
      <c r="H3294" s="98">
        <v>1</v>
      </c>
      <c r="I3294" s="98">
        <v>0</v>
      </c>
      <c r="J3294" s="98" t="s">
        <v>400</v>
      </c>
      <c r="K3294" s="98" t="s">
        <v>400</v>
      </c>
      <c r="L3294" s="98" t="s">
        <v>400</v>
      </c>
      <c r="M3294" s="98" t="s">
        <v>400</v>
      </c>
      <c r="N3294" s="98" t="s">
        <v>400</v>
      </c>
      <c r="O3294" s="98" t="s">
        <v>400</v>
      </c>
      <c r="P3294" s="98" t="s">
        <v>400</v>
      </c>
      <c r="Q3294" s="98" t="s">
        <v>400</v>
      </c>
      <c r="R3294" s="98" t="s">
        <v>400</v>
      </c>
      <c r="S3294" s="98" t="s">
        <v>400</v>
      </c>
      <c r="T3294" s="98" t="s">
        <v>400</v>
      </c>
      <c r="U3294" s="98">
        <v>0</v>
      </c>
      <c r="V3294" s="98">
        <v>0</v>
      </c>
      <c r="W3294" s="98" t="s">
        <v>400</v>
      </c>
      <c r="X3294" s="98">
        <v>0</v>
      </c>
      <c r="Y3294" s="98">
        <v>0</v>
      </c>
      <c r="Z3294" s="98">
        <v>0</v>
      </c>
      <c r="AA3294" s="98" t="s">
        <v>400</v>
      </c>
      <c r="AB3294" s="98">
        <v>0</v>
      </c>
      <c r="AC3294" s="98">
        <v>0</v>
      </c>
      <c r="AD3294" s="98">
        <v>0</v>
      </c>
      <c r="AE3294" s="98">
        <v>0</v>
      </c>
      <c r="AF3294" s="98">
        <v>0</v>
      </c>
      <c r="AG3294" s="98">
        <v>0</v>
      </c>
      <c r="AH3294" s="98">
        <v>0</v>
      </c>
      <c r="AI3294" s="98">
        <v>0</v>
      </c>
      <c r="AJ3294" s="98">
        <v>0</v>
      </c>
      <c r="AK3294" s="98">
        <v>0</v>
      </c>
      <c r="AL3294" s="98">
        <v>0</v>
      </c>
      <c r="AM3294" s="98">
        <v>0</v>
      </c>
      <c r="AN3294" s="98">
        <v>0</v>
      </c>
      <c r="AO3294" s="98">
        <v>0</v>
      </c>
      <c r="AP3294" s="98">
        <v>0</v>
      </c>
      <c r="AQ3294" s="98">
        <v>0</v>
      </c>
      <c r="AR3294" s="98">
        <v>0</v>
      </c>
      <c r="AS3294" s="98">
        <v>0</v>
      </c>
      <c r="AT3294" s="129">
        <v>0</v>
      </c>
      <c r="AU3294" s="98">
        <v>0</v>
      </c>
      <c r="AV3294" s="98">
        <v>0</v>
      </c>
      <c r="AW3294" s="98">
        <v>0</v>
      </c>
      <c r="AX3294" s="98"/>
      <c r="AY3294" s="98"/>
      <c r="AZ3294" s="98"/>
      <c r="BA3294" s="98"/>
      <c r="BB3294" s="107">
        <v>45884</v>
      </c>
    </row>
    <row r="3295" spans="1:54" s="8" customFormat="1" ht="13.95" customHeight="1" x14ac:dyDescent="0.25">
      <c r="A3295" s="219" t="s">
        <v>7450</v>
      </c>
      <c r="B3295" s="220" t="s">
        <v>6395</v>
      </c>
      <c r="C3295" s="98" t="s">
        <v>7451</v>
      </c>
      <c r="D3295" s="98" t="s">
        <v>20992</v>
      </c>
      <c r="E3295" s="141">
        <v>2004</v>
      </c>
      <c r="F3295" s="141">
        <v>1357</v>
      </c>
      <c r="G3295" s="98" t="s">
        <v>1</v>
      </c>
      <c r="H3295" s="98">
        <v>0</v>
      </c>
      <c r="I3295" s="98">
        <v>0</v>
      </c>
      <c r="J3295" s="98" t="s">
        <v>400</v>
      </c>
      <c r="K3295" s="98" t="s">
        <v>400</v>
      </c>
      <c r="L3295" s="98" t="s">
        <v>400</v>
      </c>
      <c r="M3295" s="98" t="s">
        <v>400</v>
      </c>
      <c r="N3295" s="98" t="s">
        <v>400</v>
      </c>
      <c r="O3295" s="98" t="s">
        <v>400</v>
      </c>
      <c r="P3295" s="98" t="s">
        <v>400</v>
      </c>
      <c r="Q3295" s="98" t="s">
        <v>400</v>
      </c>
      <c r="R3295" s="98" t="s">
        <v>400</v>
      </c>
      <c r="S3295" s="98" t="s">
        <v>400</v>
      </c>
      <c r="T3295" s="98" t="s">
        <v>400</v>
      </c>
      <c r="U3295" s="128"/>
      <c r="V3295" s="128"/>
      <c r="W3295" s="128"/>
      <c r="X3295" s="128"/>
      <c r="Y3295" s="128"/>
      <c r="Z3295" s="128"/>
      <c r="AA3295" s="128"/>
      <c r="AB3295" s="128"/>
      <c r="AC3295" s="128"/>
      <c r="AD3295" s="128"/>
      <c r="AE3295" s="128"/>
      <c r="AF3295" s="128"/>
      <c r="AG3295" s="128"/>
      <c r="AH3295" s="128"/>
      <c r="AI3295" s="128"/>
      <c r="AJ3295" s="128"/>
      <c r="AK3295" s="128"/>
      <c r="AL3295" s="128"/>
      <c r="AM3295" s="128"/>
      <c r="AN3295" s="128"/>
      <c r="AO3295" s="128"/>
      <c r="AP3295" s="128"/>
      <c r="AQ3295" s="128"/>
      <c r="AR3295" s="128"/>
      <c r="AS3295" s="128"/>
      <c r="AT3295" s="128"/>
      <c r="AU3295" s="128"/>
      <c r="AV3295" s="128"/>
      <c r="AW3295" s="128"/>
      <c r="AX3295" s="128"/>
      <c r="AY3295" s="128"/>
      <c r="AZ3295" s="128"/>
      <c r="BA3295" s="128"/>
      <c r="BB3295" s="107">
        <v>45884</v>
      </c>
    </row>
    <row r="3296" spans="1:54" s="8" customFormat="1" ht="13.95" customHeight="1" x14ac:dyDescent="0.25">
      <c r="A3296" s="219" t="s">
        <v>7452</v>
      </c>
      <c r="B3296" s="220" t="s">
        <v>6395</v>
      </c>
      <c r="C3296" s="98" t="s">
        <v>7453</v>
      </c>
      <c r="D3296" s="98" t="s">
        <v>20993</v>
      </c>
      <c r="E3296" s="141">
        <v>1967</v>
      </c>
      <c r="F3296" s="141">
        <v>1357</v>
      </c>
      <c r="G3296" s="98" t="s">
        <v>1</v>
      </c>
      <c r="H3296" s="98">
        <v>0</v>
      </c>
      <c r="I3296" s="98">
        <v>0</v>
      </c>
      <c r="J3296" s="98" t="s">
        <v>400</v>
      </c>
      <c r="K3296" s="98" t="s">
        <v>400</v>
      </c>
      <c r="L3296" s="98" t="s">
        <v>400</v>
      </c>
      <c r="M3296" s="98" t="s">
        <v>400</v>
      </c>
      <c r="N3296" s="98" t="s">
        <v>400</v>
      </c>
      <c r="O3296" s="98" t="s">
        <v>400</v>
      </c>
      <c r="P3296" s="98" t="s">
        <v>400</v>
      </c>
      <c r="Q3296" s="98" t="s">
        <v>400</v>
      </c>
      <c r="R3296" s="98" t="s">
        <v>400</v>
      </c>
      <c r="S3296" s="98" t="s">
        <v>400</v>
      </c>
      <c r="T3296" s="98" t="s">
        <v>400</v>
      </c>
      <c r="U3296" s="128"/>
      <c r="V3296" s="128"/>
      <c r="W3296" s="128"/>
      <c r="X3296" s="128"/>
      <c r="Y3296" s="128"/>
      <c r="Z3296" s="128"/>
      <c r="AA3296" s="128"/>
      <c r="AB3296" s="128"/>
      <c r="AC3296" s="128"/>
      <c r="AD3296" s="128"/>
      <c r="AE3296" s="128"/>
      <c r="AF3296" s="128"/>
      <c r="AG3296" s="128"/>
      <c r="AH3296" s="128"/>
      <c r="AI3296" s="128"/>
      <c r="AJ3296" s="128"/>
      <c r="AK3296" s="128"/>
      <c r="AL3296" s="128"/>
      <c r="AM3296" s="128"/>
      <c r="AN3296" s="128"/>
      <c r="AO3296" s="128"/>
      <c r="AP3296" s="128"/>
      <c r="AQ3296" s="128"/>
      <c r="AR3296" s="128"/>
      <c r="AS3296" s="128"/>
      <c r="AT3296" s="128"/>
      <c r="AU3296" s="128"/>
      <c r="AV3296" s="128"/>
      <c r="AW3296" s="128"/>
      <c r="AX3296" s="128"/>
      <c r="AY3296" s="128"/>
      <c r="AZ3296" s="128"/>
      <c r="BA3296" s="128"/>
      <c r="BB3296" s="107">
        <v>45884</v>
      </c>
    </row>
    <row r="3297" spans="1:54" s="8" customFormat="1" ht="13.95" customHeight="1" x14ac:dyDescent="0.25">
      <c r="A3297" s="219" t="s">
        <v>7454</v>
      </c>
      <c r="B3297" s="220" t="s">
        <v>6395</v>
      </c>
      <c r="C3297" s="98" t="s">
        <v>7455</v>
      </c>
      <c r="D3297" s="98" t="s">
        <v>20994</v>
      </c>
      <c r="E3297" s="141">
        <v>1985</v>
      </c>
      <c r="F3297" s="141">
        <v>1369</v>
      </c>
      <c r="G3297" s="98" t="s">
        <v>8</v>
      </c>
      <c r="H3297" s="98">
        <v>0</v>
      </c>
      <c r="I3297" s="98">
        <v>0</v>
      </c>
      <c r="J3297" s="98" t="s">
        <v>400</v>
      </c>
      <c r="K3297" s="98" t="s">
        <v>400</v>
      </c>
      <c r="L3297" s="98" t="s">
        <v>400</v>
      </c>
      <c r="M3297" s="98" t="s">
        <v>400</v>
      </c>
      <c r="N3297" s="98" t="s">
        <v>400</v>
      </c>
      <c r="O3297" s="98" t="s">
        <v>400</v>
      </c>
      <c r="P3297" s="98" t="s">
        <v>400</v>
      </c>
      <c r="Q3297" s="98" t="s">
        <v>400</v>
      </c>
      <c r="R3297" s="98" t="s">
        <v>400</v>
      </c>
      <c r="S3297" s="98" t="s">
        <v>400</v>
      </c>
      <c r="T3297" s="98" t="s">
        <v>400</v>
      </c>
      <c r="U3297" s="98">
        <v>0</v>
      </c>
      <c r="V3297" s="98">
        <v>0</v>
      </c>
      <c r="W3297" s="98" t="s">
        <v>400</v>
      </c>
      <c r="X3297" s="98">
        <v>0</v>
      </c>
      <c r="Y3297" s="98">
        <v>0</v>
      </c>
      <c r="Z3297" s="98">
        <v>0</v>
      </c>
      <c r="AA3297" s="98" t="s">
        <v>400</v>
      </c>
      <c r="AB3297" s="98">
        <v>0</v>
      </c>
      <c r="AC3297" s="98">
        <v>0</v>
      </c>
      <c r="AD3297" s="98">
        <v>0</v>
      </c>
      <c r="AE3297" s="98">
        <v>0</v>
      </c>
      <c r="AF3297" s="98">
        <v>0</v>
      </c>
      <c r="AG3297" s="98">
        <v>0</v>
      </c>
      <c r="AH3297" s="98">
        <v>0</v>
      </c>
      <c r="AI3297" s="98">
        <v>0</v>
      </c>
      <c r="AJ3297" s="98">
        <v>0</v>
      </c>
      <c r="AK3297" s="98">
        <v>0</v>
      </c>
      <c r="AL3297" s="98">
        <v>0</v>
      </c>
      <c r="AM3297" s="98">
        <v>0</v>
      </c>
      <c r="AN3297" s="98">
        <v>0</v>
      </c>
      <c r="AO3297" s="98">
        <v>0</v>
      </c>
      <c r="AP3297" s="98">
        <v>0</v>
      </c>
      <c r="AQ3297" s="98">
        <v>0</v>
      </c>
      <c r="AR3297" s="98">
        <v>0</v>
      </c>
      <c r="AS3297" s="98">
        <v>0</v>
      </c>
      <c r="AT3297" s="129">
        <v>0</v>
      </c>
      <c r="AU3297" s="98">
        <v>0</v>
      </c>
      <c r="AV3297" s="98">
        <v>0</v>
      </c>
      <c r="AW3297" s="98">
        <v>0</v>
      </c>
      <c r="AX3297" s="98"/>
      <c r="AY3297" s="98"/>
      <c r="AZ3297" s="98"/>
      <c r="BA3297" s="98"/>
      <c r="BB3297" s="107">
        <v>45884</v>
      </c>
    </row>
    <row r="3298" spans="1:54" s="8" customFormat="1" ht="13.95" customHeight="1" x14ac:dyDescent="0.25">
      <c r="A3298" s="219" t="s">
        <v>7456</v>
      </c>
      <c r="B3298" s="220" t="s">
        <v>6395</v>
      </c>
      <c r="C3298" s="98" t="s">
        <v>7457</v>
      </c>
      <c r="D3298" s="98" t="s">
        <v>20995</v>
      </c>
      <c r="E3298" s="141">
        <v>1981</v>
      </c>
      <c r="F3298" s="141">
        <v>1370</v>
      </c>
      <c r="G3298" s="98" t="s">
        <v>1</v>
      </c>
      <c r="H3298" s="98">
        <v>0</v>
      </c>
      <c r="I3298" s="98">
        <v>0</v>
      </c>
      <c r="J3298" s="98" t="s">
        <v>400</v>
      </c>
      <c r="K3298" s="98" t="s">
        <v>400</v>
      </c>
      <c r="L3298" s="98" t="s">
        <v>400</v>
      </c>
      <c r="M3298" s="98" t="s">
        <v>400</v>
      </c>
      <c r="N3298" s="98" t="s">
        <v>400</v>
      </c>
      <c r="O3298" s="98" t="s">
        <v>400</v>
      </c>
      <c r="P3298" s="98" t="s">
        <v>400</v>
      </c>
      <c r="Q3298" s="98" t="s">
        <v>400</v>
      </c>
      <c r="R3298" s="98" t="s">
        <v>400</v>
      </c>
      <c r="S3298" s="98" t="s">
        <v>400</v>
      </c>
      <c r="T3298" s="98" t="s">
        <v>400</v>
      </c>
      <c r="U3298" s="128"/>
      <c r="V3298" s="128"/>
      <c r="W3298" s="128"/>
      <c r="X3298" s="128"/>
      <c r="Y3298" s="128"/>
      <c r="Z3298" s="128"/>
      <c r="AA3298" s="128"/>
      <c r="AB3298" s="128"/>
      <c r="AC3298" s="128"/>
      <c r="AD3298" s="128"/>
      <c r="AE3298" s="128"/>
      <c r="AF3298" s="128"/>
      <c r="AG3298" s="128"/>
      <c r="AH3298" s="128"/>
      <c r="AI3298" s="128"/>
      <c r="AJ3298" s="128"/>
      <c r="AK3298" s="128"/>
      <c r="AL3298" s="128"/>
      <c r="AM3298" s="128"/>
      <c r="AN3298" s="128"/>
      <c r="AO3298" s="128"/>
      <c r="AP3298" s="128"/>
      <c r="AQ3298" s="128"/>
      <c r="AR3298" s="128"/>
      <c r="AS3298" s="128"/>
      <c r="AT3298" s="128"/>
      <c r="AU3298" s="128"/>
      <c r="AV3298" s="128"/>
      <c r="AW3298" s="128"/>
      <c r="AX3298" s="128"/>
      <c r="AY3298" s="128"/>
      <c r="AZ3298" s="128"/>
      <c r="BA3298" s="128"/>
      <c r="BB3298" s="107">
        <v>45884</v>
      </c>
    </row>
    <row r="3299" spans="1:54" s="8" customFormat="1" ht="13.95" customHeight="1" x14ac:dyDescent="0.25">
      <c r="A3299" s="219" t="s">
        <v>7458</v>
      </c>
      <c r="B3299" s="220" t="s">
        <v>6395</v>
      </c>
      <c r="C3299" s="98" t="s">
        <v>7459</v>
      </c>
      <c r="D3299" s="98" t="s">
        <v>20996</v>
      </c>
      <c r="E3299" s="141">
        <v>1986</v>
      </c>
      <c r="F3299" s="141">
        <v>1378</v>
      </c>
      <c r="G3299" s="98" t="s">
        <v>1</v>
      </c>
      <c r="H3299" s="98">
        <v>0</v>
      </c>
      <c r="I3299" s="98">
        <v>0</v>
      </c>
      <c r="J3299" s="98" t="s">
        <v>400</v>
      </c>
      <c r="K3299" s="98" t="s">
        <v>400</v>
      </c>
      <c r="L3299" s="98" t="s">
        <v>400</v>
      </c>
      <c r="M3299" s="98" t="s">
        <v>400</v>
      </c>
      <c r="N3299" s="98" t="s">
        <v>400</v>
      </c>
      <c r="O3299" s="98" t="s">
        <v>400</v>
      </c>
      <c r="P3299" s="98" t="s">
        <v>400</v>
      </c>
      <c r="Q3299" s="98" t="s">
        <v>400</v>
      </c>
      <c r="R3299" s="98" t="s">
        <v>400</v>
      </c>
      <c r="S3299" s="98" t="s">
        <v>400</v>
      </c>
      <c r="T3299" s="98" t="s">
        <v>400</v>
      </c>
      <c r="U3299" s="128"/>
      <c r="V3299" s="128"/>
      <c r="W3299" s="128"/>
      <c r="X3299" s="128"/>
      <c r="Y3299" s="128"/>
      <c r="Z3299" s="128"/>
      <c r="AA3299" s="128"/>
      <c r="AB3299" s="128"/>
      <c r="AC3299" s="128"/>
      <c r="AD3299" s="128"/>
      <c r="AE3299" s="128"/>
      <c r="AF3299" s="128"/>
      <c r="AG3299" s="128"/>
      <c r="AH3299" s="128"/>
      <c r="AI3299" s="128"/>
      <c r="AJ3299" s="128"/>
      <c r="AK3299" s="128"/>
      <c r="AL3299" s="128"/>
      <c r="AM3299" s="128"/>
      <c r="AN3299" s="128"/>
      <c r="AO3299" s="128"/>
      <c r="AP3299" s="128"/>
      <c r="AQ3299" s="128"/>
      <c r="AR3299" s="128"/>
      <c r="AS3299" s="128"/>
      <c r="AT3299" s="128"/>
      <c r="AU3299" s="128"/>
      <c r="AV3299" s="128"/>
      <c r="AW3299" s="128"/>
      <c r="AX3299" s="128"/>
      <c r="AY3299" s="128"/>
      <c r="AZ3299" s="128"/>
      <c r="BA3299" s="128"/>
      <c r="BB3299" s="107">
        <v>45884</v>
      </c>
    </row>
    <row r="3300" spans="1:54" s="8" customFormat="1" ht="13.95" customHeight="1" x14ac:dyDescent="0.25">
      <c r="A3300" s="219" t="s">
        <v>7460</v>
      </c>
      <c r="B3300" s="220" t="s">
        <v>6395</v>
      </c>
      <c r="C3300" s="98" t="s">
        <v>7461</v>
      </c>
      <c r="D3300" s="98" t="s">
        <v>20997</v>
      </c>
      <c r="E3300" s="141">
        <v>1976</v>
      </c>
      <c r="F3300" s="141">
        <v>1379</v>
      </c>
      <c r="G3300" s="98" t="s">
        <v>1</v>
      </c>
      <c r="H3300" s="98">
        <v>0</v>
      </c>
      <c r="I3300" s="98">
        <v>0</v>
      </c>
      <c r="J3300" s="98" t="s">
        <v>400</v>
      </c>
      <c r="K3300" s="98" t="s">
        <v>400</v>
      </c>
      <c r="L3300" s="98" t="s">
        <v>400</v>
      </c>
      <c r="M3300" s="98" t="s">
        <v>400</v>
      </c>
      <c r="N3300" s="98" t="s">
        <v>400</v>
      </c>
      <c r="O3300" s="98" t="s">
        <v>400</v>
      </c>
      <c r="P3300" s="98" t="s">
        <v>400</v>
      </c>
      <c r="Q3300" s="98" t="s">
        <v>400</v>
      </c>
      <c r="R3300" s="98" t="s">
        <v>400</v>
      </c>
      <c r="S3300" s="98" t="s">
        <v>400</v>
      </c>
      <c r="T3300" s="98" t="s">
        <v>400</v>
      </c>
      <c r="U3300" s="128"/>
      <c r="V3300" s="128"/>
      <c r="W3300" s="128"/>
      <c r="X3300" s="128"/>
      <c r="Y3300" s="128"/>
      <c r="Z3300" s="128"/>
      <c r="AA3300" s="128"/>
      <c r="AB3300" s="128"/>
      <c r="AC3300" s="128"/>
      <c r="AD3300" s="128"/>
      <c r="AE3300" s="128"/>
      <c r="AF3300" s="128"/>
      <c r="AG3300" s="128"/>
      <c r="AH3300" s="128"/>
      <c r="AI3300" s="128"/>
      <c r="AJ3300" s="128"/>
      <c r="AK3300" s="128"/>
      <c r="AL3300" s="128"/>
      <c r="AM3300" s="128"/>
      <c r="AN3300" s="128"/>
      <c r="AO3300" s="128"/>
      <c r="AP3300" s="128"/>
      <c r="AQ3300" s="128"/>
      <c r="AR3300" s="128"/>
      <c r="AS3300" s="128"/>
      <c r="AT3300" s="128"/>
      <c r="AU3300" s="128"/>
      <c r="AV3300" s="128"/>
      <c r="AW3300" s="128"/>
      <c r="AX3300" s="128"/>
      <c r="AY3300" s="128"/>
      <c r="AZ3300" s="128"/>
      <c r="BA3300" s="128"/>
      <c r="BB3300" s="107">
        <v>45884</v>
      </c>
    </row>
    <row r="3301" spans="1:54" s="8" customFormat="1" ht="13.95" customHeight="1" x14ac:dyDescent="0.25">
      <c r="A3301" s="219" t="s">
        <v>7462</v>
      </c>
      <c r="B3301" s="220" t="s">
        <v>6395</v>
      </c>
      <c r="C3301" s="98" t="s">
        <v>7463</v>
      </c>
      <c r="D3301" s="98" t="s">
        <v>20998</v>
      </c>
      <c r="E3301" s="141">
        <v>1957</v>
      </c>
      <c r="F3301" s="141">
        <v>1382</v>
      </c>
      <c r="G3301" s="98" t="s">
        <v>1</v>
      </c>
      <c r="H3301" s="98">
        <v>0</v>
      </c>
      <c r="I3301" s="98">
        <v>0</v>
      </c>
      <c r="J3301" s="98" t="s">
        <v>400</v>
      </c>
      <c r="K3301" s="98" t="s">
        <v>400</v>
      </c>
      <c r="L3301" s="98" t="s">
        <v>400</v>
      </c>
      <c r="M3301" s="98" t="s">
        <v>400</v>
      </c>
      <c r="N3301" s="98" t="s">
        <v>400</v>
      </c>
      <c r="O3301" s="98" t="s">
        <v>400</v>
      </c>
      <c r="P3301" s="98" t="s">
        <v>400</v>
      </c>
      <c r="Q3301" s="98" t="s">
        <v>400</v>
      </c>
      <c r="R3301" s="98" t="s">
        <v>400</v>
      </c>
      <c r="S3301" s="98" t="s">
        <v>400</v>
      </c>
      <c r="T3301" s="98" t="s">
        <v>400</v>
      </c>
      <c r="U3301" s="128"/>
      <c r="V3301" s="128"/>
      <c r="W3301" s="128"/>
      <c r="X3301" s="128"/>
      <c r="Y3301" s="128"/>
      <c r="Z3301" s="128"/>
      <c r="AA3301" s="128"/>
      <c r="AB3301" s="128"/>
      <c r="AC3301" s="128"/>
      <c r="AD3301" s="128"/>
      <c r="AE3301" s="128"/>
      <c r="AF3301" s="128"/>
      <c r="AG3301" s="128"/>
      <c r="AH3301" s="128"/>
      <c r="AI3301" s="128"/>
      <c r="AJ3301" s="128"/>
      <c r="AK3301" s="128"/>
      <c r="AL3301" s="128"/>
      <c r="AM3301" s="128"/>
      <c r="AN3301" s="128"/>
      <c r="AO3301" s="128"/>
      <c r="AP3301" s="128"/>
      <c r="AQ3301" s="128"/>
      <c r="AR3301" s="128"/>
      <c r="AS3301" s="128"/>
      <c r="AT3301" s="128"/>
      <c r="AU3301" s="128"/>
      <c r="AV3301" s="128"/>
      <c r="AW3301" s="128"/>
      <c r="AX3301" s="128"/>
      <c r="AY3301" s="128"/>
      <c r="AZ3301" s="128"/>
      <c r="BA3301" s="128"/>
      <c r="BB3301" s="107">
        <v>45884</v>
      </c>
    </row>
    <row r="3302" spans="1:54" s="8" customFormat="1" ht="13.95" customHeight="1" x14ac:dyDescent="0.25">
      <c r="A3302" s="219" t="s">
        <v>7464</v>
      </c>
      <c r="B3302" s="220" t="s">
        <v>6395</v>
      </c>
      <c r="C3302" s="98" t="s">
        <v>7465</v>
      </c>
      <c r="D3302" s="98" t="s">
        <v>20999</v>
      </c>
      <c r="E3302" s="141">
        <v>1963</v>
      </c>
      <c r="F3302" s="141">
        <v>1383</v>
      </c>
      <c r="G3302" s="98" t="s">
        <v>1</v>
      </c>
      <c r="H3302" s="98">
        <v>0</v>
      </c>
      <c r="I3302" s="98">
        <v>0</v>
      </c>
      <c r="J3302" s="98" t="s">
        <v>400</v>
      </c>
      <c r="K3302" s="98" t="s">
        <v>400</v>
      </c>
      <c r="L3302" s="98" t="s">
        <v>400</v>
      </c>
      <c r="M3302" s="98" t="s">
        <v>400</v>
      </c>
      <c r="N3302" s="98" t="s">
        <v>400</v>
      </c>
      <c r="O3302" s="98" t="s">
        <v>400</v>
      </c>
      <c r="P3302" s="98" t="s">
        <v>400</v>
      </c>
      <c r="Q3302" s="98" t="s">
        <v>400</v>
      </c>
      <c r="R3302" s="98" t="s">
        <v>400</v>
      </c>
      <c r="S3302" s="98" t="s">
        <v>400</v>
      </c>
      <c r="T3302" s="98" t="s">
        <v>400</v>
      </c>
      <c r="U3302" s="128"/>
      <c r="V3302" s="128"/>
      <c r="W3302" s="128"/>
      <c r="X3302" s="128"/>
      <c r="Y3302" s="128"/>
      <c r="Z3302" s="128"/>
      <c r="AA3302" s="128"/>
      <c r="AB3302" s="128"/>
      <c r="AC3302" s="128"/>
      <c r="AD3302" s="128"/>
      <c r="AE3302" s="128"/>
      <c r="AF3302" s="128"/>
      <c r="AG3302" s="128"/>
      <c r="AH3302" s="128"/>
      <c r="AI3302" s="128"/>
      <c r="AJ3302" s="128"/>
      <c r="AK3302" s="128"/>
      <c r="AL3302" s="128"/>
      <c r="AM3302" s="128"/>
      <c r="AN3302" s="128"/>
      <c r="AO3302" s="128"/>
      <c r="AP3302" s="128"/>
      <c r="AQ3302" s="128"/>
      <c r="AR3302" s="128"/>
      <c r="AS3302" s="128"/>
      <c r="AT3302" s="128"/>
      <c r="AU3302" s="128"/>
      <c r="AV3302" s="128"/>
      <c r="AW3302" s="128"/>
      <c r="AX3302" s="128"/>
      <c r="AY3302" s="128"/>
      <c r="AZ3302" s="128"/>
      <c r="BA3302" s="128"/>
      <c r="BB3302" s="107">
        <v>45884</v>
      </c>
    </row>
    <row r="3303" spans="1:54" s="8" customFormat="1" ht="13.95" customHeight="1" x14ac:dyDescent="0.25">
      <c r="A3303" s="219" t="s">
        <v>7466</v>
      </c>
      <c r="B3303" s="220" t="s">
        <v>6395</v>
      </c>
      <c r="C3303" s="98" t="s">
        <v>7467</v>
      </c>
      <c r="D3303" s="98" t="s">
        <v>20463</v>
      </c>
      <c r="E3303" s="141">
        <v>1957</v>
      </c>
      <c r="F3303" s="141">
        <v>1383</v>
      </c>
      <c r="G3303" s="98" t="s">
        <v>1</v>
      </c>
      <c r="H3303" s="98">
        <v>0</v>
      </c>
      <c r="I3303" s="98">
        <v>0</v>
      </c>
      <c r="J3303" s="98" t="s">
        <v>400</v>
      </c>
      <c r="K3303" s="98" t="s">
        <v>400</v>
      </c>
      <c r="L3303" s="98" t="s">
        <v>400</v>
      </c>
      <c r="M3303" s="98" t="s">
        <v>400</v>
      </c>
      <c r="N3303" s="98" t="s">
        <v>400</v>
      </c>
      <c r="O3303" s="98" t="s">
        <v>400</v>
      </c>
      <c r="P3303" s="98" t="s">
        <v>400</v>
      </c>
      <c r="Q3303" s="98" t="s">
        <v>400</v>
      </c>
      <c r="R3303" s="98" t="s">
        <v>400</v>
      </c>
      <c r="S3303" s="98" t="s">
        <v>400</v>
      </c>
      <c r="T3303" s="98" t="s">
        <v>400</v>
      </c>
      <c r="U3303" s="128"/>
      <c r="V3303" s="128"/>
      <c r="W3303" s="128"/>
      <c r="X3303" s="128"/>
      <c r="Y3303" s="128"/>
      <c r="Z3303" s="128"/>
      <c r="AA3303" s="128"/>
      <c r="AB3303" s="128"/>
      <c r="AC3303" s="128"/>
      <c r="AD3303" s="128"/>
      <c r="AE3303" s="128"/>
      <c r="AF3303" s="128"/>
      <c r="AG3303" s="128"/>
      <c r="AH3303" s="128"/>
      <c r="AI3303" s="128"/>
      <c r="AJ3303" s="128"/>
      <c r="AK3303" s="128"/>
      <c r="AL3303" s="128"/>
      <c r="AM3303" s="128"/>
      <c r="AN3303" s="128"/>
      <c r="AO3303" s="128"/>
      <c r="AP3303" s="128"/>
      <c r="AQ3303" s="128"/>
      <c r="AR3303" s="128"/>
      <c r="AS3303" s="128"/>
      <c r="AT3303" s="128"/>
      <c r="AU3303" s="128"/>
      <c r="AV3303" s="128"/>
      <c r="AW3303" s="128"/>
      <c r="AX3303" s="128"/>
      <c r="AY3303" s="128"/>
      <c r="AZ3303" s="128"/>
      <c r="BA3303" s="128"/>
      <c r="BB3303" s="107">
        <v>45884</v>
      </c>
    </row>
    <row r="3304" spans="1:54" s="8" customFormat="1" ht="13.95" customHeight="1" x14ac:dyDescent="0.25">
      <c r="A3304" s="219" t="s">
        <v>7468</v>
      </c>
      <c r="B3304" s="220" t="s">
        <v>6395</v>
      </c>
      <c r="C3304" s="98" t="s">
        <v>7469</v>
      </c>
      <c r="D3304" s="98" t="s">
        <v>21000</v>
      </c>
      <c r="E3304" s="141">
        <v>1978</v>
      </c>
      <c r="F3304" s="141">
        <v>1385</v>
      </c>
      <c r="G3304" s="98" t="s">
        <v>1</v>
      </c>
      <c r="H3304" s="98">
        <v>0</v>
      </c>
      <c r="I3304" s="98">
        <v>0</v>
      </c>
      <c r="J3304" s="98" t="s">
        <v>400</v>
      </c>
      <c r="K3304" s="98" t="s">
        <v>400</v>
      </c>
      <c r="L3304" s="98" t="s">
        <v>400</v>
      </c>
      <c r="M3304" s="98" t="s">
        <v>400</v>
      </c>
      <c r="N3304" s="98" t="s">
        <v>400</v>
      </c>
      <c r="O3304" s="98" t="s">
        <v>400</v>
      </c>
      <c r="P3304" s="98" t="s">
        <v>400</v>
      </c>
      <c r="Q3304" s="98" t="s">
        <v>400</v>
      </c>
      <c r="R3304" s="98" t="s">
        <v>400</v>
      </c>
      <c r="S3304" s="98" t="s">
        <v>400</v>
      </c>
      <c r="T3304" s="98" t="s">
        <v>400</v>
      </c>
      <c r="U3304" s="128"/>
      <c r="V3304" s="128"/>
      <c r="W3304" s="128"/>
      <c r="X3304" s="128"/>
      <c r="Y3304" s="128"/>
      <c r="Z3304" s="128"/>
      <c r="AA3304" s="128"/>
      <c r="AB3304" s="128"/>
      <c r="AC3304" s="128"/>
      <c r="AD3304" s="128"/>
      <c r="AE3304" s="128"/>
      <c r="AF3304" s="128"/>
      <c r="AG3304" s="128"/>
      <c r="AH3304" s="128"/>
      <c r="AI3304" s="128"/>
      <c r="AJ3304" s="128"/>
      <c r="AK3304" s="128"/>
      <c r="AL3304" s="128"/>
      <c r="AM3304" s="128"/>
      <c r="AN3304" s="128"/>
      <c r="AO3304" s="128"/>
      <c r="AP3304" s="128"/>
      <c r="AQ3304" s="128"/>
      <c r="AR3304" s="128"/>
      <c r="AS3304" s="128"/>
      <c r="AT3304" s="128"/>
      <c r="AU3304" s="128"/>
      <c r="AV3304" s="128"/>
      <c r="AW3304" s="128"/>
      <c r="AX3304" s="128"/>
      <c r="AY3304" s="128"/>
      <c r="AZ3304" s="128"/>
      <c r="BA3304" s="128"/>
      <c r="BB3304" s="107">
        <v>45884</v>
      </c>
    </row>
    <row r="3305" spans="1:54" s="8" customFormat="1" ht="13.95" customHeight="1" x14ac:dyDescent="0.25">
      <c r="A3305" s="219" t="s">
        <v>7470</v>
      </c>
      <c r="B3305" s="220" t="s">
        <v>6395</v>
      </c>
      <c r="C3305" s="98" t="s">
        <v>7471</v>
      </c>
      <c r="D3305" s="98" t="s">
        <v>21001</v>
      </c>
      <c r="E3305" s="141">
        <v>1963</v>
      </c>
      <c r="F3305" s="141">
        <v>1388</v>
      </c>
      <c r="G3305" s="98" t="s">
        <v>1</v>
      </c>
      <c r="H3305" s="98">
        <v>0</v>
      </c>
      <c r="I3305" s="98">
        <v>0</v>
      </c>
      <c r="J3305" s="98" t="s">
        <v>400</v>
      </c>
      <c r="K3305" s="98" t="s">
        <v>400</v>
      </c>
      <c r="L3305" s="98" t="s">
        <v>400</v>
      </c>
      <c r="M3305" s="98" t="s">
        <v>400</v>
      </c>
      <c r="N3305" s="98" t="s">
        <v>400</v>
      </c>
      <c r="O3305" s="98" t="s">
        <v>400</v>
      </c>
      <c r="P3305" s="98" t="s">
        <v>400</v>
      </c>
      <c r="Q3305" s="98" t="s">
        <v>400</v>
      </c>
      <c r="R3305" s="98" t="s">
        <v>400</v>
      </c>
      <c r="S3305" s="98" t="s">
        <v>400</v>
      </c>
      <c r="T3305" s="98" t="s">
        <v>400</v>
      </c>
      <c r="U3305" s="128"/>
      <c r="V3305" s="128"/>
      <c r="W3305" s="128"/>
      <c r="X3305" s="128"/>
      <c r="Y3305" s="128"/>
      <c r="Z3305" s="128"/>
      <c r="AA3305" s="128"/>
      <c r="AB3305" s="128"/>
      <c r="AC3305" s="128"/>
      <c r="AD3305" s="128"/>
      <c r="AE3305" s="128"/>
      <c r="AF3305" s="128"/>
      <c r="AG3305" s="128"/>
      <c r="AH3305" s="128"/>
      <c r="AI3305" s="128"/>
      <c r="AJ3305" s="128"/>
      <c r="AK3305" s="128"/>
      <c r="AL3305" s="128"/>
      <c r="AM3305" s="128"/>
      <c r="AN3305" s="128"/>
      <c r="AO3305" s="128"/>
      <c r="AP3305" s="128"/>
      <c r="AQ3305" s="128"/>
      <c r="AR3305" s="128"/>
      <c r="AS3305" s="128"/>
      <c r="AT3305" s="128"/>
      <c r="AU3305" s="128"/>
      <c r="AV3305" s="128"/>
      <c r="AW3305" s="128"/>
      <c r="AX3305" s="128"/>
      <c r="AY3305" s="128"/>
      <c r="AZ3305" s="128"/>
      <c r="BA3305" s="128"/>
      <c r="BB3305" s="107">
        <v>45884</v>
      </c>
    </row>
    <row r="3306" spans="1:54" s="8" customFormat="1" ht="13.95" customHeight="1" x14ac:dyDescent="0.25">
      <c r="A3306" s="219" t="s">
        <v>7472</v>
      </c>
      <c r="B3306" s="220" t="s">
        <v>6395</v>
      </c>
      <c r="C3306" s="98" t="s">
        <v>7473</v>
      </c>
      <c r="D3306" s="98" t="s">
        <v>21002</v>
      </c>
      <c r="E3306" s="141">
        <v>1964</v>
      </c>
      <c r="F3306" s="141">
        <v>1395</v>
      </c>
      <c r="G3306" s="98" t="s">
        <v>1</v>
      </c>
      <c r="H3306" s="98">
        <v>0</v>
      </c>
      <c r="I3306" s="98">
        <v>0</v>
      </c>
      <c r="J3306" s="98" t="s">
        <v>400</v>
      </c>
      <c r="K3306" s="98" t="s">
        <v>400</v>
      </c>
      <c r="L3306" s="98" t="s">
        <v>400</v>
      </c>
      <c r="M3306" s="98" t="s">
        <v>400</v>
      </c>
      <c r="N3306" s="98" t="s">
        <v>400</v>
      </c>
      <c r="O3306" s="98" t="s">
        <v>400</v>
      </c>
      <c r="P3306" s="98" t="s">
        <v>400</v>
      </c>
      <c r="Q3306" s="98" t="s">
        <v>400</v>
      </c>
      <c r="R3306" s="98" t="s">
        <v>400</v>
      </c>
      <c r="S3306" s="98" t="s">
        <v>400</v>
      </c>
      <c r="T3306" s="98" t="s">
        <v>400</v>
      </c>
      <c r="U3306" s="128"/>
      <c r="V3306" s="128"/>
      <c r="W3306" s="128"/>
      <c r="X3306" s="128"/>
      <c r="Y3306" s="128"/>
      <c r="Z3306" s="128"/>
      <c r="AA3306" s="128"/>
      <c r="AB3306" s="128"/>
      <c r="AC3306" s="128"/>
      <c r="AD3306" s="128"/>
      <c r="AE3306" s="128"/>
      <c r="AF3306" s="128"/>
      <c r="AG3306" s="128"/>
      <c r="AH3306" s="128"/>
      <c r="AI3306" s="128"/>
      <c r="AJ3306" s="128"/>
      <c r="AK3306" s="128"/>
      <c r="AL3306" s="128"/>
      <c r="AM3306" s="128"/>
      <c r="AN3306" s="128"/>
      <c r="AO3306" s="128"/>
      <c r="AP3306" s="128"/>
      <c r="AQ3306" s="128"/>
      <c r="AR3306" s="128"/>
      <c r="AS3306" s="128"/>
      <c r="AT3306" s="128"/>
      <c r="AU3306" s="128"/>
      <c r="AV3306" s="128"/>
      <c r="AW3306" s="128"/>
      <c r="AX3306" s="128"/>
      <c r="AY3306" s="128"/>
      <c r="AZ3306" s="128"/>
      <c r="BA3306" s="128"/>
      <c r="BB3306" s="107">
        <v>45884</v>
      </c>
    </row>
    <row r="3307" spans="1:54" s="8" customFormat="1" ht="13.95" customHeight="1" x14ac:dyDescent="0.25">
      <c r="A3307" s="219" t="s">
        <v>7474</v>
      </c>
      <c r="B3307" s="220" t="s">
        <v>6395</v>
      </c>
      <c r="C3307" s="98" t="s">
        <v>7475</v>
      </c>
      <c r="D3307" s="98" t="s">
        <v>21003</v>
      </c>
      <c r="E3307" s="141">
        <v>1974</v>
      </c>
      <c r="F3307" s="141">
        <v>1404</v>
      </c>
      <c r="G3307" s="98" t="s">
        <v>1</v>
      </c>
      <c r="H3307" s="98">
        <v>0</v>
      </c>
      <c r="I3307" s="98">
        <v>0</v>
      </c>
      <c r="J3307" s="98" t="s">
        <v>400</v>
      </c>
      <c r="K3307" s="98" t="s">
        <v>400</v>
      </c>
      <c r="L3307" s="98" t="s">
        <v>400</v>
      </c>
      <c r="M3307" s="98" t="s">
        <v>400</v>
      </c>
      <c r="N3307" s="98" t="s">
        <v>400</v>
      </c>
      <c r="O3307" s="98" t="s">
        <v>400</v>
      </c>
      <c r="P3307" s="98" t="s">
        <v>400</v>
      </c>
      <c r="Q3307" s="98" t="s">
        <v>400</v>
      </c>
      <c r="R3307" s="98" t="s">
        <v>400</v>
      </c>
      <c r="S3307" s="98" t="s">
        <v>400</v>
      </c>
      <c r="T3307" s="98" t="s">
        <v>400</v>
      </c>
      <c r="U3307" s="128"/>
      <c r="V3307" s="128"/>
      <c r="W3307" s="128"/>
      <c r="X3307" s="128"/>
      <c r="Y3307" s="128"/>
      <c r="Z3307" s="128"/>
      <c r="AA3307" s="128"/>
      <c r="AB3307" s="128"/>
      <c r="AC3307" s="128"/>
      <c r="AD3307" s="128"/>
      <c r="AE3307" s="128"/>
      <c r="AF3307" s="128"/>
      <c r="AG3307" s="128"/>
      <c r="AH3307" s="128"/>
      <c r="AI3307" s="128"/>
      <c r="AJ3307" s="128"/>
      <c r="AK3307" s="128"/>
      <c r="AL3307" s="128"/>
      <c r="AM3307" s="128"/>
      <c r="AN3307" s="128"/>
      <c r="AO3307" s="128"/>
      <c r="AP3307" s="128"/>
      <c r="AQ3307" s="128"/>
      <c r="AR3307" s="128"/>
      <c r="AS3307" s="128"/>
      <c r="AT3307" s="128"/>
      <c r="AU3307" s="128"/>
      <c r="AV3307" s="128"/>
      <c r="AW3307" s="128"/>
      <c r="AX3307" s="128"/>
      <c r="AY3307" s="128"/>
      <c r="AZ3307" s="128"/>
      <c r="BA3307" s="128"/>
      <c r="BB3307" s="107">
        <v>45884</v>
      </c>
    </row>
    <row r="3308" spans="1:54" s="8" customFormat="1" ht="13.95" customHeight="1" x14ac:dyDescent="0.25">
      <c r="A3308" s="219" t="s">
        <v>7476</v>
      </c>
      <c r="B3308" s="220" t="s">
        <v>6395</v>
      </c>
      <c r="C3308" s="98" t="s">
        <v>7477</v>
      </c>
      <c r="D3308" s="98" t="s">
        <v>21004</v>
      </c>
      <c r="E3308" s="141">
        <v>1974</v>
      </c>
      <c r="F3308" s="141">
        <v>1412</v>
      </c>
      <c r="G3308" s="98" t="s">
        <v>1</v>
      </c>
      <c r="H3308" s="98">
        <v>0</v>
      </c>
      <c r="I3308" s="98">
        <v>0</v>
      </c>
      <c r="J3308" s="98" t="s">
        <v>400</v>
      </c>
      <c r="K3308" s="98" t="s">
        <v>400</v>
      </c>
      <c r="L3308" s="98" t="s">
        <v>400</v>
      </c>
      <c r="M3308" s="98" t="s">
        <v>400</v>
      </c>
      <c r="N3308" s="98" t="s">
        <v>400</v>
      </c>
      <c r="O3308" s="98" t="s">
        <v>400</v>
      </c>
      <c r="P3308" s="98" t="s">
        <v>400</v>
      </c>
      <c r="Q3308" s="98" t="s">
        <v>400</v>
      </c>
      <c r="R3308" s="98" t="s">
        <v>400</v>
      </c>
      <c r="S3308" s="98" t="s">
        <v>400</v>
      </c>
      <c r="T3308" s="98" t="s">
        <v>400</v>
      </c>
      <c r="U3308" s="128"/>
      <c r="V3308" s="128"/>
      <c r="W3308" s="128"/>
      <c r="X3308" s="128"/>
      <c r="Y3308" s="128"/>
      <c r="Z3308" s="128"/>
      <c r="AA3308" s="128"/>
      <c r="AB3308" s="128"/>
      <c r="AC3308" s="128"/>
      <c r="AD3308" s="128"/>
      <c r="AE3308" s="128"/>
      <c r="AF3308" s="128"/>
      <c r="AG3308" s="128"/>
      <c r="AH3308" s="128"/>
      <c r="AI3308" s="128"/>
      <c r="AJ3308" s="128"/>
      <c r="AK3308" s="128"/>
      <c r="AL3308" s="128"/>
      <c r="AM3308" s="128"/>
      <c r="AN3308" s="128"/>
      <c r="AO3308" s="128"/>
      <c r="AP3308" s="128"/>
      <c r="AQ3308" s="128"/>
      <c r="AR3308" s="128"/>
      <c r="AS3308" s="128"/>
      <c r="AT3308" s="128"/>
      <c r="AU3308" s="128"/>
      <c r="AV3308" s="128"/>
      <c r="AW3308" s="128"/>
      <c r="AX3308" s="128"/>
      <c r="AY3308" s="128"/>
      <c r="AZ3308" s="128"/>
      <c r="BA3308" s="128"/>
      <c r="BB3308" s="107">
        <v>45884</v>
      </c>
    </row>
    <row r="3309" spans="1:54" s="8" customFormat="1" ht="13.95" customHeight="1" x14ac:dyDescent="0.25">
      <c r="A3309" s="219" t="s">
        <v>7478</v>
      </c>
      <c r="B3309" s="220" t="s">
        <v>6395</v>
      </c>
      <c r="C3309" s="98" t="s">
        <v>7479</v>
      </c>
      <c r="D3309" s="98" t="s">
        <v>21005</v>
      </c>
      <c r="E3309" s="141">
        <v>1986</v>
      </c>
      <c r="F3309" s="141">
        <v>1412</v>
      </c>
      <c r="G3309" s="98" t="s">
        <v>8</v>
      </c>
      <c r="H3309" s="98">
        <v>0</v>
      </c>
      <c r="I3309" s="98">
        <v>0</v>
      </c>
      <c r="J3309" s="98" t="s">
        <v>400</v>
      </c>
      <c r="K3309" s="98" t="s">
        <v>400</v>
      </c>
      <c r="L3309" s="98" t="s">
        <v>400</v>
      </c>
      <c r="M3309" s="98" t="s">
        <v>400</v>
      </c>
      <c r="N3309" s="98" t="s">
        <v>400</v>
      </c>
      <c r="O3309" s="98" t="s">
        <v>400</v>
      </c>
      <c r="P3309" s="98" t="s">
        <v>400</v>
      </c>
      <c r="Q3309" s="98" t="s">
        <v>400</v>
      </c>
      <c r="R3309" s="98" t="s">
        <v>400</v>
      </c>
      <c r="S3309" s="98" t="s">
        <v>400</v>
      </c>
      <c r="T3309" s="98" t="s">
        <v>400</v>
      </c>
      <c r="U3309" s="98">
        <v>0</v>
      </c>
      <c r="V3309" s="98">
        <v>0</v>
      </c>
      <c r="W3309" s="98" t="s">
        <v>400</v>
      </c>
      <c r="X3309" s="98">
        <v>0</v>
      </c>
      <c r="Y3309" s="98">
        <v>0</v>
      </c>
      <c r="Z3309" s="98">
        <v>0</v>
      </c>
      <c r="AA3309" s="98" t="s">
        <v>400</v>
      </c>
      <c r="AB3309" s="98">
        <v>0</v>
      </c>
      <c r="AC3309" s="98">
        <v>0</v>
      </c>
      <c r="AD3309" s="98">
        <v>0</v>
      </c>
      <c r="AE3309" s="98">
        <v>0</v>
      </c>
      <c r="AF3309" s="98">
        <v>0</v>
      </c>
      <c r="AG3309" s="98">
        <v>0</v>
      </c>
      <c r="AH3309" s="98">
        <v>0</v>
      </c>
      <c r="AI3309" s="98">
        <v>0</v>
      </c>
      <c r="AJ3309" s="98">
        <v>0</v>
      </c>
      <c r="AK3309" s="98">
        <v>0</v>
      </c>
      <c r="AL3309" s="98">
        <v>0</v>
      </c>
      <c r="AM3309" s="98">
        <v>0</v>
      </c>
      <c r="AN3309" s="98">
        <v>0</v>
      </c>
      <c r="AO3309" s="98">
        <v>0</v>
      </c>
      <c r="AP3309" s="98">
        <v>0</v>
      </c>
      <c r="AQ3309" s="98">
        <v>0</v>
      </c>
      <c r="AR3309" s="98">
        <v>0</v>
      </c>
      <c r="AS3309" s="98">
        <v>0</v>
      </c>
      <c r="AT3309" s="129">
        <v>0</v>
      </c>
      <c r="AU3309" s="98">
        <v>0</v>
      </c>
      <c r="AV3309" s="98">
        <v>0</v>
      </c>
      <c r="AW3309" s="98">
        <v>0</v>
      </c>
      <c r="AX3309" s="98"/>
      <c r="AY3309" s="98"/>
      <c r="AZ3309" s="98"/>
      <c r="BA3309" s="98"/>
      <c r="BB3309" s="107">
        <v>45884</v>
      </c>
    </row>
    <row r="3310" spans="1:54" s="8" customFormat="1" ht="13.95" customHeight="1" x14ac:dyDescent="0.25">
      <c r="A3310" s="219" t="s">
        <v>7480</v>
      </c>
      <c r="B3310" s="220" t="s">
        <v>6395</v>
      </c>
      <c r="C3310" s="98" t="s">
        <v>7481</v>
      </c>
      <c r="D3310" s="98" t="s">
        <v>21006</v>
      </c>
      <c r="E3310" s="141">
        <v>1983</v>
      </c>
      <c r="F3310" s="141">
        <v>1413</v>
      </c>
      <c r="G3310" s="98" t="s">
        <v>1</v>
      </c>
      <c r="H3310" s="98">
        <v>0</v>
      </c>
      <c r="I3310" s="98">
        <v>0</v>
      </c>
      <c r="J3310" s="98" t="s">
        <v>400</v>
      </c>
      <c r="K3310" s="98" t="s">
        <v>400</v>
      </c>
      <c r="L3310" s="98" t="s">
        <v>400</v>
      </c>
      <c r="M3310" s="98" t="s">
        <v>400</v>
      </c>
      <c r="N3310" s="98" t="s">
        <v>400</v>
      </c>
      <c r="O3310" s="98" t="s">
        <v>400</v>
      </c>
      <c r="P3310" s="98" t="s">
        <v>400</v>
      </c>
      <c r="Q3310" s="98" t="s">
        <v>400</v>
      </c>
      <c r="R3310" s="98" t="s">
        <v>400</v>
      </c>
      <c r="S3310" s="98" t="s">
        <v>400</v>
      </c>
      <c r="T3310" s="98" t="s">
        <v>400</v>
      </c>
      <c r="U3310" s="128"/>
      <c r="V3310" s="128"/>
      <c r="W3310" s="128"/>
      <c r="X3310" s="128"/>
      <c r="Y3310" s="128"/>
      <c r="Z3310" s="128"/>
      <c r="AA3310" s="128"/>
      <c r="AB3310" s="128"/>
      <c r="AC3310" s="128"/>
      <c r="AD3310" s="128"/>
      <c r="AE3310" s="128"/>
      <c r="AF3310" s="128"/>
      <c r="AG3310" s="128"/>
      <c r="AH3310" s="128"/>
      <c r="AI3310" s="128"/>
      <c r="AJ3310" s="128"/>
      <c r="AK3310" s="128"/>
      <c r="AL3310" s="128"/>
      <c r="AM3310" s="128"/>
      <c r="AN3310" s="128"/>
      <c r="AO3310" s="128"/>
      <c r="AP3310" s="128"/>
      <c r="AQ3310" s="128"/>
      <c r="AR3310" s="128"/>
      <c r="AS3310" s="128"/>
      <c r="AT3310" s="128"/>
      <c r="AU3310" s="128"/>
      <c r="AV3310" s="128"/>
      <c r="AW3310" s="128"/>
      <c r="AX3310" s="128"/>
      <c r="AY3310" s="128"/>
      <c r="AZ3310" s="128"/>
      <c r="BA3310" s="128"/>
      <c r="BB3310" s="107">
        <v>45884</v>
      </c>
    </row>
    <row r="3311" spans="1:54" s="8" customFormat="1" ht="13.95" customHeight="1" x14ac:dyDescent="0.25">
      <c r="A3311" s="219" t="s">
        <v>7482</v>
      </c>
      <c r="B3311" s="220" t="s">
        <v>6395</v>
      </c>
      <c r="C3311" s="98" t="s">
        <v>7483</v>
      </c>
      <c r="D3311" s="98" t="s">
        <v>21007</v>
      </c>
      <c r="E3311" s="141">
        <v>1957</v>
      </c>
      <c r="F3311" s="141">
        <v>1415</v>
      </c>
      <c r="G3311" s="98" t="s">
        <v>1</v>
      </c>
      <c r="H3311" s="98">
        <v>0</v>
      </c>
      <c r="I3311" s="98">
        <v>0</v>
      </c>
      <c r="J3311" s="98" t="s">
        <v>400</v>
      </c>
      <c r="K3311" s="98" t="s">
        <v>400</v>
      </c>
      <c r="L3311" s="98" t="s">
        <v>400</v>
      </c>
      <c r="M3311" s="98" t="s">
        <v>400</v>
      </c>
      <c r="N3311" s="98" t="s">
        <v>400</v>
      </c>
      <c r="O3311" s="98" t="s">
        <v>400</v>
      </c>
      <c r="P3311" s="98" t="s">
        <v>400</v>
      </c>
      <c r="Q3311" s="98" t="s">
        <v>400</v>
      </c>
      <c r="R3311" s="98" t="s">
        <v>400</v>
      </c>
      <c r="S3311" s="98" t="s">
        <v>400</v>
      </c>
      <c r="T3311" s="98" t="s">
        <v>400</v>
      </c>
      <c r="U3311" s="128"/>
      <c r="V3311" s="128"/>
      <c r="W3311" s="128"/>
      <c r="X3311" s="128"/>
      <c r="Y3311" s="128"/>
      <c r="Z3311" s="128"/>
      <c r="AA3311" s="128"/>
      <c r="AB3311" s="128"/>
      <c r="AC3311" s="128"/>
      <c r="AD3311" s="128"/>
      <c r="AE3311" s="128"/>
      <c r="AF3311" s="128"/>
      <c r="AG3311" s="128"/>
      <c r="AH3311" s="128"/>
      <c r="AI3311" s="128"/>
      <c r="AJ3311" s="128"/>
      <c r="AK3311" s="128"/>
      <c r="AL3311" s="128"/>
      <c r="AM3311" s="128"/>
      <c r="AN3311" s="128"/>
      <c r="AO3311" s="128"/>
      <c r="AP3311" s="128"/>
      <c r="AQ3311" s="128"/>
      <c r="AR3311" s="128"/>
      <c r="AS3311" s="128"/>
      <c r="AT3311" s="128"/>
      <c r="AU3311" s="128"/>
      <c r="AV3311" s="128"/>
      <c r="AW3311" s="128"/>
      <c r="AX3311" s="128"/>
      <c r="AY3311" s="128"/>
      <c r="AZ3311" s="128"/>
      <c r="BA3311" s="128"/>
      <c r="BB3311" s="107">
        <v>45884</v>
      </c>
    </row>
    <row r="3312" spans="1:54" s="8" customFormat="1" ht="13.95" customHeight="1" x14ac:dyDescent="0.25">
      <c r="A3312" s="219" t="s">
        <v>7484</v>
      </c>
      <c r="B3312" s="220" t="s">
        <v>6395</v>
      </c>
      <c r="C3312" s="98" t="s">
        <v>7485</v>
      </c>
      <c r="D3312" s="98" t="s">
        <v>21008</v>
      </c>
      <c r="E3312" s="141">
        <v>1986</v>
      </c>
      <c r="F3312" s="141">
        <v>1417</v>
      </c>
      <c r="G3312" s="98" t="s">
        <v>1</v>
      </c>
      <c r="H3312" s="98">
        <v>0</v>
      </c>
      <c r="I3312" s="98">
        <v>0</v>
      </c>
      <c r="J3312" s="98" t="s">
        <v>400</v>
      </c>
      <c r="K3312" s="98" t="s">
        <v>400</v>
      </c>
      <c r="L3312" s="98" t="s">
        <v>400</v>
      </c>
      <c r="M3312" s="98" t="s">
        <v>400</v>
      </c>
      <c r="N3312" s="98" t="s">
        <v>400</v>
      </c>
      <c r="O3312" s="98" t="s">
        <v>400</v>
      </c>
      <c r="P3312" s="98" t="s">
        <v>400</v>
      </c>
      <c r="Q3312" s="98" t="s">
        <v>400</v>
      </c>
      <c r="R3312" s="98" t="s">
        <v>400</v>
      </c>
      <c r="S3312" s="98" t="s">
        <v>400</v>
      </c>
      <c r="T3312" s="98" t="s">
        <v>400</v>
      </c>
      <c r="U3312" s="128"/>
      <c r="V3312" s="128"/>
      <c r="W3312" s="128"/>
      <c r="X3312" s="128"/>
      <c r="Y3312" s="128"/>
      <c r="Z3312" s="128"/>
      <c r="AA3312" s="128"/>
      <c r="AB3312" s="128"/>
      <c r="AC3312" s="128"/>
      <c r="AD3312" s="128"/>
      <c r="AE3312" s="128"/>
      <c r="AF3312" s="128"/>
      <c r="AG3312" s="128"/>
      <c r="AH3312" s="128"/>
      <c r="AI3312" s="128"/>
      <c r="AJ3312" s="128"/>
      <c r="AK3312" s="128"/>
      <c r="AL3312" s="128"/>
      <c r="AM3312" s="128"/>
      <c r="AN3312" s="128"/>
      <c r="AO3312" s="128"/>
      <c r="AP3312" s="128"/>
      <c r="AQ3312" s="128"/>
      <c r="AR3312" s="128"/>
      <c r="AS3312" s="128"/>
      <c r="AT3312" s="128"/>
      <c r="AU3312" s="128"/>
      <c r="AV3312" s="128"/>
      <c r="AW3312" s="128"/>
      <c r="AX3312" s="128"/>
      <c r="AY3312" s="128"/>
      <c r="AZ3312" s="128"/>
      <c r="BA3312" s="128"/>
      <c r="BB3312" s="107">
        <v>45884</v>
      </c>
    </row>
    <row r="3313" spans="1:54" s="8" customFormat="1" ht="13.95" customHeight="1" x14ac:dyDescent="0.25">
      <c r="A3313" s="219" t="s">
        <v>7486</v>
      </c>
      <c r="B3313" s="220" t="s">
        <v>6395</v>
      </c>
      <c r="C3313" s="98" t="s">
        <v>7487</v>
      </c>
      <c r="D3313" s="98" t="s">
        <v>21009</v>
      </c>
      <c r="E3313" s="141">
        <v>1959</v>
      </c>
      <c r="F3313" s="141">
        <v>1422</v>
      </c>
      <c r="G3313" s="98" t="s">
        <v>1</v>
      </c>
      <c r="H3313" s="98">
        <v>0</v>
      </c>
      <c r="I3313" s="98">
        <v>0</v>
      </c>
      <c r="J3313" s="98" t="s">
        <v>400</v>
      </c>
      <c r="K3313" s="98" t="s">
        <v>400</v>
      </c>
      <c r="L3313" s="98" t="s">
        <v>400</v>
      </c>
      <c r="M3313" s="98" t="s">
        <v>400</v>
      </c>
      <c r="N3313" s="98" t="s">
        <v>400</v>
      </c>
      <c r="O3313" s="98" t="s">
        <v>400</v>
      </c>
      <c r="P3313" s="98" t="s">
        <v>400</v>
      </c>
      <c r="Q3313" s="98" t="s">
        <v>400</v>
      </c>
      <c r="R3313" s="98" t="s">
        <v>400</v>
      </c>
      <c r="S3313" s="98" t="s">
        <v>400</v>
      </c>
      <c r="T3313" s="98" t="s">
        <v>400</v>
      </c>
      <c r="U3313" s="128"/>
      <c r="V3313" s="128"/>
      <c r="W3313" s="128"/>
      <c r="X3313" s="128"/>
      <c r="Y3313" s="128"/>
      <c r="Z3313" s="128"/>
      <c r="AA3313" s="128"/>
      <c r="AB3313" s="128"/>
      <c r="AC3313" s="128"/>
      <c r="AD3313" s="128"/>
      <c r="AE3313" s="128"/>
      <c r="AF3313" s="128"/>
      <c r="AG3313" s="128"/>
      <c r="AH3313" s="128"/>
      <c r="AI3313" s="128"/>
      <c r="AJ3313" s="128"/>
      <c r="AK3313" s="128"/>
      <c r="AL3313" s="128"/>
      <c r="AM3313" s="128"/>
      <c r="AN3313" s="128"/>
      <c r="AO3313" s="128"/>
      <c r="AP3313" s="128"/>
      <c r="AQ3313" s="128"/>
      <c r="AR3313" s="128"/>
      <c r="AS3313" s="128"/>
      <c r="AT3313" s="128"/>
      <c r="AU3313" s="128"/>
      <c r="AV3313" s="128"/>
      <c r="AW3313" s="128"/>
      <c r="AX3313" s="128"/>
      <c r="AY3313" s="128"/>
      <c r="AZ3313" s="128"/>
      <c r="BA3313" s="128"/>
      <c r="BB3313" s="107">
        <v>45884</v>
      </c>
    </row>
    <row r="3314" spans="1:54" s="8" customFormat="1" ht="13.95" customHeight="1" x14ac:dyDescent="0.25">
      <c r="A3314" s="219" t="s">
        <v>7488</v>
      </c>
      <c r="B3314" s="220" t="s">
        <v>6395</v>
      </c>
      <c r="C3314" s="98" t="s">
        <v>7489</v>
      </c>
      <c r="D3314" s="98" t="s">
        <v>21010</v>
      </c>
      <c r="E3314" s="141">
        <v>1991</v>
      </c>
      <c r="F3314" s="141">
        <v>1427</v>
      </c>
      <c r="G3314" s="98" t="s">
        <v>1</v>
      </c>
      <c r="H3314" s="98">
        <v>1</v>
      </c>
      <c r="I3314" s="98">
        <v>0</v>
      </c>
      <c r="J3314" s="98" t="s">
        <v>400</v>
      </c>
      <c r="K3314" s="98" t="s">
        <v>400</v>
      </c>
      <c r="L3314" s="98" t="s">
        <v>400</v>
      </c>
      <c r="M3314" s="98" t="s">
        <v>400</v>
      </c>
      <c r="N3314" s="98" t="s">
        <v>400</v>
      </c>
      <c r="O3314" s="98" t="s">
        <v>400</v>
      </c>
      <c r="P3314" s="98" t="s">
        <v>400</v>
      </c>
      <c r="Q3314" s="98" t="s">
        <v>400</v>
      </c>
      <c r="R3314" s="98" t="s">
        <v>400</v>
      </c>
      <c r="S3314" s="98" t="s">
        <v>400</v>
      </c>
      <c r="T3314" s="98" t="s">
        <v>400</v>
      </c>
      <c r="U3314" s="128"/>
      <c r="V3314" s="128"/>
      <c r="W3314" s="128"/>
      <c r="X3314" s="128"/>
      <c r="Y3314" s="128"/>
      <c r="Z3314" s="128"/>
      <c r="AA3314" s="128"/>
      <c r="AB3314" s="128"/>
      <c r="AC3314" s="128"/>
      <c r="AD3314" s="128"/>
      <c r="AE3314" s="128"/>
      <c r="AF3314" s="128"/>
      <c r="AG3314" s="128"/>
      <c r="AH3314" s="128"/>
      <c r="AI3314" s="128"/>
      <c r="AJ3314" s="128"/>
      <c r="AK3314" s="128"/>
      <c r="AL3314" s="128"/>
      <c r="AM3314" s="128"/>
      <c r="AN3314" s="128"/>
      <c r="AO3314" s="128"/>
      <c r="AP3314" s="128"/>
      <c r="AQ3314" s="128"/>
      <c r="AR3314" s="128"/>
      <c r="AS3314" s="128"/>
      <c r="AT3314" s="128"/>
      <c r="AU3314" s="128"/>
      <c r="AV3314" s="128"/>
      <c r="AW3314" s="128"/>
      <c r="AX3314" s="128"/>
      <c r="AY3314" s="128"/>
      <c r="AZ3314" s="128"/>
      <c r="BA3314" s="128"/>
      <c r="BB3314" s="107">
        <v>45884</v>
      </c>
    </row>
    <row r="3315" spans="1:54" s="8" customFormat="1" ht="13.95" customHeight="1" x14ac:dyDescent="0.25">
      <c r="A3315" s="219" t="s">
        <v>7490</v>
      </c>
      <c r="B3315" s="220" t="s">
        <v>6395</v>
      </c>
      <c r="C3315" s="98" t="s">
        <v>7491</v>
      </c>
      <c r="D3315" s="98" t="s">
        <v>21011</v>
      </c>
      <c r="E3315" s="141">
        <v>2001</v>
      </c>
      <c r="F3315" s="141">
        <v>1431</v>
      </c>
      <c r="G3315" s="98" t="s">
        <v>1</v>
      </c>
      <c r="H3315" s="98">
        <v>0</v>
      </c>
      <c r="I3315" s="98">
        <v>0</v>
      </c>
      <c r="J3315" s="98" t="s">
        <v>400</v>
      </c>
      <c r="K3315" s="98" t="s">
        <v>400</v>
      </c>
      <c r="L3315" s="98" t="s">
        <v>400</v>
      </c>
      <c r="M3315" s="98" t="s">
        <v>400</v>
      </c>
      <c r="N3315" s="98" t="s">
        <v>400</v>
      </c>
      <c r="O3315" s="98" t="s">
        <v>400</v>
      </c>
      <c r="P3315" s="98" t="s">
        <v>400</v>
      </c>
      <c r="Q3315" s="98" t="s">
        <v>400</v>
      </c>
      <c r="R3315" s="98" t="s">
        <v>400</v>
      </c>
      <c r="S3315" s="98" t="s">
        <v>400</v>
      </c>
      <c r="T3315" s="98" t="s">
        <v>400</v>
      </c>
      <c r="U3315" s="128"/>
      <c r="V3315" s="128"/>
      <c r="W3315" s="128"/>
      <c r="X3315" s="128"/>
      <c r="Y3315" s="128"/>
      <c r="Z3315" s="128"/>
      <c r="AA3315" s="128"/>
      <c r="AB3315" s="128"/>
      <c r="AC3315" s="128"/>
      <c r="AD3315" s="128"/>
      <c r="AE3315" s="128"/>
      <c r="AF3315" s="128"/>
      <c r="AG3315" s="128"/>
      <c r="AH3315" s="128"/>
      <c r="AI3315" s="128"/>
      <c r="AJ3315" s="128"/>
      <c r="AK3315" s="128"/>
      <c r="AL3315" s="128"/>
      <c r="AM3315" s="128"/>
      <c r="AN3315" s="128"/>
      <c r="AO3315" s="128"/>
      <c r="AP3315" s="128"/>
      <c r="AQ3315" s="128"/>
      <c r="AR3315" s="128"/>
      <c r="AS3315" s="128"/>
      <c r="AT3315" s="128"/>
      <c r="AU3315" s="128"/>
      <c r="AV3315" s="128"/>
      <c r="AW3315" s="128"/>
      <c r="AX3315" s="128"/>
      <c r="AY3315" s="128"/>
      <c r="AZ3315" s="128"/>
      <c r="BA3315" s="128"/>
      <c r="BB3315" s="107">
        <v>45884</v>
      </c>
    </row>
    <row r="3316" spans="1:54" s="8" customFormat="1" ht="13.95" customHeight="1" x14ac:dyDescent="0.25">
      <c r="A3316" s="219" t="s">
        <v>7492</v>
      </c>
      <c r="B3316" s="220" t="s">
        <v>6395</v>
      </c>
      <c r="C3316" s="98" t="s">
        <v>7493</v>
      </c>
      <c r="D3316" s="98" t="s">
        <v>21012</v>
      </c>
      <c r="E3316" s="141">
        <v>2004</v>
      </c>
      <c r="F3316" s="141">
        <v>1435</v>
      </c>
      <c r="G3316" s="98" t="s">
        <v>1</v>
      </c>
      <c r="H3316" s="98">
        <v>0</v>
      </c>
      <c r="I3316" s="98">
        <v>0</v>
      </c>
      <c r="J3316" s="98" t="s">
        <v>400</v>
      </c>
      <c r="K3316" s="98" t="s">
        <v>400</v>
      </c>
      <c r="L3316" s="98" t="s">
        <v>400</v>
      </c>
      <c r="M3316" s="98" t="s">
        <v>400</v>
      </c>
      <c r="N3316" s="98" t="s">
        <v>400</v>
      </c>
      <c r="O3316" s="98" t="s">
        <v>400</v>
      </c>
      <c r="P3316" s="98" t="s">
        <v>400</v>
      </c>
      <c r="Q3316" s="98" t="s">
        <v>400</v>
      </c>
      <c r="R3316" s="98" t="s">
        <v>400</v>
      </c>
      <c r="S3316" s="98" t="s">
        <v>400</v>
      </c>
      <c r="T3316" s="98" t="s">
        <v>400</v>
      </c>
      <c r="U3316" s="128"/>
      <c r="V3316" s="128"/>
      <c r="W3316" s="128"/>
      <c r="X3316" s="128"/>
      <c r="Y3316" s="128"/>
      <c r="Z3316" s="128"/>
      <c r="AA3316" s="128"/>
      <c r="AB3316" s="128"/>
      <c r="AC3316" s="128"/>
      <c r="AD3316" s="128"/>
      <c r="AE3316" s="128"/>
      <c r="AF3316" s="128"/>
      <c r="AG3316" s="128"/>
      <c r="AH3316" s="128"/>
      <c r="AI3316" s="128"/>
      <c r="AJ3316" s="128"/>
      <c r="AK3316" s="128"/>
      <c r="AL3316" s="128"/>
      <c r="AM3316" s="128"/>
      <c r="AN3316" s="128"/>
      <c r="AO3316" s="128"/>
      <c r="AP3316" s="128"/>
      <c r="AQ3316" s="128"/>
      <c r="AR3316" s="128"/>
      <c r="AS3316" s="128"/>
      <c r="AT3316" s="128"/>
      <c r="AU3316" s="128"/>
      <c r="AV3316" s="128"/>
      <c r="AW3316" s="128"/>
      <c r="AX3316" s="128"/>
      <c r="AY3316" s="128"/>
      <c r="AZ3316" s="128"/>
      <c r="BA3316" s="128"/>
      <c r="BB3316" s="107">
        <v>45884</v>
      </c>
    </row>
    <row r="3317" spans="1:54" s="8" customFormat="1" ht="13.95" customHeight="1" x14ac:dyDescent="0.25">
      <c r="A3317" s="219" t="s">
        <v>7494</v>
      </c>
      <c r="B3317" s="220" t="s">
        <v>6395</v>
      </c>
      <c r="C3317" s="98" t="s">
        <v>7495</v>
      </c>
      <c r="D3317" s="98" t="s">
        <v>21013</v>
      </c>
      <c r="E3317" s="141">
        <v>1957</v>
      </c>
      <c r="F3317" s="141">
        <v>1438</v>
      </c>
      <c r="G3317" s="98" t="s">
        <v>1</v>
      </c>
      <c r="H3317" s="98">
        <v>0</v>
      </c>
      <c r="I3317" s="98">
        <v>0</v>
      </c>
      <c r="J3317" s="98" t="s">
        <v>400</v>
      </c>
      <c r="K3317" s="98" t="s">
        <v>400</v>
      </c>
      <c r="L3317" s="98" t="s">
        <v>400</v>
      </c>
      <c r="M3317" s="98" t="s">
        <v>400</v>
      </c>
      <c r="N3317" s="98" t="s">
        <v>400</v>
      </c>
      <c r="O3317" s="98" t="s">
        <v>400</v>
      </c>
      <c r="P3317" s="98" t="s">
        <v>400</v>
      </c>
      <c r="Q3317" s="98" t="s">
        <v>400</v>
      </c>
      <c r="R3317" s="98" t="s">
        <v>400</v>
      </c>
      <c r="S3317" s="98" t="s">
        <v>400</v>
      </c>
      <c r="T3317" s="98" t="s">
        <v>400</v>
      </c>
      <c r="U3317" s="128"/>
      <c r="V3317" s="128"/>
      <c r="W3317" s="128"/>
      <c r="X3317" s="128"/>
      <c r="Y3317" s="128"/>
      <c r="Z3317" s="128"/>
      <c r="AA3317" s="128"/>
      <c r="AB3317" s="128"/>
      <c r="AC3317" s="128"/>
      <c r="AD3317" s="128"/>
      <c r="AE3317" s="128"/>
      <c r="AF3317" s="128"/>
      <c r="AG3317" s="128"/>
      <c r="AH3317" s="128"/>
      <c r="AI3317" s="128"/>
      <c r="AJ3317" s="128"/>
      <c r="AK3317" s="128"/>
      <c r="AL3317" s="128"/>
      <c r="AM3317" s="128"/>
      <c r="AN3317" s="128"/>
      <c r="AO3317" s="128"/>
      <c r="AP3317" s="128"/>
      <c r="AQ3317" s="128"/>
      <c r="AR3317" s="128"/>
      <c r="AS3317" s="128"/>
      <c r="AT3317" s="128"/>
      <c r="AU3317" s="128"/>
      <c r="AV3317" s="128"/>
      <c r="AW3317" s="128"/>
      <c r="AX3317" s="128"/>
      <c r="AY3317" s="128"/>
      <c r="AZ3317" s="128"/>
      <c r="BA3317" s="128"/>
      <c r="BB3317" s="107">
        <v>45884</v>
      </c>
    </row>
    <row r="3318" spans="1:54" s="8" customFormat="1" ht="13.95" customHeight="1" x14ac:dyDescent="0.25">
      <c r="A3318" s="219" t="s">
        <v>7496</v>
      </c>
      <c r="B3318" s="220" t="s">
        <v>6395</v>
      </c>
      <c r="C3318" s="98" t="s">
        <v>7497</v>
      </c>
      <c r="D3318" s="98" t="s">
        <v>21014</v>
      </c>
      <c r="E3318" s="141">
        <v>1988</v>
      </c>
      <c r="F3318" s="141">
        <v>1450</v>
      </c>
      <c r="G3318" s="98" t="s">
        <v>1</v>
      </c>
      <c r="H3318" s="98">
        <v>0</v>
      </c>
      <c r="I3318" s="98">
        <v>0</v>
      </c>
      <c r="J3318" s="98" t="s">
        <v>400</v>
      </c>
      <c r="K3318" s="98" t="s">
        <v>400</v>
      </c>
      <c r="L3318" s="98" t="s">
        <v>400</v>
      </c>
      <c r="M3318" s="98" t="s">
        <v>400</v>
      </c>
      <c r="N3318" s="98" t="s">
        <v>400</v>
      </c>
      <c r="O3318" s="98" t="s">
        <v>400</v>
      </c>
      <c r="P3318" s="98" t="s">
        <v>400</v>
      </c>
      <c r="Q3318" s="98" t="s">
        <v>400</v>
      </c>
      <c r="R3318" s="98" t="s">
        <v>400</v>
      </c>
      <c r="S3318" s="98" t="s">
        <v>400</v>
      </c>
      <c r="T3318" s="98" t="s">
        <v>400</v>
      </c>
      <c r="U3318" s="128"/>
      <c r="V3318" s="128"/>
      <c r="W3318" s="128"/>
      <c r="X3318" s="128"/>
      <c r="Y3318" s="128"/>
      <c r="Z3318" s="128"/>
      <c r="AA3318" s="128"/>
      <c r="AB3318" s="128"/>
      <c r="AC3318" s="128"/>
      <c r="AD3318" s="128"/>
      <c r="AE3318" s="128"/>
      <c r="AF3318" s="128"/>
      <c r="AG3318" s="128"/>
      <c r="AH3318" s="128"/>
      <c r="AI3318" s="128"/>
      <c r="AJ3318" s="128"/>
      <c r="AK3318" s="128"/>
      <c r="AL3318" s="128"/>
      <c r="AM3318" s="128"/>
      <c r="AN3318" s="128"/>
      <c r="AO3318" s="128"/>
      <c r="AP3318" s="128"/>
      <c r="AQ3318" s="128"/>
      <c r="AR3318" s="128"/>
      <c r="AS3318" s="128"/>
      <c r="AT3318" s="128"/>
      <c r="AU3318" s="128"/>
      <c r="AV3318" s="128"/>
      <c r="AW3318" s="128"/>
      <c r="AX3318" s="128"/>
      <c r="AY3318" s="128"/>
      <c r="AZ3318" s="128"/>
      <c r="BA3318" s="128"/>
      <c r="BB3318" s="107">
        <v>45884</v>
      </c>
    </row>
    <row r="3319" spans="1:54" s="8" customFormat="1" ht="13.95" customHeight="1" x14ac:dyDescent="0.25">
      <c r="A3319" s="219" t="s">
        <v>7498</v>
      </c>
      <c r="B3319" s="220" t="s">
        <v>6395</v>
      </c>
      <c r="C3319" s="98" t="s">
        <v>7499</v>
      </c>
      <c r="D3319" s="98" t="s">
        <v>21015</v>
      </c>
      <c r="E3319" s="141">
        <v>1959</v>
      </c>
      <c r="F3319" s="141">
        <v>1470</v>
      </c>
      <c r="G3319" s="98" t="s">
        <v>1</v>
      </c>
      <c r="H3319" s="98">
        <v>1</v>
      </c>
      <c r="I3319" s="98">
        <v>0</v>
      </c>
      <c r="J3319" s="98" t="s">
        <v>400</v>
      </c>
      <c r="K3319" s="98" t="s">
        <v>400</v>
      </c>
      <c r="L3319" s="98" t="s">
        <v>400</v>
      </c>
      <c r="M3319" s="98" t="s">
        <v>400</v>
      </c>
      <c r="N3319" s="98" t="s">
        <v>400</v>
      </c>
      <c r="O3319" s="98" t="s">
        <v>400</v>
      </c>
      <c r="P3319" s="98" t="s">
        <v>400</v>
      </c>
      <c r="Q3319" s="98" t="s">
        <v>400</v>
      </c>
      <c r="R3319" s="98" t="s">
        <v>400</v>
      </c>
      <c r="S3319" s="98" t="s">
        <v>400</v>
      </c>
      <c r="T3319" s="98" t="s">
        <v>400</v>
      </c>
      <c r="U3319" s="128"/>
      <c r="V3319" s="128"/>
      <c r="W3319" s="128"/>
      <c r="X3319" s="128"/>
      <c r="Y3319" s="128"/>
      <c r="Z3319" s="128"/>
      <c r="AA3319" s="128"/>
      <c r="AB3319" s="128"/>
      <c r="AC3319" s="128"/>
      <c r="AD3319" s="128"/>
      <c r="AE3319" s="128"/>
      <c r="AF3319" s="128"/>
      <c r="AG3319" s="128"/>
      <c r="AH3319" s="128"/>
      <c r="AI3319" s="128"/>
      <c r="AJ3319" s="128"/>
      <c r="AK3319" s="128"/>
      <c r="AL3319" s="128"/>
      <c r="AM3319" s="128"/>
      <c r="AN3319" s="128"/>
      <c r="AO3319" s="128"/>
      <c r="AP3319" s="128"/>
      <c r="AQ3319" s="128"/>
      <c r="AR3319" s="128"/>
      <c r="AS3319" s="128"/>
      <c r="AT3319" s="128"/>
      <c r="AU3319" s="128"/>
      <c r="AV3319" s="128"/>
      <c r="AW3319" s="128"/>
      <c r="AX3319" s="128"/>
      <c r="AY3319" s="128"/>
      <c r="AZ3319" s="128"/>
      <c r="BA3319" s="128"/>
      <c r="BB3319" s="107">
        <v>45884</v>
      </c>
    </row>
    <row r="3320" spans="1:54" s="8" customFormat="1" ht="13.95" customHeight="1" x14ac:dyDescent="0.25">
      <c r="A3320" s="219" t="s">
        <v>7500</v>
      </c>
      <c r="B3320" s="220" t="s">
        <v>6395</v>
      </c>
      <c r="C3320" s="98" t="s">
        <v>7501</v>
      </c>
      <c r="D3320" s="98" t="s">
        <v>21016</v>
      </c>
      <c r="E3320" s="141">
        <v>1984</v>
      </c>
      <c r="F3320" s="141">
        <v>1470</v>
      </c>
      <c r="G3320" s="98" t="s">
        <v>1</v>
      </c>
      <c r="H3320" s="98">
        <v>0</v>
      </c>
      <c r="I3320" s="98">
        <v>0</v>
      </c>
      <c r="J3320" s="98" t="s">
        <v>400</v>
      </c>
      <c r="K3320" s="98" t="s">
        <v>400</v>
      </c>
      <c r="L3320" s="98" t="s">
        <v>400</v>
      </c>
      <c r="M3320" s="98" t="s">
        <v>400</v>
      </c>
      <c r="N3320" s="98" t="s">
        <v>400</v>
      </c>
      <c r="O3320" s="98" t="s">
        <v>400</v>
      </c>
      <c r="P3320" s="98" t="s">
        <v>400</v>
      </c>
      <c r="Q3320" s="98" t="s">
        <v>400</v>
      </c>
      <c r="R3320" s="98" t="s">
        <v>400</v>
      </c>
      <c r="S3320" s="98" t="s">
        <v>400</v>
      </c>
      <c r="T3320" s="98" t="s">
        <v>400</v>
      </c>
      <c r="U3320" s="128"/>
      <c r="V3320" s="128"/>
      <c r="W3320" s="128"/>
      <c r="X3320" s="128"/>
      <c r="Y3320" s="128"/>
      <c r="Z3320" s="128"/>
      <c r="AA3320" s="128"/>
      <c r="AB3320" s="128"/>
      <c r="AC3320" s="128"/>
      <c r="AD3320" s="128"/>
      <c r="AE3320" s="128"/>
      <c r="AF3320" s="128"/>
      <c r="AG3320" s="128"/>
      <c r="AH3320" s="128"/>
      <c r="AI3320" s="128"/>
      <c r="AJ3320" s="128"/>
      <c r="AK3320" s="128"/>
      <c r="AL3320" s="128"/>
      <c r="AM3320" s="128"/>
      <c r="AN3320" s="128"/>
      <c r="AO3320" s="128"/>
      <c r="AP3320" s="128"/>
      <c r="AQ3320" s="128"/>
      <c r="AR3320" s="128"/>
      <c r="AS3320" s="128"/>
      <c r="AT3320" s="128"/>
      <c r="AU3320" s="128"/>
      <c r="AV3320" s="128"/>
      <c r="AW3320" s="128"/>
      <c r="AX3320" s="128"/>
      <c r="AY3320" s="128"/>
      <c r="AZ3320" s="128"/>
      <c r="BA3320" s="128"/>
      <c r="BB3320" s="107">
        <v>45884</v>
      </c>
    </row>
    <row r="3321" spans="1:54" s="8" customFormat="1" ht="13.95" customHeight="1" x14ac:dyDescent="0.25">
      <c r="A3321" s="219" t="s">
        <v>7502</v>
      </c>
      <c r="B3321" s="220" t="s">
        <v>6395</v>
      </c>
      <c r="C3321" s="98" t="s">
        <v>7503</v>
      </c>
      <c r="D3321" s="98" t="s">
        <v>21017</v>
      </c>
      <c r="E3321" s="141">
        <v>2007</v>
      </c>
      <c r="F3321" s="141">
        <v>1475</v>
      </c>
      <c r="G3321" s="98" t="s">
        <v>1</v>
      </c>
      <c r="H3321" s="98">
        <v>1</v>
      </c>
      <c r="I3321" s="98">
        <v>1</v>
      </c>
      <c r="J3321" s="98" t="s">
        <v>400</v>
      </c>
      <c r="K3321" s="98" t="s">
        <v>400</v>
      </c>
      <c r="L3321" s="98" t="s">
        <v>400</v>
      </c>
      <c r="M3321" s="98" t="s">
        <v>400</v>
      </c>
      <c r="N3321" s="98" t="s">
        <v>400</v>
      </c>
      <c r="O3321" s="98" t="s">
        <v>400</v>
      </c>
      <c r="P3321" s="98" t="s">
        <v>400</v>
      </c>
      <c r="Q3321" s="98" t="s">
        <v>400</v>
      </c>
      <c r="R3321" s="98" t="s">
        <v>400</v>
      </c>
      <c r="S3321" s="98" t="s">
        <v>400</v>
      </c>
      <c r="T3321" s="98" t="s">
        <v>400</v>
      </c>
      <c r="U3321" s="128"/>
      <c r="V3321" s="128"/>
      <c r="W3321" s="128"/>
      <c r="X3321" s="128"/>
      <c r="Y3321" s="128"/>
      <c r="Z3321" s="128"/>
      <c r="AA3321" s="128"/>
      <c r="AB3321" s="128"/>
      <c r="AC3321" s="128"/>
      <c r="AD3321" s="128"/>
      <c r="AE3321" s="128"/>
      <c r="AF3321" s="128"/>
      <c r="AG3321" s="128"/>
      <c r="AH3321" s="128"/>
      <c r="AI3321" s="128"/>
      <c r="AJ3321" s="128"/>
      <c r="AK3321" s="128"/>
      <c r="AL3321" s="128"/>
      <c r="AM3321" s="128"/>
      <c r="AN3321" s="128"/>
      <c r="AO3321" s="128"/>
      <c r="AP3321" s="128"/>
      <c r="AQ3321" s="128"/>
      <c r="AR3321" s="128"/>
      <c r="AS3321" s="128"/>
      <c r="AT3321" s="128"/>
      <c r="AU3321" s="128"/>
      <c r="AV3321" s="128"/>
      <c r="AW3321" s="128"/>
      <c r="AX3321" s="128"/>
      <c r="AY3321" s="128"/>
      <c r="AZ3321" s="128"/>
      <c r="BA3321" s="128"/>
      <c r="BB3321" s="107">
        <v>45884</v>
      </c>
    </row>
    <row r="3322" spans="1:54" s="8" customFormat="1" ht="13.95" customHeight="1" x14ac:dyDescent="0.25">
      <c r="A3322" s="219" t="s">
        <v>7504</v>
      </c>
      <c r="B3322" s="220" t="s">
        <v>6395</v>
      </c>
      <c r="C3322" s="98" t="s">
        <v>7505</v>
      </c>
      <c r="D3322" s="98" t="s">
        <v>21018</v>
      </c>
      <c r="E3322" s="141">
        <v>1983</v>
      </c>
      <c r="F3322" s="141">
        <v>1478</v>
      </c>
      <c r="G3322" s="98" t="s">
        <v>1</v>
      </c>
      <c r="H3322" s="98">
        <v>0</v>
      </c>
      <c r="I3322" s="98">
        <v>0</v>
      </c>
      <c r="J3322" s="98" t="s">
        <v>400</v>
      </c>
      <c r="K3322" s="98" t="s">
        <v>400</v>
      </c>
      <c r="L3322" s="98" t="s">
        <v>400</v>
      </c>
      <c r="M3322" s="98" t="s">
        <v>400</v>
      </c>
      <c r="N3322" s="98" t="s">
        <v>400</v>
      </c>
      <c r="O3322" s="98" t="s">
        <v>400</v>
      </c>
      <c r="P3322" s="98" t="s">
        <v>400</v>
      </c>
      <c r="Q3322" s="98" t="s">
        <v>400</v>
      </c>
      <c r="R3322" s="98" t="s">
        <v>400</v>
      </c>
      <c r="S3322" s="98" t="s">
        <v>400</v>
      </c>
      <c r="T3322" s="98" t="s">
        <v>400</v>
      </c>
      <c r="U3322" s="128"/>
      <c r="V3322" s="128"/>
      <c r="W3322" s="128"/>
      <c r="X3322" s="128"/>
      <c r="Y3322" s="128"/>
      <c r="Z3322" s="128"/>
      <c r="AA3322" s="128"/>
      <c r="AB3322" s="128"/>
      <c r="AC3322" s="128"/>
      <c r="AD3322" s="128"/>
      <c r="AE3322" s="128"/>
      <c r="AF3322" s="128"/>
      <c r="AG3322" s="128"/>
      <c r="AH3322" s="128"/>
      <c r="AI3322" s="128"/>
      <c r="AJ3322" s="128"/>
      <c r="AK3322" s="128"/>
      <c r="AL3322" s="128"/>
      <c r="AM3322" s="128"/>
      <c r="AN3322" s="128"/>
      <c r="AO3322" s="128"/>
      <c r="AP3322" s="128"/>
      <c r="AQ3322" s="128"/>
      <c r="AR3322" s="128"/>
      <c r="AS3322" s="128"/>
      <c r="AT3322" s="128"/>
      <c r="AU3322" s="128"/>
      <c r="AV3322" s="128"/>
      <c r="AW3322" s="128"/>
      <c r="AX3322" s="128"/>
      <c r="AY3322" s="128"/>
      <c r="AZ3322" s="128"/>
      <c r="BA3322" s="128"/>
      <c r="BB3322" s="107">
        <v>45884</v>
      </c>
    </row>
    <row r="3323" spans="1:54" s="8" customFormat="1" ht="13.95" customHeight="1" x14ac:dyDescent="0.25">
      <c r="A3323" s="219" t="s">
        <v>7506</v>
      </c>
      <c r="B3323" s="220" t="s">
        <v>6395</v>
      </c>
      <c r="C3323" s="98" t="s">
        <v>7507</v>
      </c>
      <c r="D3323" s="98" t="s">
        <v>20448</v>
      </c>
      <c r="E3323" s="141">
        <v>1988</v>
      </c>
      <c r="F3323" s="141">
        <v>1483</v>
      </c>
      <c r="G3323" s="98" t="s">
        <v>1</v>
      </c>
      <c r="H3323" s="98">
        <v>0</v>
      </c>
      <c r="I3323" s="98">
        <v>0</v>
      </c>
      <c r="J3323" s="98" t="s">
        <v>400</v>
      </c>
      <c r="K3323" s="98" t="s">
        <v>400</v>
      </c>
      <c r="L3323" s="98" t="s">
        <v>400</v>
      </c>
      <c r="M3323" s="98" t="s">
        <v>400</v>
      </c>
      <c r="N3323" s="98" t="s">
        <v>400</v>
      </c>
      <c r="O3323" s="98" t="s">
        <v>400</v>
      </c>
      <c r="P3323" s="98" t="s">
        <v>400</v>
      </c>
      <c r="Q3323" s="98" t="s">
        <v>400</v>
      </c>
      <c r="R3323" s="98" t="s">
        <v>400</v>
      </c>
      <c r="S3323" s="98" t="s">
        <v>400</v>
      </c>
      <c r="T3323" s="98" t="s">
        <v>400</v>
      </c>
      <c r="U3323" s="128"/>
      <c r="V3323" s="128"/>
      <c r="W3323" s="128"/>
      <c r="X3323" s="128"/>
      <c r="Y3323" s="128"/>
      <c r="Z3323" s="128"/>
      <c r="AA3323" s="128"/>
      <c r="AB3323" s="128"/>
      <c r="AC3323" s="128"/>
      <c r="AD3323" s="128"/>
      <c r="AE3323" s="128"/>
      <c r="AF3323" s="128"/>
      <c r="AG3323" s="128"/>
      <c r="AH3323" s="128"/>
      <c r="AI3323" s="128"/>
      <c r="AJ3323" s="128"/>
      <c r="AK3323" s="128"/>
      <c r="AL3323" s="128"/>
      <c r="AM3323" s="128"/>
      <c r="AN3323" s="128"/>
      <c r="AO3323" s="128"/>
      <c r="AP3323" s="128"/>
      <c r="AQ3323" s="128"/>
      <c r="AR3323" s="128"/>
      <c r="AS3323" s="128"/>
      <c r="AT3323" s="128"/>
      <c r="AU3323" s="128"/>
      <c r="AV3323" s="128"/>
      <c r="AW3323" s="128"/>
      <c r="AX3323" s="128"/>
      <c r="AY3323" s="128"/>
      <c r="AZ3323" s="128"/>
      <c r="BA3323" s="128"/>
      <c r="BB3323" s="107">
        <v>45884</v>
      </c>
    </row>
    <row r="3324" spans="1:54" s="8" customFormat="1" ht="13.95" customHeight="1" x14ac:dyDescent="0.25">
      <c r="A3324" s="219" t="s">
        <v>7508</v>
      </c>
      <c r="B3324" s="220" t="s">
        <v>6395</v>
      </c>
      <c r="C3324" s="98" t="s">
        <v>7509</v>
      </c>
      <c r="D3324" s="98" t="s">
        <v>21019</v>
      </c>
      <c r="E3324" s="141">
        <v>1984</v>
      </c>
      <c r="F3324" s="141">
        <v>1493</v>
      </c>
      <c r="G3324" s="98" t="s">
        <v>1</v>
      </c>
      <c r="H3324" s="98">
        <v>0</v>
      </c>
      <c r="I3324" s="98">
        <v>0</v>
      </c>
      <c r="J3324" s="98" t="s">
        <v>400</v>
      </c>
      <c r="K3324" s="98" t="s">
        <v>400</v>
      </c>
      <c r="L3324" s="98" t="s">
        <v>400</v>
      </c>
      <c r="M3324" s="98" t="s">
        <v>400</v>
      </c>
      <c r="N3324" s="98" t="s">
        <v>400</v>
      </c>
      <c r="O3324" s="98" t="s">
        <v>400</v>
      </c>
      <c r="P3324" s="98" t="s">
        <v>400</v>
      </c>
      <c r="Q3324" s="98" t="s">
        <v>400</v>
      </c>
      <c r="R3324" s="98" t="s">
        <v>400</v>
      </c>
      <c r="S3324" s="98" t="s">
        <v>400</v>
      </c>
      <c r="T3324" s="98" t="s">
        <v>400</v>
      </c>
      <c r="U3324" s="128"/>
      <c r="V3324" s="128"/>
      <c r="W3324" s="128"/>
      <c r="X3324" s="128"/>
      <c r="Y3324" s="128"/>
      <c r="Z3324" s="128"/>
      <c r="AA3324" s="128"/>
      <c r="AB3324" s="128"/>
      <c r="AC3324" s="128"/>
      <c r="AD3324" s="128"/>
      <c r="AE3324" s="128"/>
      <c r="AF3324" s="128"/>
      <c r="AG3324" s="128"/>
      <c r="AH3324" s="128"/>
      <c r="AI3324" s="128"/>
      <c r="AJ3324" s="128"/>
      <c r="AK3324" s="128"/>
      <c r="AL3324" s="128"/>
      <c r="AM3324" s="128"/>
      <c r="AN3324" s="128"/>
      <c r="AO3324" s="128"/>
      <c r="AP3324" s="128"/>
      <c r="AQ3324" s="128"/>
      <c r="AR3324" s="128"/>
      <c r="AS3324" s="128"/>
      <c r="AT3324" s="128"/>
      <c r="AU3324" s="128"/>
      <c r="AV3324" s="128"/>
      <c r="AW3324" s="128"/>
      <c r="AX3324" s="128"/>
      <c r="AY3324" s="128"/>
      <c r="AZ3324" s="128"/>
      <c r="BA3324" s="128"/>
      <c r="BB3324" s="107">
        <v>45884</v>
      </c>
    </row>
    <row r="3325" spans="1:54" s="8" customFormat="1" ht="13.95" customHeight="1" x14ac:dyDescent="0.25">
      <c r="A3325" s="219" t="s">
        <v>7510</v>
      </c>
      <c r="B3325" s="220" t="s">
        <v>6395</v>
      </c>
      <c r="C3325" s="98" t="s">
        <v>7511</v>
      </c>
      <c r="D3325" s="98" t="s">
        <v>21020</v>
      </c>
      <c r="E3325" s="141">
        <v>1999</v>
      </c>
      <c r="F3325" s="141">
        <v>1500</v>
      </c>
      <c r="G3325" s="98" t="s">
        <v>1</v>
      </c>
      <c r="H3325" s="98">
        <v>0</v>
      </c>
      <c r="I3325" s="98">
        <v>0</v>
      </c>
      <c r="J3325" s="98" t="s">
        <v>400</v>
      </c>
      <c r="K3325" s="98" t="s">
        <v>400</v>
      </c>
      <c r="L3325" s="98" t="s">
        <v>400</v>
      </c>
      <c r="M3325" s="98" t="s">
        <v>400</v>
      </c>
      <c r="N3325" s="98" t="s">
        <v>400</v>
      </c>
      <c r="O3325" s="98" t="s">
        <v>400</v>
      </c>
      <c r="P3325" s="98" t="s">
        <v>400</v>
      </c>
      <c r="Q3325" s="98" t="s">
        <v>400</v>
      </c>
      <c r="R3325" s="98" t="s">
        <v>400</v>
      </c>
      <c r="S3325" s="98" t="s">
        <v>400</v>
      </c>
      <c r="T3325" s="98" t="s">
        <v>400</v>
      </c>
      <c r="U3325" s="128"/>
      <c r="V3325" s="128"/>
      <c r="W3325" s="128"/>
      <c r="X3325" s="128"/>
      <c r="Y3325" s="128"/>
      <c r="Z3325" s="128"/>
      <c r="AA3325" s="128"/>
      <c r="AB3325" s="128"/>
      <c r="AC3325" s="128"/>
      <c r="AD3325" s="128"/>
      <c r="AE3325" s="128"/>
      <c r="AF3325" s="128"/>
      <c r="AG3325" s="128"/>
      <c r="AH3325" s="128"/>
      <c r="AI3325" s="128"/>
      <c r="AJ3325" s="128"/>
      <c r="AK3325" s="128"/>
      <c r="AL3325" s="128"/>
      <c r="AM3325" s="128"/>
      <c r="AN3325" s="128"/>
      <c r="AO3325" s="128"/>
      <c r="AP3325" s="128"/>
      <c r="AQ3325" s="128"/>
      <c r="AR3325" s="128"/>
      <c r="AS3325" s="128"/>
      <c r="AT3325" s="128"/>
      <c r="AU3325" s="128"/>
      <c r="AV3325" s="128"/>
      <c r="AW3325" s="128"/>
      <c r="AX3325" s="128"/>
      <c r="AY3325" s="128"/>
      <c r="AZ3325" s="128"/>
      <c r="BA3325" s="128"/>
      <c r="BB3325" s="107">
        <v>45884</v>
      </c>
    </row>
    <row r="3326" spans="1:54" s="8" customFormat="1" ht="13.95" customHeight="1" x14ac:dyDescent="0.25">
      <c r="A3326" s="219" t="s">
        <v>7512</v>
      </c>
      <c r="B3326" s="220" t="s">
        <v>6395</v>
      </c>
      <c r="C3326" s="98" t="s">
        <v>7513</v>
      </c>
      <c r="D3326" s="98" t="s">
        <v>21021</v>
      </c>
      <c r="E3326" s="141">
        <v>1983</v>
      </c>
      <c r="F3326" s="141">
        <v>1500</v>
      </c>
      <c r="G3326" s="98" t="s">
        <v>1</v>
      </c>
      <c r="H3326" s="98">
        <v>0</v>
      </c>
      <c r="I3326" s="98">
        <v>0</v>
      </c>
      <c r="J3326" s="98" t="s">
        <v>400</v>
      </c>
      <c r="K3326" s="98" t="s">
        <v>400</v>
      </c>
      <c r="L3326" s="98" t="s">
        <v>400</v>
      </c>
      <c r="M3326" s="98" t="s">
        <v>400</v>
      </c>
      <c r="N3326" s="98" t="s">
        <v>400</v>
      </c>
      <c r="O3326" s="98" t="s">
        <v>400</v>
      </c>
      <c r="P3326" s="98" t="s">
        <v>400</v>
      </c>
      <c r="Q3326" s="98" t="s">
        <v>400</v>
      </c>
      <c r="R3326" s="98" t="s">
        <v>400</v>
      </c>
      <c r="S3326" s="98" t="s">
        <v>400</v>
      </c>
      <c r="T3326" s="98" t="s">
        <v>400</v>
      </c>
      <c r="U3326" s="128"/>
      <c r="V3326" s="128"/>
      <c r="W3326" s="128"/>
      <c r="X3326" s="128"/>
      <c r="Y3326" s="128"/>
      <c r="Z3326" s="128"/>
      <c r="AA3326" s="128"/>
      <c r="AB3326" s="128"/>
      <c r="AC3326" s="128"/>
      <c r="AD3326" s="128"/>
      <c r="AE3326" s="128"/>
      <c r="AF3326" s="128"/>
      <c r="AG3326" s="128"/>
      <c r="AH3326" s="128"/>
      <c r="AI3326" s="128"/>
      <c r="AJ3326" s="128"/>
      <c r="AK3326" s="128"/>
      <c r="AL3326" s="128"/>
      <c r="AM3326" s="128"/>
      <c r="AN3326" s="128"/>
      <c r="AO3326" s="128"/>
      <c r="AP3326" s="128"/>
      <c r="AQ3326" s="128"/>
      <c r="AR3326" s="128"/>
      <c r="AS3326" s="128"/>
      <c r="AT3326" s="128"/>
      <c r="AU3326" s="128"/>
      <c r="AV3326" s="128"/>
      <c r="AW3326" s="128"/>
      <c r="AX3326" s="128"/>
      <c r="AY3326" s="128"/>
      <c r="AZ3326" s="128"/>
      <c r="BA3326" s="128"/>
      <c r="BB3326" s="107">
        <v>45884</v>
      </c>
    </row>
    <row r="3327" spans="1:54" s="8" customFormat="1" ht="13.95" customHeight="1" x14ac:dyDescent="0.25">
      <c r="A3327" s="219" t="s">
        <v>7514</v>
      </c>
      <c r="B3327" s="220" t="s">
        <v>6395</v>
      </c>
      <c r="C3327" s="98" t="s">
        <v>7515</v>
      </c>
      <c r="D3327" s="98" t="s">
        <v>21022</v>
      </c>
      <c r="E3327" s="141">
        <v>1999</v>
      </c>
      <c r="F3327" s="141">
        <v>1500</v>
      </c>
      <c r="G3327" s="98" t="s">
        <v>1</v>
      </c>
      <c r="H3327" s="98">
        <v>0</v>
      </c>
      <c r="I3327" s="98">
        <v>0</v>
      </c>
      <c r="J3327" s="98" t="s">
        <v>400</v>
      </c>
      <c r="K3327" s="98" t="s">
        <v>400</v>
      </c>
      <c r="L3327" s="98" t="s">
        <v>400</v>
      </c>
      <c r="M3327" s="98" t="s">
        <v>400</v>
      </c>
      <c r="N3327" s="98" t="s">
        <v>400</v>
      </c>
      <c r="O3327" s="98" t="s">
        <v>400</v>
      </c>
      <c r="P3327" s="98" t="s">
        <v>400</v>
      </c>
      <c r="Q3327" s="98" t="s">
        <v>400</v>
      </c>
      <c r="R3327" s="98" t="s">
        <v>400</v>
      </c>
      <c r="S3327" s="98" t="s">
        <v>400</v>
      </c>
      <c r="T3327" s="98" t="s">
        <v>400</v>
      </c>
      <c r="U3327" s="128"/>
      <c r="V3327" s="128"/>
      <c r="W3327" s="128"/>
      <c r="X3327" s="128"/>
      <c r="Y3327" s="128"/>
      <c r="Z3327" s="128"/>
      <c r="AA3327" s="128"/>
      <c r="AB3327" s="128"/>
      <c r="AC3327" s="128"/>
      <c r="AD3327" s="128"/>
      <c r="AE3327" s="128"/>
      <c r="AF3327" s="128"/>
      <c r="AG3327" s="128"/>
      <c r="AH3327" s="128"/>
      <c r="AI3327" s="128"/>
      <c r="AJ3327" s="128"/>
      <c r="AK3327" s="128"/>
      <c r="AL3327" s="128"/>
      <c r="AM3327" s="128"/>
      <c r="AN3327" s="128"/>
      <c r="AO3327" s="128"/>
      <c r="AP3327" s="128"/>
      <c r="AQ3327" s="128"/>
      <c r="AR3327" s="128"/>
      <c r="AS3327" s="128"/>
      <c r="AT3327" s="128"/>
      <c r="AU3327" s="128"/>
      <c r="AV3327" s="128"/>
      <c r="AW3327" s="128"/>
      <c r="AX3327" s="128"/>
      <c r="AY3327" s="128"/>
      <c r="AZ3327" s="128"/>
      <c r="BA3327" s="128"/>
      <c r="BB3327" s="107">
        <v>45884</v>
      </c>
    </row>
    <row r="3328" spans="1:54" s="8" customFormat="1" ht="13.95" customHeight="1" x14ac:dyDescent="0.25">
      <c r="A3328" s="219" t="s">
        <v>7516</v>
      </c>
      <c r="B3328" s="220" t="s">
        <v>6395</v>
      </c>
      <c r="C3328" s="98" t="s">
        <v>7517</v>
      </c>
      <c r="D3328" s="98" t="s">
        <v>21023</v>
      </c>
      <c r="E3328" s="141">
        <v>1979</v>
      </c>
      <c r="F3328" s="141">
        <v>1508</v>
      </c>
      <c r="G3328" s="98" t="s">
        <v>1</v>
      </c>
      <c r="H3328" s="98">
        <v>0</v>
      </c>
      <c r="I3328" s="98">
        <v>0</v>
      </c>
      <c r="J3328" s="98" t="s">
        <v>400</v>
      </c>
      <c r="K3328" s="98" t="s">
        <v>400</v>
      </c>
      <c r="L3328" s="98" t="s">
        <v>400</v>
      </c>
      <c r="M3328" s="98" t="s">
        <v>400</v>
      </c>
      <c r="N3328" s="98" t="s">
        <v>400</v>
      </c>
      <c r="O3328" s="98" t="s">
        <v>400</v>
      </c>
      <c r="P3328" s="98" t="s">
        <v>400</v>
      </c>
      <c r="Q3328" s="98" t="s">
        <v>400</v>
      </c>
      <c r="R3328" s="98" t="s">
        <v>400</v>
      </c>
      <c r="S3328" s="98" t="s">
        <v>400</v>
      </c>
      <c r="T3328" s="98" t="s">
        <v>400</v>
      </c>
      <c r="U3328" s="128"/>
      <c r="V3328" s="128"/>
      <c r="W3328" s="128"/>
      <c r="X3328" s="128"/>
      <c r="Y3328" s="128"/>
      <c r="Z3328" s="128"/>
      <c r="AA3328" s="128"/>
      <c r="AB3328" s="128"/>
      <c r="AC3328" s="128"/>
      <c r="AD3328" s="128"/>
      <c r="AE3328" s="128"/>
      <c r="AF3328" s="128"/>
      <c r="AG3328" s="128"/>
      <c r="AH3328" s="128"/>
      <c r="AI3328" s="128"/>
      <c r="AJ3328" s="128"/>
      <c r="AK3328" s="128"/>
      <c r="AL3328" s="128"/>
      <c r="AM3328" s="128"/>
      <c r="AN3328" s="128"/>
      <c r="AO3328" s="128"/>
      <c r="AP3328" s="128"/>
      <c r="AQ3328" s="128"/>
      <c r="AR3328" s="128"/>
      <c r="AS3328" s="128"/>
      <c r="AT3328" s="128"/>
      <c r="AU3328" s="128"/>
      <c r="AV3328" s="128"/>
      <c r="AW3328" s="128"/>
      <c r="AX3328" s="128"/>
      <c r="AY3328" s="128"/>
      <c r="AZ3328" s="128"/>
      <c r="BA3328" s="128"/>
      <c r="BB3328" s="107">
        <v>45884</v>
      </c>
    </row>
    <row r="3329" spans="1:54" s="8" customFormat="1" ht="13.95" customHeight="1" x14ac:dyDescent="0.25">
      <c r="A3329" s="219" t="s">
        <v>7518</v>
      </c>
      <c r="B3329" s="220" t="s">
        <v>6395</v>
      </c>
      <c r="C3329" s="98" t="s">
        <v>7519</v>
      </c>
      <c r="D3329" s="98" t="s">
        <v>21024</v>
      </c>
      <c r="E3329" s="141">
        <v>1987</v>
      </c>
      <c r="F3329" s="141">
        <v>1509</v>
      </c>
      <c r="G3329" s="98" t="s">
        <v>8</v>
      </c>
      <c r="H3329" s="98">
        <v>0</v>
      </c>
      <c r="I3329" s="98">
        <v>0</v>
      </c>
      <c r="J3329" s="98" t="s">
        <v>400</v>
      </c>
      <c r="K3329" s="98" t="s">
        <v>400</v>
      </c>
      <c r="L3329" s="98" t="s">
        <v>400</v>
      </c>
      <c r="M3329" s="98" t="s">
        <v>400</v>
      </c>
      <c r="N3329" s="98" t="s">
        <v>400</v>
      </c>
      <c r="O3329" s="98" t="s">
        <v>400</v>
      </c>
      <c r="P3329" s="98" t="s">
        <v>400</v>
      </c>
      <c r="Q3329" s="98" t="s">
        <v>400</v>
      </c>
      <c r="R3329" s="98" t="s">
        <v>400</v>
      </c>
      <c r="S3329" s="98" t="s">
        <v>400</v>
      </c>
      <c r="T3329" s="98" t="s">
        <v>400</v>
      </c>
      <c r="U3329" s="98">
        <v>0</v>
      </c>
      <c r="V3329" s="98">
        <v>0</v>
      </c>
      <c r="W3329" s="98" t="s">
        <v>400</v>
      </c>
      <c r="X3329" s="98">
        <v>0</v>
      </c>
      <c r="Y3329" s="98">
        <v>0</v>
      </c>
      <c r="Z3329" s="98">
        <v>0</v>
      </c>
      <c r="AA3329" s="98" t="s">
        <v>400</v>
      </c>
      <c r="AB3329" s="98">
        <v>0</v>
      </c>
      <c r="AC3329" s="98">
        <v>0</v>
      </c>
      <c r="AD3329" s="98">
        <v>0</v>
      </c>
      <c r="AE3329" s="98">
        <v>0</v>
      </c>
      <c r="AF3329" s="98">
        <v>0</v>
      </c>
      <c r="AG3329" s="98">
        <v>0</v>
      </c>
      <c r="AH3329" s="98">
        <v>0</v>
      </c>
      <c r="AI3329" s="98">
        <v>0</v>
      </c>
      <c r="AJ3329" s="98">
        <v>0</v>
      </c>
      <c r="AK3329" s="98">
        <v>0</v>
      </c>
      <c r="AL3329" s="98">
        <v>0</v>
      </c>
      <c r="AM3329" s="98">
        <v>0</v>
      </c>
      <c r="AN3329" s="98">
        <v>0</v>
      </c>
      <c r="AO3329" s="98">
        <v>0</v>
      </c>
      <c r="AP3329" s="98">
        <v>0</v>
      </c>
      <c r="AQ3329" s="98">
        <v>0</v>
      </c>
      <c r="AR3329" s="98">
        <v>0</v>
      </c>
      <c r="AS3329" s="98">
        <v>0</v>
      </c>
      <c r="AT3329" s="129">
        <v>0</v>
      </c>
      <c r="AU3329" s="98">
        <v>0</v>
      </c>
      <c r="AV3329" s="98">
        <v>0</v>
      </c>
      <c r="AW3329" s="98">
        <v>0</v>
      </c>
      <c r="AX3329" s="98"/>
      <c r="AY3329" s="98"/>
      <c r="AZ3329" s="98"/>
      <c r="BA3329" s="98"/>
      <c r="BB3329" s="107">
        <v>45884</v>
      </c>
    </row>
    <row r="3330" spans="1:54" s="8" customFormat="1" ht="13.95" customHeight="1" x14ac:dyDescent="0.25">
      <c r="A3330" s="219" t="s">
        <v>7520</v>
      </c>
      <c r="B3330" s="220" t="s">
        <v>6395</v>
      </c>
      <c r="C3330" s="98" t="s">
        <v>7521</v>
      </c>
      <c r="D3330" s="98" t="s">
        <v>21025</v>
      </c>
      <c r="E3330" s="141">
        <v>1984</v>
      </c>
      <c r="F3330" s="141">
        <v>1518</v>
      </c>
      <c r="G3330" s="98" t="s">
        <v>1</v>
      </c>
      <c r="H3330" s="98">
        <v>0</v>
      </c>
      <c r="I3330" s="98">
        <v>0</v>
      </c>
      <c r="J3330" s="98" t="s">
        <v>400</v>
      </c>
      <c r="K3330" s="98" t="s">
        <v>400</v>
      </c>
      <c r="L3330" s="98" t="s">
        <v>400</v>
      </c>
      <c r="M3330" s="98" t="s">
        <v>400</v>
      </c>
      <c r="N3330" s="98" t="s">
        <v>400</v>
      </c>
      <c r="O3330" s="98" t="s">
        <v>400</v>
      </c>
      <c r="P3330" s="98" t="s">
        <v>400</v>
      </c>
      <c r="Q3330" s="98" t="s">
        <v>400</v>
      </c>
      <c r="R3330" s="98" t="s">
        <v>400</v>
      </c>
      <c r="S3330" s="98" t="s">
        <v>400</v>
      </c>
      <c r="T3330" s="98" t="s">
        <v>400</v>
      </c>
      <c r="U3330" s="128"/>
      <c r="V3330" s="128"/>
      <c r="W3330" s="128"/>
      <c r="X3330" s="128"/>
      <c r="Y3330" s="128"/>
      <c r="Z3330" s="128"/>
      <c r="AA3330" s="128"/>
      <c r="AB3330" s="128"/>
      <c r="AC3330" s="128"/>
      <c r="AD3330" s="128"/>
      <c r="AE3330" s="128"/>
      <c r="AF3330" s="128"/>
      <c r="AG3330" s="128"/>
      <c r="AH3330" s="128"/>
      <c r="AI3330" s="128"/>
      <c r="AJ3330" s="128"/>
      <c r="AK3330" s="128"/>
      <c r="AL3330" s="128"/>
      <c r="AM3330" s="128"/>
      <c r="AN3330" s="128"/>
      <c r="AO3330" s="128"/>
      <c r="AP3330" s="128"/>
      <c r="AQ3330" s="128"/>
      <c r="AR3330" s="128"/>
      <c r="AS3330" s="128"/>
      <c r="AT3330" s="128"/>
      <c r="AU3330" s="128"/>
      <c r="AV3330" s="128"/>
      <c r="AW3330" s="128"/>
      <c r="AX3330" s="128"/>
      <c r="AY3330" s="128"/>
      <c r="AZ3330" s="128"/>
      <c r="BA3330" s="128"/>
      <c r="BB3330" s="107">
        <v>45884</v>
      </c>
    </row>
    <row r="3331" spans="1:54" s="8" customFormat="1" ht="13.95" customHeight="1" x14ac:dyDescent="0.25">
      <c r="A3331" s="219" t="s">
        <v>7522</v>
      </c>
      <c r="B3331" s="220" t="s">
        <v>6395</v>
      </c>
      <c r="C3331" s="98" t="s">
        <v>7523</v>
      </c>
      <c r="D3331" s="98" t="s">
        <v>21026</v>
      </c>
      <c r="E3331" s="141">
        <v>1987</v>
      </c>
      <c r="F3331" s="141">
        <v>1529</v>
      </c>
      <c r="G3331" s="98" t="s">
        <v>1</v>
      </c>
      <c r="H3331" s="98">
        <v>0</v>
      </c>
      <c r="I3331" s="98">
        <v>0</v>
      </c>
      <c r="J3331" s="98" t="s">
        <v>400</v>
      </c>
      <c r="K3331" s="98" t="s">
        <v>400</v>
      </c>
      <c r="L3331" s="98" t="s">
        <v>400</v>
      </c>
      <c r="M3331" s="98" t="s">
        <v>400</v>
      </c>
      <c r="N3331" s="98" t="s">
        <v>400</v>
      </c>
      <c r="O3331" s="98" t="s">
        <v>400</v>
      </c>
      <c r="P3331" s="98" t="s">
        <v>400</v>
      </c>
      <c r="Q3331" s="98" t="s">
        <v>400</v>
      </c>
      <c r="R3331" s="98" t="s">
        <v>400</v>
      </c>
      <c r="S3331" s="98" t="s">
        <v>400</v>
      </c>
      <c r="T3331" s="98" t="s">
        <v>400</v>
      </c>
      <c r="U3331" s="128"/>
      <c r="V3331" s="128"/>
      <c r="W3331" s="128"/>
      <c r="X3331" s="128"/>
      <c r="Y3331" s="128"/>
      <c r="Z3331" s="128"/>
      <c r="AA3331" s="128"/>
      <c r="AB3331" s="128"/>
      <c r="AC3331" s="128"/>
      <c r="AD3331" s="128"/>
      <c r="AE3331" s="128"/>
      <c r="AF3331" s="128"/>
      <c r="AG3331" s="128"/>
      <c r="AH3331" s="128"/>
      <c r="AI3331" s="128"/>
      <c r="AJ3331" s="128"/>
      <c r="AK3331" s="128"/>
      <c r="AL3331" s="128"/>
      <c r="AM3331" s="128"/>
      <c r="AN3331" s="128"/>
      <c r="AO3331" s="128"/>
      <c r="AP3331" s="128"/>
      <c r="AQ3331" s="128"/>
      <c r="AR3331" s="128"/>
      <c r="AS3331" s="128"/>
      <c r="AT3331" s="128"/>
      <c r="AU3331" s="128"/>
      <c r="AV3331" s="128"/>
      <c r="AW3331" s="128"/>
      <c r="AX3331" s="128"/>
      <c r="AY3331" s="128"/>
      <c r="AZ3331" s="128"/>
      <c r="BA3331" s="128"/>
      <c r="BB3331" s="107">
        <v>45884</v>
      </c>
    </row>
    <row r="3332" spans="1:54" s="8" customFormat="1" ht="13.95" customHeight="1" x14ac:dyDescent="0.25">
      <c r="A3332" s="219" t="s">
        <v>7524</v>
      </c>
      <c r="B3332" s="220" t="s">
        <v>6395</v>
      </c>
      <c r="C3332" s="98" t="s">
        <v>7525</v>
      </c>
      <c r="D3332" s="98" t="s">
        <v>7526</v>
      </c>
      <c r="E3332" s="141">
        <v>1996</v>
      </c>
      <c r="F3332" s="141">
        <v>1530</v>
      </c>
      <c r="G3332" s="98" t="s">
        <v>1</v>
      </c>
      <c r="H3332" s="98">
        <v>1</v>
      </c>
      <c r="I3332" s="98">
        <v>0</v>
      </c>
      <c r="J3332" s="98" t="s">
        <v>400</v>
      </c>
      <c r="K3332" s="98" t="s">
        <v>400</v>
      </c>
      <c r="L3332" s="98" t="s">
        <v>400</v>
      </c>
      <c r="M3332" s="98" t="s">
        <v>400</v>
      </c>
      <c r="N3332" s="98" t="s">
        <v>400</v>
      </c>
      <c r="O3332" s="98" t="s">
        <v>400</v>
      </c>
      <c r="P3332" s="98" t="s">
        <v>400</v>
      </c>
      <c r="Q3332" s="98" t="s">
        <v>400</v>
      </c>
      <c r="R3332" s="98" t="s">
        <v>400</v>
      </c>
      <c r="S3332" s="98" t="s">
        <v>400</v>
      </c>
      <c r="T3332" s="98" t="s">
        <v>400</v>
      </c>
      <c r="U3332" s="128"/>
      <c r="V3332" s="128"/>
      <c r="W3332" s="128"/>
      <c r="X3332" s="128"/>
      <c r="Y3332" s="128"/>
      <c r="Z3332" s="128"/>
      <c r="AA3332" s="128"/>
      <c r="AB3332" s="128"/>
      <c r="AC3332" s="128"/>
      <c r="AD3332" s="128"/>
      <c r="AE3332" s="128"/>
      <c r="AF3332" s="128"/>
      <c r="AG3332" s="128"/>
      <c r="AH3332" s="128"/>
      <c r="AI3332" s="128"/>
      <c r="AJ3332" s="128"/>
      <c r="AK3332" s="128"/>
      <c r="AL3332" s="128"/>
      <c r="AM3332" s="128"/>
      <c r="AN3332" s="128"/>
      <c r="AO3332" s="128"/>
      <c r="AP3332" s="128"/>
      <c r="AQ3332" s="128"/>
      <c r="AR3332" s="128"/>
      <c r="AS3332" s="128"/>
      <c r="AT3332" s="128"/>
      <c r="AU3332" s="128"/>
      <c r="AV3332" s="128"/>
      <c r="AW3332" s="128"/>
      <c r="AX3332" s="128"/>
      <c r="AY3332" s="128"/>
      <c r="AZ3332" s="128"/>
      <c r="BA3332" s="128"/>
      <c r="BB3332" s="107">
        <v>45884</v>
      </c>
    </row>
    <row r="3333" spans="1:54" s="8" customFormat="1" ht="13.95" customHeight="1" x14ac:dyDescent="0.25">
      <c r="A3333" s="219" t="s">
        <v>7527</v>
      </c>
      <c r="B3333" s="220" t="s">
        <v>6395</v>
      </c>
      <c r="C3333" s="98" t="s">
        <v>7528</v>
      </c>
      <c r="D3333" s="98" t="s">
        <v>21027</v>
      </c>
      <c r="E3333" s="141">
        <v>1993</v>
      </c>
      <c r="F3333" s="141">
        <v>1534</v>
      </c>
      <c r="G3333" s="98" t="s">
        <v>1</v>
      </c>
      <c r="H3333" s="98">
        <v>1</v>
      </c>
      <c r="I3333" s="98">
        <v>0</v>
      </c>
      <c r="J3333" s="98" t="s">
        <v>400</v>
      </c>
      <c r="K3333" s="98" t="s">
        <v>400</v>
      </c>
      <c r="L3333" s="98" t="s">
        <v>400</v>
      </c>
      <c r="M3333" s="98" t="s">
        <v>400</v>
      </c>
      <c r="N3333" s="98" t="s">
        <v>400</v>
      </c>
      <c r="O3333" s="98" t="s">
        <v>400</v>
      </c>
      <c r="P3333" s="98" t="s">
        <v>400</v>
      </c>
      <c r="Q3333" s="98" t="s">
        <v>400</v>
      </c>
      <c r="R3333" s="98" t="s">
        <v>400</v>
      </c>
      <c r="S3333" s="98" t="s">
        <v>400</v>
      </c>
      <c r="T3333" s="98" t="s">
        <v>400</v>
      </c>
      <c r="U3333" s="128"/>
      <c r="V3333" s="128"/>
      <c r="W3333" s="128"/>
      <c r="X3333" s="128"/>
      <c r="Y3333" s="128"/>
      <c r="Z3333" s="128"/>
      <c r="AA3333" s="128"/>
      <c r="AB3333" s="128"/>
      <c r="AC3333" s="128"/>
      <c r="AD3333" s="128"/>
      <c r="AE3333" s="128"/>
      <c r="AF3333" s="128"/>
      <c r="AG3333" s="128"/>
      <c r="AH3333" s="128"/>
      <c r="AI3333" s="128"/>
      <c r="AJ3333" s="128"/>
      <c r="AK3333" s="128"/>
      <c r="AL3333" s="128"/>
      <c r="AM3333" s="128"/>
      <c r="AN3333" s="128"/>
      <c r="AO3333" s="128"/>
      <c r="AP3333" s="128"/>
      <c r="AQ3333" s="128"/>
      <c r="AR3333" s="128"/>
      <c r="AS3333" s="128"/>
      <c r="AT3333" s="128"/>
      <c r="AU3333" s="128"/>
      <c r="AV3333" s="128"/>
      <c r="AW3333" s="128"/>
      <c r="AX3333" s="128"/>
      <c r="AY3333" s="128"/>
      <c r="AZ3333" s="128"/>
      <c r="BA3333" s="128"/>
      <c r="BB3333" s="107">
        <v>45884</v>
      </c>
    </row>
    <row r="3334" spans="1:54" s="8" customFormat="1" ht="13.95" customHeight="1" x14ac:dyDescent="0.25">
      <c r="A3334" s="219" t="s">
        <v>7529</v>
      </c>
      <c r="B3334" s="220" t="s">
        <v>6395</v>
      </c>
      <c r="C3334" s="98" t="s">
        <v>7530</v>
      </c>
      <c r="D3334" s="98" t="s">
        <v>21028</v>
      </c>
      <c r="E3334" s="141">
        <v>1979</v>
      </c>
      <c r="F3334" s="141">
        <v>1535</v>
      </c>
      <c r="G3334" s="98" t="s">
        <v>1</v>
      </c>
      <c r="H3334" s="98">
        <v>0</v>
      </c>
      <c r="I3334" s="98">
        <v>0</v>
      </c>
      <c r="J3334" s="98" t="s">
        <v>400</v>
      </c>
      <c r="K3334" s="98" t="s">
        <v>400</v>
      </c>
      <c r="L3334" s="98" t="s">
        <v>400</v>
      </c>
      <c r="M3334" s="98" t="s">
        <v>400</v>
      </c>
      <c r="N3334" s="98" t="s">
        <v>400</v>
      </c>
      <c r="O3334" s="98" t="s">
        <v>400</v>
      </c>
      <c r="P3334" s="98" t="s">
        <v>400</v>
      </c>
      <c r="Q3334" s="98" t="s">
        <v>400</v>
      </c>
      <c r="R3334" s="98" t="s">
        <v>400</v>
      </c>
      <c r="S3334" s="98" t="s">
        <v>400</v>
      </c>
      <c r="T3334" s="98" t="s">
        <v>400</v>
      </c>
      <c r="U3334" s="128"/>
      <c r="V3334" s="128"/>
      <c r="W3334" s="128"/>
      <c r="X3334" s="128"/>
      <c r="Y3334" s="128"/>
      <c r="Z3334" s="128"/>
      <c r="AA3334" s="128"/>
      <c r="AB3334" s="128"/>
      <c r="AC3334" s="128"/>
      <c r="AD3334" s="128"/>
      <c r="AE3334" s="128"/>
      <c r="AF3334" s="128"/>
      <c r="AG3334" s="128"/>
      <c r="AH3334" s="128"/>
      <c r="AI3334" s="128"/>
      <c r="AJ3334" s="128"/>
      <c r="AK3334" s="128"/>
      <c r="AL3334" s="128"/>
      <c r="AM3334" s="128"/>
      <c r="AN3334" s="128"/>
      <c r="AO3334" s="128"/>
      <c r="AP3334" s="128"/>
      <c r="AQ3334" s="128"/>
      <c r="AR3334" s="128"/>
      <c r="AS3334" s="128"/>
      <c r="AT3334" s="128"/>
      <c r="AU3334" s="128"/>
      <c r="AV3334" s="128"/>
      <c r="AW3334" s="128"/>
      <c r="AX3334" s="128"/>
      <c r="AY3334" s="128"/>
      <c r="AZ3334" s="128"/>
      <c r="BA3334" s="128"/>
      <c r="BB3334" s="107">
        <v>45884</v>
      </c>
    </row>
    <row r="3335" spans="1:54" s="8" customFormat="1" ht="13.95" customHeight="1" x14ac:dyDescent="0.25">
      <c r="A3335" s="219" t="s">
        <v>7531</v>
      </c>
      <c r="B3335" s="220" t="s">
        <v>6395</v>
      </c>
      <c r="C3335" s="98" t="s">
        <v>7532</v>
      </c>
      <c r="D3335" s="98" t="s">
        <v>21029</v>
      </c>
      <c r="E3335" s="141">
        <v>1984</v>
      </c>
      <c r="F3335" s="141">
        <v>1547</v>
      </c>
      <c r="G3335" s="98" t="s">
        <v>1</v>
      </c>
      <c r="H3335" s="98">
        <v>0</v>
      </c>
      <c r="I3335" s="98">
        <v>0</v>
      </c>
      <c r="J3335" s="98" t="s">
        <v>400</v>
      </c>
      <c r="K3335" s="98" t="s">
        <v>400</v>
      </c>
      <c r="L3335" s="98" t="s">
        <v>400</v>
      </c>
      <c r="M3335" s="98" t="s">
        <v>400</v>
      </c>
      <c r="N3335" s="98" t="s">
        <v>400</v>
      </c>
      <c r="O3335" s="98" t="s">
        <v>400</v>
      </c>
      <c r="P3335" s="98" t="s">
        <v>400</v>
      </c>
      <c r="Q3335" s="98" t="s">
        <v>400</v>
      </c>
      <c r="R3335" s="98" t="s">
        <v>400</v>
      </c>
      <c r="S3335" s="98" t="s">
        <v>400</v>
      </c>
      <c r="T3335" s="98" t="s">
        <v>400</v>
      </c>
      <c r="U3335" s="128"/>
      <c r="V3335" s="128"/>
      <c r="W3335" s="128"/>
      <c r="X3335" s="128"/>
      <c r="Y3335" s="128"/>
      <c r="Z3335" s="128"/>
      <c r="AA3335" s="128"/>
      <c r="AB3335" s="128"/>
      <c r="AC3335" s="128"/>
      <c r="AD3335" s="128"/>
      <c r="AE3335" s="128"/>
      <c r="AF3335" s="128"/>
      <c r="AG3335" s="128"/>
      <c r="AH3335" s="128"/>
      <c r="AI3335" s="128"/>
      <c r="AJ3335" s="128"/>
      <c r="AK3335" s="128"/>
      <c r="AL3335" s="128"/>
      <c r="AM3335" s="128"/>
      <c r="AN3335" s="128"/>
      <c r="AO3335" s="128"/>
      <c r="AP3335" s="128"/>
      <c r="AQ3335" s="128"/>
      <c r="AR3335" s="128"/>
      <c r="AS3335" s="128"/>
      <c r="AT3335" s="128"/>
      <c r="AU3335" s="128"/>
      <c r="AV3335" s="128"/>
      <c r="AW3335" s="128"/>
      <c r="AX3335" s="128"/>
      <c r="AY3335" s="128"/>
      <c r="AZ3335" s="128"/>
      <c r="BA3335" s="128"/>
      <c r="BB3335" s="107">
        <v>45884</v>
      </c>
    </row>
    <row r="3336" spans="1:54" s="8" customFormat="1" ht="13.95" customHeight="1" x14ac:dyDescent="0.25">
      <c r="A3336" s="219" t="s">
        <v>7533</v>
      </c>
      <c r="B3336" s="220" t="s">
        <v>6395</v>
      </c>
      <c r="C3336" s="98" t="s">
        <v>22167</v>
      </c>
      <c r="D3336" s="98" t="s">
        <v>21030</v>
      </c>
      <c r="E3336" s="141">
        <v>1975</v>
      </c>
      <c r="F3336" s="141">
        <v>1549</v>
      </c>
      <c r="G3336" s="98" t="s">
        <v>1</v>
      </c>
      <c r="H3336" s="98">
        <v>0</v>
      </c>
      <c r="I3336" s="98">
        <v>0</v>
      </c>
      <c r="J3336" s="98" t="s">
        <v>400</v>
      </c>
      <c r="K3336" s="98" t="s">
        <v>400</v>
      </c>
      <c r="L3336" s="98" t="s">
        <v>400</v>
      </c>
      <c r="M3336" s="98" t="s">
        <v>400</v>
      </c>
      <c r="N3336" s="98" t="s">
        <v>400</v>
      </c>
      <c r="O3336" s="98" t="s">
        <v>400</v>
      </c>
      <c r="P3336" s="98" t="s">
        <v>400</v>
      </c>
      <c r="Q3336" s="98" t="s">
        <v>400</v>
      </c>
      <c r="R3336" s="98" t="s">
        <v>400</v>
      </c>
      <c r="S3336" s="98" t="s">
        <v>400</v>
      </c>
      <c r="T3336" s="98" t="s">
        <v>400</v>
      </c>
      <c r="U3336" s="128"/>
      <c r="V3336" s="128"/>
      <c r="W3336" s="128"/>
      <c r="X3336" s="128"/>
      <c r="Y3336" s="128"/>
      <c r="Z3336" s="128"/>
      <c r="AA3336" s="128"/>
      <c r="AB3336" s="128"/>
      <c r="AC3336" s="128"/>
      <c r="AD3336" s="128"/>
      <c r="AE3336" s="128"/>
      <c r="AF3336" s="128"/>
      <c r="AG3336" s="128"/>
      <c r="AH3336" s="128"/>
      <c r="AI3336" s="128"/>
      <c r="AJ3336" s="128"/>
      <c r="AK3336" s="128"/>
      <c r="AL3336" s="128"/>
      <c r="AM3336" s="128"/>
      <c r="AN3336" s="128"/>
      <c r="AO3336" s="128"/>
      <c r="AP3336" s="128"/>
      <c r="AQ3336" s="128"/>
      <c r="AR3336" s="128"/>
      <c r="AS3336" s="128"/>
      <c r="AT3336" s="128"/>
      <c r="AU3336" s="128"/>
      <c r="AV3336" s="128"/>
      <c r="AW3336" s="128"/>
      <c r="AX3336" s="128"/>
      <c r="AY3336" s="128"/>
      <c r="AZ3336" s="128"/>
      <c r="BA3336" s="128"/>
      <c r="BB3336" s="107">
        <v>45884</v>
      </c>
    </row>
    <row r="3337" spans="1:54" s="8" customFormat="1" ht="13.95" customHeight="1" x14ac:dyDescent="0.25">
      <c r="A3337" s="219" t="s">
        <v>7534</v>
      </c>
      <c r="B3337" s="220" t="s">
        <v>6395</v>
      </c>
      <c r="C3337" s="98" t="s">
        <v>7535</v>
      </c>
      <c r="D3337" s="98" t="s">
        <v>21031</v>
      </c>
      <c r="E3337" s="141">
        <v>1998</v>
      </c>
      <c r="F3337" s="141">
        <v>1560</v>
      </c>
      <c r="G3337" s="98" t="s">
        <v>1</v>
      </c>
      <c r="H3337" s="98">
        <v>0</v>
      </c>
      <c r="I3337" s="98">
        <v>0</v>
      </c>
      <c r="J3337" s="98" t="s">
        <v>400</v>
      </c>
      <c r="K3337" s="98" t="s">
        <v>400</v>
      </c>
      <c r="L3337" s="98" t="s">
        <v>400</v>
      </c>
      <c r="M3337" s="98" t="s">
        <v>400</v>
      </c>
      <c r="N3337" s="98" t="s">
        <v>400</v>
      </c>
      <c r="O3337" s="98" t="s">
        <v>400</v>
      </c>
      <c r="P3337" s="98" t="s">
        <v>400</v>
      </c>
      <c r="Q3337" s="98" t="s">
        <v>400</v>
      </c>
      <c r="R3337" s="98" t="s">
        <v>400</v>
      </c>
      <c r="S3337" s="98" t="s">
        <v>400</v>
      </c>
      <c r="T3337" s="98" t="s">
        <v>400</v>
      </c>
      <c r="U3337" s="128"/>
      <c r="V3337" s="128"/>
      <c r="W3337" s="128"/>
      <c r="X3337" s="128"/>
      <c r="Y3337" s="128"/>
      <c r="Z3337" s="128"/>
      <c r="AA3337" s="128"/>
      <c r="AB3337" s="128"/>
      <c r="AC3337" s="128"/>
      <c r="AD3337" s="128"/>
      <c r="AE3337" s="128"/>
      <c r="AF3337" s="128"/>
      <c r="AG3337" s="128"/>
      <c r="AH3337" s="128"/>
      <c r="AI3337" s="128"/>
      <c r="AJ3337" s="128"/>
      <c r="AK3337" s="128"/>
      <c r="AL3337" s="128"/>
      <c r="AM3337" s="128"/>
      <c r="AN3337" s="128"/>
      <c r="AO3337" s="128"/>
      <c r="AP3337" s="128"/>
      <c r="AQ3337" s="128"/>
      <c r="AR3337" s="128"/>
      <c r="AS3337" s="128"/>
      <c r="AT3337" s="128"/>
      <c r="AU3337" s="128"/>
      <c r="AV3337" s="128"/>
      <c r="AW3337" s="128"/>
      <c r="AX3337" s="128"/>
      <c r="AY3337" s="128"/>
      <c r="AZ3337" s="128"/>
      <c r="BA3337" s="128"/>
      <c r="BB3337" s="107">
        <v>45884</v>
      </c>
    </row>
    <row r="3338" spans="1:54" s="8" customFormat="1" ht="13.95" customHeight="1" x14ac:dyDescent="0.25">
      <c r="A3338" s="219" t="s">
        <v>7536</v>
      </c>
      <c r="B3338" s="220" t="s">
        <v>6395</v>
      </c>
      <c r="C3338" s="98" t="s">
        <v>7537</v>
      </c>
      <c r="D3338" s="98" t="s">
        <v>21032</v>
      </c>
      <c r="E3338" s="141">
        <v>2002</v>
      </c>
      <c r="F3338" s="141">
        <v>1564</v>
      </c>
      <c r="G3338" s="98" t="s">
        <v>1</v>
      </c>
      <c r="H3338" s="98">
        <v>0</v>
      </c>
      <c r="I3338" s="98">
        <v>0</v>
      </c>
      <c r="J3338" s="98" t="s">
        <v>400</v>
      </c>
      <c r="K3338" s="98" t="s">
        <v>400</v>
      </c>
      <c r="L3338" s="98" t="s">
        <v>400</v>
      </c>
      <c r="M3338" s="98" t="s">
        <v>400</v>
      </c>
      <c r="N3338" s="98" t="s">
        <v>400</v>
      </c>
      <c r="O3338" s="98" t="s">
        <v>400</v>
      </c>
      <c r="P3338" s="98" t="s">
        <v>400</v>
      </c>
      <c r="Q3338" s="98" t="s">
        <v>400</v>
      </c>
      <c r="R3338" s="98" t="s">
        <v>400</v>
      </c>
      <c r="S3338" s="98" t="s">
        <v>400</v>
      </c>
      <c r="T3338" s="98" t="s">
        <v>400</v>
      </c>
      <c r="U3338" s="128"/>
      <c r="V3338" s="128"/>
      <c r="W3338" s="128"/>
      <c r="X3338" s="128"/>
      <c r="Y3338" s="128"/>
      <c r="Z3338" s="128"/>
      <c r="AA3338" s="128"/>
      <c r="AB3338" s="128"/>
      <c r="AC3338" s="128"/>
      <c r="AD3338" s="128"/>
      <c r="AE3338" s="128"/>
      <c r="AF3338" s="128"/>
      <c r="AG3338" s="128"/>
      <c r="AH3338" s="128"/>
      <c r="AI3338" s="128"/>
      <c r="AJ3338" s="128"/>
      <c r="AK3338" s="128"/>
      <c r="AL3338" s="128"/>
      <c r="AM3338" s="128"/>
      <c r="AN3338" s="128"/>
      <c r="AO3338" s="128"/>
      <c r="AP3338" s="128"/>
      <c r="AQ3338" s="128"/>
      <c r="AR3338" s="128"/>
      <c r="AS3338" s="128"/>
      <c r="AT3338" s="128"/>
      <c r="AU3338" s="128"/>
      <c r="AV3338" s="128"/>
      <c r="AW3338" s="128"/>
      <c r="AX3338" s="128"/>
      <c r="AY3338" s="128"/>
      <c r="AZ3338" s="128"/>
      <c r="BA3338" s="128"/>
      <c r="BB3338" s="107">
        <v>45884</v>
      </c>
    </row>
    <row r="3339" spans="1:54" s="8" customFormat="1" ht="13.95" customHeight="1" x14ac:dyDescent="0.25">
      <c r="A3339" s="219" t="s">
        <v>7538</v>
      </c>
      <c r="B3339" s="220" t="s">
        <v>6395</v>
      </c>
      <c r="C3339" s="98" t="s">
        <v>7539</v>
      </c>
      <c r="D3339" s="98" t="s">
        <v>21033</v>
      </c>
      <c r="E3339" s="141">
        <v>1965</v>
      </c>
      <c r="F3339" s="141">
        <v>1575</v>
      </c>
      <c r="G3339" s="98" t="s">
        <v>1</v>
      </c>
      <c r="H3339" s="98">
        <v>0</v>
      </c>
      <c r="I3339" s="98">
        <v>0</v>
      </c>
      <c r="J3339" s="98" t="s">
        <v>400</v>
      </c>
      <c r="K3339" s="98" t="s">
        <v>400</v>
      </c>
      <c r="L3339" s="98" t="s">
        <v>400</v>
      </c>
      <c r="M3339" s="98" t="s">
        <v>400</v>
      </c>
      <c r="N3339" s="98" t="s">
        <v>400</v>
      </c>
      <c r="O3339" s="98" t="s">
        <v>400</v>
      </c>
      <c r="P3339" s="98" t="s">
        <v>400</v>
      </c>
      <c r="Q3339" s="98" t="s">
        <v>400</v>
      </c>
      <c r="R3339" s="98" t="s">
        <v>400</v>
      </c>
      <c r="S3339" s="98" t="s">
        <v>400</v>
      </c>
      <c r="T3339" s="98" t="s">
        <v>400</v>
      </c>
      <c r="U3339" s="128"/>
      <c r="V3339" s="128"/>
      <c r="W3339" s="128"/>
      <c r="X3339" s="128"/>
      <c r="Y3339" s="128"/>
      <c r="Z3339" s="128"/>
      <c r="AA3339" s="128"/>
      <c r="AB3339" s="128"/>
      <c r="AC3339" s="128"/>
      <c r="AD3339" s="128"/>
      <c r="AE3339" s="128"/>
      <c r="AF3339" s="128"/>
      <c r="AG3339" s="128"/>
      <c r="AH3339" s="128"/>
      <c r="AI3339" s="128"/>
      <c r="AJ3339" s="128"/>
      <c r="AK3339" s="128"/>
      <c r="AL3339" s="128"/>
      <c r="AM3339" s="128"/>
      <c r="AN3339" s="128"/>
      <c r="AO3339" s="128"/>
      <c r="AP3339" s="128"/>
      <c r="AQ3339" s="128"/>
      <c r="AR3339" s="128"/>
      <c r="AS3339" s="128"/>
      <c r="AT3339" s="128"/>
      <c r="AU3339" s="128"/>
      <c r="AV3339" s="128"/>
      <c r="AW3339" s="128"/>
      <c r="AX3339" s="128"/>
      <c r="AY3339" s="128"/>
      <c r="AZ3339" s="128"/>
      <c r="BA3339" s="128"/>
      <c r="BB3339" s="107">
        <v>45884</v>
      </c>
    </row>
    <row r="3340" spans="1:54" s="8" customFormat="1" ht="13.95" customHeight="1" x14ac:dyDescent="0.25">
      <c r="A3340" s="219" t="s">
        <v>7540</v>
      </c>
      <c r="B3340" s="220" t="s">
        <v>6395</v>
      </c>
      <c r="C3340" s="98" t="s">
        <v>22168</v>
      </c>
      <c r="D3340" s="98" t="s">
        <v>7541</v>
      </c>
      <c r="E3340" s="141">
        <v>1975</v>
      </c>
      <c r="F3340" s="141">
        <v>1576</v>
      </c>
      <c r="G3340" s="98" t="s">
        <v>11</v>
      </c>
      <c r="H3340" s="98">
        <v>0</v>
      </c>
      <c r="I3340" s="98">
        <v>0</v>
      </c>
      <c r="J3340" s="98" t="s">
        <v>400</v>
      </c>
      <c r="K3340" s="98" t="s">
        <v>400</v>
      </c>
      <c r="L3340" s="98" t="s">
        <v>400</v>
      </c>
      <c r="M3340" s="98" t="s">
        <v>400</v>
      </c>
      <c r="N3340" s="98" t="s">
        <v>400</v>
      </c>
      <c r="O3340" s="98" t="s">
        <v>400</v>
      </c>
      <c r="P3340" s="98" t="s">
        <v>400</v>
      </c>
      <c r="Q3340" s="98" t="s">
        <v>400</v>
      </c>
      <c r="R3340" s="98" t="s">
        <v>400</v>
      </c>
      <c r="S3340" s="98" t="s">
        <v>400</v>
      </c>
      <c r="T3340" s="98" t="s">
        <v>400</v>
      </c>
      <c r="U3340" s="98">
        <v>0</v>
      </c>
      <c r="V3340" s="98">
        <v>0</v>
      </c>
      <c r="W3340" s="98" t="s">
        <v>400</v>
      </c>
      <c r="X3340" s="98">
        <v>0</v>
      </c>
      <c r="Y3340" s="98">
        <v>0</v>
      </c>
      <c r="Z3340" s="98">
        <v>0</v>
      </c>
      <c r="AA3340" s="98" t="s">
        <v>400</v>
      </c>
      <c r="AB3340" s="98">
        <v>0</v>
      </c>
      <c r="AC3340" s="98">
        <v>0</v>
      </c>
      <c r="AD3340" s="98">
        <v>0</v>
      </c>
      <c r="AE3340" s="98">
        <v>0</v>
      </c>
      <c r="AF3340" s="98">
        <v>0</v>
      </c>
      <c r="AG3340" s="98">
        <v>0</v>
      </c>
      <c r="AH3340" s="98">
        <v>0</v>
      </c>
      <c r="AI3340" s="98">
        <v>0</v>
      </c>
      <c r="AJ3340" s="98">
        <v>0</v>
      </c>
      <c r="AK3340" s="98">
        <v>0</v>
      </c>
      <c r="AL3340" s="98">
        <v>0</v>
      </c>
      <c r="AM3340" s="98">
        <v>0</v>
      </c>
      <c r="AN3340" s="98">
        <v>0</v>
      </c>
      <c r="AO3340" s="98">
        <v>0</v>
      </c>
      <c r="AP3340" s="98">
        <v>0</v>
      </c>
      <c r="AQ3340" s="98">
        <v>0</v>
      </c>
      <c r="AR3340" s="98">
        <v>0</v>
      </c>
      <c r="AS3340" s="98">
        <v>0</v>
      </c>
      <c r="AT3340" s="129">
        <v>0</v>
      </c>
      <c r="AU3340" s="98">
        <v>0</v>
      </c>
      <c r="AV3340" s="98">
        <v>0</v>
      </c>
      <c r="AW3340" s="98">
        <v>0</v>
      </c>
      <c r="AX3340" s="98"/>
      <c r="AY3340" s="98"/>
      <c r="AZ3340" s="98"/>
      <c r="BA3340" s="98"/>
      <c r="BB3340" s="107">
        <v>45884</v>
      </c>
    </row>
    <row r="3341" spans="1:54" s="8" customFormat="1" ht="13.95" customHeight="1" x14ac:dyDescent="0.25">
      <c r="A3341" s="219" t="s">
        <v>7542</v>
      </c>
      <c r="B3341" s="220" t="s">
        <v>6395</v>
      </c>
      <c r="C3341" s="98" t="s">
        <v>7543</v>
      </c>
      <c r="D3341" s="98" t="s">
        <v>21034</v>
      </c>
      <c r="E3341" s="141">
        <v>2009</v>
      </c>
      <c r="F3341" s="141">
        <v>1581</v>
      </c>
      <c r="G3341" s="98" t="s">
        <v>1</v>
      </c>
      <c r="H3341" s="98">
        <v>0</v>
      </c>
      <c r="I3341" s="98">
        <v>0</v>
      </c>
      <c r="J3341" s="98" t="s">
        <v>400</v>
      </c>
      <c r="K3341" s="98" t="s">
        <v>400</v>
      </c>
      <c r="L3341" s="98" t="s">
        <v>400</v>
      </c>
      <c r="M3341" s="98" t="s">
        <v>400</v>
      </c>
      <c r="N3341" s="98" t="s">
        <v>400</v>
      </c>
      <c r="O3341" s="98" t="s">
        <v>400</v>
      </c>
      <c r="P3341" s="98" t="s">
        <v>400</v>
      </c>
      <c r="Q3341" s="98" t="s">
        <v>400</v>
      </c>
      <c r="R3341" s="98" t="s">
        <v>400</v>
      </c>
      <c r="S3341" s="98" t="s">
        <v>400</v>
      </c>
      <c r="T3341" s="98" t="s">
        <v>400</v>
      </c>
      <c r="U3341" s="128"/>
      <c r="V3341" s="128"/>
      <c r="W3341" s="128"/>
      <c r="X3341" s="128"/>
      <c r="Y3341" s="128"/>
      <c r="Z3341" s="128"/>
      <c r="AA3341" s="128"/>
      <c r="AB3341" s="128"/>
      <c r="AC3341" s="128"/>
      <c r="AD3341" s="128"/>
      <c r="AE3341" s="128"/>
      <c r="AF3341" s="128"/>
      <c r="AG3341" s="128"/>
      <c r="AH3341" s="128"/>
      <c r="AI3341" s="128"/>
      <c r="AJ3341" s="128"/>
      <c r="AK3341" s="128"/>
      <c r="AL3341" s="128"/>
      <c r="AM3341" s="128"/>
      <c r="AN3341" s="128"/>
      <c r="AO3341" s="128"/>
      <c r="AP3341" s="128"/>
      <c r="AQ3341" s="128"/>
      <c r="AR3341" s="128"/>
      <c r="AS3341" s="128"/>
      <c r="AT3341" s="128"/>
      <c r="AU3341" s="128"/>
      <c r="AV3341" s="128"/>
      <c r="AW3341" s="128"/>
      <c r="AX3341" s="128"/>
      <c r="AY3341" s="128"/>
      <c r="AZ3341" s="128"/>
      <c r="BA3341" s="128"/>
      <c r="BB3341" s="107">
        <v>45884</v>
      </c>
    </row>
    <row r="3342" spans="1:54" s="8" customFormat="1" ht="13.95" customHeight="1" x14ac:dyDescent="0.25">
      <c r="A3342" s="219" t="s">
        <v>7544</v>
      </c>
      <c r="B3342" s="220" t="s">
        <v>6395</v>
      </c>
      <c r="C3342" s="98" t="s">
        <v>7545</v>
      </c>
      <c r="D3342" s="98" t="s">
        <v>21035</v>
      </c>
      <c r="E3342" s="141">
        <v>1969</v>
      </c>
      <c r="F3342" s="141">
        <v>1586</v>
      </c>
      <c r="G3342" s="98" t="s">
        <v>1</v>
      </c>
      <c r="H3342" s="98">
        <v>0</v>
      </c>
      <c r="I3342" s="98">
        <v>0</v>
      </c>
      <c r="J3342" s="98" t="s">
        <v>400</v>
      </c>
      <c r="K3342" s="98" t="s">
        <v>400</v>
      </c>
      <c r="L3342" s="98" t="s">
        <v>400</v>
      </c>
      <c r="M3342" s="98" t="s">
        <v>400</v>
      </c>
      <c r="N3342" s="98" t="s">
        <v>400</v>
      </c>
      <c r="O3342" s="98" t="s">
        <v>400</v>
      </c>
      <c r="P3342" s="98" t="s">
        <v>400</v>
      </c>
      <c r="Q3342" s="98" t="s">
        <v>400</v>
      </c>
      <c r="R3342" s="98" t="s">
        <v>400</v>
      </c>
      <c r="S3342" s="98" t="s">
        <v>400</v>
      </c>
      <c r="T3342" s="98" t="s">
        <v>400</v>
      </c>
      <c r="U3342" s="128"/>
      <c r="V3342" s="128"/>
      <c r="W3342" s="128"/>
      <c r="X3342" s="128"/>
      <c r="Y3342" s="128"/>
      <c r="Z3342" s="128"/>
      <c r="AA3342" s="128"/>
      <c r="AB3342" s="128"/>
      <c r="AC3342" s="128"/>
      <c r="AD3342" s="128"/>
      <c r="AE3342" s="128"/>
      <c r="AF3342" s="128"/>
      <c r="AG3342" s="128"/>
      <c r="AH3342" s="128"/>
      <c r="AI3342" s="128"/>
      <c r="AJ3342" s="128"/>
      <c r="AK3342" s="128"/>
      <c r="AL3342" s="128"/>
      <c r="AM3342" s="128"/>
      <c r="AN3342" s="128"/>
      <c r="AO3342" s="128"/>
      <c r="AP3342" s="128"/>
      <c r="AQ3342" s="128"/>
      <c r="AR3342" s="128"/>
      <c r="AS3342" s="128"/>
      <c r="AT3342" s="128"/>
      <c r="AU3342" s="128"/>
      <c r="AV3342" s="128"/>
      <c r="AW3342" s="128"/>
      <c r="AX3342" s="128"/>
      <c r="AY3342" s="128"/>
      <c r="AZ3342" s="128"/>
      <c r="BA3342" s="128"/>
      <c r="BB3342" s="107">
        <v>45884</v>
      </c>
    </row>
    <row r="3343" spans="1:54" s="8" customFormat="1" ht="13.95" customHeight="1" x14ac:dyDescent="0.25">
      <c r="A3343" s="219" t="s">
        <v>7546</v>
      </c>
      <c r="B3343" s="220" t="s">
        <v>6395</v>
      </c>
      <c r="C3343" s="98" t="s">
        <v>7547</v>
      </c>
      <c r="D3343" s="98" t="s">
        <v>21036</v>
      </c>
      <c r="E3343" s="141">
        <v>1979</v>
      </c>
      <c r="F3343" s="141">
        <v>1588</v>
      </c>
      <c r="G3343" s="98" t="s">
        <v>1</v>
      </c>
      <c r="H3343" s="98">
        <v>0</v>
      </c>
      <c r="I3343" s="98">
        <v>0</v>
      </c>
      <c r="J3343" s="98" t="s">
        <v>400</v>
      </c>
      <c r="K3343" s="98" t="s">
        <v>400</v>
      </c>
      <c r="L3343" s="98" t="s">
        <v>400</v>
      </c>
      <c r="M3343" s="98" t="s">
        <v>400</v>
      </c>
      <c r="N3343" s="98" t="s">
        <v>400</v>
      </c>
      <c r="O3343" s="98" t="s">
        <v>400</v>
      </c>
      <c r="P3343" s="98" t="s">
        <v>400</v>
      </c>
      <c r="Q3343" s="98" t="s">
        <v>400</v>
      </c>
      <c r="R3343" s="98" t="s">
        <v>400</v>
      </c>
      <c r="S3343" s="98" t="s">
        <v>400</v>
      </c>
      <c r="T3343" s="98" t="s">
        <v>400</v>
      </c>
      <c r="U3343" s="128"/>
      <c r="V3343" s="128"/>
      <c r="W3343" s="128"/>
      <c r="X3343" s="128"/>
      <c r="Y3343" s="128"/>
      <c r="Z3343" s="128"/>
      <c r="AA3343" s="128"/>
      <c r="AB3343" s="128"/>
      <c r="AC3343" s="128"/>
      <c r="AD3343" s="128"/>
      <c r="AE3343" s="128"/>
      <c r="AF3343" s="128"/>
      <c r="AG3343" s="128"/>
      <c r="AH3343" s="128"/>
      <c r="AI3343" s="128"/>
      <c r="AJ3343" s="128"/>
      <c r="AK3343" s="128"/>
      <c r="AL3343" s="128"/>
      <c r="AM3343" s="128"/>
      <c r="AN3343" s="128"/>
      <c r="AO3343" s="128"/>
      <c r="AP3343" s="128"/>
      <c r="AQ3343" s="128"/>
      <c r="AR3343" s="128"/>
      <c r="AS3343" s="128"/>
      <c r="AT3343" s="128"/>
      <c r="AU3343" s="128"/>
      <c r="AV3343" s="128"/>
      <c r="AW3343" s="128"/>
      <c r="AX3343" s="128"/>
      <c r="AY3343" s="128"/>
      <c r="AZ3343" s="128"/>
      <c r="BA3343" s="128"/>
      <c r="BB3343" s="107">
        <v>45884</v>
      </c>
    </row>
    <row r="3344" spans="1:54" s="8" customFormat="1" ht="13.95" customHeight="1" x14ac:dyDescent="0.25">
      <c r="A3344" s="219" t="s">
        <v>7548</v>
      </c>
      <c r="B3344" s="220" t="s">
        <v>6395</v>
      </c>
      <c r="C3344" s="98" t="s">
        <v>7549</v>
      </c>
      <c r="D3344" s="98" t="s">
        <v>21037</v>
      </c>
      <c r="E3344" s="141">
        <v>1990</v>
      </c>
      <c r="F3344" s="141">
        <v>1600</v>
      </c>
      <c r="G3344" s="98" t="s">
        <v>1</v>
      </c>
      <c r="H3344" s="98">
        <v>0</v>
      </c>
      <c r="I3344" s="98">
        <v>0</v>
      </c>
      <c r="J3344" s="98" t="s">
        <v>400</v>
      </c>
      <c r="K3344" s="98" t="s">
        <v>400</v>
      </c>
      <c r="L3344" s="98" t="s">
        <v>400</v>
      </c>
      <c r="M3344" s="98" t="s">
        <v>400</v>
      </c>
      <c r="N3344" s="98" t="s">
        <v>400</v>
      </c>
      <c r="O3344" s="98" t="s">
        <v>400</v>
      </c>
      <c r="P3344" s="98" t="s">
        <v>400</v>
      </c>
      <c r="Q3344" s="98" t="s">
        <v>400</v>
      </c>
      <c r="R3344" s="98" t="s">
        <v>400</v>
      </c>
      <c r="S3344" s="98" t="s">
        <v>400</v>
      </c>
      <c r="T3344" s="98" t="s">
        <v>400</v>
      </c>
      <c r="U3344" s="128"/>
      <c r="V3344" s="128"/>
      <c r="W3344" s="128"/>
      <c r="X3344" s="128"/>
      <c r="Y3344" s="128"/>
      <c r="Z3344" s="128"/>
      <c r="AA3344" s="128"/>
      <c r="AB3344" s="128"/>
      <c r="AC3344" s="128"/>
      <c r="AD3344" s="128"/>
      <c r="AE3344" s="128"/>
      <c r="AF3344" s="128"/>
      <c r="AG3344" s="128"/>
      <c r="AH3344" s="128"/>
      <c r="AI3344" s="128"/>
      <c r="AJ3344" s="128"/>
      <c r="AK3344" s="128"/>
      <c r="AL3344" s="128"/>
      <c r="AM3344" s="128"/>
      <c r="AN3344" s="128"/>
      <c r="AO3344" s="128"/>
      <c r="AP3344" s="128"/>
      <c r="AQ3344" s="128"/>
      <c r="AR3344" s="128"/>
      <c r="AS3344" s="128"/>
      <c r="AT3344" s="128"/>
      <c r="AU3344" s="128"/>
      <c r="AV3344" s="128"/>
      <c r="AW3344" s="128"/>
      <c r="AX3344" s="128"/>
      <c r="AY3344" s="128"/>
      <c r="AZ3344" s="128"/>
      <c r="BA3344" s="128"/>
      <c r="BB3344" s="107">
        <v>45884</v>
      </c>
    </row>
    <row r="3345" spans="1:54" s="8" customFormat="1" ht="13.95" customHeight="1" x14ac:dyDescent="0.25">
      <c r="A3345" s="219" t="s">
        <v>7550</v>
      </c>
      <c r="B3345" s="220" t="s">
        <v>6395</v>
      </c>
      <c r="C3345" s="98" t="s">
        <v>7551</v>
      </c>
      <c r="D3345" s="98" t="s">
        <v>21038</v>
      </c>
      <c r="E3345" s="141">
        <v>1967</v>
      </c>
      <c r="F3345" s="141">
        <v>1603</v>
      </c>
      <c r="G3345" s="98" t="s">
        <v>1</v>
      </c>
      <c r="H3345" s="98">
        <v>0</v>
      </c>
      <c r="I3345" s="98">
        <v>0</v>
      </c>
      <c r="J3345" s="98" t="s">
        <v>400</v>
      </c>
      <c r="K3345" s="98" t="s">
        <v>400</v>
      </c>
      <c r="L3345" s="98" t="s">
        <v>400</v>
      </c>
      <c r="M3345" s="98" t="s">
        <v>400</v>
      </c>
      <c r="N3345" s="98" t="s">
        <v>400</v>
      </c>
      <c r="O3345" s="98" t="s">
        <v>400</v>
      </c>
      <c r="P3345" s="98" t="s">
        <v>400</v>
      </c>
      <c r="Q3345" s="98" t="s">
        <v>400</v>
      </c>
      <c r="R3345" s="98" t="s">
        <v>400</v>
      </c>
      <c r="S3345" s="98" t="s">
        <v>400</v>
      </c>
      <c r="T3345" s="98" t="s">
        <v>400</v>
      </c>
      <c r="U3345" s="128"/>
      <c r="V3345" s="128"/>
      <c r="W3345" s="128"/>
      <c r="X3345" s="128"/>
      <c r="Y3345" s="128"/>
      <c r="Z3345" s="128"/>
      <c r="AA3345" s="128"/>
      <c r="AB3345" s="128"/>
      <c r="AC3345" s="128"/>
      <c r="AD3345" s="128"/>
      <c r="AE3345" s="128"/>
      <c r="AF3345" s="128"/>
      <c r="AG3345" s="128"/>
      <c r="AH3345" s="128"/>
      <c r="AI3345" s="128"/>
      <c r="AJ3345" s="128"/>
      <c r="AK3345" s="128"/>
      <c r="AL3345" s="128"/>
      <c r="AM3345" s="128"/>
      <c r="AN3345" s="128"/>
      <c r="AO3345" s="128"/>
      <c r="AP3345" s="128"/>
      <c r="AQ3345" s="128"/>
      <c r="AR3345" s="128"/>
      <c r="AS3345" s="128"/>
      <c r="AT3345" s="128"/>
      <c r="AU3345" s="128"/>
      <c r="AV3345" s="128"/>
      <c r="AW3345" s="128"/>
      <c r="AX3345" s="128"/>
      <c r="AY3345" s="128"/>
      <c r="AZ3345" s="128"/>
      <c r="BA3345" s="128"/>
      <c r="BB3345" s="107">
        <v>45884</v>
      </c>
    </row>
    <row r="3346" spans="1:54" s="8" customFormat="1" ht="13.95" customHeight="1" x14ac:dyDescent="0.25">
      <c r="A3346" s="219" t="s">
        <v>7552</v>
      </c>
      <c r="B3346" s="220" t="s">
        <v>6395</v>
      </c>
      <c r="C3346" s="98" t="s">
        <v>7553</v>
      </c>
      <c r="D3346" s="98" t="s">
        <v>21039</v>
      </c>
      <c r="E3346" s="141">
        <v>1974</v>
      </c>
      <c r="F3346" s="141">
        <v>1614</v>
      </c>
      <c r="G3346" s="98" t="s">
        <v>1</v>
      </c>
      <c r="H3346" s="98">
        <v>0</v>
      </c>
      <c r="I3346" s="98">
        <v>0</v>
      </c>
      <c r="J3346" s="98" t="s">
        <v>400</v>
      </c>
      <c r="K3346" s="98" t="s">
        <v>400</v>
      </c>
      <c r="L3346" s="98" t="s">
        <v>400</v>
      </c>
      <c r="M3346" s="98" t="s">
        <v>400</v>
      </c>
      <c r="N3346" s="98" t="s">
        <v>400</v>
      </c>
      <c r="O3346" s="98" t="s">
        <v>400</v>
      </c>
      <c r="P3346" s="98" t="s">
        <v>400</v>
      </c>
      <c r="Q3346" s="98" t="s">
        <v>400</v>
      </c>
      <c r="R3346" s="98" t="s">
        <v>400</v>
      </c>
      <c r="S3346" s="98" t="s">
        <v>400</v>
      </c>
      <c r="T3346" s="98" t="s">
        <v>400</v>
      </c>
      <c r="U3346" s="128"/>
      <c r="V3346" s="128"/>
      <c r="W3346" s="128"/>
      <c r="X3346" s="128"/>
      <c r="Y3346" s="128"/>
      <c r="Z3346" s="128"/>
      <c r="AA3346" s="128"/>
      <c r="AB3346" s="128"/>
      <c r="AC3346" s="128"/>
      <c r="AD3346" s="128"/>
      <c r="AE3346" s="128"/>
      <c r="AF3346" s="128"/>
      <c r="AG3346" s="128"/>
      <c r="AH3346" s="128"/>
      <c r="AI3346" s="128"/>
      <c r="AJ3346" s="128"/>
      <c r="AK3346" s="128"/>
      <c r="AL3346" s="128"/>
      <c r="AM3346" s="128"/>
      <c r="AN3346" s="128"/>
      <c r="AO3346" s="128"/>
      <c r="AP3346" s="128"/>
      <c r="AQ3346" s="128"/>
      <c r="AR3346" s="128"/>
      <c r="AS3346" s="128"/>
      <c r="AT3346" s="128"/>
      <c r="AU3346" s="128"/>
      <c r="AV3346" s="128"/>
      <c r="AW3346" s="128"/>
      <c r="AX3346" s="128"/>
      <c r="AY3346" s="128"/>
      <c r="AZ3346" s="128"/>
      <c r="BA3346" s="128"/>
      <c r="BB3346" s="107">
        <v>45884</v>
      </c>
    </row>
    <row r="3347" spans="1:54" s="8" customFormat="1" ht="13.95" customHeight="1" x14ac:dyDescent="0.25">
      <c r="A3347" s="219" t="s">
        <v>7554</v>
      </c>
      <c r="B3347" s="220" t="s">
        <v>6395</v>
      </c>
      <c r="C3347" s="98" t="s">
        <v>7555</v>
      </c>
      <c r="D3347" s="98" t="s">
        <v>20464</v>
      </c>
      <c r="E3347" s="141">
        <v>1991</v>
      </c>
      <c r="F3347" s="141">
        <v>1638</v>
      </c>
      <c r="G3347" s="98" t="s">
        <v>1</v>
      </c>
      <c r="H3347" s="98">
        <v>0</v>
      </c>
      <c r="I3347" s="98">
        <v>0</v>
      </c>
      <c r="J3347" s="98" t="s">
        <v>400</v>
      </c>
      <c r="K3347" s="98" t="s">
        <v>400</v>
      </c>
      <c r="L3347" s="98" t="s">
        <v>400</v>
      </c>
      <c r="M3347" s="98" t="s">
        <v>400</v>
      </c>
      <c r="N3347" s="98" t="s">
        <v>400</v>
      </c>
      <c r="O3347" s="98" t="s">
        <v>400</v>
      </c>
      <c r="P3347" s="98" t="s">
        <v>400</v>
      </c>
      <c r="Q3347" s="98" t="s">
        <v>400</v>
      </c>
      <c r="R3347" s="98" t="s">
        <v>400</v>
      </c>
      <c r="S3347" s="98" t="s">
        <v>400</v>
      </c>
      <c r="T3347" s="98" t="s">
        <v>400</v>
      </c>
      <c r="U3347" s="128"/>
      <c r="V3347" s="128"/>
      <c r="W3347" s="128"/>
      <c r="X3347" s="128"/>
      <c r="Y3347" s="128"/>
      <c r="Z3347" s="128"/>
      <c r="AA3347" s="128"/>
      <c r="AB3347" s="128"/>
      <c r="AC3347" s="128"/>
      <c r="AD3347" s="128"/>
      <c r="AE3347" s="128"/>
      <c r="AF3347" s="128"/>
      <c r="AG3347" s="128"/>
      <c r="AH3347" s="128"/>
      <c r="AI3347" s="128"/>
      <c r="AJ3347" s="128"/>
      <c r="AK3347" s="128"/>
      <c r="AL3347" s="128"/>
      <c r="AM3347" s="128"/>
      <c r="AN3347" s="128"/>
      <c r="AO3347" s="128"/>
      <c r="AP3347" s="128"/>
      <c r="AQ3347" s="128"/>
      <c r="AR3347" s="128"/>
      <c r="AS3347" s="128"/>
      <c r="AT3347" s="128"/>
      <c r="AU3347" s="128"/>
      <c r="AV3347" s="128"/>
      <c r="AW3347" s="128"/>
      <c r="AX3347" s="128"/>
      <c r="AY3347" s="128"/>
      <c r="AZ3347" s="128"/>
      <c r="BA3347" s="128"/>
      <c r="BB3347" s="107">
        <v>45884</v>
      </c>
    </row>
    <row r="3348" spans="1:54" s="8" customFormat="1" ht="13.95" customHeight="1" x14ac:dyDescent="0.25">
      <c r="A3348" s="219" t="s">
        <v>7556</v>
      </c>
      <c r="B3348" s="220" t="s">
        <v>6395</v>
      </c>
      <c r="C3348" s="98" t="s">
        <v>7557</v>
      </c>
      <c r="D3348" s="98" t="s">
        <v>21040</v>
      </c>
      <c r="E3348" s="141">
        <v>1957</v>
      </c>
      <c r="F3348" s="141">
        <v>1645</v>
      </c>
      <c r="G3348" s="98" t="s">
        <v>1</v>
      </c>
      <c r="H3348" s="98">
        <v>0</v>
      </c>
      <c r="I3348" s="98">
        <v>0</v>
      </c>
      <c r="J3348" s="98" t="s">
        <v>400</v>
      </c>
      <c r="K3348" s="98" t="s">
        <v>400</v>
      </c>
      <c r="L3348" s="98" t="s">
        <v>400</v>
      </c>
      <c r="M3348" s="98" t="s">
        <v>400</v>
      </c>
      <c r="N3348" s="98" t="s">
        <v>400</v>
      </c>
      <c r="O3348" s="98" t="s">
        <v>400</v>
      </c>
      <c r="P3348" s="98" t="s">
        <v>400</v>
      </c>
      <c r="Q3348" s="98" t="s">
        <v>400</v>
      </c>
      <c r="R3348" s="98" t="s">
        <v>400</v>
      </c>
      <c r="S3348" s="98" t="s">
        <v>400</v>
      </c>
      <c r="T3348" s="98" t="s">
        <v>400</v>
      </c>
      <c r="U3348" s="128"/>
      <c r="V3348" s="128"/>
      <c r="W3348" s="128"/>
      <c r="X3348" s="128"/>
      <c r="Y3348" s="128"/>
      <c r="Z3348" s="128"/>
      <c r="AA3348" s="128"/>
      <c r="AB3348" s="128"/>
      <c r="AC3348" s="128"/>
      <c r="AD3348" s="128"/>
      <c r="AE3348" s="128"/>
      <c r="AF3348" s="128"/>
      <c r="AG3348" s="128"/>
      <c r="AH3348" s="128"/>
      <c r="AI3348" s="128"/>
      <c r="AJ3348" s="128"/>
      <c r="AK3348" s="128"/>
      <c r="AL3348" s="128"/>
      <c r="AM3348" s="128"/>
      <c r="AN3348" s="128"/>
      <c r="AO3348" s="128"/>
      <c r="AP3348" s="128"/>
      <c r="AQ3348" s="128"/>
      <c r="AR3348" s="128"/>
      <c r="AS3348" s="128"/>
      <c r="AT3348" s="128"/>
      <c r="AU3348" s="128"/>
      <c r="AV3348" s="128"/>
      <c r="AW3348" s="128"/>
      <c r="AX3348" s="128"/>
      <c r="AY3348" s="128"/>
      <c r="AZ3348" s="128"/>
      <c r="BA3348" s="128"/>
      <c r="BB3348" s="107">
        <v>45884</v>
      </c>
    </row>
    <row r="3349" spans="1:54" s="8" customFormat="1" ht="13.95" customHeight="1" x14ac:dyDescent="0.25">
      <c r="A3349" s="219" t="s">
        <v>7558</v>
      </c>
      <c r="B3349" s="220" t="s">
        <v>6395</v>
      </c>
      <c r="C3349" s="98" t="s">
        <v>7559</v>
      </c>
      <c r="D3349" s="98" t="s">
        <v>21041</v>
      </c>
      <c r="E3349" s="141">
        <v>2004</v>
      </c>
      <c r="F3349" s="141">
        <v>1652</v>
      </c>
      <c r="G3349" s="98" t="s">
        <v>1</v>
      </c>
      <c r="H3349" s="98">
        <v>0</v>
      </c>
      <c r="I3349" s="98">
        <v>0</v>
      </c>
      <c r="J3349" s="98" t="s">
        <v>400</v>
      </c>
      <c r="K3349" s="98" t="s">
        <v>400</v>
      </c>
      <c r="L3349" s="98" t="s">
        <v>400</v>
      </c>
      <c r="M3349" s="98" t="s">
        <v>400</v>
      </c>
      <c r="N3349" s="98" t="s">
        <v>400</v>
      </c>
      <c r="O3349" s="98" t="s">
        <v>400</v>
      </c>
      <c r="P3349" s="98" t="s">
        <v>400</v>
      </c>
      <c r="Q3349" s="98" t="s">
        <v>400</v>
      </c>
      <c r="R3349" s="98" t="s">
        <v>400</v>
      </c>
      <c r="S3349" s="98" t="s">
        <v>400</v>
      </c>
      <c r="T3349" s="98" t="s">
        <v>400</v>
      </c>
      <c r="U3349" s="128"/>
      <c r="V3349" s="128"/>
      <c r="W3349" s="128"/>
      <c r="X3349" s="128"/>
      <c r="Y3349" s="128"/>
      <c r="Z3349" s="128"/>
      <c r="AA3349" s="128"/>
      <c r="AB3349" s="128"/>
      <c r="AC3349" s="128"/>
      <c r="AD3349" s="128"/>
      <c r="AE3349" s="128"/>
      <c r="AF3349" s="128"/>
      <c r="AG3349" s="128"/>
      <c r="AH3349" s="128"/>
      <c r="AI3349" s="128"/>
      <c r="AJ3349" s="128"/>
      <c r="AK3349" s="128"/>
      <c r="AL3349" s="128"/>
      <c r="AM3349" s="128"/>
      <c r="AN3349" s="128"/>
      <c r="AO3349" s="128"/>
      <c r="AP3349" s="128"/>
      <c r="AQ3349" s="128"/>
      <c r="AR3349" s="128"/>
      <c r="AS3349" s="128"/>
      <c r="AT3349" s="128"/>
      <c r="AU3349" s="128"/>
      <c r="AV3349" s="128"/>
      <c r="AW3349" s="128"/>
      <c r="AX3349" s="128"/>
      <c r="AY3349" s="128"/>
      <c r="AZ3349" s="128"/>
      <c r="BA3349" s="128"/>
      <c r="BB3349" s="107">
        <v>45884</v>
      </c>
    </row>
    <row r="3350" spans="1:54" s="8" customFormat="1" ht="13.95" customHeight="1" x14ac:dyDescent="0.25">
      <c r="A3350" s="219" t="s">
        <v>7560</v>
      </c>
      <c r="B3350" s="220" t="s">
        <v>6395</v>
      </c>
      <c r="C3350" s="98" t="s">
        <v>7561</v>
      </c>
      <c r="D3350" s="98" t="s">
        <v>21042</v>
      </c>
      <c r="E3350" s="141">
        <v>1960</v>
      </c>
      <c r="F3350" s="141">
        <v>1657</v>
      </c>
      <c r="G3350" s="98" t="s">
        <v>1</v>
      </c>
      <c r="H3350" s="98">
        <v>0</v>
      </c>
      <c r="I3350" s="98">
        <v>0</v>
      </c>
      <c r="J3350" s="98" t="s">
        <v>400</v>
      </c>
      <c r="K3350" s="98" t="s">
        <v>400</v>
      </c>
      <c r="L3350" s="98" t="s">
        <v>400</v>
      </c>
      <c r="M3350" s="98" t="s">
        <v>400</v>
      </c>
      <c r="N3350" s="98" t="s">
        <v>400</v>
      </c>
      <c r="O3350" s="98" t="s">
        <v>400</v>
      </c>
      <c r="P3350" s="98" t="s">
        <v>400</v>
      </c>
      <c r="Q3350" s="98" t="s">
        <v>400</v>
      </c>
      <c r="R3350" s="98" t="s">
        <v>400</v>
      </c>
      <c r="S3350" s="98" t="s">
        <v>400</v>
      </c>
      <c r="T3350" s="98" t="s">
        <v>400</v>
      </c>
      <c r="U3350" s="128"/>
      <c r="V3350" s="128"/>
      <c r="W3350" s="128"/>
      <c r="X3350" s="128"/>
      <c r="Y3350" s="128"/>
      <c r="Z3350" s="128"/>
      <c r="AA3350" s="128"/>
      <c r="AB3350" s="128"/>
      <c r="AC3350" s="128"/>
      <c r="AD3350" s="128"/>
      <c r="AE3350" s="128"/>
      <c r="AF3350" s="128"/>
      <c r="AG3350" s="128"/>
      <c r="AH3350" s="128"/>
      <c r="AI3350" s="128"/>
      <c r="AJ3350" s="128"/>
      <c r="AK3350" s="128"/>
      <c r="AL3350" s="128"/>
      <c r="AM3350" s="128"/>
      <c r="AN3350" s="128"/>
      <c r="AO3350" s="128"/>
      <c r="AP3350" s="128"/>
      <c r="AQ3350" s="128"/>
      <c r="AR3350" s="128"/>
      <c r="AS3350" s="128"/>
      <c r="AT3350" s="128"/>
      <c r="AU3350" s="128"/>
      <c r="AV3350" s="128"/>
      <c r="AW3350" s="128"/>
      <c r="AX3350" s="128"/>
      <c r="AY3350" s="128"/>
      <c r="AZ3350" s="128"/>
      <c r="BA3350" s="128"/>
      <c r="BB3350" s="107">
        <v>45884</v>
      </c>
    </row>
    <row r="3351" spans="1:54" s="8" customFormat="1" ht="13.95" customHeight="1" x14ac:dyDescent="0.25">
      <c r="A3351" s="219" t="s">
        <v>7562</v>
      </c>
      <c r="B3351" s="220" t="s">
        <v>6395</v>
      </c>
      <c r="C3351" s="98" t="s">
        <v>7563</v>
      </c>
      <c r="D3351" s="98" t="s">
        <v>21043</v>
      </c>
      <c r="E3351" s="141">
        <v>1995</v>
      </c>
      <c r="F3351" s="141">
        <v>1657</v>
      </c>
      <c r="G3351" s="98" t="s">
        <v>1</v>
      </c>
      <c r="H3351" s="98">
        <v>0</v>
      </c>
      <c r="I3351" s="98">
        <v>0</v>
      </c>
      <c r="J3351" s="98" t="s">
        <v>400</v>
      </c>
      <c r="K3351" s="98" t="s">
        <v>400</v>
      </c>
      <c r="L3351" s="98" t="s">
        <v>400</v>
      </c>
      <c r="M3351" s="98" t="s">
        <v>400</v>
      </c>
      <c r="N3351" s="98" t="s">
        <v>400</v>
      </c>
      <c r="O3351" s="98" t="s">
        <v>400</v>
      </c>
      <c r="P3351" s="98" t="s">
        <v>400</v>
      </c>
      <c r="Q3351" s="98" t="s">
        <v>400</v>
      </c>
      <c r="R3351" s="98" t="s">
        <v>400</v>
      </c>
      <c r="S3351" s="98" t="s">
        <v>400</v>
      </c>
      <c r="T3351" s="98" t="s">
        <v>400</v>
      </c>
      <c r="U3351" s="128"/>
      <c r="V3351" s="128"/>
      <c r="W3351" s="128"/>
      <c r="X3351" s="128"/>
      <c r="Y3351" s="128"/>
      <c r="Z3351" s="128"/>
      <c r="AA3351" s="128"/>
      <c r="AB3351" s="128"/>
      <c r="AC3351" s="128"/>
      <c r="AD3351" s="128"/>
      <c r="AE3351" s="128"/>
      <c r="AF3351" s="128"/>
      <c r="AG3351" s="128"/>
      <c r="AH3351" s="128"/>
      <c r="AI3351" s="128"/>
      <c r="AJ3351" s="128"/>
      <c r="AK3351" s="128"/>
      <c r="AL3351" s="128"/>
      <c r="AM3351" s="128"/>
      <c r="AN3351" s="128"/>
      <c r="AO3351" s="128"/>
      <c r="AP3351" s="128"/>
      <c r="AQ3351" s="128"/>
      <c r="AR3351" s="128"/>
      <c r="AS3351" s="128"/>
      <c r="AT3351" s="128"/>
      <c r="AU3351" s="128"/>
      <c r="AV3351" s="128"/>
      <c r="AW3351" s="128"/>
      <c r="AX3351" s="128"/>
      <c r="AY3351" s="128"/>
      <c r="AZ3351" s="128"/>
      <c r="BA3351" s="128"/>
      <c r="BB3351" s="107">
        <v>45884</v>
      </c>
    </row>
    <row r="3352" spans="1:54" s="8" customFormat="1" ht="13.95" customHeight="1" x14ac:dyDescent="0.25">
      <c r="A3352" s="219" t="s">
        <v>7564</v>
      </c>
      <c r="B3352" s="220" t="s">
        <v>6395</v>
      </c>
      <c r="C3352" s="98" t="s">
        <v>22169</v>
      </c>
      <c r="D3352" s="98" t="s">
        <v>20465</v>
      </c>
      <c r="E3352" s="141">
        <v>1970</v>
      </c>
      <c r="F3352" s="141">
        <v>1657</v>
      </c>
      <c r="G3352" s="98" t="s">
        <v>1</v>
      </c>
      <c r="H3352" s="98">
        <v>0</v>
      </c>
      <c r="I3352" s="98">
        <v>0</v>
      </c>
      <c r="J3352" s="98" t="s">
        <v>400</v>
      </c>
      <c r="K3352" s="98" t="s">
        <v>400</v>
      </c>
      <c r="L3352" s="98" t="s">
        <v>400</v>
      </c>
      <c r="M3352" s="98" t="s">
        <v>400</v>
      </c>
      <c r="N3352" s="98" t="s">
        <v>400</v>
      </c>
      <c r="O3352" s="98" t="s">
        <v>400</v>
      </c>
      <c r="P3352" s="98" t="s">
        <v>400</v>
      </c>
      <c r="Q3352" s="98" t="s">
        <v>400</v>
      </c>
      <c r="R3352" s="98" t="s">
        <v>400</v>
      </c>
      <c r="S3352" s="98" t="s">
        <v>400</v>
      </c>
      <c r="T3352" s="98" t="s">
        <v>400</v>
      </c>
      <c r="U3352" s="128"/>
      <c r="V3352" s="128"/>
      <c r="W3352" s="128"/>
      <c r="X3352" s="128"/>
      <c r="Y3352" s="128"/>
      <c r="Z3352" s="128"/>
      <c r="AA3352" s="128"/>
      <c r="AB3352" s="128"/>
      <c r="AC3352" s="128"/>
      <c r="AD3352" s="128"/>
      <c r="AE3352" s="128"/>
      <c r="AF3352" s="128"/>
      <c r="AG3352" s="128"/>
      <c r="AH3352" s="128"/>
      <c r="AI3352" s="128"/>
      <c r="AJ3352" s="128"/>
      <c r="AK3352" s="128"/>
      <c r="AL3352" s="128"/>
      <c r="AM3352" s="128"/>
      <c r="AN3352" s="128"/>
      <c r="AO3352" s="128"/>
      <c r="AP3352" s="128"/>
      <c r="AQ3352" s="128"/>
      <c r="AR3352" s="128"/>
      <c r="AS3352" s="128"/>
      <c r="AT3352" s="128"/>
      <c r="AU3352" s="128"/>
      <c r="AV3352" s="128"/>
      <c r="AW3352" s="128"/>
      <c r="AX3352" s="128"/>
      <c r="AY3352" s="128"/>
      <c r="AZ3352" s="128"/>
      <c r="BA3352" s="128"/>
      <c r="BB3352" s="107">
        <v>45884</v>
      </c>
    </row>
    <row r="3353" spans="1:54" s="8" customFormat="1" ht="13.95" customHeight="1" x14ac:dyDescent="0.25">
      <c r="A3353" s="219" t="s">
        <v>7565</v>
      </c>
      <c r="B3353" s="220" t="s">
        <v>6395</v>
      </c>
      <c r="C3353" s="98" t="s">
        <v>7566</v>
      </c>
      <c r="D3353" s="98" t="s">
        <v>21044</v>
      </c>
      <c r="E3353" s="141">
        <v>1976</v>
      </c>
      <c r="F3353" s="141">
        <v>1660</v>
      </c>
      <c r="G3353" s="98" t="s">
        <v>1</v>
      </c>
      <c r="H3353" s="98">
        <v>0</v>
      </c>
      <c r="I3353" s="98">
        <v>0</v>
      </c>
      <c r="J3353" s="98" t="s">
        <v>400</v>
      </c>
      <c r="K3353" s="98" t="s">
        <v>400</v>
      </c>
      <c r="L3353" s="98" t="s">
        <v>400</v>
      </c>
      <c r="M3353" s="98" t="s">
        <v>400</v>
      </c>
      <c r="N3353" s="98" t="s">
        <v>400</v>
      </c>
      <c r="O3353" s="98" t="s">
        <v>400</v>
      </c>
      <c r="P3353" s="98" t="s">
        <v>400</v>
      </c>
      <c r="Q3353" s="98" t="s">
        <v>400</v>
      </c>
      <c r="R3353" s="98" t="s">
        <v>400</v>
      </c>
      <c r="S3353" s="98" t="s">
        <v>400</v>
      </c>
      <c r="T3353" s="98" t="s">
        <v>400</v>
      </c>
      <c r="U3353" s="128"/>
      <c r="V3353" s="128"/>
      <c r="W3353" s="128"/>
      <c r="X3353" s="128"/>
      <c r="Y3353" s="128"/>
      <c r="Z3353" s="128"/>
      <c r="AA3353" s="128"/>
      <c r="AB3353" s="128"/>
      <c r="AC3353" s="128"/>
      <c r="AD3353" s="128"/>
      <c r="AE3353" s="128"/>
      <c r="AF3353" s="128"/>
      <c r="AG3353" s="128"/>
      <c r="AH3353" s="128"/>
      <c r="AI3353" s="128"/>
      <c r="AJ3353" s="128"/>
      <c r="AK3353" s="128"/>
      <c r="AL3353" s="128"/>
      <c r="AM3353" s="128"/>
      <c r="AN3353" s="128"/>
      <c r="AO3353" s="128"/>
      <c r="AP3353" s="128"/>
      <c r="AQ3353" s="128"/>
      <c r="AR3353" s="128"/>
      <c r="AS3353" s="128"/>
      <c r="AT3353" s="128"/>
      <c r="AU3353" s="128"/>
      <c r="AV3353" s="128"/>
      <c r="AW3353" s="128"/>
      <c r="AX3353" s="128"/>
      <c r="AY3353" s="128"/>
      <c r="AZ3353" s="128"/>
      <c r="BA3353" s="128"/>
      <c r="BB3353" s="107">
        <v>45884</v>
      </c>
    </row>
    <row r="3354" spans="1:54" s="8" customFormat="1" ht="13.95" customHeight="1" x14ac:dyDescent="0.25">
      <c r="A3354" s="219" t="s">
        <v>7567</v>
      </c>
      <c r="B3354" s="220" t="s">
        <v>6395</v>
      </c>
      <c r="C3354" s="98" t="s">
        <v>7568</v>
      </c>
      <c r="D3354" s="98" t="s">
        <v>21045</v>
      </c>
      <c r="E3354" s="141">
        <v>1996</v>
      </c>
      <c r="F3354" s="141">
        <v>1663</v>
      </c>
      <c r="G3354" s="98" t="s">
        <v>1</v>
      </c>
      <c r="H3354" s="98">
        <v>0</v>
      </c>
      <c r="I3354" s="98">
        <v>0</v>
      </c>
      <c r="J3354" s="98" t="s">
        <v>400</v>
      </c>
      <c r="K3354" s="98" t="s">
        <v>400</v>
      </c>
      <c r="L3354" s="98" t="s">
        <v>400</v>
      </c>
      <c r="M3354" s="98" t="s">
        <v>400</v>
      </c>
      <c r="N3354" s="98" t="s">
        <v>400</v>
      </c>
      <c r="O3354" s="98" t="s">
        <v>400</v>
      </c>
      <c r="P3354" s="98" t="s">
        <v>400</v>
      </c>
      <c r="Q3354" s="98" t="s">
        <v>400</v>
      </c>
      <c r="R3354" s="98" t="s">
        <v>400</v>
      </c>
      <c r="S3354" s="98" t="s">
        <v>400</v>
      </c>
      <c r="T3354" s="98" t="s">
        <v>400</v>
      </c>
      <c r="U3354" s="128"/>
      <c r="V3354" s="128"/>
      <c r="W3354" s="128"/>
      <c r="X3354" s="128"/>
      <c r="Y3354" s="128"/>
      <c r="Z3354" s="128"/>
      <c r="AA3354" s="128"/>
      <c r="AB3354" s="128"/>
      <c r="AC3354" s="128"/>
      <c r="AD3354" s="128"/>
      <c r="AE3354" s="128"/>
      <c r="AF3354" s="128"/>
      <c r="AG3354" s="128"/>
      <c r="AH3354" s="128"/>
      <c r="AI3354" s="128"/>
      <c r="AJ3354" s="128"/>
      <c r="AK3354" s="128"/>
      <c r="AL3354" s="128"/>
      <c r="AM3354" s="128"/>
      <c r="AN3354" s="128"/>
      <c r="AO3354" s="128"/>
      <c r="AP3354" s="128"/>
      <c r="AQ3354" s="128"/>
      <c r="AR3354" s="128"/>
      <c r="AS3354" s="128"/>
      <c r="AT3354" s="128"/>
      <c r="AU3354" s="128"/>
      <c r="AV3354" s="128"/>
      <c r="AW3354" s="128"/>
      <c r="AX3354" s="128"/>
      <c r="AY3354" s="128"/>
      <c r="AZ3354" s="128"/>
      <c r="BA3354" s="128"/>
      <c r="BB3354" s="107">
        <v>45884</v>
      </c>
    </row>
    <row r="3355" spans="1:54" s="8" customFormat="1" ht="13.95" customHeight="1" x14ac:dyDescent="0.25">
      <c r="A3355" s="219" t="s">
        <v>7569</v>
      </c>
      <c r="B3355" s="220" t="s">
        <v>6395</v>
      </c>
      <c r="C3355" s="98" t="s">
        <v>7570</v>
      </c>
      <c r="D3355" s="98" t="s">
        <v>21046</v>
      </c>
      <c r="E3355" s="141">
        <v>1957</v>
      </c>
      <c r="F3355" s="141">
        <v>1664</v>
      </c>
      <c r="G3355" s="98" t="s">
        <v>1</v>
      </c>
      <c r="H3355" s="98">
        <v>0</v>
      </c>
      <c r="I3355" s="98">
        <v>0</v>
      </c>
      <c r="J3355" s="98" t="s">
        <v>400</v>
      </c>
      <c r="K3355" s="98" t="s">
        <v>400</v>
      </c>
      <c r="L3355" s="98" t="s">
        <v>400</v>
      </c>
      <c r="M3355" s="98" t="s">
        <v>400</v>
      </c>
      <c r="N3355" s="98" t="s">
        <v>400</v>
      </c>
      <c r="O3355" s="98" t="s">
        <v>400</v>
      </c>
      <c r="P3355" s="98" t="s">
        <v>400</v>
      </c>
      <c r="Q3355" s="98" t="s">
        <v>400</v>
      </c>
      <c r="R3355" s="98" t="s">
        <v>400</v>
      </c>
      <c r="S3355" s="98" t="s">
        <v>400</v>
      </c>
      <c r="T3355" s="98" t="s">
        <v>400</v>
      </c>
      <c r="U3355" s="128"/>
      <c r="V3355" s="128"/>
      <c r="W3355" s="128"/>
      <c r="X3355" s="128"/>
      <c r="Y3355" s="128"/>
      <c r="Z3355" s="128"/>
      <c r="AA3355" s="128"/>
      <c r="AB3355" s="128"/>
      <c r="AC3355" s="128"/>
      <c r="AD3355" s="128"/>
      <c r="AE3355" s="128"/>
      <c r="AF3355" s="128"/>
      <c r="AG3355" s="128"/>
      <c r="AH3355" s="128"/>
      <c r="AI3355" s="128"/>
      <c r="AJ3355" s="128"/>
      <c r="AK3355" s="128"/>
      <c r="AL3355" s="128"/>
      <c r="AM3355" s="128"/>
      <c r="AN3355" s="128"/>
      <c r="AO3355" s="128"/>
      <c r="AP3355" s="128"/>
      <c r="AQ3355" s="128"/>
      <c r="AR3355" s="128"/>
      <c r="AS3355" s="128"/>
      <c r="AT3355" s="128"/>
      <c r="AU3355" s="128"/>
      <c r="AV3355" s="128"/>
      <c r="AW3355" s="128"/>
      <c r="AX3355" s="128"/>
      <c r="AY3355" s="128"/>
      <c r="AZ3355" s="128"/>
      <c r="BA3355" s="128"/>
      <c r="BB3355" s="107">
        <v>45884</v>
      </c>
    </row>
    <row r="3356" spans="1:54" s="8" customFormat="1" ht="13.95" customHeight="1" x14ac:dyDescent="0.25">
      <c r="A3356" s="219" t="s">
        <v>7571</v>
      </c>
      <c r="B3356" s="220" t="s">
        <v>6395</v>
      </c>
      <c r="C3356" s="98" t="s">
        <v>7572</v>
      </c>
      <c r="D3356" s="98" t="s">
        <v>21047</v>
      </c>
      <c r="E3356" s="141">
        <v>1957</v>
      </c>
      <c r="F3356" s="141">
        <v>1671</v>
      </c>
      <c r="G3356" s="98" t="s">
        <v>1</v>
      </c>
      <c r="H3356" s="98">
        <v>0</v>
      </c>
      <c r="I3356" s="98">
        <v>0</v>
      </c>
      <c r="J3356" s="98" t="s">
        <v>400</v>
      </c>
      <c r="K3356" s="98" t="s">
        <v>400</v>
      </c>
      <c r="L3356" s="98" t="s">
        <v>400</v>
      </c>
      <c r="M3356" s="98" t="s">
        <v>400</v>
      </c>
      <c r="N3356" s="98" t="s">
        <v>400</v>
      </c>
      <c r="O3356" s="98" t="s">
        <v>400</v>
      </c>
      <c r="P3356" s="98" t="s">
        <v>400</v>
      </c>
      <c r="Q3356" s="98" t="s">
        <v>400</v>
      </c>
      <c r="R3356" s="98" t="s">
        <v>400</v>
      </c>
      <c r="S3356" s="98" t="s">
        <v>400</v>
      </c>
      <c r="T3356" s="98" t="s">
        <v>400</v>
      </c>
      <c r="U3356" s="128"/>
      <c r="V3356" s="128"/>
      <c r="W3356" s="128"/>
      <c r="X3356" s="128"/>
      <c r="Y3356" s="128"/>
      <c r="Z3356" s="128"/>
      <c r="AA3356" s="128"/>
      <c r="AB3356" s="128"/>
      <c r="AC3356" s="128"/>
      <c r="AD3356" s="128"/>
      <c r="AE3356" s="128"/>
      <c r="AF3356" s="128"/>
      <c r="AG3356" s="128"/>
      <c r="AH3356" s="128"/>
      <c r="AI3356" s="128"/>
      <c r="AJ3356" s="128"/>
      <c r="AK3356" s="128"/>
      <c r="AL3356" s="128"/>
      <c r="AM3356" s="128"/>
      <c r="AN3356" s="128"/>
      <c r="AO3356" s="128"/>
      <c r="AP3356" s="128"/>
      <c r="AQ3356" s="128"/>
      <c r="AR3356" s="128"/>
      <c r="AS3356" s="128"/>
      <c r="AT3356" s="128"/>
      <c r="AU3356" s="128"/>
      <c r="AV3356" s="128"/>
      <c r="AW3356" s="128"/>
      <c r="AX3356" s="128"/>
      <c r="AY3356" s="128"/>
      <c r="AZ3356" s="128"/>
      <c r="BA3356" s="128"/>
      <c r="BB3356" s="107">
        <v>45884</v>
      </c>
    </row>
    <row r="3357" spans="1:54" s="8" customFormat="1" ht="13.95" customHeight="1" x14ac:dyDescent="0.25">
      <c r="A3357" s="219" t="s">
        <v>7573</v>
      </c>
      <c r="B3357" s="220" t="s">
        <v>6395</v>
      </c>
      <c r="C3357" s="98" t="s">
        <v>22170</v>
      </c>
      <c r="D3357" s="98" t="s">
        <v>21048</v>
      </c>
      <c r="E3357" s="141">
        <v>1985</v>
      </c>
      <c r="F3357" s="141">
        <v>1686</v>
      </c>
      <c r="G3357" s="98" t="s">
        <v>1</v>
      </c>
      <c r="H3357" s="98">
        <v>0</v>
      </c>
      <c r="I3357" s="98">
        <v>0</v>
      </c>
      <c r="J3357" s="98" t="s">
        <v>400</v>
      </c>
      <c r="K3357" s="98" t="s">
        <v>400</v>
      </c>
      <c r="L3357" s="98" t="s">
        <v>400</v>
      </c>
      <c r="M3357" s="98" t="s">
        <v>400</v>
      </c>
      <c r="N3357" s="98" t="s">
        <v>400</v>
      </c>
      <c r="O3357" s="98" t="s">
        <v>400</v>
      </c>
      <c r="P3357" s="98" t="s">
        <v>400</v>
      </c>
      <c r="Q3357" s="98" t="s">
        <v>400</v>
      </c>
      <c r="R3357" s="98" t="s">
        <v>400</v>
      </c>
      <c r="S3357" s="98" t="s">
        <v>400</v>
      </c>
      <c r="T3357" s="98" t="s">
        <v>400</v>
      </c>
      <c r="U3357" s="128"/>
      <c r="V3357" s="128"/>
      <c r="W3357" s="128"/>
      <c r="X3357" s="128"/>
      <c r="Y3357" s="128"/>
      <c r="Z3357" s="128"/>
      <c r="AA3357" s="128"/>
      <c r="AB3357" s="128"/>
      <c r="AC3357" s="128"/>
      <c r="AD3357" s="128"/>
      <c r="AE3357" s="128"/>
      <c r="AF3357" s="128"/>
      <c r="AG3357" s="128"/>
      <c r="AH3357" s="128"/>
      <c r="AI3357" s="128"/>
      <c r="AJ3357" s="128"/>
      <c r="AK3357" s="128"/>
      <c r="AL3357" s="128"/>
      <c r="AM3357" s="128"/>
      <c r="AN3357" s="128"/>
      <c r="AO3357" s="128"/>
      <c r="AP3357" s="128"/>
      <c r="AQ3357" s="128"/>
      <c r="AR3357" s="128"/>
      <c r="AS3357" s="128"/>
      <c r="AT3357" s="128"/>
      <c r="AU3357" s="128"/>
      <c r="AV3357" s="128"/>
      <c r="AW3357" s="128"/>
      <c r="AX3357" s="128"/>
      <c r="AY3357" s="128"/>
      <c r="AZ3357" s="128"/>
      <c r="BA3357" s="128"/>
      <c r="BB3357" s="107">
        <v>45884</v>
      </c>
    </row>
    <row r="3358" spans="1:54" s="8" customFormat="1" ht="13.95" customHeight="1" x14ac:dyDescent="0.25">
      <c r="A3358" s="219" t="s">
        <v>7574</v>
      </c>
      <c r="B3358" s="220" t="s">
        <v>6395</v>
      </c>
      <c r="C3358" s="98" t="s">
        <v>7575</v>
      </c>
      <c r="D3358" s="98" t="s">
        <v>21049</v>
      </c>
      <c r="E3358" s="141">
        <v>1986</v>
      </c>
      <c r="F3358" s="141">
        <v>1694</v>
      </c>
      <c r="G3358" s="98" t="s">
        <v>1</v>
      </c>
      <c r="H3358" s="98">
        <v>0</v>
      </c>
      <c r="I3358" s="98">
        <v>0</v>
      </c>
      <c r="J3358" s="98" t="s">
        <v>400</v>
      </c>
      <c r="K3358" s="98" t="s">
        <v>400</v>
      </c>
      <c r="L3358" s="98" t="s">
        <v>400</v>
      </c>
      <c r="M3358" s="98" t="s">
        <v>400</v>
      </c>
      <c r="N3358" s="98" t="s">
        <v>400</v>
      </c>
      <c r="O3358" s="98" t="s">
        <v>400</v>
      </c>
      <c r="P3358" s="98" t="s">
        <v>400</v>
      </c>
      <c r="Q3358" s="98" t="s">
        <v>400</v>
      </c>
      <c r="R3358" s="98" t="s">
        <v>400</v>
      </c>
      <c r="S3358" s="98" t="s">
        <v>400</v>
      </c>
      <c r="T3358" s="98" t="s">
        <v>400</v>
      </c>
      <c r="U3358" s="128"/>
      <c r="V3358" s="128"/>
      <c r="W3358" s="128"/>
      <c r="X3358" s="128"/>
      <c r="Y3358" s="128"/>
      <c r="Z3358" s="128"/>
      <c r="AA3358" s="128"/>
      <c r="AB3358" s="128"/>
      <c r="AC3358" s="128"/>
      <c r="AD3358" s="128"/>
      <c r="AE3358" s="128"/>
      <c r="AF3358" s="128"/>
      <c r="AG3358" s="128"/>
      <c r="AH3358" s="128"/>
      <c r="AI3358" s="128"/>
      <c r="AJ3358" s="128"/>
      <c r="AK3358" s="128"/>
      <c r="AL3358" s="128"/>
      <c r="AM3358" s="128"/>
      <c r="AN3358" s="128"/>
      <c r="AO3358" s="128"/>
      <c r="AP3358" s="128"/>
      <c r="AQ3358" s="128"/>
      <c r="AR3358" s="128"/>
      <c r="AS3358" s="128"/>
      <c r="AT3358" s="128"/>
      <c r="AU3358" s="128"/>
      <c r="AV3358" s="128"/>
      <c r="AW3358" s="128"/>
      <c r="AX3358" s="128"/>
      <c r="AY3358" s="128"/>
      <c r="AZ3358" s="128"/>
      <c r="BA3358" s="128"/>
      <c r="BB3358" s="107">
        <v>45884</v>
      </c>
    </row>
    <row r="3359" spans="1:54" s="8" customFormat="1" ht="13.95" customHeight="1" x14ac:dyDescent="0.25">
      <c r="A3359" s="219" t="s">
        <v>7576</v>
      </c>
      <c r="B3359" s="220" t="s">
        <v>6395</v>
      </c>
      <c r="C3359" s="98" t="s">
        <v>7577</v>
      </c>
      <c r="D3359" s="98" t="s">
        <v>21050</v>
      </c>
      <c r="E3359" s="141">
        <v>1957</v>
      </c>
      <c r="F3359" s="141">
        <v>1702</v>
      </c>
      <c r="G3359" s="98" t="s">
        <v>1</v>
      </c>
      <c r="H3359" s="98">
        <v>0</v>
      </c>
      <c r="I3359" s="98">
        <v>0</v>
      </c>
      <c r="J3359" s="98" t="s">
        <v>400</v>
      </c>
      <c r="K3359" s="98" t="s">
        <v>400</v>
      </c>
      <c r="L3359" s="98" t="s">
        <v>400</v>
      </c>
      <c r="M3359" s="98" t="s">
        <v>400</v>
      </c>
      <c r="N3359" s="98" t="s">
        <v>400</v>
      </c>
      <c r="O3359" s="98" t="s">
        <v>400</v>
      </c>
      <c r="P3359" s="98" t="s">
        <v>400</v>
      </c>
      <c r="Q3359" s="98" t="s">
        <v>400</v>
      </c>
      <c r="R3359" s="98" t="s">
        <v>400</v>
      </c>
      <c r="S3359" s="98" t="s">
        <v>400</v>
      </c>
      <c r="T3359" s="98" t="s">
        <v>400</v>
      </c>
      <c r="U3359" s="128"/>
      <c r="V3359" s="128"/>
      <c r="W3359" s="128"/>
      <c r="X3359" s="128"/>
      <c r="Y3359" s="128"/>
      <c r="Z3359" s="128"/>
      <c r="AA3359" s="128"/>
      <c r="AB3359" s="128"/>
      <c r="AC3359" s="128"/>
      <c r="AD3359" s="128"/>
      <c r="AE3359" s="128"/>
      <c r="AF3359" s="128"/>
      <c r="AG3359" s="128"/>
      <c r="AH3359" s="128"/>
      <c r="AI3359" s="128"/>
      <c r="AJ3359" s="128"/>
      <c r="AK3359" s="128"/>
      <c r="AL3359" s="128"/>
      <c r="AM3359" s="128"/>
      <c r="AN3359" s="128"/>
      <c r="AO3359" s="128"/>
      <c r="AP3359" s="128"/>
      <c r="AQ3359" s="128"/>
      <c r="AR3359" s="128"/>
      <c r="AS3359" s="128"/>
      <c r="AT3359" s="128"/>
      <c r="AU3359" s="128"/>
      <c r="AV3359" s="128"/>
      <c r="AW3359" s="128"/>
      <c r="AX3359" s="128"/>
      <c r="AY3359" s="128"/>
      <c r="AZ3359" s="128"/>
      <c r="BA3359" s="128"/>
      <c r="BB3359" s="107">
        <v>45884</v>
      </c>
    </row>
    <row r="3360" spans="1:54" s="8" customFormat="1" ht="13.95" customHeight="1" x14ac:dyDescent="0.25">
      <c r="A3360" s="219" t="s">
        <v>7578</v>
      </c>
      <c r="B3360" s="220" t="s">
        <v>6395</v>
      </c>
      <c r="C3360" s="98" t="s">
        <v>7579</v>
      </c>
      <c r="D3360" s="98" t="s">
        <v>21051</v>
      </c>
      <c r="E3360" s="141">
        <v>1957</v>
      </c>
      <c r="F3360" s="141">
        <v>1713</v>
      </c>
      <c r="G3360" s="98" t="s">
        <v>1</v>
      </c>
      <c r="H3360" s="98">
        <v>0</v>
      </c>
      <c r="I3360" s="98">
        <v>0</v>
      </c>
      <c r="J3360" s="98" t="s">
        <v>400</v>
      </c>
      <c r="K3360" s="98" t="s">
        <v>400</v>
      </c>
      <c r="L3360" s="98" t="s">
        <v>400</v>
      </c>
      <c r="M3360" s="98" t="s">
        <v>400</v>
      </c>
      <c r="N3360" s="98" t="s">
        <v>400</v>
      </c>
      <c r="O3360" s="98" t="s">
        <v>400</v>
      </c>
      <c r="P3360" s="98" t="s">
        <v>400</v>
      </c>
      <c r="Q3360" s="98" t="s">
        <v>400</v>
      </c>
      <c r="R3360" s="98" t="s">
        <v>400</v>
      </c>
      <c r="S3360" s="98" t="s">
        <v>400</v>
      </c>
      <c r="T3360" s="98" t="s">
        <v>400</v>
      </c>
      <c r="U3360" s="128"/>
      <c r="V3360" s="128"/>
      <c r="W3360" s="128"/>
      <c r="X3360" s="128"/>
      <c r="Y3360" s="128"/>
      <c r="Z3360" s="128"/>
      <c r="AA3360" s="128"/>
      <c r="AB3360" s="128"/>
      <c r="AC3360" s="128"/>
      <c r="AD3360" s="128"/>
      <c r="AE3360" s="128"/>
      <c r="AF3360" s="128"/>
      <c r="AG3360" s="128"/>
      <c r="AH3360" s="128"/>
      <c r="AI3360" s="128"/>
      <c r="AJ3360" s="128"/>
      <c r="AK3360" s="128"/>
      <c r="AL3360" s="128"/>
      <c r="AM3360" s="128"/>
      <c r="AN3360" s="128"/>
      <c r="AO3360" s="128"/>
      <c r="AP3360" s="128"/>
      <c r="AQ3360" s="128"/>
      <c r="AR3360" s="128"/>
      <c r="AS3360" s="128"/>
      <c r="AT3360" s="128"/>
      <c r="AU3360" s="128"/>
      <c r="AV3360" s="128"/>
      <c r="AW3360" s="128"/>
      <c r="AX3360" s="128"/>
      <c r="AY3360" s="128"/>
      <c r="AZ3360" s="128"/>
      <c r="BA3360" s="128"/>
      <c r="BB3360" s="107">
        <v>45884</v>
      </c>
    </row>
    <row r="3361" spans="1:54" s="8" customFormat="1" ht="13.95" customHeight="1" x14ac:dyDescent="0.25">
      <c r="A3361" s="219" t="s">
        <v>7580</v>
      </c>
      <c r="B3361" s="220" t="s">
        <v>6395</v>
      </c>
      <c r="C3361" s="98" t="s">
        <v>7581</v>
      </c>
      <c r="D3361" s="98" t="s">
        <v>20466</v>
      </c>
      <c r="E3361" s="141">
        <v>2007</v>
      </c>
      <c r="F3361" s="141">
        <v>1714</v>
      </c>
      <c r="G3361" s="98" t="s">
        <v>1</v>
      </c>
      <c r="H3361" s="98">
        <v>0</v>
      </c>
      <c r="I3361" s="98">
        <v>0</v>
      </c>
      <c r="J3361" s="98" t="s">
        <v>400</v>
      </c>
      <c r="K3361" s="98" t="s">
        <v>400</v>
      </c>
      <c r="L3361" s="98" t="s">
        <v>400</v>
      </c>
      <c r="M3361" s="98" t="s">
        <v>400</v>
      </c>
      <c r="N3361" s="98" t="s">
        <v>400</v>
      </c>
      <c r="O3361" s="98" t="s">
        <v>400</v>
      </c>
      <c r="P3361" s="98" t="s">
        <v>400</v>
      </c>
      <c r="Q3361" s="98" t="s">
        <v>400</v>
      </c>
      <c r="R3361" s="98" t="s">
        <v>400</v>
      </c>
      <c r="S3361" s="98" t="s">
        <v>400</v>
      </c>
      <c r="T3361" s="98" t="s">
        <v>400</v>
      </c>
      <c r="U3361" s="128"/>
      <c r="V3361" s="128"/>
      <c r="W3361" s="128"/>
      <c r="X3361" s="128"/>
      <c r="Y3361" s="128"/>
      <c r="Z3361" s="128"/>
      <c r="AA3361" s="128"/>
      <c r="AB3361" s="128"/>
      <c r="AC3361" s="128"/>
      <c r="AD3361" s="128"/>
      <c r="AE3361" s="128"/>
      <c r="AF3361" s="128"/>
      <c r="AG3361" s="128"/>
      <c r="AH3361" s="128"/>
      <c r="AI3361" s="128"/>
      <c r="AJ3361" s="128"/>
      <c r="AK3361" s="128"/>
      <c r="AL3361" s="128"/>
      <c r="AM3361" s="128"/>
      <c r="AN3361" s="128"/>
      <c r="AO3361" s="128"/>
      <c r="AP3361" s="128"/>
      <c r="AQ3361" s="128"/>
      <c r="AR3361" s="128"/>
      <c r="AS3361" s="128"/>
      <c r="AT3361" s="128"/>
      <c r="AU3361" s="128"/>
      <c r="AV3361" s="128"/>
      <c r="AW3361" s="128"/>
      <c r="AX3361" s="128"/>
      <c r="AY3361" s="128"/>
      <c r="AZ3361" s="128"/>
      <c r="BA3361" s="128"/>
      <c r="BB3361" s="107">
        <v>45884</v>
      </c>
    </row>
    <row r="3362" spans="1:54" s="8" customFormat="1" ht="13.95" customHeight="1" x14ac:dyDescent="0.25">
      <c r="A3362" s="219" t="s">
        <v>7582</v>
      </c>
      <c r="B3362" s="220" t="s">
        <v>6395</v>
      </c>
      <c r="C3362" s="98" t="s">
        <v>7583</v>
      </c>
      <c r="D3362" s="98" t="s">
        <v>21052</v>
      </c>
      <c r="E3362" s="141">
        <v>1977</v>
      </c>
      <c r="F3362" s="141">
        <v>1726</v>
      </c>
      <c r="G3362" s="98" t="s">
        <v>1</v>
      </c>
      <c r="H3362" s="98">
        <v>0</v>
      </c>
      <c r="I3362" s="98">
        <v>0</v>
      </c>
      <c r="J3362" s="98" t="s">
        <v>400</v>
      </c>
      <c r="K3362" s="98" t="s">
        <v>400</v>
      </c>
      <c r="L3362" s="98" t="s">
        <v>400</v>
      </c>
      <c r="M3362" s="98" t="s">
        <v>400</v>
      </c>
      <c r="N3362" s="98" t="s">
        <v>400</v>
      </c>
      <c r="O3362" s="98" t="s">
        <v>400</v>
      </c>
      <c r="P3362" s="98" t="s">
        <v>400</v>
      </c>
      <c r="Q3362" s="98" t="s">
        <v>400</v>
      </c>
      <c r="R3362" s="98" t="s">
        <v>400</v>
      </c>
      <c r="S3362" s="98" t="s">
        <v>400</v>
      </c>
      <c r="T3362" s="98" t="s">
        <v>400</v>
      </c>
      <c r="U3362" s="128"/>
      <c r="V3362" s="128"/>
      <c r="W3362" s="128"/>
      <c r="X3362" s="128"/>
      <c r="Y3362" s="128"/>
      <c r="Z3362" s="128"/>
      <c r="AA3362" s="128"/>
      <c r="AB3362" s="128"/>
      <c r="AC3362" s="128"/>
      <c r="AD3362" s="128"/>
      <c r="AE3362" s="128"/>
      <c r="AF3362" s="128"/>
      <c r="AG3362" s="128"/>
      <c r="AH3362" s="128"/>
      <c r="AI3362" s="128"/>
      <c r="AJ3362" s="128"/>
      <c r="AK3362" s="128"/>
      <c r="AL3362" s="128"/>
      <c r="AM3362" s="128"/>
      <c r="AN3362" s="128"/>
      <c r="AO3362" s="128"/>
      <c r="AP3362" s="128"/>
      <c r="AQ3362" s="128"/>
      <c r="AR3362" s="128"/>
      <c r="AS3362" s="128"/>
      <c r="AT3362" s="128"/>
      <c r="AU3362" s="128"/>
      <c r="AV3362" s="128"/>
      <c r="AW3362" s="128"/>
      <c r="AX3362" s="128"/>
      <c r="AY3362" s="128"/>
      <c r="AZ3362" s="128"/>
      <c r="BA3362" s="128"/>
      <c r="BB3362" s="107">
        <v>45884</v>
      </c>
    </row>
    <row r="3363" spans="1:54" s="8" customFormat="1" ht="13.95" customHeight="1" x14ac:dyDescent="0.25">
      <c r="A3363" s="219" t="s">
        <v>7584</v>
      </c>
      <c r="B3363" s="220" t="s">
        <v>6395</v>
      </c>
      <c r="C3363" s="98" t="s">
        <v>22171</v>
      </c>
      <c r="D3363" s="98" t="s">
        <v>20467</v>
      </c>
      <c r="E3363" s="141">
        <v>1969</v>
      </c>
      <c r="F3363" s="141">
        <v>1739</v>
      </c>
      <c r="G3363" s="98" t="s">
        <v>1</v>
      </c>
      <c r="H3363" s="98">
        <v>1</v>
      </c>
      <c r="I3363" s="98">
        <v>0</v>
      </c>
      <c r="J3363" s="98" t="s">
        <v>400</v>
      </c>
      <c r="K3363" s="98" t="s">
        <v>400</v>
      </c>
      <c r="L3363" s="98" t="s">
        <v>400</v>
      </c>
      <c r="M3363" s="98" t="s">
        <v>400</v>
      </c>
      <c r="N3363" s="98" t="s">
        <v>400</v>
      </c>
      <c r="O3363" s="98" t="s">
        <v>400</v>
      </c>
      <c r="P3363" s="98" t="s">
        <v>400</v>
      </c>
      <c r="Q3363" s="98" t="s">
        <v>400</v>
      </c>
      <c r="R3363" s="98" t="s">
        <v>400</v>
      </c>
      <c r="S3363" s="98" t="s">
        <v>400</v>
      </c>
      <c r="T3363" s="98" t="s">
        <v>400</v>
      </c>
      <c r="U3363" s="128"/>
      <c r="V3363" s="128"/>
      <c r="W3363" s="128"/>
      <c r="X3363" s="128"/>
      <c r="Y3363" s="128"/>
      <c r="Z3363" s="128"/>
      <c r="AA3363" s="128"/>
      <c r="AB3363" s="128"/>
      <c r="AC3363" s="128"/>
      <c r="AD3363" s="128"/>
      <c r="AE3363" s="128"/>
      <c r="AF3363" s="128"/>
      <c r="AG3363" s="128"/>
      <c r="AH3363" s="128"/>
      <c r="AI3363" s="128"/>
      <c r="AJ3363" s="128"/>
      <c r="AK3363" s="128"/>
      <c r="AL3363" s="128"/>
      <c r="AM3363" s="128"/>
      <c r="AN3363" s="128"/>
      <c r="AO3363" s="128"/>
      <c r="AP3363" s="128"/>
      <c r="AQ3363" s="128"/>
      <c r="AR3363" s="128"/>
      <c r="AS3363" s="128"/>
      <c r="AT3363" s="128"/>
      <c r="AU3363" s="128"/>
      <c r="AV3363" s="128"/>
      <c r="AW3363" s="128"/>
      <c r="AX3363" s="128"/>
      <c r="AY3363" s="128"/>
      <c r="AZ3363" s="128"/>
      <c r="BA3363" s="128"/>
      <c r="BB3363" s="107">
        <v>45884</v>
      </c>
    </row>
    <row r="3364" spans="1:54" s="8" customFormat="1" ht="13.95" customHeight="1" x14ac:dyDescent="0.25">
      <c r="A3364" s="219" t="s">
        <v>7585</v>
      </c>
      <c r="B3364" s="220" t="s">
        <v>6395</v>
      </c>
      <c r="C3364" s="98" t="s">
        <v>22172</v>
      </c>
      <c r="D3364" s="98" t="s">
        <v>21053</v>
      </c>
      <c r="E3364" s="141">
        <v>1976</v>
      </c>
      <c r="F3364" s="141">
        <v>1745</v>
      </c>
      <c r="G3364" s="98" t="s">
        <v>1</v>
      </c>
      <c r="H3364" s="98">
        <v>0</v>
      </c>
      <c r="I3364" s="98">
        <v>0</v>
      </c>
      <c r="J3364" s="98" t="s">
        <v>400</v>
      </c>
      <c r="K3364" s="98" t="s">
        <v>400</v>
      </c>
      <c r="L3364" s="98" t="s">
        <v>400</v>
      </c>
      <c r="M3364" s="98" t="s">
        <v>400</v>
      </c>
      <c r="N3364" s="98" t="s">
        <v>400</v>
      </c>
      <c r="O3364" s="98" t="s">
        <v>400</v>
      </c>
      <c r="P3364" s="98" t="s">
        <v>400</v>
      </c>
      <c r="Q3364" s="98" t="s">
        <v>400</v>
      </c>
      <c r="R3364" s="98" t="s">
        <v>400</v>
      </c>
      <c r="S3364" s="98" t="s">
        <v>400</v>
      </c>
      <c r="T3364" s="98" t="s">
        <v>400</v>
      </c>
      <c r="U3364" s="128"/>
      <c r="V3364" s="128"/>
      <c r="W3364" s="128"/>
      <c r="X3364" s="128"/>
      <c r="Y3364" s="128"/>
      <c r="Z3364" s="128"/>
      <c r="AA3364" s="128"/>
      <c r="AB3364" s="128"/>
      <c r="AC3364" s="128"/>
      <c r="AD3364" s="128"/>
      <c r="AE3364" s="128"/>
      <c r="AF3364" s="128"/>
      <c r="AG3364" s="128"/>
      <c r="AH3364" s="128"/>
      <c r="AI3364" s="128"/>
      <c r="AJ3364" s="128"/>
      <c r="AK3364" s="128"/>
      <c r="AL3364" s="128"/>
      <c r="AM3364" s="128"/>
      <c r="AN3364" s="128"/>
      <c r="AO3364" s="128"/>
      <c r="AP3364" s="128"/>
      <c r="AQ3364" s="128"/>
      <c r="AR3364" s="128"/>
      <c r="AS3364" s="128"/>
      <c r="AT3364" s="128"/>
      <c r="AU3364" s="128"/>
      <c r="AV3364" s="128"/>
      <c r="AW3364" s="128"/>
      <c r="AX3364" s="128"/>
      <c r="AY3364" s="128"/>
      <c r="AZ3364" s="128"/>
      <c r="BA3364" s="128"/>
      <c r="BB3364" s="107">
        <v>45884</v>
      </c>
    </row>
    <row r="3365" spans="1:54" s="8" customFormat="1" ht="13.95" customHeight="1" x14ac:dyDescent="0.25">
      <c r="A3365" s="219" t="s">
        <v>7586</v>
      </c>
      <c r="B3365" s="220" t="s">
        <v>6395</v>
      </c>
      <c r="C3365" s="98" t="s">
        <v>7587</v>
      </c>
      <c r="D3365" s="98" t="s">
        <v>21054</v>
      </c>
      <c r="E3365" s="141">
        <v>1959</v>
      </c>
      <c r="F3365" s="141">
        <v>1749</v>
      </c>
      <c r="G3365" s="98" t="s">
        <v>1</v>
      </c>
      <c r="H3365" s="98">
        <v>0</v>
      </c>
      <c r="I3365" s="98">
        <v>0</v>
      </c>
      <c r="J3365" s="98" t="s">
        <v>400</v>
      </c>
      <c r="K3365" s="98" t="s">
        <v>400</v>
      </c>
      <c r="L3365" s="98" t="s">
        <v>400</v>
      </c>
      <c r="M3365" s="98" t="s">
        <v>400</v>
      </c>
      <c r="N3365" s="98" t="s">
        <v>400</v>
      </c>
      <c r="O3365" s="98" t="s">
        <v>400</v>
      </c>
      <c r="P3365" s="98" t="s">
        <v>400</v>
      </c>
      <c r="Q3365" s="98" t="s">
        <v>400</v>
      </c>
      <c r="R3365" s="98" t="s">
        <v>400</v>
      </c>
      <c r="S3365" s="98" t="s">
        <v>400</v>
      </c>
      <c r="T3365" s="98" t="s">
        <v>400</v>
      </c>
      <c r="U3365" s="128"/>
      <c r="V3365" s="128"/>
      <c r="W3365" s="128"/>
      <c r="X3365" s="128"/>
      <c r="Y3365" s="128"/>
      <c r="Z3365" s="128"/>
      <c r="AA3365" s="128"/>
      <c r="AB3365" s="128"/>
      <c r="AC3365" s="128"/>
      <c r="AD3365" s="128"/>
      <c r="AE3365" s="128"/>
      <c r="AF3365" s="128"/>
      <c r="AG3365" s="128"/>
      <c r="AH3365" s="128"/>
      <c r="AI3365" s="128"/>
      <c r="AJ3365" s="128"/>
      <c r="AK3365" s="128"/>
      <c r="AL3365" s="128"/>
      <c r="AM3365" s="128"/>
      <c r="AN3365" s="128"/>
      <c r="AO3365" s="128"/>
      <c r="AP3365" s="128"/>
      <c r="AQ3365" s="128"/>
      <c r="AR3365" s="128"/>
      <c r="AS3365" s="128"/>
      <c r="AT3365" s="128"/>
      <c r="AU3365" s="128"/>
      <c r="AV3365" s="128"/>
      <c r="AW3365" s="128"/>
      <c r="AX3365" s="128"/>
      <c r="AY3365" s="128"/>
      <c r="AZ3365" s="128"/>
      <c r="BA3365" s="128"/>
      <c r="BB3365" s="107">
        <v>45884</v>
      </c>
    </row>
    <row r="3366" spans="1:54" s="8" customFormat="1" ht="13.95" customHeight="1" x14ac:dyDescent="0.25">
      <c r="A3366" s="219" t="s">
        <v>7588</v>
      </c>
      <c r="B3366" s="220" t="s">
        <v>6395</v>
      </c>
      <c r="C3366" s="98" t="s">
        <v>7589</v>
      </c>
      <c r="D3366" s="98" t="s">
        <v>20468</v>
      </c>
      <c r="E3366" s="141">
        <v>1984</v>
      </c>
      <c r="F3366" s="141">
        <v>1757</v>
      </c>
      <c r="G3366" s="98" t="s">
        <v>1</v>
      </c>
      <c r="H3366" s="98">
        <v>0</v>
      </c>
      <c r="I3366" s="98">
        <v>0</v>
      </c>
      <c r="J3366" s="98" t="s">
        <v>400</v>
      </c>
      <c r="K3366" s="98" t="s">
        <v>400</v>
      </c>
      <c r="L3366" s="98" t="s">
        <v>400</v>
      </c>
      <c r="M3366" s="98" t="s">
        <v>400</v>
      </c>
      <c r="N3366" s="98" t="s">
        <v>400</v>
      </c>
      <c r="O3366" s="98" t="s">
        <v>400</v>
      </c>
      <c r="P3366" s="98" t="s">
        <v>400</v>
      </c>
      <c r="Q3366" s="98" t="s">
        <v>400</v>
      </c>
      <c r="R3366" s="98" t="s">
        <v>400</v>
      </c>
      <c r="S3366" s="98" t="s">
        <v>400</v>
      </c>
      <c r="T3366" s="98" t="s">
        <v>400</v>
      </c>
      <c r="U3366" s="128"/>
      <c r="V3366" s="128"/>
      <c r="W3366" s="128"/>
      <c r="X3366" s="128"/>
      <c r="Y3366" s="128"/>
      <c r="Z3366" s="128"/>
      <c r="AA3366" s="128"/>
      <c r="AB3366" s="128"/>
      <c r="AC3366" s="128"/>
      <c r="AD3366" s="128"/>
      <c r="AE3366" s="128"/>
      <c r="AF3366" s="128"/>
      <c r="AG3366" s="128"/>
      <c r="AH3366" s="128"/>
      <c r="AI3366" s="128"/>
      <c r="AJ3366" s="128"/>
      <c r="AK3366" s="128"/>
      <c r="AL3366" s="128"/>
      <c r="AM3366" s="128"/>
      <c r="AN3366" s="128"/>
      <c r="AO3366" s="128"/>
      <c r="AP3366" s="128"/>
      <c r="AQ3366" s="128"/>
      <c r="AR3366" s="128"/>
      <c r="AS3366" s="128"/>
      <c r="AT3366" s="128"/>
      <c r="AU3366" s="128"/>
      <c r="AV3366" s="128"/>
      <c r="AW3366" s="128"/>
      <c r="AX3366" s="128"/>
      <c r="AY3366" s="128"/>
      <c r="AZ3366" s="128"/>
      <c r="BA3366" s="128"/>
      <c r="BB3366" s="107">
        <v>45884</v>
      </c>
    </row>
    <row r="3367" spans="1:54" s="8" customFormat="1" ht="13.95" customHeight="1" x14ac:dyDescent="0.25">
      <c r="A3367" s="219" t="s">
        <v>7590</v>
      </c>
      <c r="B3367" s="220" t="s">
        <v>6395</v>
      </c>
      <c r="C3367" s="98" t="s">
        <v>7591</v>
      </c>
      <c r="D3367" s="98" t="s">
        <v>21055</v>
      </c>
      <c r="E3367" s="141">
        <v>1974</v>
      </c>
      <c r="F3367" s="141">
        <v>1759</v>
      </c>
      <c r="G3367" s="98" t="s">
        <v>1</v>
      </c>
      <c r="H3367" s="98">
        <v>0</v>
      </c>
      <c r="I3367" s="98">
        <v>0</v>
      </c>
      <c r="J3367" s="98" t="s">
        <v>400</v>
      </c>
      <c r="K3367" s="98" t="s">
        <v>400</v>
      </c>
      <c r="L3367" s="98" t="s">
        <v>400</v>
      </c>
      <c r="M3367" s="98" t="s">
        <v>400</v>
      </c>
      <c r="N3367" s="98" t="s">
        <v>400</v>
      </c>
      <c r="O3367" s="98" t="s">
        <v>400</v>
      </c>
      <c r="P3367" s="98" t="s">
        <v>400</v>
      </c>
      <c r="Q3367" s="98" t="s">
        <v>400</v>
      </c>
      <c r="R3367" s="98" t="s">
        <v>400</v>
      </c>
      <c r="S3367" s="98" t="s">
        <v>400</v>
      </c>
      <c r="T3367" s="98" t="s">
        <v>400</v>
      </c>
      <c r="U3367" s="128"/>
      <c r="V3367" s="128"/>
      <c r="W3367" s="128"/>
      <c r="X3367" s="128"/>
      <c r="Y3367" s="128"/>
      <c r="Z3367" s="128"/>
      <c r="AA3367" s="128"/>
      <c r="AB3367" s="128"/>
      <c r="AC3367" s="128"/>
      <c r="AD3367" s="128"/>
      <c r="AE3367" s="128"/>
      <c r="AF3367" s="128"/>
      <c r="AG3367" s="128"/>
      <c r="AH3367" s="128"/>
      <c r="AI3367" s="128"/>
      <c r="AJ3367" s="128"/>
      <c r="AK3367" s="128"/>
      <c r="AL3367" s="128"/>
      <c r="AM3367" s="128"/>
      <c r="AN3367" s="128"/>
      <c r="AO3367" s="128"/>
      <c r="AP3367" s="128"/>
      <c r="AQ3367" s="128"/>
      <c r="AR3367" s="128"/>
      <c r="AS3367" s="128"/>
      <c r="AT3367" s="128"/>
      <c r="AU3367" s="128"/>
      <c r="AV3367" s="128"/>
      <c r="AW3367" s="128"/>
      <c r="AX3367" s="128"/>
      <c r="AY3367" s="128"/>
      <c r="AZ3367" s="128"/>
      <c r="BA3367" s="128"/>
      <c r="BB3367" s="107">
        <v>45884</v>
      </c>
    </row>
    <row r="3368" spans="1:54" s="8" customFormat="1" ht="13.95" customHeight="1" x14ac:dyDescent="0.25">
      <c r="A3368" s="219" t="s">
        <v>7592</v>
      </c>
      <c r="B3368" s="220" t="s">
        <v>6395</v>
      </c>
      <c r="C3368" s="98" t="s">
        <v>7593</v>
      </c>
      <c r="D3368" s="98" t="s">
        <v>21056</v>
      </c>
      <c r="E3368" s="141">
        <v>1982</v>
      </c>
      <c r="F3368" s="141">
        <v>1762</v>
      </c>
      <c r="G3368" s="98" t="s">
        <v>1</v>
      </c>
      <c r="H3368" s="98">
        <v>1</v>
      </c>
      <c r="I3368" s="98">
        <v>0</v>
      </c>
      <c r="J3368" s="98" t="s">
        <v>400</v>
      </c>
      <c r="K3368" s="98" t="s">
        <v>400</v>
      </c>
      <c r="L3368" s="98" t="s">
        <v>400</v>
      </c>
      <c r="M3368" s="98" t="s">
        <v>400</v>
      </c>
      <c r="N3368" s="98" t="s">
        <v>400</v>
      </c>
      <c r="O3368" s="98" t="s">
        <v>400</v>
      </c>
      <c r="P3368" s="98" t="s">
        <v>400</v>
      </c>
      <c r="Q3368" s="98" t="s">
        <v>400</v>
      </c>
      <c r="R3368" s="98" t="s">
        <v>400</v>
      </c>
      <c r="S3368" s="98" t="s">
        <v>400</v>
      </c>
      <c r="T3368" s="98" t="s">
        <v>400</v>
      </c>
      <c r="U3368" s="128"/>
      <c r="V3368" s="128"/>
      <c r="W3368" s="128"/>
      <c r="X3368" s="128"/>
      <c r="Y3368" s="128"/>
      <c r="Z3368" s="128"/>
      <c r="AA3368" s="128"/>
      <c r="AB3368" s="128"/>
      <c r="AC3368" s="128"/>
      <c r="AD3368" s="128"/>
      <c r="AE3368" s="128"/>
      <c r="AF3368" s="128"/>
      <c r="AG3368" s="128"/>
      <c r="AH3368" s="128"/>
      <c r="AI3368" s="128"/>
      <c r="AJ3368" s="128"/>
      <c r="AK3368" s="128"/>
      <c r="AL3368" s="128"/>
      <c r="AM3368" s="128"/>
      <c r="AN3368" s="128"/>
      <c r="AO3368" s="128"/>
      <c r="AP3368" s="128"/>
      <c r="AQ3368" s="128"/>
      <c r="AR3368" s="128"/>
      <c r="AS3368" s="128"/>
      <c r="AT3368" s="128"/>
      <c r="AU3368" s="128"/>
      <c r="AV3368" s="128"/>
      <c r="AW3368" s="128"/>
      <c r="AX3368" s="128"/>
      <c r="AY3368" s="128"/>
      <c r="AZ3368" s="128"/>
      <c r="BA3368" s="128"/>
      <c r="BB3368" s="107">
        <v>45884</v>
      </c>
    </row>
    <row r="3369" spans="1:54" s="8" customFormat="1" ht="13.95" customHeight="1" x14ac:dyDescent="0.25">
      <c r="A3369" s="219" t="s">
        <v>7594</v>
      </c>
      <c r="B3369" s="220" t="s">
        <v>6395</v>
      </c>
      <c r="C3369" s="98" t="s">
        <v>7595</v>
      </c>
      <c r="D3369" s="98" t="s">
        <v>21057</v>
      </c>
      <c r="E3369" s="141">
        <v>1971</v>
      </c>
      <c r="F3369" s="141">
        <v>1763</v>
      </c>
      <c r="G3369" s="98" t="s">
        <v>11</v>
      </c>
      <c r="H3369" s="98">
        <v>0</v>
      </c>
      <c r="I3369" s="98">
        <v>0</v>
      </c>
      <c r="J3369" s="98" t="s">
        <v>400</v>
      </c>
      <c r="K3369" s="98" t="s">
        <v>400</v>
      </c>
      <c r="L3369" s="98" t="s">
        <v>400</v>
      </c>
      <c r="M3369" s="98" t="s">
        <v>400</v>
      </c>
      <c r="N3369" s="98" t="s">
        <v>400</v>
      </c>
      <c r="O3369" s="98" t="s">
        <v>400</v>
      </c>
      <c r="P3369" s="98" t="s">
        <v>400</v>
      </c>
      <c r="Q3369" s="98" t="s">
        <v>400</v>
      </c>
      <c r="R3369" s="98" t="s">
        <v>400</v>
      </c>
      <c r="S3369" s="98" t="s">
        <v>400</v>
      </c>
      <c r="T3369" s="98" t="s">
        <v>400</v>
      </c>
      <c r="U3369" s="98">
        <v>0</v>
      </c>
      <c r="V3369" s="98">
        <v>0</v>
      </c>
      <c r="W3369" s="98" t="s">
        <v>400</v>
      </c>
      <c r="X3369" s="98">
        <v>0</v>
      </c>
      <c r="Y3369" s="98">
        <v>0</v>
      </c>
      <c r="Z3369" s="98">
        <v>0</v>
      </c>
      <c r="AA3369" s="98" t="s">
        <v>400</v>
      </c>
      <c r="AB3369" s="98">
        <v>0</v>
      </c>
      <c r="AC3369" s="98">
        <v>0</v>
      </c>
      <c r="AD3369" s="98">
        <v>0</v>
      </c>
      <c r="AE3369" s="98">
        <v>0</v>
      </c>
      <c r="AF3369" s="98">
        <v>0</v>
      </c>
      <c r="AG3369" s="98">
        <v>0</v>
      </c>
      <c r="AH3369" s="98">
        <v>0</v>
      </c>
      <c r="AI3369" s="98">
        <v>0</v>
      </c>
      <c r="AJ3369" s="98">
        <v>0</v>
      </c>
      <c r="AK3369" s="98">
        <v>0</v>
      </c>
      <c r="AL3369" s="98">
        <v>0</v>
      </c>
      <c r="AM3369" s="98">
        <v>0</v>
      </c>
      <c r="AN3369" s="98">
        <v>0</v>
      </c>
      <c r="AO3369" s="98">
        <v>0</v>
      </c>
      <c r="AP3369" s="98">
        <v>0</v>
      </c>
      <c r="AQ3369" s="98">
        <v>0</v>
      </c>
      <c r="AR3369" s="98">
        <v>0</v>
      </c>
      <c r="AS3369" s="98">
        <v>0</v>
      </c>
      <c r="AT3369" s="129">
        <v>0</v>
      </c>
      <c r="AU3369" s="98">
        <v>0</v>
      </c>
      <c r="AV3369" s="98">
        <v>0</v>
      </c>
      <c r="AW3369" s="98">
        <v>0</v>
      </c>
      <c r="AX3369" s="98"/>
      <c r="AY3369" s="98"/>
      <c r="AZ3369" s="98"/>
      <c r="BA3369" s="98"/>
      <c r="BB3369" s="107">
        <v>45884</v>
      </c>
    </row>
    <row r="3370" spans="1:54" s="8" customFormat="1" ht="13.95" customHeight="1" x14ac:dyDescent="0.25">
      <c r="A3370" s="219" t="s">
        <v>7596</v>
      </c>
      <c r="B3370" s="220" t="s">
        <v>6395</v>
      </c>
      <c r="C3370" s="98" t="s">
        <v>7597</v>
      </c>
      <c r="D3370" s="98" t="s">
        <v>20469</v>
      </c>
      <c r="E3370" s="141">
        <v>1984</v>
      </c>
      <c r="F3370" s="141">
        <v>1782</v>
      </c>
      <c r="G3370" s="98" t="s">
        <v>1</v>
      </c>
      <c r="H3370" s="98">
        <v>0</v>
      </c>
      <c r="I3370" s="98">
        <v>0</v>
      </c>
      <c r="J3370" s="98" t="s">
        <v>400</v>
      </c>
      <c r="K3370" s="98" t="s">
        <v>400</v>
      </c>
      <c r="L3370" s="98" t="s">
        <v>400</v>
      </c>
      <c r="M3370" s="98" t="s">
        <v>400</v>
      </c>
      <c r="N3370" s="98" t="s">
        <v>400</v>
      </c>
      <c r="O3370" s="98" t="s">
        <v>400</v>
      </c>
      <c r="P3370" s="98" t="s">
        <v>400</v>
      </c>
      <c r="Q3370" s="98" t="s">
        <v>400</v>
      </c>
      <c r="R3370" s="98" t="s">
        <v>400</v>
      </c>
      <c r="S3370" s="98" t="s">
        <v>400</v>
      </c>
      <c r="T3370" s="98" t="s">
        <v>400</v>
      </c>
      <c r="U3370" s="128"/>
      <c r="V3370" s="128"/>
      <c r="W3370" s="128"/>
      <c r="X3370" s="128"/>
      <c r="Y3370" s="128"/>
      <c r="Z3370" s="128"/>
      <c r="AA3370" s="128"/>
      <c r="AB3370" s="128"/>
      <c r="AC3370" s="128"/>
      <c r="AD3370" s="128"/>
      <c r="AE3370" s="128"/>
      <c r="AF3370" s="128"/>
      <c r="AG3370" s="128"/>
      <c r="AH3370" s="128"/>
      <c r="AI3370" s="128"/>
      <c r="AJ3370" s="128"/>
      <c r="AK3370" s="128"/>
      <c r="AL3370" s="128"/>
      <c r="AM3370" s="128"/>
      <c r="AN3370" s="128"/>
      <c r="AO3370" s="128"/>
      <c r="AP3370" s="128"/>
      <c r="AQ3370" s="128"/>
      <c r="AR3370" s="128"/>
      <c r="AS3370" s="128"/>
      <c r="AT3370" s="128"/>
      <c r="AU3370" s="128"/>
      <c r="AV3370" s="128"/>
      <c r="AW3370" s="128"/>
      <c r="AX3370" s="128"/>
      <c r="AY3370" s="128"/>
      <c r="AZ3370" s="128"/>
      <c r="BA3370" s="128"/>
      <c r="BB3370" s="107">
        <v>45884</v>
      </c>
    </row>
    <row r="3371" spans="1:54" s="8" customFormat="1" ht="13.95" customHeight="1" x14ac:dyDescent="0.25">
      <c r="A3371" s="219" t="s">
        <v>7598</v>
      </c>
      <c r="B3371" s="220" t="s">
        <v>6395</v>
      </c>
      <c r="C3371" s="98" t="s">
        <v>7599</v>
      </c>
      <c r="D3371" s="98" t="s">
        <v>7600</v>
      </c>
      <c r="E3371" s="141">
        <v>1994</v>
      </c>
      <c r="F3371" s="141">
        <v>1784</v>
      </c>
      <c r="G3371" s="98" t="s">
        <v>1</v>
      </c>
      <c r="H3371" s="98">
        <v>0</v>
      </c>
      <c r="I3371" s="98">
        <v>0</v>
      </c>
      <c r="J3371" s="98" t="s">
        <v>400</v>
      </c>
      <c r="K3371" s="98" t="s">
        <v>400</v>
      </c>
      <c r="L3371" s="98" t="s">
        <v>400</v>
      </c>
      <c r="M3371" s="98" t="s">
        <v>400</v>
      </c>
      <c r="N3371" s="98" t="s">
        <v>400</v>
      </c>
      <c r="O3371" s="98" t="s">
        <v>400</v>
      </c>
      <c r="P3371" s="98" t="s">
        <v>400</v>
      </c>
      <c r="Q3371" s="98" t="s">
        <v>400</v>
      </c>
      <c r="R3371" s="98" t="s">
        <v>400</v>
      </c>
      <c r="S3371" s="98" t="s">
        <v>400</v>
      </c>
      <c r="T3371" s="98" t="s">
        <v>400</v>
      </c>
      <c r="U3371" s="128"/>
      <c r="V3371" s="128"/>
      <c r="W3371" s="128"/>
      <c r="X3371" s="128"/>
      <c r="Y3371" s="128"/>
      <c r="Z3371" s="128"/>
      <c r="AA3371" s="128"/>
      <c r="AB3371" s="128"/>
      <c r="AC3371" s="128"/>
      <c r="AD3371" s="128"/>
      <c r="AE3371" s="128"/>
      <c r="AF3371" s="128"/>
      <c r="AG3371" s="128"/>
      <c r="AH3371" s="128"/>
      <c r="AI3371" s="128"/>
      <c r="AJ3371" s="128"/>
      <c r="AK3371" s="128"/>
      <c r="AL3371" s="128"/>
      <c r="AM3371" s="128"/>
      <c r="AN3371" s="128"/>
      <c r="AO3371" s="128"/>
      <c r="AP3371" s="128"/>
      <c r="AQ3371" s="128"/>
      <c r="AR3371" s="128"/>
      <c r="AS3371" s="128"/>
      <c r="AT3371" s="128"/>
      <c r="AU3371" s="128"/>
      <c r="AV3371" s="128"/>
      <c r="AW3371" s="128"/>
      <c r="AX3371" s="128"/>
      <c r="AY3371" s="128"/>
      <c r="AZ3371" s="128"/>
      <c r="BA3371" s="128"/>
      <c r="BB3371" s="107">
        <v>45884</v>
      </c>
    </row>
    <row r="3372" spans="1:54" s="8" customFormat="1" ht="13.95" customHeight="1" x14ac:dyDescent="0.25">
      <c r="A3372" s="219" t="s">
        <v>7601</v>
      </c>
      <c r="B3372" s="220" t="s">
        <v>6395</v>
      </c>
      <c r="C3372" s="98" t="s">
        <v>7602</v>
      </c>
      <c r="D3372" s="98" t="s">
        <v>21058</v>
      </c>
      <c r="E3372" s="141">
        <v>1957</v>
      </c>
      <c r="F3372" s="141">
        <v>1797</v>
      </c>
      <c r="G3372" s="98" t="s">
        <v>1</v>
      </c>
      <c r="H3372" s="98">
        <v>0</v>
      </c>
      <c r="I3372" s="98">
        <v>0</v>
      </c>
      <c r="J3372" s="98" t="s">
        <v>400</v>
      </c>
      <c r="K3372" s="98" t="s">
        <v>400</v>
      </c>
      <c r="L3372" s="98" t="s">
        <v>400</v>
      </c>
      <c r="M3372" s="98" t="s">
        <v>400</v>
      </c>
      <c r="N3372" s="98" t="s">
        <v>400</v>
      </c>
      <c r="O3372" s="98" t="s">
        <v>400</v>
      </c>
      <c r="P3372" s="98" t="s">
        <v>400</v>
      </c>
      <c r="Q3372" s="98" t="s">
        <v>400</v>
      </c>
      <c r="R3372" s="98" t="s">
        <v>400</v>
      </c>
      <c r="S3372" s="98" t="s">
        <v>400</v>
      </c>
      <c r="T3372" s="98" t="s">
        <v>400</v>
      </c>
      <c r="U3372" s="128"/>
      <c r="V3372" s="128"/>
      <c r="W3372" s="128"/>
      <c r="X3372" s="128"/>
      <c r="Y3372" s="128"/>
      <c r="Z3372" s="128"/>
      <c r="AA3372" s="128"/>
      <c r="AB3372" s="128"/>
      <c r="AC3372" s="128"/>
      <c r="AD3372" s="128"/>
      <c r="AE3372" s="128"/>
      <c r="AF3372" s="128"/>
      <c r="AG3372" s="128"/>
      <c r="AH3372" s="128"/>
      <c r="AI3372" s="128"/>
      <c r="AJ3372" s="128"/>
      <c r="AK3372" s="128"/>
      <c r="AL3372" s="128"/>
      <c r="AM3372" s="128"/>
      <c r="AN3372" s="128"/>
      <c r="AO3372" s="128"/>
      <c r="AP3372" s="128"/>
      <c r="AQ3372" s="128"/>
      <c r="AR3372" s="128"/>
      <c r="AS3372" s="128"/>
      <c r="AT3372" s="128"/>
      <c r="AU3372" s="128"/>
      <c r="AV3372" s="128"/>
      <c r="AW3372" s="128"/>
      <c r="AX3372" s="128"/>
      <c r="AY3372" s="128"/>
      <c r="AZ3372" s="128"/>
      <c r="BA3372" s="128"/>
      <c r="BB3372" s="107">
        <v>45884</v>
      </c>
    </row>
    <row r="3373" spans="1:54" s="8" customFormat="1" ht="13.95" customHeight="1" x14ac:dyDescent="0.25">
      <c r="A3373" s="219" t="s">
        <v>7603</v>
      </c>
      <c r="B3373" s="220" t="s">
        <v>6395</v>
      </c>
      <c r="C3373" s="98" t="s">
        <v>7604</v>
      </c>
      <c r="D3373" s="98" t="s">
        <v>21059</v>
      </c>
      <c r="E3373" s="141">
        <v>1957</v>
      </c>
      <c r="F3373" s="141">
        <v>1798</v>
      </c>
      <c r="G3373" s="98" t="s">
        <v>1</v>
      </c>
      <c r="H3373" s="98">
        <v>0</v>
      </c>
      <c r="I3373" s="98">
        <v>0</v>
      </c>
      <c r="J3373" s="98" t="s">
        <v>400</v>
      </c>
      <c r="K3373" s="98" t="s">
        <v>400</v>
      </c>
      <c r="L3373" s="98" t="s">
        <v>400</v>
      </c>
      <c r="M3373" s="98" t="s">
        <v>400</v>
      </c>
      <c r="N3373" s="98" t="s">
        <v>400</v>
      </c>
      <c r="O3373" s="98" t="s">
        <v>400</v>
      </c>
      <c r="P3373" s="98" t="s">
        <v>400</v>
      </c>
      <c r="Q3373" s="98" t="s">
        <v>400</v>
      </c>
      <c r="R3373" s="98" t="s">
        <v>400</v>
      </c>
      <c r="S3373" s="98" t="s">
        <v>400</v>
      </c>
      <c r="T3373" s="98" t="s">
        <v>400</v>
      </c>
      <c r="U3373" s="128"/>
      <c r="V3373" s="128"/>
      <c r="W3373" s="128"/>
      <c r="X3373" s="128"/>
      <c r="Y3373" s="128"/>
      <c r="Z3373" s="128"/>
      <c r="AA3373" s="128"/>
      <c r="AB3373" s="128"/>
      <c r="AC3373" s="128"/>
      <c r="AD3373" s="128"/>
      <c r="AE3373" s="128"/>
      <c r="AF3373" s="128"/>
      <c r="AG3373" s="128"/>
      <c r="AH3373" s="128"/>
      <c r="AI3373" s="128"/>
      <c r="AJ3373" s="128"/>
      <c r="AK3373" s="128"/>
      <c r="AL3373" s="128"/>
      <c r="AM3373" s="128"/>
      <c r="AN3373" s="128"/>
      <c r="AO3373" s="128"/>
      <c r="AP3373" s="128"/>
      <c r="AQ3373" s="128"/>
      <c r="AR3373" s="128"/>
      <c r="AS3373" s="128"/>
      <c r="AT3373" s="128"/>
      <c r="AU3373" s="128"/>
      <c r="AV3373" s="128"/>
      <c r="AW3373" s="128"/>
      <c r="AX3373" s="128"/>
      <c r="AY3373" s="128"/>
      <c r="AZ3373" s="128"/>
      <c r="BA3373" s="128"/>
      <c r="BB3373" s="107">
        <v>45884</v>
      </c>
    </row>
    <row r="3374" spans="1:54" s="8" customFormat="1" ht="13.95" customHeight="1" x14ac:dyDescent="0.25">
      <c r="A3374" s="219" t="s">
        <v>7605</v>
      </c>
      <c r="B3374" s="220" t="s">
        <v>6395</v>
      </c>
      <c r="C3374" s="98" t="s">
        <v>7606</v>
      </c>
      <c r="D3374" s="98" t="s">
        <v>21060</v>
      </c>
      <c r="E3374" s="141">
        <v>2006</v>
      </c>
      <c r="F3374" s="141">
        <v>1799</v>
      </c>
      <c r="G3374" s="98" t="s">
        <v>1</v>
      </c>
      <c r="H3374" s="98">
        <v>0</v>
      </c>
      <c r="I3374" s="98">
        <v>0</v>
      </c>
      <c r="J3374" s="98" t="s">
        <v>400</v>
      </c>
      <c r="K3374" s="98" t="s">
        <v>400</v>
      </c>
      <c r="L3374" s="98" t="s">
        <v>400</v>
      </c>
      <c r="M3374" s="98" t="s">
        <v>400</v>
      </c>
      <c r="N3374" s="98" t="s">
        <v>400</v>
      </c>
      <c r="O3374" s="98" t="s">
        <v>400</v>
      </c>
      <c r="P3374" s="98" t="s">
        <v>400</v>
      </c>
      <c r="Q3374" s="98" t="s">
        <v>400</v>
      </c>
      <c r="R3374" s="98" t="s">
        <v>400</v>
      </c>
      <c r="S3374" s="98" t="s">
        <v>400</v>
      </c>
      <c r="T3374" s="98" t="s">
        <v>400</v>
      </c>
      <c r="U3374" s="128"/>
      <c r="V3374" s="128"/>
      <c r="W3374" s="128"/>
      <c r="X3374" s="128"/>
      <c r="Y3374" s="128"/>
      <c r="Z3374" s="128"/>
      <c r="AA3374" s="128"/>
      <c r="AB3374" s="128"/>
      <c r="AC3374" s="128"/>
      <c r="AD3374" s="128"/>
      <c r="AE3374" s="128"/>
      <c r="AF3374" s="128"/>
      <c r="AG3374" s="128"/>
      <c r="AH3374" s="128"/>
      <c r="AI3374" s="128"/>
      <c r="AJ3374" s="128"/>
      <c r="AK3374" s="128"/>
      <c r="AL3374" s="128"/>
      <c r="AM3374" s="128"/>
      <c r="AN3374" s="128"/>
      <c r="AO3374" s="128"/>
      <c r="AP3374" s="128"/>
      <c r="AQ3374" s="128"/>
      <c r="AR3374" s="128"/>
      <c r="AS3374" s="128"/>
      <c r="AT3374" s="128"/>
      <c r="AU3374" s="128"/>
      <c r="AV3374" s="128"/>
      <c r="AW3374" s="128"/>
      <c r="AX3374" s="128"/>
      <c r="AY3374" s="128"/>
      <c r="AZ3374" s="128"/>
      <c r="BA3374" s="128"/>
      <c r="BB3374" s="107">
        <v>45884</v>
      </c>
    </row>
    <row r="3375" spans="1:54" s="8" customFormat="1" ht="13.95" customHeight="1" x14ac:dyDescent="0.25">
      <c r="A3375" s="219" t="s">
        <v>7607</v>
      </c>
      <c r="B3375" s="220" t="s">
        <v>6395</v>
      </c>
      <c r="C3375" s="98" t="s">
        <v>7608</v>
      </c>
      <c r="D3375" s="98" t="s">
        <v>21061</v>
      </c>
      <c r="E3375" s="141">
        <v>1974</v>
      </c>
      <c r="F3375" s="141">
        <v>1842</v>
      </c>
      <c r="G3375" s="98" t="s">
        <v>11</v>
      </c>
      <c r="H3375" s="98">
        <v>0</v>
      </c>
      <c r="I3375" s="98">
        <v>0</v>
      </c>
      <c r="J3375" s="98" t="s">
        <v>400</v>
      </c>
      <c r="K3375" s="98" t="s">
        <v>400</v>
      </c>
      <c r="L3375" s="98" t="s">
        <v>400</v>
      </c>
      <c r="M3375" s="98" t="s">
        <v>400</v>
      </c>
      <c r="N3375" s="98" t="s">
        <v>400</v>
      </c>
      <c r="O3375" s="98" t="s">
        <v>400</v>
      </c>
      <c r="P3375" s="98" t="s">
        <v>400</v>
      </c>
      <c r="Q3375" s="98" t="s">
        <v>400</v>
      </c>
      <c r="R3375" s="98" t="s">
        <v>400</v>
      </c>
      <c r="S3375" s="98" t="s">
        <v>400</v>
      </c>
      <c r="T3375" s="98" t="s">
        <v>400</v>
      </c>
      <c r="U3375" s="98">
        <v>0</v>
      </c>
      <c r="V3375" s="98">
        <v>0</v>
      </c>
      <c r="W3375" s="98" t="s">
        <v>400</v>
      </c>
      <c r="X3375" s="98">
        <v>0</v>
      </c>
      <c r="Y3375" s="98">
        <v>0</v>
      </c>
      <c r="Z3375" s="98">
        <v>0</v>
      </c>
      <c r="AA3375" s="98" t="s">
        <v>400</v>
      </c>
      <c r="AB3375" s="98">
        <v>0</v>
      </c>
      <c r="AC3375" s="98">
        <v>0</v>
      </c>
      <c r="AD3375" s="98">
        <v>0</v>
      </c>
      <c r="AE3375" s="98">
        <v>0</v>
      </c>
      <c r="AF3375" s="98">
        <v>0</v>
      </c>
      <c r="AG3375" s="98">
        <v>0</v>
      </c>
      <c r="AH3375" s="98">
        <v>0</v>
      </c>
      <c r="AI3375" s="98">
        <v>0</v>
      </c>
      <c r="AJ3375" s="98">
        <v>0</v>
      </c>
      <c r="AK3375" s="98">
        <v>0</v>
      </c>
      <c r="AL3375" s="98">
        <v>0</v>
      </c>
      <c r="AM3375" s="98">
        <v>0</v>
      </c>
      <c r="AN3375" s="98">
        <v>0</v>
      </c>
      <c r="AO3375" s="98">
        <v>0</v>
      </c>
      <c r="AP3375" s="98">
        <v>0</v>
      </c>
      <c r="AQ3375" s="98">
        <v>0</v>
      </c>
      <c r="AR3375" s="98">
        <v>0</v>
      </c>
      <c r="AS3375" s="98">
        <v>0</v>
      </c>
      <c r="AT3375" s="129">
        <v>0</v>
      </c>
      <c r="AU3375" s="98">
        <v>0</v>
      </c>
      <c r="AV3375" s="98">
        <v>0</v>
      </c>
      <c r="AW3375" s="98">
        <v>0</v>
      </c>
      <c r="AX3375" s="98"/>
      <c r="AY3375" s="98"/>
      <c r="AZ3375" s="98"/>
      <c r="BA3375" s="98"/>
      <c r="BB3375" s="107">
        <v>45884</v>
      </c>
    </row>
    <row r="3376" spans="1:54" s="8" customFormat="1" ht="13.95" customHeight="1" x14ac:dyDescent="0.25">
      <c r="A3376" s="219" t="s">
        <v>7609</v>
      </c>
      <c r="B3376" s="220" t="s">
        <v>6395</v>
      </c>
      <c r="C3376" s="98" t="s">
        <v>7610</v>
      </c>
      <c r="D3376" s="98" t="s">
        <v>21062</v>
      </c>
      <c r="E3376" s="141">
        <v>1957</v>
      </c>
      <c r="F3376" s="141">
        <v>1852</v>
      </c>
      <c r="G3376" s="98" t="s">
        <v>1</v>
      </c>
      <c r="H3376" s="98">
        <v>1</v>
      </c>
      <c r="I3376" s="98">
        <v>0</v>
      </c>
      <c r="J3376" s="98" t="s">
        <v>400</v>
      </c>
      <c r="K3376" s="98" t="s">
        <v>400</v>
      </c>
      <c r="L3376" s="98" t="s">
        <v>400</v>
      </c>
      <c r="M3376" s="98" t="s">
        <v>400</v>
      </c>
      <c r="N3376" s="98" t="s">
        <v>400</v>
      </c>
      <c r="O3376" s="98" t="s">
        <v>400</v>
      </c>
      <c r="P3376" s="98" t="s">
        <v>400</v>
      </c>
      <c r="Q3376" s="98" t="s">
        <v>400</v>
      </c>
      <c r="R3376" s="98" t="s">
        <v>400</v>
      </c>
      <c r="S3376" s="98" t="s">
        <v>400</v>
      </c>
      <c r="T3376" s="98" t="s">
        <v>400</v>
      </c>
      <c r="U3376" s="128"/>
      <c r="V3376" s="128"/>
      <c r="W3376" s="128"/>
      <c r="X3376" s="128"/>
      <c r="Y3376" s="128"/>
      <c r="Z3376" s="128"/>
      <c r="AA3376" s="128"/>
      <c r="AB3376" s="128"/>
      <c r="AC3376" s="128"/>
      <c r="AD3376" s="128"/>
      <c r="AE3376" s="128"/>
      <c r="AF3376" s="128"/>
      <c r="AG3376" s="128"/>
      <c r="AH3376" s="128"/>
      <c r="AI3376" s="128"/>
      <c r="AJ3376" s="128"/>
      <c r="AK3376" s="128"/>
      <c r="AL3376" s="128"/>
      <c r="AM3376" s="128"/>
      <c r="AN3376" s="128"/>
      <c r="AO3376" s="128"/>
      <c r="AP3376" s="128"/>
      <c r="AQ3376" s="128"/>
      <c r="AR3376" s="128"/>
      <c r="AS3376" s="128"/>
      <c r="AT3376" s="128"/>
      <c r="AU3376" s="128"/>
      <c r="AV3376" s="128"/>
      <c r="AW3376" s="128"/>
      <c r="AX3376" s="128"/>
      <c r="AY3376" s="128"/>
      <c r="AZ3376" s="128"/>
      <c r="BA3376" s="128"/>
      <c r="BB3376" s="107">
        <v>45884</v>
      </c>
    </row>
    <row r="3377" spans="1:54" s="8" customFormat="1" ht="13.95" customHeight="1" x14ac:dyDescent="0.25">
      <c r="A3377" s="219" t="s">
        <v>7611</v>
      </c>
      <c r="B3377" s="220" t="s">
        <v>6395</v>
      </c>
      <c r="C3377" s="98" t="s">
        <v>7612</v>
      </c>
      <c r="D3377" s="98" t="s">
        <v>21063</v>
      </c>
      <c r="E3377" s="141">
        <v>1986</v>
      </c>
      <c r="F3377" s="141">
        <v>1857</v>
      </c>
      <c r="G3377" s="98" t="s">
        <v>1</v>
      </c>
      <c r="H3377" s="98">
        <v>0</v>
      </c>
      <c r="I3377" s="98">
        <v>0</v>
      </c>
      <c r="J3377" s="98" t="s">
        <v>400</v>
      </c>
      <c r="K3377" s="98" t="s">
        <v>400</v>
      </c>
      <c r="L3377" s="98" t="s">
        <v>400</v>
      </c>
      <c r="M3377" s="98" t="s">
        <v>400</v>
      </c>
      <c r="N3377" s="98" t="s">
        <v>400</v>
      </c>
      <c r="O3377" s="98" t="s">
        <v>400</v>
      </c>
      <c r="P3377" s="98" t="s">
        <v>400</v>
      </c>
      <c r="Q3377" s="98" t="s">
        <v>400</v>
      </c>
      <c r="R3377" s="98" t="s">
        <v>400</v>
      </c>
      <c r="S3377" s="98" t="s">
        <v>400</v>
      </c>
      <c r="T3377" s="98" t="s">
        <v>400</v>
      </c>
      <c r="U3377" s="128"/>
      <c r="V3377" s="128"/>
      <c r="W3377" s="128"/>
      <c r="X3377" s="128"/>
      <c r="Y3377" s="128"/>
      <c r="Z3377" s="128"/>
      <c r="AA3377" s="128"/>
      <c r="AB3377" s="128"/>
      <c r="AC3377" s="128"/>
      <c r="AD3377" s="128"/>
      <c r="AE3377" s="128"/>
      <c r="AF3377" s="128"/>
      <c r="AG3377" s="128"/>
      <c r="AH3377" s="128"/>
      <c r="AI3377" s="128"/>
      <c r="AJ3377" s="128"/>
      <c r="AK3377" s="128"/>
      <c r="AL3377" s="128"/>
      <c r="AM3377" s="128"/>
      <c r="AN3377" s="128"/>
      <c r="AO3377" s="128"/>
      <c r="AP3377" s="128"/>
      <c r="AQ3377" s="128"/>
      <c r="AR3377" s="128"/>
      <c r="AS3377" s="128"/>
      <c r="AT3377" s="128"/>
      <c r="AU3377" s="128"/>
      <c r="AV3377" s="128"/>
      <c r="AW3377" s="128"/>
      <c r="AX3377" s="128"/>
      <c r="AY3377" s="128"/>
      <c r="AZ3377" s="128"/>
      <c r="BA3377" s="128"/>
      <c r="BB3377" s="107">
        <v>45884</v>
      </c>
    </row>
    <row r="3378" spans="1:54" s="8" customFormat="1" ht="13.95" customHeight="1" x14ac:dyDescent="0.25">
      <c r="A3378" s="219" t="s">
        <v>7613</v>
      </c>
      <c r="B3378" s="220" t="s">
        <v>6395</v>
      </c>
      <c r="C3378" s="98" t="s">
        <v>7614</v>
      </c>
      <c r="D3378" s="98" t="s">
        <v>20470</v>
      </c>
      <c r="E3378" s="141">
        <v>1990</v>
      </c>
      <c r="F3378" s="141">
        <v>1862</v>
      </c>
      <c r="G3378" s="98" t="s">
        <v>1</v>
      </c>
      <c r="H3378" s="98">
        <v>0</v>
      </c>
      <c r="I3378" s="98">
        <v>0</v>
      </c>
      <c r="J3378" s="98" t="s">
        <v>400</v>
      </c>
      <c r="K3378" s="98" t="s">
        <v>400</v>
      </c>
      <c r="L3378" s="98" t="s">
        <v>400</v>
      </c>
      <c r="M3378" s="98" t="s">
        <v>400</v>
      </c>
      <c r="N3378" s="98" t="s">
        <v>400</v>
      </c>
      <c r="O3378" s="98" t="s">
        <v>400</v>
      </c>
      <c r="P3378" s="98" t="s">
        <v>400</v>
      </c>
      <c r="Q3378" s="98" t="s">
        <v>400</v>
      </c>
      <c r="R3378" s="98" t="s">
        <v>400</v>
      </c>
      <c r="S3378" s="98" t="s">
        <v>400</v>
      </c>
      <c r="T3378" s="98" t="s">
        <v>400</v>
      </c>
      <c r="U3378" s="128"/>
      <c r="V3378" s="128"/>
      <c r="W3378" s="128"/>
      <c r="X3378" s="128"/>
      <c r="Y3378" s="128"/>
      <c r="Z3378" s="128"/>
      <c r="AA3378" s="128"/>
      <c r="AB3378" s="128"/>
      <c r="AC3378" s="128"/>
      <c r="AD3378" s="128"/>
      <c r="AE3378" s="128"/>
      <c r="AF3378" s="128"/>
      <c r="AG3378" s="128"/>
      <c r="AH3378" s="128"/>
      <c r="AI3378" s="128"/>
      <c r="AJ3378" s="128"/>
      <c r="AK3378" s="128"/>
      <c r="AL3378" s="128"/>
      <c r="AM3378" s="128"/>
      <c r="AN3378" s="128"/>
      <c r="AO3378" s="128"/>
      <c r="AP3378" s="128"/>
      <c r="AQ3378" s="128"/>
      <c r="AR3378" s="128"/>
      <c r="AS3378" s="128"/>
      <c r="AT3378" s="128"/>
      <c r="AU3378" s="128"/>
      <c r="AV3378" s="128"/>
      <c r="AW3378" s="128"/>
      <c r="AX3378" s="128"/>
      <c r="AY3378" s="128"/>
      <c r="AZ3378" s="128"/>
      <c r="BA3378" s="128"/>
      <c r="BB3378" s="107">
        <v>45884</v>
      </c>
    </row>
    <row r="3379" spans="1:54" s="8" customFormat="1" ht="13.95" customHeight="1" x14ac:dyDescent="0.25">
      <c r="A3379" s="219" t="s">
        <v>7615</v>
      </c>
      <c r="B3379" s="220" t="s">
        <v>6395</v>
      </c>
      <c r="C3379" s="98" t="s">
        <v>7616</v>
      </c>
      <c r="D3379" s="98" t="s">
        <v>21064</v>
      </c>
      <c r="E3379" s="141">
        <v>1977</v>
      </c>
      <c r="F3379" s="141">
        <v>1867</v>
      </c>
      <c r="G3379" s="98" t="s">
        <v>8</v>
      </c>
      <c r="H3379" s="98">
        <v>0</v>
      </c>
      <c r="I3379" s="98">
        <v>0</v>
      </c>
      <c r="J3379" s="98" t="s">
        <v>400</v>
      </c>
      <c r="K3379" s="98" t="s">
        <v>400</v>
      </c>
      <c r="L3379" s="98" t="s">
        <v>400</v>
      </c>
      <c r="M3379" s="98" t="s">
        <v>400</v>
      </c>
      <c r="N3379" s="98" t="s">
        <v>400</v>
      </c>
      <c r="O3379" s="98" t="s">
        <v>400</v>
      </c>
      <c r="P3379" s="98" t="s">
        <v>400</v>
      </c>
      <c r="Q3379" s="98" t="s">
        <v>400</v>
      </c>
      <c r="R3379" s="98" t="s">
        <v>400</v>
      </c>
      <c r="S3379" s="98" t="s">
        <v>400</v>
      </c>
      <c r="T3379" s="98" t="s">
        <v>400</v>
      </c>
      <c r="U3379" s="98">
        <v>0</v>
      </c>
      <c r="V3379" s="98">
        <v>0</v>
      </c>
      <c r="W3379" s="98" t="s">
        <v>400</v>
      </c>
      <c r="X3379" s="98">
        <v>0</v>
      </c>
      <c r="Y3379" s="98">
        <v>0</v>
      </c>
      <c r="Z3379" s="98">
        <v>0</v>
      </c>
      <c r="AA3379" s="98" t="s">
        <v>400</v>
      </c>
      <c r="AB3379" s="98">
        <v>0</v>
      </c>
      <c r="AC3379" s="98">
        <v>0</v>
      </c>
      <c r="AD3379" s="98">
        <v>0</v>
      </c>
      <c r="AE3379" s="98">
        <v>0</v>
      </c>
      <c r="AF3379" s="98">
        <v>0</v>
      </c>
      <c r="AG3379" s="98">
        <v>0</v>
      </c>
      <c r="AH3379" s="98">
        <v>0</v>
      </c>
      <c r="AI3379" s="98">
        <v>0</v>
      </c>
      <c r="AJ3379" s="98">
        <v>0</v>
      </c>
      <c r="AK3379" s="98">
        <v>0</v>
      </c>
      <c r="AL3379" s="98">
        <v>0</v>
      </c>
      <c r="AM3379" s="98">
        <v>0</v>
      </c>
      <c r="AN3379" s="98">
        <v>0</v>
      </c>
      <c r="AO3379" s="98">
        <v>0</v>
      </c>
      <c r="AP3379" s="98">
        <v>0</v>
      </c>
      <c r="AQ3379" s="98">
        <v>0</v>
      </c>
      <c r="AR3379" s="98">
        <v>0</v>
      </c>
      <c r="AS3379" s="98">
        <v>0</v>
      </c>
      <c r="AT3379" s="129">
        <v>0</v>
      </c>
      <c r="AU3379" s="98">
        <v>0</v>
      </c>
      <c r="AV3379" s="98">
        <v>0</v>
      </c>
      <c r="AW3379" s="98">
        <v>0</v>
      </c>
      <c r="AX3379" s="98"/>
      <c r="AY3379" s="98"/>
      <c r="AZ3379" s="98"/>
      <c r="BA3379" s="98"/>
      <c r="BB3379" s="107">
        <v>45884</v>
      </c>
    </row>
    <row r="3380" spans="1:54" s="8" customFormat="1" ht="13.95" customHeight="1" x14ac:dyDescent="0.25">
      <c r="A3380" s="219" t="s">
        <v>7617</v>
      </c>
      <c r="B3380" s="220" t="s">
        <v>6395</v>
      </c>
      <c r="C3380" s="98" t="s">
        <v>7618</v>
      </c>
      <c r="D3380" s="98" t="s">
        <v>21065</v>
      </c>
      <c r="E3380" s="141">
        <v>1959</v>
      </c>
      <c r="F3380" s="141">
        <v>1883</v>
      </c>
      <c r="G3380" s="98" t="s">
        <v>1</v>
      </c>
      <c r="H3380" s="98">
        <v>0</v>
      </c>
      <c r="I3380" s="98">
        <v>0</v>
      </c>
      <c r="J3380" s="98" t="s">
        <v>400</v>
      </c>
      <c r="K3380" s="98" t="s">
        <v>400</v>
      </c>
      <c r="L3380" s="98" t="s">
        <v>400</v>
      </c>
      <c r="M3380" s="98" t="s">
        <v>400</v>
      </c>
      <c r="N3380" s="98" t="s">
        <v>400</v>
      </c>
      <c r="O3380" s="98" t="s">
        <v>400</v>
      </c>
      <c r="P3380" s="98" t="s">
        <v>400</v>
      </c>
      <c r="Q3380" s="98" t="s">
        <v>400</v>
      </c>
      <c r="R3380" s="98" t="s">
        <v>400</v>
      </c>
      <c r="S3380" s="98" t="s">
        <v>400</v>
      </c>
      <c r="T3380" s="98" t="s">
        <v>400</v>
      </c>
      <c r="U3380" s="128"/>
      <c r="V3380" s="128"/>
      <c r="W3380" s="128"/>
      <c r="X3380" s="128"/>
      <c r="Y3380" s="128"/>
      <c r="Z3380" s="128"/>
      <c r="AA3380" s="128"/>
      <c r="AB3380" s="128"/>
      <c r="AC3380" s="128"/>
      <c r="AD3380" s="128"/>
      <c r="AE3380" s="128"/>
      <c r="AF3380" s="128"/>
      <c r="AG3380" s="128"/>
      <c r="AH3380" s="128"/>
      <c r="AI3380" s="128"/>
      <c r="AJ3380" s="128"/>
      <c r="AK3380" s="128"/>
      <c r="AL3380" s="128"/>
      <c r="AM3380" s="128"/>
      <c r="AN3380" s="128"/>
      <c r="AO3380" s="128"/>
      <c r="AP3380" s="128"/>
      <c r="AQ3380" s="128"/>
      <c r="AR3380" s="128"/>
      <c r="AS3380" s="128"/>
      <c r="AT3380" s="128"/>
      <c r="AU3380" s="128"/>
      <c r="AV3380" s="128"/>
      <c r="AW3380" s="128"/>
      <c r="AX3380" s="128"/>
      <c r="AY3380" s="128"/>
      <c r="AZ3380" s="128"/>
      <c r="BA3380" s="128"/>
      <c r="BB3380" s="107">
        <v>45884</v>
      </c>
    </row>
    <row r="3381" spans="1:54" s="8" customFormat="1" ht="13.95" customHeight="1" x14ac:dyDescent="0.25">
      <c r="A3381" s="219" t="s">
        <v>7619</v>
      </c>
      <c r="B3381" s="220" t="s">
        <v>6395</v>
      </c>
      <c r="C3381" s="98" t="s">
        <v>7620</v>
      </c>
      <c r="D3381" s="98" t="s">
        <v>21066</v>
      </c>
      <c r="E3381" s="141">
        <v>1987</v>
      </c>
      <c r="F3381" s="141">
        <v>1888</v>
      </c>
      <c r="G3381" s="98" t="s">
        <v>1</v>
      </c>
      <c r="H3381" s="98">
        <v>0</v>
      </c>
      <c r="I3381" s="98">
        <v>0</v>
      </c>
      <c r="J3381" s="98" t="s">
        <v>400</v>
      </c>
      <c r="K3381" s="98" t="s">
        <v>400</v>
      </c>
      <c r="L3381" s="98" t="s">
        <v>400</v>
      </c>
      <c r="M3381" s="98" t="s">
        <v>400</v>
      </c>
      <c r="N3381" s="98" t="s">
        <v>400</v>
      </c>
      <c r="O3381" s="98" t="s">
        <v>400</v>
      </c>
      <c r="P3381" s="98" t="s">
        <v>400</v>
      </c>
      <c r="Q3381" s="98" t="s">
        <v>400</v>
      </c>
      <c r="R3381" s="98" t="s">
        <v>400</v>
      </c>
      <c r="S3381" s="98" t="s">
        <v>400</v>
      </c>
      <c r="T3381" s="98" t="s">
        <v>400</v>
      </c>
      <c r="U3381" s="128"/>
      <c r="V3381" s="128"/>
      <c r="W3381" s="128"/>
      <c r="X3381" s="128"/>
      <c r="Y3381" s="128"/>
      <c r="Z3381" s="128"/>
      <c r="AA3381" s="128"/>
      <c r="AB3381" s="128"/>
      <c r="AC3381" s="128"/>
      <c r="AD3381" s="128"/>
      <c r="AE3381" s="128"/>
      <c r="AF3381" s="128"/>
      <c r="AG3381" s="128"/>
      <c r="AH3381" s="128"/>
      <c r="AI3381" s="128"/>
      <c r="AJ3381" s="128"/>
      <c r="AK3381" s="128"/>
      <c r="AL3381" s="128"/>
      <c r="AM3381" s="128"/>
      <c r="AN3381" s="128"/>
      <c r="AO3381" s="128"/>
      <c r="AP3381" s="128"/>
      <c r="AQ3381" s="128"/>
      <c r="AR3381" s="128"/>
      <c r="AS3381" s="128"/>
      <c r="AT3381" s="128"/>
      <c r="AU3381" s="128"/>
      <c r="AV3381" s="128"/>
      <c r="AW3381" s="128"/>
      <c r="AX3381" s="128"/>
      <c r="AY3381" s="128"/>
      <c r="AZ3381" s="128"/>
      <c r="BA3381" s="128"/>
      <c r="BB3381" s="107">
        <v>45884</v>
      </c>
    </row>
    <row r="3382" spans="1:54" s="8" customFormat="1" ht="13.95" customHeight="1" x14ac:dyDescent="0.25">
      <c r="A3382" s="219" t="s">
        <v>7621</v>
      </c>
      <c r="B3382" s="220" t="s">
        <v>6395</v>
      </c>
      <c r="C3382" s="98" t="s">
        <v>7622</v>
      </c>
      <c r="D3382" s="98" t="s">
        <v>20471</v>
      </c>
      <c r="E3382" s="141">
        <v>1975</v>
      </c>
      <c r="F3382" s="141">
        <v>1896</v>
      </c>
      <c r="G3382" s="98" t="s">
        <v>1</v>
      </c>
      <c r="H3382" s="98">
        <v>1</v>
      </c>
      <c r="I3382" s="98">
        <v>0</v>
      </c>
      <c r="J3382" s="98" t="s">
        <v>400</v>
      </c>
      <c r="K3382" s="98" t="s">
        <v>400</v>
      </c>
      <c r="L3382" s="98" t="s">
        <v>400</v>
      </c>
      <c r="M3382" s="98" t="s">
        <v>400</v>
      </c>
      <c r="N3382" s="98" t="s">
        <v>400</v>
      </c>
      <c r="O3382" s="98" t="s">
        <v>400</v>
      </c>
      <c r="P3382" s="98" t="s">
        <v>400</v>
      </c>
      <c r="Q3382" s="98" t="s">
        <v>400</v>
      </c>
      <c r="R3382" s="98" t="s">
        <v>400</v>
      </c>
      <c r="S3382" s="98" t="s">
        <v>400</v>
      </c>
      <c r="T3382" s="98" t="s">
        <v>400</v>
      </c>
      <c r="U3382" s="128"/>
      <c r="V3382" s="128"/>
      <c r="W3382" s="128"/>
      <c r="X3382" s="128"/>
      <c r="Y3382" s="128"/>
      <c r="Z3382" s="128"/>
      <c r="AA3382" s="128"/>
      <c r="AB3382" s="128"/>
      <c r="AC3382" s="128"/>
      <c r="AD3382" s="128"/>
      <c r="AE3382" s="128"/>
      <c r="AF3382" s="128"/>
      <c r="AG3382" s="128"/>
      <c r="AH3382" s="128"/>
      <c r="AI3382" s="128"/>
      <c r="AJ3382" s="128"/>
      <c r="AK3382" s="128"/>
      <c r="AL3382" s="128"/>
      <c r="AM3382" s="128"/>
      <c r="AN3382" s="128"/>
      <c r="AO3382" s="128"/>
      <c r="AP3382" s="128"/>
      <c r="AQ3382" s="128"/>
      <c r="AR3382" s="128"/>
      <c r="AS3382" s="128"/>
      <c r="AT3382" s="128"/>
      <c r="AU3382" s="128"/>
      <c r="AV3382" s="128"/>
      <c r="AW3382" s="128"/>
      <c r="AX3382" s="128"/>
      <c r="AY3382" s="128"/>
      <c r="AZ3382" s="128"/>
      <c r="BA3382" s="128"/>
      <c r="BB3382" s="107">
        <v>45884</v>
      </c>
    </row>
    <row r="3383" spans="1:54" s="8" customFormat="1" ht="13.95" customHeight="1" x14ac:dyDescent="0.25">
      <c r="A3383" s="219" t="s">
        <v>7623</v>
      </c>
      <c r="B3383" s="220" t="s">
        <v>6395</v>
      </c>
      <c r="C3383" s="98" t="s">
        <v>1752</v>
      </c>
      <c r="D3383" s="98" t="s">
        <v>7624</v>
      </c>
      <c r="E3383" s="141">
        <v>1957</v>
      </c>
      <c r="F3383" s="141">
        <v>1897</v>
      </c>
      <c r="G3383" s="98" t="s">
        <v>1</v>
      </c>
      <c r="H3383" s="98">
        <v>0</v>
      </c>
      <c r="I3383" s="98">
        <v>0</v>
      </c>
      <c r="J3383" s="98" t="s">
        <v>400</v>
      </c>
      <c r="K3383" s="98" t="s">
        <v>400</v>
      </c>
      <c r="L3383" s="98" t="s">
        <v>400</v>
      </c>
      <c r="M3383" s="98" t="s">
        <v>400</v>
      </c>
      <c r="N3383" s="98" t="s">
        <v>400</v>
      </c>
      <c r="O3383" s="98" t="s">
        <v>400</v>
      </c>
      <c r="P3383" s="98" t="s">
        <v>400</v>
      </c>
      <c r="Q3383" s="98" t="s">
        <v>400</v>
      </c>
      <c r="R3383" s="98" t="s">
        <v>400</v>
      </c>
      <c r="S3383" s="98" t="s">
        <v>400</v>
      </c>
      <c r="T3383" s="98" t="s">
        <v>400</v>
      </c>
      <c r="U3383" s="128"/>
      <c r="V3383" s="128"/>
      <c r="W3383" s="128"/>
      <c r="X3383" s="128"/>
      <c r="Y3383" s="128"/>
      <c r="Z3383" s="128"/>
      <c r="AA3383" s="128"/>
      <c r="AB3383" s="128"/>
      <c r="AC3383" s="128"/>
      <c r="AD3383" s="128"/>
      <c r="AE3383" s="128"/>
      <c r="AF3383" s="128"/>
      <c r="AG3383" s="128"/>
      <c r="AH3383" s="128"/>
      <c r="AI3383" s="128"/>
      <c r="AJ3383" s="128"/>
      <c r="AK3383" s="128"/>
      <c r="AL3383" s="128"/>
      <c r="AM3383" s="128"/>
      <c r="AN3383" s="128"/>
      <c r="AO3383" s="128"/>
      <c r="AP3383" s="128"/>
      <c r="AQ3383" s="128"/>
      <c r="AR3383" s="128"/>
      <c r="AS3383" s="128"/>
      <c r="AT3383" s="128"/>
      <c r="AU3383" s="128"/>
      <c r="AV3383" s="128"/>
      <c r="AW3383" s="128"/>
      <c r="AX3383" s="128"/>
      <c r="AY3383" s="128"/>
      <c r="AZ3383" s="128"/>
      <c r="BA3383" s="128"/>
      <c r="BB3383" s="107">
        <v>45884</v>
      </c>
    </row>
    <row r="3384" spans="1:54" s="8" customFormat="1" ht="13.95" customHeight="1" x14ac:dyDescent="0.25">
      <c r="A3384" s="219" t="s">
        <v>7625</v>
      </c>
      <c r="B3384" s="220" t="s">
        <v>6395</v>
      </c>
      <c r="C3384" s="98" t="s">
        <v>7626</v>
      </c>
      <c r="D3384" s="98" t="s">
        <v>21067</v>
      </c>
      <c r="E3384" s="141">
        <v>1984</v>
      </c>
      <c r="F3384" s="141">
        <v>1919</v>
      </c>
      <c r="G3384" s="98" t="s">
        <v>8</v>
      </c>
      <c r="H3384" s="98">
        <v>0</v>
      </c>
      <c r="I3384" s="98">
        <v>0</v>
      </c>
      <c r="J3384" s="98" t="s">
        <v>400</v>
      </c>
      <c r="K3384" s="98" t="s">
        <v>400</v>
      </c>
      <c r="L3384" s="98" t="s">
        <v>400</v>
      </c>
      <c r="M3384" s="98" t="s">
        <v>400</v>
      </c>
      <c r="N3384" s="98" t="s">
        <v>400</v>
      </c>
      <c r="O3384" s="98" t="s">
        <v>400</v>
      </c>
      <c r="P3384" s="98" t="s">
        <v>400</v>
      </c>
      <c r="Q3384" s="98" t="s">
        <v>400</v>
      </c>
      <c r="R3384" s="98" t="s">
        <v>400</v>
      </c>
      <c r="S3384" s="98" t="s">
        <v>400</v>
      </c>
      <c r="T3384" s="98" t="s">
        <v>400</v>
      </c>
      <c r="U3384" s="98">
        <v>0</v>
      </c>
      <c r="V3384" s="98">
        <v>0</v>
      </c>
      <c r="W3384" s="98" t="s">
        <v>400</v>
      </c>
      <c r="X3384" s="98">
        <v>0</v>
      </c>
      <c r="Y3384" s="98">
        <v>0</v>
      </c>
      <c r="Z3384" s="98">
        <v>0</v>
      </c>
      <c r="AA3384" s="98" t="s">
        <v>400</v>
      </c>
      <c r="AB3384" s="98">
        <v>0</v>
      </c>
      <c r="AC3384" s="98">
        <v>0</v>
      </c>
      <c r="AD3384" s="98">
        <v>0</v>
      </c>
      <c r="AE3384" s="98">
        <v>0</v>
      </c>
      <c r="AF3384" s="98">
        <v>0</v>
      </c>
      <c r="AG3384" s="98">
        <v>0</v>
      </c>
      <c r="AH3384" s="98">
        <v>0</v>
      </c>
      <c r="AI3384" s="98">
        <v>0</v>
      </c>
      <c r="AJ3384" s="98">
        <v>0</v>
      </c>
      <c r="AK3384" s="98">
        <v>0</v>
      </c>
      <c r="AL3384" s="98">
        <v>0</v>
      </c>
      <c r="AM3384" s="98">
        <v>0</v>
      </c>
      <c r="AN3384" s="98">
        <v>0</v>
      </c>
      <c r="AO3384" s="98">
        <v>0</v>
      </c>
      <c r="AP3384" s="98">
        <v>0</v>
      </c>
      <c r="AQ3384" s="98">
        <v>0</v>
      </c>
      <c r="AR3384" s="98">
        <v>0</v>
      </c>
      <c r="AS3384" s="98">
        <v>0</v>
      </c>
      <c r="AT3384" s="129">
        <v>0</v>
      </c>
      <c r="AU3384" s="98">
        <v>0</v>
      </c>
      <c r="AV3384" s="98">
        <v>0</v>
      </c>
      <c r="AW3384" s="98">
        <v>0</v>
      </c>
      <c r="AX3384" s="98"/>
      <c r="AY3384" s="98"/>
      <c r="AZ3384" s="98"/>
      <c r="BA3384" s="98"/>
      <c r="BB3384" s="107">
        <v>45884</v>
      </c>
    </row>
    <row r="3385" spans="1:54" s="8" customFormat="1" ht="13.95" customHeight="1" x14ac:dyDescent="0.25">
      <c r="A3385" s="219" t="s">
        <v>7627</v>
      </c>
      <c r="B3385" s="220" t="s">
        <v>6395</v>
      </c>
      <c r="C3385" s="98" t="s">
        <v>7628</v>
      </c>
      <c r="D3385" s="98" t="s">
        <v>21068</v>
      </c>
      <c r="E3385" s="141">
        <v>1987</v>
      </c>
      <c r="F3385" s="141">
        <v>2474</v>
      </c>
      <c r="G3385" s="98" t="s">
        <v>8</v>
      </c>
      <c r="H3385" s="98">
        <v>0</v>
      </c>
      <c r="I3385" s="98">
        <v>0</v>
      </c>
      <c r="J3385" s="98" t="s">
        <v>400</v>
      </c>
      <c r="K3385" s="98" t="s">
        <v>400</v>
      </c>
      <c r="L3385" s="98" t="s">
        <v>400</v>
      </c>
      <c r="M3385" s="98" t="s">
        <v>400</v>
      </c>
      <c r="N3385" s="98" t="s">
        <v>400</v>
      </c>
      <c r="O3385" s="98" t="s">
        <v>400</v>
      </c>
      <c r="P3385" s="98" t="s">
        <v>400</v>
      </c>
      <c r="Q3385" s="98" t="s">
        <v>400</v>
      </c>
      <c r="R3385" s="98" t="s">
        <v>400</v>
      </c>
      <c r="S3385" s="98" t="s">
        <v>400</v>
      </c>
      <c r="T3385" s="98" t="s">
        <v>400</v>
      </c>
      <c r="U3385" s="98">
        <v>0</v>
      </c>
      <c r="V3385" s="98">
        <v>0</v>
      </c>
      <c r="W3385" s="98" t="s">
        <v>400</v>
      </c>
      <c r="X3385" s="98">
        <v>0</v>
      </c>
      <c r="Y3385" s="98">
        <v>0</v>
      </c>
      <c r="Z3385" s="98">
        <v>0</v>
      </c>
      <c r="AA3385" s="98" t="s">
        <v>400</v>
      </c>
      <c r="AB3385" s="98">
        <v>0</v>
      </c>
      <c r="AC3385" s="98">
        <v>0</v>
      </c>
      <c r="AD3385" s="98">
        <v>0</v>
      </c>
      <c r="AE3385" s="98">
        <v>0</v>
      </c>
      <c r="AF3385" s="98">
        <v>0</v>
      </c>
      <c r="AG3385" s="98">
        <v>0</v>
      </c>
      <c r="AH3385" s="98">
        <v>0</v>
      </c>
      <c r="AI3385" s="98">
        <v>0</v>
      </c>
      <c r="AJ3385" s="98">
        <v>0</v>
      </c>
      <c r="AK3385" s="98">
        <v>0</v>
      </c>
      <c r="AL3385" s="98">
        <v>0</v>
      </c>
      <c r="AM3385" s="98">
        <v>0</v>
      </c>
      <c r="AN3385" s="98">
        <v>0</v>
      </c>
      <c r="AO3385" s="98">
        <v>0</v>
      </c>
      <c r="AP3385" s="98">
        <v>0</v>
      </c>
      <c r="AQ3385" s="98">
        <v>0</v>
      </c>
      <c r="AR3385" s="98">
        <v>0</v>
      </c>
      <c r="AS3385" s="98">
        <v>0</v>
      </c>
      <c r="AT3385" s="129">
        <v>0</v>
      </c>
      <c r="AU3385" s="98">
        <v>0</v>
      </c>
      <c r="AV3385" s="98">
        <v>0</v>
      </c>
      <c r="AW3385" s="98">
        <v>0</v>
      </c>
      <c r="AX3385" s="98"/>
      <c r="AY3385" s="98"/>
      <c r="AZ3385" s="98"/>
      <c r="BA3385" s="98"/>
      <c r="BB3385" s="107">
        <v>45884</v>
      </c>
    </row>
    <row r="3386" spans="1:54" s="8" customFormat="1" ht="13.95" customHeight="1" x14ac:dyDescent="0.25">
      <c r="A3386" s="219" t="s">
        <v>7629</v>
      </c>
      <c r="B3386" s="220" t="s">
        <v>6395</v>
      </c>
      <c r="C3386" s="98" t="s">
        <v>7630</v>
      </c>
      <c r="D3386" s="98" t="s">
        <v>21069</v>
      </c>
      <c r="E3386" s="141">
        <v>1957</v>
      </c>
      <c r="F3386" s="141">
        <v>1937</v>
      </c>
      <c r="G3386" s="98" t="s">
        <v>1</v>
      </c>
      <c r="H3386" s="98">
        <v>0</v>
      </c>
      <c r="I3386" s="98">
        <v>0</v>
      </c>
      <c r="J3386" s="98" t="s">
        <v>400</v>
      </c>
      <c r="K3386" s="98" t="s">
        <v>400</v>
      </c>
      <c r="L3386" s="98" t="s">
        <v>400</v>
      </c>
      <c r="M3386" s="98" t="s">
        <v>400</v>
      </c>
      <c r="N3386" s="98" t="s">
        <v>400</v>
      </c>
      <c r="O3386" s="98" t="s">
        <v>400</v>
      </c>
      <c r="P3386" s="98" t="s">
        <v>400</v>
      </c>
      <c r="Q3386" s="98" t="s">
        <v>400</v>
      </c>
      <c r="R3386" s="98" t="s">
        <v>400</v>
      </c>
      <c r="S3386" s="98" t="s">
        <v>400</v>
      </c>
      <c r="T3386" s="98" t="s">
        <v>400</v>
      </c>
      <c r="U3386" s="128"/>
      <c r="V3386" s="128"/>
      <c r="W3386" s="128"/>
      <c r="X3386" s="128"/>
      <c r="Y3386" s="128"/>
      <c r="Z3386" s="128"/>
      <c r="AA3386" s="128"/>
      <c r="AB3386" s="128"/>
      <c r="AC3386" s="128"/>
      <c r="AD3386" s="128"/>
      <c r="AE3386" s="128"/>
      <c r="AF3386" s="128"/>
      <c r="AG3386" s="128"/>
      <c r="AH3386" s="128"/>
      <c r="AI3386" s="128"/>
      <c r="AJ3386" s="128"/>
      <c r="AK3386" s="128"/>
      <c r="AL3386" s="128"/>
      <c r="AM3386" s="128"/>
      <c r="AN3386" s="128"/>
      <c r="AO3386" s="128"/>
      <c r="AP3386" s="128"/>
      <c r="AQ3386" s="128"/>
      <c r="AR3386" s="128"/>
      <c r="AS3386" s="128"/>
      <c r="AT3386" s="128"/>
      <c r="AU3386" s="128"/>
      <c r="AV3386" s="128"/>
      <c r="AW3386" s="128"/>
      <c r="AX3386" s="128"/>
      <c r="AY3386" s="128"/>
      <c r="AZ3386" s="128"/>
      <c r="BA3386" s="128"/>
      <c r="BB3386" s="107">
        <v>45884</v>
      </c>
    </row>
    <row r="3387" spans="1:54" s="8" customFormat="1" ht="13.95" customHeight="1" x14ac:dyDescent="0.25">
      <c r="A3387" s="219" t="s">
        <v>7631</v>
      </c>
      <c r="B3387" s="220" t="s">
        <v>6395</v>
      </c>
      <c r="C3387" s="98" t="s">
        <v>7632</v>
      </c>
      <c r="D3387" s="98" t="s">
        <v>20472</v>
      </c>
      <c r="E3387" s="141">
        <v>1974</v>
      </c>
      <c r="F3387" s="141">
        <v>1959</v>
      </c>
      <c r="G3387" s="98" t="s">
        <v>1</v>
      </c>
      <c r="H3387" s="98">
        <v>1</v>
      </c>
      <c r="I3387" s="98">
        <v>1</v>
      </c>
      <c r="J3387" s="98" t="s">
        <v>400</v>
      </c>
      <c r="K3387" s="98" t="s">
        <v>400</v>
      </c>
      <c r="L3387" s="98" t="s">
        <v>400</v>
      </c>
      <c r="M3387" s="98" t="s">
        <v>400</v>
      </c>
      <c r="N3387" s="98" t="s">
        <v>400</v>
      </c>
      <c r="O3387" s="98" t="s">
        <v>400</v>
      </c>
      <c r="P3387" s="98" t="s">
        <v>400</v>
      </c>
      <c r="Q3387" s="98" t="s">
        <v>400</v>
      </c>
      <c r="R3387" s="98" t="s">
        <v>400</v>
      </c>
      <c r="S3387" s="98" t="s">
        <v>400</v>
      </c>
      <c r="T3387" s="98" t="s">
        <v>400</v>
      </c>
      <c r="U3387" s="128"/>
      <c r="V3387" s="128"/>
      <c r="W3387" s="128"/>
      <c r="X3387" s="128"/>
      <c r="Y3387" s="128"/>
      <c r="Z3387" s="128"/>
      <c r="AA3387" s="128"/>
      <c r="AB3387" s="128"/>
      <c r="AC3387" s="128"/>
      <c r="AD3387" s="128"/>
      <c r="AE3387" s="128"/>
      <c r="AF3387" s="128"/>
      <c r="AG3387" s="128"/>
      <c r="AH3387" s="128"/>
      <c r="AI3387" s="128"/>
      <c r="AJ3387" s="128"/>
      <c r="AK3387" s="128"/>
      <c r="AL3387" s="128"/>
      <c r="AM3387" s="128"/>
      <c r="AN3387" s="128"/>
      <c r="AO3387" s="128"/>
      <c r="AP3387" s="128"/>
      <c r="AQ3387" s="128"/>
      <c r="AR3387" s="128"/>
      <c r="AS3387" s="128"/>
      <c r="AT3387" s="128"/>
      <c r="AU3387" s="128"/>
      <c r="AV3387" s="128"/>
      <c r="AW3387" s="128"/>
      <c r="AX3387" s="128"/>
      <c r="AY3387" s="128"/>
      <c r="AZ3387" s="128"/>
      <c r="BA3387" s="128"/>
      <c r="BB3387" s="107">
        <v>45884</v>
      </c>
    </row>
    <row r="3388" spans="1:54" s="8" customFormat="1" ht="13.95" customHeight="1" x14ac:dyDescent="0.25">
      <c r="A3388" s="219" t="s">
        <v>7633</v>
      </c>
      <c r="B3388" s="220" t="s">
        <v>6395</v>
      </c>
      <c r="C3388" s="98" t="s">
        <v>7634</v>
      </c>
      <c r="D3388" s="98" t="s">
        <v>21070</v>
      </c>
      <c r="E3388" s="141">
        <v>1963</v>
      </c>
      <c r="F3388" s="141">
        <v>1961</v>
      </c>
      <c r="G3388" s="98" t="s">
        <v>1</v>
      </c>
      <c r="H3388" s="98">
        <v>0</v>
      </c>
      <c r="I3388" s="98">
        <v>0</v>
      </c>
      <c r="J3388" s="98" t="s">
        <v>400</v>
      </c>
      <c r="K3388" s="98" t="s">
        <v>400</v>
      </c>
      <c r="L3388" s="98" t="s">
        <v>400</v>
      </c>
      <c r="M3388" s="98" t="s">
        <v>400</v>
      </c>
      <c r="N3388" s="98" t="s">
        <v>400</v>
      </c>
      <c r="O3388" s="98" t="s">
        <v>400</v>
      </c>
      <c r="P3388" s="98" t="s">
        <v>400</v>
      </c>
      <c r="Q3388" s="98" t="s">
        <v>400</v>
      </c>
      <c r="R3388" s="98" t="s">
        <v>400</v>
      </c>
      <c r="S3388" s="98" t="s">
        <v>400</v>
      </c>
      <c r="T3388" s="98" t="s">
        <v>400</v>
      </c>
      <c r="U3388" s="128"/>
      <c r="V3388" s="128"/>
      <c r="W3388" s="128"/>
      <c r="X3388" s="128"/>
      <c r="Y3388" s="128"/>
      <c r="Z3388" s="128"/>
      <c r="AA3388" s="128"/>
      <c r="AB3388" s="128"/>
      <c r="AC3388" s="128"/>
      <c r="AD3388" s="128"/>
      <c r="AE3388" s="128"/>
      <c r="AF3388" s="128"/>
      <c r="AG3388" s="128"/>
      <c r="AH3388" s="128"/>
      <c r="AI3388" s="128"/>
      <c r="AJ3388" s="128"/>
      <c r="AK3388" s="128"/>
      <c r="AL3388" s="128"/>
      <c r="AM3388" s="128"/>
      <c r="AN3388" s="128"/>
      <c r="AO3388" s="128"/>
      <c r="AP3388" s="128"/>
      <c r="AQ3388" s="128"/>
      <c r="AR3388" s="128"/>
      <c r="AS3388" s="128"/>
      <c r="AT3388" s="128"/>
      <c r="AU3388" s="128"/>
      <c r="AV3388" s="128"/>
      <c r="AW3388" s="128"/>
      <c r="AX3388" s="128"/>
      <c r="AY3388" s="128"/>
      <c r="AZ3388" s="128"/>
      <c r="BA3388" s="128"/>
      <c r="BB3388" s="107">
        <v>45884</v>
      </c>
    </row>
    <row r="3389" spans="1:54" s="8" customFormat="1" ht="13.95" customHeight="1" x14ac:dyDescent="0.25">
      <c r="A3389" s="219" t="s">
        <v>7635</v>
      </c>
      <c r="B3389" s="220" t="s">
        <v>6395</v>
      </c>
      <c r="C3389" s="98" t="s">
        <v>7636</v>
      </c>
      <c r="D3389" s="98" t="s">
        <v>21071</v>
      </c>
      <c r="E3389" s="141">
        <v>2004</v>
      </c>
      <c r="F3389" s="141">
        <v>1962</v>
      </c>
      <c r="G3389" s="98" t="s">
        <v>1</v>
      </c>
      <c r="H3389" s="98">
        <v>0</v>
      </c>
      <c r="I3389" s="98">
        <v>0</v>
      </c>
      <c r="J3389" s="98" t="s">
        <v>400</v>
      </c>
      <c r="K3389" s="98" t="s">
        <v>400</v>
      </c>
      <c r="L3389" s="98" t="s">
        <v>400</v>
      </c>
      <c r="M3389" s="98" t="s">
        <v>400</v>
      </c>
      <c r="N3389" s="98" t="s">
        <v>400</v>
      </c>
      <c r="O3389" s="98" t="s">
        <v>400</v>
      </c>
      <c r="P3389" s="98" t="s">
        <v>400</v>
      </c>
      <c r="Q3389" s="98" t="s">
        <v>400</v>
      </c>
      <c r="R3389" s="98" t="s">
        <v>400</v>
      </c>
      <c r="S3389" s="98" t="s">
        <v>400</v>
      </c>
      <c r="T3389" s="98" t="s">
        <v>400</v>
      </c>
      <c r="U3389" s="128"/>
      <c r="V3389" s="128"/>
      <c r="W3389" s="128"/>
      <c r="X3389" s="128"/>
      <c r="Y3389" s="128"/>
      <c r="Z3389" s="128"/>
      <c r="AA3389" s="128"/>
      <c r="AB3389" s="128"/>
      <c r="AC3389" s="128"/>
      <c r="AD3389" s="128"/>
      <c r="AE3389" s="128"/>
      <c r="AF3389" s="128"/>
      <c r="AG3389" s="128"/>
      <c r="AH3389" s="128"/>
      <c r="AI3389" s="128"/>
      <c r="AJ3389" s="128"/>
      <c r="AK3389" s="128"/>
      <c r="AL3389" s="128"/>
      <c r="AM3389" s="128"/>
      <c r="AN3389" s="128"/>
      <c r="AO3389" s="128"/>
      <c r="AP3389" s="128"/>
      <c r="AQ3389" s="128"/>
      <c r="AR3389" s="128"/>
      <c r="AS3389" s="128"/>
      <c r="AT3389" s="128"/>
      <c r="AU3389" s="128"/>
      <c r="AV3389" s="128"/>
      <c r="AW3389" s="128"/>
      <c r="AX3389" s="128"/>
      <c r="AY3389" s="128"/>
      <c r="AZ3389" s="128"/>
      <c r="BA3389" s="128"/>
      <c r="BB3389" s="107">
        <v>45884</v>
      </c>
    </row>
    <row r="3390" spans="1:54" s="8" customFormat="1" ht="13.95" customHeight="1" x14ac:dyDescent="0.25">
      <c r="A3390" s="219" t="s">
        <v>7637</v>
      </c>
      <c r="B3390" s="220" t="s">
        <v>6395</v>
      </c>
      <c r="C3390" s="98" t="s">
        <v>22173</v>
      </c>
      <c r="D3390" s="98" t="s">
        <v>21072</v>
      </c>
      <c r="E3390" s="141">
        <v>1979</v>
      </c>
      <c r="F3390" s="141">
        <v>1964</v>
      </c>
      <c r="G3390" s="98" t="s">
        <v>1</v>
      </c>
      <c r="H3390" s="98">
        <v>0</v>
      </c>
      <c r="I3390" s="98">
        <v>0</v>
      </c>
      <c r="J3390" s="98" t="s">
        <v>400</v>
      </c>
      <c r="K3390" s="98" t="s">
        <v>400</v>
      </c>
      <c r="L3390" s="98" t="s">
        <v>400</v>
      </c>
      <c r="M3390" s="98" t="s">
        <v>400</v>
      </c>
      <c r="N3390" s="98" t="s">
        <v>400</v>
      </c>
      <c r="O3390" s="98" t="s">
        <v>400</v>
      </c>
      <c r="P3390" s="98" t="s">
        <v>400</v>
      </c>
      <c r="Q3390" s="98" t="s">
        <v>400</v>
      </c>
      <c r="R3390" s="98" t="s">
        <v>400</v>
      </c>
      <c r="S3390" s="98" t="s">
        <v>400</v>
      </c>
      <c r="T3390" s="98" t="s">
        <v>400</v>
      </c>
      <c r="U3390" s="128"/>
      <c r="V3390" s="128"/>
      <c r="W3390" s="128"/>
      <c r="X3390" s="128"/>
      <c r="Y3390" s="128"/>
      <c r="Z3390" s="128"/>
      <c r="AA3390" s="128"/>
      <c r="AB3390" s="128"/>
      <c r="AC3390" s="128"/>
      <c r="AD3390" s="128"/>
      <c r="AE3390" s="128"/>
      <c r="AF3390" s="128"/>
      <c r="AG3390" s="128"/>
      <c r="AH3390" s="128"/>
      <c r="AI3390" s="128"/>
      <c r="AJ3390" s="128"/>
      <c r="AK3390" s="128"/>
      <c r="AL3390" s="128"/>
      <c r="AM3390" s="128"/>
      <c r="AN3390" s="128"/>
      <c r="AO3390" s="128"/>
      <c r="AP3390" s="128"/>
      <c r="AQ3390" s="128"/>
      <c r="AR3390" s="128"/>
      <c r="AS3390" s="128"/>
      <c r="AT3390" s="128"/>
      <c r="AU3390" s="128"/>
      <c r="AV3390" s="128"/>
      <c r="AW3390" s="128"/>
      <c r="AX3390" s="128"/>
      <c r="AY3390" s="128"/>
      <c r="AZ3390" s="128"/>
      <c r="BA3390" s="128"/>
      <c r="BB3390" s="107">
        <v>45884</v>
      </c>
    </row>
    <row r="3391" spans="1:54" s="8" customFormat="1" ht="13.95" customHeight="1" x14ac:dyDescent="0.25">
      <c r="A3391" s="219" t="s">
        <v>7638</v>
      </c>
      <c r="B3391" s="220" t="s">
        <v>6395</v>
      </c>
      <c r="C3391" s="98" t="s">
        <v>7639</v>
      </c>
      <c r="D3391" s="98" t="s">
        <v>21073</v>
      </c>
      <c r="E3391" s="141">
        <v>1964</v>
      </c>
      <c r="F3391" s="141">
        <v>1973</v>
      </c>
      <c r="G3391" s="98" t="s">
        <v>1</v>
      </c>
      <c r="H3391" s="98">
        <v>0</v>
      </c>
      <c r="I3391" s="98">
        <v>0</v>
      </c>
      <c r="J3391" s="98" t="s">
        <v>400</v>
      </c>
      <c r="K3391" s="98" t="s">
        <v>400</v>
      </c>
      <c r="L3391" s="98" t="s">
        <v>400</v>
      </c>
      <c r="M3391" s="98" t="s">
        <v>400</v>
      </c>
      <c r="N3391" s="98" t="s">
        <v>400</v>
      </c>
      <c r="O3391" s="98" t="s">
        <v>400</v>
      </c>
      <c r="P3391" s="98" t="s">
        <v>400</v>
      </c>
      <c r="Q3391" s="98" t="s">
        <v>400</v>
      </c>
      <c r="R3391" s="98" t="s">
        <v>400</v>
      </c>
      <c r="S3391" s="98" t="s">
        <v>400</v>
      </c>
      <c r="T3391" s="98" t="s">
        <v>400</v>
      </c>
      <c r="U3391" s="128"/>
      <c r="V3391" s="128"/>
      <c r="W3391" s="128"/>
      <c r="X3391" s="128"/>
      <c r="Y3391" s="128"/>
      <c r="Z3391" s="128"/>
      <c r="AA3391" s="128"/>
      <c r="AB3391" s="128"/>
      <c r="AC3391" s="128"/>
      <c r="AD3391" s="128"/>
      <c r="AE3391" s="128"/>
      <c r="AF3391" s="128"/>
      <c r="AG3391" s="128"/>
      <c r="AH3391" s="128"/>
      <c r="AI3391" s="128"/>
      <c r="AJ3391" s="128"/>
      <c r="AK3391" s="128"/>
      <c r="AL3391" s="128"/>
      <c r="AM3391" s="128"/>
      <c r="AN3391" s="128"/>
      <c r="AO3391" s="128"/>
      <c r="AP3391" s="128"/>
      <c r="AQ3391" s="128"/>
      <c r="AR3391" s="128"/>
      <c r="AS3391" s="128"/>
      <c r="AT3391" s="128"/>
      <c r="AU3391" s="128"/>
      <c r="AV3391" s="128"/>
      <c r="AW3391" s="128"/>
      <c r="AX3391" s="128"/>
      <c r="AY3391" s="128"/>
      <c r="AZ3391" s="128"/>
      <c r="BA3391" s="128"/>
      <c r="BB3391" s="107">
        <v>45884</v>
      </c>
    </row>
    <row r="3392" spans="1:54" s="8" customFormat="1" ht="13.95" customHeight="1" x14ac:dyDescent="0.25">
      <c r="A3392" s="219" t="s">
        <v>7640</v>
      </c>
      <c r="B3392" s="220" t="s">
        <v>6395</v>
      </c>
      <c r="C3392" s="98" t="s">
        <v>7641</v>
      </c>
      <c r="D3392" s="98" t="s">
        <v>21074</v>
      </c>
      <c r="E3392" s="141">
        <v>1975</v>
      </c>
      <c r="F3392" s="141">
        <v>1999</v>
      </c>
      <c r="G3392" s="98" t="s">
        <v>1</v>
      </c>
      <c r="H3392" s="98">
        <v>0</v>
      </c>
      <c r="I3392" s="98">
        <v>0</v>
      </c>
      <c r="J3392" s="98" t="s">
        <v>400</v>
      </c>
      <c r="K3392" s="98" t="s">
        <v>400</v>
      </c>
      <c r="L3392" s="98" t="s">
        <v>400</v>
      </c>
      <c r="M3392" s="98" t="s">
        <v>400</v>
      </c>
      <c r="N3392" s="98" t="s">
        <v>400</v>
      </c>
      <c r="O3392" s="98" t="s">
        <v>400</v>
      </c>
      <c r="P3392" s="98" t="s">
        <v>400</v>
      </c>
      <c r="Q3392" s="98" t="s">
        <v>400</v>
      </c>
      <c r="R3392" s="98" t="s">
        <v>400</v>
      </c>
      <c r="S3392" s="98" t="s">
        <v>400</v>
      </c>
      <c r="T3392" s="98" t="s">
        <v>400</v>
      </c>
      <c r="U3392" s="128"/>
      <c r="V3392" s="128"/>
      <c r="W3392" s="128"/>
      <c r="X3392" s="128"/>
      <c r="Y3392" s="128"/>
      <c r="Z3392" s="128"/>
      <c r="AA3392" s="128"/>
      <c r="AB3392" s="128"/>
      <c r="AC3392" s="128"/>
      <c r="AD3392" s="128"/>
      <c r="AE3392" s="128"/>
      <c r="AF3392" s="128"/>
      <c r="AG3392" s="128"/>
      <c r="AH3392" s="128"/>
      <c r="AI3392" s="128"/>
      <c r="AJ3392" s="128"/>
      <c r="AK3392" s="128"/>
      <c r="AL3392" s="128"/>
      <c r="AM3392" s="128"/>
      <c r="AN3392" s="128"/>
      <c r="AO3392" s="128"/>
      <c r="AP3392" s="128"/>
      <c r="AQ3392" s="128"/>
      <c r="AR3392" s="128"/>
      <c r="AS3392" s="128"/>
      <c r="AT3392" s="128"/>
      <c r="AU3392" s="128"/>
      <c r="AV3392" s="128"/>
      <c r="AW3392" s="128"/>
      <c r="AX3392" s="128"/>
      <c r="AY3392" s="128"/>
      <c r="AZ3392" s="128"/>
      <c r="BA3392" s="128"/>
      <c r="BB3392" s="107">
        <v>45884</v>
      </c>
    </row>
    <row r="3393" spans="1:54" s="8" customFormat="1" ht="13.95" customHeight="1" x14ac:dyDescent="0.25">
      <c r="A3393" s="219" t="s">
        <v>7642</v>
      </c>
      <c r="B3393" s="220" t="s">
        <v>6395</v>
      </c>
      <c r="C3393" s="98" t="s">
        <v>7643</v>
      </c>
      <c r="D3393" s="98" t="s">
        <v>21075</v>
      </c>
      <c r="E3393" s="141">
        <v>1973</v>
      </c>
      <c r="F3393" s="141">
        <v>2018</v>
      </c>
      <c r="G3393" s="98" t="s">
        <v>1</v>
      </c>
      <c r="H3393" s="98">
        <v>0</v>
      </c>
      <c r="I3393" s="98">
        <v>0</v>
      </c>
      <c r="J3393" s="98" t="s">
        <v>400</v>
      </c>
      <c r="K3393" s="98" t="s">
        <v>400</v>
      </c>
      <c r="L3393" s="98" t="s">
        <v>400</v>
      </c>
      <c r="M3393" s="98" t="s">
        <v>400</v>
      </c>
      <c r="N3393" s="98" t="s">
        <v>400</v>
      </c>
      <c r="O3393" s="98" t="s">
        <v>400</v>
      </c>
      <c r="P3393" s="98" t="s">
        <v>400</v>
      </c>
      <c r="Q3393" s="98" t="s">
        <v>400</v>
      </c>
      <c r="R3393" s="98" t="s">
        <v>400</v>
      </c>
      <c r="S3393" s="98" t="s">
        <v>400</v>
      </c>
      <c r="T3393" s="98" t="s">
        <v>400</v>
      </c>
      <c r="U3393" s="128"/>
      <c r="V3393" s="128"/>
      <c r="W3393" s="128"/>
      <c r="X3393" s="128"/>
      <c r="Y3393" s="128"/>
      <c r="Z3393" s="128"/>
      <c r="AA3393" s="128"/>
      <c r="AB3393" s="128"/>
      <c r="AC3393" s="128"/>
      <c r="AD3393" s="128"/>
      <c r="AE3393" s="128"/>
      <c r="AF3393" s="128"/>
      <c r="AG3393" s="128"/>
      <c r="AH3393" s="128"/>
      <c r="AI3393" s="128"/>
      <c r="AJ3393" s="128"/>
      <c r="AK3393" s="128"/>
      <c r="AL3393" s="128"/>
      <c r="AM3393" s="128"/>
      <c r="AN3393" s="128"/>
      <c r="AO3393" s="128"/>
      <c r="AP3393" s="128"/>
      <c r="AQ3393" s="128"/>
      <c r="AR3393" s="128"/>
      <c r="AS3393" s="128"/>
      <c r="AT3393" s="128"/>
      <c r="AU3393" s="128"/>
      <c r="AV3393" s="128"/>
      <c r="AW3393" s="128"/>
      <c r="AX3393" s="128"/>
      <c r="AY3393" s="128"/>
      <c r="AZ3393" s="128"/>
      <c r="BA3393" s="128"/>
      <c r="BB3393" s="107">
        <v>45884</v>
      </c>
    </row>
    <row r="3394" spans="1:54" s="8" customFormat="1" ht="13.95" customHeight="1" x14ac:dyDescent="0.25">
      <c r="A3394" s="219" t="s">
        <v>7644</v>
      </c>
      <c r="B3394" s="220" t="s">
        <v>6395</v>
      </c>
      <c r="C3394" s="98" t="s">
        <v>7645</v>
      </c>
      <c r="D3394" s="98" t="s">
        <v>21076</v>
      </c>
      <c r="E3394" s="141">
        <v>1959</v>
      </c>
      <c r="F3394" s="141">
        <v>2021</v>
      </c>
      <c r="G3394" s="98" t="s">
        <v>1</v>
      </c>
      <c r="H3394" s="98">
        <v>0</v>
      </c>
      <c r="I3394" s="98">
        <v>0</v>
      </c>
      <c r="J3394" s="98" t="s">
        <v>400</v>
      </c>
      <c r="K3394" s="98" t="s">
        <v>400</v>
      </c>
      <c r="L3394" s="98" t="s">
        <v>400</v>
      </c>
      <c r="M3394" s="98" t="s">
        <v>400</v>
      </c>
      <c r="N3394" s="98" t="s">
        <v>400</v>
      </c>
      <c r="O3394" s="98" t="s">
        <v>400</v>
      </c>
      <c r="P3394" s="98" t="s">
        <v>400</v>
      </c>
      <c r="Q3394" s="98" t="s">
        <v>400</v>
      </c>
      <c r="R3394" s="98" t="s">
        <v>400</v>
      </c>
      <c r="S3394" s="98" t="s">
        <v>400</v>
      </c>
      <c r="T3394" s="98" t="s">
        <v>400</v>
      </c>
      <c r="U3394" s="128"/>
      <c r="V3394" s="128"/>
      <c r="W3394" s="128"/>
      <c r="X3394" s="128"/>
      <c r="Y3394" s="128"/>
      <c r="Z3394" s="128"/>
      <c r="AA3394" s="128"/>
      <c r="AB3394" s="128"/>
      <c r="AC3394" s="128"/>
      <c r="AD3394" s="128"/>
      <c r="AE3394" s="128"/>
      <c r="AF3394" s="128"/>
      <c r="AG3394" s="128"/>
      <c r="AH3394" s="128"/>
      <c r="AI3394" s="128"/>
      <c r="AJ3394" s="128"/>
      <c r="AK3394" s="128"/>
      <c r="AL3394" s="128"/>
      <c r="AM3394" s="128"/>
      <c r="AN3394" s="128"/>
      <c r="AO3394" s="128"/>
      <c r="AP3394" s="128"/>
      <c r="AQ3394" s="128"/>
      <c r="AR3394" s="128"/>
      <c r="AS3394" s="128"/>
      <c r="AT3394" s="128"/>
      <c r="AU3394" s="128"/>
      <c r="AV3394" s="128"/>
      <c r="AW3394" s="128"/>
      <c r="AX3394" s="128"/>
      <c r="AY3394" s="128"/>
      <c r="AZ3394" s="128"/>
      <c r="BA3394" s="128"/>
      <c r="BB3394" s="107">
        <v>45884</v>
      </c>
    </row>
    <row r="3395" spans="1:54" s="8" customFormat="1" ht="13.95" customHeight="1" x14ac:dyDescent="0.25">
      <c r="A3395" s="219" t="s">
        <v>7646</v>
      </c>
      <c r="B3395" s="220" t="s">
        <v>6395</v>
      </c>
      <c r="C3395" s="98" t="s">
        <v>7647</v>
      </c>
      <c r="D3395" s="98" t="s">
        <v>21077</v>
      </c>
      <c r="E3395" s="141">
        <v>1980</v>
      </c>
      <c r="F3395" s="141">
        <v>2030</v>
      </c>
      <c r="G3395" s="98" t="s">
        <v>1</v>
      </c>
      <c r="H3395" s="98">
        <v>0</v>
      </c>
      <c r="I3395" s="98">
        <v>0</v>
      </c>
      <c r="J3395" s="98" t="s">
        <v>400</v>
      </c>
      <c r="K3395" s="98" t="s">
        <v>400</v>
      </c>
      <c r="L3395" s="98" t="s">
        <v>400</v>
      </c>
      <c r="M3395" s="98" t="s">
        <v>400</v>
      </c>
      <c r="N3395" s="98" t="s">
        <v>400</v>
      </c>
      <c r="O3395" s="98" t="s">
        <v>400</v>
      </c>
      <c r="P3395" s="98" t="s">
        <v>400</v>
      </c>
      <c r="Q3395" s="98" t="s">
        <v>400</v>
      </c>
      <c r="R3395" s="98" t="s">
        <v>400</v>
      </c>
      <c r="S3395" s="98" t="s">
        <v>400</v>
      </c>
      <c r="T3395" s="98" t="s">
        <v>400</v>
      </c>
      <c r="U3395" s="128"/>
      <c r="V3395" s="128"/>
      <c r="W3395" s="128"/>
      <c r="X3395" s="128"/>
      <c r="Y3395" s="128"/>
      <c r="Z3395" s="128"/>
      <c r="AA3395" s="128"/>
      <c r="AB3395" s="128"/>
      <c r="AC3395" s="128"/>
      <c r="AD3395" s="128"/>
      <c r="AE3395" s="128"/>
      <c r="AF3395" s="128"/>
      <c r="AG3395" s="128"/>
      <c r="AH3395" s="128"/>
      <c r="AI3395" s="128"/>
      <c r="AJ3395" s="128"/>
      <c r="AK3395" s="128"/>
      <c r="AL3395" s="128"/>
      <c r="AM3395" s="128"/>
      <c r="AN3395" s="128"/>
      <c r="AO3395" s="128"/>
      <c r="AP3395" s="128"/>
      <c r="AQ3395" s="128"/>
      <c r="AR3395" s="128"/>
      <c r="AS3395" s="128"/>
      <c r="AT3395" s="128"/>
      <c r="AU3395" s="128"/>
      <c r="AV3395" s="128"/>
      <c r="AW3395" s="128"/>
      <c r="AX3395" s="128"/>
      <c r="AY3395" s="128"/>
      <c r="AZ3395" s="128"/>
      <c r="BA3395" s="128"/>
      <c r="BB3395" s="107">
        <v>45884</v>
      </c>
    </row>
    <row r="3396" spans="1:54" s="8" customFormat="1" ht="13.95" customHeight="1" x14ac:dyDescent="0.25">
      <c r="A3396" s="219" t="s">
        <v>7648</v>
      </c>
      <c r="B3396" s="220" t="s">
        <v>6395</v>
      </c>
      <c r="C3396" s="98" t="s">
        <v>7649</v>
      </c>
      <c r="D3396" s="98" t="s">
        <v>7650</v>
      </c>
      <c r="E3396" s="141">
        <v>2004</v>
      </c>
      <c r="F3396" s="141">
        <v>2032</v>
      </c>
      <c r="G3396" s="98" t="s">
        <v>1</v>
      </c>
      <c r="H3396" s="98">
        <v>0</v>
      </c>
      <c r="I3396" s="98">
        <v>0</v>
      </c>
      <c r="J3396" s="98" t="s">
        <v>400</v>
      </c>
      <c r="K3396" s="98" t="s">
        <v>400</v>
      </c>
      <c r="L3396" s="98" t="s">
        <v>400</v>
      </c>
      <c r="M3396" s="98" t="s">
        <v>400</v>
      </c>
      <c r="N3396" s="98" t="s">
        <v>400</v>
      </c>
      <c r="O3396" s="98" t="s">
        <v>400</v>
      </c>
      <c r="P3396" s="98" t="s">
        <v>400</v>
      </c>
      <c r="Q3396" s="98" t="s">
        <v>400</v>
      </c>
      <c r="R3396" s="98" t="s">
        <v>400</v>
      </c>
      <c r="S3396" s="98" t="s">
        <v>400</v>
      </c>
      <c r="T3396" s="98" t="s">
        <v>400</v>
      </c>
      <c r="U3396" s="128"/>
      <c r="V3396" s="128"/>
      <c r="W3396" s="128"/>
      <c r="X3396" s="128"/>
      <c r="Y3396" s="128"/>
      <c r="Z3396" s="128"/>
      <c r="AA3396" s="128"/>
      <c r="AB3396" s="128"/>
      <c r="AC3396" s="128"/>
      <c r="AD3396" s="128"/>
      <c r="AE3396" s="128"/>
      <c r="AF3396" s="128"/>
      <c r="AG3396" s="128"/>
      <c r="AH3396" s="128"/>
      <c r="AI3396" s="128"/>
      <c r="AJ3396" s="128"/>
      <c r="AK3396" s="128"/>
      <c r="AL3396" s="128"/>
      <c r="AM3396" s="128"/>
      <c r="AN3396" s="128"/>
      <c r="AO3396" s="128"/>
      <c r="AP3396" s="128"/>
      <c r="AQ3396" s="128"/>
      <c r="AR3396" s="128"/>
      <c r="AS3396" s="128"/>
      <c r="AT3396" s="128"/>
      <c r="AU3396" s="128"/>
      <c r="AV3396" s="128"/>
      <c r="AW3396" s="128"/>
      <c r="AX3396" s="128"/>
      <c r="AY3396" s="128"/>
      <c r="AZ3396" s="128"/>
      <c r="BA3396" s="128"/>
      <c r="BB3396" s="107">
        <v>45884</v>
      </c>
    </row>
    <row r="3397" spans="1:54" s="8" customFormat="1" ht="13.95" customHeight="1" x14ac:dyDescent="0.25">
      <c r="A3397" s="219" t="s">
        <v>7651</v>
      </c>
      <c r="B3397" s="220" t="s">
        <v>6395</v>
      </c>
      <c r="C3397" s="98" t="s">
        <v>4594</v>
      </c>
      <c r="D3397" s="98" t="s">
        <v>21078</v>
      </c>
      <c r="E3397" s="141">
        <v>1960</v>
      </c>
      <c r="F3397" s="141">
        <v>2048</v>
      </c>
      <c r="G3397" s="98" t="s">
        <v>1</v>
      </c>
      <c r="H3397" s="98">
        <v>0</v>
      </c>
      <c r="I3397" s="98">
        <v>0</v>
      </c>
      <c r="J3397" s="98" t="s">
        <v>400</v>
      </c>
      <c r="K3397" s="98" t="s">
        <v>400</v>
      </c>
      <c r="L3397" s="98" t="s">
        <v>400</v>
      </c>
      <c r="M3397" s="98" t="s">
        <v>400</v>
      </c>
      <c r="N3397" s="98" t="s">
        <v>400</v>
      </c>
      <c r="O3397" s="98" t="s">
        <v>400</v>
      </c>
      <c r="P3397" s="98" t="s">
        <v>400</v>
      </c>
      <c r="Q3397" s="98" t="s">
        <v>400</v>
      </c>
      <c r="R3397" s="98" t="s">
        <v>400</v>
      </c>
      <c r="S3397" s="98" t="s">
        <v>400</v>
      </c>
      <c r="T3397" s="98" t="s">
        <v>400</v>
      </c>
      <c r="U3397" s="128"/>
      <c r="V3397" s="128"/>
      <c r="W3397" s="128"/>
      <c r="X3397" s="128"/>
      <c r="Y3397" s="128"/>
      <c r="Z3397" s="128"/>
      <c r="AA3397" s="128"/>
      <c r="AB3397" s="128"/>
      <c r="AC3397" s="128"/>
      <c r="AD3397" s="128"/>
      <c r="AE3397" s="128"/>
      <c r="AF3397" s="128"/>
      <c r="AG3397" s="128"/>
      <c r="AH3397" s="128"/>
      <c r="AI3397" s="128"/>
      <c r="AJ3397" s="128"/>
      <c r="AK3397" s="128"/>
      <c r="AL3397" s="128"/>
      <c r="AM3397" s="128"/>
      <c r="AN3397" s="128"/>
      <c r="AO3397" s="128"/>
      <c r="AP3397" s="128"/>
      <c r="AQ3397" s="128"/>
      <c r="AR3397" s="128"/>
      <c r="AS3397" s="128"/>
      <c r="AT3397" s="128"/>
      <c r="AU3397" s="128"/>
      <c r="AV3397" s="128"/>
      <c r="AW3397" s="128"/>
      <c r="AX3397" s="128"/>
      <c r="AY3397" s="128"/>
      <c r="AZ3397" s="128"/>
      <c r="BA3397" s="128"/>
      <c r="BB3397" s="107">
        <v>45884</v>
      </c>
    </row>
    <row r="3398" spans="1:54" s="8" customFormat="1" ht="13.95" customHeight="1" x14ac:dyDescent="0.25">
      <c r="A3398" s="219" t="s">
        <v>7652</v>
      </c>
      <c r="B3398" s="220" t="s">
        <v>6395</v>
      </c>
      <c r="C3398" s="98" t="s">
        <v>7653</v>
      </c>
      <c r="D3398" s="98" t="s">
        <v>21079</v>
      </c>
      <c r="E3398" s="141">
        <v>1974</v>
      </c>
      <c r="F3398" s="141">
        <v>2058</v>
      </c>
      <c r="G3398" s="98" t="s">
        <v>1</v>
      </c>
      <c r="H3398" s="98">
        <v>1</v>
      </c>
      <c r="I3398" s="98">
        <v>0</v>
      </c>
      <c r="J3398" s="98" t="s">
        <v>400</v>
      </c>
      <c r="K3398" s="98" t="s">
        <v>400</v>
      </c>
      <c r="L3398" s="98" t="s">
        <v>400</v>
      </c>
      <c r="M3398" s="98" t="s">
        <v>400</v>
      </c>
      <c r="N3398" s="98" t="s">
        <v>400</v>
      </c>
      <c r="O3398" s="98" t="s">
        <v>400</v>
      </c>
      <c r="P3398" s="98" t="s">
        <v>400</v>
      </c>
      <c r="Q3398" s="98" t="s">
        <v>400</v>
      </c>
      <c r="R3398" s="98" t="s">
        <v>400</v>
      </c>
      <c r="S3398" s="98" t="s">
        <v>400</v>
      </c>
      <c r="T3398" s="98" t="s">
        <v>400</v>
      </c>
      <c r="U3398" s="128"/>
      <c r="V3398" s="128"/>
      <c r="W3398" s="128"/>
      <c r="X3398" s="128"/>
      <c r="Y3398" s="128"/>
      <c r="Z3398" s="128"/>
      <c r="AA3398" s="128"/>
      <c r="AB3398" s="128"/>
      <c r="AC3398" s="128"/>
      <c r="AD3398" s="128"/>
      <c r="AE3398" s="128"/>
      <c r="AF3398" s="128"/>
      <c r="AG3398" s="128"/>
      <c r="AH3398" s="128"/>
      <c r="AI3398" s="128"/>
      <c r="AJ3398" s="128"/>
      <c r="AK3398" s="128"/>
      <c r="AL3398" s="128"/>
      <c r="AM3398" s="128"/>
      <c r="AN3398" s="128"/>
      <c r="AO3398" s="128"/>
      <c r="AP3398" s="128"/>
      <c r="AQ3398" s="128"/>
      <c r="AR3398" s="128"/>
      <c r="AS3398" s="128"/>
      <c r="AT3398" s="128"/>
      <c r="AU3398" s="128"/>
      <c r="AV3398" s="128"/>
      <c r="AW3398" s="128"/>
      <c r="AX3398" s="128"/>
      <c r="AY3398" s="128"/>
      <c r="AZ3398" s="128"/>
      <c r="BA3398" s="128"/>
      <c r="BB3398" s="107">
        <v>45884</v>
      </c>
    </row>
    <row r="3399" spans="1:54" s="8" customFormat="1" ht="13.95" customHeight="1" x14ac:dyDescent="0.25">
      <c r="A3399" s="219" t="s">
        <v>7654</v>
      </c>
      <c r="B3399" s="220" t="s">
        <v>6395</v>
      </c>
      <c r="C3399" s="98" t="s">
        <v>7655</v>
      </c>
      <c r="D3399" s="98" t="s">
        <v>21080</v>
      </c>
      <c r="E3399" s="141">
        <v>1957</v>
      </c>
      <c r="F3399" s="141">
        <v>2060</v>
      </c>
      <c r="G3399" s="98" t="s">
        <v>1</v>
      </c>
      <c r="H3399" s="98">
        <v>0</v>
      </c>
      <c r="I3399" s="98">
        <v>0</v>
      </c>
      <c r="J3399" s="98" t="s">
        <v>400</v>
      </c>
      <c r="K3399" s="98" t="s">
        <v>400</v>
      </c>
      <c r="L3399" s="98" t="s">
        <v>400</v>
      </c>
      <c r="M3399" s="98" t="s">
        <v>400</v>
      </c>
      <c r="N3399" s="98" t="s">
        <v>400</v>
      </c>
      <c r="O3399" s="98" t="s">
        <v>400</v>
      </c>
      <c r="P3399" s="98" t="s">
        <v>400</v>
      </c>
      <c r="Q3399" s="98" t="s">
        <v>400</v>
      </c>
      <c r="R3399" s="98" t="s">
        <v>400</v>
      </c>
      <c r="S3399" s="98" t="s">
        <v>400</v>
      </c>
      <c r="T3399" s="98" t="s">
        <v>400</v>
      </c>
      <c r="U3399" s="128"/>
      <c r="V3399" s="128"/>
      <c r="W3399" s="128"/>
      <c r="X3399" s="128"/>
      <c r="Y3399" s="128"/>
      <c r="Z3399" s="128"/>
      <c r="AA3399" s="128"/>
      <c r="AB3399" s="128"/>
      <c r="AC3399" s="128"/>
      <c r="AD3399" s="128"/>
      <c r="AE3399" s="128"/>
      <c r="AF3399" s="128"/>
      <c r="AG3399" s="128"/>
      <c r="AH3399" s="128"/>
      <c r="AI3399" s="128"/>
      <c r="AJ3399" s="128"/>
      <c r="AK3399" s="128"/>
      <c r="AL3399" s="128"/>
      <c r="AM3399" s="128"/>
      <c r="AN3399" s="128"/>
      <c r="AO3399" s="128"/>
      <c r="AP3399" s="128"/>
      <c r="AQ3399" s="128"/>
      <c r="AR3399" s="128"/>
      <c r="AS3399" s="128"/>
      <c r="AT3399" s="128"/>
      <c r="AU3399" s="128"/>
      <c r="AV3399" s="128"/>
      <c r="AW3399" s="128"/>
      <c r="AX3399" s="128"/>
      <c r="AY3399" s="128"/>
      <c r="AZ3399" s="128"/>
      <c r="BA3399" s="128"/>
      <c r="BB3399" s="107">
        <v>45884</v>
      </c>
    </row>
    <row r="3400" spans="1:54" s="8" customFormat="1" ht="13.95" customHeight="1" x14ac:dyDescent="0.25">
      <c r="A3400" s="219" t="s">
        <v>7656</v>
      </c>
      <c r="B3400" s="220" t="s">
        <v>6395</v>
      </c>
      <c r="C3400" s="98" t="s">
        <v>7657</v>
      </c>
      <c r="D3400" s="98" t="s">
        <v>21081</v>
      </c>
      <c r="E3400" s="141">
        <v>1991</v>
      </c>
      <c r="F3400" s="141">
        <v>2074</v>
      </c>
      <c r="G3400" s="98" t="s">
        <v>1</v>
      </c>
      <c r="H3400" s="98">
        <v>0</v>
      </c>
      <c r="I3400" s="98">
        <v>0</v>
      </c>
      <c r="J3400" s="98" t="s">
        <v>400</v>
      </c>
      <c r="K3400" s="98" t="s">
        <v>400</v>
      </c>
      <c r="L3400" s="98" t="s">
        <v>400</v>
      </c>
      <c r="M3400" s="98" t="s">
        <v>400</v>
      </c>
      <c r="N3400" s="98" t="s">
        <v>400</v>
      </c>
      <c r="O3400" s="98" t="s">
        <v>400</v>
      </c>
      <c r="P3400" s="98" t="s">
        <v>400</v>
      </c>
      <c r="Q3400" s="98" t="s">
        <v>400</v>
      </c>
      <c r="R3400" s="98" t="s">
        <v>400</v>
      </c>
      <c r="S3400" s="98" t="s">
        <v>400</v>
      </c>
      <c r="T3400" s="98" t="s">
        <v>400</v>
      </c>
      <c r="U3400" s="128"/>
      <c r="V3400" s="128"/>
      <c r="W3400" s="128"/>
      <c r="X3400" s="128"/>
      <c r="Y3400" s="128"/>
      <c r="Z3400" s="128"/>
      <c r="AA3400" s="128"/>
      <c r="AB3400" s="128"/>
      <c r="AC3400" s="128"/>
      <c r="AD3400" s="128"/>
      <c r="AE3400" s="128"/>
      <c r="AF3400" s="128"/>
      <c r="AG3400" s="128"/>
      <c r="AH3400" s="128"/>
      <c r="AI3400" s="128"/>
      <c r="AJ3400" s="128"/>
      <c r="AK3400" s="128"/>
      <c r="AL3400" s="128"/>
      <c r="AM3400" s="128"/>
      <c r="AN3400" s="128"/>
      <c r="AO3400" s="128"/>
      <c r="AP3400" s="128"/>
      <c r="AQ3400" s="128"/>
      <c r="AR3400" s="128"/>
      <c r="AS3400" s="128"/>
      <c r="AT3400" s="128"/>
      <c r="AU3400" s="128"/>
      <c r="AV3400" s="128"/>
      <c r="AW3400" s="128"/>
      <c r="AX3400" s="128"/>
      <c r="AY3400" s="128"/>
      <c r="AZ3400" s="128"/>
      <c r="BA3400" s="128"/>
      <c r="BB3400" s="107">
        <v>45884</v>
      </c>
    </row>
    <row r="3401" spans="1:54" s="8" customFormat="1" ht="13.95" customHeight="1" x14ac:dyDescent="0.25">
      <c r="A3401" s="219" t="s">
        <v>7658</v>
      </c>
      <c r="B3401" s="220" t="s">
        <v>6395</v>
      </c>
      <c r="C3401" s="98" t="s">
        <v>22174</v>
      </c>
      <c r="D3401" s="98" t="s">
        <v>21082</v>
      </c>
      <c r="E3401" s="141">
        <v>1982</v>
      </c>
      <c r="F3401" s="141">
        <v>2082</v>
      </c>
      <c r="G3401" s="98" t="s">
        <v>1</v>
      </c>
      <c r="H3401" s="98">
        <v>0</v>
      </c>
      <c r="I3401" s="98">
        <v>0</v>
      </c>
      <c r="J3401" s="98" t="s">
        <v>400</v>
      </c>
      <c r="K3401" s="98" t="s">
        <v>400</v>
      </c>
      <c r="L3401" s="98" t="s">
        <v>400</v>
      </c>
      <c r="M3401" s="98" t="s">
        <v>400</v>
      </c>
      <c r="N3401" s="98" t="s">
        <v>400</v>
      </c>
      <c r="O3401" s="98" t="s">
        <v>400</v>
      </c>
      <c r="P3401" s="98" t="s">
        <v>400</v>
      </c>
      <c r="Q3401" s="98" t="s">
        <v>400</v>
      </c>
      <c r="R3401" s="98" t="s">
        <v>400</v>
      </c>
      <c r="S3401" s="98" t="s">
        <v>400</v>
      </c>
      <c r="T3401" s="98" t="s">
        <v>400</v>
      </c>
      <c r="U3401" s="128"/>
      <c r="V3401" s="128"/>
      <c r="W3401" s="128"/>
      <c r="X3401" s="128"/>
      <c r="Y3401" s="128"/>
      <c r="Z3401" s="128"/>
      <c r="AA3401" s="128"/>
      <c r="AB3401" s="128"/>
      <c r="AC3401" s="128"/>
      <c r="AD3401" s="128"/>
      <c r="AE3401" s="128"/>
      <c r="AF3401" s="128"/>
      <c r="AG3401" s="128"/>
      <c r="AH3401" s="128"/>
      <c r="AI3401" s="128"/>
      <c r="AJ3401" s="128"/>
      <c r="AK3401" s="128"/>
      <c r="AL3401" s="128"/>
      <c r="AM3401" s="128"/>
      <c r="AN3401" s="128"/>
      <c r="AO3401" s="128"/>
      <c r="AP3401" s="128"/>
      <c r="AQ3401" s="128"/>
      <c r="AR3401" s="128"/>
      <c r="AS3401" s="128"/>
      <c r="AT3401" s="128"/>
      <c r="AU3401" s="128"/>
      <c r="AV3401" s="128"/>
      <c r="AW3401" s="128"/>
      <c r="AX3401" s="128"/>
      <c r="AY3401" s="128"/>
      <c r="AZ3401" s="128"/>
      <c r="BA3401" s="128"/>
      <c r="BB3401" s="107">
        <v>45884</v>
      </c>
    </row>
    <row r="3402" spans="1:54" s="8" customFormat="1" ht="13.95" customHeight="1" x14ac:dyDescent="0.25">
      <c r="A3402" s="219" t="s">
        <v>7659</v>
      </c>
      <c r="B3402" s="220" t="s">
        <v>6395</v>
      </c>
      <c r="C3402" s="98" t="s">
        <v>7660</v>
      </c>
      <c r="D3402" s="98" t="s">
        <v>21083</v>
      </c>
      <c r="E3402" s="141">
        <v>1992</v>
      </c>
      <c r="F3402" s="141">
        <v>2115</v>
      </c>
      <c r="G3402" s="98" t="s">
        <v>1</v>
      </c>
      <c r="H3402" s="98">
        <v>0</v>
      </c>
      <c r="I3402" s="98">
        <v>0</v>
      </c>
      <c r="J3402" s="98" t="s">
        <v>400</v>
      </c>
      <c r="K3402" s="98" t="s">
        <v>400</v>
      </c>
      <c r="L3402" s="98" t="s">
        <v>400</v>
      </c>
      <c r="M3402" s="98" t="s">
        <v>400</v>
      </c>
      <c r="N3402" s="98" t="s">
        <v>400</v>
      </c>
      <c r="O3402" s="98" t="s">
        <v>400</v>
      </c>
      <c r="P3402" s="98" t="s">
        <v>400</v>
      </c>
      <c r="Q3402" s="98" t="s">
        <v>400</v>
      </c>
      <c r="R3402" s="98" t="s">
        <v>400</v>
      </c>
      <c r="S3402" s="98" t="s">
        <v>400</v>
      </c>
      <c r="T3402" s="98" t="s">
        <v>400</v>
      </c>
      <c r="U3402" s="128"/>
      <c r="V3402" s="128"/>
      <c r="W3402" s="128"/>
      <c r="X3402" s="128"/>
      <c r="Y3402" s="128"/>
      <c r="Z3402" s="128"/>
      <c r="AA3402" s="128"/>
      <c r="AB3402" s="128"/>
      <c r="AC3402" s="128"/>
      <c r="AD3402" s="128"/>
      <c r="AE3402" s="128"/>
      <c r="AF3402" s="128"/>
      <c r="AG3402" s="128"/>
      <c r="AH3402" s="128"/>
      <c r="AI3402" s="128"/>
      <c r="AJ3402" s="128"/>
      <c r="AK3402" s="128"/>
      <c r="AL3402" s="128"/>
      <c r="AM3402" s="128"/>
      <c r="AN3402" s="128"/>
      <c r="AO3402" s="128"/>
      <c r="AP3402" s="128"/>
      <c r="AQ3402" s="128"/>
      <c r="AR3402" s="128"/>
      <c r="AS3402" s="128"/>
      <c r="AT3402" s="128"/>
      <c r="AU3402" s="128"/>
      <c r="AV3402" s="128"/>
      <c r="AW3402" s="128"/>
      <c r="AX3402" s="128"/>
      <c r="AY3402" s="128"/>
      <c r="AZ3402" s="128"/>
      <c r="BA3402" s="128"/>
      <c r="BB3402" s="107">
        <v>45884</v>
      </c>
    </row>
    <row r="3403" spans="1:54" s="8" customFormat="1" ht="13.95" customHeight="1" x14ac:dyDescent="0.25">
      <c r="A3403" s="219" t="s">
        <v>7661</v>
      </c>
      <c r="B3403" s="220" t="s">
        <v>6395</v>
      </c>
      <c r="C3403" s="98" t="s">
        <v>7662</v>
      </c>
      <c r="D3403" s="98" t="s">
        <v>21084</v>
      </c>
      <c r="E3403" s="141">
        <v>1971</v>
      </c>
      <c r="F3403" s="141">
        <v>2124</v>
      </c>
      <c r="G3403" s="98" t="s">
        <v>1</v>
      </c>
      <c r="H3403" s="98">
        <v>0</v>
      </c>
      <c r="I3403" s="98">
        <v>0</v>
      </c>
      <c r="J3403" s="98" t="s">
        <v>400</v>
      </c>
      <c r="K3403" s="98" t="s">
        <v>400</v>
      </c>
      <c r="L3403" s="98" t="s">
        <v>400</v>
      </c>
      <c r="M3403" s="98" t="s">
        <v>400</v>
      </c>
      <c r="N3403" s="98" t="s">
        <v>400</v>
      </c>
      <c r="O3403" s="98" t="s">
        <v>400</v>
      </c>
      <c r="P3403" s="98" t="s">
        <v>400</v>
      </c>
      <c r="Q3403" s="98" t="s">
        <v>400</v>
      </c>
      <c r="R3403" s="98" t="s">
        <v>400</v>
      </c>
      <c r="S3403" s="98" t="s">
        <v>400</v>
      </c>
      <c r="T3403" s="98" t="s">
        <v>400</v>
      </c>
      <c r="U3403" s="128"/>
      <c r="V3403" s="128"/>
      <c r="W3403" s="128"/>
      <c r="X3403" s="128"/>
      <c r="Y3403" s="128"/>
      <c r="Z3403" s="128"/>
      <c r="AA3403" s="128"/>
      <c r="AB3403" s="128"/>
      <c r="AC3403" s="128"/>
      <c r="AD3403" s="128"/>
      <c r="AE3403" s="128"/>
      <c r="AF3403" s="128"/>
      <c r="AG3403" s="128"/>
      <c r="AH3403" s="128"/>
      <c r="AI3403" s="128"/>
      <c r="AJ3403" s="128"/>
      <c r="AK3403" s="128"/>
      <c r="AL3403" s="128"/>
      <c r="AM3403" s="128"/>
      <c r="AN3403" s="128"/>
      <c r="AO3403" s="128"/>
      <c r="AP3403" s="128"/>
      <c r="AQ3403" s="128"/>
      <c r="AR3403" s="128"/>
      <c r="AS3403" s="128"/>
      <c r="AT3403" s="128"/>
      <c r="AU3403" s="128"/>
      <c r="AV3403" s="128"/>
      <c r="AW3403" s="128"/>
      <c r="AX3403" s="128"/>
      <c r="AY3403" s="128"/>
      <c r="AZ3403" s="128"/>
      <c r="BA3403" s="128"/>
      <c r="BB3403" s="107">
        <v>45884</v>
      </c>
    </row>
    <row r="3404" spans="1:54" s="8" customFormat="1" ht="13.95" customHeight="1" x14ac:dyDescent="0.25">
      <c r="A3404" s="219" t="s">
        <v>7663</v>
      </c>
      <c r="B3404" s="220" t="s">
        <v>6395</v>
      </c>
      <c r="C3404" s="98" t="s">
        <v>7664</v>
      </c>
      <c r="D3404" s="98" t="s">
        <v>21085</v>
      </c>
      <c r="E3404" s="141">
        <v>1990</v>
      </c>
      <c r="F3404" s="141">
        <v>2145</v>
      </c>
      <c r="G3404" s="98" t="s">
        <v>8</v>
      </c>
      <c r="H3404" s="98">
        <v>0</v>
      </c>
      <c r="I3404" s="98">
        <v>0</v>
      </c>
      <c r="J3404" s="98" t="s">
        <v>400</v>
      </c>
      <c r="K3404" s="98" t="s">
        <v>400</v>
      </c>
      <c r="L3404" s="98" t="s">
        <v>400</v>
      </c>
      <c r="M3404" s="98" t="s">
        <v>400</v>
      </c>
      <c r="N3404" s="98" t="s">
        <v>400</v>
      </c>
      <c r="O3404" s="98" t="s">
        <v>400</v>
      </c>
      <c r="P3404" s="98" t="s">
        <v>400</v>
      </c>
      <c r="Q3404" s="98" t="s">
        <v>400</v>
      </c>
      <c r="R3404" s="98" t="s">
        <v>400</v>
      </c>
      <c r="S3404" s="98" t="s">
        <v>400</v>
      </c>
      <c r="T3404" s="98" t="s">
        <v>400</v>
      </c>
      <c r="U3404" s="98">
        <v>0</v>
      </c>
      <c r="V3404" s="98">
        <v>0</v>
      </c>
      <c r="W3404" s="98" t="s">
        <v>400</v>
      </c>
      <c r="X3404" s="98">
        <v>0</v>
      </c>
      <c r="Y3404" s="98">
        <v>0</v>
      </c>
      <c r="Z3404" s="98">
        <v>0</v>
      </c>
      <c r="AA3404" s="98" t="s">
        <v>400</v>
      </c>
      <c r="AB3404" s="98">
        <v>0</v>
      </c>
      <c r="AC3404" s="98">
        <v>0</v>
      </c>
      <c r="AD3404" s="98">
        <v>0</v>
      </c>
      <c r="AE3404" s="98">
        <v>0</v>
      </c>
      <c r="AF3404" s="98">
        <v>0</v>
      </c>
      <c r="AG3404" s="98">
        <v>0</v>
      </c>
      <c r="AH3404" s="98">
        <v>0</v>
      </c>
      <c r="AI3404" s="98">
        <v>0</v>
      </c>
      <c r="AJ3404" s="98">
        <v>0</v>
      </c>
      <c r="AK3404" s="98">
        <v>0</v>
      </c>
      <c r="AL3404" s="98">
        <v>0</v>
      </c>
      <c r="AM3404" s="98">
        <v>0</v>
      </c>
      <c r="AN3404" s="98">
        <v>0</v>
      </c>
      <c r="AO3404" s="98">
        <v>0</v>
      </c>
      <c r="AP3404" s="98">
        <v>0</v>
      </c>
      <c r="AQ3404" s="98">
        <v>0</v>
      </c>
      <c r="AR3404" s="98">
        <v>0</v>
      </c>
      <c r="AS3404" s="98">
        <v>0</v>
      </c>
      <c r="AT3404" s="129">
        <v>0</v>
      </c>
      <c r="AU3404" s="98">
        <v>0</v>
      </c>
      <c r="AV3404" s="98">
        <v>0</v>
      </c>
      <c r="AW3404" s="98">
        <v>0</v>
      </c>
      <c r="AX3404" s="98"/>
      <c r="AY3404" s="98"/>
      <c r="AZ3404" s="98"/>
      <c r="BA3404" s="98"/>
      <c r="BB3404" s="107">
        <v>45884</v>
      </c>
    </row>
    <row r="3405" spans="1:54" s="8" customFormat="1" ht="13.95" customHeight="1" x14ac:dyDescent="0.25">
      <c r="A3405" s="219" t="s">
        <v>7665</v>
      </c>
      <c r="B3405" s="220" t="s">
        <v>6395</v>
      </c>
      <c r="C3405" s="98" t="s">
        <v>7666</v>
      </c>
      <c r="D3405" s="98" t="s">
        <v>21086</v>
      </c>
      <c r="E3405" s="141">
        <v>1977</v>
      </c>
      <c r="F3405" s="141">
        <v>2150</v>
      </c>
      <c r="G3405" s="98" t="s">
        <v>8</v>
      </c>
      <c r="H3405" s="98">
        <v>0</v>
      </c>
      <c r="I3405" s="98">
        <v>0</v>
      </c>
      <c r="J3405" s="98" t="s">
        <v>400</v>
      </c>
      <c r="K3405" s="98" t="s">
        <v>400</v>
      </c>
      <c r="L3405" s="98" t="s">
        <v>400</v>
      </c>
      <c r="M3405" s="98" t="s">
        <v>400</v>
      </c>
      <c r="N3405" s="98" t="s">
        <v>400</v>
      </c>
      <c r="O3405" s="98" t="s">
        <v>400</v>
      </c>
      <c r="P3405" s="98" t="s">
        <v>400</v>
      </c>
      <c r="Q3405" s="98" t="s">
        <v>400</v>
      </c>
      <c r="R3405" s="98" t="s">
        <v>400</v>
      </c>
      <c r="S3405" s="98" t="s">
        <v>400</v>
      </c>
      <c r="T3405" s="98" t="s">
        <v>400</v>
      </c>
      <c r="U3405" s="98">
        <v>0</v>
      </c>
      <c r="V3405" s="98">
        <v>0</v>
      </c>
      <c r="W3405" s="98" t="s">
        <v>400</v>
      </c>
      <c r="X3405" s="98">
        <v>0</v>
      </c>
      <c r="Y3405" s="98">
        <v>0</v>
      </c>
      <c r="Z3405" s="98">
        <v>0</v>
      </c>
      <c r="AA3405" s="98" t="s">
        <v>400</v>
      </c>
      <c r="AB3405" s="98">
        <v>0</v>
      </c>
      <c r="AC3405" s="98">
        <v>0</v>
      </c>
      <c r="AD3405" s="98">
        <v>0</v>
      </c>
      <c r="AE3405" s="98">
        <v>0</v>
      </c>
      <c r="AF3405" s="98">
        <v>0</v>
      </c>
      <c r="AG3405" s="98">
        <v>0</v>
      </c>
      <c r="AH3405" s="98">
        <v>0</v>
      </c>
      <c r="AI3405" s="98">
        <v>0</v>
      </c>
      <c r="AJ3405" s="98">
        <v>0</v>
      </c>
      <c r="AK3405" s="98">
        <v>0</v>
      </c>
      <c r="AL3405" s="98">
        <v>0</v>
      </c>
      <c r="AM3405" s="98">
        <v>0</v>
      </c>
      <c r="AN3405" s="98">
        <v>0</v>
      </c>
      <c r="AO3405" s="98">
        <v>0</v>
      </c>
      <c r="AP3405" s="98">
        <v>0</v>
      </c>
      <c r="AQ3405" s="98">
        <v>0</v>
      </c>
      <c r="AR3405" s="98">
        <v>0</v>
      </c>
      <c r="AS3405" s="98">
        <v>0</v>
      </c>
      <c r="AT3405" s="129">
        <v>0</v>
      </c>
      <c r="AU3405" s="98">
        <v>0</v>
      </c>
      <c r="AV3405" s="98">
        <v>0</v>
      </c>
      <c r="AW3405" s="98">
        <v>0</v>
      </c>
      <c r="AX3405" s="98"/>
      <c r="AY3405" s="98"/>
      <c r="AZ3405" s="98"/>
      <c r="BA3405" s="98"/>
      <c r="BB3405" s="107">
        <v>45884</v>
      </c>
    </row>
    <row r="3406" spans="1:54" s="8" customFormat="1" ht="13.95" customHeight="1" x14ac:dyDescent="0.25">
      <c r="A3406" s="219" t="s">
        <v>7667</v>
      </c>
      <c r="B3406" s="220" t="s">
        <v>6395</v>
      </c>
      <c r="C3406" s="98" t="s">
        <v>7668</v>
      </c>
      <c r="D3406" s="98" t="s">
        <v>21087</v>
      </c>
      <c r="E3406" s="141">
        <v>1987</v>
      </c>
      <c r="F3406" s="141">
        <v>2152</v>
      </c>
      <c r="G3406" s="98" t="s">
        <v>1</v>
      </c>
      <c r="H3406" s="98">
        <v>0</v>
      </c>
      <c r="I3406" s="98">
        <v>0</v>
      </c>
      <c r="J3406" s="98" t="s">
        <v>400</v>
      </c>
      <c r="K3406" s="98" t="s">
        <v>400</v>
      </c>
      <c r="L3406" s="98" t="s">
        <v>400</v>
      </c>
      <c r="M3406" s="98" t="s">
        <v>400</v>
      </c>
      <c r="N3406" s="98" t="s">
        <v>400</v>
      </c>
      <c r="O3406" s="98" t="s">
        <v>400</v>
      </c>
      <c r="P3406" s="98" t="s">
        <v>400</v>
      </c>
      <c r="Q3406" s="98" t="s">
        <v>400</v>
      </c>
      <c r="R3406" s="98" t="s">
        <v>400</v>
      </c>
      <c r="S3406" s="98" t="s">
        <v>400</v>
      </c>
      <c r="T3406" s="98" t="s">
        <v>400</v>
      </c>
      <c r="U3406" s="128"/>
      <c r="V3406" s="128"/>
      <c r="W3406" s="128"/>
      <c r="X3406" s="128"/>
      <c r="Y3406" s="128"/>
      <c r="Z3406" s="128"/>
      <c r="AA3406" s="128"/>
      <c r="AB3406" s="128"/>
      <c r="AC3406" s="128"/>
      <c r="AD3406" s="128"/>
      <c r="AE3406" s="128"/>
      <c r="AF3406" s="128"/>
      <c r="AG3406" s="128"/>
      <c r="AH3406" s="128"/>
      <c r="AI3406" s="128"/>
      <c r="AJ3406" s="128"/>
      <c r="AK3406" s="128"/>
      <c r="AL3406" s="128"/>
      <c r="AM3406" s="128"/>
      <c r="AN3406" s="128"/>
      <c r="AO3406" s="128"/>
      <c r="AP3406" s="128"/>
      <c r="AQ3406" s="128"/>
      <c r="AR3406" s="128"/>
      <c r="AS3406" s="128"/>
      <c r="AT3406" s="128"/>
      <c r="AU3406" s="128"/>
      <c r="AV3406" s="128"/>
      <c r="AW3406" s="128"/>
      <c r="AX3406" s="128"/>
      <c r="AY3406" s="128"/>
      <c r="AZ3406" s="128"/>
      <c r="BA3406" s="128"/>
      <c r="BB3406" s="107">
        <v>45884</v>
      </c>
    </row>
    <row r="3407" spans="1:54" s="8" customFormat="1" ht="13.95" customHeight="1" x14ac:dyDescent="0.25">
      <c r="A3407" s="219" t="s">
        <v>7669</v>
      </c>
      <c r="B3407" s="220" t="s">
        <v>6395</v>
      </c>
      <c r="C3407" s="98" t="s">
        <v>7670</v>
      </c>
      <c r="D3407" s="98" t="s">
        <v>21088</v>
      </c>
      <c r="E3407" s="141">
        <v>1959</v>
      </c>
      <c r="F3407" s="141">
        <v>2154</v>
      </c>
      <c r="G3407" s="98" t="s">
        <v>1</v>
      </c>
      <c r="H3407" s="98">
        <v>0</v>
      </c>
      <c r="I3407" s="98">
        <v>0</v>
      </c>
      <c r="J3407" s="98" t="s">
        <v>400</v>
      </c>
      <c r="K3407" s="98" t="s">
        <v>400</v>
      </c>
      <c r="L3407" s="98" t="s">
        <v>400</v>
      </c>
      <c r="M3407" s="98" t="s">
        <v>400</v>
      </c>
      <c r="N3407" s="98" t="s">
        <v>400</v>
      </c>
      <c r="O3407" s="98" t="s">
        <v>400</v>
      </c>
      <c r="P3407" s="98" t="s">
        <v>400</v>
      </c>
      <c r="Q3407" s="98" t="s">
        <v>400</v>
      </c>
      <c r="R3407" s="98" t="s">
        <v>400</v>
      </c>
      <c r="S3407" s="98" t="s">
        <v>400</v>
      </c>
      <c r="T3407" s="98" t="s">
        <v>400</v>
      </c>
      <c r="U3407" s="128"/>
      <c r="V3407" s="128"/>
      <c r="W3407" s="128"/>
      <c r="X3407" s="128"/>
      <c r="Y3407" s="128"/>
      <c r="Z3407" s="128"/>
      <c r="AA3407" s="128"/>
      <c r="AB3407" s="128"/>
      <c r="AC3407" s="128"/>
      <c r="AD3407" s="128"/>
      <c r="AE3407" s="128"/>
      <c r="AF3407" s="128"/>
      <c r="AG3407" s="128"/>
      <c r="AH3407" s="128"/>
      <c r="AI3407" s="128"/>
      <c r="AJ3407" s="128"/>
      <c r="AK3407" s="128"/>
      <c r="AL3407" s="128"/>
      <c r="AM3407" s="128"/>
      <c r="AN3407" s="128"/>
      <c r="AO3407" s="128"/>
      <c r="AP3407" s="128"/>
      <c r="AQ3407" s="128"/>
      <c r="AR3407" s="128"/>
      <c r="AS3407" s="128"/>
      <c r="AT3407" s="128"/>
      <c r="AU3407" s="128"/>
      <c r="AV3407" s="128"/>
      <c r="AW3407" s="128"/>
      <c r="AX3407" s="128"/>
      <c r="AY3407" s="128"/>
      <c r="AZ3407" s="128"/>
      <c r="BA3407" s="128"/>
      <c r="BB3407" s="107">
        <v>45884</v>
      </c>
    </row>
    <row r="3408" spans="1:54" s="8" customFormat="1" ht="13.95" customHeight="1" x14ac:dyDescent="0.25">
      <c r="A3408" s="219" t="s">
        <v>7671</v>
      </c>
      <c r="B3408" s="220" t="s">
        <v>6395</v>
      </c>
      <c r="C3408" s="98" t="s">
        <v>7672</v>
      </c>
      <c r="D3408" s="98" t="s">
        <v>21089</v>
      </c>
      <c r="E3408" s="141">
        <v>1993</v>
      </c>
      <c r="F3408" s="141">
        <v>2158</v>
      </c>
      <c r="G3408" s="98" t="s">
        <v>1</v>
      </c>
      <c r="H3408" s="98">
        <v>0</v>
      </c>
      <c r="I3408" s="98">
        <v>0</v>
      </c>
      <c r="J3408" s="98" t="s">
        <v>400</v>
      </c>
      <c r="K3408" s="98" t="s">
        <v>400</v>
      </c>
      <c r="L3408" s="98" t="s">
        <v>400</v>
      </c>
      <c r="M3408" s="98" t="s">
        <v>400</v>
      </c>
      <c r="N3408" s="98" t="s">
        <v>400</v>
      </c>
      <c r="O3408" s="98" t="s">
        <v>400</v>
      </c>
      <c r="P3408" s="98" t="s">
        <v>400</v>
      </c>
      <c r="Q3408" s="98" t="s">
        <v>400</v>
      </c>
      <c r="R3408" s="98" t="s">
        <v>400</v>
      </c>
      <c r="S3408" s="98" t="s">
        <v>400</v>
      </c>
      <c r="T3408" s="98" t="s">
        <v>400</v>
      </c>
      <c r="U3408" s="128"/>
      <c r="V3408" s="128"/>
      <c r="W3408" s="128"/>
      <c r="X3408" s="128"/>
      <c r="Y3408" s="128"/>
      <c r="Z3408" s="128"/>
      <c r="AA3408" s="128"/>
      <c r="AB3408" s="128"/>
      <c r="AC3408" s="128"/>
      <c r="AD3408" s="128"/>
      <c r="AE3408" s="128"/>
      <c r="AF3408" s="128"/>
      <c r="AG3408" s="128"/>
      <c r="AH3408" s="128"/>
      <c r="AI3408" s="128"/>
      <c r="AJ3408" s="128"/>
      <c r="AK3408" s="128"/>
      <c r="AL3408" s="128"/>
      <c r="AM3408" s="128"/>
      <c r="AN3408" s="128"/>
      <c r="AO3408" s="128"/>
      <c r="AP3408" s="128"/>
      <c r="AQ3408" s="128"/>
      <c r="AR3408" s="128"/>
      <c r="AS3408" s="128"/>
      <c r="AT3408" s="128"/>
      <c r="AU3408" s="128"/>
      <c r="AV3408" s="128"/>
      <c r="AW3408" s="128"/>
      <c r="AX3408" s="128"/>
      <c r="AY3408" s="128"/>
      <c r="AZ3408" s="128"/>
      <c r="BA3408" s="128"/>
      <c r="BB3408" s="107">
        <v>45884</v>
      </c>
    </row>
    <row r="3409" spans="1:54" s="8" customFormat="1" ht="13.95" customHeight="1" x14ac:dyDescent="0.25">
      <c r="A3409" s="219" t="s">
        <v>7673</v>
      </c>
      <c r="B3409" s="220" t="s">
        <v>6395</v>
      </c>
      <c r="C3409" s="98" t="s">
        <v>7674</v>
      </c>
      <c r="D3409" s="98" t="s">
        <v>20473</v>
      </c>
      <c r="E3409" s="141">
        <v>1984</v>
      </c>
      <c r="F3409" s="141">
        <v>2159</v>
      </c>
      <c r="G3409" s="98" t="s">
        <v>1</v>
      </c>
      <c r="H3409" s="98">
        <v>1</v>
      </c>
      <c r="I3409" s="98">
        <v>0</v>
      </c>
      <c r="J3409" s="98" t="s">
        <v>400</v>
      </c>
      <c r="K3409" s="98" t="s">
        <v>400</v>
      </c>
      <c r="L3409" s="98" t="s">
        <v>400</v>
      </c>
      <c r="M3409" s="98" t="s">
        <v>400</v>
      </c>
      <c r="N3409" s="98" t="s">
        <v>400</v>
      </c>
      <c r="O3409" s="98" t="s">
        <v>400</v>
      </c>
      <c r="P3409" s="98" t="s">
        <v>400</v>
      </c>
      <c r="Q3409" s="98" t="s">
        <v>400</v>
      </c>
      <c r="R3409" s="98" t="s">
        <v>400</v>
      </c>
      <c r="S3409" s="98" t="s">
        <v>400</v>
      </c>
      <c r="T3409" s="98" t="s">
        <v>400</v>
      </c>
      <c r="U3409" s="128"/>
      <c r="V3409" s="128"/>
      <c r="W3409" s="128"/>
      <c r="X3409" s="128"/>
      <c r="Y3409" s="128"/>
      <c r="Z3409" s="128"/>
      <c r="AA3409" s="128"/>
      <c r="AB3409" s="128"/>
      <c r="AC3409" s="128"/>
      <c r="AD3409" s="128"/>
      <c r="AE3409" s="128"/>
      <c r="AF3409" s="128"/>
      <c r="AG3409" s="128"/>
      <c r="AH3409" s="128"/>
      <c r="AI3409" s="128"/>
      <c r="AJ3409" s="128"/>
      <c r="AK3409" s="128"/>
      <c r="AL3409" s="128"/>
      <c r="AM3409" s="128"/>
      <c r="AN3409" s="128"/>
      <c r="AO3409" s="128"/>
      <c r="AP3409" s="128"/>
      <c r="AQ3409" s="128"/>
      <c r="AR3409" s="128"/>
      <c r="AS3409" s="128"/>
      <c r="AT3409" s="128"/>
      <c r="AU3409" s="128"/>
      <c r="AV3409" s="128"/>
      <c r="AW3409" s="128"/>
      <c r="AX3409" s="128"/>
      <c r="AY3409" s="128"/>
      <c r="AZ3409" s="128"/>
      <c r="BA3409" s="128"/>
      <c r="BB3409" s="107">
        <v>45884</v>
      </c>
    </row>
    <row r="3410" spans="1:54" s="8" customFormat="1" ht="13.95" customHeight="1" x14ac:dyDescent="0.25">
      <c r="A3410" s="219" t="s">
        <v>7675</v>
      </c>
      <c r="B3410" s="220" t="s">
        <v>6395</v>
      </c>
      <c r="C3410" s="98" t="s">
        <v>7676</v>
      </c>
      <c r="D3410" s="98" t="s">
        <v>21090</v>
      </c>
      <c r="E3410" s="141">
        <v>1996</v>
      </c>
      <c r="F3410" s="141">
        <v>2198</v>
      </c>
      <c r="G3410" s="98" t="s">
        <v>1</v>
      </c>
      <c r="H3410" s="98">
        <v>0</v>
      </c>
      <c r="I3410" s="98">
        <v>0</v>
      </c>
      <c r="J3410" s="98" t="s">
        <v>400</v>
      </c>
      <c r="K3410" s="98" t="s">
        <v>400</v>
      </c>
      <c r="L3410" s="98" t="s">
        <v>400</v>
      </c>
      <c r="M3410" s="98" t="s">
        <v>400</v>
      </c>
      <c r="N3410" s="98" t="s">
        <v>400</v>
      </c>
      <c r="O3410" s="98" t="s">
        <v>400</v>
      </c>
      <c r="P3410" s="98" t="s">
        <v>400</v>
      </c>
      <c r="Q3410" s="98" t="s">
        <v>400</v>
      </c>
      <c r="R3410" s="98" t="s">
        <v>400</v>
      </c>
      <c r="S3410" s="98" t="s">
        <v>400</v>
      </c>
      <c r="T3410" s="98" t="s">
        <v>400</v>
      </c>
      <c r="U3410" s="128"/>
      <c r="V3410" s="128"/>
      <c r="W3410" s="128"/>
      <c r="X3410" s="128"/>
      <c r="Y3410" s="128"/>
      <c r="Z3410" s="128"/>
      <c r="AA3410" s="128"/>
      <c r="AB3410" s="128"/>
      <c r="AC3410" s="128"/>
      <c r="AD3410" s="128"/>
      <c r="AE3410" s="128"/>
      <c r="AF3410" s="128"/>
      <c r="AG3410" s="128"/>
      <c r="AH3410" s="128"/>
      <c r="AI3410" s="128"/>
      <c r="AJ3410" s="128"/>
      <c r="AK3410" s="128"/>
      <c r="AL3410" s="128"/>
      <c r="AM3410" s="128"/>
      <c r="AN3410" s="128"/>
      <c r="AO3410" s="128"/>
      <c r="AP3410" s="128"/>
      <c r="AQ3410" s="128"/>
      <c r="AR3410" s="128"/>
      <c r="AS3410" s="128"/>
      <c r="AT3410" s="128"/>
      <c r="AU3410" s="128"/>
      <c r="AV3410" s="128"/>
      <c r="AW3410" s="128"/>
      <c r="AX3410" s="128"/>
      <c r="AY3410" s="128"/>
      <c r="AZ3410" s="128"/>
      <c r="BA3410" s="128"/>
      <c r="BB3410" s="107">
        <v>45884</v>
      </c>
    </row>
    <row r="3411" spans="1:54" s="8" customFormat="1" ht="13.95" customHeight="1" x14ac:dyDescent="0.25">
      <c r="A3411" s="219" t="s">
        <v>7677</v>
      </c>
      <c r="B3411" s="220" t="s">
        <v>6395</v>
      </c>
      <c r="C3411" s="98" t="s">
        <v>7678</v>
      </c>
      <c r="D3411" s="98" t="s">
        <v>21091</v>
      </c>
      <c r="E3411" s="141">
        <v>2004</v>
      </c>
      <c r="F3411" s="141">
        <v>2206</v>
      </c>
      <c r="G3411" s="98" t="s">
        <v>1</v>
      </c>
      <c r="H3411" s="98">
        <v>0</v>
      </c>
      <c r="I3411" s="98">
        <v>0</v>
      </c>
      <c r="J3411" s="98" t="s">
        <v>400</v>
      </c>
      <c r="K3411" s="98" t="s">
        <v>400</v>
      </c>
      <c r="L3411" s="98" t="s">
        <v>400</v>
      </c>
      <c r="M3411" s="98" t="s">
        <v>400</v>
      </c>
      <c r="N3411" s="98" t="s">
        <v>400</v>
      </c>
      <c r="O3411" s="98" t="s">
        <v>400</v>
      </c>
      <c r="P3411" s="98" t="s">
        <v>400</v>
      </c>
      <c r="Q3411" s="98" t="s">
        <v>400</v>
      </c>
      <c r="R3411" s="98" t="s">
        <v>400</v>
      </c>
      <c r="S3411" s="98" t="s">
        <v>400</v>
      </c>
      <c r="T3411" s="98" t="s">
        <v>400</v>
      </c>
      <c r="U3411" s="128"/>
      <c r="V3411" s="128"/>
      <c r="W3411" s="128"/>
      <c r="X3411" s="128"/>
      <c r="Y3411" s="128"/>
      <c r="Z3411" s="128"/>
      <c r="AA3411" s="128"/>
      <c r="AB3411" s="128"/>
      <c r="AC3411" s="128"/>
      <c r="AD3411" s="128"/>
      <c r="AE3411" s="128"/>
      <c r="AF3411" s="128"/>
      <c r="AG3411" s="128"/>
      <c r="AH3411" s="128"/>
      <c r="AI3411" s="128"/>
      <c r="AJ3411" s="128"/>
      <c r="AK3411" s="128"/>
      <c r="AL3411" s="128"/>
      <c r="AM3411" s="128"/>
      <c r="AN3411" s="128"/>
      <c r="AO3411" s="128"/>
      <c r="AP3411" s="128"/>
      <c r="AQ3411" s="128"/>
      <c r="AR3411" s="128"/>
      <c r="AS3411" s="128"/>
      <c r="AT3411" s="128"/>
      <c r="AU3411" s="128"/>
      <c r="AV3411" s="128"/>
      <c r="AW3411" s="128"/>
      <c r="AX3411" s="128"/>
      <c r="AY3411" s="128"/>
      <c r="AZ3411" s="128"/>
      <c r="BA3411" s="128"/>
      <c r="BB3411" s="107">
        <v>45884</v>
      </c>
    </row>
    <row r="3412" spans="1:54" s="8" customFormat="1" ht="13.95" customHeight="1" x14ac:dyDescent="0.25">
      <c r="A3412" s="219" t="s">
        <v>7679</v>
      </c>
      <c r="B3412" s="220" t="s">
        <v>6395</v>
      </c>
      <c r="C3412" s="98" t="s">
        <v>7680</v>
      </c>
      <c r="D3412" s="98" t="s">
        <v>21092</v>
      </c>
      <c r="E3412" s="141">
        <v>2001</v>
      </c>
      <c r="F3412" s="141">
        <v>2243</v>
      </c>
      <c r="G3412" s="98" t="s">
        <v>1</v>
      </c>
      <c r="H3412" s="98">
        <v>0</v>
      </c>
      <c r="I3412" s="98">
        <v>0</v>
      </c>
      <c r="J3412" s="98" t="s">
        <v>400</v>
      </c>
      <c r="K3412" s="98" t="s">
        <v>400</v>
      </c>
      <c r="L3412" s="98" t="s">
        <v>400</v>
      </c>
      <c r="M3412" s="98" t="s">
        <v>400</v>
      </c>
      <c r="N3412" s="98" t="s">
        <v>400</v>
      </c>
      <c r="O3412" s="98" t="s">
        <v>400</v>
      </c>
      <c r="P3412" s="98" t="s">
        <v>400</v>
      </c>
      <c r="Q3412" s="98" t="s">
        <v>400</v>
      </c>
      <c r="R3412" s="98" t="s">
        <v>400</v>
      </c>
      <c r="S3412" s="98" t="s">
        <v>400</v>
      </c>
      <c r="T3412" s="98" t="s">
        <v>400</v>
      </c>
      <c r="U3412" s="128"/>
      <c r="V3412" s="128"/>
      <c r="W3412" s="128"/>
      <c r="X3412" s="128"/>
      <c r="Y3412" s="128"/>
      <c r="Z3412" s="128"/>
      <c r="AA3412" s="128"/>
      <c r="AB3412" s="128"/>
      <c r="AC3412" s="128"/>
      <c r="AD3412" s="128"/>
      <c r="AE3412" s="128"/>
      <c r="AF3412" s="128"/>
      <c r="AG3412" s="128"/>
      <c r="AH3412" s="128"/>
      <c r="AI3412" s="128"/>
      <c r="AJ3412" s="128"/>
      <c r="AK3412" s="128"/>
      <c r="AL3412" s="128"/>
      <c r="AM3412" s="128"/>
      <c r="AN3412" s="128"/>
      <c r="AO3412" s="128"/>
      <c r="AP3412" s="128"/>
      <c r="AQ3412" s="128"/>
      <c r="AR3412" s="128"/>
      <c r="AS3412" s="128"/>
      <c r="AT3412" s="128"/>
      <c r="AU3412" s="128"/>
      <c r="AV3412" s="128"/>
      <c r="AW3412" s="128"/>
      <c r="AX3412" s="128"/>
      <c r="AY3412" s="128"/>
      <c r="AZ3412" s="128"/>
      <c r="BA3412" s="128"/>
      <c r="BB3412" s="107">
        <v>45884</v>
      </c>
    </row>
    <row r="3413" spans="1:54" s="8" customFormat="1" ht="13.95" customHeight="1" x14ac:dyDescent="0.25">
      <c r="A3413" s="219" t="s">
        <v>7681</v>
      </c>
      <c r="B3413" s="220" t="s">
        <v>6395</v>
      </c>
      <c r="C3413" s="98" t="s">
        <v>7682</v>
      </c>
      <c r="D3413" s="98" t="s">
        <v>21093</v>
      </c>
      <c r="E3413" s="141">
        <v>1984</v>
      </c>
      <c r="F3413" s="141">
        <v>2254</v>
      </c>
      <c r="G3413" s="98" t="s">
        <v>1</v>
      </c>
      <c r="H3413" s="98">
        <v>0</v>
      </c>
      <c r="I3413" s="98">
        <v>0</v>
      </c>
      <c r="J3413" s="98" t="s">
        <v>400</v>
      </c>
      <c r="K3413" s="98" t="s">
        <v>400</v>
      </c>
      <c r="L3413" s="98" t="s">
        <v>400</v>
      </c>
      <c r="M3413" s="98" t="s">
        <v>400</v>
      </c>
      <c r="N3413" s="98" t="s">
        <v>400</v>
      </c>
      <c r="O3413" s="98" t="s">
        <v>400</v>
      </c>
      <c r="P3413" s="98" t="s">
        <v>400</v>
      </c>
      <c r="Q3413" s="98" t="s">
        <v>400</v>
      </c>
      <c r="R3413" s="98" t="s">
        <v>400</v>
      </c>
      <c r="S3413" s="98" t="s">
        <v>400</v>
      </c>
      <c r="T3413" s="98" t="s">
        <v>400</v>
      </c>
      <c r="U3413" s="128"/>
      <c r="V3413" s="128"/>
      <c r="W3413" s="128"/>
      <c r="X3413" s="128"/>
      <c r="Y3413" s="128"/>
      <c r="Z3413" s="128"/>
      <c r="AA3413" s="128"/>
      <c r="AB3413" s="128"/>
      <c r="AC3413" s="128"/>
      <c r="AD3413" s="128"/>
      <c r="AE3413" s="128"/>
      <c r="AF3413" s="128"/>
      <c r="AG3413" s="128"/>
      <c r="AH3413" s="128"/>
      <c r="AI3413" s="128"/>
      <c r="AJ3413" s="128"/>
      <c r="AK3413" s="128"/>
      <c r="AL3413" s="128"/>
      <c r="AM3413" s="128"/>
      <c r="AN3413" s="128"/>
      <c r="AO3413" s="128"/>
      <c r="AP3413" s="128"/>
      <c r="AQ3413" s="128"/>
      <c r="AR3413" s="128"/>
      <c r="AS3413" s="128"/>
      <c r="AT3413" s="128"/>
      <c r="AU3413" s="128"/>
      <c r="AV3413" s="128"/>
      <c r="AW3413" s="128"/>
      <c r="AX3413" s="128"/>
      <c r="AY3413" s="128"/>
      <c r="AZ3413" s="128"/>
      <c r="BA3413" s="128"/>
      <c r="BB3413" s="107">
        <v>45884</v>
      </c>
    </row>
    <row r="3414" spans="1:54" s="8" customFormat="1" ht="13.95" customHeight="1" x14ac:dyDescent="0.25">
      <c r="A3414" s="219" t="s">
        <v>7683</v>
      </c>
      <c r="B3414" s="220" t="s">
        <v>6395</v>
      </c>
      <c r="C3414" s="98" t="s">
        <v>7684</v>
      </c>
      <c r="D3414" s="98" t="s">
        <v>20474</v>
      </c>
      <c r="E3414" s="141">
        <v>1957</v>
      </c>
      <c r="F3414" s="141">
        <v>2266</v>
      </c>
      <c r="G3414" s="98" t="s">
        <v>1</v>
      </c>
      <c r="H3414" s="98">
        <v>0</v>
      </c>
      <c r="I3414" s="98">
        <v>0</v>
      </c>
      <c r="J3414" s="98" t="s">
        <v>400</v>
      </c>
      <c r="K3414" s="98" t="s">
        <v>400</v>
      </c>
      <c r="L3414" s="98" t="s">
        <v>400</v>
      </c>
      <c r="M3414" s="98" t="s">
        <v>400</v>
      </c>
      <c r="N3414" s="98" t="s">
        <v>400</v>
      </c>
      <c r="O3414" s="98" t="s">
        <v>400</v>
      </c>
      <c r="P3414" s="98" t="s">
        <v>400</v>
      </c>
      <c r="Q3414" s="98" t="s">
        <v>400</v>
      </c>
      <c r="R3414" s="98" t="s">
        <v>400</v>
      </c>
      <c r="S3414" s="98" t="s">
        <v>400</v>
      </c>
      <c r="T3414" s="98" t="s">
        <v>400</v>
      </c>
      <c r="U3414" s="128"/>
      <c r="V3414" s="128"/>
      <c r="W3414" s="128"/>
      <c r="X3414" s="128"/>
      <c r="Y3414" s="128"/>
      <c r="Z3414" s="128"/>
      <c r="AA3414" s="128"/>
      <c r="AB3414" s="128"/>
      <c r="AC3414" s="128"/>
      <c r="AD3414" s="128"/>
      <c r="AE3414" s="128"/>
      <c r="AF3414" s="128"/>
      <c r="AG3414" s="128"/>
      <c r="AH3414" s="128"/>
      <c r="AI3414" s="128"/>
      <c r="AJ3414" s="128"/>
      <c r="AK3414" s="128"/>
      <c r="AL3414" s="128"/>
      <c r="AM3414" s="128"/>
      <c r="AN3414" s="128"/>
      <c r="AO3414" s="128"/>
      <c r="AP3414" s="128"/>
      <c r="AQ3414" s="128"/>
      <c r="AR3414" s="128"/>
      <c r="AS3414" s="128"/>
      <c r="AT3414" s="128"/>
      <c r="AU3414" s="128"/>
      <c r="AV3414" s="128"/>
      <c r="AW3414" s="128"/>
      <c r="AX3414" s="128"/>
      <c r="AY3414" s="128"/>
      <c r="AZ3414" s="128"/>
      <c r="BA3414" s="128"/>
      <c r="BB3414" s="107">
        <v>45884</v>
      </c>
    </row>
    <row r="3415" spans="1:54" s="8" customFormat="1" ht="13.95" customHeight="1" x14ac:dyDescent="0.25">
      <c r="A3415" s="219" t="s">
        <v>7685</v>
      </c>
      <c r="B3415" s="220" t="s">
        <v>6395</v>
      </c>
      <c r="C3415" s="98" t="s">
        <v>7686</v>
      </c>
      <c r="D3415" s="98" t="s">
        <v>21094</v>
      </c>
      <c r="E3415" s="141">
        <v>2002</v>
      </c>
      <c r="F3415" s="141">
        <v>2269</v>
      </c>
      <c r="G3415" s="98" t="s">
        <v>1</v>
      </c>
      <c r="H3415" s="98">
        <v>0</v>
      </c>
      <c r="I3415" s="98">
        <v>0</v>
      </c>
      <c r="J3415" s="98" t="s">
        <v>400</v>
      </c>
      <c r="K3415" s="98" t="s">
        <v>400</v>
      </c>
      <c r="L3415" s="98" t="s">
        <v>400</v>
      </c>
      <c r="M3415" s="98" t="s">
        <v>400</v>
      </c>
      <c r="N3415" s="98" t="s">
        <v>400</v>
      </c>
      <c r="O3415" s="98" t="s">
        <v>400</v>
      </c>
      <c r="P3415" s="98" t="s">
        <v>400</v>
      </c>
      <c r="Q3415" s="98" t="s">
        <v>400</v>
      </c>
      <c r="R3415" s="98" t="s">
        <v>400</v>
      </c>
      <c r="S3415" s="98" t="s">
        <v>400</v>
      </c>
      <c r="T3415" s="98" t="s">
        <v>400</v>
      </c>
      <c r="U3415" s="128"/>
      <c r="V3415" s="128"/>
      <c r="W3415" s="128"/>
      <c r="X3415" s="128"/>
      <c r="Y3415" s="128"/>
      <c r="Z3415" s="128"/>
      <c r="AA3415" s="128"/>
      <c r="AB3415" s="128"/>
      <c r="AC3415" s="128"/>
      <c r="AD3415" s="128"/>
      <c r="AE3415" s="128"/>
      <c r="AF3415" s="128"/>
      <c r="AG3415" s="128"/>
      <c r="AH3415" s="128"/>
      <c r="AI3415" s="128"/>
      <c r="AJ3415" s="128"/>
      <c r="AK3415" s="128"/>
      <c r="AL3415" s="128"/>
      <c r="AM3415" s="128"/>
      <c r="AN3415" s="128"/>
      <c r="AO3415" s="128"/>
      <c r="AP3415" s="128"/>
      <c r="AQ3415" s="128"/>
      <c r="AR3415" s="128"/>
      <c r="AS3415" s="128"/>
      <c r="AT3415" s="128"/>
      <c r="AU3415" s="128"/>
      <c r="AV3415" s="128"/>
      <c r="AW3415" s="128"/>
      <c r="AX3415" s="128"/>
      <c r="AY3415" s="128"/>
      <c r="AZ3415" s="128"/>
      <c r="BA3415" s="128"/>
      <c r="BB3415" s="107">
        <v>45884</v>
      </c>
    </row>
    <row r="3416" spans="1:54" s="8" customFormat="1" ht="13.95" customHeight="1" x14ac:dyDescent="0.25">
      <c r="A3416" s="219" t="s">
        <v>7687</v>
      </c>
      <c r="B3416" s="220" t="s">
        <v>6395</v>
      </c>
      <c r="C3416" s="98" t="s">
        <v>7688</v>
      </c>
      <c r="D3416" s="98" t="s">
        <v>21095</v>
      </c>
      <c r="E3416" s="141">
        <v>1957</v>
      </c>
      <c r="F3416" s="141">
        <v>2275</v>
      </c>
      <c r="G3416" s="98" t="s">
        <v>1</v>
      </c>
      <c r="H3416" s="98">
        <v>1</v>
      </c>
      <c r="I3416" s="98">
        <v>1</v>
      </c>
      <c r="J3416" s="98" t="s">
        <v>400</v>
      </c>
      <c r="K3416" s="98" t="s">
        <v>400</v>
      </c>
      <c r="L3416" s="98" t="s">
        <v>400</v>
      </c>
      <c r="M3416" s="98" t="s">
        <v>400</v>
      </c>
      <c r="N3416" s="98" t="s">
        <v>400</v>
      </c>
      <c r="O3416" s="98" t="s">
        <v>400</v>
      </c>
      <c r="P3416" s="98" t="s">
        <v>400</v>
      </c>
      <c r="Q3416" s="98" t="s">
        <v>400</v>
      </c>
      <c r="R3416" s="98" t="s">
        <v>400</v>
      </c>
      <c r="S3416" s="98" t="s">
        <v>400</v>
      </c>
      <c r="T3416" s="98" t="s">
        <v>400</v>
      </c>
      <c r="U3416" s="128"/>
      <c r="V3416" s="128"/>
      <c r="W3416" s="128"/>
      <c r="X3416" s="128"/>
      <c r="Y3416" s="128"/>
      <c r="Z3416" s="128"/>
      <c r="AA3416" s="128"/>
      <c r="AB3416" s="128"/>
      <c r="AC3416" s="128"/>
      <c r="AD3416" s="128"/>
      <c r="AE3416" s="128"/>
      <c r="AF3416" s="128"/>
      <c r="AG3416" s="128"/>
      <c r="AH3416" s="128"/>
      <c r="AI3416" s="128"/>
      <c r="AJ3416" s="128"/>
      <c r="AK3416" s="128"/>
      <c r="AL3416" s="128"/>
      <c r="AM3416" s="128"/>
      <c r="AN3416" s="128"/>
      <c r="AO3416" s="128"/>
      <c r="AP3416" s="128"/>
      <c r="AQ3416" s="128"/>
      <c r="AR3416" s="128"/>
      <c r="AS3416" s="128"/>
      <c r="AT3416" s="128"/>
      <c r="AU3416" s="128"/>
      <c r="AV3416" s="128"/>
      <c r="AW3416" s="128"/>
      <c r="AX3416" s="128"/>
      <c r="AY3416" s="128"/>
      <c r="AZ3416" s="128"/>
      <c r="BA3416" s="128"/>
      <c r="BB3416" s="107">
        <v>45884</v>
      </c>
    </row>
    <row r="3417" spans="1:54" s="8" customFormat="1" ht="13.95" customHeight="1" x14ac:dyDescent="0.25">
      <c r="A3417" s="219" t="s">
        <v>7689</v>
      </c>
      <c r="B3417" s="220" t="s">
        <v>6395</v>
      </c>
      <c r="C3417" s="98" t="s">
        <v>7690</v>
      </c>
      <c r="D3417" s="98" t="s">
        <v>21096</v>
      </c>
      <c r="E3417" s="141">
        <v>2007</v>
      </c>
      <c r="F3417" s="141">
        <v>2289</v>
      </c>
      <c r="G3417" s="98" t="s">
        <v>1</v>
      </c>
      <c r="H3417" s="98">
        <v>0</v>
      </c>
      <c r="I3417" s="98">
        <v>0</v>
      </c>
      <c r="J3417" s="98" t="s">
        <v>400</v>
      </c>
      <c r="K3417" s="98" t="s">
        <v>400</v>
      </c>
      <c r="L3417" s="98" t="s">
        <v>400</v>
      </c>
      <c r="M3417" s="98" t="s">
        <v>400</v>
      </c>
      <c r="N3417" s="98" t="s">
        <v>400</v>
      </c>
      <c r="O3417" s="98" t="s">
        <v>400</v>
      </c>
      <c r="P3417" s="98" t="s">
        <v>400</v>
      </c>
      <c r="Q3417" s="98" t="s">
        <v>400</v>
      </c>
      <c r="R3417" s="98" t="s">
        <v>400</v>
      </c>
      <c r="S3417" s="98" t="s">
        <v>400</v>
      </c>
      <c r="T3417" s="98" t="s">
        <v>400</v>
      </c>
      <c r="U3417" s="128"/>
      <c r="V3417" s="128"/>
      <c r="W3417" s="128"/>
      <c r="X3417" s="128"/>
      <c r="Y3417" s="128"/>
      <c r="Z3417" s="128"/>
      <c r="AA3417" s="128"/>
      <c r="AB3417" s="128"/>
      <c r="AC3417" s="128"/>
      <c r="AD3417" s="128"/>
      <c r="AE3417" s="128"/>
      <c r="AF3417" s="128"/>
      <c r="AG3417" s="128"/>
      <c r="AH3417" s="128"/>
      <c r="AI3417" s="128"/>
      <c r="AJ3417" s="128"/>
      <c r="AK3417" s="128"/>
      <c r="AL3417" s="128"/>
      <c r="AM3417" s="128"/>
      <c r="AN3417" s="128"/>
      <c r="AO3417" s="128"/>
      <c r="AP3417" s="128"/>
      <c r="AQ3417" s="128"/>
      <c r="AR3417" s="128"/>
      <c r="AS3417" s="128"/>
      <c r="AT3417" s="128"/>
      <c r="AU3417" s="128"/>
      <c r="AV3417" s="128"/>
      <c r="AW3417" s="128"/>
      <c r="AX3417" s="128"/>
      <c r="AY3417" s="128"/>
      <c r="AZ3417" s="128"/>
      <c r="BA3417" s="128"/>
      <c r="BB3417" s="107">
        <v>45884</v>
      </c>
    </row>
    <row r="3418" spans="1:54" s="8" customFormat="1" ht="13.95" customHeight="1" x14ac:dyDescent="0.25">
      <c r="A3418" s="219" t="s">
        <v>7691</v>
      </c>
      <c r="B3418" s="220" t="s">
        <v>6395</v>
      </c>
      <c r="C3418" s="98" t="s">
        <v>7692</v>
      </c>
      <c r="D3418" s="98" t="s">
        <v>21097</v>
      </c>
      <c r="E3418" s="141">
        <v>1959</v>
      </c>
      <c r="F3418" s="141">
        <v>2297</v>
      </c>
      <c r="G3418" s="98" t="s">
        <v>1</v>
      </c>
      <c r="H3418" s="98">
        <v>0</v>
      </c>
      <c r="I3418" s="98">
        <v>0</v>
      </c>
      <c r="J3418" s="98" t="s">
        <v>400</v>
      </c>
      <c r="K3418" s="98" t="s">
        <v>400</v>
      </c>
      <c r="L3418" s="98" t="s">
        <v>400</v>
      </c>
      <c r="M3418" s="98" t="s">
        <v>400</v>
      </c>
      <c r="N3418" s="98" t="s">
        <v>400</v>
      </c>
      <c r="O3418" s="98" t="s">
        <v>400</v>
      </c>
      <c r="P3418" s="98" t="s">
        <v>400</v>
      </c>
      <c r="Q3418" s="98" t="s">
        <v>400</v>
      </c>
      <c r="R3418" s="98" t="s">
        <v>400</v>
      </c>
      <c r="S3418" s="98" t="s">
        <v>400</v>
      </c>
      <c r="T3418" s="98" t="s">
        <v>400</v>
      </c>
      <c r="U3418" s="128"/>
      <c r="V3418" s="128"/>
      <c r="W3418" s="128"/>
      <c r="X3418" s="128"/>
      <c r="Y3418" s="128"/>
      <c r="Z3418" s="128"/>
      <c r="AA3418" s="128"/>
      <c r="AB3418" s="128"/>
      <c r="AC3418" s="128"/>
      <c r="AD3418" s="128"/>
      <c r="AE3418" s="128"/>
      <c r="AF3418" s="128"/>
      <c r="AG3418" s="128"/>
      <c r="AH3418" s="128"/>
      <c r="AI3418" s="128"/>
      <c r="AJ3418" s="128"/>
      <c r="AK3418" s="128"/>
      <c r="AL3418" s="128"/>
      <c r="AM3418" s="128"/>
      <c r="AN3418" s="128"/>
      <c r="AO3418" s="128"/>
      <c r="AP3418" s="128"/>
      <c r="AQ3418" s="128"/>
      <c r="AR3418" s="128"/>
      <c r="AS3418" s="128"/>
      <c r="AT3418" s="128"/>
      <c r="AU3418" s="128"/>
      <c r="AV3418" s="128"/>
      <c r="AW3418" s="128"/>
      <c r="AX3418" s="128"/>
      <c r="AY3418" s="128"/>
      <c r="AZ3418" s="128"/>
      <c r="BA3418" s="128"/>
      <c r="BB3418" s="107">
        <v>45884</v>
      </c>
    </row>
    <row r="3419" spans="1:54" s="8" customFormat="1" ht="13.95" customHeight="1" x14ac:dyDescent="0.25">
      <c r="A3419" s="219" t="s">
        <v>7693</v>
      </c>
      <c r="B3419" s="220" t="s">
        <v>6395</v>
      </c>
      <c r="C3419" s="98" t="s">
        <v>22175</v>
      </c>
      <c r="D3419" s="98" t="s">
        <v>21098</v>
      </c>
      <c r="E3419" s="141">
        <v>1960</v>
      </c>
      <c r="F3419" s="141">
        <v>2300</v>
      </c>
      <c r="G3419" s="98" t="s">
        <v>1</v>
      </c>
      <c r="H3419" s="98">
        <v>0</v>
      </c>
      <c r="I3419" s="98">
        <v>0</v>
      </c>
      <c r="J3419" s="98" t="s">
        <v>400</v>
      </c>
      <c r="K3419" s="98" t="s">
        <v>400</v>
      </c>
      <c r="L3419" s="98" t="s">
        <v>400</v>
      </c>
      <c r="M3419" s="98" t="s">
        <v>400</v>
      </c>
      <c r="N3419" s="98" t="s">
        <v>400</v>
      </c>
      <c r="O3419" s="98" t="s">
        <v>400</v>
      </c>
      <c r="P3419" s="98" t="s">
        <v>400</v>
      </c>
      <c r="Q3419" s="98" t="s">
        <v>400</v>
      </c>
      <c r="R3419" s="98" t="s">
        <v>400</v>
      </c>
      <c r="S3419" s="98" t="s">
        <v>400</v>
      </c>
      <c r="T3419" s="98" t="s">
        <v>400</v>
      </c>
      <c r="U3419" s="128"/>
      <c r="V3419" s="128"/>
      <c r="W3419" s="128"/>
      <c r="X3419" s="128"/>
      <c r="Y3419" s="128"/>
      <c r="Z3419" s="128"/>
      <c r="AA3419" s="128"/>
      <c r="AB3419" s="128"/>
      <c r="AC3419" s="128"/>
      <c r="AD3419" s="128"/>
      <c r="AE3419" s="128"/>
      <c r="AF3419" s="128"/>
      <c r="AG3419" s="128"/>
      <c r="AH3419" s="128"/>
      <c r="AI3419" s="128"/>
      <c r="AJ3419" s="128"/>
      <c r="AK3419" s="128"/>
      <c r="AL3419" s="128"/>
      <c r="AM3419" s="128"/>
      <c r="AN3419" s="128"/>
      <c r="AO3419" s="128"/>
      <c r="AP3419" s="128"/>
      <c r="AQ3419" s="128"/>
      <c r="AR3419" s="128"/>
      <c r="AS3419" s="128"/>
      <c r="AT3419" s="128"/>
      <c r="AU3419" s="128"/>
      <c r="AV3419" s="128"/>
      <c r="AW3419" s="128"/>
      <c r="AX3419" s="128"/>
      <c r="AY3419" s="128"/>
      <c r="AZ3419" s="128"/>
      <c r="BA3419" s="128"/>
      <c r="BB3419" s="107">
        <v>45884</v>
      </c>
    </row>
    <row r="3420" spans="1:54" s="8" customFormat="1" ht="13.95" customHeight="1" x14ac:dyDescent="0.25">
      <c r="A3420" s="219" t="s">
        <v>7694</v>
      </c>
      <c r="B3420" s="220" t="s">
        <v>6395</v>
      </c>
      <c r="C3420" s="98" t="s">
        <v>7695</v>
      </c>
      <c r="D3420" s="98" t="s">
        <v>21099</v>
      </c>
      <c r="E3420" s="141">
        <v>1985</v>
      </c>
      <c r="F3420" s="141">
        <v>2326</v>
      </c>
      <c r="G3420" s="98" t="s">
        <v>1</v>
      </c>
      <c r="H3420" s="98">
        <v>0</v>
      </c>
      <c r="I3420" s="98">
        <v>0</v>
      </c>
      <c r="J3420" s="98" t="s">
        <v>400</v>
      </c>
      <c r="K3420" s="98" t="s">
        <v>400</v>
      </c>
      <c r="L3420" s="98" t="s">
        <v>400</v>
      </c>
      <c r="M3420" s="98" t="s">
        <v>400</v>
      </c>
      <c r="N3420" s="98" t="s">
        <v>400</v>
      </c>
      <c r="O3420" s="98" t="s">
        <v>400</v>
      </c>
      <c r="P3420" s="98" t="s">
        <v>400</v>
      </c>
      <c r="Q3420" s="98" t="s">
        <v>400</v>
      </c>
      <c r="R3420" s="98" t="s">
        <v>400</v>
      </c>
      <c r="S3420" s="98" t="s">
        <v>400</v>
      </c>
      <c r="T3420" s="98" t="s">
        <v>400</v>
      </c>
      <c r="U3420" s="128"/>
      <c r="V3420" s="128"/>
      <c r="W3420" s="128"/>
      <c r="X3420" s="128"/>
      <c r="Y3420" s="128"/>
      <c r="Z3420" s="128"/>
      <c r="AA3420" s="128"/>
      <c r="AB3420" s="128"/>
      <c r="AC3420" s="128"/>
      <c r="AD3420" s="128"/>
      <c r="AE3420" s="128"/>
      <c r="AF3420" s="128"/>
      <c r="AG3420" s="128"/>
      <c r="AH3420" s="128"/>
      <c r="AI3420" s="128"/>
      <c r="AJ3420" s="128"/>
      <c r="AK3420" s="128"/>
      <c r="AL3420" s="128"/>
      <c r="AM3420" s="128"/>
      <c r="AN3420" s="128"/>
      <c r="AO3420" s="128"/>
      <c r="AP3420" s="128"/>
      <c r="AQ3420" s="128"/>
      <c r="AR3420" s="128"/>
      <c r="AS3420" s="128"/>
      <c r="AT3420" s="128"/>
      <c r="AU3420" s="128"/>
      <c r="AV3420" s="128"/>
      <c r="AW3420" s="128"/>
      <c r="AX3420" s="128"/>
      <c r="AY3420" s="128"/>
      <c r="AZ3420" s="128"/>
      <c r="BA3420" s="128"/>
      <c r="BB3420" s="107">
        <v>45884</v>
      </c>
    </row>
    <row r="3421" spans="1:54" s="8" customFormat="1" ht="13.95" customHeight="1" x14ac:dyDescent="0.25">
      <c r="A3421" s="219" t="s">
        <v>7696</v>
      </c>
      <c r="B3421" s="220" t="s">
        <v>6395</v>
      </c>
      <c r="C3421" s="98" t="s">
        <v>22176</v>
      </c>
      <c r="D3421" s="98" t="s">
        <v>21100</v>
      </c>
      <c r="E3421" s="141">
        <v>1982</v>
      </c>
      <c r="F3421" s="141">
        <v>2340</v>
      </c>
      <c r="G3421" s="98" t="s">
        <v>1</v>
      </c>
      <c r="H3421" s="98">
        <v>0</v>
      </c>
      <c r="I3421" s="98">
        <v>0</v>
      </c>
      <c r="J3421" s="98" t="s">
        <v>400</v>
      </c>
      <c r="K3421" s="98" t="s">
        <v>400</v>
      </c>
      <c r="L3421" s="98" t="s">
        <v>400</v>
      </c>
      <c r="M3421" s="98" t="s">
        <v>400</v>
      </c>
      <c r="N3421" s="98" t="s">
        <v>400</v>
      </c>
      <c r="O3421" s="98" t="s">
        <v>400</v>
      </c>
      <c r="P3421" s="98" t="s">
        <v>400</v>
      </c>
      <c r="Q3421" s="98" t="s">
        <v>400</v>
      </c>
      <c r="R3421" s="98" t="s">
        <v>400</v>
      </c>
      <c r="S3421" s="98" t="s">
        <v>400</v>
      </c>
      <c r="T3421" s="98" t="s">
        <v>400</v>
      </c>
      <c r="U3421" s="128"/>
      <c r="V3421" s="128"/>
      <c r="W3421" s="128"/>
      <c r="X3421" s="128"/>
      <c r="Y3421" s="128"/>
      <c r="Z3421" s="128"/>
      <c r="AA3421" s="128"/>
      <c r="AB3421" s="128"/>
      <c r="AC3421" s="128"/>
      <c r="AD3421" s="128"/>
      <c r="AE3421" s="128"/>
      <c r="AF3421" s="128"/>
      <c r="AG3421" s="128"/>
      <c r="AH3421" s="128"/>
      <c r="AI3421" s="128"/>
      <c r="AJ3421" s="128"/>
      <c r="AK3421" s="128"/>
      <c r="AL3421" s="128"/>
      <c r="AM3421" s="128"/>
      <c r="AN3421" s="128"/>
      <c r="AO3421" s="128"/>
      <c r="AP3421" s="128"/>
      <c r="AQ3421" s="128"/>
      <c r="AR3421" s="128"/>
      <c r="AS3421" s="128"/>
      <c r="AT3421" s="128"/>
      <c r="AU3421" s="128"/>
      <c r="AV3421" s="128"/>
      <c r="AW3421" s="128"/>
      <c r="AX3421" s="128"/>
      <c r="AY3421" s="128"/>
      <c r="AZ3421" s="128"/>
      <c r="BA3421" s="128"/>
      <c r="BB3421" s="107">
        <v>45884</v>
      </c>
    </row>
    <row r="3422" spans="1:54" s="8" customFormat="1" ht="13.95" customHeight="1" x14ac:dyDescent="0.25">
      <c r="A3422" s="219" t="s">
        <v>7697</v>
      </c>
      <c r="B3422" s="220" t="s">
        <v>6395</v>
      </c>
      <c r="C3422" s="98" t="s">
        <v>7698</v>
      </c>
      <c r="D3422" s="98" t="s">
        <v>21101</v>
      </c>
      <c r="E3422" s="141">
        <v>1957</v>
      </c>
      <c r="F3422" s="141">
        <v>2340</v>
      </c>
      <c r="G3422" s="98" t="s">
        <v>1</v>
      </c>
      <c r="H3422" s="98">
        <v>0</v>
      </c>
      <c r="I3422" s="98">
        <v>0</v>
      </c>
      <c r="J3422" s="98" t="s">
        <v>400</v>
      </c>
      <c r="K3422" s="98" t="s">
        <v>400</v>
      </c>
      <c r="L3422" s="98" t="s">
        <v>400</v>
      </c>
      <c r="M3422" s="98" t="s">
        <v>400</v>
      </c>
      <c r="N3422" s="98" t="s">
        <v>400</v>
      </c>
      <c r="O3422" s="98" t="s">
        <v>400</v>
      </c>
      <c r="P3422" s="98" t="s">
        <v>400</v>
      </c>
      <c r="Q3422" s="98" t="s">
        <v>400</v>
      </c>
      <c r="R3422" s="98" t="s">
        <v>400</v>
      </c>
      <c r="S3422" s="98" t="s">
        <v>400</v>
      </c>
      <c r="T3422" s="98" t="s">
        <v>400</v>
      </c>
      <c r="U3422" s="128"/>
      <c r="V3422" s="128"/>
      <c r="W3422" s="128"/>
      <c r="X3422" s="128"/>
      <c r="Y3422" s="128"/>
      <c r="Z3422" s="128"/>
      <c r="AA3422" s="128"/>
      <c r="AB3422" s="128"/>
      <c r="AC3422" s="128"/>
      <c r="AD3422" s="128"/>
      <c r="AE3422" s="128"/>
      <c r="AF3422" s="128"/>
      <c r="AG3422" s="128"/>
      <c r="AH3422" s="128"/>
      <c r="AI3422" s="128"/>
      <c r="AJ3422" s="128"/>
      <c r="AK3422" s="128"/>
      <c r="AL3422" s="128"/>
      <c r="AM3422" s="128"/>
      <c r="AN3422" s="128"/>
      <c r="AO3422" s="128"/>
      <c r="AP3422" s="128"/>
      <c r="AQ3422" s="128"/>
      <c r="AR3422" s="128"/>
      <c r="AS3422" s="128"/>
      <c r="AT3422" s="128"/>
      <c r="AU3422" s="128"/>
      <c r="AV3422" s="128"/>
      <c r="AW3422" s="128"/>
      <c r="AX3422" s="128"/>
      <c r="AY3422" s="128"/>
      <c r="AZ3422" s="128"/>
      <c r="BA3422" s="128"/>
      <c r="BB3422" s="107">
        <v>45884</v>
      </c>
    </row>
    <row r="3423" spans="1:54" s="8" customFormat="1" ht="13.95" customHeight="1" x14ac:dyDescent="0.25">
      <c r="A3423" s="219" t="s">
        <v>7699</v>
      </c>
      <c r="B3423" s="220" t="s">
        <v>6395</v>
      </c>
      <c r="C3423" s="98" t="s">
        <v>7700</v>
      </c>
      <c r="D3423" s="98" t="s">
        <v>21102</v>
      </c>
      <c r="E3423" s="141">
        <v>1957</v>
      </c>
      <c r="F3423" s="141">
        <v>2341</v>
      </c>
      <c r="G3423" s="98" t="s">
        <v>1</v>
      </c>
      <c r="H3423" s="98">
        <v>0</v>
      </c>
      <c r="I3423" s="98">
        <v>0</v>
      </c>
      <c r="J3423" s="98" t="s">
        <v>400</v>
      </c>
      <c r="K3423" s="98" t="s">
        <v>400</v>
      </c>
      <c r="L3423" s="98" t="s">
        <v>400</v>
      </c>
      <c r="M3423" s="98" t="s">
        <v>400</v>
      </c>
      <c r="N3423" s="98" t="s">
        <v>400</v>
      </c>
      <c r="O3423" s="98" t="s">
        <v>400</v>
      </c>
      <c r="P3423" s="98" t="s">
        <v>400</v>
      </c>
      <c r="Q3423" s="98" t="s">
        <v>400</v>
      </c>
      <c r="R3423" s="98" t="s">
        <v>400</v>
      </c>
      <c r="S3423" s="98" t="s">
        <v>400</v>
      </c>
      <c r="T3423" s="98" t="s">
        <v>400</v>
      </c>
      <c r="U3423" s="128"/>
      <c r="V3423" s="128"/>
      <c r="W3423" s="128"/>
      <c r="X3423" s="128"/>
      <c r="Y3423" s="128"/>
      <c r="Z3423" s="128"/>
      <c r="AA3423" s="128"/>
      <c r="AB3423" s="128"/>
      <c r="AC3423" s="128"/>
      <c r="AD3423" s="128"/>
      <c r="AE3423" s="128"/>
      <c r="AF3423" s="128"/>
      <c r="AG3423" s="128"/>
      <c r="AH3423" s="128"/>
      <c r="AI3423" s="128"/>
      <c r="AJ3423" s="128"/>
      <c r="AK3423" s="128"/>
      <c r="AL3423" s="128"/>
      <c r="AM3423" s="128"/>
      <c r="AN3423" s="128"/>
      <c r="AO3423" s="128"/>
      <c r="AP3423" s="128"/>
      <c r="AQ3423" s="128"/>
      <c r="AR3423" s="128"/>
      <c r="AS3423" s="128"/>
      <c r="AT3423" s="128"/>
      <c r="AU3423" s="128"/>
      <c r="AV3423" s="128"/>
      <c r="AW3423" s="128"/>
      <c r="AX3423" s="128"/>
      <c r="AY3423" s="128"/>
      <c r="AZ3423" s="128"/>
      <c r="BA3423" s="128"/>
      <c r="BB3423" s="107">
        <v>45884</v>
      </c>
    </row>
    <row r="3424" spans="1:54" s="8" customFormat="1" ht="13.95" customHeight="1" x14ac:dyDescent="0.25">
      <c r="A3424" s="219" t="s">
        <v>7701</v>
      </c>
      <c r="B3424" s="220" t="s">
        <v>6395</v>
      </c>
      <c r="C3424" s="98" t="s">
        <v>7702</v>
      </c>
      <c r="D3424" s="98" t="s">
        <v>21103</v>
      </c>
      <c r="E3424" s="141">
        <v>1979</v>
      </c>
      <c r="F3424" s="141">
        <v>2345</v>
      </c>
      <c r="G3424" s="98" t="s">
        <v>1</v>
      </c>
      <c r="H3424" s="98">
        <v>0</v>
      </c>
      <c r="I3424" s="98">
        <v>0</v>
      </c>
      <c r="J3424" s="98" t="s">
        <v>400</v>
      </c>
      <c r="K3424" s="98" t="s">
        <v>400</v>
      </c>
      <c r="L3424" s="98" t="s">
        <v>400</v>
      </c>
      <c r="M3424" s="98" t="s">
        <v>400</v>
      </c>
      <c r="N3424" s="98" t="s">
        <v>400</v>
      </c>
      <c r="O3424" s="98" t="s">
        <v>400</v>
      </c>
      <c r="P3424" s="98" t="s">
        <v>400</v>
      </c>
      <c r="Q3424" s="98" t="s">
        <v>400</v>
      </c>
      <c r="R3424" s="98" t="s">
        <v>400</v>
      </c>
      <c r="S3424" s="98" t="s">
        <v>400</v>
      </c>
      <c r="T3424" s="98" t="s">
        <v>400</v>
      </c>
      <c r="U3424" s="128"/>
      <c r="V3424" s="128"/>
      <c r="W3424" s="128"/>
      <c r="X3424" s="128"/>
      <c r="Y3424" s="128"/>
      <c r="Z3424" s="128"/>
      <c r="AA3424" s="128"/>
      <c r="AB3424" s="128"/>
      <c r="AC3424" s="128"/>
      <c r="AD3424" s="128"/>
      <c r="AE3424" s="128"/>
      <c r="AF3424" s="128"/>
      <c r="AG3424" s="128"/>
      <c r="AH3424" s="128"/>
      <c r="AI3424" s="128"/>
      <c r="AJ3424" s="128"/>
      <c r="AK3424" s="128"/>
      <c r="AL3424" s="128"/>
      <c r="AM3424" s="128"/>
      <c r="AN3424" s="128"/>
      <c r="AO3424" s="128"/>
      <c r="AP3424" s="128"/>
      <c r="AQ3424" s="128"/>
      <c r="AR3424" s="128"/>
      <c r="AS3424" s="128"/>
      <c r="AT3424" s="128"/>
      <c r="AU3424" s="128"/>
      <c r="AV3424" s="128"/>
      <c r="AW3424" s="128"/>
      <c r="AX3424" s="128"/>
      <c r="AY3424" s="128"/>
      <c r="AZ3424" s="128"/>
      <c r="BA3424" s="128"/>
      <c r="BB3424" s="107">
        <v>45884</v>
      </c>
    </row>
    <row r="3425" spans="1:54" s="8" customFormat="1" ht="13.95" customHeight="1" x14ac:dyDescent="0.25">
      <c r="A3425" s="219" t="s">
        <v>7703</v>
      </c>
      <c r="B3425" s="220" t="s">
        <v>6395</v>
      </c>
      <c r="C3425" s="98" t="s">
        <v>7704</v>
      </c>
      <c r="D3425" s="98" t="s">
        <v>21104</v>
      </c>
      <c r="E3425" s="141">
        <v>1959</v>
      </c>
      <c r="F3425" s="141">
        <v>2361</v>
      </c>
      <c r="G3425" s="98" t="s">
        <v>1</v>
      </c>
      <c r="H3425" s="98">
        <v>0</v>
      </c>
      <c r="I3425" s="98">
        <v>0</v>
      </c>
      <c r="J3425" s="98" t="s">
        <v>400</v>
      </c>
      <c r="K3425" s="98" t="s">
        <v>400</v>
      </c>
      <c r="L3425" s="98" t="s">
        <v>400</v>
      </c>
      <c r="M3425" s="98" t="s">
        <v>400</v>
      </c>
      <c r="N3425" s="98" t="s">
        <v>400</v>
      </c>
      <c r="O3425" s="98" t="s">
        <v>400</v>
      </c>
      <c r="P3425" s="98" t="s">
        <v>400</v>
      </c>
      <c r="Q3425" s="98" t="s">
        <v>400</v>
      </c>
      <c r="R3425" s="98" t="s">
        <v>400</v>
      </c>
      <c r="S3425" s="98" t="s">
        <v>400</v>
      </c>
      <c r="T3425" s="98" t="s">
        <v>400</v>
      </c>
      <c r="U3425" s="128"/>
      <c r="V3425" s="128"/>
      <c r="W3425" s="128"/>
      <c r="X3425" s="128"/>
      <c r="Y3425" s="128"/>
      <c r="Z3425" s="128"/>
      <c r="AA3425" s="128"/>
      <c r="AB3425" s="128"/>
      <c r="AC3425" s="128"/>
      <c r="AD3425" s="128"/>
      <c r="AE3425" s="128"/>
      <c r="AF3425" s="128"/>
      <c r="AG3425" s="128"/>
      <c r="AH3425" s="128"/>
      <c r="AI3425" s="128"/>
      <c r="AJ3425" s="128"/>
      <c r="AK3425" s="128"/>
      <c r="AL3425" s="128"/>
      <c r="AM3425" s="128"/>
      <c r="AN3425" s="128"/>
      <c r="AO3425" s="128"/>
      <c r="AP3425" s="128"/>
      <c r="AQ3425" s="128"/>
      <c r="AR3425" s="128"/>
      <c r="AS3425" s="128"/>
      <c r="AT3425" s="128"/>
      <c r="AU3425" s="128"/>
      <c r="AV3425" s="128"/>
      <c r="AW3425" s="128"/>
      <c r="AX3425" s="128"/>
      <c r="AY3425" s="128"/>
      <c r="AZ3425" s="128"/>
      <c r="BA3425" s="128"/>
      <c r="BB3425" s="107">
        <v>45884</v>
      </c>
    </row>
    <row r="3426" spans="1:54" s="8" customFormat="1" ht="13.95" customHeight="1" x14ac:dyDescent="0.25">
      <c r="A3426" s="219" t="s">
        <v>7705</v>
      </c>
      <c r="B3426" s="220" t="s">
        <v>6395</v>
      </c>
      <c r="C3426" s="98" t="s">
        <v>7706</v>
      </c>
      <c r="D3426" s="98" t="s">
        <v>21105</v>
      </c>
      <c r="E3426" s="141">
        <v>1957</v>
      </c>
      <c r="F3426" s="141">
        <v>2392</v>
      </c>
      <c r="G3426" s="98" t="s">
        <v>1</v>
      </c>
      <c r="H3426" s="98">
        <v>0</v>
      </c>
      <c r="I3426" s="98">
        <v>0</v>
      </c>
      <c r="J3426" s="98" t="s">
        <v>400</v>
      </c>
      <c r="K3426" s="98" t="s">
        <v>400</v>
      </c>
      <c r="L3426" s="98" t="s">
        <v>400</v>
      </c>
      <c r="M3426" s="98" t="s">
        <v>400</v>
      </c>
      <c r="N3426" s="98" t="s">
        <v>400</v>
      </c>
      <c r="O3426" s="98" t="s">
        <v>400</v>
      </c>
      <c r="P3426" s="98" t="s">
        <v>400</v>
      </c>
      <c r="Q3426" s="98" t="s">
        <v>400</v>
      </c>
      <c r="R3426" s="98" t="s">
        <v>400</v>
      </c>
      <c r="S3426" s="98" t="s">
        <v>400</v>
      </c>
      <c r="T3426" s="98" t="s">
        <v>400</v>
      </c>
      <c r="U3426" s="128"/>
      <c r="V3426" s="128"/>
      <c r="W3426" s="128"/>
      <c r="X3426" s="128"/>
      <c r="Y3426" s="128"/>
      <c r="Z3426" s="128"/>
      <c r="AA3426" s="128"/>
      <c r="AB3426" s="128"/>
      <c r="AC3426" s="128"/>
      <c r="AD3426" s="128"/>
      <c r="AE3426" s="128"/>
      <c r="AF3426" s="128"/>
      <c r="AG3426" s="128"/>
      <c r="AH3426" s="128"/>
      <c r="AI3426" s="128"/>
      <c r="AJ3426" s="128"/>
      <c r="AK3426" s="128"/>
      <c r="AL3426" s="128"/>
      <c r="AM3426" s="128"/>
      <c r="AN3426" s="128"/>
      <c r="AO3426" s="128"/>
      <c r="AP3426" s="128"/>
      <c r="AQ3426" s="128"/>
      <c r="AR3426" s="128"/>
      <c r="AS3426" s="128"/>
      <c r="AT3426" s="128"/>
      <c r="AU3426" s="128"/>
      <c r="AV3426" s="128"/>
      <c r="AW3426" s="128"/>
      <c r="AX3426" s="128"/>
      <c r="AY3426" s="128"/>
      <c r="AZ3426" s="128"/>
      <c r="BA3426" s="128"/>
      <c r="BB3426" s="107">
        <v>45884</v>
      </c>
    </row>
    <row r="3427" spans="1:54" s="8" customFormat="1" ht="13.95" customHeight="1" x14ac:dyDescent="0.25">
      <c r="A3427" s="219" t="s">
        <v>7707</v>
      </c>
      <c r="B3427" s="220" t="s">
        <v>6395</v>
      </c>
      <c r="C3427" s="98" t="s">
        <v>7708</v>
      </c>
      <c r="D3427" s="98" t="s">
        <v>21106</v>
      </c>
      <c r="E3427" s="141">
        <v>1979</v>
      </c>
      <c r="F3427" s="141">
        <v>2394</v>
      </c>
      <c r="G3427" s="98" t="s">
        <v>1</v>
      </c>
      <c r="H3427" s="98">
        <v>0</v>
      </c>
      <c r="I3427" s="98">
        <v>0</v>
      </c>
      <c r="J3427" s="98" t="s">
        <v>400</v>
      </c>
      <c r="K3427" s="98" t="s">
        <v>400</v>
      </c>
      <c r="L3427" s="98" t="s">
        <v>400</v>
      </c>
      <c r="M3427" s="98" t="s">
        <v>400</v>
      </c>
      <c r="N3427" s="98" t="s">
        <v>400</v>
      </c>
      <c r="O3427" s="98" t="s">
        <v>400</v>
      </c>
      <c r="P3427" s="98" t="s">
        <v>400</v>
      </c>
      <c r="Q3427" s="98" t="s">
        <v>400</v>
      </c>
      <c r="R3427" s="98" t="s">
        <v>400</v>
      </c>
      <c r="S3427" s="98" t="s">
        <v>400</v>
      </c>
      <c r="T3427" s="98" t="s">
        <v>400</v>
      </c>
      <c r="U3427" s="128"/>
      <c r="V3427" s="128"/>
      <c r="W3427" s="128"/>
      <c r="X3427" s="128"/>
      <c r="Y3427" s="128"/>
      <c r="Z3427" s="128"/>
      <c r="AA3427" s="128"/>
      <c r="AB3427" s="128"/>
      <c r="AC3427" s="128"/>
      <c r="AD3427" s="128"/>
      <c r="AE3427" s="128"/>
      <c r="AF3427" s="128"/>
      <c r="AG3427" s="128"/>
      <c r="AH3427" s="128"/>
      <c r="AI3427" s="128"/>
      <c r="AJ3427" s="128"/>
      <c r="AK3427" s="128"/>
      <c r="AL3427" s="128"/>
      <c r="AM3427" s="128"/>
      <c r="AN3427" s="128"/>
      <c r="AO3427" s="128"/>
      <c r="AP3427" s="128"/>
      <c r="AQ3427" s="128"/>
      <c r="AR3427" s="128"/>
      <c r="AS3427" s="128"/>
      <c r="AT3427" s="128"/>
      <c r="AU3427" s="128"/>
      <c r="AV3427" s="128"/>
      <c r="AW3427" s="128"/>
      <c r="AX3427" s="128"/>
      <c r="AY3427" s="128"/>
      <c r="AZ3427" s="128"/>
      <c r="BA3427" s="128"/>
      <c r="BB3427" s="107">
        <v>45884</v>
      </c>
    </row>
    <row r="3428" spans="1:54" s="8" customFormat="1" ht="13.95" customHeight="1" x14ac:dyDescent="0.25">
      <c r="A3428" s="219" t="s">
        <v>7709</v>
      </c>
      <c r="B3428" s="220" t="s">
        <v>6395</v>
      </c>
      <c r="C3428" s="98" t="s">
        <v>7710</v>
      </c>
      <c r="D3428" s="98" t="s">
        <v>20475</v>
      </c>
      <c r="E3428" s="141">
        <v>2004</v>
      </c>
      <c r="F3428" s="141">
        <v>2397</v>
      </c>
      <c r="G3428" s="98" t="s">
        <v>1</v>
      </c>
      <c r="H3428" s="98">
        <v>0</v>
      </c>
      <c r="I3428" s="98">
        <v>0</v>
      </c>
      <c r="J3428" s="98" t="s">
        <v>400</v>
      </c>
      <c r="K3428" s="98" t="s">
        <v>400</v>
      </c>
      <c r="L3428" s="98" t="s">
        <v>400</v>
      </c>
      <c r="M3428" s="98" t="s">
        <v>400</v>
      </c>
      <c r="N3428" s="98" t="s">
        <v>400</v>
      </c>
      <c r="O3428" s="98" t="s">
        <v>400</v>
      </c>
      <c r="P3428" s="98" t="s">
        <v>400</v>
      </c>
      <c r="Q3428" s="98" t="s">
        <v>400</v>
      </c>
      <c r="R3428" s="98" t="s">
        <v>400</v>
      </c>
      <c r="S3428" s="98" t="s">
        <v>400</v>
      </c>
      <c r="T3428" s="98" t="s">
        <v>400</v>
      </c>
      <c r="U3428" s="128"/>
      <c r="V3428" s="128"/>
      <c r="W3428" s="128"/>
      <c r="X3428" s="128"/>
      <c r="Y3428" s="128"/>
      <c r="Z3428" s="128"/>
      <c r="AA3428" s="128"/>
      <c r="AB3428" s="128"/>
      <c r="AC3428" s="128"/>
      <c r="AD3428" s="128"/>
      <c r="AE3428" s="128"/>
      <c r="AF3428" s="128"/>
      <c r="AG3428" s="128"/>
      <c r="AH3428" s="128"/>
      <c r="AI3428" s="128"/>
      <c r="AJ3428" s="128"/>
      <c r="AK3428" s="128"/>
      <c r="AL3428" s="128"/>
      <c r="AM3428" s="128"/>
      <c r="AN3428" s="128"/>
      <c r="AO3428" s="128"/>
      <c r="AP3428" s="128"/>
      <c r="AQ3428" s="128"/>
      <c r="AR3428" s="128"/>
      <c r="AS3428" s="128"/>
      <c r="AT3428" s="128"/>
      <c r="AU3428" s="128"/>
      <c r="AV3428" s="128"/>
      <c r="AW3428" s="128"/>
      <c r="AX3428" s="128"/>
      <c r="AY3428" s="128"/>
      <c r="AZ3428" s="128"/>
      <c r="BA3428" s="128"/>
      <c r="BB3428" s="107">
        <v>45884</v>
      </c>
    </row>
    <row r="3429" spans="1:54" s="8" customFormat="1" ht="13.95" customHeight="1" x14ac:dyDescent="0.25">
      <c r="A3429" s="219" t="s">
        <v>7711</v>
      </c>
      <c r="B3429" s="220" t="s">
        <v>6395</v>
      </c>
      <c r="C3429" s="98" t="s">
        <v>7712</v>
      </c>
      <c r="D3429" s="98" t="s">
        <v>21107</v>
      </c>
      <c r="E3429" s="141">
        <v>1957</v>
      </c>
      <c r="F3429" s="141">
        <v>2462</v>
      </c>
      <c r="G3429" s="98" t="s">
        <v>1</v>
      </c>
      <c r="H3429" s="98">
        <v>0</v>
      </c>
      <c r="I3429" s="98">
        <v>0</v>
      </c>
      <c r="J3429" s="98" t="s">
        <v>400</v>
      </c>
      <c r="K3429" s="98" t="s">
        <v>400</v>
      </c>
      <c r="L3429" s="98" t="s">
        <v>400</v>
      </c>
      <c r="M3429" s="98" t="s">
        <v>400</v>
      </c>
      <c r="N3429" s="98" t="s">
        <v>400</v>
      </c>
      <c r="O3429" s="98" t="s">
        <v>400</v>
      </c>
      <c r="P3429" s="98" t="s">
        <v>400</v>
      </c>
      <c r="Q3429" s="98" t="s">
        <v>400</v>
      </c>
      <c r="R3429" s="98" t="s">
        <v>400</v>
      </c>
      <c r="S3429" s="98" t="s">
        <v>400</v>
      </c>
      <c r="T3429" s="98" t="s">
        <v>400</v>
      </c>
      <c r="U3429" s="128"/>
      <c r="V3429" s="128"/>
      <c r="W3429" s="128"/>
      <c r="X3429" s="128"/>
      <c r="Y3429" s="128"/>
      <c r="Z3429" s="128"/>
      <c r="AA3429" s="128"/>
      <c r="AB3429" s="128"/>
      <c r="AC3429" s="128"/>
      <c r="AD3429" s="128"/>
      <c r="AE3429" s="128"/>
      <c r="AF3429" s="128"/>
      <c r="AG3429" s="128"/>
      <c r="AH3429" s="128"/>
      <c r="AI3429" s="128"/>
      <c r="AJ3429" s="128"/>
      <c r="AK3429" s="128"/>
      <c r="AL3429" s="128"/>
      <c r="AM3429" s="128"/>
      <c r="AN3429" s="128"/>
      <c r="AO3429" s="128"/>
      <c r="AP3429" s="128"/>
      <c r="AQ3429" s="128"/>
      <c r="AR3429" s="128"/>
      <c r="AS3429" s="128"/>
      <c r="AT3429" s="128"/>
      <c r="AU3429" s="128"/>
      <c r="AV3429" s="128"/>
      <c r="AW3429" s="128"/>
      <c r="AX3429" s="128"/>
      <c r="AY3429" s="128"/>
      <c r="AZ3429" s="128"/>
      <c r="BA3429" s="128"/>
      <c r="BB3429" s="107">
        <v>45884</v>
      </c>
    </row>
    <row r="3430" spans="1:54" s="8" customFormat="1" ht="13.95" customHeight="1" x14ac:dyDescent="0.25">
      <c r="A3430" s="219" t="s">
        <v>7713</v>
      </c>
      <c r="B3430" s="220" t="s">
        <v>6395</v>
      </c>
      <c r="C3430" s="98" t="s">
        <v>7714</v>
      </c>
      <c r="D3430" s="98" t="s">
        <v>21108</v>
      </c>
      <c r="E3430" s="141">
        <v>1974</v>
      </c>
      <c r="F3430" s="141">
        <v>2473</v>
      </c>
      <c r="G3430" s="98" t="s">
        <v>1</v>
      </c>
      <c r="H3430" s="98">
        <v>1</v>
      </c>
      <c r="I3430" s="98">
        <v>0</v>
      </c>
      <c r="J3430" s="98" t="s">
        <v>400</v>
      </c>
      <c r="K3430" s="98" t="s">
        <v>400</v>
      </c>
      <c r="L3430" s="98" t="s">
        <v>400</v>
      </c>
      <c r="M3430" s="98" t="s">
        <v>400</v>
      </c>
      <c r="N3430" s="98" t="s">
        <v>400</v>
      </c>
      <c r="O3430" s="98" t="s">
        <v>400</v>
      </c>
      <c r="P3430" s="98" t="s">
        <v>400</v>
      </c>
      <c r="Q3430" s="98" t="s">
        <v>400</v>
      </c>
      <c r="R3430" s="98" t="s">
        <v>400</v>
      </c>
      <c r="S3430" s="98" t="s">
        <v>400</v>
      </c>
      <c r="T3430" s="98" t="s">
        <v>400</v>
      </c>
      <c r="U3430" s="128"/>
      <c r="V3430" s="128"/>
      <c r="W3430" s="128"/>
      <c r="X3430" s="128"/>
      <c r="Y3430" s="128"/>
      <c r="Z3430" s="128"/>
      <c r="AA3430" s="128"/>
      <c r="AB3430" s="128"/>
      <c r="AC3430" s="128"/>
      <c r="AD3430" s="128"/>
      <c r="AE3430" s="128"/>
      <c r="AF3430" s="128"/>
      <c r="AG3430" s="128"/>
      <c r="AH3430" s="128"/>
      <c r="AI3430" s="128"/>
      <c r="AJ3430" s="128"/>
      <c r="AK3430" s="128"/>
      <c r="AL3430" s="128"/>
      <c r="AM3430" s="128"/>
      <c r="AN3430" s="128"/>
      <c r="AO3430" s="128"/>
      <c r="AP3430" s="128"/>
      <c r="AQ3430" s="128"/>
      <c r="AR3430" s="128"/>
      <c r="AS3430" s="128"/>
      <c r="AT3430" s="128"/>
      <c r="AU3430" s="128"/>
      <c r="AV3430" s="128"/>
      <c r="AW3430" s="128"/>
      <c r="AX3430" s="128"/>
      <c r="AY3430" s="128"/>
      <c r="AZ3430" s="128"/>
      <c r="BA3430" s="128"/>
      <c r="BB3430" s="107">
        <v>45884</v>
      </c>
    </row>
    <row r="3431" spans="1:54" s="8" customFormat="1" ht="13.95" customHeight="1" x14ac:dyDescent="0.25">
      <c r="A3431" s="219" t="s">
        <v>7715</v>
      </c>
      <c r="B3431" s="220" t="s">
        <v>6395</v>
      </c>
      <c r="C3431" s="98" t="s">
        <v>7716</v>
      </c>
      <c r="D3431" s="98" t="s">
        <v>21109</v>
      </c>
      <c r="E3431" s="141">
        <v>1985</v>
      </c>
      <c r="F3431" s="141">
        <v>2476</v>
      </c>
      <c r="G3431" s="98" t="s">
        <v>11</v>
      </c>
      <c r="H3431" s="98">
        <v>0</v>
      </c>
      <c r="I3431" s="98">
        <v>0</v>
      </c>
      <c r="J3431" s="98" t="s">
        <v>400</v>
      </c>
      <c r="K3431" s="98" t="s">
        <v>400</v>
      </c>
      <c r="L3431" s="98" t="s">
        <v>400</v>
      </c>
      <c r="M3431" s="98" t="s">
        <v>400</v>
      </c>
      <c r="N3431" s="98" t="s">
        <v>400</v>
      </c>
      <c r="O3431" s="98" t="s">
        <v>400</v>
      </c>
      <c r="P3431" s="98" t="s">
        <v>400</v>
      </c>
      <c r="Q3431" s="98" t="s">
        <v>400</v>
      </c>
      <c r="R3431" s="98" t="s">
        <v>400</v>
      </c>
      <c r="S3431" s="98" t="s">
        <v>400</v>
      </c>
      <c r="T3431" s="98" t="s">
        <v>400</v>
      </c>
      <c r="U3431" s="98">
        <v>0</v>
      </c>
      <c r="V3431" s="98">
        <v>0</v>
      </c>
      <c r="W3431" s="98" t="s">
        <v>400</v>
      </c>
      <c r="X3431" s="98">
        <v>0</v>
      </c>
      <c r="Y3431" s="98">
        <v>0</v>
      </c>
      <c r="Z3431" s="98">
        <v>0</v>
      </c>
      <c r="AA3431" s="98" t="s">
        <v>400</v>
      </c>
      <c r="AB3431" s="98">
        <v>0</v>
      </c>
      <c r="AC3431" s="98">
        <v>0</v>
      </c>
      <c r="AD3431" s="98">
        <v>0</v>
      </c>
      <c r="AE3431" s="98">
        <v>0</v>
      </c>
      <c r="AF3431" s="98">
        <v>0</v>
      </c>
      <c r="AG3431" s="98">
        <v>0</v>
      </c>
      <c r="AH3431" s="98">
        <v>0</v>
      </c>
      <c r="AI3431" s="98">
        <v>0</v>
      </c>
      <c r="AJ3431" s="98">
        <v>0</v>
      </c>
      <c r="AK3431" s="98">
        <v>0</v>
      </c>
      <c r="AL3431" s="98">
        <v>0</v>
      </c>
      <c r="AM3431" s="98">
        <v>0</v>
      </c>
      <c r="AN3431" s="98">
        <v>0</v>
      </c>
      <c r="AO3431" s="98">
        <v>0</v>
      </c>
      <c r="AP3431" s="98">
        <v>0</v>
      </c>
      <c r="AQ3431" s="98">
        <v>0</v>
      </c>
      <c r="AR3431" s="98">
        <v>0</v>
      </c>
      <c r="AS3431" s="98">
        <v>0</v>
      </c>
      <c r="AT3431" s="129">
        <v>0</v>
      </c>
      <c r="AU3431" s="98">
        <v>0</v>
      </c>
      <c r="AV3431" s="98">
        <v>0</v>
      </c>
      <c r="AW3431" s="98">
        <v>0</v>
      </c>
      <c r="AX3431" s="98"/>
      <c r="AY3431" s="98"/>
      <c r="AZ3431" s="98"/>
      <c r="BA3431" s="98"/>
      <c r="BB3431" s="107">
        <v>45884</v>
      </c>
    </row>
    <row r="3432" spans="1:54" s="8" customFormat="1" ht="13.95" customHeight="1" x14ac:dyDescent="0.25">
      <c r="A3432" s="219" t="s">
        <v>7717</v>
      </c>
      <c r="B3432" s="220" t="s">
        <v>6395</v>
      </c>
      <c r="C3432" s="98" t="s">
        <v>7718</v>
      </c>
      <c r="D3432" s="98" t="s">
        <v>7719</v>
      </c>
      <c r="E3432" s="141">
        <v>1970</v>
      </c>
      <c r="F3432" s="141">
        <v>2492</v>
      </c>
      <c r="G3432" s="98" t="s">
        <v>1</v>
      </c>
      <c r="H3432" s="98">
        <v>0</v>
      </c>
      <c r="I3432" s="98">
        <v>0</v>
      </c>
      <c r="J3432" s="98" t="s">
        <v>400</v>
      </c>
      <c r="K3432" s="98" t="s">
        <v>400</v>
      </c>
      <c r="L3432" s="98" t="s">
        <v>400</v>
      </c>
      <c r="M3432" s="98" t="s">
        <v>400</v>
      </c>
      <c r="N3432" s="98" t="s">
        <v>400</v>
      </c>
      <c r="O3432" s="98" t="s">
        <v>400</v>
      </c>
      <c r="P3432" s="98" t="s">
        <v>400</v>
      </c>
      <c r="Q3432" s="98" t="s">
        <v>400</v>
      </c>
      <c r="R3432" s="98" t="s">
        <v>400</v>
      </c>
      <c r="S3432" s="98" t="s">
        <v>400</v>
      </c>
      <c r="T3432" s="98" t="s">
        <v>400</v>
      </c>
      <c r="U3432" s="128"/>
      <c r="V3432" s="128"/>
      <c r="W3432" s="128"/>
      <c r="X3432" s="128"/>
      <c r="Y3432" s="128"/>
      <c r="Z3432" s="128"/>
      <c r="AA3432" s="128"/>
      <c r="AB3432" s="128"/>
      <c r="AC3432" s="128"/>
      <c r="AD3432" s="128"/>
      <c r="AE3432" s="128"/>
      <c r="AF3432" s="128"/>
      <c r="AG3432" s="128"/>
      <c r="AH3432" s="128"/>
      <c r="AI3432" s="128"/>
      <c r="AJ3432" s="128"/>
      <c r="AK3432" s="128"/>
      <c r="AL3432" s="128"/>
      <c r="AM3432" s="128"/>
      <c r="AN3432" s="128"/>
      <c r="AO3432" s="128"/>
      <c r="AP3432" s="128"/>
      <c r="AQ3432" s="128"/>
      <c r="AR3432" s="128"/>
      <c r="AS3432" s="128"/>
      <c r="AT3432" s="128"/>
      <c r="AU3432" s="128"/>
      <c r="AV3432" s="128"/>
      <c r="AW3432" s="128"/>
      <c r="AX3432" s="128"/>
      <c r="AY3432" s="128"/>
      <c r="AZ3432" s="128"/>
      <c r="BA3432" s="128"/>
      <c r="BB3432" s="107">
        <v>45884</v>
      </c>
    </row>
    <row r="3433" spans="1:54" s="8" customFormat="1" ht="13.95" customHeight="1" x14ac:dyDescent="0.25">
      <c r="A3433" s="219" t="s">
        <v>7720</v>
      </c>
      <c r="B3433" s="220" t="s">
        <v>6395</v>
      </c>
      <c r="C3433" s="98" t="s">
        <v>7721</v>
      </c>
      <c r="D3433" s="98" t="s">
        <v>21110</v>
      </c>
      <c r="E3433" s="141">
        <v>2006</v>
      </c>
      <c r="F3433" s="141">
        <v>2500</v>
      </c>
      <c r="G3433" s="98" t="s">
        <v>1</v>
      </c>
      <c r="H3433" s="98">
        <v>0</v>
      </c>
      <c r="I3433" s="98">
        <v>0</v>
      </c>
      <c r="J3433" s="98" t="s">
        <v>400</v>
      </c>
      <c r="K3433" s="98" t="s">
        <v>400</v>
      </c>
      <c r="L3433" s="98" t="s">
        <v>400</v>
      </c>
      <c r="M3433" s="98" t="s">
        <v>400</v>
      </c>
      <c r="N3433" s="98" t="s">
        <v>400</v>
      </c>
      <c r="O3433" s="98" t="s">
        <v>400</v>
      </c>
      <c r="P3433" s="98" t="s">
        <v>400</v>
      </c>
      <c r="Q3433" s="98" t="s">
        <v>400</v>
      </c>
      <c r="R3433" s="98" t="s">
        <v>400</v>
      </c>
      <c r="S3433" s="98" t="s">
        <v>400</v>
      </c>
      <c r="T3433" s="98" t="s">
        <v>400</v>
      </c>
      <c r="U3433" s="128"/>
      <c r="V3433" s="128"/>
      <c r="W3433" s="128"/>
      <c r="X3433" s="128"/>
      <c r="Y3433" s="128"/>
      <c r="Z3433" s="128"/>
      <c r="AA3433" s="128"/>
      <c r="AB3433" s="128"/>
      <c r="AC3433" s="128"/>
      <c r="AD3433" s="128"/>
      <c r="AE3433" s="128"/>
      <c r="AF3433" s="128"/>
      <c r="AG3433" s="128"/>
      <c r="AH3433" s="128"/>
      <c r="AI3433" s="128"/>
      <c r="AJ3433" s="128"/>
      <c r="AK3433" s="128"/>
      <c r="AL3433" s="128"/>
      <c r="AM3433" s="128"/>
      <c r="AN3433" s="128"/>
      <c r="AO3433" s="128"/>
      <c r="AP3433" s="128"/>
      <c r="AQ3433" s="128"/>
      <c r="AR3433" s="128"/>
      <c r="AS3433" s="128"/>
      <c r="AT3433" s="128"/>
      <c r="AU3433" s="128"/>
      <c r="AV3433" s="128"/>
      <c r="AW3433" s="128"/>
      <c r="AX3433" s="128"/>
      <c r="AY3433" s="128"/>
      <c r="AZ3433" s="128"/>
      <c r="BA3433" s="128"/>
      <c r="BB3433" s="107">
        <v>45884</v>
      </c>
    </row>
    <row r="3434" spans="1:54" s="8" customFormat="1" ht="13.95" customHeight="1" x14ac:dyDescent="0.25">
      <c r="A3434" s="219" t="s">
        <v>7722</v>
      </c>
      <c r="B3434" s="220" t="s">
        <v>6395</v>
      </c>
      <c r="C3434" s="98" t="s">
        <v>7723</v>
      </c>
      <c r="D3434" s="98" t="s">
        <v>21111</v>
      </c>
      <c r="E3434" s="141">
        <v>1984</v>
      </c>
      <c r="F3434" s="141">
        <v>2513</v>
      </c>
      <c r="G3434" s="98" t="s">
        <v>1</v>
      </c>
      <c r="H3434" s="98">
        <v>0</v>
      </c>
      <c r="I3434" s="98">
        <v>0</v>
      </c>
      <c r="J3434" s="98" t="s">
        <v>400</v>
      </c>
      <c r="K3434" s="98" t="s">
        <v>400</v>
      </c>
      <c r="L3434" s="98" t="s">
        <v>400</v>
      </c>
      <c r="M3434" s="98" t="s">
        <v>400</v>
      </c>
      <c r="N3434" s="98" t="s">
        <v>400</v>
      </c>
      <c r="O3434" s="98" t="s">
        <v>400</v>
      </c>
      <c r="P3434" s="98" t="s">
        <v>400</v>
      </c>
      <c r="Q3434" s="98" t="s">
        <v>400</v>
      </c>
      <c r="R3434" s="98" t="s">
        <v>400</v>
      </c>
      <c r="S3434" s="98" t="s">
        <v>400</v>
      </c>
      <c r="T3434" s="98" t="s">
        <v>400</v>
      </c>
      <c r="U3434" s="128"/>
      <c r="V3434" s="128"/>
      <c r="W3434" s="128"/>
      <c r="X3434" s="128"/>
      <c r="Y3434" s="128"/>
      <c r="Z3434" s="128"/>
      <c r="AA3434" s="128"/>
      <c r="AB3434" s="128"/>
      <c r="AC3434" s="128"/>
      <c r="AD3434" s="128"/>
      <c r="AE3434" s="128"/>
      <c r="AF3434" s="128"/>
      <c r="AG3434" s="128"/>
      <c r="AH3434" s="128"/>
      <c r="AI3434" s="128"/>
      <c r="AJ3434" s="128"/>
      <c r="AK3434" s="128"/>
      <c r="AL3434" s="128"/>
      <c r="AM3434" s="128"/>
      <c r="AN3434" s="128"/>
      <c r="AO3434" s="128"/>
      <c r="AP3434" s="128"/>
      <c r="AQ3434" s="128"/>
      <c r="AR3434" s="128"/>
      <c r="AS3434" s="128"/>
      <c r="AT3434" s="128"/>
      <c r="AU3434" s="128"/>
      <c r="AV3434" s="128"/>
      <c r="AW3434" s="128"/>
      <c r="AX3434" s="128"/>
      <c r="AY3434" s="128"/>
      <c r="AZ3434" s="128"/>
      <c r="BA3434" s="128"/>
      <c r="BB3434" s="107">
        <v>45884</v>
      </c>
    </row>
    <row r="3435" spans="1:54" s="8" customFormat="1" ht="13.95" customHeight="1" x14ac:dyDescent="0.25">
      <c r="A3435" s="219" t="s">
        <v>7724</v>
      </c>
      <c r="B3435" s="220" t="s">
        <v>6395</v>
      </c>
      <c r="C3435" s="98" t="s">
        <v>7725</v>
      </c>
      <c r="D3435" s="98" t="s">
        <v>21112</v>
      </c>
      <c r="E3435" s="141">
        <v>1962</v>
      </c>
      <c r="F3435" s="141">
        <v>2520</v>
      </c>
      <c r="G3435" s="98" t="s">
        <v>1</v>
      </c>
      <c r="H3435" s="98">
        <v>0</v>
      </c>
      <c r="I3435" s="98">
        <v>0</v>
      </c>
      <c r="J3435" s="98" t="s">
        <v>400</v>
      </c>
      <c r="K3435" s="98" t="s">
        <v>400</v>
      </c>
      <c r="L3435" s="98" t="s">
        <v>400</v>
      </c>
      <c r="M3435" s="98" t="s">
        <v>400</v>
      </c>
      <c r="N3435" s="98" t="s">
        <v>400</v>
      </c>
      <c r="O3435" s="98" t="s">
        <v>400</v>
      </c>
      <c r="P3435" s="98" t="s">
        <v>400</v>
      </c>
      <c r="Q3435" s="98" t="s">
        <v>400</v>
      </c>
      <c r="R3435" s="98" t="s">
        <v>400</v>
      </c>
      <c r="S3435" s="98" t="s">
        <v>400</v>
      </c>
      <c r="T3435" s="98" t="s">
        <v>400</v>
      </c>
      <c r="U3435" s="128"/>
      <c r="V3435" s="128"/>
      <c r="W3435" s="128"/>
      <c r="X3435" s="128"/>
      <c r="Y3435" s="128"/>
      <c r="Z3435" s="128"/>
      <c r="AA3435" s="128"/>
      <c r="AB3435" s="128"/>
      <c r="AC3435" s="128"/>
      <c r="AD3435" s="128"/>
      <c r="AE3435" s="128"/>
      <c r="AF3435" s="128"/>
      <c r="AG3435" s="128"/>
      <c r="AH3435" s="128"/>
      <c r="AI3435" s="128"/>
      <c r="AJ3435" s="128"/>
      <c r="AK3435" s="128"/>
      <c r="AL3435" s="128"/>
      <c r="AM3435" s="128"/>
      <c r="AN3435" s="128"/>
      <c r="AO3435" s="128"/>
      <c r="AP3435" s="128"/>
      <c r="AQ3435" s="128"/>
      <c r="AR3435" s="128"/>
      <c r="AS3435" s="128"/>
      <c r="AT3435" s="128"/>
      <c r="AU3435" s="128"/>
      <c r="AV3435" s="128"/>
      <c r="AW3435" s="128"/>
      <c r="AX3435" s="128"/>
      <c r="AY3435" s="128"/>
      <c r="AZ3435" s="128"/>
      <c r="BA3435" s="128"/>
      <c r="BB3435" s="107">
        <v>45884</v>
      </c>
    </row>
    <row r="3436" spans="1:54" s="8" customFormat="1" ht="13.95" customHeight="1" x14ac:dyDescent="0.25">
      <c r="A3436" s="219" t="s">
        <v>7726</v>
      </c>
      <c r="B3436" s="220" t="s">
        <v>6395</v>
      </c>
      <c r="C3436" s="98" t="s">
        <v>7727</v>
      </c>
      <c r="D3436" s="98" t="s">
        <v>21113</v>
      </c>
      <c r="E3436" s="141">
        <v>1979</v>
      </c>
      <c r="F3436" s="141">
        <v>2529</v>
      </c>
      <c r="G3436" s="98" t="s">
        <v>1</v>
      </c>
      <c r="H3436" s="98">
        <v>0</v>
      </c>
      <c r="I3436" s="98">
        <v>0</v>
      </c>
      <c r="J3436" s="98" t="s">
        <v>400</v>
      </c>
      <c r="K3436" s="98" t="s">
        <v>400</v>
      </c>
      <c r="L3436" s="98" t="s">
        <v>400</v>
      </c>
      <c r="M3436" s="98" t="s">
        <v>400</v>
      </c>
      <c r="N3436" s="98" t="s">
        <v>400</v>
      </c>
      <c r="O3436" s="98" t="s">
        <v>400</v>
      </c>
      <c r="P3436" s="98" t="s">
        <v>400</v>
      </c>
      <c r="Q3436" s="98" t="s">
        <v>400</v>
      </c>
      <c r="R3436" s="98" t="s">
        <v>400</v>
      </c>
      <c r="S3436" s="98" t="s">
        <v>400</v>
      </c>
      <c r="T3436" s="98" t="s">
        <v>400</v>
      </c>
      <c r="U3436" s="128"/>
      <c r="V3436" s="128"/>
      <c r="W3436" s="128"/>
      <c r="X3436" s="128"/>
      <c r="Y3436" s="128"/>
      <c r="Z3436" s="128"/>
      <c r="AA3436" s="128"/>
      <c r="AB3436" s="128"/>
      <c r="AC3436" s="128"/>
      <c r="AD3436" s="128"/>
      <c r="AE3436" s="128"/>
      <c r="AF3436" s="128"/>
      <c r="AG3436" s="128"/>
      <c r="AH3436" s="128"/>
      <c r="AI3436" s="128"/>
      <c r="AJ3436" s="128"/>
      <c r="AK3436" s="128"/>
      <c r="AL3436" s="128"/>
      <c r="AM3436" s="128"/>
      <c r="AN3436" s="128"/>
      <c r="AO3436" s="128"/>
      <c r="AP3436" s="128"/>
      <c r="AQ3436" s="128"/>
      <c r="AR3436" s="128"/>
      <c r="AS3436" s="128"/>
      <c r="AT3436" s="128"/>
      <c r="AU3436" s="128"/>
      <c r="AV3436" s="128"/>
      <c r="AW3436" s="128"/>
      <c r="AX3436" s="128"/>
      <c r="AY3436" s="128"/>
      <c r="AZ3436" s="128"/>
      <c r="BA3436" s="128"/>
      <c r="BB3436" s="107">
        <v>45884</v>
      </c>
    </row>
    <row r="3437" spans="1:54" s="8" customFormat="1" ht="13.95" customHeight="1" x14ac:dyDescent="0.25">
      <c r="A3437" s="219" t="s">
        <v>7728</v>
      </c>
      <c r="B3437" s="220" t="s">
        <v>6395</v>
      </c>
      <c r="C3437" s="98" t="s">
        <v>7729</v>
      </c>
      <c r="D3437" s="98" t="s">
        <v>7730</v>
      </c>
      <c r="E3437" s="141">
        <v>1974</v>
      </c>
      <c r="F3437" s="141">
        <v>2549</v>
      </c>
      <c r="G3437" s="98" t="s">
        <v>11</v>
      </c>
      <c r="H3437" s="98">
        <v>0</v>
      </c>
      <c r="I3437" s="98">
        <v>0</v>
      </c>
      <c r="J3437" s="98" t="s">
        <v>400</v>
      </c>
      <c r="K3437" s="98" t="s">
        <v>400</v>
      </c>
      <c r="L3437" s="98" t="s">
        <v>400</v>
      </c>
      <c r="M3437" s="98" t="s">
        <v>400</v>
      </c>
      <c r="N3437" s="98" t="s">
        <v>400</v>
      </c>
      <c r="O3437" s="98" t="s">
        <v>400</v>
      </c>
      <c r="P3437" s="98" t="s">
        <v>400</v>
      </c>
      <c r="Q3437" s="98" t="s">
        <v>400</v>
      </c>
      <c r="R3437" s="98" t="s">
        <v>400</v>
      </c>
      <c r="S3437" s="98" t="s">
        <v>400</v>
      </c>
      <c r="T3437" s="98" t="s">
        <v>400</v>
      </c>
      <c r="U3437" s="98">
        <v>0</v>
      </c>
      <c r="V3437" s="98">
        <v>0</v>
      </c>
      <c r="W3437" s="98" t="s">
        <v>400</v>
      </c>
      <c r="X3437" s="98">
        <v>0</v>
      </c>
      <c r="Y3437" s="98">
        <v>0</v>
      </c>
      <c r="Z3437" s="98">
        <v>0</v>
      </c>
      <c r="AA3437" s="98" t="s">
        <v>400</v>
      </c>
      <c r="AB3437" s="98">
        <v>0</v>
      </c>
      <c r="AC3437" s="98">
        <v>0</v>
      </c>
      <c r="AD3437" s="98">
        <v>0</v>
      </c>
      <c r="AE3437" s="98">
        <v>0</v>
      </c>
      <c r="AF3437" s="98">
        <v>0</v>
      </c>
      <c r="AG3437" s="98">
        <v>0</v>
      </c>
      <c r="AH3437" s="98">
        <v>0</v>
      </c>
      <c r="AI3437" s="98">
        <v>0</v>
      </c>
      <c r="AJ3437" s="98">
        <v>0</v>
      </c>
      <c r="AK3437" s="98">
        <v>0</v>
      </c>
      <c r="AL3437" s="98">
        <v>0</v>
      </c>
      <c r="AM3437" s="98">
        <v>0</v>
      </c>
      <c r="AN3437" s="98">
        <v>0</v>
      </c>
      <c r="AO3437" s="98">
        <v>0</v>
      </c>
      <c r="AP3437" s="98">
        <v>0</v>
      </c>
      <c r="AQ3437" s="98">
        <v>0</v>
      </c>
      <c r="AR3437" s="98">
        <v>0</v>
      </c>
      <c r="AS3437" s="98">
        <v>0</v>
      </c>
      <c r="AT3437" s="129">
        <v>0</v>
      </c>
      <c r="AU3437" s="98">
        <v>0</v>
      </c>
      <c r="AV3437" s="98">
        <v>0</v>
      </c>
      <c r="AW3437" s="98">
        <v>0</v>
      </c>
      <c r="AX3437" s="98"/>
      <c r="AY3437" s="98"/>
      <c r="AZ3437" s="98"/>
      <c r="BA3437" s="98"/>
      <c r="BB3437" s="107">
        <v>45884</v>
      </c>
    </row>
    <row r="3438" spans="1:54" s="8" customFormat="1" ht="13.95" customHeight="1" x14ac:dyDescent="0.25">
      <c r="A3438" s="219" t="s">
        <v>7731</v>
      </c>
      <c r="B3438" s="220" t="s">
        <v>6395</v>
      </c>
      <c r="C3438" s="98" t="s">
        <v>7732</v>
      </c>
      <c r="D3438" s="98" t="s">
        <v>21114</v>
      </c>
      <c r="E3438" s="141">
        <v>1957</v>
      </c>
      <c r="F3438" s="141">
        <v>2559</v>
      </c>
      <c r="G3438" s="98" t="s">
        <v>1</v>
      </c>
      <c r="H3438" s="98">
        <v>0</v>
      </c>
      <c r="I3438" s="98">
        <v>0</v>
      </c>
      <c r="J3438" s="98" t="s">
        <v>400</v>
      </c>
      <c r="K3438" s="98" t="s">
        <v>400</v>
      </c>
      <c r="L3438" s="98" t="s">
        <v>400</v>
      </c>
      <c r="M3438" s="98" t="s">
        <v>400</v>
      </c>
      <c r="N3438" s="98" t="s">
        <v>400</v>
      </c>
      <c r="O3438" s="98" t="s">
        <v>400</v>
      </c>
      <c r="P3438" s="98" t="s">
        <v>400</v>
      </c>
      <c r="Q3438" s="98" t="s">
        <v>400</v>
      </c>
      <c r="R3438" s="98" t="s">
        <v>400</v>
      </c>
      <c r="S3438" s="98" t="s">
        <v>400</v>
      </c>
      <c r="T3438" s="98" t="s">
        <v>400</v>
      </c>
      <c r="U3438" s="128"/>
      <c r="V3438" s="128"/>
      <c r="W3438" s="128"/>
      <c r="X3438" s="128"/>
      <c r="Y3438" s="128"/>
      <c r="Z3438" s="128"/>
      <c r="AA3438" s="128"/>
      <c r="AB3438" s="128"/>
      <c r="AC3438" s="128"/>
      <c r="AD3438" s="128"/>
      <c r="AE3438" s="128"/>
      <c r="AF3438" s="128"/>
      <c r="AG3438" s="128"/>
      <c r="AH3438" s="128"/>
      <c r="AI3438" s="128"/>
      <c r="AJ3438" s="128"/>
      <c r="AK3438" s="128"/>
      <c r="AL3438" s="128"/>
      <c r="AM3438" s="128"/>
      <c r="AN3438" s="128"/>
      <c r="AO3438" s="128"/>
      <c r="AP3438" s="128"/>
      <c r="AQ3438" s="128"/>
      <c r="AR3438" s="128"/>
      <c r="AS3438" s="128"/>
      <c r="AT3438" s="128"/>
      <c r="AU3438" s="128"/>
      <c r="AV3438" s="128"/>
      <c r="AW3438" s="128"/>
      <c r="AX3438" s="128"/>
      <c r="AY3438" s="128"/>
      <c r="AZ3438" s="128"/>
      <c r="BA3438" s="128"/>
      <c r="BB3438" s="107">
        <v>45884</v>
      </c>
    </row>
    <row r="3439" spans="1:54" s="8" customFormat="1" ht="13.95" customHeight="1" x14ac:dyDescent="0.25">
      <c r="A3439" s="219" t="s">
        <v>7733</v>
      </c>
      <c r="B3439" s="220" t="s">
        <v>6395</v>
      </c>
      <c r="C3439" s="98" t="s">
        <v>7734</v>
      </c>
      <c r="D3439" s="98" t="s">
        <v>21115</v>
      </c>
      <c r="E3439" s="141">
        <v>1957</v>
      </c>
      <c r="F3439" s="141">
        <v>2570</v>
      </c>
      <c r="G3439" s="98" t="s">
        <v>1</v>
      </c>
      <c r="H3439" s="98">
        <v>1</v>
      </c>
      <c r="I3439" s="98">
        <v>0</v>
      </c>
      <c r="J3439" s="98" t="s">
        <v>400</v>
      </c>
      <c r="K3439" s="98" t="s">
        <v>400</v>
      </c>
      <c r="L3439" s="98" t="s">
        <v>400</v>
      </c>
      <c r="M3439" s="98" t="s">
        <v>400</v>
      </c>
      <c r="N3439" s="98" t="s">
        <v>400</v>
      </c>
      <c r="O3439" s="98" t="s">
        <v>400</v>
      </c>
      <c r="P3439" s="98" t="s">
        <v>400</v>
      </c>
      <c r="Q3439" s="98" t="s">
        <v>400</v>
      </c>
      <c r="R3439" s="98" t="s">
        <v>400</v>
      </c>
      <c r="S3439" s="98" t="s">
        <v>400</v>
      </c>
      <c r="T3439" s="98" t="s">
        <v>400</v>
      </c>
      <c r="U3439" s="128"/>
      <c r="V3439" s="128"/>
      <c r="W3439" s="128"/>
      <c r="X3439" s="128"/>
      <c r="Y3439" s="128"/>
      <c r="Z3439" s="128"/>
      <c r="AA3439" s="128"/>
      <c r="AB3439" s="128"/>
      <c r="AC3439" s="128"/>
      <c r="AD3439" s="128"/>
      <c r="AE3439" s="128"/>
      <c r="AF3439" s="128"/>
      <c r="AG3439" s="128"/>
      <c r="AH3439" s="128"/>
      <c r="AI3439" s="128"/>
      <c r="AJ3439" s="128"/>
      <c r="AK3439" s="128"/>
      <c r="AL3439" s="128"/>
      <c r="AM3439" s="128"/>
      <c r="AN3439" s="128"/>
      <c r="AO3439" s="128"/>
      <c r="AP3439" s="128"/>
      <c r="AQ3439" s="128"/>
      <c r="AR3439" s="128"/>
      <c r="AS3439" s="128"/>
      <c r="AT3439" s="128"/>
      <c r="AU3439" s="128"/>
      <c r="AV3439" s="128"/>
      <c r="AW3439" s="128"/>
      <c r="AX3439" s="128"/>
      <c r="AY3439" s="128"/>
      <c r="AZ3439" s="128"/>
      <c r="BA3439" s="128"/>
      <c r="BB3439" s="107">
        <v>45884</v>
      </c>
    </row>
    <row r="3440" spans="1:54" s="8" customFormat="1" ht="13.95" customHeight="1" x14ac:dyDescent="0.25">
      <c r="A3440" s="219" t="s">
        <v>7735</v>
      </c>
      <c r="B3440" s="220" t="s">
        <v>6395</v>
      </c>
      <c r="C3440" s="98" t="s">
        <v>7736</v>
      </c>
      <c r="D3440" s="98" t="s">
        <v>21116</v>
      </c>
      <c r="E3440" s="141">
        <v>1957</v>
      </c>
      <c r="F3440" s="141">
        <v>2572</v>
      </c>
      <c r="G3440" s="98" t="s">
        <v>1</v>
      </c>
      <c r="H3440" s="98">
        <v>1</v>
      </c>
      <c r="I3440" s="98">
        <v>0</v>
      </c>
      <c r="J3440" s="98" t="s">
        <v>400</v>
      </c>
      <c r="K3440" s="98" t="s">
        <v>400</v>
      </c>
      <c r="L3440" s="98" t="s">
        <v>400</v>
      </c>
      <c r="M3440" s="98" t="s">
        <v>400</v>
      </c>
      <c r="N3440" s="98" t="s">
        <v>400</v>
      </c>
      <c r="O3440" s="98" t="s">
        <v>400</v>
      </c>
      <c r="P3440" s="98" t="s">
        <v>400</v>
      </c>
      <c r="Q3440" s="98" t="s">
        <v>400</v>
      </c>
      <c r="R3440" s="98" t="s">
        <v>400</v>
      </c>
      <c r="S3440" s="98" t="s">
        <v>400</v>
      </c>
      <c r="T3440" s="98" t="s">
        <v>400</v>
      </c>
      <c r="U3440" s="128"/>
      <c r="V3440" s="128"/>
      <c r="W3440" s="128"/>
      <c r="X3440" s="128"/>
      <c r="Y3440" s="128"/>
      <c r="Z3440" s="128"/>
      <c r="AA3440" s="128"/>
      <c r="AB3440" s="128"/>
      <c r="AC3440" s="128"/>
      <c r="AD3440" s="128"/>
      <c r="AE3440" s="128"/>
      <c r="AF3440" s="128"/>
      <c r="AG3440" s="128"/>
      <c r="AH3440" s="128"/>
      <c r="AI3440" s="128"/>
      <c r="AJ3440" s="128"/>
      <c r="AK3440" s="128"/>
      <c r="AL3440" s="128"/>
      <c r="AM3440" s="128"/>
      <c r="AN3440" s="128"/>
      <c r="AO3440" s="128"/>
      <c r="AP3440" s="128"/>
      <c r="AQ3440" s="128"/>
      <c r="AR3440" s="128"/>
      <c r="AS3440" s="128"/>
      <c r="AT3440" s="128"/>
      <c r="AU3440" s="128"/>
      <c r="AV3440" s="128"/>
      <c r="AW3440" s="128"/>
      <c r="AX3440" s="128"/>
      <c r="AY3440" s="128"/>
      <c r="AZ3440" s="128"/>
      <c r="BA3440" s="128"/>
      <c r="BB3440" s="107">
        <v>45884</v>
      </c>
    </row>
    <row r="3441" spans="1:54" s="8" customFormat="1" ht="13.95" customHeight="1" x14ac:dyDescent="0.25">
      <c r="A3441" s="219" t="s">
        <v>7737</v>
      </c>
      <c r="B3441" s="220" t="s">
        <v>6395</v>
      </c>
      <c r="C3441" s="98" t="s">
        <v>7738</v>
      </c>
      <c r="D3441" s="98" t="s">
        <v>21041</v>
      </c>
      <c r="E3441" s="141">
        <v>2004</v>
      </c>
      <c r="F3441" s="141">
        <v>2583</v>
      </c>
      <c r="G3441" s="98" t="s">
        <v>1</v>
      </c>
      <c r="H3441" s="98">
        <v>1</v>
      </c>
      <c r="I3441" s="98">
        <v>0</v>
      </c>
      <c r="J3441" s="98" t="s">
        <v>400</v>
      </c>
      <c r="K3441" s="98" t="s">
        <v>400</v>
      </c>
      <c r="L3441" s="98" t="s">
        <v>400</v>
      </c>
      <c r="M3441" s="98" t="s">
        <v>400</v>
      </c>
      <c r="N3441" s="98" t="s">
        <v>400</v>
      </c>
      <c r="O3441" s="98" t="s">
        <v>400</v>
      </c>
      <c r="P3441" s="98" t="s">
        <v>400</v>
      </c>
      <c r="Q3441" s="98" t="s">
        <v>400</v>
      </c>
      <c r="R3441" s="98" t="s">
        <v>400</v>
      </c>
      <c r="S3441" s="98" t="s">
        <v>400</v>
      </c>
      <c r="T3441" s="98" t="s">
        <v>400</v>
      </c>
      <c r="U3441" s="128"/>
      <c r="V3441" s="128"/>
      <c r="W3441" s="128"/>
      <c r="X3441" s="128"/>
      <c r="Y3441" s="128"/>
      <c r="Z3441" s="128"/>
      <c r="AA3441" s="128"/>
      <c r="AB3441" s="128"/>
      <c r="AC3441" s="128"/>
      <c r="AD3441" s="128"/>
      <c r="AE3441" s="128"/>
      <c r="AF3441" s="128"/>
      <c r="AG3441" s="128"/>
      <c r="AH3441" s="128"/>
      <c r="AI3441" s="128"/>
      <c r="AJ3441" s="128"/>
      <c r="AK3441" s="128"/>
      <c r="AL3441" s="128"/>
      <c r="AM3441" s="128"/>
      <c r="AN3441" s="128"/>
      <c r="AO3441" s="128"/>
      <c r="AP3441" s="128"/>
      <c r="AQ3441" s="128"/>
      <c r="AR3441" s="128"/>
      <c r="AS3441" s="128"/>
      <c r="AT3441" s="128"/>
      <c r="AU3441" s="128"/>
      <c r="AV3441" s="128"/>
      <c r="AW3441" s="128"/>
      <c r="AX3441" s="128"/>
      <c r="AY3441" s="128"/>
      <c r="AZ3441" s="128"/>
      <c r="BA3441" s="128"/>
      <c r="BB3441" s="107">
        <v>45884</v>
      </c>
    </row>
    <row r="3442" spans="1:54" s="8" customFormat="1" ht="13.95" customHeight="1" x14ac:dyDescent="0.25">
      <c r="A3442" s="219" t="s">
        <v>7739</v>
      </c>
      <c r="B3442" s="220" t="s">
        <v>6395</v>
      </c>
      <c r="C3442" s="98" t="s">
        <v>22177</v>
      </c>
      <c r="D3442" s="98" t="s">
        <v>21117</v>
      </c>
      <c r="E3442" s="141">
        <v>1975</v>
      </c>
      <c r="F3442" s="141">
        <v>2619</v>
      </c>
      <c r="G3442" s="98" t="s">
        <v>1</v>
      </c>
      <c r="H3442" s="98">
        <v>0</v>
      </c>
      <c r="I3442" s="98">
        <v>0</v>
      </c>
      <c r="J3442" s="98" t="s">
        <v>400</v>
      </c>
      <c r="K3442" s="98" t="s">
        <v>400</v>
      </c>
      <c r="L3442" s="98" t="s">
        <v>400</v>
      </c>
      <c r="M3442" s="98" t="s">
        <v>400</v>
      </c>
      <c r="N3442" s="98" t="s">
        <v>400</v>
      </c>
      <c r="O3442" s="98" t="s">
        <v>400</v>
      </c>
      <c r="P3442" s="98" t="s">
        <v>400</v>
      </c>
      <c r="Q3442" s="98" t="s">
        <v>400</v>
      </c>
      <c r="R3442" s="98" t="s">
        <v>400</v>
      </c>
      <c r="S3442" s="98" t="s">
        <v>400</v>
      </c>
      <c r="T3442" s="98" t="s">
        <v>400</v>
      </c>
      <c r="U3442" s="128"/>
      <c r="V3442" s="128"/>
      <c r="W3442" s="128"/>
      <c r="X3442" s="128"/>
      <c r="Y3442" s="128"/>
      <c r="Z3442" s="128"/>
      <c r="AA3442" s="128"/>
      <c r="AB3442" s="128"/>
      <c r="AC3442" s="128"/>
      <c r="AD3442" s="128"/>
      <c r="AE3442" s="128"/>
      <c r="AF3442" s="128"/>
      <c r="AG3442" s="128"/>
      <c r="AH3442" s="128"/>
      <c r="AI3442" s="128"/>
      <c r="AJ3442" s="128"/>
      <c r="AK3442" s="128"/>
      <c r="AL3442" s="128"/>
      <c r="AM3442" s="128"/>
      <c r="AN3442" s="128"/>
      <c r="AO3442" s="128"/>
      <c r="AP3442" s="128"/>
      <c r="AQ3442" s="128"/>
      <c r="AR3442" s="128"/>
      <c r="AS3442" s="128"/>
      <c r="AT3442" s="128"/>
      <c r="AU3442" s="128"/>
      <c r="AV3442" s="128"/>
      <c r="AW3442" s="128"/>
      <c r="AX3442" s="128"/>
      <c r="AY3442" s="128"/>
      <c r="AZ3442" s="128"/>
      <c r="BA3442" s="128"/>
      <c r="BB3442" s="107">
        <v>45884</v>
      </c>
    </row>
    <row r="3443" spans="1:54" s="8" customFormat="1" ht="13.95" customHeight="1" x14ac:dyDescent="0.25">
      <c r="A3443" s="219" t="s">
        <v>7740</v>
      </c>
      <c r="B3443" s="220" t="s">
        <v>6395</v>
      </c>
      <c r="C3443" s="98" t="s">
        <v>7741</v>
      </c>
      <c r="D3443" s="98" t="s">
        <v>21118</v>
      </c>
      <c r="E3443" s="141">
        <v>2006</v>
      </c>
      <c r="F3443" s="141">
        <v>2638</v>
      </c>
      <c r="G3443" s="98" t="s">
        <v>1</v>
      </c>
      <c r="H3443" s="98">
        <v>0</v>
      </c>
      <c r="I3443" s="98">
        <v>0</v>
      </c>
      <c r="J3443" s="98" t="s">
        <v>400</v>
      </c>
      <c r="K3443" s="98" t="s">
        <v>400</v>
      </c>
      <c r="L3443" s="98" t="s">
        <v>400</v>
      </c>
      <c r="M3443" s="98" t="s">
        <v>400</v>
      </c>
      <c r="N3443" s="98" t="s">
        <v>400</v>
      </c>
      <c r="O3443" s="98" t="s">
        <v>400</v>
      </c>
      <c r="P3443" s="98" t="s">
        <v>400</v>
      </c>
      <c r="Q3443" s="98" t="s">
        <v>400</v>
      </c>
      <c r="R3443" s="98" t="s">
        <v>400</v>
      </c>
      <c r="S3443" s="98" t="s">
        <v>400</v>
      </c>
      <c r="T3443" s="98" t="s">
        <v>400</v>
      </c>
      <c r="U3443" s="128"/>
      <c r="V3443" s="128"/>
      <c r="W3443" s="128"/>
      <c r="X3443" s="128"/>
      <c r="Y3443" s="128"/>
      <c r="Z3443" s="128"/>
      <c r="AA3443" s="128"/>
      <c r="AB3443" s="128"/>
      <c r="AC3443" s="128"/>
      <c r="AD3443" s="128"/>
      <c r="AE3443" s="128"/>
      <c r="AF3443" s="128"/>
      <c r="AG3443" s="128"/>
      <c r="AH3443" s="128"/>
      <c r="AI3443" s="128"/>
      <c r="AJ3443" s="128"/>
      <c r="AK3443" s="128"/>
      <c r="AL3443" s="128"/>
      <c r="AM3443" s="128"/>
      <c r="AN3443" s="128"/>
      <c r="AO3443" s="128"/>
      <c r="AP3443" s="128"/>
      <c r="AQ3443" s="128"/>
      <c r="AR3443" s="128"/>
      <c r="AS3443" s="128"/>
      <c r="AT3443" s="128"/>
      <c r="AU3443" s="128"/>
      <c r="AV3443" s="128"/>
      <c r="AW3443" s="128"/>
      <c r="AX3443" s="128"/>
      <c r="AY3443" s="128"/>
      <c r="AZ3443" s="128"/>
      <c r="BA3443" s="128"/>
      <c r="BB3443" s="107">
        <v>45884</v>
      </c>
    </row>
    <row r="3444" spans="1:54" s="8" customFormat="1" ht="13.95" customHeight="1" x14ac:dyDescent="0.25">
      <c r="A3444" s="219" t="s">
        <v>7742</v>
      </c>
      <c r="B3444" s="220" t="s">
        <v>6395</v>
      </c>
      <c r="C3444" s="98" t="s">
        <v>22178</v>
      </c>
      <c r="D3444" s="98" t="s">
        <v>21119</v>
      </c>
      <c r="E3444" s="141">
        <v>1972</v>
      </c>
      <c r="F3444" s="141">
        <v>2641</v>
      </c>
      <c r="G3444" s="98" t="s">
        <v>1</v>
      </c>
      <c r="H3444" s="98">
        <v>0</v>
      </c>
      <c r="I3444" s="98">
        <v>0</v>
      </c>
      <c r="J3444" s="98" t="s">
        <v>400</v>
      </c>
      <c r="K3444" s="98" t="s">
        <v>400</v>
      </c>
      <c r="L3444" s="98" t="s">
        <v>400</v>
      </c>
      <c r="M3444" s="98" t="s">
        <v>400</v>
      </c>
      <c r="N3444" s="98" t="s">
        <v>400</v>
      </c>
      <c r="O3444" s="98" t="s">
        <v>400</v>
      </c>
      <c r="P3444" s="98" t="s">
        <v>400</v>
      </c>
      <c r="Q3444" s="98" t="s">
        <v>400</v>
      </c>
      <c r="R3444" s="98" t="s">
        <v>400</v>
      </c>
      <c r="S3444" s="98" t="s">
        <v>400</v>
      </c>
      <c r="T3444" s="98" t="s">
        <v>400</v>
      </c>
      <c r="U3444" s="128"/>
      <c r="V3444" s="128"/>
      <c r="W3444" s="128"/>
      <c r="X3444" s="128"/>
      <c r="Y3444" s="128"/>
      <c r="Z3444" s="128"/>
      <c r="AA3444" s="128"/>
      <c r="AB3444" s="128"/>
      <c r="AC3444" s="128"/>
      <c r="AD3444" s="128"/>
      <c r="AE3444" s="128"/>
      <c r="AF3444" s="128"/>
      <c r="AG3444" s="128"/>
      <c r="AH3444" s="128"/>
      <c r="AI3444" s="128"/>
      <c r="AJ3444" s="128"/>
      <c r="AK3444" s="128"/>
      <c r="AL3444" s="128"/>
      <c r="AM3444" s="128"/>
      <c r="AN3444" s="128"/>
      <c r="AO3444" s="128"/>
      <c r="AP3444" s="128"/>
      <c r="AQ3444" s="128"/>
      <c r="AR3444" s="128"/>
      <c r="AS3444" s="128"/>
      <c r="AT3444" s="128"/>
      <c r="AU3444" s="128"/>
      <c r="AV3444" s="128"/>
      <c r="AW3444" s="128"/>
      <c r="AX3444" s="128"/>
      <c r="AY3444" s="128"/>
      <c r="AZ3444" s="128"/>
      <c r="BA3444" s="128"/>
      <c r="BB3444" s="107">
        <v>45884</v>
      </c>
    </row>
    <row r="3445" spans="1:54" s="8" customFormat="1" ht="13.95" customHeight="1" x14ac:dyDescent="0.25">
      <c r="A3445" s="219" t="s">
        <v>7743</v>
      </c>
      <c r="B3445" s="220" t="s">
        <v>6395</v>
      </c>
      <c r="C3445" s="98" t="s">
        <v>7744</v>
      </c>
      <c r="D3445" s="98" t="s">
        <v>21120</v>
      </c>
      <c r="E3445" s="141">
        <v>1984</v>
      </c>
      <c r="F3445" s="141">
        <v>2656</v>
      </c>
      <c r="G3445" s="98" t="s">
        <v>8</v>
      </c>
      <c r="H3445" s="98">
        <v>0</v>
      </c>
      <c r="I3445" s="98">
        <v>0</v>
      </c>
      <c r="J3445" s="98" t="s">
        <v>400</v>
      </c>
      <c r="K3445" s="98" t="s">
        <v>400</v>
      </c>
      <c r="L3445" s="98" t="s">
        <v>400</v>
      </c>
      <c r="M3445" s="98" t="s">
        <v>400</v>
      </c>
      <c r="N3445" s="98" t="s">
        <v>400</v>
      </c>
      <c r="O3445" s="98" t="s">
        <v>400</v>
      </c>
      <c r="P3445" s="98" t="s">
        <v>400</v>
      </c>
      <c r="Q3445" s="98" t="s">
        <v>400</v>
      </c>
      <c r="R3445" s="98" t="s">
        <v>400</v>
      </c>
      <c r="S3445" s="98" t="s">
        <v>400</v>
      </c>
      <c r="T3445" s="98" t="s">
        <v>400</v>
      </c>
      <c r="U3445" s="98">
        <v>0</v>
      </c>
      <c r="V3445" s="98">
        <v>0</v>
      </c>
      <c r="W3445" s="98" t="s">
        <v>400</v>
      </c>
      <c r="X3445" s="98">
        <v>0</v>
      </c>
      <c r="Y3445" s="98">
        <v>0</v>
      </c>
      <c r="Z3445" s="98">
        <v>0</v>
      </c>
      <c r="AA3445" s="98" t="s">
        <v>400</v>
      </c>
      <c r="AB3445" s="98">
        <v>0</v>
      </c>
      <c r="AC3445" s="98">
        <v>0</v>
      </c>
      <c r="AD3445" s="98">
        <v>0</v>
      </c>
      <c r="AE3445" s="98">
        <v>0</v>
      </c>
      <c r="AF3445" s="98">
        <v>0</v>
      </c>
      <c r="AG3445" s="98">
        <v>0</v>
      </c>
      <c r="AH3445" s="98">
        <v>0</v>
      </c>
      <c r="AI3445" s="98">
        <v>0</v>
      </c>
      <c r="AJ3445" s="98">
        <v>0</v>
      </c>
      <c r="AK3445" s="98">
        <v>0</v>
      </c>
      <c r="AL3445" s="98">
        <v>0</v>
      </c>
      <c r="AM3445" s="98">
        <v>0</v>
      </c>
      <c r="AN3445" s="98">
        <v>0</v>
      </c>
      <c r="AO3445" s="98">
        <v>0</v>
      </c>
      <c r="AP3445" s="98">
        <v>0</v>
      </c>
      <c r="AQ3445" s="98">
        <v>0</v>
      </c>
      <c r="AR3445" s="98">
        <v>0</v>
      </c>
      <c r="AS3445" s="98">
        <v>0</v>
      </c>
      <c r="AT3445" s="129">
        <v>0</v>
      </c>
      <c r="AU3445" s="98">
        <v>0</v>
      </c>
      <c r="AV3445" s="98">
        <v>0</v>
      </c>
      <c r="AW3445" s="98">
        <v>0</v>
      </c>
      <c r="AX3445" s="98"/>
      <c r="AY3445" s="98"/>
      <c r="AZ3445" s="98"/>
      <c r="BA3445" s="98"/>
      <c r="BB3445" s="107">
        <v>45884</v>
      </c>
    </row>
    <row r="3446" spans="1:54" s="8" customFormat="1" ht="13.95" customHeight="1" x14ac:dyDescent="0.25">
      <c r="A3446" s="219" t="s">
        <v>7745</v>
      </c>
      <c r="B3446" s="220" t="s">
        <v>6395</v>
      </c>
      <c r="C3446" s="98" t="s">
        <v>7746</v>
      </c>
      <c r="D3446" s="98" t="s">
        <v>7747</v>
      </c>
      <c r="E3446" s="141">
        <v>1977</v>
      </c>
      <c r="F3446" s="141">
        <v>2667</v>
      </c>
      <c r="G3446" s="98" t="s">
        <v>11</v>
      </c>
      <c r="H3446" s="98">
        <v>0</v>
      </c>
      <c r="I3446" s="98">
        <v>0</v>
      </c>
      <c r="J3446" s="98" t="s">
        <v>400</v>
      </c>
      <c r="K3446" s="98" t="s">
        <v>400</v>
      </c>
      <c r="L3446" s="98" t="s">
        <v>400</v>
      </c>
      <c r="M3446" s="98" t="s">
        <v>400</v>
      </c>
      <c r="N3446" s="98" t="s">
        <v>400</v>
      </c>
      <c r="O3446" s="98" t="s">
        <v>400</v>
      </c>
      <c r="P3446" s="98" t="s">
        <v>400</v>
      </c>
      <c r="Q3446" s="98" t="s">
        <v>400</v>
      </c>
      <c r="R3446" s="98" t="s">
        <v>400</v>
      </c>
      <c r="S3446" s="98" t="s">
        <v>400</v>
      </c>
      <c r="T3446" s="98" t="s">
        <v>400</v>
      </c>
      <c r="U3446" s="98">
        <v>0</v>
      </c>
      <c r="V3446" s="98">
        <v>0</v>
      </c>
      <c r="W3446" s="98" t="s">
        <v>400</v>
      </c>
      <c r="X3446" s="98">
        <v>0</v>
      </c>
      <c r="Y3446" s="98">
        <v>0</v>
      </c>
      <c r="Z3446" s="98">
        <v>0</v>
      </c>
      <c r="AA3446" s="98" t="s">
        <v>400</v>
      </c>
      <c r="AB3446" s="98">
        <v>0</v>
      </c>
      <c r="AC3446" s="98">
        <v>0</v>
      </c>
      <c r="AD3446" s="98">
        <v>0</v>
      </c>
      <c r="AE3446" s="98">
        <v>0</v>
      </c>
      <c r="AF3446" s="98">
        <v>0</v>
      </c>
      <c r="AG3446" s="98">
        <v>0</v>
      </c>
      <c r="AH3446" s="98">
        <v>0</v>
      </c>
      <c r="AI3446" s="98">
        <v>0</v>
      </c>
      <c r="AJ3446" s="98">
        <v>0</v>
      </c>
      <c r="AK3446" s="98">
        <v>0</v>
      </c>
      <c r="AL3446" s="98">
        <v>0</v>
      </c>
      <c r="AM3446" s="98">
        <v>0</v>
      </c>
      <c r="AN3446" s="98">
        <v>0</v>
      </c>
      <c r="AO3446" s="98">
        <v>0</v>
      </c>
      <c r="AP3446" s="98">
        <v>0</v>
      </c>
      <c r="AQ3446" s="98">
        <v>0</v>
      </c>
      <c r="AR3446" s="98">
        <v>0</v>
      </c>
      <c r="AS3446" s="98">
        <v>0</v>
      </c>
      <c r="AT3446" s="129">
        <v>0</v>
      </c>
      <c r="AU3446" s="98">
        <v>0</v>
      </c>
      <c r="AV3446" s="98">
        <v>0</v>
      </c>
      <c r="AW3446" s="98">
        <v>0</v>
      </c>
      <c r="AX3446" s="98"/>
      <c r="AY3446" s="98"/>
      <c r="AZ3446" s="98"/>
      <c r="BA3446" s="98"/>
      <c r="BB3446" s="107">
        <v>45884</v>
      </c>
    </row>
    <row r="3447" spans="1:54" s="8" customFormat="1" ht="13.95" customHeight="1" x14ac:dyDescent="0.25">
      <c r="A3447" s="219" t="s">
        <v>7748</v>
      </c>
      <c r="B3447" s="220" t="s">
        <v>6395</v>
      </c>
      <c r="C3447" s="98" t="s">
        <v>7749</v>
      </c>
      <c r="D3447" s="98" t="s">
        <v>21121</v>
      </c>
      <c r="E3447" s="141">
        <v>1977</v>
      </c>
      <c r="F3447" s="141">
        <v>2696</v>
      </c>
      <c r="G3447" s="98" t="s">
        <v>1</v>
      </c>
      <c r="H3447" s="98">
        <v>1</v>
      </c>
      <c r="I3447" s="98">
        <v>0</v>
      </c>
      <c r="J3447" s="98" t="s">
        <v>400</v>
      </c>
      <c r="K3447" s="98" t="s">
        <v>400</v>
      </c>
      <c r="L3447" s="98" t="s">
        <v>400</v>
      </c>
      <c r="M3447" s="98" t="s">
        <v>400</v>
      </c>
      <c r="N3447" s="98" t="s">
        <v>400</v>
      </c>
      <c r="O3447" s="98" t="s">
        <v>400</v>
      </c>
      <c r="P3447" s="98" t="s">
        <v>400</v>
      </c>
      <c r="Q3447" s="98" t="s">
        <v>400</v>
      </c>
      <c r="R3447" s="98" t="s">
        <v>400</v>
      </c>
      <c r="S3447" s="98" t="s">
        <v>400</v>
      </c>
      <c r="T3447" s="98" t="s">
        <v>400</v>
      </c>
      <c r="U3447" s="128"/>
      <c r="V3447" s="128"/>
      <c r="W3447" s="128"/>
      <c r="X3447" s="128"/>
      <c r="Y3447" s="128"/>
      <c r="Z3447" s="128"/>
      <c r="AA3447" s="128"/>
      <c r="AB3447" s="128"/>
      <c r="AC3447" s="128"/>
      <c r="AD3447" s="128"/>
      <c r="AE3447" s="128"/>
      <c r="AF3447" s="128"/>
      <c r="AG3447" s="128"/>
      <c r="AH3447" s="128"/>
      <c r="AI3447" s="128"/>
      <c r="AJ3447" s="128"/>
      <c r="AK3447" s="128"/>
      <c r="AL3447" s="128"/>
      <c r="AM3447" s="128"/>
      <c r="AN3447" s="128"/>
      <c r="AO3447" s="128"/>
      <c r="AP3447" s="128"/>
      <c r="AQ3447" s="128"/>
      <c r="AR3447" s="128"/>
      <c r="AS3447" s="128"/>
      <c r="AT3447" s="128"/>
      <c r="AU3447" s="128"/>
      <c r="AV3447" s="128"/>
      <c r="AW3447" s="128"/>
      <c r="AX3447" s="128"/>
      <c r="AY3447" s="128"/>
      <c r="AZ3447" s="128"/>
      <c r="BA3447" s="128"/>
      <c r="BB3447" s="107">
        <v>45884</v>
      </c>
    </row>
    <row r="3448" spans="1:54" s="8" customFormat="1" ht="13.95" customHeight="1" x14ac:dyDescent="0.25">
      <c r="A3448" s="219" t="s">
        <v>7750</v>
      </c>
      <c r="B3448" s="220" t="s">
        <v>6395</v>
      </c>
      <c r="C3448" s="98" t="s">
        <v>7751</v>
      </c>
      <c r="D3448" s="98" t="s">
        <v>21122</v>
      </c>
      <c r="E3448" s="141">
        <v>1943</v>
      </c>
      <c r="F3448" s="141">
        <v>2701</v>
      </c>
      <c r="G3448" s="98" t="s">
        <v>1</v>
      </c>
      <c r="H3448" s="98">
        <v>0</v>
      </c>
      <c r="I3448" s="98">
        <v>0</v>
      </c>
      <c r="J3448" s="98" t="s">
        <v>400</v>
      </c>
      <c r="K3448" s="98" t="s">
        <v>400</v>
      </c>
      <c r="L3448" s="98" t="s">
        <v>400</v>
      </c>
      <c r="M3448" s="98" t="s">
        <v>400</v>
      </c>
      <c r="N3448" s="98" t="s">
        <v>400</v>
      </c>
      <c r="O3448" s="98" t="s">
        <v>400</v>
      </c>
      <c r="P3448" s="98" t="s">
        <v>400</v>
      </c>
      <c r="Q3448" s="98" t="s">
        <v>400</v>
      </c>
      <c r="R3448" s="98" t="s">
        <v>400</v>
      </c>
      <c r="S3448" s="98" t="s">
        <v>400</v>
      </c>
      <c r="T3448" s="98" t="s">
        <v>400</v>
      </c>
      <c r="U3448" s="128"/>
      <c r="V3448" s="128"/>
      <c r="W3448" s="128"/>
      <c r="X3448" s="128"/>
      <c r="Y3448" s="128"/>
      <c r="Z3448" s="128"/>
      <c r="AA3448" s="128"/>
      <c r="AB3448" s="128"/>
      <c r="AC3448" s="128"/>
      <c r="AD3448" s="128"/>
      <c r="AE3448" s="128"/>
      <c r="AF3448" s="128"/>
      <c r="AG3448" s="128"/>
      <c r="AH3448" s="128"/>
      <c r="AI3448" s="128"/>
      <c r="AJ3448" s="128"/>
      <c r="AK3448" s="128"/>
      <c r="AL3448" s="128"/>
      <c r="AM3448" s="128"/>
      <c r="AN3448" s="128"/>
      <c r="AO3448" s="128"/>
      <c r="AP3448" s="128"/>
      <c r="AQ3448" s="128"/>
      <c r="AR3448" s="128"/>
      <c r="AS3448" s="128"/>
      <c r="AT3448" s="128"/>
      <c r="AU3448" s="128"/>
      <c r="AV3448" s="128"/>
      <c r="AW3448" s="128"/>
      <c r="AX3448" s="128"/>
      <c r="AY3448" s="128"/>
      <c r="AZ3448" s="128"/>
      <c r="BA3448" s="128"/>
      <c r="BB3448" s="107">
        <v>45884</v>
      </c>
    </row>
    <row r="3449" spans="1:54" s="8" customFormat="1" ht="13.95" customHeight="1" x14ac:dyDescent="0.25">
      <c r="A3449" s="219" t="s">
        <v>7752</v>
      </c>
      <c r="B3449" s="220" t="s">
        <v>6395</v>
      </c>
      <c r="C3449" s="98" t="s">
        <v>7753</v>
      </c>
      <c r="D3449" s="98" t="s">
        <v>21123</v>
      </c>
      <c r="E3449" s="141">
        <v>1987</v>
      </c>
      <c r="F3449" s="141">
        <v>2703</v>
      </c>
      <c r="G3449" s="98" t="s">
        <v>8</v>
      </c>
      <c r="H3449" s="98">
        <v>0</v>
      </c>
      <c r="I3449" s="98">
        <v>0</v>
      </c>
      <c r="J3449" s="98" t="s">
        <v>400</v>
      </c>
      <c r="K3449" s="98" t="s">
        <v>400</v>
      </c>
      <c r="L3449" s="98" t="s">
        <v>400</v>
      </c>
      <c r="M3449" s="98" t="s">
        <v>400</v>
      </c>
      <c r="N3449" s="98" t="s">
        <v>400</v>
      </c>
      <c r="O3449" s="98" t="s">
        <v>400</v>
      </c>
      <c r="P3449" s="98" t="s">
        <v>400</v>
      </c>
      <c r="Q3449" s="98" t="s">
        <v>400</v>
      </c>
      <c r="R3449" s="98" t="s">
        <v>400</v>
      </c>
      <c r="S3449" s="98" t="s">
        <v>400</v>
      </c>
      <c r="T3449" s="98" t="s">
        <v>400</v>
      </c>
      <c r="U3449" s="98">
        <v>0</v>
      </c>
      <c r="V3449" s="98">
        <v>0</v>
      </c>
      <c r="W3449" s="98" t="s">
        <v>400</v>
      </c>
      <c r="X3449" s="98">
        <v>0</v>
      </c>
      <c r="Y3449" s="98">
        <v>0</v>
      </c>
      <c r="Z3449" s="98">
        <v>0</v>
      </c>
      <c r="AA3449" s="98" t="s">
        <v>400</v>
      </c>
      <c r="AB3449" s="98">
        <v>0</v>
      </c>
      <c r="AC3449" s="98">
        <v>0</v>
      </c>
      <c r="AD3449" s="98">
        <v>0</v>
      </c>
      <c r="AE3449" s="98">
        <v>0</v>
      </c>
      <c r="AF3449" s="98">
        <v>0</v>
      </c>
      <c r="AG3449" s="98">
        <v>0</v>
      </c>
      <c r="AH3449" s="98">
        <v>0</v>
      </c>
      <c r="AI3449" s="98">
        <v>0</v>
      </c>
      <c r="AJ3449" s="98">
        <v>0</v>
      </c>
      <c r="AK3449" s="98">
        <v>0</v>
      </c>
      <c r="AL3449" s="98">
        <v>0</v>
      </c>
      <c r="AM3449" s="98">
        <v>0</v>
      </c>
      <c r="AN3449" s="98">
        <v>0</v>
      </c>
      <c r="AO3449" s="98">
        <v>0</v>
      </c>
      <c r="AP3449" s="98">
        <v>0</v>
      </c>
      <c r="AQ3449" s="98">
        <v>0</v>
      </c>
      <c r="AR3449" s="98">
        <v>0</v>
      </c>
      <c r="AS3449" s="98">
        <v>0</v>
      </c>
      <c r="AT3449" s="129">
        <v>0</v>
      </c>
      <c r="AU3449" s="98">
        <v>0</v>
      </c>
      <c r="AV3449" s="98">
        <v>0</v>
      </c>
      <c r="AW3449" s="98">
        <v>0</v>
      </c>
      <c r="AX3449" s="98"/>
      <c r="AY3449" s="98"/>
      <c r="AZ3449" s="98"/>
      <c r="BA3449" s="98"/>
      <c r="BB3449" s="107">
        <v>45884</v>
      </c>
    </row>
    <row r="3450" spans="1:54" s="8" customFormat="1" ht="13.95" customHeight="1" x14ac:dyDescent="0.25">
      <c r="A3450" s="219" t="s">
        <v>7754</v>
      </c>
      <c r="B3450" s="220" t="s">
        <v>6395</v>
      </c>
      <c r="C3450" s="98" t="s">
        <v>7755</v>
      </c>
      <c r="D3450" s="98" t="s">
        <v>21124</v>
      </c>
      <c r="E3450" s="141">
        <v>1973</v>
      </c>
      <c r="F3450" s="141">
        <v>2714</v>
      </c>
      <c r="G3450" s="98" t="s">
        <v>1</v>
      </c>
      <c r="H3450" s="98">
        <v>0</v>
      </c>
      <c r="I3450" s="98">
        <v>0</v>
      </c>
      <c r="J3450" s="98" t="s">
        <v>400</v>
      </c>
      <c r="K3450" s="98" t="s">
        <v>400</v>
      </c>
      <c r="L3450" s="98" t="s">
        <v>400</v>
      </c>
      <c r="M3450" s="98" t="s">
        <v>400</v>
      </c>
      <c r="N3450" s="98" t="s">
        <v>400</v>
      </c>
      <c r="O3450" s="98" t="s">
        <v>400</v>
      </c>
      <c r="P3450" s="98" t="s">
        <v>400</v>
      </c>
      <c r="Q3450" s="98" t="s">
        <v>400</v>
      </c>
      <c r="R3450" s="98" t="s">
        <v>400</v>
      </c>
      <c r="S3450" s="98" t="s">
        <v>400</v>
      </c>
      <c r="T3450" s="98" t="s">
        <v>400</v>
      </c>
      <c r="U3450" s="128"/>
      <c r="V3450" s="128"/>
      <c r="W3450" s="128"/>
      <c r="X3450" s="128"/>
      <c r="Y3450" s="128"/>
      <c r="Z3450" s="128"/>
      <c r="AA3450" s="128"/>
      <c r="AB3450" s="128"/>
      <c r="AC3450" s="128"/>
      <c r="AD3450" s="128"/>
      <c r="AE3450" s="128"/>
      <c r="AF3450" s="128"/>
      <c r="AG3450" s="128"/>
      <c r="AH3450" s="128"/>
      <c r="AI3450" s="128"/>
      <c r="AJ3450" s="128"/>
      <c r="AK3450" s="128"/>
      <c r="AL3450" s="128"/>
      <c r="AM3450" s="128"/>
      <c r="AN3450" s="128"/>
      <c r="AO3450" s="128"/>
      <c r="AP3450" s="128"/>
      <c r="AQ3450" s="128"/>
      <c r="AR3450" s="128"/>
      <c r="AS3450" s="128"/>
      <c r="AT3450" s="128"/>
      <c r="AU3450" s="128"/>
      <c r="AV3450" s="128"/>
      <c r="AW3450" s="128"/>
      <c r="AX3450" s="128"/>
      <c r="AY3450" s="128"/>
      <c r="AZ3450" s="128"/>
      <c r="BA3450" s="128"/>
      <c r="BB3450" s="107">
        <v>45884</v>
      </c>
    </row>
    <row r="3451" spans="1:54" s="8" customFormat="1" ht="13.95" customHeight="1" x14ac:dyDescent="0.25">
      <c r="A3451" s="219" t="s">
        <v>7756</v>
      </c>
      <c r="B3451" s="220" t="s">
        <v>6395</v>
      </c>
      <c r="C3451" s="98" t="s">
        <v>7757</v>
      </c>
      <c r="D3451" s="98" t="s">
        <v>21041</v>
      </c>
      <c r="E3451" s="141">
        <v>2004</v>
      </c>
      <c r="F3451" s="141">
        <v>2746</v>
      </c>
      <c r="G3451" s="98" t="s">
        <v>1</v>
      </c>
      <c r="H3451" s="98">
        <v>0</v>
      </c>
      <c r="I3451" s="98">
        <v>0</v>
      </c>
      <c r="J3451" s="98" t="s">
        <v>400</v>
      </c>
      <c r="K3451" s="98" t="s">
        <v>400</v>
      </c>
      <c r="L3451" s="98" t="s">
        <v>400</v>
      </c>
      <c r="M3451" s="98" t="s">
        <v>400</v>
      </c>
      <c r="N3451" s="98" t="s">
        <v>400</v>
      </c>
      <c r="O3451" s="98" t="s">
        <v>400</v>
      </c>
      <c r="P3451" s="98" t="s">
        <v>400</v>
      </c>
      <c r="Q3451" s="98" t="s">
        <v>400</v>
      </c>
      <c r="R3451" s="98" t="s">
        <v>400</v>
      </c>
      <c r="S3451" s="98" t="s">
        <v>400</v>
      </c>
      <c r="T3451" s="98" t="s">
        <v>400</v>
      </c>
      <c r="U3451" s="128"/>
      <c r="V3451" s="128"/>
      <c r="W3451" s="128"/>
      <c r="X3451" s="128"/>
      <c r="Y3451" s="128"/>
      <c r="Z3451" s="128"/>
      <c r="AA3451" s="128"/>
      <c r="AB3451" s="128"/>
      <c r="AC3451" s="128"/>
      <c r="AD3451" s="128"/>
      <c r="AE3451" s="128"/>
      <c r="AF3451" s="128"/>
      <c r="AG3451" s="128"/>
      <c r="AH3451" s="128"/>
      <c r="AI3451" s="128"/>
      <c r="AJ3451" s="128"/>
      <c r="AK3451" s="128"/>
      <c r="AL3451" s="128"/>
      <c r="AM3451" s="128"/>
      <c r="AN3451" s="128"/>
      <c r="AO3451" s="128"/>
      <c r="AP3451" s="128"/>
      <c r="AQ3451" s="128"/>
      <c r="AR3451" s="128"/>
      <c r="AS3451" s="128"/>
      <c r="AT3451" s="128"/>
      <c r="AU3451" s="128"/>
      <c r="AV3451" s="128"/>
      <c r="AW3451" s="128"/>
      <c r="AX3451" s="128"/>
      <c r="AY3451" s="128"/>
      <c r="AZ3451" s="128"/>
      <c r="BA3451" s="128"/>
      <c r="BB3451" s="107">
        <v>45884</v>
      </c>
    </row>
    <row r="3452" spans="1:54" s="8" customFormat="1" ht="13.95" customHeight="1" x14ac:dyDescent="0.25">
      <c r="A3452" s="219" t="s">
        <v>7758</v>
      </c>
      <c r="B3452" s="220" t="s">
        <v>6395</v>
      </c>
      <c r="C3452" s="98" t="s">
        <v>7759</v>
      </c>
      <c r="D3452" s="98" t="s">
        <v>21125</v>
      </c>
      <c r="E3452" s="141">
        <v>1978</v>
      </c>
      <c r="F3452" s="141">
        <v>2767</v>
      </c>
      <c r="G3452" s="98" t="s">
        <v>1</v>
      </c>
      <c r="H3452" s="98">
        <v>0</v>
      </c>
      <c r="I3452" s="98">
        <v>0</v>
      </c>
      <c r="J3452" s="98" t="s">
        <v>400</v>
      </c>
      <c r="K3452" s="98" t="s">
        <v>400</v>
      </c>
      <c r="L3452" s="98" t="s">
        <v>400</v>
      </c>
      <c r="M3452" s="98" t="s">
        <v>400</v>
      </c>
      <c r="N3452" s="98" t="s">
        <v>400</v>
      </c>
      <c r="O3452" s="98" t="s">
        <v>400</v>
      </c>
      <c r="P3452" s="98" t="s">
        <v>400</v>
      </c>
      <c r="Q3452" s="98" t="s">
        <v>400</v>
      </c>
      <c r="R3452" s="98" t="s">
        <v>400</v>
      </c>
      <c r="S3452" s="98" t="s">
        <v>400</v>
      </c>
      <c r="T3452" s="98" t="s">
        <v>400</v>
      </c>
      <c r="U3452" s="128"/>
      <c r="V3452" s="128"/>
      <c r="W3452" s="128"/>
      <c r="X3452" s="128"/>
      <c r="Y3452" s="128"/>
      <c r="Z3452" s="128"/>
      <c r="AA3452" s="128"/>
      <c r="AB3452" s="128"/>
      <c r="AC3452" s="128"/>
      <c r="AD3452" s="128"/>
      <c r="AE3452" s="128"/>
      <c r="AF3452" s="128"/>
      <c r="AG3452" s="128"/>
      <c r="AH3452" s="128"/>
      <c r="AI3452" s="128"/>
      <c r="AJ3452" s="128"/>
      <c r="AK3452" s="128"/>
      <c r="AL3452" s="128"/>
      <c r="AM3452" s="128"/>
      <c r="AN3452" s="128"/>
      <c r="AO3452" s="128"/>
      <c r="AP3452" s="128"/>
      <c r="AQ3452" s="128"/>
      <c r="AR3452" s="128"/>
      <c r="AS3452" s="128"/>
      <c r="AT3452" s="128"/>
      <c r="AU3452" s="128"/>
      <c r="AV3452" s="128"/>
      <c r="AW3452" s="128"/>
      <c r="AX3452" s="128"/>
      <c r="AY3452" s="128"/>
      <c r="AZ3452" s="128"/>
      <c r="BA3452" s="128"/>
      <c r="BB3452" s="107">
        <v>45884</v>
      </c>
    </row>
    <row r="3453" spans="1:54" s="8" customFormat="1" ht="13.95" customHeight="1" x14ac:dyDescent="0.25">
      <c r="A3453" s="219" t="s">
        <v>7760</v>
      </c>
      <c r="B3453" s="220" t="s">
        <v>6395</v>
      </c>
      <c r="C3453" s="98" t="s">
        <v>7761</v>
      </c>
      <c r="D3453" s="98" t="s">
        <v>21126</v>
      </c>
      <c r="E3453" s="141">
        <v>2009</v>
      </c>
      <c r="F3453" s="141">
        <v>2800</v>
      </c>
      <c r="G3453" s="98" t="s">
        <v>1</v>
      </c>
      <c r="H3453" s="98">
        <v>0</v>
      </c>
      <c r="I3453" s="98">
        <v>0</v>
      </c>
      <c r="J3453" s="98" t="s">
        <v>400</v>
      </c>
      <c r="K3453" s="98" t="s">
        <v>400</v>
      </c>
      <c r="L3453" s="98" t="s">
        <v>400</v>
      </c>
      <c r="M3453" s="98" t="s">
        <v>400</v>
      </c>
      <c r="N3453" s="98" t="s">
        <v>400</v>
      </c>
      <c r="O3453" s="98" t="s">
        <v>400</v>
      </c>
      <c r="P3453" s="98" t="s">
        <v>400</v>
      </c>
      <c r="Q3453" s="98" t="s">
        <v>400</v>
      </c>
      <c r="R3453" s="98" t="s">
        <v>400</v>
      </c>
      <c r="S3453" s="98" t="s">
        <v>400</v>
      </c>
      <c r="T3453" s="98" t="s">
        <v>400</v>
      </c>
      <c r="U3453" s="128"/>
      <c r="V3453" s="128"/>
      <c r="W3453" s="128"/>
      <c r="X3453" s="128"/>
      <c r="Y3453" s="128"/>
      <c r="Z3453" s="128"/>
      <c r="AA3453" s="128"/>
      <c r="AB3453" s="128"/>
      <c r="AC3453" s="128"/>
      <c r="AD3453" s="128"/>
      <c r="AE3453" s="128"/>
      <c r="AF3453" s="128"/>
      <c r="AG3453" s="128"/>
      <c r="AH3453" s="128"/>
      <c r="AI3453" s="128"/>
      <c r="AJ3453" s="128"/>
      <c r="AK3453" s="128"/>
      <c r="AL3453" s="128"/>
      <c r="AM3453" s="128"/>
      <c r="AN3453" s="128"/>
      <c r="AO3453" s="128"/>
      <c r="AP3453" s="128"/>
      <c r="AQ3453" s="128"/>
      <c r="AR3453" s="128"/>
      <c r="AS3453" s="128"/>
      <c r="AT3453" s="128"/>
      <c r="AU3453" s="128"/>
      <c r="AV3453" s="128"/>
      <c r="AW3453" s="128"/>
      <c r="AX3453" s="128"/>
      <c r="AY3453" s="128"/>
      <c r="AZ3453" s="128"/>
      <c r="BA3453" s="128"/>
      <c r="BB3453" s="107">
        <v>45884</v>
      </c>
    </row>
    <row r="3454" spans="1:54" s="8" customFormat="1" ht="13.95" customHeight="1" x14ac:dyDescent="0.25">
      <c r="A3454" s="219" t="s">
        <v>7762</v>
      </c>
      <c r="B3454" s="220" t="s">
        <v>6395</v>
      </c>
      <c r="C3454" s="98" t="s">
        <v>7763</v>
      </c>
      <c r="D3454" s="98" t="s">
        <v>21127</v>
      </c>
      <c r="E3454" s="141">
        <v>1985</v>
      </c>
      <c r="F3454" s="141">
        <v>2823</v>
      </c>
      <c r="G3454" s="98" t="s">
        <v>1</v>
      </c>
      <c r="H3454" s="98">
        <v>0</v>
      </c>
      <c r="I3454" s="98">
        <v>0</v>
      </c>
      <c r="J3454" s="98" t="s">
        <v>400</v>
      </c>
      <c r="K3454" s="98" t="s">
        <v>400</v>
      </c>
      <c r="L3454" s="98" t="s">
        <v>400</v>
      </c>
      <c r="M3454" s="98" t="s">
        <v>400</v>
      </c>
      <c r="N3454" s="98" t="s">
        <v>400</v>
      </c>
      <c r="O3454" s="98" t="s">
        <v>400</v>
      </c>
      <c r="P3454" s="98" t="s">
        <v>400</v>
      </c>
      <c r="Q3454" s="98" t="s">
        <v>400</v>
      </c>
      <c r="R3454" s="98" t="s">
        <v>400</v>
      </c>
      <c r="S3454" s="98" t="s">
        <v>400</v>
      </c>
      <c r="T3454" s="98" t="s">
        <v>400</v>
      </c>
      <c r="U3454" s="128"/>
      <c r="V3454" s="128"/>
      <c r="W3454" s="128"/>
      <c r="X3454" s="128"/>
      <c r="Y3454" s="128"/>
      <c r="Z3454" s="128"/>
      <c r="AA3454" s="128"/>
      <c r="AB3454" s="128"/>
      <c r="AC3454" s="128"/>
      <c r="AD3454" s="128"/>
      <c r="AE3454" s="128"/>
      <c r="AF3454" s="128"/>
      <c r="AG3454" s="128"/>
      <c r="AH3454" s="128"/>
      <c r="AI3454" s="128"/>
      <c r="AJ3454" s="128"/>
      <c r="AK3454" s="128"/>
      <c r="AL3454" s="128"/>
      <c r="AM3454" s="128"/>
      <c r="AN3454" s="128"/>
      <c r="AO3454" s="128"/>
      <c r="AP3454" s="128"/>
      <c r="AQ3454" s="128"/>
      <c r="AR3454" s="128"/>
      <c r="AS3454" s="128"/>
      <c r="AT3454" s="128"/>
      <c r="AU3454" s="128"/>
      <c r="AV3454" s="128"/>
      <c r="AW3454" s="128"/>
      <c r="AX3454" s="128"/>
      <c r="AY3454" s="128"/>
      <c r="AZ3454" s="128"/>
      <c r="BA3454" s="128"/>
      <c r="BB3454" s="107">
        <v>45884</v>
      </c>
    </row>
    <row r="3455" spans="1:54" s="8" customFormat="1" ht="13.95" customHeight="1" x14ac:dyDescent="0.25">
      <c r="A3455" s="219" t="s">
        <v>7764</v>
      </c>
      <c r="B3455" s="220" t="s">
        <v>6395</v>
      </c>
      <c r="C3455" s="98" t="s">
        <v>22179</v>
      </c>
      <c r="D3455" s="98" t="s">
        <v>21128</v>
      </c>
      <c r="E3455" s="141">
        <v>1974</v>
      </c>
      <c r="F3455" s="141">
        <v>2833</v>
      </c>
      <c r="G3455" s="98" t="s">
        <v>1</v>
      </c>
      <c r="H3455" s="98">
        <v>0</v>
      </c>
      <c r="I3455" s="98">
        <v>0</v>
      </c>
      <c r="J3455" s="98" t="s">
        <v>400</v>
      </c>
      <c r="K3455" s="98" t="s">
        <v>400</v>
      </c>
      <c r="L3455" s="98" t="s">
        <v>400</v>
      </c>
      <c r="M3455" s="98" t="s">
        <v>400</v>
      </c>
      <c r="N3455" s="98" t="s">
        <v>400</v>
      </c>
      <c r="O3455" s="98" t="s">
        <v>400</v>
      </c>
      <c r="P3455" s="98" t="s">
        <v>400</v>
      </c>
      <c r="Q3455" s="98" t="s">
        <v>400</v>
      </c>
      <c r="R3455" s="98" t="s">
        <v>400</v>
      </c>
      <c r="S3455" s="98" t="s">
        <v>400</v>
      </c>
      <c r="T3455" s="98" t="s">
        <v>400</v>
      </c>
      <c r="U3455" s="128"/>
      <c r="V3455" s="128"/>
      <c r="W3455" s="128"/>
      <c r="X3455" s="128"/>
      <c r="Y3455" s="128"/>
      <c r="Z3455" s="128"/>
      <c r="AA3455" s="128"/>
      <c r="AB3455" s="128"/>
      <c r="AC3455" s="128"/>
      <c r="AD3455" s="128"/>
      <c r="AE3455" s="128"/>
      <c r="AF3455" s="128"/>
      <c r="AG3455" s="128"/>
      <c r="AH3455" s="128"/>
      <c r="AI3455" s="128"/>
      <c r="AJ3455" s="128"/>
      <c r="AK3455" s="128"/>
      <c r="AL3455" s="128"/>
      <c r="AM3455" s="128"/>
      <c r="AN3455" s="128"/>
      <c r="AO3455" s="128"/>
      <c r="AP3455" s="128"/>
      <c r="AQ3455" s="128"/>
      <c r="AR3455" s="128"/>
      <c r="AS3455" s="128"/>
      <c r="AT3455" s="128"/>
      <c r="AU3455" s="128"/>
      <c r="AV3455" s="128"/>
      <c r="AW3455" s="128"/>
      <c r="AX3455" s="128"/>
      <c r="AY3455" s="128"/>
      <c r="AZ3455" s="128"/>
      <c r="BA3455" s="128"/>
      <c r="BB3455" s="107">
        <v>45884</v>
      </c>
    </row>
    <row r="3456" spans="1:54" s="8" customFormat="1" ht="13.95" customHeight="1" x14ac:dyDescent="0.25">
      <c r="A3456" s="219" t="s">
        <v>7765</v>
      </c>
      <c r="B3456" s="220" t="s">
        <v>6395</v>
      </c>
      <c r="C3456" s="98" t="s">
        <v>7766</v>
      </c>
      <c r="D3456" s="98" t="s">
        <v>21129</v>
      </c>
      <c r="E3456" s="141">
        <v>1971</v>
      </c>
      <c r="F3456" s="141">
        <v>2900</v>
      </c>
      <c r="G3456" s="98" t="s">
        <v>1</v>
      </c>
      <c r="H3456" s="98">
        <v>0</v>
      </c>
      <c r="I3456" s="98">
        <v>0</v>
      </c>
      <c r="J3456" s="98" t="s">
        <v>400</v>
      </c>
      <c r="K3456" s="98" t="s">
        <v>400</v>
      </c>
      <c r="L3456" s="98" t="s">
        <v>400</v>
      </c>
      <c r="M3456" s="98" t="s">
        <v>400</v>
      </c>
      <c r="N3456" s="98" t="s">
        <v>400</v>
      </c>
      <c r="O3456" s="98" t="s">
        <v>400</v>
      </c>
      <c r="P3456" s="98" t="s">
        <v>400</v>
      </c>
      <c r="Q3456" s="98" t="s">
        <v>400</v>
      </c>
      <c r="R3456" s="98" t="s">
        <v>400</v>
      </c>
      <c r="S3456" s="98" t="s">
        <v>400</v>
      </c>
      <c r="T3456" s="98" t="s">
        <v>400</v>
      </c>
      <c r="U3456" s="128"/>
      <c r="V3456" s="128"/>
      <c r="W3456" s="128"/>
      <c r="X3456" s="128"/>
      <c r="Y3456" s="128"/>
      <c r="Z3456" s="128"/>
      <c r="AA3456" s="128"/>
      <c r="AB3456" s="128"/>
      <c r="AC3456" s="128"/>
      <c r="AD3456" s="128"/>
      <c r="AE3456" s="128"/>
      <c r="AF3456" s="128"/>
      <c r="AG3456" s="128"/>
      <c r="AH3456" s="128"/>
      <c r="AI3456" s="128"/>
      <c r="AJ3456" s="128"/>
      <c r="AK3456" s="128"/>
      <c r="AL3456" s="128"/>
      <c r="AM3456" s="128"/>
      <c r="AN3456" s="128"/>
      <c r="AO3456" s="128"/>
      <c r="AP3456" s="128"/>
      <c r="AQ3456" s="128"/>
      <c r="AR3456" s="128"/>
      <c r="AS3456" s="128"/>
      <c r="AT3456" s="128"/>
      <c r="AU3456" s="128"/>
      <c r="AV3456" s="128"/>
      <c r="AW3456" s="128"/>
      <c r="AX3456" s="128"/>
      <c r="AY3456" s="128"/>
      <c r="AZ3456" s="128"/>
      <c r="BA3456" s="128"/>
      <c r="BB3456" s="107">
        <v>45884</v>
      </c>
    </row>
    <row r="3457" spans="1:54" s="8" customFormat="1" ht="13.95" customHeight="1" x14ac:dyDescent="0.25">
      <c r="A3457" s="219" t="s">
        <v>7767</v>
      </c>
      <c r="B3457" s="220" t="s">
        <v>6395</v>
      </c>
      <c r="C3457" s="98" t="s">
        <v>22180</v>
      </c>
      <c r="D3457" s="98" t="s">
        <v>21130</v>
      </c>
      <c r="E3457" s="141">
        <v>1976</v>
      </c>
      <c r="F3457" s="141">
        <v>2915</v>
      </c>
      <c r="G3457" s="98" t="s">
        <v>1</v>
      </c>
      <c r="H3457" s="98">
        <v>0</v>
      </c>
      <c r="I3457" s="98">
        <v>0</v>
      </c>
      <c r="J3457" s="98" t="s">
        <v>400</v>
      </c>
      <c r="K3457" s="98" t="s">
        <v>400</v>
      </c>
      <c r="L3457" s="98" t="s">
        <v>400</v>
      </c>
      <c r="M3457" s="98" t="s">
        <v>400</v>
      </c>
      <c r="N3457" s="98" t="s">
        <v>400</v>
      </c>
      <c r="O3457" s="98" t="s">
        <v>400</v>
      </c>
      <c r="P3457" s="98" t="s">
        <v>400</v>
      </c>
      <c r="Q3457" s="98" t="s">
        <v>400</v>
      </c>
      <c r="R3457" s="98" t="s">
        <v>400</v>
      </c>
      <c r="S3457" s="98" t="s">
        <v>400</v>
      </c>
      <c r="T3457" s="98" t="s">
        <v>400</v>
      </c>
      <c r="U3457" s="128"/>
      <c r="V3457" s="128"/>
      <c r="W3457" s="128"/>
      <c r="X3457" s="128"/>
      <c r="Y3457" s="128"/>
      <c r="Z3457" s="128"/>
      <c r="AA3457" s="128"/>
      <c r="AB3457" s="128"/>
      <c r="AC3457" s="128"/>
      <c r="AD3457" s="128"/>
      <c r="AE3457" s="128"/>
      <c r="AF3457" s="128"/>
      <c r="AG3457" s="128"/>
      <c r="AH3457" s="128"/>
      <c r="AI3457" s="128"/>
      <c r="AJ3457" s="128"/>
      <c r="AK3457" s="128"/>
      <c r="AL3457" s="128"/>
      <c r="AM3457" s="128"/>
      <c r="AN3457" s="128"/>
      <c r="AO3457" s="128"/>
      <c r="AP3457" s="128"/>
      <c r="AQ3457" s="128"/>
      <c r="AR3457" s="128"/>
      <c r="AS3457" s="128"/>
      <c r="AT3457" s="128"/>
      <c r="AU3457" s="128"/>
      <c r="AV3457" s="128"/>
      <c r="AW3457" s="128"/>
      <c r="AX3457" s="128"/>
      <c r="AY3457" s="128"/>
      <c r="AZ3457" s="128"/>
      <c r="BA3457" s="128"/>
      <c r="BB3457" s="107">
        <v>45884</v>
      </c>
    </row>
    <row r="3458" spans="1:54" s="8" customFormat="1" ht="13.95" customHeight="1" x14ac:dyDescent="0.25">
      <c r="A3458" s="219" t="s">
        <v>7768</v>
      </c>
      <c r="B3458" s="220" t="s">
        <v>6395</v>
      </c>
      <c r="C3458" s="98" t="s">
        <v>7769</v>
      </c>
      <c r="D3458" s="98" t="s">
        <v>21131</v>
      </c>
      <c r="E3458" s="141">
        <v>2001</v>
      </c>
      <c r="F3458" s="141">
        <v>2941</v>
      </c>
      <c r="G3458" s="98" t="s">
        <v>1</v>
      </c>
      <c r="H3458" s="98">
        <v>0</v>
      </c>
      <c r="I3458" s="98">
        <v>0</v>
      </c>
      <c r="J3458" s="98" t="s">
        <v>400</v>
      </c>
      <c r="K3458" s="98" t="s">
        <v>400</v>
      </c>
      <c r="L3458" s="98" t="s">
        <v>400</v>
      </c>
      <c r="M3458" s="98" t="s">
        <v>400</v>
      </c>
      <c r="N3458" s="98" t="s">
        <v>400</v>
      </c>
      <c r="O3458" s="98" t="s">
        <v>400</v>
      </c>
      <c r="P3458" s="98" t="s">
        <v>400</v>
      </c>
      <c r="Q3458" s="98" t="s">
        <v>400</v>
      </c>
      <c r="R3458" s="98" t="s">
        <v>400</v>
      </c>
      <c r="S3458" s="98" t="s">
        <v>400</v>
      </c>
      <c r="T3458" s="98" t="s">
        <v>400</v>
      </c>
      <c r="U3458" s="128"/>
      <c r="V3458" s="128"/>
      <c r="W3458" s="128"/>
      <c r="X3458" s="128"/>
      <c r="Y3458" s="128"/>
      <c r="Z3458" s="128"/>
      <c r="AA3458" s="128"/>
      <c r="AB3458" s="128"/>
      <c r="AC3458" s="128"/>
      <c r="AD3458" s="128"/>
      <c r="AE3458" s="128"/>
      <c r="AF3458" s="128"/>
      <c r="AG3458" s="128"/>
      <c r="AH3458" s="128"/>
      <c r="AI3458" s="128"/>
      <c r="AJ3458" s="128"/>
      <c r="AK3458" s="128"/>
      <c r="AL3458" s="128"/>
      <c r="AM3458" s="128"/>
      <c r="AN3458" s="128"/>
      <c r="AO3458" s="128"/>
      <c r="AP3458" s="128"/>
      <c r="AQ3458" s="128"/>
      <c r="AR3458" s="128"/>
      <c r="AS3458" s="128"/>
      <c r="AT3458" s="128"/>
      <c r="AU3458" s="128"/>
      <c r="AV3458" s="128"/>
      <c r="AW3458" s="128"/>
      <c r="AX3458" s="128"/>
      <c r="AY3458" s="128"/>
      <c r="AZ3458" s="128"/>
      <c r="BA3458" s="128"/>
      <c r="BB3458" s="107">
        <v>45884</v>
      </c>
    </row>
    <row r="3459" spans="1:54" s="8" customFormat="1" ht="13.95" customHeight="1" x14ac:dyDescent="0.25">
      <c r="A3459" s="219" t="s">
        <v>7770</v>
      </c>
      <c r="B3459" s="220" t="s">
        <v>6395</v>
      </c>
      <c r="C3459" s="98" t="s">
        <v>7771</v>
      </c>
      <c r="D3459" s="98" t="s">
        <v>21132</v>
      </c>
      <c r="E3459" s="141">
        <v>2006</v>
      </c>
      <c r="F3459" s="141">
        <v>2942</v>
      </c>
      <c r="G3459" s="98" t="s">
        <v>1</v>
      </c>
      <c r="H3459" s="98">
        <v>0</v>
      </c>
      <c r="I3459" s="98">
        <v>0</v>
      </c>
      <c r="J3459" s="98" t="s">
        <v>400</v>
      </c>
      <c r="K3459" s="98" t="s">
        <v>400</v>
      </c>
      <c r="L3459" s="98" t="s">
        <v>400</v>
      </c>
      <c r="M3459" s="98" t="s">
        <v>400</v>
      </c>
      <c r="N3459" s="98" t="s">
        <v>400</v>
      </c>
      <c r="O3459" s="98" t="s">
        <v>400</v>
      </c>
      <c r="P3459" s="98" t="s">
        <v>400</v>
      </c>
      <c r="Q3459" s="98" t="s">
        <v>400</v>
      </c>
      <c r="R3459" s="98" t="s">
        <v>400</v>
      </c>
      <c r="S3459" s="98" t="s">
        <v>400</v>
      </c>
      <c r="T3459" s="98" t="s">
        <v>400</v>
      </c>
      <c r="U3459" s="128"/>
      <c r="V3459" s="128"/>
      <c r="W3459" s="128"/>
      <c r="X3459" s="128"/>
      <c r="Y3459" s="128"/>
      <c r="Z3459" s="128"/>
      <c r="AA3459" s="128"/>
      <c r="AB3459" s="128"/>
      <c r="AC3459" s="128"/>
      <c r="AD3459" s="128"/>
      <c r="AE3459" s="128"/>
      <c r="AF3459" s="128"/>
      <c r="AG3459" s="128"/>
      <c r="AH3459" s="128"/>
      <c r="AI3459" s="128"/>
      <c r="AJ3459" s="128"/>
      <c r="AK3459" s="128"/>
      <c r="AL3459" s="128"/>
      <c r="AM3459" s="128"/>
      <c r="AN3459" s="128"/>
      <c r="AO3459" s="128"/>
      <c r="AP3459" s="128"/>
      <c r="AQ3459" s="128"/>
      <c r="AR3459" s="128"/>
      <c r="AS3459" s="128"/>
      <c r="AT3459" s="128"/>
      <c r="AU3459" s="128"/>
      <c r="AV3459" s="128"/>
      <c r="AW3459" s="128"/>
      <c r="AX3459" s="128"/>
      <c r="AY3459" s="128"/>
      <c r="AZ3459" s="128"/>
      <c r="BA3459" s="128"/>
      <c r="BB3459" s="107">
        <v>45884</v>
      </c>
    </row>
    <row r="3460" spans="1:54" s="8" customFormat="1" ht="13.95" customHeight="1" x14ac:dyDescent="0.25">
      <c r="A3460" s="219" t="s">
        <v>7772</v>
      </c>
      <c r="B3460" s="220" t="s">
        <v>6395</v>
      </c>
      <c r="C3460" s="98" t="s">
        <v>7773</v>
      </c>
      <c r="D3460" s="98" t="s">
        <v>21133</v>
      </c>
      <c r="E3460" s="141">
        <v>1976</v>
      </c>
      <c r="F3460" s="141">
        <v>2968</v>
      </c>
      <c r="G3460" s="98" t="s">
        <v>1</v>
      </c>
      <c r="H3460" s="98">
        <v>0</v>
      </c>
      <c r="I3460" s="98">
        <v>0</v>
      </c>
      <c r="J3460" s="98" t="s">
        <v>400</v>
      </c>
      <c r="K3460" s="98" t="s">
        <v>400</v>
      </c>
      <c r="L3460" s="98" t="s">
        <v>400</v>
      </c>
      <c r="M3460" s="98" t="s">
        <v>400</v>
      </c>
      <c r="N3460" s="98" t="s">
        <v>400</v>
      </c>
      <c r="O3460" s="98" t="s">
        <v>400</v>
      </c>
      <c r="P3460" s="98" t="s">
        <v>400</v>
      </c>
      <c r="Q3460" s="98" t="s">
        <v>400</v>
      </c>
      <c r="R3460" s="98" t="s">
        <v>400</v>
      </c>
      <c r="S3460" s="98" t="s">
        <v>400</v>
      </c>
      <c r="T3460" s="98" t="s">
        <v>400</v>
      </c>
      <c r="U3460" s="128"/>
      <c r="V3460" s="128"/>
      <c r="W3460" s="128"/>
      <c r="X3460" s="128"/>
      <c r="Y3460" s="128"/>
      <c r="Z3460" s="128"/>
      <c r="AA3460" s="128"/>
      <c r="AB3460" s="128"/>
      <c r="AC3460" s="128"/>
      <c r="AD3460" s="128"/>
      <c r="AE3460" s="128"/>
      <c r="AF3460" s="128"/>
      <c r="AG3460" s="128"/>
      <c r="AH3460" s="128"/>
      <c r="AI3460" s="128"/>
      <c r="AJ3460" s="128"/>
      <c r="AK3460" s="128"/>
      <c r="AL3460" s="128"/>
      <c r="AM3460" s="128"/>
      <c r="AN3460" s="128"/>
      <c r="AO3460" s="128"/>
      <c r="AP3460" s="128"/>
      <c r="AQ3460" s="128"/>
      <c r="AR3460" s="128"/>
      <c r="AS3460" s="128"/>
      <c r="AT3460" s="128"/>
      <c r="AU3460" s="128"/>
      <c r="AV3460" s="128"/>
      <c r="AW3460" s="128"/>
      <c r="AX3460" s="128"/>
      <c r="AY3460" s="128"/>
      <c r="AZ3460" s="128"/>
      <c r="BA3460" s="128"/>
      <c r="BB3460" s="107">
        <v>45884</v>
      </c>
    </row>
    <row r="3461" spans="1:54" s="8" customFormat="1" ht="13.95" customHeight="1" x14ac:dyDescent="0.25">
      <c r="A3461" s="219" t="s">
        <v>7774</v>
      </c>
      <c r="B3461" s="220" t="s">
        <v>6395</v>
      </c>
      <c r="C3461" s="98" t="s">
        <v>7775</v>
      </c>
      <c r="D3461" s="98" t="s">
        <v>21134</v>
      </c>
      <c r="E3461" s="141">
        <v>2008</v>
      </c>
      <c r="F3461" s="141">
        <v>3000</v>
      </c>
      <c r="G3461" s="98" t="s">
        <v>1</v>
      </c>
      <c r="H3461" s="98">
        <v>0</v>
      </c>
      <c r="I3461" s="98">
        <v>0</v>
      </c>
      <c r="J3461" s="98" t="s">
        <v>400</v>
      </c>
      <c r="K3461" s="98" t="s">
        <v>400</v>
      </c>
      <c r="L3461" s="98" t="s">
        <v>400</v>
      </c>
      <c r="M3461" s="98" t="s">
        <v>400</v>
      </c>
      <c r="N3461" s="98" t="s">
        <v>400</v>
      </c>
      <c r="O3461" s="98" t="s">
        <v>400</v>
      </c>
      <c r="P3461" s="98" t="s">
        <v>400</v>
      </c>
      <c r="Q3461" s="98" t="s">
        <v>400</v>
      </c>
      <c r="R3461" s="98" t="s">
        <v>400</v>
      </c>
      <c r="S3461" s="98" t="s">
        <v>400</v>
      </c>
      <c r="T3461" s="98" t="s">
        <v>400</v>
      </c>
      <c r="U3461" s="128"/>
      <c r="V3461" s="128"/>
      <c r="W3461" s="128"/>
      <c r="X3461" s="128"/>
      <c r="Y3461" s="128"/>
      <c r="Z3461" s="128"/>
      <c r="AA3461" s="128"/>
      <c r="AB3461" s="128"/>
      <c r="AC3461" s="128"/>
      <c r="AD3461" s="128"/>
      <c r="AE3461" s="128"/>
      <c r="AF3461" s="128"/>
      <c r="AG3461" s="128"/>
      <c r="AH3461" s="128"/>
      <c r="AI3461" s="128"/>
      <c r="AJ3461" s="128"/>
      <c r="AK3461" s="128"/>
      <c r="AL3461" s="128"/>
      <c r="AM3461" s="128"/>
      <c r="AN3461" s="128"/>
      <c r="AO3461" s="128"/>
      <c r="AP3461" s="128"/>
      <c r="AQ3461" s="128"/>
      <c r="AR3461" s="128"/>
      <c r="AS3461" s="128"/>
      <c r="AT3461" s="128"/>
      <c r="AU3461" s="128"/>
      <c r="AV3461" s="128"/>
      <c r="AW3461" s="128"/>
      <c r="AX3461" s="128"/>
      <c r="AY3461" s="128"/>
      <c r="AZ3461" s="128"/>
      <c r="BA3461" s="128"/>
      <c r="BB3461" s="107">
        <v>45884</v>
      </c>
    </row>
    <row r="3462" spans="1:54" s="8" customFormat="1" ht="13.95" customHeight="1" x14ac:dyDescent="0.25">
      <c r="A3462" s="219" t="s">
        <v>7776</v>
      </c>
      <c r="B3462" s="220" t="s">
        <v>6395</v>
      </c>
      <c r="C3462" s="98" t="s">
        <v>7777</v>
      </c>
      <c r="D3462" s="98" t="s">
        <v>21135</v>
      </c>
      <c r="E3462" s="141">
        <v>1986</v>
      </c>
      <c r="F3462" s="141">
        <v>3000</v>
      </c>
      <c r="G3462" s="98" t="s">
        <v>8</v>
      </c>
      <c r="H3462" s="98">
        <v>0</v>
      </c>
      <c r="I3462" s="98">
        <v>0</v>
      </c>
      <c r="J3462" s="98" t="s">
        <v>400</v>
      </c>
      <c r="K3462" s="98" t="s">
        <v>400</v>
      </c>
      <c r="L3462" s="98" t="s">
        <v>400</v>
      </c>
      <c r="M3462" s="98" t="s">
        <v>400</v>
      </c>
      <c r="N3462" s="98" t="s">
        <v>400</v>
      </c>
      <c r="O3462" s="98" t="s">
        <v>400</v>
      </c>
      <c r="P3462" s="98" t="s">
        <v>400</v>
      </c>
      <c r="Q3462" s="98" t="s">
        <v>400</v>
      </c>
      <c r="R3462" s="98" t="s">
        <v>400</v>
      </c>
      <c r="S3462" s="98" t="s">
        <v>400</v>
      </c>
      <c r="T3462" s="98" t="s">
        <v>400</v>
      </c>
      <c r="U3462" s="98">
        <v>0</v>
      </c>
      <c r="V3462" s="98">
        <v>0</v>
      </c>
      <c r="W3462" s="98" t="s">
        <v>400</v>
      </c>
      <c r="X3462" s="98">
        <v>0</v>
      </c>
      <c r="Y3462" s="98">
        <v>0</v>
      </c>
      <c r="Z3462" s="98">
        <v>0</v>
      </c>
      <c r="AA3462" s="98" t="s">
        <v>400</v>
      </c>
      <c r="AB3462" s="98">
        <v>0</v>
      </c>
      <c r="AC3462" s="98">
        <v>0</v>
      </c>
      <c r="AD3462" s="98">
        <v>0</v>
      </c>
      <c r="AE3462" s="98">
        <v>0</v>
      </c>
      <c r="AF3462" s="98">
        <v>0</v>
      </c>
      <c r="AG3462" s="98">
        <v>0</v>
      </c>
      <c r="AH3462" s="98">
        <v>0</v>
      </c>
      <c r="AI3462" s="98">
        <v>0</v>
      </c>
      <c r="AJ3462" s="98">
        <v>0</v>
      </c>
      <c r="AK3462" s="98">
        <v>0</v>
      </c>
      <c r="AL3462" s="98">
        <v>0</v>
      </c>
      <c r="AM3462" s="98">
        <v>0</v>
      </c>
      <c r="AN3462" s="98">
        <v>0</v>
      </c>
      <c r="AO3462" s="98">
        <v>0</v>
      </c>
      <c r="AP3462" s="98">
        <v>0</v>
      </c>
      <c r="AQ3462" s="98">
        <v>0</v>
      </c>
      <c r="AR3462" s="98">
        <v>0</v>
      </c>
      <c r="AS3462" s="98">
        <v>0</v>
      </c>
      <c r="AT3462" s="129">
        <v>0</v>
      </c>
      <c r="AU3462" s="98">
        <v>0</v>
      </c>
      <c r="AV3462" s="98">
        <v>0</v>
      </c>
      <c r="AW3462" s="98">
        <v>0</v>
      </c>
      <c r="AX3462" s="98"/>
      <c r="AY3462" s="98"/>
      <c r="AZ3462" s="98"/>
      <c r="BA3462" s="98"/>
      <c r="BB3462" s="107">
        <v>45884</v>
      </c>
    </row>
    <row r="3463" spans="1:54" s="8" customFormat="1" ht="13.95" customHeight="1" x14ac:dyDescent="0.25">
      <c r="A3463" s="219" t="s">
        <v>7778</v>
      </c>
      <c r="B3463" s="220" t="s">
        <v>6395</v>
      </c>
      <c r="C3463" s="98" t="s">
        <v>22181</v>
      </c>
      <c r="D3463" s="98" t="s">
        <v>21136</v>
      </c>
      <c r="E3463" s="141">
        <v>1983</v>
      </c>
      <c r="F3463" s="141">
        <v>3049</v>
      </c>
      <c r="G3463" s="98" t="s">
        <v>1</v>
      </c>
      <c r="H3463" s="98">
        <v>0</v>
      </c>
      <c r="I3463" s="98">
        <v>0</v>
      </c>
      <c r="J3463" s="98" t="s">
        <v>400</v>
      </c>
      <c r="K3463" s="98" t="s">
        <v>400</v>
      </c>
      <c r="L3463" s="98" t="s">
        <v>400</v>
      </c>
      <c r="M3463" s="98" t="s">
        <v>400</v>
      </c>
      <c r="N3463" s="98" t="s">
        <v>400</v>
      </c>
      <c r="O3463" s="98" t="s">
        <v>400</v>
      </c>
      <c r="P3463" s="98" t="s">
        <v>400</v>
      </c>
      <c r="Q3463" s="98" t="s">
        <v>400</v>
      </c>
      <c r="R3463" s="98" t="s">
        <v>400</v>
      </c>
      <c r="S3463" s="98" t="s">
        <v>400</v>
      </c>
      <c r="T3463" s="98" t="s">
        <v>400</v>
      </c>
      <c r="U3463" s="128"/>
      <c r="V3463" s="128"/>
      <c r="W3463" s="128"/>
      <c r="X3463" s="128"/>
      <c r="Y3463" s="128"/>
      <c r="Z3463" s="128"/>
      <c r="AA3463" s="128"/>
      <c r="AB3463" s="128"/>
      <c r="AC3463" s="128"/>
      <c r="AD3463" s="128"/>
      <c r="AE3463" s="128"/>
      <c r="AF3463" s="128"/>
      <c r="AG3463" s="128"/>
      <c r="AH3463" s="128"/>
      <c r="AI3463" s="128"/>
      <c r="AJ3463" s="128"/>
      <c r="AK3463" s="128"/>
      <c r="AL3463" s="128"/>
      <c r="AM3463" s="128"/>
      <c r="AN3463" s="128"/>
      <c r="AO3463" s="128"/>
      <c r="AP3463" s="128"/>
      <c r="AQ3463" s="128"/>
      <c r="AR3463" s="128"/>
      <c r="AS3463" s="128"/>
      <c r="AT3463" s="128"/>
      <c r="AU3463" s="128"/>
      <c r="AV3463" s="128"/>
      <c r="AW3463" s="128"/>
      <c r="AX3463" s="128"/>
      <c r="AY3463" s="128"/>
      <c r="AZ3463" s="128"/>
      <c r="BA3463" s="128"/>
      <c r="BB3463" s="107">
        <v>45884</v>
      </c>
    </row>
    <row r="3464" spans="1:54" s="8" customFormat="1" ht="13.95" customHeight="1" x14ac:dyDescent="0.25">
      <c r="A3464" s="219" t="s">
        <v>7779</v>
      </c>
      <c r="B3464" s="220" t="s">
        <v>6395</v>
      </c>
      <c r="C3464" s="98" t="s">
        <v>7780</v>
      </c>
      <c r="D3464" s="98" t="s">
        <v>21137</v>
      </c>
      <c r="E3464" s="141">
        <v>1980</v>
      </c>
      <c r="F3464" s="141">
        <v>3065</v>
      </c>
      <c r="G3464" s="98" t="s">
        <v>1</v>
      </c>
      <c r="H3464" s="98">
        <v>0</v>
      </c>
      <c r="I3464" s="98">
        <v>0</v>
      </c>
      <c r="J3464" s="98" t="s">
        <v>400</v>
      </c>
      <c r="K3464" s="98" t="s">
        <v>400</v>
      </c>
      <c r="L3464" s="98" t="s">
        <v>400</v>
      </c>
      <c r="M3464" s="98" t="s">
        <v>400</v>
      </c>
      <c r="N3464" s="98" t="s">
        <v>400</v>
      </c>
      <c r="O3464" s="98" t="s">
        <v>400</v>
      </c>
      <c r="P3464" s="98" t="s">
        <v>400</v>
      </c>
      <c r="Q3464" s="98" t="s">
        <v>400</v>
      </c>
      <c r="R3464" s="98" t="s">
        <v>400</v>
      </c>
      <c r="S3464" s="98" t="s">
        <v>400</v>
      </c>
      <c r="T3464" s="98" t="s">
        <v>400</v>
      </c>
      <c r="U3464" s="128"/>
      <c r="V3464" s="128"/>
      <c r="W3464" s="128"/>
      <c r="X3464" s="128"/>
      <c r="Y3464" s="128"/>
      <c r="Z3464" s="128"/>
      <c r="AA3464" s="128"/>
      <c r="AB3464" s="128"/>
      <c r="AC3464" s="128"/>
      <c r="AD3464" s="128"/>
      <c r="AE3464" s="128"/>
      <c r="AF3464" s="128"/>
      <c r="AG3464" s="128"/>
      <c r="AH3464" s="128"/>
      <c r="AI3464" s="128"/>
      <c r="AJ3464" s="128"/>
      <c r="AK3464" s="128"/>
      <c r="AL3464" s="128"/>
      <c r="AM3464" s="128"/>
      <c r="AN3464" s="128"/>
      <c r="AO3464" s="128"/>
      <c r="AP3464" s="128"/>
      <c r="AQ3464" s="128"/>
      <c r="AR3464" s="128"/>
      <c r="AS3464" s="128"/>
      <c r="AT3464" s="128"/>
      <c r="AU3464" s="128"/>
      <c r="AV3464" s="128"/>
      <c r="AW3464" s="128"/>
      <c r="AX3464" s="128"/>
      <c r="AY3464" s="128"/>
      <c r="AZ3464" s="128"/>
      <c r="BA3464" s="128"/>
      <c r="BB3464" s="107">
        <v>45884</v>
      </c>
    </row>
    <row r="3465" spans="1:54" s="8" customFormat="1" ht="13.95" customHeight="1" x14ac:dyDescent="0.25">
      <c r="A3465" s="219" t="s">
        <v>7781</v>
      </c>
      <c r="B3465" s="220" t="s">
        <v>6395</v>
      </c>
      <c r="C3465" s="98" t="s">
        <v>7782</v>
      </c>
      <c r="D3465" s="98" t="s">
        <v>20476</v>
      </c>
      <c r="E3465" s="141">
        <v>1979</v>
      </c>
      <c r="F3465" s="141">
        <v>3085</v>
      </c>
      <c r="G3465" s="98" t="s">
        <v>1</v>
      </c>
      <c r="H3465" s="98">
        <v>0</v>
      </c>
      <c r="I3465" s="98">
        <v>0</v>
      </c>
      <c r="J3465" s="98" t="s">
        <v>400</v>
      </c>
      <c r="K3465" s="98" t="s">
        <v>400</v>
      </c>
      <c r="L3465" s="98" t="s">
        <v>400</v>
      </c>
      <c r="M3465" s="98" t="s">
        <v>400</v>
      </c>
      <c r="N3465" s="98" t="s">
        <v>400</v>
      </c>
      <c r="O3465" s="98" t="s">
        <v>400</v>
      </c>
      <c r="P3465" s="98" t="s">
        <v>400</v>
      </c>
      <c r="Q3465" s="98" t="s">
        <v>400</v>
      </c>
      <c r="R3465" s="98" t="s">
        <v>400</v>
      </c>
      <c r="S3465" s="98" t="s">
        <v>400</v>
      </c>
      <c r="T3465" s="98" t="s">
        <v>400</v>
      </c>
      <c r="U3465" s="128"/>
      <c r="V3465" s="128"/>
      <c r="W3465" s="128"/>
      <c r="X3465" s="128"/>
      <c r="Y3465" s="128"/>
      <c r="Z3465" s="128"/>
      <c r="AA3465" s="128"/>
      <c r="AB3465" s="128"/>
      <c r="AC3465" s="128"/>
      <c r="AD3465" s="128"/>
      <c r="AE3465" s="128"/>
      <c r="AF3465" s="128"/>
      <c r="AG3465" s="128"/>
      <c r="AH3465" s="128"/>
      <c r="AI3465" s="128"/>
      <c r="AJ3465" s="128"/>
      <c r="AK3465" s="128"/>
      <c r="AL3465" s="128"/>
      <c r="AM3465" s="128"/>
      <c r="AN3465" s="128"/>
      <c r="AO3465" s="128"/>
      <c r="AP3465" s="128"/>
      <c r="AQ3465" s="128"/>
      <c r="AR3465" s="128"/>
      <c r="AS3465" s="128"/>
      <c r="AT3465" s="128"/>
      <c r="AU3465" s="128"/>
      <c r="AV3465" s="128"/>
      <c r="AW3465" s="128"/>
      <c r="AX3465" s="128"/>
      <c r="AY3465" s="128"/>
      <c r="AZ3465" s="128"/>
      <c r="BA3465" s="128"/>
      <c r="BB3465" s="107">
        <v>45884</v>
      </c>
    </row>
    <row r="3466" spans="1:54" s="8" customFormat="1" ht="13.95" customHeight="1" x14ac:dyDescent="0.25">
      <c r="A3466" s="219" t="s">
        <v>7783</v>
      </c>
      <c r="B3466" s="220" t="s">
        <v>6395</v>
      </c>
      <c r="C3466" s="98" t="s">
        <v>7784</v>
      </c>
      <c r="D3466" s="98" t="s">
        <v>20477</v>
      </c>
      <c r="E3466" s="141">
        <v>2006</v>
      </c>
      <c r="F3466" s="141">
        <v>3086</v>
      </c>
      <c r="G3466" s="98" t="s">
        <v>1</v>
      </c>
      <c r="H3466" s="98">
        <v>0</v>
      </c>
      <c r="I3466" s="98">
        <v>0</v>
      </c>
      <c r="J3466" s="98" t="s">
        <v>400</v>
      </c>
      <c r="K3466" s="98" t="s">
        <v>400</v>
      </c>
      <c r="L3466" s="98" t="s">
        <v>400</v>
      </c>
      <c r="M3466" s="98" t="s">
        <v>400</v>
      </c>
      <c r="N3466" s="98" t="s">
        <v>400</v>
      </c>
      <c r="O3466" s="98" t="s">
        <v>400</v>
      </c>
      <c r="P3466" s="98" t="s">
        <v>400</v>
      </c>
      <c r="Q3466" s="98" t="s">
        <v>400</v>
      </c>
      <c r="R3466" s="98" t="s">
        <v>400</v>
      </c>
      <c r="S3466" s="98" t="s">
        <v>400</v>
      </c>
      <c r="T3466" s="98" t="s">
        <v>400</v>
      </c>
      <c r="U3466" s="128"/>
      <c r="V3466" s="128"/>
      <c r="W3466" s="128"/>
      <c r="X3466" s="128"/>
      <c r="Y3466" s="128"/>
      <c r="Z3466" s="128"/>
      <c r="AA3466" s="128"/>
      <c r="AB3466" s="128"/>
      <c r="AC3466" s="128"/>
      <c r="AD3466" s="128"/>
      <c r="AE3466" s="128"/>
      <c r="AF3466" s="128"/>
      <c r="AG3466" s="128"/>
      <c r="AH3466" s="128"/>
      <c r="AI3466" s="128"/>
      <c r="AJ3466" s="128"/>
      <c r="AK3466" s="128"/>
      <c r="AL3466" s="128"/>
      <c r="AM3466" s="128"/>
      <c r="AN3466" s="128"/>
      <c r="AO3466" s="128"/>
      <c r="AP3466" s="128"/>
      <c r="AQ3466" s="128"/>
      <c r="AR3466" s="128"/>
      <c r="AS3466" s="128"/>
      <c r="AT3466" s="128"/>
      <c r="AU3466" s="128"/>
      <c r="AV3466" s="128"/>
      <c r="AW3466" s="128"/>
      <c r="AX3466" s="128"/>
      <c r="AY3466" s="128"/>
      <c r="AZ3466" s="128"/>
      <c r="BA3466" s="128"/>
      <c r="BB3466" s="107">
        <v>45884</v>
      </c>
    </row>
    <row r="3467" spans="1:54" s="8" customFormat="1" ht="13.95" customHeight="1" x14ac:dyDescent="0.25">
      <c r="A3467" s="219" t="s">
        <v>7785</v>
      </c>
      <c r="B3467" s="220" t="s">
        <v>6395</v>
      </c>
      <c r="C3467" s="98" t="s">
        <v>7786</v>
      </c>
      <c r="D3467" s="98" t="s">
        <v>21138</v>
      </c>
      <c r="E3467" s="141">
        <v>1959</v>
      </c>
      <c r="F3467" s="141">
        <v>3122</v>
      </c>
      <c r="G3467" s="98" t="s">
        <v>1</v>
      </c>
      <c r="H3467" s="98">
        <v>1</v>
      </c>
      <c r="I3467" s="98">
        <v>0</v>
      </c>
      <c r="J3467" s="98" t="s">
        <v>400</v>
      </c>
      <c r="K3467" s="98" t="s">
        <v>400</v>
      </c>
      <c r="L3467" s="98" t="s">
        <v>400</v>
      </c>
      <c r="M3467" s="98" t="s">
        <v>400</v>
      </c>
      <c r="N3467" s="98" t="s">
        <v>400</v>
      </c>
      <c r="O3467" s="98" t="s">
        <v>400</v>
      </c>
      <c r="P3467" s="98" t="s">
        <v>400</v>
      </c>
      <c r="Q3467" s="98" t="s">
        <v>400</v>
      </c>
      <c r="R3467" s="98" t="s">
        <v>400</v>
      </c>
      <c r="S3467" s="98" t="s">
        <v>400</v>
      </c>
      <c r="T3467" s="98" t="s">
        <v>400</v>
      </c>
      <c r="U3467" s="128"/>
      <c r="V3467" s="128"/>
      <c r="W3467" s="128"/>
      <c r="X3467" s="128"/>
      <c r="Y3467" s="128"/>
      <c r="Z3467" s="128"/>
      <c r="AA3467" s="128"/>
      <c r="AB3467" s="128"/>
      <c r="AC3467" s="128"/>
      <c r="AD3467" s="128"/>
      <c r="AE3467" s="128"/>
      <c r="AF3467" s="128"/>
      <c r="AG3467" s="128"/>
      <c r="AH3467" s="128"/>
      <c r="AI3467" s="128"/>
      <c r="AJ3467" s="128"/>
      <c r="AK3467" s="128"/>
      <c r="AL3467" s="128"/>
      <c r="AM3467" s="128"/>
      <c r="AN3467" s="128"/>
      <c r="AO3467" s="128"/>
      <c r="AP3467" s="128"/>
      <c r="AQ3467" s="128"/>
      <c r="AR3467" s="128"/>
      <c r="AS3467" s="128"/>
      <c r="AT3467" s="128"/>
      <c r="AU3467" s="128"/>
      <c r="AV3467" s="128"/>
      <c r="AW3467" s="128"/>
      <c r="AX3467" s="128"/>
      <c r="AY3467" s="128"/>
      <c r="AZ3467" s="128"/>
      <c r="BA3467" s="128"/>
      <c r="BB3467" s="107">
        <v>45884</v>
      </c>
    </row>
    <row r="3468" spans="1:54" s="8" customFormat="1" ht="13.95" customHeight="1" x14ac:dyDescent="0.25">
      <c r="A3468" s="219" t="s">
        <v>7787</v>
      </c>
      <c r="B3468" s="220" t="s">
        <v>6395</v>
      </c>
      <c r="C3468" s="98" t="s">
        <v>7788</v>
      </c>
      <c r="D3468" s="98" t="s">
        <v>21139</v>
      </c>
      <c r="E3468" s="141">
        <v>1999</v>
      </c>
      <c r="F3468" s="141">
        <v>3127</v>
      </c>
      <c r="G3468" s="98" t="s">
        <v>1</v>
      </c>
      <c r="H3468" s="98">
        <v>0</v>
      </c>
      <c r="I3468" s="98">
        <v>0</v>
      </c>
      <c r="J3468" s="98" t="s">
        <v>400</v>
      </c>
      <c r="K3468" s="98" t="s">
        <v>400</v>
      </c>
      <c r="L3468" s="98" t="s">
        <v>400</v>
      </c>
      <c r="M3468" s="98" t="s">
        <v>400</v>
      </c>
      <c r="N3468" s="98" t="s">
        <v>400</v>
      </c>
      <c r="O3468" s="98" t="s">
        <v>400</v>
      </c>
      <c r="P3468" s="98" t="s">
        <v>400</v>
      </c>
      <c r="Q3468" s="98" t="s">
        <v>400</v>
      </c>
      <c r="R3468" s="98" t="s">
        <v>400</v>
      </c>
      <c r="S3468" s="98" t="s">
        <v>400</v>
      </c>
      <c r="T3468" s="98" t="s">
        <v>400</v>
      </c>
      <c r="U3468" s="128"/>
      <c r="V3468" s="128"/>
      <c r="W3468" s="128"/>
      <c r="X3468" s="128"/>
      <c r="Y3468" s="128"/>
      <c r="Z3468" s="128"/>
      <c r="AA3468" s="128"/>
      <c r="AB3468" s="128"/>
      <c r="AC3468" s="128"/>
      <c r="AD3468" s="128"/>
      <c r="AE3468" s="128"/>
      <c r="AF3468" s="128"/>
      <c r="AG3468" s="128"/>
      <c r="AH3468" s="128"/>
      <c r="AI3468" s="128"/>
      <c r="AJ3468" s="128"/>
      <c r="AK3468" s="128"/>
      <c r="AL3468" s="128"/>
      <c r="AM3468" s="128"/>
      <c r="AN3468" s="128"/>
      <c r="AO3468" s="128"/>
      <c r="AP3468" s="128"/>
      <c r="AQ3468" s="128"/>
      <c r="AR3468" s="128"/>
      <c r="AS3468" s="128"/>
      <c r="AT3468" s="128"/>
      <c r="AU3468" s="128"/>
      <c r="AV3468" s="128"/>
      <c r="AW3468" s="128"/>
      <c r="AX3468" s="128"/>
      <c r="AY3468" s="128"/>
      <c r="AZ3468" s="128"/>
      <c r="BA3468" s="128"/>
      <c r="BB3468" s="107">
        <v>45884</v>
      </c>
    </row>
    <row r="3469" spans="1:54" s="8" customFormat="1" ht="13.95" customHeight="1" x14ac:dyDescent="0.25">
      <c r="A3469" s="219" t="s">
        <v>7789</v>
      </c>
      <c r="B3469" s="220" t="s">
        <v>6395</v>
      </c>
      <c r="C3469" s="98" t="s">
        <v>7790</v>
      </c>
      <c r="D3469" s="98" t="s">
        <v>20478</v>
      </c>
      <c r="E3469" s="141">
        <v>1972</v>
      </c>
      <c r="F3469" s="141">
        <v>3132</v>
      </c>
      <c r="G3469" s="98" t="s">
        <v>1</v>
      </c>
      <c r="H3469" s="98">
        <v>0</v>
      </c>
      <c r="I3469" s="98">
        <v>0</v>
      </c>
      <c r="J3469" s="98" t="s">
        <v>400</v>
      </c>
      <c r="K3469" s="98" t="s">
        <v>400</v>
      </c>
      <c r="L3469" s="98" t="s">
        <v>400</v>
      </c>
      <c r="M3469" s="98" t="s">
        <v>400</v>
      </c>
      <c r="N3469" s="98" t="s">
        <v>400</v>
      </c>
      <c r="O3469" s="98" t="s">
        <v>400</v>
      </c>
      <c r="P3469" s="98" t="s">
        <v>400</v>
      </c>
      <c r="Q3469" s="98" t="s">
        <v>400</v>
      </c>
      <c r="R3469" s="98" t="s">
        <v>400</v>
      </c>
      <c r="S3469" s="98" t="s">
        <v>400</v>
      </c>
      <c r="T3469" s="98" t="s">
        <v>400</v>
      </c>
      <c r="U3469" s="128"/>
      <c r="V3469" s="128"/>
      <c r="W3469" s="128"/>
      <c r="X3469" s="128"/>
      <c r="Y3469" s="128"/>
      <c r="Z3469" s="128"/>
      <c r="AA3469" s="128"/>
      <c r="AB3469" s="128"/>
      <c r="AC3469" s="128"/>
      <c r="AD3469" s="128"/>
      <c r="AE3469" s="128"/>
      <c r="AF3469" s="128"/>
      <c r="AG3469" s="128"/>
      <c r="AH3469" s="128"/>
      <c r="AI3469" s="128"/>
      <c r="AJ3469" s="128"/>
      <c r="AK3469" s="128"/>
      <c r="AL3469" s="128"/>
      <c r="AM3469" s="128"/>
      <c r="AN3469" s="128"/>
      <c r="AO3469" s="128"/>
      <c r="AP3469" s="128"/>
      <c r="AQ3469" s="128"/>
      <c r="AR3469" s="128"/>
      <c r="AS3469" s="128"/>
      <c r="AT3469" s="128"/>
      <c r="AU3469" s="128"/>
      <c r="AV3469" s="128"/>
      <c r="AW3469" s="128"/>
      <c r="AX3469" s="128"/>
      <c r="AY3469" s="128"/>
      <c r="AZ3469" s="128"/>
      <c r="BA3469" s="128"/>
      <c r="BB3469" s="107">
        <v>45884</v>
      </c>
    </row>
    <row r="3470" spans="1:54" s="8" customFormat="1" ht="13.95" customHeight="1" x14ac:dyDescent="0.25">
      <c r="A3470" s="219" t="s">
        <v>7791</v>
      </c>
      <c r="B3470" s="220" t="s">
        <v>6395</v>
      </c>
      <c r="C3470" s="98" t="s">
        <v>7792</v>
      </c>
      <c r="D3470" s="98" t="s">
        <v>21140</v>
      </c>
      <c r="E3470" s="141">
        <v>1962</v>
      </c>
      <c r="F3470" s="141">
        <v>3135</v>
      </c>
      <c r="G3470" s="98" t="s">
        <v>1</v>
      </c>
      <c r="H3470" s="98">
        <v>1</v>
      </c>
      <c r="I3470" s="98">
        <v>0</v>
      </c>
      <c r="J3470" s="98" t="s">
        <v>400</v>
      </c>
      <c r="K3470" s="98" t="s">
        <v>400</v>
      </c>
      <c r="L3470" s="98" t="s">
        <v>400</v>
      </c>
      <c r="M3470" s="98" t="s">
        <v>400</v>
      </c>
      <c r="N3470" s="98" t="s">
        <v>400</v>
      </c>
      <c r="O3470" s="98" t="s">
        <v>400</v>
      </c>
      <c r="P3470" s="98" t="s">
        <v>400</v>
      </c>
      <c r="Q3470" s="98" t="s">
        <v>400</v>
      </c>
      <c r="R3470" s="98" t="s">
        <v>400</v>
      </c>
      <c r="S3470" s="98" t="s">
        <v>400</v>
      </c>
      <c r="T3470" s="98" t="s">
        <v>400</v>
      </c>
      <c r="U3470" s="128"/>
      <c r="V3470" s="128"/>
      <c r="W3470" s="128"/>
      <c r="X3470" s="128"/>
      <c r="Y3470" s="128"/>
      <c r="Z3470" s="128"/>
      <c r="AA3470" s="128"/>
      <c r="AB3470" s="128"/>
      <c r="AC3470" s="128"/>
      <c r="AD3470" s="128"/>
      <c r="AE3470" s="128"/>
      <c r="AF3470" s="128"/>
      <c r="AG3470" s="128"/>
      <c r="AH3470" s="128"/>
      <c r="AI3470" s="128"/>
      <c r="AJ3470" s="128"/>
      <c r="AK3470" s="128"/>
      <c r="AL3470" s="128"/>
      <c r="AM3470" s="128"/>
      <c r="AN3470" s="128"/>
      <c r="AO3470" s="128"/>
      <c r="AP3470" s="128"/>
      <c r="AQ3470" s="128"/>
      <c r="AR3470" s="128"/>
      <c r="AS3470" s="128"/>
      <c r="AT3470" s="128"/>
      <c r="AU3470" s="128"/>
      <c r="AV3470" s="128"/>
      <c r="AW3470" s="128"/>
      <c r="AX3470" s="128"/>
      <c r="AY3470" s="128"/>
      <c r="AZ3470" s="128"/>
      <c r="BA3470" s="128"/>
      <c r="BB3470" s="107">
        <v>45884</v>
      </c>
    </row>
    <row r="3471" spans="1:54" s="8" customFormat="1" ht="13.95" customHeight="1" x14ac:dyDescent="0.25">
      <c r="A3471" s="219" t="s">
        <v>7793</v>
      </c>
      <c r="B3471" s="220" t="s">
        <v>6395</v>
      </c>
      <c r="C3471" s="98" t="s">
        <v>7794</v>
      </c>
      <c r="D3471" s="98" t="s">
        <v>21141</v>
      </c>
      <c r="E3471" s="141">
        <v>1974</v>
      </c>
      <c r="F3471" s="141">
        <v>3150</v>
      </c>
      <c r="G3471" s="98" t="s">
        <v>1</v>
      </c>
      <c r="H3471" s="98">
        <v>0</v>
      </c>
      <c r="I3471" s="98">
        <v>0</v>
      </c>
      <c r="J3471" s="98" t="s">
        <v>400</v>
      </c>
      <c r="K3471" s="98" t="s">
        <v>400</v>
      </c>
      <c r="L3471" s="98" t="s">
        <v>400</v>
      </c>
      <c r="M3471" s="98" t="s">
        <v>400</v>
      </c>
      <c r="N3471" s="98" t="s">
        <v>400</v>
      </c>
      <c r="O3471" s="98" t="s">
        <v>400</v>
      </c>
      <c r="P3471" s="98" t="s">
        <v>400</v>
      </c>
      <c r="Q3471" s="98" t="s">
        <v>400</v>
      </c>
      <c r="R3471" s="98" t="s">
        <v>400</v>
      </c>
      <c r="S3471" s="98" t="s">
        <v>400</v>
      </c>
      <c r="T3471" s="98" t="s">
        <v>400</v>
      </c>
      <c r="U3471" s="128"/>
      <c r="V3471" s="128"/>
      <c r="W3471" s="128"/>
      <c r="X3471" s="128"/>
      <c r="Y3471" s="128"/>
      <c r="Z3471" s="128"/>
      <c r="AA3471" s="128"/>
      <c r="AB3471" s="128"/>
      <c r="AC3471" s="128"/>
      <c r="AD3471" s="128"/>
      <c r="AE3471" s="128"/>
      <c r="AF3471" s="128"/>
      <c r="AG3471" s="128"/>
      <c r="AH3471" s="128"/>
      <c r="AI3471" s="128"/>
      <c r="AJ3471" s="128"/>
      <c r="AK3471" s="128"/>
      <c r="AL3471" s="128"/>
      <c r="AM3471" s="128"/>
      <c r="AN3471" s="128"/>
      <c r="AO3471" s="128"/>
      <c r="AP3471" s="128"/>
      <c r="AQ3471" s="128"/>
      <c r="AR3471" s="128"/>
      <c r="AS3471" s="128"/>
      <c r="AT3471" s="128"/>
      <c r="AU3471" s="128"/>
      <c r="AV3471" s="128"/>
      <c r="AW3471" s="128"/>
      <c r="AX3471" s="128"/>
      <c r="AY3471" s="128"/>
      <c r="AZ3471" s="128"/>
      <c r="BA3471" s="128"/>
      <c r="BB3471" s="107">
        <v>45884</v>
      </c>
    </row>
    <row r="3472" spans="1:54" s="8" customFormat="1" ht="13.95" customHeight="1" x14ac:dyDescent="0.25">
      <c r="A3472" s="219" t="s">
        <v>7795</v>
      </c>
      <c r="B3472" s="220" t="s">
        <v>6395</v>
      </c>
      <c r="C3472" s="98" t="s">
        <v>7796</v>
      </c>
      <c r="D3472" s="98" t="s">
        <v>21142</v>
      </c>
      <c r="E3472" s="141">
        <v>1957</v>
      </c>
      <c r="F3472" s="141">
        <v>3155</v>
      </c>
      <c r="G3472" s="98" t="s">
        <v>1</v>
      </c>
      <c r="H3472" s="98">
        <v>0</v>
      </c>
      <c r="I3472" s="98">
        <v>0</v>
      </c>
      <c r="J3472" s="98" t="s">
        <v>400</v>
      </c>
      <c r="K3472" s="98" t="s">
        <v>400</v>
      </c>
      <c r="L3472" s="98" t="s">
        <v>400</v>
      </c>
      <c r="M3472" s="98" t="s">
        <v>400</v>
      </c>
      <c r="N3472" s="98" t="s">
        <v>400</v>
      </c>
      <c r="O3472" s="98" t="s">
        <v>400</v>
      </c>
      <c r="P3472" s="98" t="s">
        <v>400</v>
      </c>
      <c r="Q3472" s="98" t="s">
        <v>400</v>
      </c>
      <c r="R3472" s="98" t="s">
        <v>400</v>
      </c>
      <c r="S3472" s="98" t="s">
        <v>400</v>
      </c>
      <c r="T3472" s="98" t="s">
        <v>400</v>
      </c>
      <c r="U3472" s="128"/>
      <c r="V3472" s="128"/>
      <c r="W3472" s="128"/>
      <c r="X3472" s="128"/>
      <c r="Y3472" s="128"/>
      <c r="Z3472" s="128"/>
      <c r="AA3472" s="128"/>
      <c r="AB3472" s="128"/>
      <c r="AC3472" s="128"/>
      <c r="AD3472" s="128"/>
      <c r="AE3472" s="128"/>
      <c r="AF3472" s="128"/>
      <c r="AG3472" s="128"/>
      <c r="AH3472" s="128"/>
      <c r="AI3472" s="128"/>
      <c r="AJ3472" s="128"/>
      <c r="AK3472" s="128"/>
      <c r="AL3472" s="128"/>
      <c r="AM3472" s="128"/>
      <c r="AN3472" s="128"/>
      <c r="AO3472" s="128"/>
      <c r="AP3472" s="128"/>
      <c r="AQ3472" s="128"/>
      <c r="AR3472" s="128"/>
      <c r="AS3472" s="128"/>
      <c r="AT3472" s="128"/>
      <c r="AU3472" s="128"/>
      <c r="AV3472" s="128"/>
      <c r="AW3472" s="128"/>
      <c r="AX3472" s="128"/>
      <c r="AY3472" s="128"/>
      <c r="AZ3472" s="128"/>
      <c r="BA3472" s="128"/>
      <c r="BB3472" s="107">
        <v>45884</v>
      </c>
    </row>
    <row r="3473" spans="1:54" s="8" customFormat="1" ht="13.95" customHeight="1" x14ac:dyDescent="0.25">
      <c r="A3473" s="219" t="s">
        <v>7797</v>
      </c>
      <c r="B3473" s="220" t="s">
        <v>6395</v>
      </c>
      <c r="C3473" s="98" t="s">
        <v>22182</v>
      </c>
      <c r="D3473" s="98" t="s">
        <v>21143</v>
      </c>
      <c r="E3473" s="141">
        <v>1965</v>
      </c>
      <c r="F3473" s="141">
        <v>3164</v>
      </c>
      <c r="G3473" s="98" t="s">
        <v>1</v>
      </c>
      <c r="H3473" s="98">
        <v>1</v>
      </c>
      <c r="I3473" s="98">
        <v>0</v>
      </c>
      <c r="J3473" s="98" t="s">
        <v>400</v>
      </c>
      <c r="K3473" s="98" t="s">
        <v>400</v>
      </c>
      <c r="L3473" s="98" t="s">
        <v>400</v>
      </c>
      <c r="M3473" s="98" t="s">
        <v>400</v>
      </c>
      <c r="N3473" s="98" t="s">
        <v>400</v>
      </c>
      <c r="O3473" s="98" t="s">
        <v>400</v>
      </c>
      <c r="P3473" s="98" t="s">
        <v>400</v>
      </c>
      <c r="Q3473" s="98" t="s">
        <v>400</v>
      </c>
      <c r="R3473" s="98" t="s">
        <v>400</v>
      </c>
      <c r="S3473" s="98" t="s">
        <v>400</v>
      </c>
      <c r="T3473" s="98" t="s">
        <v>400</v>
      </c>
      <c r="U3473" s="128"/>
      <c r="V3473" s="128"/>
      <c r="W3473" s="128"/>
      <c r="X3473" s="128"/>
      <c r="Y3473" s="128"/>
      <c r="Z3473" s="128"/>
      <c r="AA3473" s="128"/>
      <c r="AB3473" s="128"/>
      <c r="AC3473" s="128"/>
      <c r="AD3473" s="128"/>
      <c r="AE3473" s="128"/>
      <c r="AF3473" s="128"/>
      <c r="AG3473" s="128"/>
      <c r="AH3473" s="128"/>
      <c r="AI3473" s="128"/>
      <c r="AJ3473" s="128"/>
      <c r="AK3473" s="128"/>
      <c r="AL3473" s="128"/>
      <c r="AM3473" s="128"/>
      <c r="AN3473" s="128"/>
      <c r="AO3473" s="128"/>
      <c r="AP3473" s="128"/>
      <c r="AQ3473" s="128"/>
      <c r="AR3473" s="128"/>
      <c r="AS3473" s="128"/>
      <c r="AT3473" s="128"/>
      <c r="AU3473" s="128"/>
      <c r="AV3473" s="128"/>
      <c r="AW3473" s="128"/>
      <c r="AX3473" s="128"/>
      <c r="AY3473" s="128"/>
      <c r="AZ3473" s="128"/>
      <c r="BA3473" s="128"/>
      <c r="BB3473" s="107">
        <v>45884</v>
      </c>
    </row>
    <row r="3474" spans="1:54" s="8" customFormat="1" ht="13.95" customHeight="1" x14ac:dyDescent="0.25">
      <c r="A3474" s="219" t="s">
        <v>7798</v>
      </c>
      <c r="B3474" s="220" t="s">
        <v>6395</v>
      </c>
      <c r="C3474" s="98" t="s">
        <v>7799</v>
      </c>
      <c r="D3474" s="98" t="s">
        <v>21144</v>
      </c>
      <c r="E3474" s="141">
        <v>1984</v>
      </c>
      <c r="F3474" s="141">
        <v>3195</v>
      </c>
      <c r="G3474" s="98" t="s">
        <v>1</v>
      </c>
      <c r="H3474" s="98">
        <v>1</v>
      </c>
      <c r="I3474" s="98">
        <v>0</v>
      </c>
      <c r="J3474" s="98" t="s">
        <v>400</v>
      </c>
      <c r="K3474" s="98" t="s">
        <v>400</v>
      </c>
      <c r="L3474" s="98" t="s">
        <v>400</v>
      </c>
      <c r="M3474" s="98" t="s">
        <v>400</v>
      </c>
      <c r="N3474" s="98" t="s">
        <v>400</v>
      </c>
      <c r="O3474" s="98" t="s">
        <v>400</v>
      </c>
      <c r="P3474" s="98" t="s">
        <v>400</v>
      </c>
      <c r="Q3474" s="98" t="s">
        <v>400</v>
      </c>
      <c r="R3474" s="98" t="s">
        <v>400</v>
      </c>
      <c r="S3474" s="98" t="s">
        <v>400</v>
      </c>
      <c r="T3474" s="98" t="s">
        <v>400</v>
      </c>
      <c r="U3474" s="128"/>
      <c r="V3474" s="128"/>
      <c r="W3474" s="128"/>
      <c r="X3474" s="128"/>
      <c r="Y3474" s="128"/>
      <c r="Z3474" s="128"/>
      <c r="AA3474" s="128"/>
      <c r="AB3474" s="128"/>
      <c r="AC3474" s="128"/>
      <c r="AD3474" s="128"/>
      <c r="AE3474" s="128"/>
      <c r="AF3474" s="128"/>
      <c r="AG3474" s="128"/>
      <c r="AH3474" s="128"/>
      <c r="AI3474" s="128"/>
      <c r="AJ3474" s="128"/>
      <c r="AK3474" s="128"/>
      <c r="AL3474" s="128"/>
      <c r="AM3474" s="128"/>
      <c r="AN3474" s="128"/>
      <c r="AO3474" s="128"/>
      <c r="AP3474" s="128"/>
      <c r="AQ3474" s="128"/>
      <c r="AR3474" s="128"/>
      <c r="AS3474" s="128"/>
      <c r="AT3474" s="128"/>
      <c r="AU3474" s="128"/>
      <c r="AV3474" s="128"/>
      <c r="AW3474" s="128"/>
      <c r="AX3474" s="128"/>
      <c r="AY3474" s="128"/>
      <c r="AZ3474" s="128"/>
      <c r="BA3474" s="128"/>
      <c r="BB3474" s="107">
        <v>45884</v>
      </c>
    </row>
    <row r="3475" spans="1:54" s="8" customFormat="1" ht="13.95" customHeight="1" x14ac:dyDescent="0.25">
      <c r="A3475" s="219" t="s">
        <v>7800</v>
      </c>
      <c r="B3475" s="220" t="s">
        <v>6395</v>
      </c>
      <c r="C3475" s="98" t="s">
        <v>7801</v>
      </c>
      <c r="D3475" s="98" t="s">
        <v>20479</v>
      </c>
      <c r="E3475" s="141">
        <v>1979</v>
      </c>
      <c r="F3475" s="141">
        <v>3202</v>
      </c>
      <c r="G3475" s="98" t="s">
        <v>1</v>
      </c>
      <c r="H3475" s="98">
        <v>1</v>
      </c>
      <c r="I3475" s="98">
        <v>0</v>
      </c>
      <c r="J3475" s="98" t="s">
        <v>400</v>
      </c>
      <c r="K3475" s="98" t="s">
        <v>400</v>
      </c>
      <c r="L3475" s="98" t="s">
        <v>400</v>
      </c>
      <c r="M3475" s="98" t="s">
        <v>400</v>
      </c>
      <c r="N3475" s="98" t="s">
        <v>400</v>
      </c>
      <c r="O3475" s="98" t="s">
        <v>400</v>
      </c>
      <c r="P3475" s="98" t="s">
        <v>400</v>
      </c>
      <c r="Q3475" s="98" t="s">
        <v>400</v>
      </c>
      <c r="R3475" s="98" t="s">
        <v>400</v>
      </c>
      <c r="S3475" s="98" t="s">
        <v>400</v>
      </c>
      <c r="T3475" s="98" t="s">
        <v>400</v>
      </c>
      <c r="U3475" s="128"/>
      <c r="V3475" s="128"/>
      <c r="W3475" s="128"/>
      <c r="X3475" s="128"/>
      <c r="Y3475" s="128"/>
      <c r="Z3475" s="128"/>
      <c r="AA3475" s="128"/>
      <c r="AB3475" s="128"/>
      <c r="AC3475" s="128"/>
      <c r="AD3475" s="128"/>
      <c r="AE3475" s="128"/>
      <c r="AF3475" s="128"/>
      <c r="AG3475" s="128"/>
      <c r="AH3475" s="128"/>
      <c r="AI3475" s="128"/>
      <c r="AJ3475" s="128"/>
      <c r="AK3475" s="128"/>
      <c r="AL3475" s="128"/>
      <c r="AM3475" s="128"/>
      <c r="AN3475" s="128"/>
      <c r="AO3475" s="128"/>
      <c r="AP3475" s="128"/>
      <c r="AQ3475" s="128"/>
      <c r="AR3475" s="128"/>
      <c r="AS3475" s="128"/>
      <c r="AT3475" s="128"/>
      <c r="AU3475" s="128"/>
      <c r="AV3475" s="128"/>
      <c r="AW3475" s="128"/>
      <c r="AX3475" s="128"/>
      <c r="AY3475" s="128"/>
      <c r="AZ3475" s="128"/>
      <c r="BA3475" s="128"/>
      <c r="BB3475" s="107">
        <v>45884</v>
      </c>
    </row>
    <row r="3476" spans="1:54" s="8" customFormat="1" ht="13.95" customHeight="1" x14ac:dyDescent="0.25">
      <c r="A3476" s="219" t="s">
        <v>7802</v>
      </c>
      <c r="B3476" s="220" t="s">
        <v>6395</v>
      </c>
      <c r="C3476" s="98" t="s">
        <v>7803</v>
      </c>
      <c r="D3476" s="98" t="s">
        <v>21145</v>
      </c>
      <c r="E3476" s="141">
        <v>1979</v>
      </c>
      <c r="F3476" s="141">
        <v>3202</v>
      </c>
      <c r="G3476" s="98" t="s">
        <v>1</v>
      </c>
      <c r="H3476" s="98">
        <v>1</v>
      </c>
      <c r="I3476" s="98">
        <v>0</v>
      </c>
      <c r="J3476" s="98" t="s">
        <v>400</v>
      </c>
      <c r="K3476" s="98" t="s">
        <v>400</v>
      </c>
      <c r="L3476" s="98" t="s">
        <v>400</v>
      </c>
      <c r="M3476" s="98" t="s">
        <v>400</v>
      </c>
      <c r="N3476" s="98" t="s">
        <v>400</v>
      </c>
      <c r="O3476" s="98" t="s">
        <v>400</v>
      </c>
      <c r="P3476" s="98" t="s">
        <v>400</v>
      </c>
      <c r="Q3476" s="98" t="s">
        <v>400</v>
      </c>
      <c r="R3476" s="98" t="s">
        <v>400</v>
      </c>
      <c r="S3476" s="98" t="s">
        <v>400</v>
      </c>
      <c r="T3476" s="98" t="s">
        <v>400</v>
      </c>
      <c r="U3476" s="128"/>
      <c r="V3476" s="128"/>
      <c r="W3476" s="128"/>
      <c r="X3476" s="128"/>
      <c r="Y3476" s="128"/>
      <c r="Z3476" s="128"/>
      <c r="AA3476" s="128"/>
      <c r="AB3476" s="128"/>
      <c r="AC3476" s="128"/>
      <c r="AD3476" s="128"/>
      <c r="AE3476" s="128"/>
      <c r="AF3476" s="128"/>
      <c r="AG3476" s="128"/>
      <c r="AH3476" s="128"/>
      <c r="AI3476" s="128"/>
      <c r="AJ3476" s="128"/>
      <c r="AK3476" s="128"/>
      <c r="AL3476" s="128"/>
      <c r="AM3476" s="128"/>
      <c r="AN3476" s="128"/>
      <c r="AO3476" s="128"/>
      <c r="AP3476" s="128"/>
      <c r="AQ3476" s="128"/>
      <c r="AR3476" s="128"/>
      <c r="AS3476" s="128"/>
      <c r="AT3476" s="128"/>
      <c r="AU3476" s="128"/>
      <c r="AV3476" s="128"/>
      <c r="AW3476" s="128"/>
      <c r="AX3476" s="128"/>
      <c r="AY3476" s="128"/>
      <c r="AZ3476" s="128"/>
      <c r="BA3476" s="128"/>
      <c r="BB3476" s="107">
        <v>45884</v>
      </c>
    </row>
    <row r="3477" spans="1:54" s="8" customFormat="1" ht="13.95" customHeight="1" x14ac:dyDescent="0.25">
      <c r="A3477" s="219" t="s">
        <v>7804</v>
      </c>
      <c r="B3477" s="220" t="s">
        <v>6395</v>
      </c>
      <c r="C3477" s="98" t="s">
        <v>7805</v>
      </c>
      <c r="D3477" s="98" t="s">
        <v>21146</v>
      </c>
      <c r="E3477" s="141">
        <v>1957</v>
      </c>
      <c r="F3477" s="141">
        <v>3221</v>
      </c>
      <c r="G3477" s="98" t="s">
        <v>1</v>
      </c>
      <c r="H3477" s="98">
        <v>1</v>
      </c>
      <c r="I3477" s="98">
        <v>1</v>
      </c>
      <c r="J3477" s="98" t="s">
        <v>400</v>
      </c>
      <c r="K3477" s="98" t="s">
        <v>400</v>
      </c>
      <c r="L3477" s="98" t="s">
        <v>400</v>
      </c>
      <c r="M3477" s="98" t="s">
        <v>400</v>
      </c>
      <c r="N3477" s="98" t="s">
        <v>400</v>
      </c>
      <c r="O3477" s="98" t="s">
        <v>400</v>
      </c>
      <c r="P3477" s="98" t="s">
        <v>400</v>
      </c>
      <c r="Q3477" s="98" t="s">
        <v>400</v>
      </c>
      <c r="R3477" s="98" t="s">
        <v>400</v>
      </c>
      <c r="S3477" s="98" t="s">
        <v>400</v>
      </c>
      <c r="T3477" s="98" t="s">
        <v>400</v>
      </c>
      <c r="U3477" s="128"/>
      <c r="V3477" s="128"/>
      <c r="W3477" s="128"/>
      <c r="X3477" s="128"/>
      <c r="Y3477" s="128"/>
      <c r="Z3477" s="128"/>
      <c r="AA3477" s="128"/>
      <c r="AB3477" s="128"/>
      <c r="AC3477" s="128"/>
      <c r="AD3477" s="128"/>
      <c r="AE3477" s="128"/>
      <c r="AF3477" s="128"/>
      <c r="AG3477" s="128"/>
      <c r="AH3477" s="128"/>
      <c r="AI3477" s="128"/>
      <c r="AJ3477" s="128"/>
      <c r="AK3477" s="128"/>
      <c r="AL3477" s="128"/>
      <c r="AM3477" s="128"/>
      <c r="AN3477" s="128"/>
      <c r="AO3477" s="128"/>
      <c r="AP3477" s="128"/>
      <c r="AQ3477" s="128"/>
      <c r="AR3477" s="128"/>
      <c r="AS3477" s="128"/>
      <c r="AT3477" s="128"/>
      <c r="AU3477" s="128"/>
      <c r="AV3477" s="128"/>
      <c r="AW3477" s="128"/>
      <c r="AX3477" s="128"/>
      <c r="AY3477" s="128"/>
      <c r="AZ3477" s="128"/>
      <c r="BA3477" s="128"/>
      <c r="BB3477" s="107">
        <v>45884</v>
      </c>
    </row>
    <row r="3478" spans="1:54" s="8" customFormat="1" ht="13.95" customHeight="1" x14ac:dyDescent="0.25">
      <c r="A3478" s="219" t="s">
        <v>7806</v>
      </c>
      <c r="B3478" s="220" t="s">
        <v>6395</v>
      </c>
      <c r="C3478" s="98" t="s">
        <v>7807</v>
      </c>
      <c r="D3478" s="98" t="s">
        <v>21147</v>
      </c>
      <c r="E3478" s="141">
        <v>1983</v>
      </c>
      <c r="F3478" s="141">
        <v>3260</v>
      </c>
      <c r="G3478" s="98" t="s">
        <v>1</v>
      </c>
      <c r="H3478" s="98">
        <v>1</v>
      </c>
      <c r="I3478" s="98">
        <v>0</v>
      </c>
      <c r="J3478" s="98" t="s">
        <v>400</v>
      </c>
      <c r="K3478" s="98" t="s">
        <v>400</v>
      </c>
      <c r="L3478" s="98" t="s">
        <v>400</v>
      </c>
      <c r="M3478" s="98" t="s">
        <v>400</v>
      </c>
      <c r="N3478" s="98" t="s">
        <v>400</v>
      </c>
      <c r="O3478" s="98" t="s">
        <v>400</v>
      </c>
      <c r="P3478" s="98" t="s">
        <v>400</v>
      </c>
      <c r="Q3478" s="98" t="s">
        <v>400</v>
      </c>
      <c r="R3478" s="98" t="s">
        <v>400</v>
      </c>
      <c r="S3478" s="98" t="s">
        <v>400</v>
      </c>
      <c r="T3478" s="98" t="s">
        <v>400</v>
      </c>
      <c r="U3478" s="128"/>
      <c r="V3478" s="128"/>
      <c r="W3478" s="128"/>
      <c r="X3478" s="128"/>
      <c r="Y3478" s="128"/>
      <c r="Z3478" s="128"/>
      <c r="AA3478" s="128"/>
      <c r="AB3478" s="128"/>
      <c r="AC3478" s="128"/>
      <c r="AD3478" s="128"/>
      <c r="AE3478" s="128"/>
      <c r="AF3478" s="128"/>
      <c r="AG3478" s="128"/>
      <c r="AH3478" s="128"/>
      <c r="AI3478" s="128"/>
      <c r="AJ3478" s="128"/>
      <c r="AK3478" s="128"/>
      <c r="AL3478" s="128"/>
      <c r="AM3478" s="128"/>
      <c r="AN3478" s="128"/>
      <c r="AO3478" s="128"/>
      <c r="AP3478" s="128"/>
      <c r="AQ3478" s="128"/>
      <c r="AR3478" s="128"/>
      <c r="AS3478" s="128"/>
      <c r="AT3478" s="128"/>
      <c r="AU3478" s="128"/>
      <c r="AV3478" s="128"/>
      <c r="AW3478" s="128"/>
      <c r="AX3478" s="128"/>
      <c r="AY3478" s="128"/>
      <c r="AZ3478" s="128"/>
      <c r="BA3478" s="128"/>
      <c r="BB3478" s="107">
        <v>45884</v>
      </c>
    </row>
    <row r="3479" spans="1:54" s="8" customFormat="1" ht="13.95" customHeight="1" x14ac:dyDescent="0.25">
      <c r="A3479" s="219" t="s">
        <v>7808</v>
      </c>
      <c r="B3479" s="220" t="s">
        <v>6395</v>
      </c>
      <c r="C3479" s="98" t="s">
        <v>7809</v>
      </c>
      <c r="D3479" s="98" t="s">
        <v>21148</v>
      </c>
      <c r="E3479" s="141">
        <v>1982</v>
      </c>
      <c r="F3479" s="141">
        <v>3304</v>
      </c>
      <c r="G3479" s="98" t="s">
        <v>1</v>
      </c>
      <c r="H3479" s="98">
        <v>0</v>
      </c>
      <c r="I3479" s="98">
        <v>0</v>
      </c>
      <c r="J3479" s="98" t="s">
        <v>400</v>
      </c>
      <c r="K3479" s="98" t="s">
        <v>400</v>
      </c>
      <c r="L3479" s="98" t="s">
        <v>400</v>
      </c>
      <c r="M3479" s="98" t="s">
        <v>400</v>
      </c>
      <c r="N3479" s="98" t="s">
        <v>400</v>
      </c>
      <c r="O3479" s="98" t="s">
        <v>400</v>
      </c>
      <c r="P3479" s="98" t="s">
        <v>400</v>
      </c>
      <c r="Q3479" s="98" t="s">
        <v>400</v>
      </c>
      <c r="R3479" s="98" t="s">
        <v>400</v>
      </c>
      <c r="S3479" s="98" t="s">
        <v>400</v>
      </c>
      <c r="T3479" s="98" t="s">
        <v>400</v>
      </c>
      <c r="U3479" s="128"/>
      <c r="V3479" s="128"/>
      <c r="W3479" s="128"/>
      <c r="X3479" s="128"/>
      <c r="Y3479" s="128"/>
      <c r="Z3479" s="128"/>
      <c r="AA3479" s="128"/>
      <c r="AB3479" s="128"/>
      <c r="AC3479" s="128"/>
      <c r="AD3479" s="128"/>
      <c r="AE3479" s="128"/>
      <c r="AF3479" s="128"/>
      <c r="AG3479" s="128"/>
      <c r="AH3479" s="128"/>
      <c r="AI3479" s="128"/>
      <c r="AJ3479" s="128"/>
      <c r="AK3479" s="128"/>
      <c r="AL3479" s="128"/>
      <c r="AM3479" s="128"/>
      <c r="AN3479" s="128"/>
      <c r="AO3479" s="128"/>
      <c r="AP3479" s="128"/>
      <c r="AQ3479" s="128"/>
      <c r="AR3479" s="128"/>
      <c r="AS3479" s="128"/>
      <c r="AT3479" s="128"/>
      <c r="AU3479" s="128"/>
      <c r="AV3479" s="128"/>
      <c r="AW3479" s="128"/>
      <c r="AX3479" s="128"/>
      <c r="AY3479" s="128"/>
      <c r="AZ3479" s="128"/>
      <c r="BA3479" s="128"/>
      <c r="BB3479" s="107">
        <v>45884</v>
      </c>
    </row>
    <row r="3480" spans="1:54" s="8" customFormat="1" ht="13.95" customHeight="1" x14ac:dyDescent="0.25">
      <c r="A3480" s="219" t="s">
        <v>7810</v>
      </c>
      <c r="B3480" s="220" t="s">
        <v>6395</v>
      </c>
      <c r="C3480" s="98" t="s">
        <v>7811</v>
      </c>
      <c r="D3480" s="98" t="s">
        <v>21149</v>
      </c>
      <c r="E3480" s="141">
        <v>1963</v>
      </c>
      <c r="F3480" s="141">
        <v>3475</v>
      </c>
      <c r="G3480" s="98" t="s">
        <v>1</v>
      </c>
      <c r="H3480" s="98">
        <v>1</v>
      </c>
      <c r="I3480" s="98">
        <v>1</v>
      </c>
      <c r="J3480" s="98" t="s">
        <v>400</v>
      </c>
      <c r="K3480" s="98" t="s">
        <v>400</v>
      </c>
      <c r="L3480" s="98" t="s">
        <v>400</v>
      </c>
      <c r="M3480" s="98" t="s">
        <v>400</v>
      </c>
      <c r="N3480" s="98" t="s">
        <v>400</v>
      </c>
      <c r="O3480" s="98" t="s">
        <v>400</v>
      </c>
      <c r="P3480" s="98" t="s">
        <v>400</v>
      </c>
      <c r="Q3480" s="98" t="s">
        <v>400</v>
      </c>
      <c r="R3480" s="98" t="s">
        <v>400</v>
      </c>
      <c r="S3480" s="98" t="s">
        <v>400</v>
      </c>
      <c r="T3480" s="98" t="s">
        <v>400</v>
      </c>
      <c r="U3480" s="128"/>
      <c r="V3480" s="128"/>
      <c r="W3480" s="128"/>
      <c r="X3480" s="128"/>
      <c r="Y3480" s="128"/>
      <c r="Z3480" s="128"/>
      <c r="AA3480" s="128"/>
      <c r="AB3480" s="128"/>
      <c r="AC3480" s="128"/>
      <c r="AD3480" s="128"/>
      <c r="AE3480" s="128"/>
      <c r="AF3480" s="128"/>
      <c r="AG3480" s="128"/>
      <c r="AH3480" s="128"/>
      <c r="AI3480" s="128"/>
      <c r="AJ3480" s="128"/>
      <c r="AK3480" s="128"/>
      <c r="AL3480" s="128"/>
      <c r="AM3480" s="128"/>
      <c r="AN3480" s="128"/>
      <c r="AO3480" s="128"/>
      <c r="AP3480" s="128"/>
      <c r="AQ3480" s="128"/>
      <c r="AR3480" s="128"/>
      <c r="AS3480" s="128"/>
      <c r="AT3480" s="128"/>
      <c r="AU3480" s="128"/>
      <c r="AV3480" s="128"/>
      <c r="AW3480" s="128"/>
      <c r="AX3480" s="128"/>
      <c r="AY3480" s="128"/>
      <c r="AZ3480" s="128"/>
      <c r="BA3480" s="128"/>
      <c r="BB3480" s="107">
        <v>45884</v>
      </c>
    </row>
    <row r="3481" spans="1:54" s="8" customFormat="1" ht="13.95" customHeight="1" x14ac:dyDescent="0.25">
      <c r="A3481" s="219" t="s">
        <v>7812</v>
      </c>
      <c r="B3481" s="220" t="s">
        <v>6395</v>
      </c>
      <c r="C3481" s="98" t="s">
        <v>7813</v>
      </c>
      <c r="D3481" s="98" t="s">
        <v>21150</v>
      </c>
      <c r="E3481" s="141">
        <v>1980</v>
      </c>
      <c r="F3481" s="141">
        <v>3443</v>
      </c>
      <c r="G3481" s="98" t="s">
        <v>8</v>
      </c>
      <c r="H3481" s="98">
        <v>0</v>
      </c>
      <c r="I3481" s="98">
        <v>0</v>
      </c>
      <c r="J3481" s="98" t="s">
        <v>400</v>
      </c>
      <c r="K3481" s="98" t="s">
        <v>400</v>
      </c>
      <c r="L3481" s="98" t="s">
        <v>400</v>
      </c>
      <c r="M3481" s="98" t="s">
        <v>400</v>
      </c>
      <c r="N3481" s="98" t="s">
        <v>400</v>
      </c>
      <c r="O3481" s="98" t="s">
        <v>400</v>
      </c>
      <c r="P3481" s="98" t="s">
        <v>400</v>
      </c>
      <c r="Q3481" s="98" t="s">
        <v>400</v>
      </c>
      <c r="R3481" s="98" t="s">
        <v>400</v>
      </c>
      <c r="S3481" s="98" t="s">
        <v>400</v>
      </c>
      <c r="T3481" s="98" t="s">
        <v>400</v>
      </c>
      <c r="U3481" s="98">
        <v>0</v>
      </c>
      <c r="V3481" s="98">
        <v>0</v>
      </c>
      <c r="W3481" s="98" t="s">
        <v>400</v>
      </c>
      <c r="X3481" s="98">
        <v>0</v>
      </c>
      <c r="Y3481" s="98">
        <v>0</v>
      </c>
      <c r="Z3481" s="98">
        <v>0</v>
      </c>
      <c r="AA3481" s="98" t="s">
        <v>400</v>
      </c>
      <c r="AB3481" s="98">
        <v>0</v>
      </c>
      <c r="AC3481" s="98">
        <v>0</v>
      </c>
      <c r="AD3481" s="98">
        <v>0</v>
      </c>
      <c r="AE3481" s="98">
        <v>0</v>
      </c>
      <c r="AF3481" s="98">
        <v>0</v>
      </c>
      <c r="AG3481" s="98">
        <v>0</v>
      </c>
      <c r="AH3481" s="98">
        <v>0</v>
      </c>
      <c r="AI3481" s="98">
        <v>0</v>
      </c>
      <c r="AJ3481" s="98">
        <v>0</v>
      </c>
      <c r="AK3481" s="98">
        <v>0</v>
      </c>
      <c r="AL3481" s="98">
        <v>0</v>
      </c>
      <c r="AM3481" s="98">
        <v>0</v>
      </c>
      <c r="AN3481" s="98">
        <v>0</v>
      </c>
      <c r="AO3481" s="98">
        <v>0</v>
      </c>
      <c r="AP3481" s="98">
        <v>0</v>
      </c>
      <c r="AQ3481" s="98">
        <v>0</v>
      </c>
      <c r="AR3481" s="98">
        <v>0</v>
      </c>
      <c r="AS3481" s="98">
        <v>0</v>
      </c>
      <c r="AT3481" s="129">
        <v>0</v>
      </c>
      <c r="AU3481" s="98">
        <v>0</v>
      </c>
      <c r="AV3481" s="98">
        <v>0</v>
      </c>
      <c r="AW3481" s="98">
        <v>0</v>
      </c>
      <c r="AX3481" s="98"/>
      <c r="AY3481" s="98"/>
      <c r="AZ3481" s="98"/>
      <c r="BA3481" s="98"/>
      <c r="BB3481" s="107">
        <v>45884</v>
      </c>
    </row>
    <row r="3482" spans="1:54" s="8" customFormat="1" ht="13.95" customHeight="1" x14ac:dyDescent="0.25">
      <c r="A3482" s="219" t="s">
        <v>7814</v>
      </c>
      <c r="B3482" s="220" t="s">
        <v>6395</v>
      </c>
      <c r="C3482" s="98" t="s">
        <v>7815</v>
      </c>
      <c r="D3482" s="98" t="s">
        <v>21151</v>
      </c>
      <c r="E3482" s="141">
        <v>1996</v>
      </c>
      <c r="F3482" s="141">
        <v>3444</v>
      </c>
      <c r="G3482" s="98" t="s">
        <v>1</v>
      </c>
      <c r="H3482" s="98">
        <v>0</v>
      </c>
      <c r="I3482" s="98">
        <v>0</v>
      </c>
      <c r="J3482" s="98" t="s">
        <v>400</v>
      </c>
      <c r="K3482" s="98" t="s">
        <v>400</v>
      </c>
      <c r="L3482" s="98" t="s">
        <v>400</v>
      </c>
      <c r="M3482" s="98" t="s">
        <v>400</v>
      </c>
      <c r="N3482" s="98" t="s">
        <v>400</v>
      </c>
      <c r="O3482" s="98" t="s">
        <v>400</v>
      </c>
      <c r="P3482" s="98" t="s">
        <v>400</v>
      </c>
      <c r="Q3482" s="98" t="s">
        <v>400</v>
      </c>
      <c r="R3482" s="98" t="s">
        <v>400</v>
      </c>
      <c r="S3482" s="98" t="s">
        <v>400</v>
      </c>
      <c r="T3482" s="98" t="s">
        <v>400</v>
      </c>
      <c r="U3482" s="128"/>
      <c r="V3482" s="128"/>
      <c r="W3482" s="128"/>
      <c r="X3482" s="128"/>
      <c r="Y3482" s="128"/>
      <c r="Z3482" s="128"/>
      <c r="AA3482" s="128"/>
      <c r="AB3482" s="128"/>
      <c r="AC3482" s="128"/>
      <c r="AD3482" s="128"/>
      <c r="AE3482" s="128"/>
      <c r="AF3482" s="128"/>
      <c r="AG3482" s="128"/>
      <c r="AH3482" s="128"/>
      <c r="AI3482" s="128"/>
      <c r="AJ3482" s="128"/>
      <c r="AK3482" s="128"/>
      <c r="AL3482" s="128"/>
      <c r="AM3482" s="128"/>
      <c r="AN3482" s="128"/>
      <c r="AO3482" s="128"/>
      <c r="AP3482" s="128"/>
      <c r="AQ3482" s="128"/>
      <c r="AR3482" s="128"/>
      <c r="AS3482" s="128"/>
      <c r="AT3482" s="128"/>
      <c r="AU3482" s="128"/>
      <c r="AV3482" s="128"/>
      <c r="AW3482" s="128"/>
      <c r="AX3482" s="128"/>
      <c r="AY3482" s="128"/>
      <c r="AZ3482" s="128"/>
      <c r="BA3482" s="128"/>
      <c r="BB3482" s="107">
        <v>45884</v>
      </c>
    </row>
    <row r="3483" spans="1:54" s="8" customFormat="1" ht="13.95" customHeight="1" x14ac:dyDescent="0.25">
      <c r="A3483" s="219" t="s">
        <v>7816</v>
      </c>
      <c r="B3483" s="220" t="s">
        <v>6395</v>
      </c>
      <c r="C3483" s="98" t="s">
        <v>7817</v>
      </c>
      <c r="D3483" s="98" t="s">
        <v>7818</v>
      </c>
      <c r="E3483" s="141">
        <v>1980</v>
      </c>
      <c r="F3483" s="141">
        <v>3447</v>
      </c>
      <c r="G3483" s="98" t="s">
        <v>1</v>
      </c>
      <c r="H3483" s="98">
        <v>0</v>
      </c>
      <c r="I3483" s="98">
        <v>0</v>
      </c>
      <c r="J3483" s="98" t="s">
        <v>400</v>
      </c>
      <c r="K3483" s="98" t="s">
        <v>400</v>
      </c>
      <c r="L3483" s="98" t="s">
        <v>400</v>
      </c>
      <c r="M3483" s="98" t="s">
        <v>400</v>
      </c>
      <c r="N3483" s="98" t="s">
        <v>400</v>
      </c>
      <c r="O3483" s="98" t="s">
        <v>400</v>
      </c>
      <c r="P3483" s="98" t="s">
        <v>400</v>
      </c>
      <c r="Q3483" s="98" t="s">
        <v>400</v>
      </c>
      <c r="R3483" s="98" t="s">
        <v>400</v>
      </c>
      <c r="S3483" s="98" t="s">
        <v>400</v>
      </c>
      <c r="T3483" s="98" t="s">
        <v>400</v>
      </c>
      <c r="U3483" s="128"/>
      <c r="V3483" s="128"/>
      <c r="W3483" s="128"/>
      <c r="X3483" s="128"/>
      <c r="Y3483" s="128"/>
      <c r="Z3483" s="128"/>
      <c r="AA3483" s="128"/>
      <c r="AB3483" s="128"/>
      <c r="AC3483" s="128"/>
      <c r="AD3483" s="128"/>
      <c r="AE3483" s="128"/>
      <c r="AF3483" s="128"/>
      <c r="AG3483" s="128"/>
      <c r="AH3483" s="128"/>
      <c r="AI3483" s="128"/>
      <c r="AJ3483" s="128"/>
      <c r="AK3483" s="128"/>
      <c r="AL3483" s="128"/>
      <c r="AM3483" s="128"/>
      <c r="AN3483" s="128"/>
      <c r="AO3483" s="128"/>
      <c r="AP3483" s="128"/>
      <c r="AQ3483" s="128"/>
      <c r="AR3483" s="128"/>
      <c r="AS3483" s="128"/>
      <c r="AT3483" s="128"/>
      <c r="AU3483" s="128"/>
      <c r="AV3483" s="128"/>
      <c r="AW3483" s="128"/>
      <c r="AX3483" s="128"/>
      <c r="AY3483" s="128"/>
      <c r="AZ3483" s="128"/>
      <c r="BA3483" s="128"/>
      <c r="BB3483" s="107">
        <v>45884</v>
      </c>
    </row>
    <row r="3484" spans="1:54" s="8" customFormat="1" ht="13.95" customHeight="1" x14ac:dyDescent="0.25">
      <c r="A3484" s="219" t="s">
        <v>7819</v>
      </c>
      <c r="B3484" s="220" t="s">
        <v>6395</v>
      </c>
      <c r="C3484" s="98" t="s">
        <v>7820</v>
      </c>
      <c r="D3484" s="98" t="s">
        <v>21152</v>
      </c>
      <c r="E3484" s="141">
        <v>1963</v>
      </c>
      <c r="F3484" s="141">
        <v>13332</v>
      </c>
      <c r="G3484" s="98" t="s">
        <v>1</v>
      </c>
      <c r="H3484" s="98">
        <v>1</v>
      </c>
      <c r="I3484" s="98">
        <v>1</v>
      </c>
      <c r="J3484" s="98" t="s">
        <v>400</v>
      </c>
      <c r="K3484" s="98" t="s">
        <v>400</v>
      </c>
      <c r="L3484" s="98" t="s">
        <v>400</v>
      </c>
      <c r="M3484" s="98" t="s">
        <v>400</v>
      </c>
      <c r="N3484" s="98" t="s">
        <v>400</v>
      </c>
      <c r="O3484" s="98" t="s">
        <v>400</v>
      </c>
      <c r="P3484" s="98" t="s">
        <v>400</v>
      </c>
      <c r="Q3484" s="98" t="s">
        <v>400</v>
      </c>
      <c r="R3484" s="98" t="s">
        <v>400</v>
      </c>
      <c r="S3484" s="98" t="s">
        <v>400</v>
      </c>
      <c r="T3484" s="98" t="s">
        <v>400</v>
      </c>
      <c r="U3484" s="128"/>
      <c r="V3484" s="128"/>
      <c r="W3484" s="128"/>
      <c r="X3484" s="128"/>
      <c r="Y3484" s="128"/>
      <c r="Z3484" s="128"/>
      <c r="AA3484" s="128"/>
      <c r="AB3484" s="128"/>
      <c r="AC3484" s="128"/>
      <c r="AD3484" s="128"/>
      <c r="AE3484" s="128"/>
      <c r="AF3484" s="128"/>
      <c r="AG3484" s="128"/>
      <c r="AH3484" s="128"/>
      <c r="AI3484" s="128"/>
      <c r="AJ3484" s="128"/>
      <c r="AK3484" s="128"/>
      <c r="AL3484" s="128"/>
      <c r="AM3484" s="128"/>
      <c r="AN3484" s="128"/>
      <c r="AO3484" s="128"/>
      <c r="AP3484" s="128"/>
      <c r="AQ3484" s="128"/>
      <c r="AR3484" s="128"/>
      <c r="AS3484" s="128"/>
      <c r="AT3484" s="128"/>
      <c r="AU3484" s="128"/>
      <c r="AV3484" s="128"/>
      <c r="AW3484" s="128"/>
      <c r="AX3484" s="128"/>
      <c r="AY3484" s="128"/>
      <c r="AZ3484" s="128"/>
      <c r="BA3484" s="128"/>
      <c r="BB3484" s="107">
        <v>45884</v>
      </c>
    </row>
    <row r="3485" spans="1:54" s="8" customFormat="1" ht="13.95" customHeight="1" x14ac:dyDescent="0.25">
      <c r="A3485" s="219" t="s">
        <v>7821</v>
      </c>
      <c r="B3485" s="220" t="s">
        <v>6395</v>
      </c>
      <c r="C3485" s="98" t="s">
        <v>7822</v>
      </c>
      <c r="D3485" s="98" t="s">
        <v>21153</v>
      </c>
      <c r="E3485" s="141">
        <v>1999</v>
      </c>
      <c r="F3485" s="141">
        <v>3558</v>
      </c>
      <c r="G3485" s="98" t="s">
        <v>1</v>
      </c>
      <c r="H3485" s="98">
        <v>0</v>
      </c>
      <c r="I3485" s="98">
        <v>0</v>
      </c>
      <c r="J3485" s="98" t="s">
        <v>400</v>
      </c>
      <c r="K3485" s="98" t="s">
        <v>400</v>
      </c>
      <c r="L3485" s="98" t="s">
        <v>400</v>
      </c>
      <c r="M3485" s="98" t="s">
        <v>400</v>
      </c>
      <c r="N3485" s="98" t="s">
        <v>400</v>
      </c>
      <c r="O3485" s="98" t="s">
        <v>400</v>
      </c>
      <c r="P3485" s="98" t="s">
        <v>400</v>
      </c>
      <c r="Q3485" s="98" t="s">
        <v>400</v>
      </c>
      <c r="R3485" s="98" t="s">
        <v>400</v>
      </c>
      <c r="S3485" s="98" t="s">
        <v>400</v>
      </c>
      <c r="T3485" s="98" t="s">
        <v>400</v>
      </c>
      <c r="U3485" s="128"/>
      <c r="V3485" s="128"/>
      <c r="W3485" s="128"/>
      <c r="X3485" s="128"/>
      <c r="Y3485" s="128"/>
      <c r="Z3485" s="128"/>
      <c r="AA3485" s="128"/>
      <c r="AB3485" s="128"/>
      <c r="AC3485" s="128"/>
      <c r="AD3485" s="128"/>
      <c r="AE3485" s="128"/>
      <c r="AF3485" s="128"/>
      <c r="AG3485" s="128"/>
      <c r="AH3485" s="128"/>
      <c r="AI3485" s="128"/>
      <c r="AJ3485" s="128"/>
      <c r="AK3485" s="128"/>
      <c r="AL3485" s="128"/>
      <c r="AM3485" s="128"/>
      <c r="AN3485" s="128"/>
      <c r="AO3485" s="128"/>
      <c r="AP3485" s="128"/>
      <c r="AQ3485" s="128"/>
      <c r="AR3485" s="128"/>
      <c r="AS3485" s="128"/>
      <c r="AT3485" s="128"/>
      <c r="AU3485" s="128"/>
      <c r="AV3485" s="128"/>
      <c r="AW3485" s="128"/>
      <c r="AX3485" s="128"/>
      <c r="AY3485" s="128"/>
      <c r="AZ3485" s="128"/>
      <c r="BA3485" s="128"/>
      <c r="BB3485" s="107">
        <v>45884</v>
      </c>
    </row>
    <row r="3486" spans="1:54" s="8" customFormat="1" ht="13.95" customHeight="1" x14ac:dyDescent="0.25">
      <c r="A3486" s="219" t="s">
        <v>7823</v>
      </c>
      <c r="B3486" s="220" t="s">
        <v>6395</v>
      </c>
      <c r="C3486" s="98" t="s">
        <v>7824</v>
      </c>
      <c r="D3486" s="98" t="s">
        <v>21154</v>
      </c>
      <c r="E3486" s="141">
        <v>1965</v>
      </c>
      <c r="F3486" s="141">
        <v>3560</v>
      </c>
      <c r="G3486" s="98" t="s">
        <v>1</v>
      </c>
      <c r="H3486" s="98">
        <v>1</v>
      </c>
      <c r="I3486" s="98">
        <v>0</v>
      </c>
      <c r="J3486" s="98" t="s">
        <v>400</v>
      </c>
      <c r="K3486" s="98" t="s">
        <v>400</v>
      </c>
      <c r="L3486" s="98" t="s">
        <v>400</v>
      </c>
      <c r="M3486" s="98" t="s">
        <v>400</v>
      </c>
      <c r="N3486" s="98" t="s">
        <v>400</v>
      </c>
      <c r="O3486" s="98" t="s">
        <v>400</v>
      </c>
      <c r="P3486" s="98" t="s">
        <v>400</v>
      </c>
      <c r="Q3486" s="98" t="s">
        <v>400</v>
      </c>
      <c r="R3486" s="98" t="s">
        <v>400</v>
      </c>
      <c r="S3486" s="98" t="s">
        <v>400</v>
      </c>
      <c r="T3486" s="98" t="s">
        <v>400</v>
      </c>
      <c r="U3486" s="128"/>
      <c r="V3486" s="128"/>
      <c r="W3486" s="128"/>
      <c r="X3486" s="128"/>
      <c r="Y3486" s="128"/>
      <c r="Z3486" s="128"/>
      <c r="AA3486" s="128"/>
      <c r="AB3486" s="128"/>
      <c r="AC3486" s="128"/>
      <c r="AD3486" s="128"/>
      <c r="AE3486" s="128"/>
      <c r="AF3486" s="128"/>
      <c r="AG3486" s="128"/>
      <c r="AH3486" s="128"/>
      <c r="AI3486" s="128"/>
      <c r="AJ3486" s="128"/>
      <c r="AK3486" s="128"/>
      <c r="AL3486" s="128"/>
      <c r="AM3486" s="128"/>
      <c r="AN3486" s="128"/>
      <c r="AO3486" s="128"/>
      <c r="AP3486" s="128"/>
      <c r="AQ3486" s="128"/>
      <c r="AR3486" s="128"/>
      <c r="AS3486" s="128"/>
      <c r="AT3486" s="128"/>
      <c r="AU3486" s="128"/>
      <c r="AV3486" s="128"/>
      <c r="AW3486" s="128"/>
      <c r="AX3486" s="128"/>
      <c r="AY3486" s="128"/>
      <c r="AZ3486" s="128"/>
      <c r="BA3486" s="128"/>
      <c r="BB3486" s="107">
        <v>45884</v>
      </c>
    </row>
    <row r="3487" spans="1:54" s="8" customFormat="1" ht="13.95" customHeight="1" x14ac:dyDescent="0.25">
      <c r="A3487" s="219" t="s">
        <v>7825</v>
      </c>
      <c r="B3487" s="220" t="s">
        <v>6395</v>
      </c>
      <c r="C3487" s="98" t="s">
        <v>22183</v>
      </c>
      <c r="D3487" s="98" t="s">
        <v>21155</v>
      </c>
      <c r="E3487" s="141">
        <v>1974</v>
      </c>
      <c r="F3487" s="141">
        <v>3560</v>
      </c>
      <c r="G3487" s="98" t="s">
        <v>8</v>
      </c>
      <c r="H3487" s="98">
        <v>0</v>
      </c>
      <c r="I3487" s="98">
        <v>0</v>
      </c>
      <c r="J3487" s="98" t="s">
        <v>400</v>
      </c>
      <c r="K3487" s="98" t="s">
        <v>400</v>
      </c>
      <c r="L3487" s="98" t="s">
        <v>400</v>
      </c>
      <c r="M3487" s="98" t="s">
        <v>400</v>
      </c>
      <c r="N3487" s="98" t="s">
        <v>400</v>
      </c>
      <c r="O3487" s="98" t="s">
        <v>400</v>
      </c>
      <c r="P3487" s="98" t="s">
        <v>400</v>
      </c>
      <c r="Q3487" s="98" t="s">
        <v>400</v>
      </c>
      <c r="R3487" s="98" t="s">
        <v>400</v>
      </c>
      <c r="S3487" s="98" t="s">
        <v>400</v>
      </c>
      <c r="T3487" s="98" t="s">
        <v>400</v>
      </c>
      <c r="U3487" s="98">
        <v>0</v>
      </c>
      <c r="V3487" s="98">
        <v>0</v>
      </c>
      <c r="W3487" s="98" t="s">
        <v>400</v>
      </c>
      <c r="X3487" s="98">
        <v>0</v>
      </c>
      <c r="Y3487" s="98">
        <v>0</v>
      </c>
      <c r="Z3487" s="98">
        <v>0</v>
      </c>
      <c r="AA3487" s="98" t="s">
        <v>400</v>
      </c>
      <c r="AB3487" s="98">
        <v>0</v>
      </c>
      <c r="AC3487" s="98">
        <v>0</v>
      </c>
      <c r="AD3487" s="98">
        <v>0</v>
      </c>
      <c r="AE3487" s="98">
        <v>0</v>
      </c>
      <c r="AF3487" s="98">
        <v>0</v>
      </c>
      <c r="AG3487" s="98">
        <v>0</v>
      </c>
      <c r="AH3487" s="98">
        <v>0</v>
      </c>
      <c r="AI3487" s="98">
        <v>0</v>
      </c>
      <c r="AJ3487" s="98">
        <v>0</v>
      </c>
      <c r="AK3487" s="98">
        <v>0</v>
      </c>
      <c r="AL3487" s="98">
        <v>0</v>
      </c>
      <c r="AM3487" s="98">
        <v>0</v>
      </c>
      <c r="AN3487" s="98">
        <v>0</v>
      </c>
      <c r="AO3487" s="98">
        <v>0</v>
      </c>
      <c r="AP3487" s="98">
        <v>0</v>
      </c>
      <c r="AQ3487" s="98">
        <v>0</v>
      </c>
      <c r="AR3487" s="98">
        <v>0</v>
      </c>
      <c r="AS3487" s="98">
        <v>0</v>
      </c>
      <c r="AT3487" s="129">
        <v>0</v>
      </c>
      <c r="AU3487" s="98">
        <v>0</v>
      </c>
      <c r="AV3487" s="98">
        <v>0</v>
      </c>
      <c r="AW3487" s="98">
        <v>0</v>
      </c>
      <c r="AX3487" s="98"/>
      <c r="AY3487" s="98"/>
      <c r="AZ3487" s="98"/>
      <c r="BA3487" s="98"/>
      <c r="BB3487" s="107">
        <v>45884</v>
      </c>
    </row>
    <row r="3488" spans="1:54" s="8" customFormat="1" ht="13.95" customHeight="1" x14ac:dyDescent="0.25">
      <c r="A3488" s="219" t="s">
        <v>7826</v>
      </c>
      <c r="B3488" s="220" t="s">
        <v>6395</v>
      </c>
      <c r="C3488" s="98" t="s">
        <v>7827</v>
      </c>
      <c r="D3488" s="98" t="s">
        <v>21156</v>
      </c>
      <c r="E3488" s="141">
        <v>1980</v>
      </c>
      <c r="F3488" s="141">
        <v>3564</v>
      </c>
      <c r="G3488" s="98" t="s">
        <v>1</v>
      </c>
      <c r="H3488" s="98">
        <v>0</v>
      </c>
      <c r="I3488" s="98">
        <v>0</v>
      </c>
      <c r="J3488" s="98" t="s">
        <v>400</v>
      </c>
      <c r="K3488" s="98" t="s">
        <v>400</v>
      </c>
      <c r="L3488" s="98" t="s">
        <v>400</v>
      </c>
      <c r="M3488" s="98" t="s">
        <v>400</v>
      </c>
      <c r="N3488" s="98" t="s">
        <v>400</v>
      </c>
      <c r="O3488" s="98" t="s">
        <v>400</v>
      </c>
      <c r="P3488" s="98" t="s">
        <v>400</v>
      </c>
      <c r="Q3488" s="98" t="s">
        <v>400</v>
      </c>
      <c r="R3488" s="98" t="s">
        <v>400</v>
      </c>
      <c r="S3488" s="98" t="s">
        <v>400</v>
      </c>
      <c r="T3488" s="98" t="s">
        <v>400</v>
      </c>
      <c r="U3488" s="128"/>
      <c r="V3488" s="128"/>
      <c r="W3488" s="128"/>
      <c r="X3488" s="128"/>
      <c r="Y3488" s="128"/>
      <c r="Z3488" s="128"/>
      <c r="AA3488" s="128"/>
      <c r="AB3488" s="128"/>
      <c r="AC3488" s="128"/>
      <c r="AD3488" s="128"/>
      <c r="AE3488" s="128"/>
      <c r="AF3488" s="128"/>
      <c r="AG3488" s="128"/>
      <c r="AH3488" s="128"/>
      <c r="AI3488" s="128"/>
      <c r="AJ3488" s="128"/>
      <c r="AK3488" s="128"/>
      <c r="AL3488" s="128"/>
      <c r="AM3488" s="128"/>
      <c r="AN3488" s="128"/>
      <c r="AO3488" s="128"/>
      <c r="AP3488" s="128"/>
      <c r="AQ3488" s="128"/>
      <c r="AR3488" s="128"/>
      <c r="AS3488" s="128"/>
      <c r="AT3488" s="128"/>
      <c r="AU3488" s="128"/>
      <c r="AV3488" s="128"/>
      <c r="AW3488" s="128"/>
      <c r="AX3488" s="128"/>
      <c r="AY3488" s="128"/>
      <c r="AZ3488" s="128"/>
      <c r="BA3488" s="128"/>
      <c r="BB3488" s="107">
        <v>45884</v>
      </c>
    </row>
    <row r="3489" spans="1:54" s="8" customFormat="1" ht="13.95" customHeight="1" x14ac:dyDescent="0.25">
      <c r="A3489" s="219" t="s">
        <v>7828</v>
      </c>
      <c r="B3489" s="220" t="s">
        <v>6395</v>
      </c>
      <c r="C3489" s="98" t="s">
        <v>7829</v>
      </c>
      <c r="D3489" s="98" t="s">
        <v>21157</v>
      </c>
      <c r="E3489" s="141">
        <v>1979</v>
      </c>
      <c r="F3489" s="141">
        <v>3587</v>
      </c>
      <c r="G3489" s="98" t="s">
        <v>1</v>
      </c>
      <c r="H3489" s="98">
        <v>0</v>
      </c>
      <c r="I3489" s="98">
        <v>0</v>
      </c>
      <c r="J3489" s="98" t="s">
        <v>400</v>
      </c>
      <c r="K3489" s="98" t="s">
        <v>400</v>
      </c>
      <c r="L3489" s="98" t="s">
        <v>400</v>
      </c>
      <c r="M3489" s="98" t="s">
        <v>400</v>
      </c>
      <c r="N3489" s="98" t="s">
        <v>400</v>
      </c>
      <c r="O3489" s="98" t="s">
        <v>400</v>
      </c>
      <c r="P3489" s="98" t="s">
        <v>400</v>
      </c>
      <c r="Q3489" s="98" t="s">
        <v>400</v>
      </c>
      <c r="R3489" s="98" t="s">
        <v>400</v>
      </c>
      <c r="S3489" s="98" t="s">
        <v>400</v>
      </c>
      <c r="T3489" s="98" t="s">
        <v>400</v>
      </c>
      <c r="U3489" s="128"/>
      <c r="V3489" s="128"/>
      <c r="W3489" s="128"/>
      <c r="X3489" s="128"/>
      <c r="Y3489" s="128"/>
      <c r="Z3489" s="128"/>
      <c r="AA3489" s="128"/>
      <c r="AB3489" s="128"/>
      <c r="AC3489" s="128"/>
      <c r="AD3489" s="128"/>
      <c r="AE3489" s="128"/>
      <c r="AF3489" s="128"/>
      <c r="AG3489" s="128"/>
      <c r="AH3489" s="128"/>
      <c r="AI3489" s="128"/>
      <c r="AJ3489" s="128"/>
      <c r="AK3489" s="128"/>
      <c r="AL3489" s="128"/>
      <c r="AM3489" s="128"/>
      <c r="AN3489" s="128"/>
      <c r="AO3489" s="128"/>
      <c r="AP3489" s="128"/>
      <c r="AQ3489" s="128"/>
      <c r="AR3489" s="128"/>
      <c r="AS3489" s="128"/>
      <c r="AT3489" s="128"/>
      <c r="AU3489" s="128"/>
      <c r="AV3489" s="128"/>
      <c r="AW3489" s="128"/>
      <c r="AX3489" s="128"/>
      <c r="AY3489" s="128"/>
      <c r="AZ3489" s="128"/>
      <c r="BA3489" s="128"/>
      <c r="BB3489" s="107">
        <v>45884</v>
      </c>
    </row>
    <row r="3490" spans="1:54" s="8" customFormat="1" ht="13.95" customHeight="1" x14ac:dyDescent="0.25">
      <c r="A3490" s="219" t="s">
        <v>7830</v>
      </c>
      <c r="B3490" s="220" t="s">
        <v>6395</v>
      </c>
      <c r="C3490" s="98" t="s">
        <v>7831</v>
      </c>
      <c r="D3490" s="98" t="s">
        <v>21158</v>
      </c>
      <c r="E3490" s="141">
        <v>1982</v>
      </c>
      <c r="F3490" s="141">
        <v>3612</v>
      </c>
      <c r="G3490" s="98" t="s">
        <v>1</v>
      </c>
      <c r="H3490" s="98">
        <v>1</v>
      </c>
      <c r="I3490" s="98">
        <v>0</v>
      </c>
      <c r="J3490" s="98" t="s">
        <v>400</v>
      </c>
      <c r="K3490" s="98" t="s">
        <v>400</v>
      </c>
      <c r="L3490" s="98" t="s">
        <v>400</v>
      </c>
      <c r="M3490" s="98" t="s">
        <v>400</v>
      </c>
      <c r="N3490" s="98" t="s">
        <v>400</v>
      </c>
      <c r="O3490" s="98" t="s">
        <v>400</v>
      </c>
      <c r="P3490" s="98" t="s">
        <v>400</v>
      </c>
      <c r="Q3490" s="98" t="s">
        <v>400</v>
      </c>
      <c r="R3490" s="98" t="s">
        <v>400</v>
      </c>
      <c r="S3490" s="98" t="s">
        <v>400</v>
      </c>
      <c r="T3490" s="98" t="s">
        <v>400</v>
      </c>
      <c r="U3490" s="128"/>
      <c r="V3490" s="128"/>
      <c r="W3490" s="128"/>
      <c r="X3490" s="128"/>
      <c r="Y3490" s="128"/>
      <c r="Z3490" s="128"/>
      <c r="AA3490" s="128"/>
      <c r="AB3490" s="128"/>
      <c r="AC3490" s="128"/>
      <c r="AD3490" s="128"/>
      <c r="AE3490" s="128"/>
      <c r="AF3490" s="128"/>
      <c r="AG3490" s="128"/>
      <c r="AH3490" s="128"/>
      <c r="AI3490" s="128"/>
      <c r="AJ3490" s="128"/>
      <c r="AK3490" s="128"/>
      <c r="AL3490" s="128"/>
      <c r="AM3490" s="128"/>
      <c r="AN3490" s="128"/>
      <c r="AO3490" s="128"/>
      <c r="AP3490" s="128"/>
      <c r="AQ3490" s="128"/>
      <c r="AR3490" s="128"/>
      <c r="AS3490" s="128"/>
      <c r="AT3490" s="128"/>
      <c r="AU3490" s="128"/>
      <c r="AV3490" s="128"/>
      <c r="AW3490" s="128"/>
      <c r="AX3490" s="128"/>
      <c r="AY3490" s="128"/>
      <c r="AZ3490" s="128"/>
      <c r="BA3490" s="128"/>
      <c r="BB3490" s="107">
        <v>45884</v>
      </c>
    </row>
    <row r="3491" spans="1:54" s="8" customFormat="1" ht="13.95" customHeight="1" x14ac:dyDescent="0.25">
      <c r="A3491" s="219" t="s">
        <v>7832</v>
      </c>
      <c r="B3491" s="220" t="s">
        <v>6395</v>
      </c>
      <c r="C3491" s="98" t="s">
        <v>7833</v>
      </c>
      <c r="D3491" s="98" t="s">
        <v>21159</v>
      </c>
      <c r="E3491" s="141">
        <v>1983</v>
      </c>
      <c r="F3491" s="141">
        <v>3616</v>
      </c>
      <c r="G3491" s="98" t="s">
        <v>1</v>
      </c>
      <c r="H3491" s="98">
        <v>1</v>
      </c>
      <c r="I3491" s="98">
        <v>0</v>
      </c>
      <c r="J3491" s="98" t="s">
        <v>400</v>
      </c>
      <c r="K3491" s="98" t="s">
        <v>400</v>
      </c>
      <c r="L3491" s="98" t="s">
        <v>400</v>
      </c>
      <c r="M3491" s="98" t="s">
        <v>400</v>
      </c>
      <c r="N3491" s="98" t="s">
        <v>400</v>
      </c>
      <c r="O3491" s="98" t="s">
        <v>400</v>
      </c>
      <c r="P3491" s="98" t="s">
        <v>400</v>
      </c>
      <c r="Q3491" s="98" t="s">
        <v>400</v>
      </c>
      <c r="R3491" s="98" t="s">
        <v>400</v>
      </c>
      <c r="S3491" s="98" t="s">
        <v>400</v>
      </c>
      <c r="T3491" s="98" t="s">
        <v>400</v>
      </c>
      <c r="U3491" s="128"/>
      <c r="V3491" s="128"/>
      <c r="W3491" s="128"/>
      <c r="X3491" s="128"/>
      <c r="Y3491" s="128"/>
      <c r="Z3491" s="128"/>
      <c r="AA3491" s="128"/>
      <c r="AB3491" s="128"/>
      <c r="AC3491" s="128"/>
      <c r="AD3491" s="128"/>
      <c r="AE3491" s="128"/>
      <c r="AF3491" s="128"/>
      <c r="AG3491" s="128"/>
      <c r="AH3491" s="128"/>
      <c r="AI3491" s="128"/>
      <c r="AJ3491" s="128"/>
      <c r="AK3491" s="128"/>
      <c r="AL3491" s="128"/>
      <c r="AM3491" s="128"/>
      <c r="AN3491" s="128"/>
      <c r="AO3491" s="128"/>
      <c r="AP3491" s="128"/>
      <c r="AQ3491" s="128"/>
      <c r="AR3491" s="128"/>
      <c r="AS3491" s="128"/>
      <c r="AT3491" s="128"/>
      <c r="AU3491" s="128"/>
      <c r="AV3491" s="128"/>
      <c r="AW3491" s="128"/>
      <c r="AX3491" s="128"/>
      <c r="AY3491" s="128"/>
      <c r="AZ3491" s="128"/>
      <c r="BA3491" s="128"/>
      <c r="BB3491" s="107">
        <v>45884</v>
      </c>
    </row>
    <row r="3492" spans="1:54" s="8" customFormat="1" ht="13.95" customHeight="1" x14ac:dyDescent="0.25">
      <c r="A3492" s="219" t="s">
        <v>7834</v>
      </c>
      <c r="B3492" s="220" t="s">
        <v>6395</v>
      </c>
      <c r="C3492" s="98" t="s">
        <v>7835</v>
      </c>
      <c r="D3492" s="98" t="s">
        <v>21160</v>
      </c>
      <c r="E3492" s="141">
        <v>1960</v>
      </c>
      <c r="F3492" s="141">
        <v>3618</v>
      </c>
      <c r="G3492" s="98" t="s">
        <v>1</v>
      </c>
      <c r="H3492" s="98">
        <v>1</v>
      </c>
      <c r="I3492" s="98">
        <v>0</v>
      </c>
      <c r="J3492" s="98" t="s">
        <v>400</v>
      </c>
      <c r="K3492" s="98" t="s">
        <v>400</v>
      </c>
      <c r="L3492" s="98" t="s">
        <v>400</v>
      </c>
      <c r="M3492" s="98" t="s">
        <v>400</v>
      </c>
      <c r="N3492" s="98" t="s">
        <v>400</v>
      </c>
      <c r="O3492" s="98" t="s">
        <v>400</v>
      </c>
      <c r="P3492" s="98" t="s">
        <v>400</v>
      </c>
      <c r="Q3492" s="98" t="s">
        <v>400</v>
      </c>
      <c r="R3492" s="98" t="s">
        <v>400</v>
      </c>
      <c r="S3492" s="98" t="s">
        <v>400</v>
      </c>
      <c r="T3492" s="98" t="s">
        <v>400</v>
      </c>
      <c r="U3492" s="128"/>
      <c r="V3492" s="128"/>
      <c r="W3492" s="128"/>
      <c r="X3492" s="128"/>
      <c r="Y3492" s="128"/>
      <c r="Z3492" s="128"/>
      <c r="AA3492" s="128"/>
      <c r="AB3492" s="128"/>
      <c r="AC3492" s="128"/>
      <c r="AD3492" s="128"/>
      <c r="AE3492" s="128"/>
      <c r="AF3492" s="128"/>
      <c r="AG3492" s="128"/>
      <c r="AH3492" s="128"/>
      <c r="AI3492" s="128"/>
      <c r="AJ3492" s="128"/>
      <c r="AK3492" s="128"/>
      <c r="AL3492" s="128"/>
      <c r="AM3492" s="128"/>
      <c r="AN3492" s="128"/>
      <c r="AO3492" s="128"/>
      <c r="AP3492" s="128"/>
      <c r="AQ3492" s="128"/>
      <c r="AR3492" s="128"/>
      <c r="AS3492" s="128"/>
      <c r="AT3492" s="128"/>
      <c r="AU3492" s="128"/>
      <c r="AV3492" s="128"/>
      <c r="AW3492" s="128"/>
      <c r="AX3492" s="128"/>
      <c r="AY3492" s="128"/>
      <c r="AZ3492" s="128"/>
      <c r="BA3492" s="128"/>
      <c r="BB3492" s="107">
        <v>45884</v>
      </c>
    </row>
    <row r="3493" spans="1:54" s="8" customFormat="1" ht="13.95" customHeight="1" x14ac:dyDescent="0.25">
      <c r="A3493" s="219" t="s">
        <v>7836</v>
      </c>
      <c r="B3493" s="220" t="s">
        <v>6395</v>
      </c>
      <c r="C3493" s="98" t="s">
        <v>7837</v>
      </c>
      <c r="D3493" s="98" t="s">
        <v>21161</v>
      </c>
      <c r="E3493" s="141">
        <v>1957</v>
      </c>
      <c r="F3493" s="141">
        <v>3655</v>
      </c>
      <c r="G3493" s="98" t="s">
        <v>1</v>
      </c>
      <c r="H3493" s="98">
        <v>0</v>
      </c>
      <c r="I3493" s="98">
        <v>0</v>
      </c>
      <c r="J3493" s="98" t="s">
        <v>400</v>
      </c>
      <c r="K3493" s="98" t="s">
        <v>400</v>
      </c>
      <c r="L3493" s="98" t="s">
        <v>400</v>
      </c>
      <c r="M3493" s="98" t="s">
        <v>400</v>
      </c>
      <c r="N3493" s="98" t="s">
        <v>400</v>
      </c>
      <c r="O3493" s="98" t="s">
        <v>400</v>
      </c>
      <c r="P3493" s="98" t="s">
        <v>400</v>
      </c>
      <c r="Q3493" s="98" t="s">
        <v>400</v>
      </c>
      <c r="R3493" s="98" t="s">
        <v>400</v>
      </c>
      <c r="S3493" s="98" t="s">
        <v>400</v>
      </c>
      <c r="T3493" s="98" t="s">
        <v>400</v>
      </c>
      <c r="U3493" s="128"/>
      <c r="V3493" s="128"/>
      <c r="W3493" s="128"/>
      <c r="X3493" s="128"/>
      <c r="Y3493" s="128"/>
      <c r="Z3493" s="128"/>
      <c r="AA3493" s="128"/>
      <c r="AB3493" s="128"/>
      <c r="AC3493" s="128"/>
      <c r="AD3493" s="128"/>
      <c r="AE3493" s="128"/>
      <c r="AF3493" s="128"/>
      <c r="AG3493" s="128"/>
      <c r="AH3493" s="128"/>
      <c r="AI3493" s="128"/>
      <c r="AJ3493" s="128"/>
      <c r="AK3493" s="128"/>
      <c r="AL3493" s="128"/>
      <c r="AM3493" s="128"/>
      <c r="AN3493" s="128"/>
      <c r="AO3493" s="128"/>
      <c r="AP3493" s="128"/>
      <c r="AQ3493" s="128"/>
      <c r="AR3493" s="128"/>
      <c r="AS3493" s="128"/>
      <c r="AT3493" s="128"/>
      <c r="AU3493" s="128"/>
      <c r="AV3493" s="128"/>
      <c r="AW3493" s="128"/>
      <c r="AX3493" s="128"/>
      <c r="AY3493" s="128"/>
      <c r="AZ3493" s="128"/>
      <c r="BA3493" s="128"/>
      <c r="BB3493" s="107">
        <v>45884</v>
      </c>
    </row>
    <row r="3494" spans="1:54" s="8" customFormat="1" ht="13.95" customHeight="1" x14ac:dyDescent="0.25">
      <c r="A3494" s="219" t="s">
        <v>7838</v>
      </c>
      <c r="B3494" s="220" t="s">
        <v>6395</v>
      </c>
      <c r="C3494" s="98" t="s">
        <v>7839</v>
      </c>
      <c r="D3494" s="98" t="s">
        <v>21162</v>
      </c>
      <c r="E3494" s="141">
        <v>1957</v>
      </c>
      <c r="F3494" s="141">
        <v>3694</v>
      </c>
      <c r="G3494" s="98" t="s">
        <v>1</v>
      </c>
      <c r="H3494" s="98">
        <v>0</v>
      </c>
      <c r="I3494" s="98">
        <v>0</v>
      </c>
      <c r="J3494" s="98" t="s">
        <v>400</v>
      </c>
      <c r="K3494" s="98" t="s">
        <v>400</v>
      </c>
      <c r="L3494" s="98" t="s">
        <v>400</v>
      </c>
      <c r="M3494" s="98" t="s">
        <v>400</v>
      </c>
      <c r="N3494" s="98" t="s">
        <v>400</v>
      </c>
      <c r="O3494" s="98" t="s">
        <v>400</v>
      </c>
      <c r="P3494" s="98" t="s">
        <v>400</v>
      </c>
      <c r="Q3494" s="98" t="s">
        <v>400</v>
      </c>
      <c r="R3494" s="98" t="s">
        <v>400</v>
      </c>
      <c r="S3494" s="98" t="s">
        <v>400</v>
      </c>
      <c r="T3494" s="98" t="s">
        <v>400</v>
      </c>
      <c r="U3494" s="128"/>
      <c r="V3494" s="128"/>
      <c r="W3494" s="128"/>
      <c r="X3494" s="128"/>
      <c r="Y3494" s="128"/>
      <c r="Z3494" s="128"/>
      <c r="AA3494" s="128"/>
      <c r="AB3494" s="128"/>
      <c r="AC3494" s="128"/>
      <c r="AD3494" s="128"/>
      <c r="AE3494" s="128"/>
      <c r="AF3494" s="128"/>
      <c r="AG3494" s="128"/>
      <c r="AH3494" s="128"/>
      <c r="AI3494" s="128"/>
      <c r="AJ3494" s="128"/>
      <c r="AK3494" s="128"/>
      <c r="AL3494" s="128"/>
      <c r="AM3494" s="128"/>
      <c r="AN3494" s="128"/>
      <c r="AO3494" s="128"/>
      <c r="AP3494" s="128"/>
      <c r="AQ3494" s="128"/>
      <c r="AR3494" s="128"/>
      <c r="AS3494" s="128"/>
      <c r="AT3494" s="128"/>
      <c r="AU3494" s="128"/>
      <c r="AV3494" s="128"/>
      <c r="AW3494" s="128"/>
      <c r="AX3494" s="128"/>
      <c r="AY3494" s="128"/>
      <c r="AZ3494" s="128"/>
      <c r="BA3494" s="128"/>
      <c r="BB3494" s="107">
        <v>45884</v>
      </c>
    </row>
    <row r="3495" spans="1:54" s="8" customFormat="1" ht="13.95" customHeight="1" x14ac:dyDescent="0.25">
      <c r="A3495" s="219" t="s">
        <v>7840</v>
      </c>
      <c r="B3495" s="220" t="s">
        <v>6395</v>
      </c>
      <c r="C3495" s="98" t="s">
        <v>7841</v>
      </c>
      <c r="D3495" s="98" t="s">
        <v>21163</v>
      </c>
      <c r="E3495" s="141">
        <v>1957</v>
      </c>
      <c r="F3495" s="141">
        <v>3696</v>
      </c>
      <c r="G3495" s="98" t="s">
        <v>1</v>
      </c>
      <c r="H3495" s="98">
        <v>0</v>
      </c>
      <c r="I3495" s="98">
        <v>0</v>
      </c>
      <c r="J3495" s="98" t="s">
        <v>400</v>
      </c>
      <c r="K3495" s="98" t="s">
        <v>400</v>
      </c>
      <c r="L3495" s="98" t="s">
        <v>400</v>
      </c>
      <c r="M3495" s="98" t="s">
        <v>400</v>
      </c>
      <c r="N3495" s="98" t="s">
        <v>400</v>
      </c>
      <c r="O3495" s="98" t="s">
        <v>400</v>
      </c>
      <c r="P3495" s="98" t="s">
        <v>400</v>
      </c>
      <c r="Q3495" s="98" t="s">
        <v>400</v>
      </c>
      <c r="R3495" s="98" t="s">
        <v>400</v>
      </c>
      <c r="S3495" s="98" t="s">
        <v>400</v>
      </c>
      <c r="T3495" s="98" t="s">
        <v>400</v>
      </c>
      <c r="U3495" s="128"/>
      <c r="V3495" s="128"/>
      <c r="W3495" s="128"/>
      <c r="X3495" s="128"/>
      <c r="Y3495" s="128"/>
      <c r="Z3495" s="128"/>
      <c r="AA3495" s="128"/>
      <c r="AB3495" s="128"/>
      <c r="AC3495" s="128"/>
      <c r="AD3495" s="128"/>
      <c r="AE3495" s="128"/>
      <c r="AF3495" s="128"/>
      <c r="AG3495" s="128"/>
      <c r="AH3495" s="128"/>
      <c r="AI3495" s="128"/>
      <c r="AJ3495" s="128"/>
      <c r="AK3495" s="128"/>
      <c r="AL3495" s="128"/>
      <c r="AM3495" s="128"/>
      <c r="AN3495" s="128"/>
      <c r="AO3495" s="128"/>
      <c r="AP3495" s="128"/>
      <c r="AQ3495" s="128"/>
      <c r="AR3495" s="128"/>
      <c r="AS3495" s="128"/>
      <c r="AT3495" s="128"/>
      <c r="AU3495" s="128"/>
      <c r="AV3495" s="128"/>
      <c r="AW3495" s="128"/>
      <c r="AX3495" s="128"/>
      <c r="AY3495" s="128"/>
      <c r="AZ3495" s="128"/>
      <c r="BA3495" s="128"/>
      <c r="BB3495" s="107">
        <v>45884</v>
      </c>
    </row>
    <row r="3496" spans="1:54" s="8" customFormat="1" ht="13.95" customHeight="1" x14ac:dyDescent="0.25">
      <c r="A3496" s="219" t="s">
        <v>7842</v>
      </c>
      <c r="B3496" s="220" t="s">
        <v>6395</v>
      </c>
      <c r="C3496" s="98" t="s">
        <v>5325</v>
      </c>
      <c r="D3496" s="98" t="s">
        <v>21164</v>
      </c>
      <c r="E3496" s="141">
        <v>1981</v>
      </c>
      <c r="F3496" s="141">
        <v>3700</v>
      </c>
      <c r="G3496" s="98" t="s">
        <v>1</v>
      </c>
      <c r="H3496" s="98">
        <v>0</v>
      </c>
      <c r="I3496" s="98">
        <v>0</v>
      </c>
      <c r="J3496" s="98" t="s">
        <v>400</v>
      </c>
      <c r="K3496" s="98" t="s">
        <v>400</v>
      </c>
      <c r="L3496" s="98" t="s">
        <v>400</v>
      </c>
      <c r="M3496" s="98" t="s">
        <v>400</v>
      </c>
      <c r="N3496" s="98" t="s">
        <v>400</v>
      </c>
      <c r="O3496" s="98" t="s">
        <v>400</v>
      </c>
      <c r="P3496" s="98" t="s">
        <v>400</v>
      </c>
      <c r="Q3496" s="98" t="s">
        <v>400</v>
      </c>
      <c r="R3496" s="98" t="s">
        <v>400</v>
      </c>
      <c r="S3496" s="98" t="s">
        <v>400</v>
      </c>
      <c r="T3496" s="98" t="s">
        <v>400</v>
      </c>
      <c r="U3496" s="128"/>
      <c r="V3496" s="128"/>
      <c r="W3496" s="128"/>
      <c r="X3496" s="128"/>
      <c r="Y3496" s="128"/>
      <c r="Z3496" s="128"/>
      <c r="AA3496" s="128"/>
      <c r="AB3496" s="128"/>
      <c r="AC3496" s="128"/>
      <c r="AD3496" s="128"/>
      <c r="AE3496" s="128"/>
      <c r="AF3496" s="128"/>
      <c r="AG3496" s="128"/>
      <c r="AH3496" s="128"/>
      <c r="AI3496" s="128"/>
      <c r="AJ3496" s="128"/>
      <c r="AK3496" s="128"/>
      <c r="AL3496" s="128"/>
      <c r="AM3496" s="128"/>
      <c r="AN3496" s="128"/>
      <c r="AO3496" s="128"/>
      <c r="AP3496" s="128"/>
      <c r="AQ3496" s="128"/>
      <c r="AR3496" s="128"/>
      <c r="AS3496" s="128"/>
      <c r="AT3496" s="128"/>
      <c r="AU3496" s="128"/>
      <c r="AV3496" s="128"/>
      <c r="AW3496" s="128"/>
      <c r="AX3496" s="128"/>
      <c r="AY3496" s="128"/>
      <c r="AZ3496" s="128"/>
      <c r="BA3496" s="128"/>
      <c r="BB3496" s="107">
        <v>45884</v>
      </c>
    </row>
    <row r="3497" spans="1:54" s="8" customFormat="1" ht="13.95" customHeight="1" x14ac:dyDescent="0.25">
      <c r="A3497" s="219" t="s">
        <v>7843</v>
      </c>
      <c r="B3497" s="220" t="s">
        <v>6395</v>
      </c>
      <c r="C3497" s="98" t="s">
        <v>7844</v>
      </c>
      <c r="D3497" s="98" t="s">
        <v>21165</v>
      </c>
      <c r="E3497" s="141">
        <v>2004</v>
      </c>
      <c r="F3497" s="141">
        <v>5575</v>
      </c>
      <c r="G3497" s="98" t="s">
        <v>1</v>
      </c>
      <c r="H3497" s="98">
        <v>0</v>
      </c>
      <c r="I3497" s="98">
        <v>0</v>
      </c>
      <c r="J3497" s="98" t="s">
        <v>400</v>
      </c>
      <c r="K3497" s="98" t="s">
        <v>400</v>
      </c>
      <c r="L3497" s="98" t="s">
        <v>400</v>
      </c>
      <c r="M3497" s="98" t="s">
        <v>400</v>
      </c>
      <c r="N3497" s="98" t="s">
        <v>400</v>
      </c>
      <c r="O3497" s="98" t="s">
        <v>400</v>
      </c>
      <c r="P3497" s="98" t="s">
        <v>400</v>
      </c>
      <c r="Q3497" s="98" t="s">
        <v>400</v>
      </c>
      <c r="R3497" s="98" t="s">
        <v>400</v>
      </c>
      <c r="S3497" s="98" t="s">
        <v>400</v>
      </c>
      <c r="T3497" s="98" t="s">
        <v>400</v>
      </c>
      <c r="U3497" s="128"/>
      <c r="V3497" s="128"/>
      <c r="W3497" s="128"/>
      <c r="X3497" s="128"/>
      <c r="Y3497" s="128"/>
      <c r="Z3497" s="128"/>
      <c r="AA3497" s="128"/>
      <c r="AB3497" s="128"/>
      <c r="AC3497" s="128"/>
      <c r="AD3497" s="128"/>
      <c r="AE3497" s="128"/>
      <c r="AF3497" s="128"/>
      <c r="AG3497" s="128"/>
      <c r="AH3497" s="128"/>
      <c r="AI3497" s="128"/>
      <c r="AJ3497" s="128"/>
      <c r="AK3497" s="128"/>
      <c r="AL3497" s="128"/>
      <c r="AM3497" s="128"/>
      <c r="AN3497" s="128"/>
      <c r="AO3497" s="128"/>
      <c r="AP3497" s="128"/>
      <c r="AQ3497" s="128"/>
      <c r="AR3497" s="128"/>
      <c r="AS3497" s="128"/>
      <c r="AT3497" s="128"/>
      <c r="AU3497" s="128"/>
      <c r="AV3497" s="128"/>
      <c r="AW3497" s="128"/>
      <c r="AX3497" s="128"/>
      <c r="AY3497" s="128"/>
      <c r="AZ3497" s="128"/>
      <c r="BA3497" s="128"/>
      <c r="BB3497" s="107">
        <v>45884</v>
      </c>
    </row>
    <row r="3498" spans="1:54" s="8" customFormat="1" ht="13.95" customHeight="1" x14ac:dyDescent="0.25">
      <c r="A3498" s="219" t="s">
        <v>7845</v>
      </c>
      <c r="B3498" s="220" t="s">
        <v>6395</v>
      </c>
      <c r="C3498" s="98" t="s">
        <v>7846</v>
      </c>
      <c r="D3498" s="98" t="s">
        <v>21166</v>
      </c>
      <c r="E3498" s="141">
        <v>1981</v>
      </c>
      <c r="F3498" s="141">
        <v>3724</v>
      </c>
      <c r="G3498" s="98" t="s">
        <v>1</v>
      </c>
      <c r="H3498" s="98">
        <v>0</v>
      </c>
      <c r="I3498" s="98">
        <v>0</v>
      </c>
      <c r="J3498" s="98" t="s">
        <v>400</v>
      </c>
      <c r="K3498" s="98" t="s">
        <v>400</v>
      </c>
      <c r="L3498" s="98" t="s">
        <v>400</v>
      </c>
      <c r="M3498" s="98" t="s">
        <v>400</v>
      </c>
      <c r="N3498" s="98" t="s">
        <v>400</v>
      </c>
      <c r="O3498" s="98" t="s">
        <v>400</v>
      </c>
      <c r="P3498" s="98" t="s">
        <v>400</v>
      </c>
      <c r="Q3498" s="98" t="s">
        <v>400</v>
      </c>
      <c r="R3498" s="98" t="s">
        <v>400</v>
      </c>
      <c r="S3498" s="98" t="s">
        <v>400</v>
      </c>
      <c r="T3498" s="98" t="s">
        <v>400</v>
      </c>
      <c r="U3498" s="128"/>
      <c r="V3498" s="128"/>
      <c r="W3498" s="128"/>
      <c r="X3498" s="128"/>
      <c r="Y3498" s="128"/>
      <c r="Z3498" s="128"/>
      <c r="AA3498" s="128"/>
      <c r="AB3498" s="128"/>
      <c r="AC3498" s="128"/>
      <c r="AD3498" s="128"/>
      <c r="AE3498" s="128"/>
      <c r="AF3498" s="128"/>
      <c r="AG3498" s="128"/>
      <c r="AH3498" s="128"/>
      <c r="AI3498" s="128"/>
      <c r="AJ3498" s="128"/>
      <c r="AK3498" s="128"/>
      <c r="AL3498" s="128"/>
      <c r="AM3498" s="128"/>
      <c r="AN3498" s="128"/>
      <c r="AO3498" s="128"/>
      <c r="AP3498" s="128"/>
      <c r="AQ3498" s="128"/>
      <c r="AR3498" s="128"/>
      <c r="AS3498" s="128"/>
      <c r="AT3498" s="128"/>
      <c r="AU3498" s="128"/>
      <c r="AV3498" s="128"/>
      <c r="AW3498" s="128"/>
      <c r="AX3498" s="128"/>
      <c r="AY3498" s="128"/>
      <c r="AZ3498" s="128"/>
      <c r="BA3498" s="128"/>
      <c r="BB3498" s="107">
        <v>45884</v>
      </c>
    </row>
    <row r="3499" spans="1:54" s="8" customFormat="1" ht="13.95" customHeight="1" x14ac:dyDescent="0.25">
      <c r="A3499" s="219" t="s">
        <v>7847</v>
      </c>
      <c r="B3499" s="220" t="s">
        <v>6395</v>
      </c>
      <c r="C3499" s="98" t="s">
        <v>7848</v>
      </c>
      <c r="D3499" s="98" t="s">
        <v>21167</v>
      </c>
      <c r="E3499" s="141">
        <v>1983</v>
      </c>
      <c r="F3499" s="141">
        <v>3734</v>
      </c>
      <c r="G3499" s="98" t="s">
        <v>1</v>
      </c>
      <c r="H3499" s="98">
        <v>1</v>
      </c>
      <c r="I3499" s="98">
        <v>0</v>
      </c>
      <c r="J3499" s="98" t="s">
        <v>400</v>
      </c>
      <c r="K3499" s="98" t="s">
        <v>400</v>
      </c>
      <c r="L3499" s="98" t="s">
        <v>400</v>
      </c>
      <c r="M3499" s="98" t="s">
        <v>400</v>
      </c>
      <c r="N3499" s="98" t="s">
        <v>400</v>
      </c>
      <c r="O3499" s="98" t="s">
        <v>400</v>
      </c>
      <c r="P3499" s="98" t="s">
        <v>400</v>
      </c>
      <c r="Q3499" s="98" t="s">
        <v>400</v>
      </c>
      <c r="R3499" s="98" t="s">
        <v>400</v>
      </c>
      <c r="S3499" s="98" t="s">
        <v>400</v>
      </c>
      <c r="T3499" s="98" t="s">
        <v>400</v>
      </c>
      <c r="U3499" s="128"/>
      <c r="V3499" s="128"/>
      <c r="W3499" s="128"/>
      <c r="X3499" s="128"/>
      <c r="Y3499" s="128"/>
      <c r="Z3499" s="128"/>
      <c r="AA3499" s="128"/>
      <c r="AB3499" s="128"/>
      <c r="AC3499" s="128"/>
      <c r="AD3499" s="128"/>
      <c r="AE3499" s="128"/>
      <c r="AF3499" s="128"/>
      <c r="AG3499" s="128"/>
      <c r="AH3499" s="128"/>
      <c r="AI3499" s="128"/>
      <c r="AJ3499" s="128"/>
      <c r="AK3499" s="128"/>
      <c r="AL3499" s="128"/>
      <c r="AM3499" s="128"/>
      <c r="AN3499" s="128"/>
      <c r="AO3499" s="128"/>
      <c r="AP3499" s="128"/>
      <c r="AQ3499" s="128"/>
      <c r="AR3499" s="128"/>
      <c r="AS3499" s="128"/>
      <c r="AT3499" s="128"/>
      <c r="AU3499" s="128"/>
      <c r="AV3499" s="128"/>
      <c r="AW3499" s="128"/>
      <c r="AX3499" s="128"/>
      <c r="AY3499" s="128"/>
      <c r="AZ3499" s="128"/>
      <c r="BA3499" s="128"/>
      <c r="BB3499" s="107">
        <v>45884</v>
      </c>
    </row>
    <row r="3500" spans="1:54" s="8" customFormat="1" ht="13.95" customHeight="1" x14ac:dyDescent="0.25">
      <c r="A3500" s="219" t="s">
        <v>7849</v>
      </c>
      <c r="B3500" s="220" t="s">
        <v>6395</v>
      </c>
      <c r="C3500" s="98" t="s">
        <v>7850</v>
      </c>
      <c r="D3500" s="98" t="s">
        <v>21168</v>
      </c>
      <c r="E3500" s="141">
        <v>1962</v>
      </c>
      <c r="F3500" s="141">
        <v>3790</v>
      </c>
      <c r="G3500" s="98" t="s">
        <v>1</v>
      </c>
      <c r="H3500" s="98">
        <v>1</v>
      </c>
      <c r="I3500" s="98">
        <v>0</v>
      </c>
      <c r="J3500" s="98" t="s">
        <v>400</v>
      </c>
      <c r="K3500" s="98" t="s">
        <v>400</v>
      </c>
      <c r="L3500" s="98" t="s">
        <v>400</v>
      </c>
      <c r="M3500" s="98" t="s">
        <v>400</v>
      </c>
      <c r="N3500" s="98" t="s">
        <v>400</v>
      </c>
      <c r="O3500" s="98" t="s">
        <v>400</v>
      </c>
      <c r="P3500" s="98" t="s">
        <v>400</v>
      </c>
      <c r="Q3500" s="98" t="s">
        <v>400</v>
      </c>
      <c r="R3500" s="98" t="s">
        <v>400</v>
      </c>
      <c r="S3500" s="98" t="s">
        <v>400</v>
      </c>
      <c r="T3500" s="98" t="s">
        <v>400</v>
      </c>
      <c r="U3500" s="128"/>
      <c r="V3500" s="128"/>
      <c r="W3500" s="128"/>
      <c r="X3500" s="128"/>
      <c r="Y3500" s="128"/>
      <c r="Z3500" s="128"/>
      <c r="AA3500" s="128"/>
      <c r="AB3500" s="128"/>
      <c r="AC3500" s="128"/>
      <c r="AD3500" s="128"/>
      <c r="AE3500" s="128"/>
      <c r="AF3500" s="128"/>
      <c r="AG3500" s="128"/>
      <c r="AH3500" s="128"/>
      <c r="AI3500" s="128"/>
      <c r="AJ3500" s="128"/>
      <c r="AK3500" s="128"/>
      <c r="AL3500" s="128"/>
      <c r="AM3500" s="128"/>
      <c r="AN3500" s="128"/>
      <c r="AO3500" s="128"/>
      <c r="AP3500" s="128"/>
      <c r="AQ3500" s="128"/>
      <c r="AR3500" s="128"/>
      <c r="AS3500" s="128"/>
      <c r="AT3500" s="128"/>
      <c r="AU3500" s="128"/>
      <c r="AV3500" s="128"/>
      <c r="AW3500" s="128"/>
      <c r="AX3500" s="128"/>
      <c r="AY3500" s="128"/>
      <c r="AZ3500" s="128"/>
      <c r="BA3500" s="128"/>
      <c r="BB3500" s="107">
        <v>45884</v>
      </c>
    </row>
    <row r="3501" spans="1:54" s="8" customFormat="1" ht="13.95" customHeight="1" x14ac:dyDescent="0.25">
      <c r="A3501" s="219" t="s">
        <v>7851</v>
      </c>
      <c r="B3501" s="220" t="s">
        <v>6395</v>
      </c>
      <c r="C3501" s="98" t="s">
        <v>7852</v>
      </c>
      <c r="D3501" s="98" t="s">
        <v>21169</v>
      </c>
      <c r="E3501" s="141">
        <v>1979</v>
      </c>
      <c r="F3501" s="141">
        <v>3800</v>
      </c>
      <c r="G3501" s="98" t="s">
        <v>1</v>
      </c>
      <c r="H3501" s="98">
        <v>1</v>
      </c>
      <c r="I3501" s="98">
        <v>0</v>
      </c>
      <c r="J3501" s="98" t="s">
        <v>400</v>
      </c>
      <c r="K3501" s="98" t="s">
        <v>400</v>
      </c>
      <c r="L3501" s="98" t="s">
        <v>400</v>
      </c>
      <c r="M3501" s="98" t="s">
        <v>400</v>
      </c>
      <c r="N3501" s="98" t="s">
        <v>400</v>
      </c>
      <c r="O3501" s="98" t="s">
        <v>400</v>
      </c>
      <c r="P3501" s="98" t="s">
        <v>400</v>
      </c>
      <c r="Q3501" s="98" t="s">
        <v>400</v>
      </c>
      <c r="R3501" s="98" t="s">
        <v>400</v>
      </c>
      <c r="S3501" s="98" t="s">
        <v>400</v>
      </c>
      <c r="T3501" s="98" t="s">
        <v>400</v>
      </c>
      <c r="U3501" s="128"/>
      <c r="V3501" s="128"/>
      <c r="W3501" s="128"/>
      <c r="X3501" s="128"/>
      <c r="Y3501" s="128"/>
      <c r="Z3501" s="128"/>
      <c r="AA3501" s="128"/>
      <c r="AB3501" s="128"/>
      <c r="AC3501" s="128"/>
      <c r="AD3501" s="128"/>
      <c r="AE3501" s="128"/>
      <c r="AF3501" s="128"/>
      <c r="AG3501" s="128"/>
      <c r="AH3501" s="128"/>
      <c r="AI3501" s="128"/>
      <c r="AJ3501" s="128"/>
      <c r="AK3501" s="128"/>
      <c r="AL3501" s="128"/>
      <c r="AM3501" s="128"/>
      <c r="AN3501" s="128"/>
      <c r="AO3501" s="128"/>
      <c r="AP3501" s="128"/>
      <c r="AQ3501" s="128"/>
      <c r="AR3501" s="128"/>
      <c r="AS3501" s="128"/>
      <c r="AT3501" s="128"/>
      <c r="AU3501" s="128"/>
      <c r="AV3501" s="128"/>
      <c r="AW3501" s="128"/>
      <c r="AX3501" s="128"/>
      <c r="AY3501" s="128"/>
      <c r="AZ3501" s="128"/>
      <c r="BA3501" s="128"/>
      <c r="BB3501" s="107">
        <v>45884</v>
      </c>
    </row>
    <row r="3502" spans="1:54" s="8" customFormat="1" ht="13.95" customHeight="1" x14ac:dyDescent="0.25">
      <c r="A3502" s="219" t="s">
        <v>7853</v>
      </c>
      <c r="B3502" s="220" t="s">
        <v>6395</v>
      </c>
      <c r="C3502" s="98" t="s">
        <v>7854</v>
      </c>
      <c r="D3502" s="98" t="s">
        <v>20480</v>
      </c>
      <c r="E3502" s="141">
        <v>2004</v>
      </c>
      <c r="F3502" s="141">
        <v>3800</v>
      </c>
      <c r="G3502" s="98" t="s">
        <v>1</v>
      </c>
      <c r="H3502" s="98">
        <v>0</v>
      </c>
      <c r="I3502" s="98">
        <v>0</v>
      </c>
      <c r="J3502" s="98" t="s">
        <v>400</v>
      </c>
      <c r="K3502" s="98" t="s">
        <v>400</v>
      </c>
      <c r="L3502" s="98" t="s">
        <v>400</v>
      </c>
      <c r="M3502" s="98" t="s">
        <v>400</v>
      </c>
      <c r="N3502" s="98" t="s">
        <v>400</v>
      </c>
      <c r="O3502" s="98" t="s">
        <v>400</v>
      </c>
      <c r="P3502" s="98" t="s">
        <v>400</v>
      </c>
      <c r="Q3502" s="98" t="s">
        <v>400</v>
      </c>
      <c r="R3502" s="98" t="s">
        <v>400</v>
      </c>
      <c r="S3502" s="98" t="s">
        <v>400</v>
      </c>
      <c r="T3502" s="98" t="s">
        <v>400</v>
      </c>
      <c r="U3502" s="128"/>
      <c r="V3502" s="128"/>
      <c r="W3502" s="128"/>
      <c r="X3502" s="128"/>
      <c r="Y3502" s="128"/>
      <c r="Z3502" s="128"/>
      <c r="AA3502" s="128"/>
      <c r="AB3502" s="128"/>
      <c r="AC3502" s="128"/>
      <c r="AD3502" s="128"/>
      <c r="AE3502" s="128"/>
      <c r="AF3502" s="128"/>
      <c r="AG3502" s="128"/>
      <c r="AH3502" s="128"/>
      <c r="AI3502" s="128"/>
      <c r="AJ3502" s="128"/>
      <c r="AK3502" s="128"/>
      <c r="AL3502" s="128"/>
      <c r="AM3502" s="128"/>
      <c r="AN3502" s="128"/>
      <c r="AO3502" s="128"/>
      <c r="AP3502" s="128"/>
      <c r="AQ3502" s="128"/>
      <c r="AR3502" s="128"/>
      <c r="AS3502" s="128"/>
      <c r="AT3502" s="128"/>
      <c r="AU3502" s="128"/>
      <c r="AV3502" s="128"/>
      <c r="AW3502" s="128"/>
      <c r="AX3502" s="128"/>
      <c r="AY3502" s="128"/>
      <c r="AZ3502" s="128"/>
      <c r="BA3502" s="128"/>
      <c r="BB3502" s="107">
        <v>45884</v>
      </c>
    </row>
    <row r="3503" spans="1:54" s="8" customFormat="1" ht="13.95" customHeight="1" x14ac:dyDescent="0.25">
      <c r="A3503" s="219" t="s">
        <v>7855</v>
      </c>
      <c r="B3503" s="220" t="s">
        <v>6395</v>
      </c>
      <c r="C3503" s="98" t="s">
        <v>7856</v>
      </c>
      <c r="D3503" s="98" t="s">
        <v>21170</v>
      </c>
      <c r="E3503" s="141">
        <v>1988</v>
      </c>
      <c r="F3503" s="141">
        <v>3838</v>
      </c>
      <c r="G3503" s="98" t="s">
        <v>1</v>
      </c>
      <c r="H3503" s="98">
        <v>0</v>
      </c>
      <c r="I3503" s="98">
        <v>0</v>
      </c>
      <c r="J3503" s="98" t="s">
        <v>400</v>
      </c>
      <c r="K3503" s="98" t="s">
        <v>400</v>
      </c>
      <c r="L3503" s="98" t="s">
        <v>400</v>
      </c>
      <c r="M3503" s="98" t="s">
        <v>400</v>
      </c>
      <c r="N3503" s="98" t="s">
        <v>400</v>
      </c>
      <c r="O3503" s="98" t="s">
        <v>400</v>
      </c>
      <c r="P3503" s="98" t="s">
        <v>400</v>
      </c>
      <c r="Q3503" s="98" t="s">
        <v>400</v>
      </c>
      <c r="R3503" s="98" t="s">
        <v>400</v>
      </c>
      <c r="S3503" s="98" t="s">
        <v>400</v>
      </c>
      <c r="T3503" s="98" t="s">
        <v>400</v>
      </c>
      <c r="U3503" s="128"/>
      <c r="V3503" s="128"/>
      <c r="W3503" s="128"/>
      <c r="X3503" s="128"/>
      <c r="Y3503" s="128"/>
      <c r="Z3503" s="128"/>
      <c r="AA3503" s="128"/>
      <c r="AB3503" s="128"/>
      <c r="AC3503" s="128"/>
      <c r="AD3503" s="128"/>
      <c r="AE3503" s="128"/>
      <c r="AF3503" s="128"/>
      <c r="AG3503" s="128"/>
      <c r="AH3503" s="128"/>
      <c r="AI3503" s="128"/>
      <c r="AJ3503" s="128"/>
      <c r="AK3503" s="128"/>
      <c r="AL3503" s="128"/>
      <c r="AM3503" s="128"/>
      <c r="AN3503" s="128"/>
      <c r="AO3503" s="128"/>
      <c r="AP3503" s="128"/>
      <c r="AQ3503" s="128"/>
      <c r="AR3503" s="128"/>
      <c r="AS3503" s="128"/>
      <c r="AT3503" s="128"/>
      <c r="AU3503" s="128"/>
      <c r="AV3503" s="128"/>
      <c r="AW3503" s="128"/>
      <c r="AX3503" s="128"/>
      <c r="AY3503" s="128"/>
      <c r="AZ3503" s="128"/>
      <c r="BA3503" s="128"/>
      <c r="BB3503" s="107">
        <v>45884</v>
      </c>
    </row>
    <row r="3504" spans="1:54" s="8" customFormat="1" ht="13.95" customHeight="1" x14ac:dyDescent="0.25">
      <c r="A3504" s="219" t="s">
        <v>7857</v>
      </c>
      <c r="B3504" s="220" t="s">
        <v>6395</v>
      </c>
      <c r="C3504" s="98" t="s">
        <v>7858</v>
      </c>
      <c r="D3504" s="98" t="s">
        <v>21171</v>
      </c>
      <c r="E3504" s="141">
        <v>1961</v>
      </c>
      <c r="F3504" s="141">
        <v>3876</v>
      </c>
      <c r="G3504" s="98" t="s">
        <v>1</v>
      </c>
      <c r="H3504" s="98">
        <v>1</v>
      </c>
      <c r="I3504" s="98">
        <v>0</v>
      </c>
      <c r="J3504" s="98" t="s">
        <v>400</v>
      </c>
      <c r="K3504" s="98" t="s">
        <v>400</v>
      </c>
      <c r="L3504" s="98" t="s">
        <v>400</v>
      </c>
      <c r="M3504" s="98" t="s">
        <v>400</v>
      </c>
      <c r="N3504" s="98" t="s">
        <v>400</v>
      </c>
      <c r="O3504" s="98" t="s">
        <v>400</v>
      </c>
      <c r="P3504" s="98" t="s">
        <v>400</v>
      </c>
      <c r="Q3504" s="98" t="s">
        <v>400</v>
      </c>
      <c r="R3504" s="98" t="s">
        <v>400</v>
      </c>
      <c r="S3504" s="98" t="s">
        <v>400</v>
      </c>
      <c r="T3504" s="98" t="s">
        <v>400</v>
      </c>
      <c r="U3504" s="128"/>
      <c r="V3504" s="128"/>
      <c r="W3504" s="128"/>
      <c r="X3504" s="128"/>
      <c r="Y3504" s="128"/>
      <c r="Z3504" s="128"/>
      <c r="AA3504" s="128"/>
      <c r="AB3504" s="128"/>
      <c r="AC3504" s="128"/>
      <c r="AD3504" s="128"/>
      <c r="AE3504" s="128"/>
      <c r="AF3504" s="128"/>
      <c r="AG3504" s="128"/>
      <c r="AH3504" s="128"/>
      <c r="AI3504" s="128"/>
      <c r="AJ3504" s="128"/>
      <c r="AK3504" s="128"/>
      <c r="AL3504" s="128"/>
      <c r="AM3504" s="128"/>
      <c r="AN3504" s="128"/>
      <c r="AO3504" s="128"/>
      <c r="AP3504" s="128"/>
      <c r="AQ3504" s="128"/>
      <c r="AR3504" s="128"/>
      <c r="AS3504" s="128"/>
      <c r="AT3504" s="128"/>
      <c r="AU3504" s="128"/>
      <c r="AV3504" s="128"/>
      <c r="AW3504" s="128"/>
      <c r="AX3504" s="128"/>
      <c r="AY3504" s="128"/>
      <c r="AZ3504" s="128"/>
      <c r="BA3504" s="128"/>
      <c r="BB3504" s="107">
        <v>45884</v>
      </c>
    </row>
    <row r="3505" spans="1:54" s="8" customFormat="1" ht="13.95" customHeight="1" x14ac:dyDescent="0.25">
      <c r="A3505" s="219" t="s">
        <v>7859</v>
      </c>
      <c r="B3505" s="220" t="s">
        <v>6395</v>
      </c>
      <c r="C3505" s="98" t="s">
        <v>22184</v>
      </c>
      <c r="D3505" s="98" t="s">
        <v>21172</v>
      </c>
      <c r="E3505" s="141">
        <v>1967</v>
      </c>
      <c r="F3505" s="141">
        <v>3881</v>
      </c>
      <c r="G3505" s="98" t="s">
        <v>1</v>
      </c>
      <c r="H3505" s="98">
        <v>1</v>
      </c>
      <c r="I3505" s="98">
        <v>0</v>
      </c>
      <c r="J3505" s="98" t="s">
        <v>400</v>
      </c>
      <c r="K3505" s="98" t="s">
        <v>400</v>
      </c>
      <c r="L3505" s="98" t="s">
        <v>400</v>
      </c>
      <c r="M3505" s="98" t="s">
        <v>400</v>
      </c>
      <c r="N3505" s="98" t="s">
        <v>400</v>
      </c>
      <c r="O3505" s="98" t="s">
        <v>400</v>
      </c>
      <c r="P3505" s="98" t="s">
        <v>400</v>
      </c>
      <c r="Q3505" s="98" t="s">
        <v>400</v>
      </c>
      <c r="R3505" s="98" t="s">
        <v>400</v>
      </c>
      <c r="S3505" s="98" t="s">
        <v>400</v>
      </c>
      <c r="T3505" s="98" t="s">
        <v>400</v>
      </c>
      <c r="U3505" s="128"/>
      <c r="V3505" s="128"/>
      <c r="W3505" s="128"/>
      <c r="X3505" s="128"/>
      <c r="Y3505" s="128"/>
      <c r="Z3505" s="128"/>
      <c r="AA3505" s="128"/>
      <c r="AB3505" s="128"/>
      <c r="AC3505" s="128"/>
      <c r="AD3505" s="128"/>
      <c r="AE3505" s="128"/>
      <c r="AF3505" s="128"/>
      <c r="AG3505" s="128"/>
      <c r="AH3505" s="128"/>
      <c r="AI3505" s="128"/>
      <c r="AJ3505" s="128"/>
      <c r="AK3505" s="128"/>
      <c r="AL3505" s="128"/>
      <c r="AM3505" s="128"/>
      <c r="AN3505" s="128"/>
      <c r="AO3505" s="128"/>
      <c r="AP3505" s="128"/>
      <c r="AQ3505" s="128"/>
      <c r="AR3505" s="128"/>
      <c r="AS3505" s="128"/>
      <c r="AT3505" s="128"/>
      <c r="AU3505" s="128"/>
      <c r="AV3505" s="128"/>
      <c r="AW3505" s="128"/>
      <c r="AX3505" s="128"/>
      <c r="AY3505" s="128"/>
      <c r="AZ3505" s="128"/>
      <c r="BA3505" s="128"/>
      <c r="BB3505" s="107">
        <v>45884</v>
      </c>
    </row>
    <row r="3506" spans="1:54" s="8" customFormat="1" ht="13.95" customHeight="1" x14ac:dyDescent="0.25">
      <c r="A3506" s="219" t="s">
        <v>7860</v>
      </c>
      <c r="B3506" s="220" t="s">
        <v>6395</v>
      </c>
      <c r="C3506" s="98" t="s">
        <v>7861</v>
      </c>
      <c r="D3506" s="98" t="s">
        <v>21173</v>
      </c>
      <c r="E3506" s="141">
        <v>1959</v>
      </c>
      <c r="F3506" s="141">
        <v>3896</v>
      </c>
      <c r="G3506" s="98" t="s">
        <v>1</v>
      </c>
      <c r="H3506" s="98">
        <v>0</v>
      </c>
      <c r="I3506" s="98">
        <v>0</v>
      </c>
      <c r="J3506" s="98" t="s">
        <v>400</v>
      </c>
      <c r="K3506" s="98" t="s">
        <v>400</v>
      </c>
      <c r="L3506" s="98" t="s">
        <v>400</v>
      </c>
      <c r="M3506" s="98" t="s">
        <v>400</v>
      </c>
      <c r="N3506" s="98" t="s">
        <v>400</v>
      </c>
      <c r="O3506" s="98" t="s">
        <v>400</v>
      </c>
      <c r="P3506" s="98" t="s">
        <v>400</v>
      </c>
      <c r="Q3506" s="98" t="s">
        <v>400</v>
      </c>
      <c r="R3506" s="98" t="s">
        <v>400</v>
      </c>
      <c r="S3506" s="98" t="s">
        <v>400</v>
      </c>
      <c r="T3506" s="98" t="s">
        <v>400</v>
      </c>
      <c r="U3506" s="128"/>
      <c r="V3506" s="128"/>
      <c r="W3506" s="128"/>
      <c r="X3506" s="128"/>
      <c r="Y3506" s="128"/>
      <c r="Z3506" s="128"/>
      <c r="AA3506" s="128"/>
      <c r="AB3506" s="128"/>
      <c r="AC3506" s="128"/>
      <c r="AD3506" s="128"/>
      <c r="AE3506" s="128"/>
      <c r="AF3506" s="128"/>
      <c r="AG3506" s="128"/>
      <c r="AH3506" s="128"/>
      <c r="AI3506" s="128"/>
      <c r="AJ3506" s="128"/>
      <c r="AK3506" s="128"/>
      <c r="AL3506" s="128"/>
      <c r="AM3506" s="128"/>
      <c r="AN3506" s="128"/>
      <c r="AO3506" s="128"/>
      <c r="AP3506" s="128"/>
      <c r="AQ3506" s="128"/>
      <c r="AR3506" s="128"/>
      <c r="AS3506" s="128"/>
      <c r="AT3506" s="128"/>
      <c r="AU3506" s="128"/>
      <c r="AV3506" s="128"/>
      <c r="AW3506" s="128"/>
      <c r="AX3506" s="128"/>
      <c r="AY3506" s="128"/>
      <c r="AZ3506" s="128"/>
      <c r="BA3506" s="128"/>
      <c r="BB3506" s="107">
        <v>45884</v>
      </c>
    </row>
    <row r="3507" spans="1:54" s="8" customFormat="1" ht="13.95" customHeight="1" x14ac:dyDescent="0.25">
      <c r="A3507" s="219" t="s">
        <v>7862</v>
      </c>
      <c r="B3507" s="220" t="s">
        <v>6395</v>
      </c>
      <c r="C3507" s="98" t="s">
        <v>7863</v>
      </c>
      <c r="D3507" s="98" t="s">
        <v>21174</v>
      </c>
      <c r="E3507" s="141">
        <v>1999</v>
      </c>
      <c r="F3507" s="141">
        <v>3927</v>
      </c>
      <c r="G3507" s="98" t="s">
        <v>1</v>
      </c>
      <c r="H3507" s="98">
        <v>0</v>
      </c>
      <c r="I3507" s="98">
        <v>0</v>
      </c>
      <c r="J3507" s="98" t="s">
        <v>400</v>
      </c>
      <c r="K3507" s="98" t="s">
        <v>400</v>
      </c>
      <c r="L3507" s="98" t="s">
        <v>400</v>
      </c>
      <c r="M3507" s="98" t="s">
        <v>400</v>
      </c>
      <c r="N3507" s="98" t="s">
        <v>400</v>
      </c>
      <c r="O3507" s="98" t="s">
        <v>400</v>
      </c>
      <c r="P3507" s="98" t="s">
        <v>400</v>
      </c>
      <c r="Q3507" s="98" t="s">
        <v>400</v>
      </c>
      <c r="R3507" s="98" t="s">
        <v>400</v>
      </c>
      <c r="S3507" s="98" t="s">
        <v>400</v>
      </c>
      <c r="T3507" s="98" t="s">
        <v>400</v>
      </c>
      <c r="U3507" s="128"/>
      <c r="V3507" s="128"/>
      <c r="W3507" s="128"/>
      <c r="X3507" s="128"/>
      <c r="Y3507" s="128"/>
      <c r="Z3507" s="128"/>
      <c r="AA3507" s="128"/>
      <c r="AB3507" s="128"/>
      <c r="AC3507" s="128"/>
      <c r="AD3507" s="128"/>
      <c r="AE3507" s="128"/>
      <c r="AF3507" s="128"/>
      <c r="AG3507" s="128"/>
      <c r="AH3507" s="128"/>
      <c r="AI3507" s="128"/>
      <c r="AJ3507" s="128"/>
      <c r="AK3507" s="128"/>
      <c r="AL3507" s="128"/>
      <c r="AM3507" s="128"/>
      <c r="AN3507" s="128"/>
      <c r="AO3507" s="128"/>
      <c r="AP3507" s="128"/>
      <c r="AQ3507" s="128"/>
      <c r="AR3507" s="128"/>
      <c r="AS3507" s="128"/>
      <c r="AT3507" s="128"/>
      <c r="AU3507" s="128"/>
      <c r="AV3507" s="128"/>
      <c r="AW3507" s="128"/>
      <c r="AX3507" s="128"/>
      <c r="AY3507" s="128"/>
      <c r="AZ3507" s="128"/>
      <c r="BA3507" s="128"/>
      <c r="BB3507" s="107">
        <v>45884</v>
      </c>
    </row>
    <row r="3508" spans="1:54" s="8" customFormat="1" ht="13.95" customHeight="1" x14ac:dyDescent="0.25">
      <c r="A3508" s="219" t="s">
        <v>7864</v>
      </c>
      <c r="B3508" s="220" t="s">
        <v>6395</v>
      </c>
      <c r="C3508" s="98" t="s">
        <v>7865</v>
      </c>
      <c r="D3508" s="98" t="s">
        <v>21175</v>
      </c>
      <c r="E3508" s="141">
        <v>2007</v>
      </c>
      <c r="F3508" s="141">
        <v>4000</v>
      </c>
      <c r="G3508" s="98" t="s">
        <v>1</v>
      </c>
      <c r="H3508" s="98">
        <v>1</v>
      </c>
      <c r="I3508" s="98">
        <v>1</v>
      </c>
      <c r="J3508" s="98" t="s">
        <v>400</v>
      </c>
      <c r="K3508" s="98" t="s">
        <v>400</v>
      </c>
      <c r="L3508" s="98" t="s">
        <v>400</v>
      </c>
      <c r="M3508" s="98" t="s">
        <v>400</v>
      </c>
      <c r="N3508" s="98" t="s">
        <v>400</v>
      </c>
      <c r="O3508" s="98" t="s">
        <v>400</v>
      </c>
      <c r="P3508" s="98" t="s">
        <v>400</v>
      </c>
      <c r="Q3508" s="98" t="s">
        <v>400</v>
      </c>
      <c r="R3508" s="98" t="s">
        <v>400</v>
      </c>
      <c r="S3508" s="98" t="s">
        <v>400</v>
      </c>
      <c r="T3508" s="98" t="s">
        <v>400</v>
      </c>
      <c r="U3508" s="128"/>
      <c r="V3508" s="128"/>
      <c r="W3508" s="128"/>
      <c r="X3508" s="128"/>
      <c r="Y3508" s="128"/>
      <c r="Z3508" s="128"/>
      <c r="AA3508" s="128"/>
      <c r="AB3508" s="128"/>
      <c r="AC3508" s="128"/>
      <c r="AD3508" s="128"/>
      <c r="AE3508" s="128"/>
      <c r="AF3508" s="128"/>
      <c r="AG3508" s="128"/>
      <c r="AH3508" s="128"/>
      <c r="AI3508" s="128"/>
      <c r="AJ3508" s="128"/>
      <c r="AK3508" s="128"/>
      <c r="AL3508" s="128"/>
      <c r="AM3508" s="128"/>
      <c r="AN3508" s="128"/>
      <c r="AO3508" s="128"/>
      <c r="AP3508" s="128"/>
      <c r="AQ3508" s="128"/>
      <c r="AR3508" s="128"/>
      <c r="AS3508" s="128"/>
      <c r="AT3508" s="128"/>
      <c r="AU3508" s="128"/>
      <c r="AV3508" s="128"/>
      <c r="AW3508" s="128"/>
      <c r="AX3508" s="128"/>
      <c r="AY3508" s="128"/>
      <c r="AZ3508" s="128"/>
      <c r="BA3508" s="128"/>
      <c r="BB3508" s="107">
        <v>45884</v>
      </c>
    </row>
    <row r="3509" spans="1:54" s="8" customFormat="1" ht="13.95" customHeight="1" x14ac:dyDescent="0.25">
      <c r="A3509" s="219" t="s">
        <v>7866</v>
      </c>
      <c r="B3509" s="220" t="s">
        <v>6395</v>
      </c>
      <c r="C3509" s="98" t="s">
        <v>7867</v>
      </c>
      <c r="D3509" s="98" t="s">
        <v>21176</v>
      </c>
      <c r="E3509" s="141">
        <v>1986</v>
      </c>
      <c r="F3509" s="141">
        <v>4000</v>
      </c>
      <c r="G3509" s="98" t="s">
        <v>8</v>
      </c>
      <c r="H3509" s="98">
        <v>0</v>
      </c>
      <c r="I3509" s="98">
        <v>0</v>
      </c>
      <c r="J3509" s="98" t="s">
        <v>400</v>
      </c>
      <c r="K3509" s="98" t="s">
        <v>400</v>
      </c>
      <c r="L3509" s="98" t="s">
        <v>400</v>
      </c>
      <c r="M3509" s="98" t="s">
        <v>400</v>
      </c>
      <c r="N3509" s="98" t="s">
        <v>400</v>
      </c>
      <c r="O3509" s="98" t="s">
        <v>400</v>
      </c>
      <c r="P3509" s="98" t="s">
        <v>400</v>
      </c>
      <c r="Q3509" s="98" t="s">
        <v>400</v>
      </c>
      <c r="R3509" s="98" t="s">
        <v>400</v>
      </c>
      <c r="S3509" s="98" t="s">
        <v>400</v>
      </c>
      <c r="T3509" s="98" t="s">
        <v>400</v>
      </c>
      <c r="U3509" s="98">
        <v>0</v>
      </c>
      <c r="V3509" s="98">
        <v>0</v>
      </c>
      <c r="W3509" s="98" t="s">
        <v>400</v>
      </c>
      <c r="X3509" s="98">
        <v>0</v>
      </c>
      <c r="Y3509" s="98">
        <v>0</v>
      </c>
      <c r="Z3509" s="98">
        <v>0</v>
      </c>
      <c r="AA3509" s="98" t="s">
        <v>400</v>
      </c>
      <c r="AB3509" s="98">
        <v>0</v>
      </c>
      <c r="AC3509" s="98">
        <v>0</v>
      </c>
      <c r="AD3509" s="98">
        <v>0</v>
      </c>
      <c r="AE3509" s="98">
        <v>0</v>
      </c>
      <c r="AF3509" s="98">
        <v>0</v>
      </c>
      <c r="AG3509" s="98">
        <v>0</v>
      </c>
      <c r="AH3509" s="98">
        <v>0</v>
      </c>
      <c r="AI3509" s="98">
        <v>0</v>
      </c>
      <c r="AJ3509" s="98">
        <v>0</v>
      </c>
      <c r="AK3509" s="98">
        <v>0</v>
      </c>
      <c r="AL3509" s="98">
        <v>0</v>
      </c>
      <c r="AM3509" s="98">
        <v>0</v>
      </c>
      <c r="AN3509" s="98">
        <v>0</v>
      </c>
      <c r="AO3509" s="98">
        <v>0</v>
      </c>
      <c r="AP3509" s="98">
        <v>0</v>
      </c>
      <c r="AQ3509" s="98">
        <v>0</v>
      </c>
      <c r="AR3509" s="98">
        <v>0</v>
      </c>
      <c r="AS3509" s="98">
        <v>0</v>
      </c>
      <c r="AT3509" s="129">
        <v>0</v>
      </c>
      <c r="AU3509" s="98">
        <v>0</v>
      </c>
      <c r="AV3509" s="98">
        <v>0</v>
      </c>
      <c r="AW3509" s="98">
        <v>0</v>
      </c>
      <c r="AX3509" s="98"/>
      <c r="AY3509" s="98"/>
      <c r="AZ3509" s="98"/>
      <c r="BA3509" s="98"/>
      <c r="BB3509" s="107">
        <v>45884</v>
      </c>
    </row>
    <row r="3510" spans="1:54" s="8" customFormat="1" ht="13.95" customHeight="1" x14ac:dyDescent="0.25">
      <c r="A3510" s="219" t="s">
        <v>7868</v>
      </c>
      <c r="B3510" s="220" t="s">
        <v>6395</v>
      </c>
      <c r="C3510" s="98" t="s">
        <v>7869</v>
      </c>
      <c r="D3510" s="98" t="s">
        <v>21177</v>
      </c>
      <c r="E3510" s="141">
        <v>1963</v>
      </c>
      <c r="F3510" s="141">
        <v>4003</v>
      </c>
      <c r="G3510" s="98" t="s">
        <v>1</v>
      </c>
      <c r="H3510" s="98">
        <v>0</v>
      </c>
      <c r="I3510" s="98">
        <v>0</v>
      </c>
      <c r="J3510" s="98" t="s">
        <v>400</v>
      </c>
      <c r="K3510" s="98" t="s">
        <v>400</v>
      </c>
      <c r="L3510" s="98" t="s">
        <v>400</v>
      </c>
      <c r="M3510" s="98" t="s">
        <v>400</v>
      </c>
      <c r="N3510" s="98" t="s">
        <v>400</v>
      </c>
      <c r="O3510" s="98" t="s">
        <v>400</v>
      </c>
      <c r="P3510" s="98" t="s">
        <v>400</v>
      </c>
      <c r="Q3510" s="98" t="s">
        <v>400</v>
      </c>
      <c r="R3510" s="98" t="s">
        <v>400</v>
      </c>
      <c r="S3510" s="98" t="s">
        <v>400</v>
      </c>
      <c r="T3510" s="98" t="s">
        <v>400</v>
      </c>
      <c r="U3510" s="128"/>
      <c r="V3510" s="128"/>
      <c r="W3510" s="128"/>
      <c r="X3510" s="128"/>
      <c r="Y3510" s="128"/>
      <c r="Z3510" s="128"/>
      <c r="AA3510" s="128"/>
      <c r="AB3510" s="128"/>
      <c r="AC3510" s="128"/>
      <c r="AD3510" s="128"/>
      <c r="AE3510" s="128"/>
      <c r="AF3510" s="128"/>
      <c r="AG3510" s="128"/>
      <c r="AH3510" s="128"/>
      <c r="AI3510" s="128"/>
      <c r="AJ3510" s="128"/>
      <c r="AK3510" s="128"/>
      <c r="AL3510" s="128"/>
      <c r="AM3510" s="128"/>
      <c r="AN3510" s="128"/>
      <c r="AO3510" s="128"/>
      <c r="AP3510" s="128"/>
      <c r="AQ3510" s="128"/>
      <c r="AR3510" s="128"/>
      <c r="AS3510" s="128"/>
      <c r="AT3510" s="128"/>
      <c r="AU3510" s="128"/>
      <c r="AV3510" s="128"/>
      <c r="AW3510" s="128"/>
      <c r="AX3510" s="128"/>
      <c r="AY3510" s="128"/>
      <c r="AZ3510" s="128"/>
      <c r="BA3510" s="128"/>
      <c r="BB3510" s="107">
        <v>45884</v>
      </c>
    </row>
    <row r="3511" spans="1:54" s="8" customFormat="1" ht="13.95" customHeight="1" x14ac:dyDescent="0.25">
      <c r="A3511" s="219" t="s">
        <v>7870</v>
      </c>
      <c r="B3511" s="220" t="s">
        <v>6395</v>
      </c>
      <c r="C3511" s="98" t="s">
        <v>7871</v>
      </c>
      <c r="D3511" s="98" t="s">
        <v>21178</v>
      </c>
      <c r="E3511" s="141">
        <v>1999</v>
      </c>
      <c r="F3511" s="141">
        <v>4007</v>
      </c>
      <c r="G3511" s="98" t="s">
        <v>8</v>
      </c>
      <c r="H3511" s="98">
        <v>0</v>
      </c>
      <c r="I3511" s="98">
        <v>0</v>
      </c>
      <c r="J3511" s="98" t="s">
        <v>400</v>
      </c>
      <c r="K3511" s="98" t="s">
        <v>400</v>
      </c>
      <c r="L3511" s="98" t="s">
        <v>400</v>
      </c>
      <c r="M3511" s="98" t="s">
        <v>400</v>
      </c>
      <c r="N3511" s="98" t="s">
        <v>400</v>
      </c>
      <c r="O3511" s="98" t="s">
        <v>400</v>
      </c>
      <c r="P3511" s="98" t="s">
        <v>400</v>
      </c>
      <c r="Q3511" s="98" t="s">
        <v>400</v>
      </c>
      <c r="R3511" s="98" t="s">
        <v>400</v>
      </c>
      <c r="S3511" s="98" t="s">
        <v>400</v>
      </c>
      <c r="T3511" s="98" t="s">
        <v>400</v>
      </c>
      <c r="U3511" s="98">
        <v>0</v>
      </c>
      <c r="V3511" s="98">
        <v>0</v>
      </c>
      <c r="W3511" s="98" t="s">
        <v>400</v>
      </c>
      <c r="X3511" s="98">
        <v>0</v>
      </c>
      <c r="Y3511" s="98">
        <v>0</v>
      </c>
      <c r="Z3511" s="98">
        <v>0</v>
      </c>
      <c r="AA3511" s="98" t="s">
        <v>400</v>
      </c>
      <c r="AB3511" s="98">
        <v>0</v>
      </c>
      <c r="AC3511" s="98">
        <v>0</v>
      </c>
      <c r="AD3511" s="98">
        <v>0</v>
      </c>
      <c r="AE3511" s="98">
        <v>0</v>
      </c>
      <c r="AF3511" s="98">
        <v>0</v>
      </c>
      <c r="AG3511" s="98">
        <v>0</v>
      </c>
      <c r="AH3511" s="98">
        <v>0</v>
      </c>
      <c r="AI3511" s="98">
        <v>0</v>
      </c>
      <c r="AJ3511" s="98">
        <v>0</v>
      </c>
      <c r="AK3511" s="98">
        <v>0</v>
      </c>
      <c r="AL3511" s="98">
        <v>0</v>
      </c>
      <c r="AM3511" s="98">
        <v>0</v>
      </c>
      <c r="AN3511" s="98">
        <v>0</v>
      </c>
      <c r="AO3511" s="98">
        <v>0</v>
      </c>
      <c r="AP3511" s="98">
        <v>0</v>
      </c>
      <c r="AQ3511" s="98">
        <v>0</v>
      </c>
      <c r="AR3511" s="98">
        <v>0</v>
      </c>
      <c r="AS3511" s="98">
        <v>0</v>
      </c>
      <c r="AT3511" s="129">
        <v>0</v>
      </c>
      <c r="AU3511" s="98">
        <v>0</v>
      </c>
      <c r="AV3511" s="98">
        <v>0</v>
      </c>
      <c r="AW3511" s="98">
        <v>0</v>
      </c>
      <c r="AX3511" s="98"/>
      <c r="AY3511" s="98"/>
      <c r="AZ3511" s="98"/>
      <c r="BA3511" s="98"/>
      <c r="BB3511" s="107">
        <v>45884</v>
      </c>
    </row>
    <row r="3512" spans="1:54" s="8" customFormat="1" ht="13.95" customHeight="1" x14ac:dyDescent="0.25">
      <c r="A3512" s="219" t="s">
        <v>7872</v>
      </c>
      <c r="B3512" s="220" t="s">
        <v>6395</v>
      </c>
      <c r="C3512" s="98" t="s">
        <v>7873</v>
      </c>
      <c r="D3512" s="98" t="s">
        <v>21179</v>
      </c>
      <c r="E3512" s="141">
        <v>2002</v>
      </c>
      <c r="F3512" s="141">
        <v>4038</v>
      </c>
      <c r="G3512" s="98" t="s">
        <v>8</v>
      </c>
      <c r="H3512" s="98">
        <v>0</v>
      </c>
      <c r="I3512" s="98">
        <v>0</v>
      </c>
      <c r="J3512" s="98" t="s">
        <v>400</v>
      </c>
      <c r="K3512" s="98" t="s">
        <v>400</v>
      </c>
      <c r="L3512" s="98" t="s">
        <v>400</v>
      </c>
      <c r="M3512" s="98" t="s">
        <v>400</v>
      </c>
      <c r="N3512" s="98" t="s">
        <v>400</v>
      </c>
      <c r="O3512" s="98" t="s">
        <v>400</v>
      </c>
      <c r="P3512" s="98" t="s">
        <v>400</v>
      </c>
      <c r="Q3512" s="98" t="s">
        <v>400</v>
      </c>
      <c r="R3512" s="98" t="s">
        <v>400</v>
      </c>
      <c r="S3512" s="98" t="s">
        <v>400</v>
      </c>
      <c r="T3512" s="98" t="s">
        <v>400</v>
      </c>
      <c r="U3512" s="98">
        <v>0</v>
      </c>
      <c r="V3512" s="98">
        <v>0</v>
      </c>
      <c r="W3512" s="98" t="s">
        <v>400</v>
      </c>
      <c r="X3512" s="98">
        <v>0</v>
      </c>
      <c r="Y3512" s="98">
        <v>0</v>
      </c>
      <c r="Z3512" s="98">
        <v>0</v>
      </c>
      <c r="AA3512" s="98" t="s">
        <v>400</v>
      </c>
      <c r="AB3512" s="98">
        <v>0</v>
      </c>
      <c r="AC3512" s="98">
        <v>0</v>
      </c>
      <c r="AD3512" s="98">
        <v>0</v>
      </c>
      <c r="AE3512" s="98">
        <v>0</v>
      </c>
      <c r="AF3512" s="98">
        <v>0</v>
      </c>
      <c r="AG3512" s="98">
        <v>0</v>
      </c>
      <c r="AH3512" s="98">
        <v>0</v>
      </c>
      <c r="AI3512" s="98">
        <v>0</v>
      </c>
      <c r="AJ3512" s="98">
        <v>0</v>
      </c>
      <c r="AK3512" s="98">
        <v>0</v>
      </c>
      <c r="AL3512" s="98">
        <v>0</v>
      </c>
      <c r="AM3512" s="98">
        <v>0</v>
      </c>
      <c r="AN3512" s="98">
        <v>0</v>
      </c>
      <c r="AO3512" s="98">
        <v>0</v>
      </c>
      <c r="AP3512" s="98">
        <v>0</v>
      </c>
      <c r="AQ3512" s="98">
        <v>0</v>
      </c>
      <c r="AR3512" s="98">
        <v>0</v>
      </c>
      <c r="AS3512" s="98">
        <v>0</v>
      </c>
      <c r="AT3512" s="129">
        <v>0</v>
      </c>
      <c r="AU3512" s="98">
        <v>0</v>
      </c>
      <c r="AV3512" s="98">
        <v>0</v>
      </c>
      <c r="AW3512" s="98">
        <v>0</v>
      </c>
      <c r="AX3512" s="98"/>
      <c r="AY3512" s="98"/>
      <c r="AZ3512" s="98"/>
      <c r="BA3512" s="98"/>
      <c r="BB3512" s="107">
        <v>45884</v>
      </c>
    </row>
    <row r="3513" spans="1:54" s="8" customFormat="1" ht="13.95" customHeight="1" x14ac:dyDescent="0.25">
      <c r="A3513" s="219" t="s">
        <v>7874</v>
      </c>
      <c r="B3513" s="220" t="s">
        <v>6395</v>
      </c>
      <c r="C3513" s="98" t="s">
        <v>7875</v>
      </c>
      <c r="D3513" s="98" t="s">
        <v>21180</v>
      </c>
      <c r="E3513" s="141">
        <v>1962</v>
      </c>
      <c r="F3513" s="141">
        <v>4040</v>
      </c>
      <c r="G3513" s="98" t="s">
        <v>1</v>
      </c>
      <c r="H3513" s="98">
        <v>1</v>
      </c>
      <c r="I3513" s="98">
        <v>0</v>
      </c>
      <c r="J3513" s="98" t="s">
        <v>400</v>
      </c>
      <c r="K3513" s="98" t="s">
        <v>400</v>
      </c>
      <c r="L3513" s="98" t="s">
        <v>400</v>
      </c>
      <c r="M3513" s="98" t="s">
        <v>400</v>
      </c>
      <c r="N3513" s="98" t="s">
        <v>400</v>
      </c>
      <c r="O3513" s="98" t="s">
        <v>400</v>
      </c>
      <c r="P3513" s="98" t="s">
        <v>400</v>
      </c>
      <c r="Q3513" s="98" t="s">
        <v>400</v>
      </c>
      <c r="R3513" s="98" t="s">
        <v>400</v>
      </c>
      <c r="S3513" s="98" t="s">
        <v>400</v>
      </c>
      <c r="T3513" s="98" t="s">
        <v>400</v>
      </c>
      <c r="U3513" s="128"/>
      <c r="V3513" s="128"/>
      <c r="W3513" s="128"/>
      <c r="X3513" s="128"/>
      <c r="Y3513" s="128"/>
      <c r="Z3513" s="128"/>
      <c r="AA3513" s="128"/>
      <c r="AB3513" s="128"/>
      <c r="AC3513" s="128"/>
      <c r="AD3513" s="128"/>
      <c r="AE3513" s="128"/>
      <c r="AF3513" s="128"/>
      <c r="AG3513" s="128"/>
      <c r="AH3513" s="128"/>
      <c r="AI3513" s="128"/>
      <c r="AJ3513" s="128"/>
      <c r="AK3513" s="128"/>
      <c r="AL3513" s="128"/>
      <c r="AM3513" s="128"/>
      <c r="AN3513" s="128"/>
      <c r="AO3513" s="128"/>
      <c r="AP3513" s="128"/>
      <c r="AQ3513" s="128"/>
      <c r="AR3513" s="128"/>
      <c r="AS3513" s="128"/>
      <c r="AT3513" s="128"/>
      <c r="AU3513" s="128"/>
      <c r="AV3513" s="128"/>
      <c r="AW3513" s="128"/>
      <c r="AX3513" s="128"/>
      <c r="AY3513" s="128"/>
      <c r="AZ3513" s="128"/>
      <c r="BA3513" s="128"/>
      <c r="BB3513" s="107">
        <v>45884</v>
      </c>
    </row>
    <row r="3514" spans="1:54" s="8" customFormat="1" ht="13.95" customHeight="1" x14ac:dyDescent="0.25">
      <c r="A3514" s="219" t="s">
        <v>7876</v>
      </c>
      <c r="B3514" s="220" t="s">
        <v>6395</v>
      </c>
      <c r="C3514" s="98" t="s">
        <v>7877</v>
      </c>
      <c r="D3514" s="98" t="s">
        <v>21181</v>
      </c>
      <c r="E3514" s="141">
        <v>1990</v>
      </c>
      <c r="F3514" s="141">
        <v>4056</v>
      </c>
      <c r="G3514" s="98" t="s">
        <v>1</v>
      </c>
      <c r="H3514" s="98">
        <v>1</v>
      </c>
      <c r="I3514" s="98">
        <v>0</v>
      </c>
      <c r="J3514" s="98" t="s">
        <v>400</v>
      </c>
      <c r="K3514" s="98" t="s">
        <v>400</v>
      </c>
      <c r="L3514" s="98" t="s">
        <v>400</v>
      </c>
      <c r="M3514" s="98" t="s">
        <v>400</v>
      </c>
      <c r="N3514" s="98" t="s">
        <v>400</v>
      </c>
      <c r="O3514" s="98" t="s">
        <v>400</v>
      </c>
      <c r="P3514" s="98" t="s">
        <v>400</v>
      </c>
      <c r="Q3514" s="98" t="s">
        <v>400</v>
      </c>
      <c r="R3514" s="98" t="s">
        <v>400</v>
      </c>
      <c r="S3514" s="98" t="s">
        <v>400</v>
      </c>
      <c r="T3514" s="98" t="s">
        <v>400</v>
      </c>
      <c r="U3514" s="128"/>
      <c r="V3514" s="128"/>
      <c r="W3514" s="128"/>
      <c r="X3514" s="128"/>
      <c r="Y3514" s="128"/>
      <c r="Z3514" s="128"/>
      <c r="AA3514" s="128"/>
      <c r="AB3514" s="128"/>
      <c r="AC3514" s="128"/>
      <c r="AD3514" s="128"/>
      <c r="AE3514" s="128"/>
      <c r="AF3514" s="128"/>
      <c r="AG3514" s="128"/>
      <c r="AH3514" s="128"/>
      <c r="AI3514" s="128"/>
      <c r="AJ3514" s="128"/>
      <c r="AK3514" s="128"/>
      <c r="AL3514" s="128"/>
      <c r="AM3514" s="128"/>
      <c r="AN3514" s="128"/>
      <c r="AO3514" s="128"/>
      <c r="AP3514" s="128"/>
      <c r="AQ3514" s="128"/>
      <c r="AR3514" s="128"/>
      <c r="AS3514" s="128"/>
      <c r="AT3514" s="128"/>
      <c r="AU3514" s="128"/>
      <c r="AV3514" s="128"/>
      <c r="AW3514" s="128"/>
      <c r="AX3514" s="128"/>
      <c r="AY3514" s="128"/>
      <c r="AZ3514" s="128"/>
      <c r="BA3514" s="128"/>
      <c r="BB3514" s="107">
        <v>45884</v>
      </c>
    </row>
    <row r="3515" spans="1:54" s="8" customFormat="1" ht="13.95" customHeight="1" x14ac:dyDescent="0.25">
      <c r="A3515" s="219" t="s">
        <v>7878</v>
      </c>
      <c r="B3515" s="220" t="s">
        <v>6395</v>
      </c>
      <c r="C3515" s="98" t="s">
        <v>7879</v>
      </c>
      <c r="D3515" s="98" t="s">
        <v>21182</v>
      </c>
      <c r="E3515" s="141">
        <v>1979</v>
      </c>
      <c r="F3515" s="141">
        <v>4131</v>
      </c>
      <c r="G3515" s="98" t="s">
        <v>1</v>
      </c>
      <c r="H3515" s="98">
        <v>0</v>
      </c>
      <c r="I3515" s="98">
        <v>0</v>
      </c>
      <c r="J3515" s="98" t="s">
        <v>400</v>
      </c>
      <c r="K3515" s="98" t="s">
        <v>400</v>
      </c>
      <c r="L3515" s="98" t="s">
        <v>400</v>
      </c>
      <c r="M3515" s="98" t="s">
        <v>400</v>
      </c>
      <c r="N3515" s="98" t="s">
        <v>400</v>
      </c>
      <c r="O3515" s="98" t="s">
        <v>400</v>
      </c>
      <c r="P3515" s="98" t="s">
        <v>400</v>
      </c>
      <c r="Q3515" s="98" t="s">
        <v>400</v>
      </c>
      <c r="R3515" s="98" t="s">
        <v>400</v>
      </c>
      <c r="S3515" s="98" t="s">
        <v>400</v>
      </c>
      <c r="T3515" s="98" t="s">
        <v>400</v>
      </c>
      <c r="U3515" s="128"/>
      <c r="V3515" s="128"/>
      <c r="W3515" s="128"/>
      <c r="X3515" s="128"/>
      <c r="Y3515" s="128"/>
      <c r="Z3515" s="128"/>
      <c r="AA3515" s="128"/>
      <c r="AB3515" s="128"/>
      <c r="AC3515" s="128"/>
      <c r="AD3515" s="128"/>
      <c r="AE3515" s="128"/>
      <c r="AF3515" s="128"/>
      <c r="AG3515" s="128"/>
      <c r="AH3515" s="128"/>
      <c r="AI3515" s="128"/>
      <c r="AJ3515" s="128"/>
      <c r="AK3515" s="128"/>
      <c r="AL3515" s="128"/>
      <c r="AM3515" s="128"/>
      <c r="AN3515" s="128"/>
      <c r="AO3515" s="128"/>
      <c r="AP3515" s="128"/>
      <c r="AQ3515" s="128"/>
      <c r="AR3515" s="128"/>
      <c r="AS3515" s="128"/>
      <c r="AT3515" s="128"/>
      <c r="AU3515" s="128"/>
      <c r="AV3515" s="128"/>
      <c r="AW3515" s="128"/>
      <c r="AX3515" s="128"/>
      <c r="AY3515" s="128"/>
      <c r="AZ3515" s="128"/>
      <c r="BA3515" s="128"/>
      <c r="BB3515" s="107">
        <v>45884</v>
      </c>
    </row>
    <row r="3516" spans="1:54" s="8" customFormat="1" ht="13.95" customHeight="1" x14ac:dyDescent="0.25">
      <c r="A3516" s="219" t="s">
        <v>7880</v>
      </c>
      <c r="B3516" s="220" t="s">
        <v>6395</v>
      </c>
      <c r="C3516" s="98" t="s">
        <v>7881</v>
      </c>
      <c r="D3516" s="98" t="s">
        <v>21183</v>
      </c>
      <c r="E3516" s="141">
        <v>1966</v>
      </c>
      <c r="F3516" s="141">
        <v>4138</v>
      </c>
      <c r="G3516" s="98" t="s">
        <v>1</v>
      </c>
      <c r="H3516" s="98">
        <v>0</v>
      </c>
      <c r="I3516" s="98">
        <v>0</v>
      </c>
      <c r="J3516" s="98" t="s">
        <v>400</v>
      </c>
      <c r="K3516" s="98" t="s">
        <v>400</v>
      </c>
      <c r="L3516" s="98" t="s">
        <v>400</v>
      </c>
      <c r="M3516" s="98" t="s">
        <v>400</v>
      </c>
      <c r="N3516" s="98" t="s">
        <v>400</v>
      </c>
      <c r="O3516" s="98" t="s">
        <v>400</v>
      </c>
      <c r="P3516" s="98" t="s">
        <v>400</v>
      </c>
      <c r="Q3516" s="98" t="s">
        <v>400</v>
      </c>
      <c r="R3516" s="98" t="s">
        <v>400</v>
      </c>
      <c r="S3516" s="98" t="s">
        <v>400</v>
      </c>
      <c r="T3516" s="98" t="s">
        <v>400</v>
      </c>
      <c r="U3516" s="128"/>
      <c r="V3516" s="128"/>
      <c r="W3516" s="128"/>
      <c r="X3516" s="128"/>
      <c r="Y3516" s="128"/>
      <c r="Z3516" s="128"/>
      <c r="AA3516" s="128"/>
      <c r="AB3516" s="128"/>
      <c r="AC3516" s="128"/>
      <c r="AD3516" s="128"/>
      <c r="AE3516" s="128"/>
      <c r="AF3516" s="128"/>
      <c r="AG3516" s="128"/>
      <c r="AH3516" s="128"/>
      <c r="AI3516" s="128"/>
      <c r="AJ3516" s="128"/>
      <c r="AK3516" s="128"/>
      <c r="AL3516" s="128"/>
      <c r="AM3516" s="128"/>
      <c r="AN3516" s="128"/>
      <c r="AO3516" s="128"/>
      <c r="AP3516" s="128"/>
      <c r="AQ3516" s="128"/>
      <c r="AR3516" s="128"/>
      <c r="AS3516" s="128"/>
      <c r="AT3516" s="128"/>
      <c r="AU3516" s="128"/>
      <c r="AV3516" s="128"/>
      <c r="AW3516" s="128"/>
      <c r="AX3516" s="128"/>
      <c r="AY3516" s="128"/>
      <c r="AZ3516" s="128"/>
      <c r="BA3516" s="128"/>
      <c r="BB3516" s="107">
        <v>45884</v>
      </c>
    </row>
    <row r="3517" spans="1:54" s="8" customFormat="1" ht="13.95" customHeight="1" x14ac:dyDescent="0.25">
      <c r="A3517" s="219" t="s">
        <v>7882</v>
      </c>
      <c r="B3517" s="220" t="s">
        <v>6395</v>
      </c>
      <c r="C3517" s="98" t="s">
        <v>7883</v>
      </c>
      <c r="D3517" s="98" t="s">
        <v>21184</v>
      </c>
      <c r="E3517" s="141">
        <v>1960</v>
      </c>
      <c r="F3517" s="141">
        <v>4155</v>
      </c>
      <c r="G3517" s="98" t="s">
        <v>1</v>
      </c>
      <c r="H3517" s="98">
        <v>0</v>
      </c>
      <c r="I3517" s="98">
        <v>0</v>
      </c>
      <c r="J3517" s="98" t="s">
        <v>400</v>
      </c>
      <c r="K3517" s="98" t="s">
        <v>400</v>
      </c>
      <c r="L3517" s="98" t="s">
        <v>400</v>
      </c>
      <c r="M3517" s="98" t="s">
        <v>400</v>
      </c>
      <c r="N3517" s="98" t="s">
        <v>400</v>
      </c>
      <c r="O3517" s="98" t="s">
        <v>400</v>
      </c>
      <c r="P3517" s="98" t="s">
        <v>400</v>
      </c>
      <c r="Q3517" s="98" t="s">
        <v>400</v>
      </c>
      <c r="R3517" s="98" t="s">
        <v>400</v>
      </c>
      <c r="S3517" s="98" t="s">
        <v>400</v>
      </c>
      <c r="T3517" s="98" t="s">
        <v>400</v>
      </c>
      <c r="U3517" s="128"/>
      <c r="V3517" s="128"/>
      <c r="W3517" s="128"/>
      <c r="X3517" s="128"/>
      <c r="Y3517" s="128"/>
      <c r="Z3517" s="128"/>
      <c r="AA3517" s="128"/>
      <c r="AB3517" s="128"/>
      <c r="AC3517" s="128"/>
      <c r="AD3517" s="128"/>
      <c r="AE3517" s="128"/>
      <c r="AF3517" s="128"/>
      <c r="AG3517" s="128"/>
      <c r="AH3517" s="128"/>
      <c r="AI3517" s="128"/>
      <c r="AJ3517" s="128"/>
      <c r="AK3517" s="128"/>
      <c r="AL3517" s="128"/>
      <c r="AM3517" s="128"/>
      <c r="AN3517" s="128"/>
      <c r="AO3517" s="128"/>
      <c r="AP3517" s="128"/>
      <c r="AQ3517" s="128"/>
      <c r="AR3517" s="128"/>
      <c r="AS3517" s="128"/>
      <c r="AT3517" s="128"/>
      <c r="AU3517" s="128"/>
      <c r="AV3517" s="128"/>
      <c r="AW3517" s="128"/>
      <c r="AX3517" s="128"/>
      <c r="AY3517" s="128"/>
      <c r="AZ3517" s="128"/>
      <c r="BA3517" s="128"/>
      <c r="BB3517" s="107">
        <v>45884</v>
      </c>
    </row>
    <row r="3518" spans="1:54" s="8" customFormat="1" ht="13.95" customHeight="1" x14ac:dyDescent="0.25">
      <c r="A3518" s="219" t="s">
        <v>7884</v>
      </c>
      <c r="B3518" s="220" t="s">
        <v>6395</v>
      </c>
      <c r="C3518" s="98" t="s">
        <v>7885</v>
      </c>
      <c r="D3518" s="98" t="s">
        <v>21185</v>
      </c>
      <c r="E3518" s="141">
        <v>1984</v>
      </c>
      <c r="F3518" s="141">
        <v>4172</v>
      </c>
      <c r="G3518" s="98" t="s">
        <v>1</v>
      </c>
      <c r="H3518" s="98">
        <v>0</v>
      </c>
      <c r="I3518" s="98">
        <v>0</v>
      </c>
      <c r="J3518" s="98" t="s">
        <v>400</v>
      </c>
      <c r="K3518" s="98" t="s">
        <v>400</v>
      </c>
      <c r="L3518" s="98" t="s">
        <v>400</v>
      </c>
      <c r="M3518" s="98" t="s">
        <v>400</v>
      </c>
      <c r="N3518" s="98" t="s">
        <v>400</v>
      </c>
      <c r="O3518" s="98" t="s">
        <v>400</v>
      </c>
      <c r="P3518" s="98" t="s">
        <v>400</v>
      </c>
      <c r="Q3518" s="98" t="s">
        <v>400</v>
      </c>
      <c r="R3518" s="98" t="s">
        <v>400</v>
      </c>
      <c r="S3518" s="98" t="s">
        <v>400</v>
      </c>
      <c r="T3518" s="98" t="s">
        <v>400</v>
      </c>
      <c r="U3518" s="128"/>
      <c r="V3518" s="128"/>
      <c r="W3518" s="128"/>
      <c r="X3518" s="128"/>
      <c r="Y3518" s="128"/>
      <c r="Z3518" s="128"/>
      <c r="AA3518" s="128"/>
      <c r="AB3518" s="128"/>
      <c r="AC3518" s="128"/>
      <c r="AD3518" s="128"/>
      <c r="AE3518" s="128"/>
      <c r="AF3518" s="128"/>
      <c r="AG3518" s="128"/>
      <c r="AH3518" s="128"/>
      <c r="AI3518" s="128"/>
      <c r="AJ3518" s="128"/>
      <c r="AK3518" s="128"/>
      <c r="AL3518" s="128"/>
      <c r="AM3518" s="128"/>
      <c r="AN3518" s="128"/>
      <c r="AO3518" s="128"/>
      <c r="AP3518" s="128"/>
      <c r="AQ3518" s="128"/>
      <c r="AR3518" s="128"/>
      <c r="AS3518" s="128"/>
      <c r="AT3518" s="128"/>
      <c r="AU3518" s="128"/>
      <c r="AV3518" s="128"/>
      <c r="AW3518" s="128"/>
      <c r="AX3518" s="128"/>
      <c r="AY3518" s="128"/>
      <c r="AZ3518" s="128"/>
      <c r="BA3518" s="128"/>
      <c r="BB3518" s="107">
        <v>45884</v>
      </c>
    </row>
    <row r="3519" spans="1:54" s="8" customFormat="1" ht="13.95" customHeight="1" x14ac:dyDescent="0.25">
      <c r="A3519" s="219" t="s">
        <v>7886</v>
      </c>
      <c r="B3519" s="220" t="s">
        <v>6395</v>
      </c>
      <c r="C3519" s="98" t="s">
        <v>22185</v>
      </c>
      <c r="D3519" s="98" t="s">
        <v>21186</v>
      </c>
      <c r="E3519" s="141">
        <v>1978</v>
      </c>
      <c r="F3519" s="141">
        <v>4258</v>
      </c>
      <c r="G3519" s="98" t="s">
        <v>1</v>
      </c>
      <c r="H3519" s="98">
        <v>1</v>
      </c>
      <c r="I3519" s="98">
        <v>0</v>
      </c>
      <c r="J3519" s="98" t="s">
        <v>400</v>
      </c>
      <c r="K3519" s="98" t="s">
        <v>400</v>
      </c>
      <c r="L3519" s="98" t="s">
        <v>400</v>
      </c>
      <c r="M3519" s="98" t="s">
        <v>400</v>
      </c>
      <c r="N3519" s="98" t="s">
        <v>400</v>
      </c>
      <c r="O3519" s="98" t="s">
        <v>400</v>
      </c>
      <c r="P3519" s="98" t="s">
        <v>400</v>
      </c>
      <c r="Q3519" s="98" t="s">
        <v>400</v>
      </c>
      <c r="R3519" s="98" t="s">
        <v>400</v>
      </c>
      <c r="S3519" s="98" t="s">
        <v>400</v>
      </c>
      <c r="T3519" s="98" t="s">
        <v>400</v>
      </c>
      <c r="U3519" s="128"/>
      <c r="V3519" s="128"/>
      <c r="W3519" s="128"/>
      <c r="X3519" s="128"/>
      <c r="Y3519" s="128"/>
      <c r="Z3519" s="128"/>
      <c r="AA3519" s="128"/>
      <c r="AB3519" s="128"/>
      <c r="AC3519" s="128"/>
      <c r="AD3519" s="128"/>
      <c r="AE3519" s="128"/>
      <c r="AF3519" s="128"/>
      <c r="AG3519" s="128"/>
      <c r="AH3519" s="128"/>
      <c r="AI3519" s="128"/>
      <c r="AJ3519" s="128"/>
      <c r="AK3519" s="128"/>
      <c r="AL3519" s="128"/>
      <c r="AM3519" s="128"/>
      <c r="AN3519" s="128"/>
      <c r="AO3519" s="128"/>
      <c r="AP3519" s="128"/>
      <c r="AQ3519" s="128"/>
      <c r="AR3519" s="128"/>
      <c r="AS3519" s="128"/>
      <c r="AT3519" s="128"/>
      <c r="AU3519" s="128"/>
      <c r="AV3519" s="128"/>
      <c r="AW3519" s="128"/>
      <c r="AX3519" s="128"/>
      <c r="AY3519" s="128"/>
      <c r="AZ3519" s="128"/>
      <c r="BA3519" s="128"/>
      <c r="BB3519" s="107">
        <v>45884</v>
      </c>
    </row>
    <row r="3520" spans="1:54" s="8" customFormat="1" ht="13.95" customHeight="1" x14ac:dyDescent="0.25">
      <c r="A3520" s="219" t="s">
        <v>7887</v>
      </c>
      <c r="B3520" s="220" t="s">
        <v>6395</v>
      </c>
      <c r="C3520" s="98" t="s">
        <v>7888</v>
      </c>
      <c r="D3520" s="98" t="s">
        <v>21187</v>
      </c>
      <c r="E3520" s="141">
        <v>1981</v>
      </c>
      <c r="F3520" s="141">
        <v>4295</v>
      </c>
      <c r="G3520" s="98" t="s">
        <v>1</v>
      </c>
      <c r="H3520" s="98">
        <v>1</v>
      </c>
      <c r="I3520" s="98">
        <v>0</v>
      </c>
      <c r="J3520" s="98" t="s">
        <v>400</v>
      </c>
      <c r="K3520" s="98" t="s">
        <v>400</v>
      </c>
      <c r="L3520" s="98" t="s">
        <v>400</v>
      </c>
      <c r="M3520" s="98" t="s">
        <v>400</v>
      </c>
      <c r="N3520" s="98" t="s">
        <v>400</v>
      </c>
      <c r="O3520" s="98" t="s">
        <v>400</v>
      </c>
      <c r="P3520" s="98" t="s">
        <v>400</v>
      </c>
      <c r="Q3520" s="98" t="s">
        <v>400</v>
      </c>
      <c r="R3520" s="98" t="s">
        <v>400</v>
      </c>
      <c r="S3520" s="98" t="s">
        <v>400</v>
      </c>
      <c r="T3520" s="98" t="s">
        <v>400</v>
      </c>
      <c r="U3520" s="128"/>
      <c r="V3520" s="128"/>
      <c r="W3520" s="128"/>
      <c r="X3520" s="128"/>
      <c r="Y3520" s="128"/>
      <c r="Z3520" s="128"/>
      <c r="AA3520" s="128"/>
      <c r="AB3520" s="128"/>
      <c r="AC3520" s="128"/>
      <c r="AD3520" s="128"/>
      <c r="AE3520" s="128"/>
      <c r="AF3520" s="128"/>
      <c r="AG3520" s="128"/>
      <c r="AH3520" s="128"/>
      <c r="AI3520" s="128"/>
      <c r="AJ3520" s="128"/>
      <c r="AK3520" s="128"/>
      <c r="AL3520" s="128"/>
      <c r="AM3520" s="128"/>
      <c r="AN3520" s="128"/>
      <c r="AO3520" s="128"/>
      <c r="AP3520" s="128"/>
      <c r="AQ3520" s="128"/>
      <c r="AR3520" s="128"/>
      <c r="AS3520" s="128"/>
      <c r="AT3520" s="128"/>
      <c r="AU3520" s="128"/>
      <c r="AV3520" s="128"/>
      <c r="AW3520" s="128"/>
      <c r="AX3520" s="128"/>
      <c r="AY3520" s="128"/>
      <c r="AZ3520" s="128"/>
      <c r="BA3520" s="128"/>
      <c r="BB3520" s="107">
        <v>45884</v>
      </c>
    </row>
    <row r="3521" spans="1:54" s="8" customFormat="1" ht="13.95" customHeight="1" x14ac:dyDescent="0.25">
      <c r="A3521" s="219" t="s">
        <v>7889</v>
      </c>
      <c r="B3521" s="220" t="s">
        <v>6395</v>
      </c>
      <c r="C3521" s="98" t="s">
        <v>22186</v>
      </c>
      <c r="D3521" s="98" t="s">
        <v>21188</v>
      </c>
      <c r="E3521" s="141">
        <v>1985</v>
      </c>
      <c r="F3521" s="141">
        <v>4345</v>
      </c>
      <c r="G3521" s="98" t="s">
        <v>1</v>
      </c>
      <c r="H3521" s="98">
        <v>1</v>
      </c>
      <c r="I3521" s="98">
        <v>0</v>
      </c>
      <c r="J3521" s="98" t="s">
        <v>400</v>
      </c>
      <c r="K3521" s="98" t="s">
        <v>400</v>
      </c>
      <c r="L3521" s="98" t="s">
        <v>400</v>
      </c>
      <c r="M3521" s="98" t="s">
        <v>400</v>
      </c>
      <c r="N3521" s="98" t="s">
        <v>400</v>
      </c>
      <c r="O3521" s="98" t="s">
        <v>400</v>
      </c>
      <c r="P3521" s="98" t="s">
        <v>400</v>
      </c>
      <c r="Q3521" s="98" t="s">
        <v>400</v>
      </c>
      <c r="R3521" s="98" t="s">
        <v>400</v>
      </c>
      <c r="S3521" s="98" t="s">
        <v>400</v>
      </c>
      <c r="T3521" s="98" t="s">
        <v>400</v>
      </c>
      <c r="U3521" s="128"/>
      <c r="V3521" s="128"/>
      <c r="W3521" s="128"/>
      <c r="X3521" s="128"/>
      <c r="Y3521" s="128"/>
      <c r="Z3521" s="128"/>
      <c r="AA3521" s="128"/>
      <c r="AB3521" s="128"/>
      <c r="AC3521" s="128"/>
      <c r="AD3521" s="128"/>
      <c r="AE3521" s="128"/>
      <c r="AF3521" s="128"/>
      <c r="AG3521" s="128"/>
      <c r="AH3521" s="128"/>
      <c r="AI3521" s="128"/>
      <c r="AJ3521" s="128"/>
      <c r="AK3521" s="128"/>
      <c r="AL3521" s="128"/>
      <c r="AM3521" s="128"/>
      <c r="AN3521" s="128"/>
      <c r="AO3521" s="128"/>
      <c r="AP3521" s="128"/>
      <c r="AQ3521" s="128"/>
      <c r="AR3521" s="128"/>
      <c r="AS3521" s="128"/>
      <c r="AT3521" s="128"/>
      <c r="AU3521" s="128"/>
      <c r="AV3521" s="128"/>
      <c r="AW3521" s="128"/>
      <c r="AX3521" s="128"/>
      <c r="AY3521" s="128"/>
      <c r="AZ3521" s="128"/>
      <c r="BA3521" s="128"/>
      <c r="BB3521" s="107">
        <v>45884</v>
      </c>
    </row>
    <row r="3522" spans="1:54" s="8" customFormat="1" ht="13.95" customHeight="1" x14ac:dyDescent="0.25">
      <c r="A3522" s="219" t="s">
        <v>7890</v>
      </c>
      <c r="B3522" s="220" t="s">
        <v>6395</v>
      </c>
      <c r="C3522" s="98" t="s">
        <v>7891</v>
      </c>
      <c r="D3522" s="98" t="s">
        <v>21189</v>
      </c>
      <c r="E3522" s="141">
        <v>1974</v>
      </c>
      <c r="F3522" s="141">
        <v>4415</v>
      </c>
      <c r="G3522" s="98" t="s">
        <v>1</v>
      </c>
      <c r="H3522" s="98">
        <v>0</v>
      </c>
      <c r="I3522" s="98">
        <v>0</v>
      </c>
      <c r="J3522" s="98" t="s">
        <v>400</v>
      </c>
      <c r="K3522" s="98" t="s">
        <v>400</v>
      </c>
      <c r="L3522" s="98" t="s">
        <v>400</v>
      </c>
      <c r="M3522" s="98" t="s">
        <v>400</v>
      </c>
      <c r="N3522" s="98" t="s">
        <v>400</v>
      </c>
      <c r="O3522" s="98" t="s">
        <v>400</v>
      </c>
      <c r="P3522" s="98" t="s">
        <v>400</v>
      </c>
      <c r="Q3522" s="98" t="s">
        <v>400</v>
      </c>
      <c r="R3522" s="98" t="s">
        <v>400</v>
      </c>
      <c r="S3522" s="98" t="s">
        <v>400</v>
      </c>
      <c r="T3522" s="98" t="s">
        <v>400</v>
      </c>
      <c r="U3522" s="128"/>
      <c r="V3522" s="128"/>
      <c r="W3522" s="128"/>
      <c r="X3522" s="128"/>
      <c r="Y3522" s="128"/>
      <c r="Z3522" s="128"/>
      <c r="AA3522" s="128"/>
      <c r="AB3522" s="128"/>
      <c r="AC3522" s="128"/>
      <c r="AD3522" s="128"/>
      <c r="AE3522" s="128"/>
      <c r="AF3522" s="128"/>
      <c r="AG3522" s="128"/>
      <c r="AH3522" s="128"/>
      <c r="AI3522" s="128"/>
      <c r="AJ3522" s="128"/>
      <c r="AK3522" s="128"/>
      <c r="AL3522" s="128"/>
      <c r="AM3522" s="128"/>
      <c r="AN3522" s="128"/>
      <c r="AO3522" s="128"/>
      <c r="AP3522" s="128"/>
      <c r="AQ3522" s="128"/>
      <c r="AR3522" s="128"/>
      <c r="AS3522" s="128"/>
      <c r="AT3522" s="128"/>
      <c r="AU3522" s="128"/>
      <c r="AV3522" s="128"/>
      <c r="AW3522" s="128"/>
      <c r="AX3522" s="128"/>
      <c r="AY3522" s="128"/>
      <c r="AZ3522" s="128"/>
      <c r="BA3522" s="128"/>
      <c r="BB3522" s="107">
        <v>45884</v>
      </c>
    </row>
    <row r="3523" spans="1:54" s="8" customFormat="1" ht="13.95" customHeight="1" x14ac:dyDescent="0.25">
      <c r="A3523" s="219" t="s">
        <v>7892</v>
      </c>
      <c r="B3523" s="220" t="s">
        <v>6395</v>
      </c>
      <c r="C3523" s="98" t="s">
        <v>7893</v>
      </c>
      <c r="D3523" s="98" t="s">
        <v>21190</v>
      </c>
      <c r="E3523" s="141">
        <v>2006</v>
      </c>
      <c r="F3523" s="141">
        <v>4500</v>
      </c>
      <c r="G3523" s="98" t="s">
        <v>1</v>
      </c>
      <c r="H3523" s="98">
        <v>0</v>
      </c>
      <c r="I3523" s="98">
        <v>0</v>
      </c>
      <c r="J3523" s="98" t="s">
        <v>400</v>
      </c>
      <c r="K3523" s="98" t="s">
        <v>400</v>
      </c>
      <c r="L3523" s="98" t="s">
        <v>400</v>
      </c>
      <c r="M3523" s="98" t="s">
        <v>400</v>
      </c>
      <c r="N3523" s="98" t="s">
        <v>400</v>
      </c>
      <c r="O3523" s="98" t="s">
        <v>400</v>
      </c>
      <c r="P3523" s="98" t="s">
        <v>400</v>
      </c>
      <c r="Q3523" s="98" t="s">
        <v>400</v>
      </c>
      <c r="R3523" s="98" t="s">
        <v>400</v>
      </c>
      <c r="S3523" s="98" t="s">
        <v>400</v>
      </c>
      <c r="T3523" s="98" t="s">
        <v>400</v>
      </c>
      <c r="U3523" s="128"/>
      <c r="V3523" s="128"/>
      <c r="W3523" s="128"/>
      <c r="X3523" s="128"/>
      <c r="Y3523" s="128"/>
      <c r="Z3523" s="128"/>
      <c r="AA3523" s="128"/>
      <c r="AB3523" s="128"/>
      <c r="AC3523" s="128"/>
      <c r="AD3523" s="128"/>
      <c r="AE3523" s="128"/>
      <c r="AF3523" s="128"/>
      <c r="AG3523" s="128"/>
      <c r="AH3523" s="128"/>
      <c r="AI3523" s="128"/>
      <c r="AJ3523" s="128"/>
      <c r="AK3523" s="128"/>
      <c r="AL3523" s="128"/>
      <c r="AM3523" s="128"/>
      <c r="AN3523" s="128"/>
      <c r="AO3523" s="128"/>
      <c r="AP3523" s="128"/>
      <c r="AQ3523" s="128"/>
      <c r="AR3523" s="128"/>
      <c r="AS3523" s="128"/>
      <c r="AT3523" s="128"/>
      <c r="AU3523" s="128"/>
      <c r="AV3523" s="128"/>
      <c r="AW3523" s="128"/>
      <c r="AX3523" s="128"/>
      <c r="AY3523" s="128"/>
      <c r="AZ3523" s="128"/>
      <c r="BA3523" s="128"/>
      <c r="BB3523" s="107">
        <v>45884</v>
      </c>
    </row>
    <row r="3524" spans="1:54" s="8" customFormat="1" ht="13.95" customHeight="1" x14ac:dyDescent="0.25">
      <c r="A3524" s="219" t="s">
        <v>7894</v>
      </c>
      <c r="B3524" s="220" t="s">
        <v>6395</v>
      </c>
      <c r="C3524" s="98" t="s">
        <v>7895</v>
      </c>
      <c r="D3524" s="98" t="s">
        <v>21191</v>
      </c>
      <c r="E3524" s="141">
        <v>1977</v>
      </c>
      <c r="F3524" s="141">
        <v>4523</v>
      </c>
      <c r="G3524" s="98" t="s">
        <v>1</v>
      </c>
      <c r="H3524" s="98">
        <v>0</v>
      </c>
      <c r="I3524" s="98">
        <v>0</v>
      </c>
      <c r="J3524" s="98" t="s">
        <v>400</v>
      </c>
      <c r="K3524" s="98" t="s">
        <v>400</v>
      </c>
      <c r="L3524" s="98" t="s">
        <v>400</v>
      </c>
      <c r="M3524" s="98" t="s">
        <v>400</v>
      </c>
      <c r="N3524" s="98" t="s">
        <v>400</v>
      </c>
      <c r="O3524" s="98" t="s">
        <v>400</v>
      </c>
      <c r="P3524" s="98" t="s">
        <v>400</v>
      </c>
      <c r="Q3524" s="98" t="s">
        <v>400</v>
      </c>
      <c r="R3524" s="98" t="s">
        <v>400</v>
      </c>
      <c r="S3524" s="98" t="s">
        <v>400</v>
      </c>
      <c r="T3524" s="98" t="s">
        <v>400</v>
      </c>
      <c r="U3524" s="128"/>
      <c r="V3524" s="128"/>
      <c r="W3524" s="128"/>
      <c r="X3524" s="128"/>
      <c r="Y3524" s="128"/>
      <c r="Z3524" s="128"/>
      <c r="AA3524" s="128"/>
      <c r="AB3524" s="128"/>
      <c r="AC3524" s="128"/>
      <c r="AD3524" s="128"/>
      <c r="AE3524" s="128"/>
      <c r="AF3524" s="128"/>
      <c r="AG3524" s="128"/>
      <c r="AH3524" s="128"/>
      <c r="AI3524" s="128"/>
      <c r="AJ3524" s="128"/>
      <c r="AK3524" s="128"/>
      <c r="AL3524" s="128"/>
      <c r="AM3524" s="128"/>
      <c r="AN3524" s="128"/>
      <c r="AO3524" s="128"/>
      <c r="AP3524" s="128"/>
      <c r="AQ3524" s="128"/>
      <c r="AR3524" s="128"/>
      <c r="AS3524" s="128"/>
      <c r="AT3524" s="128"/>
      <c r="AU3524" s="128"/>
      <c r="AV3524" s="128"/>
      <c r="AW3524" s="128"/>
      <c r="AX3524" s="128"/>
      <c r="AY3524" s="128"/>
      <c r="AZ3524" s="128"/>
      <c r="BA3524" s="128"/>
      <c r="BB3524" s="107">
        <v>45884</v>
      </c>
    </row>
    <row r="3525" spans="1:54" s="8" customFormat="1" ht="13.95" customHeight="1" x14ac:dyDescent="0.25">
      <c r="A3525" s="219" t="s">
        <v>7896</v>
      </c>
      <c r="B3525" s="220" t="s">
        <v>6395</v>
      </c>
      <c r="C3525" s="98" t="s">
        <v>7897</v>
      </c>
      <c r="D3525" s="98" t="s">
        <v>21192</v>
      </c>
      <c r="E3525" s="141">
        <v>1975</v>
      </c>
      <c r="F3525" s="141">
        <v>4564</v>
      </c>
      <c r="G3525" s="98" t="s">
        <v>1</v>
      </c>
      <c r="H3525" s="98">
        <v>1</v>
      </c>
      <c r="I3525" s="98">
        <v>0</v>
      </c>
      <c r="J3525" s="98" t="s">
        <v>400</v>
      </c>
      <c r="K3525" s="98" t="s">
        <v>400</v>
      </c>
      <c r="L3525" s="98" t="s">
        <v>400</v>
      </c>
      <c r="M3525" s="98" t="s">
        <v>400</v>
      </c>
      <c r="N3525" s="98" t="s">
        <v>400</v>
      </c>
      <c r="O3525" s="98" t="s">
        <v>400</v>
      </c>
      <c r="P3525" s="98" t="s">
        <v>400</v>
      </c>
      <c r="Q3525" s="98" t="s">
        <v>400</v>
      </c>
      <c r="R3525" s="98" t="s">
        <v>400</v>
      </c>
      <c r="S3525" s="98" t="s">
        <v>400</v>
      </c>
      <c r="T3525" s="98" t="s">
        <v>400</v>
      </c>
      <c r="U3525" s="128"/>
      <c r="V3525" s="128"/>
      <c r="W3525" s="128"/>
      <c r="X3525" s="128"/>
      <c r="Y3525" s="128"/>
      <c r="Z3525" s="128"/>
      <c r="AA3525" s="128"/>
      <c r="AB3525" s="128"/>
      <c r="AC3525" s="128"/>
      <c r="AD3525" s="128"/>
      <c r="AE3525" s="128"/>
      <c r="AF3525" s="128"/>
      <c r="AG3525" s="128"/>
      <c r="AH3525" s="128"/>
      <c r="AI3525" s="128"/>
      <c r="AJ3525" s="128"/>
      <c r="AK3525" s="128"/>
      <c r="AL3525" s="128"/>
      <c r="AM3525" s="128"/>
      <c r="AN3525" s="128"/>
      <c r="AO3525" s="128"/>
      <c r="AP3525" s="128"/>
      <c r="AQ3525" s="128"/>
      <c r="AR3525" s="128"/>
      <c r="AS3525" s="128"/>
      <c r="AT3525" s="128"/>
      <c r="AU3525" s="128"/>
      <c r="AV3525" s="128"/>
      <c r="AW3525" s="128"/>
      <c r="AX3525" s="128"/>
      <c r="AY3525" s="128"/>
      <c r="AZ3525" s="128"/>
      <c r="BA3525" s="128"/>
      <c r="BB3525" s="107">
        <v>45884</v>
      </c>
    </row>
    <row r="3526" spans="1:54" s="8" customFormat="1" ht="13.95" customHeight="1" x14ac:dyDescent="0.25">
      <c r="A3526" s="219" t="s">
        <v>7898</v>
      </c>
      <c r="B3526" s="220" t="s">
        <v>6395</v>
      </c>
      <c r="C3526" s="98" t="s">
        <v>7899</v>
      </c>
      <c r="D3526" s="98" t="s">
        <v>21193</v>
      </c>
      <c r="E3526" s="141">
        <v>1957</v>
      </c>
      <c r="F3526" s="141">
        <v>4572</v>
      </c>
      <c r="G3526" s="98" t="s">
        <v>1</v>
      </c>
      <c r="H3526" s="98">
        <v>1</v>
      </c>
      <c r="I3526" s="98">
        <v>0</v>
      </c>
      <c r="J3526" s="98" t="s">
        <v>400</v>
      </c>
      <c r="K3526" s="98" t="s">
        <v>400</v>
      </c>
      <c r="L3526" s="98" t="s">
        <v>400</v>
      </c>
      <c r="M3526" s="98" t="s">
        <v>400</v>
      </c>
      <c r="N3526" s="98" t="s">
        <v>400</v>
      </c>
      <c r="O3526" s="98" t="s">
        <v>400</v>
      </c>
      <c r="P3526" s="98" t="s">
        <v>400</v>
      </c>
      <c r="Q3526" s="98" t="s">
        <v>400</v>
      </c>
      <c r="R3526" s="98" t="s">
        <v>400</v>
      </c>
      <c r="S3526" s="98" t="s">
        <v>400</v>
      </c>
      <c r="T3526" s="98" t="s">
        <v>400</v>
      </c>
      <c r="U3526" s="128"/>
      <c r="V3526" s="128"/>
      <c r="W3526" s="128"/>
      <c r="X3526" s="128"/>
      <c r="Y3526" s="128"/>
      <c r="Z3526" s="128"/>
      <c r="AA3526" s="128"/>
      <c r="AB3526" s="128"/>
      <c r="AC3526" s="128"/>
      <c r="AD3526" s="128"/>
      <c r="AE3526" s="128"/>
      <c r="AF3526" s="128"/>
      <c r="AG3526" s="128"/>
      <c r="AH3526" s="128"/>
      <c r="AI3526" s="128"/>
      <c r="AJ3526" s="128"/>
      <c r="AK3526" s="128"/>
      <c r="AL3526" s="128"/>
      <c r="AM3526" s="128"/>
      <c r="AN3526" s="128"/>
      <c r="AO3526" s="128"/>
      <c r="AP3526" s="128"/>
      <c r="AQ3526" s="128"/>
      <c r="AR3526" s="128"/>
      <c r="AS3526" s="128"/>
      <c r="AT3526" s="128"/>
      <c r="AU3526" s="128"/>
      <c r="AV3526" s="128"/>
      <c r="AW3526" s="128"/>
      <c r="AX3526" s="128"/>
      <c r="AY3526" s="128"/>
      <c r="AZ3526" s="128"/>
      <c r="BA3526" s="128"/>
      <c r="BB3526" s="107">
        <v>45884</v>
      </c>
    </row>
    <row r="3527" spans="1:54" s="8" customFormat="1" ht="13.95" customHeight="1" x14ac:dyDescent="0.25">
      <c r="A3527" s="219" t="s">
        <v>7900</v>
      </c>
      <c r="B3527" s="220" t="s">
        <v>6395</v>
      </c>
      <c r="C3527" s="98" t="s">
        <v>7901</v>
      </c>
      <c r="D3527" s="98" t="s">
        <v>21194</v>
      </c>
      <c r="E3527" s="141">
        <v>2008</v>
      </c>
      <c r="F3527" s="141">
        <v>4589</v>
      </c>
      <c r="G3527" s="98" t="s">
        <v>1</v>
      </c>
      <c r="H3527" s="98">
        <v>0</v>
      </c>
      <c r="I3527" s="98">
        <v>0</v>
      </c>
      <c r="J3527" s="98" t="s">
        <v>400</v>
      </c>
      <c r="K3527" s="98" t="s">
        <v>400</v>
      </c>
      <c r="L3527" s="98" t="s">
        <v>400</v>
      </c>
      <c r="M3527" s="98" t="s">
        <v>400</v>
      </c>
      <c r="N3527" s="98" t="s">
        <v>400</v>
      </c>
      <c r="O3527" s="98" t="s">
        <v>400</v>
      </c>
      <c r="P3527" s="98" t="s">
        <v>400</v>
      </c>
      <c r="Q3527" s="98" t="s">
        <v>400</v>
      </c>
      <c r="R3527" s="98" t="s">
        <v>400</v>
      </c>
      <c r="S3527" s="98" t="s">
        <v>400</v>
      </c>
      <c r="T3527" s="98" t="s">
        <v>400</v>
      </c>
      <c r="U3527" s="128"/>
      <c r="V3527" s="128"/>
      <c r="W3527" s="128"/>
      <c r="X3527" s="128"/>
      <c r="Y3527" s="128"/>
      <c r="Z3527" s="128"/>
      <c r="AA3527" s="128"/>
      <c r="AB3527" s="128"/>
      <c r="AC3527" s="128"/>
      <c r="AD3527" s="128"/>
      <c r="AE3527" s="128"/>
      <c r="AF3527" s="128"/>
      <c r="AG3527" s="128"/>
      <c r="AH3527" s="128"/>
      <c r="AI3527" s="128"/>
      <c r="AJ3527" s="128"/>
      <c r="AK3527" s="128"/>
      <c r="AL3527" s="128"/>
      <c r="AM3527" s="128"/>
      <c r="AN3527" s="128"/>
      <c r="AO3527" s="128"/>
      <c r="AP3527" s="128"/>
      <c r="AQ3527" s="128"/>
      <c r="AR3527" s="128"/>
      <c r="AS3527" s="128"/>
      <c r="AT3527" s="128"/>
      <c r="AU3527" s="128"/>
      <c r="AV3527" s="128"/>
      <c r="AW3527" s="128"/>
      <c r="AX3527" s="128"/>
      <c r="AY3527" s="128"/>
      <c r="AZ3527" s="128"/>
      <c r="BA3527" s="128"/>
      <c r="BB3527" s="107">
        <v>45884</v>
      </c>
    </row>
    <row r="3528" spans="1:54" s="8" customFormat="1" ht="13.95" customHeight="1" x14ac:dyDescent="0.25">
      <c r="A3528" s="219" t="s">
        <v>7902</v>
      </c>
      <c r="B3528" s="220" t="s">
        <v>6395</v>
      </c>
      <c r="C3528" s="98" t="s">
        <v>7903</v>
      </c>
      <c r="D3528" s="98" t="s">
        <v>21195</v>
      </c>
      <c r="E3528" s="141">
        <v>1980</v>
      </c>
      <c r="F3528" s="141">
        <v>4613</v>
      </c>
      <c r="G3528" s="98" t="s">
        <v>8</v>
      </c>
      <c r="H3528" s="98">
        <v>0</v>
      </c>
      <c r="I3528" s="98">
        <v>0</v>
      </c>
      <c r="J3528" s="98" t="s">
        <v>400</v>
      </c>
      <c r="K3528" s="98" t="s">
        <v>400</v>
      </c>
      <c r="L3528" s="98" t="s">
        <v>400</v>
      </c>
      <c r="M3528" s="98" t="s">
        <v>400</v>
      </c>
      <c r="N3528" s="98" t="s">
        <v>400</v>
      </c>
      <c r="O3528" s="98" t="s">
        <v>400</v>
      </c>
      <c r="P3528" s="98" t="s">
        <v>400</v>
      </c>
      <c r="Q3528" s="98" t="s">
        <v>400</v>
      </c>
      <c r="R3528" s="98" t="s">
        <v>400</v>
      </c>
      <c r="S3528" s="98" t="s">
        <v>400</v>
      </c>
      <c r="T3528" s="98" t="s">
        <v>400</v>
      </c>
      <c r="U3528" s="98">
        <v>0</v>
      </c>
      <c r="V3528" s="98">
        <v>0</v>
      </c>
      <c r="W3528" s="98" t="s">
        <v>400</v>
      </c>
      <c r="X3528" s="98">
        <v>0</v>
      </c>
      <c r="Y3528" s="98">
        <v>0</v>
      </c>
      <c r="Z3528" s="98">
        <v>0</v>
      </c>
      <c r="AA3528" s="98" t="s">
        <v>400</v>
      </c>
      <c r="AB3528" s="98">
        <v>0</v>
      </c>
      <c r="AC3528" s="98">
        <v>0</v>
      </c>
      <c r="AD3528" s="98">
        <v>0</v>
      </c>
      <c r="AE3528" s="98">
        <v>0</v>
      </c>
      <c r="AF3528" s="98">
        <v>0</v>
      </c>
      <c r="AG3528" s="98">
        <v>0</v>
      </c>
      <c r="AH3528" s="98">
        <v>0</v>
      </c>
      <c r="AI3528" s="98">
        <v>0</v>
      </c>
      <c r="AJ3528" s="98">
        <v>0</v>
      </c>
      <c r="AK3528" s="98">
        <v>0</v>
      </c>
      <c r="AL3528" s="98">
        <v>0</v>
      </c>
      <c r="AM3528" s="98">
        <v>0</v>
      </c>
      <c r="AN3528" s="98">
        <v>0</v>
      </c>
      <c r="AO3528" s="98">
        <v>0</v>
      </c>
      <c r="AP3528" s="98">
        <v>0</v>
      </c>
      <c r="AQ3528" s="98">
        <v>0</v>
      </c>
      <c r="AR3528" s="98">
        <v>0</v>
      </c>
      <c r="AS3528" s="98">
        <v>0</v>
      </c>
      <c r="AT3528" s="129">
        <v>0</v>
      </c>
      <c r="AU3528" s="98">
        <v>0</v>
      </c>
      <c r="AV3528" s="98">
        <v>0</v>
      </c>
      <c r="AW3528" s="98">
        <v>0</v>
      </c>
      <c r="AX3528" s="98"/>
      <c r="AY3528" s="98"/>
      <c r="AZ3528" s="98"/>
      <c r="BA3528" s="98"/>
      <c r="BB3528" s="107">
        <v>45884</v>
      </c>
    </row>
    <row r="3529" spans="1:54" s="8" customFormat="1" ht="13.95" customHeight="1" x14ac:dyDescent="0.25">
      <c r="A3529" s="219" t="s">
        <v>7904</v>
      </c>
      <c r="B3529" s="220" t="s">
        <v>6395</v>
      </c>
      <c r="C3529" s="98" t="s">
        <v>7905</v>
      </c>
      <c r="D3529" s="98" t="s">
        <v>21196</v>
      </c>
      <c r="E3529" s="141">
        <v>1985</v>
      </c>
      <c r="F3529" s="141">
        <v>4635</v>
      </c>
      <c r="G3529" s="98" t="s">
        <v>1</v>
      </c>
      <c r="H3529" s="98">
        <v>1</v>
      </c>
      <c r="I3529" s="98">
        <v>0</v>
      </c>
      <c r="J3529" s="98" t="s">
        <v>400</v>
      </c>
      <c r="K3529" s="98" t="s">
        <v>400</v>
      </c>
      <c r="L3529" s="98" t="s">
        <v>400</v>
      </c>
      <c r="M3529" s="98" t="s">
        <v>400</v>
      </c>
      <c r="N3529" s="98" t="s">
        <v>400</v>
      </c>
      <c r="O3529" s="98" t="s">
        <v>400</v>
      </c>
      <c r="P3529" s="98" t="s">
        <v>400</v>
      </c>
      <c r="Q3529" s="98" t="s">
        <v>400</v>
      </c>
      <c r="R3529" s="98" t="s">
        <v>400</v>
      </c>
      <c r="S3529" s="98" t="s">
        <v>400</v>
      </c>
      <c r="T3529" s="98" t="s">
        <v>400</v>
      </c>
      <c r="U3529" s="128"/>
      <c r="V3529" s="128"/>
      <c r="W3529" s="128"/>
      <c r="X3529" s="128"/>
      <c r="Y3529" s="128"/>
      <c r="Z3529" s="128"/>
      <c r="AA3529" s="128"/>
      <c r="AB3529" s="128"/>
      <c r="AC3529" s="128"/>
      <c r="AD3529" s="128"/>
      <c r="AE3529" s="128"/>
      <c r="AF3529" s="128"/>
      <c r="AG3529" s="128"/>
      <c r="AH3529" s="128"/>
      <c r="AI3529" s="128"/>
      <c r="AJ3529" s="128"/>
      <c r="AK3529" s="128"/>
      <c r="AL3529" s="128"/>
      <c r="AM3529" s="128"/>
      <c r="AN3529" s="128"/>
      <c r="AO3529" s="128"/>
      <c r="AP3529" s="128"/>
      <c r="AQ3529" s="128"/>
      <c r="AR3529" s="128"/>
      <c r="AS3529" s="128"/>
      <c r="AT3529" s="128"/>
      <c r="AU3529" s="128"/>
      <c r="AV3529" s="128"/>
      <c r="AW3529" s="128"/>
      <c r="AX3529" s="128"/>
      <c r="AY3529" s="128"/>
      <c r="AZ3529" s="128"/>
      <c r="BA3529" s="128"/>
      <c r="BB3529" s="107">
        <v>45884</v>
      </c>
    </row>
    <row r="3530" spans="1:54" s="8" customFormat="1" ht="13.95" customHeight="1" x14ac:dyDescent="0.25">
      <c r="A3530" s="219" t="s">
        <v>7906</v>
      </c>
      <c r="B3530" s="220" t="s">
        <v>6395</v>
      </c>
      <c r="C3530" s="98" t="s">
        <v>7907</v>
      </c>
      <c r="D3530" s="98" t="s">
        <v>21197</v>
      </c>
      <c r="E3530" s="141">
        <v>1974</v>
      </c>
      <c r="F3530" s="141">
        <v>4644</v>
      </c>
      <c r="G3530" s="98" t="s">
        <v>1</v>
      </c>
      <c r="H3530" s="98">
        <v>1</v>
      </c>
      <c r="I3530" s="98">
        <v>0</v>
      </c>
      <c r="J3530" s="98" t="s">
        <v>400</v>
      </c>
      <c r="K3530" s="98" t="s">
        <v>400</v>
      </c>
      <c r="L3530" s="98" t="s">
        <v>400</v>
      </c>
      <c r="M3530" s="98" t="s">
        <v>400</v>
      </c>
      <c r="N3530" s="98" t="s">
        <v>400</v>
      </c>
      <c r="O3530" s="98" t="s">
        <v>400</v>
      </c>
      <c r="P3530" s="98" t="s">
        <v>400</v>
      </c>
      <c r="Q3530" s="98" t="s">
        <v>400</v>
      </c>
      <c r="R3530" s="98" t="s">
        <v>400</v>
      </c>
      <c r="S3530" s="98" t="s">
        <v>400</v>
      </c>
      <c r="T3530" s="98" t="s">
        <v>400</v>
      </c>
      <c r="U3530" s="128"/>
      <c r="V3530" s="128"/>
      <c r="W3530" s="128"/>
      <c r="X3530" s="128"/>
      <c r="Y3530" s="128"/>
      <c r="Z3530" s="128"/>
      <c r="AA3530" s="128"/>
      <c r="AB3530" s="128"/>
      <c r="AC3530" s="128"/>
      <c r="AD3530" s="128"/>
      <c r="AE3530" s="128"/>
      <c r="AF3530" s="128"/>
      <c r="AG3530" s="128"/>
      <c r="AH3530" s="128"/>
      <c r="AI3530" s="128"/>
      <c r="AJ3530" s="128"/>
      <c r="AK3530" s="128"/>
      <c r="AL3530" s="128"/>
      <c r="AM3530" s="128"/>
      <c r="AN3530" s="128"/>
      <c r="AO3530" s="128"/>
      <c r="AP3530" s="128"/>
      <c r="AQ3530" s="128"/>
      <c r="AR3530" s="128"/>
      <c r="AS3530" s="128"/>
      <c r="AT3530" s="128"/>
      <c r="AU3530" s="128"/>
      <c r="AV3530" s="128"/>
      <c r="AW3530" s="128"/>
      <c r="AX3530" s="128"/>
      <c r="AY3530" s="128"/>
      <c r="AZ3530" s="128"/>
      <c r="BA3530" s="128"/>
      <c r="BB3530" s="107">
        <v>45884</v>
      </c>
    </row>
    <row r="3531" spans="1:54" s="8" customFormat="1" ht="13.95" customHeight="1" x14ac:dyDescent="0.25">
      <c r="A3531" s="219" t="s">
        <v>7908</v>
      </c>
      <c r="B3531" s="220" t="s">
        <v>6395</v>
      </c>
      <c r="C3531" s="98" t="s">
        <v>22187</v>
      </c>
      <c r="D3531" s="98" t="s">
        <v>21198</v>
      </c>
      <c r="E3531" s="141">
        <v>1985</v>
      </c>
      <c r="F3531" s="141">
        <v>4797</v>
      </c>
      <c r="G3531" s="98" t="s">
        <v>1</v>
      </c>
      <c r="H3531" s="98">
        <v>0</v>
      </c>
      <c r="I3531" s="98">
        <v>0</v>
      </c>
      <c r="J3531" s="98" t="s">
        <v>400</v>
      </c>
      <c r="K3531" s="98" t="s">
        <v>400</v>
      </c>
      <c r="L3531" s="98" t="s">
        <v>400</v>
      </c>
      <c r="M3531" s="98" t="s">
        <v>400</v>
      </c>
      <c r="N3531" s="98" t="s">
        <v>400</v>
      </c>
      <c r="O3531" s="98" t="s">
        <v>400</v>
      </c>
      <c r="P3531" s="98" t="s">
        <v>400</v>
      </c>
      <c r="Q3531" s="98" t="s">
        <v>400</v>
      </c>
      <c r="R3531" s="98" t="s">
        <v>400</v>
      </c>
      <c r="S3531" s="98" t="s">
        <v>400</v>
      </c>
      <c r="T3531" s="98" t="s">
        <v>400</v>
      </c>
      <c r="U3531" s="128"/>
      <c r="V3531" s="128"/>
      <c r="W3531" s="128"/>
      <c r="X3531" s="128"/>
      <c r="Y3531" s="128"/>
      <c r="Z3531" s="128"/>
      <c r="AA3531" s="128"/>
      <c r="AB3531" s="128"/>
      <c r="AC3531" s="128"/>
      <c r="AD3531" s="128"/>
      <c r="AE3531" s="128"/>
      <c r="AF3531" s="128"/>
      <c r="AG3531" s="128"/>
      <c r="AH3531" s="128"/>
      <c r="AI3531" s="128"/>
      <c r="AJ3531" s="128"/>
      <c r="AK3531" s="128"/>
      <c r="AL3531" s="128"/>
      <c r="AM3531" s="128"/>
      <c r="AN3531" s="128"/>
      <c r="AO3531" s="128"/>
      <c r="AP3531" s="128"/>
      <c r="AQ3531" s="128"/>
      <c r="AR3531" s="128"/>
      <c r="AS3531" s="128"/>
      <c r="AT3531" s="128"/>
      <c r="AU3531" s="128"/>
      <c r="AV3531" s="128"/>
      <c r="AW3531" s="128"/>
      <c r="AX3531" s="128"/>
      <c r="AY3531" s="128"/>
      <c r="AZ3531" s="128"/>
      <c r="BA3531" s="128"/>
      <c r="BB3531" s="107">
        <v>45884</v>
      </c>
    </row>
    <row r="3532" spans="1:54" s="8" customFormat="1" ht="13.95" customHeight="1" x14ac:dyDescent="0.25">
      <c r="A3532" s="219" t="s">
        <v>7909</v>
      </c>
      <c r="B3532" s="220" t="s">
        <v>6395</v>
      </c>
      <c r="C3532" s="98" t="s">
        <v>7910</v>
      </c>
      <c r="D3532" s="98" t="s">
        <v>21199</v>
      </c>
      <c r="E3532" s="141">
        <v>1961</v>
      </c>
      <c r="F3532" s="141">
        <v>4862</v>
      </c>
      <c r="G3532" s="98" t="s">
        <v>1</v>
      </c>
      <c r="H3532" s="98">
        <v>1</v>
      </c>
      <c r="I3532" s="98">
        <v>0</v>
      </c>
      <c r="J3532" s="98" t="s">
        <v>400</v>
      </c>
      <c r="K3532" s="98" t="s">
        <v>400</v>
      </c>
      <c r="L3532" s="98" t="s">
        <v>400</v>
      </c>
      <c r="M3532" s="98" t="s">
        <v>400</v>
      </c>
      <c r="N3532" s="98" t="s">
        <v>400</v>
      </c>
      <c r="O3532" s="98" t="s">
        <v>400</v>
      </c>
      <c r="P3532" s="98" t="s">
        <v>400</v>
      </c>
      <c r="Q3532" s="98" t="s">
        <v>400</v>
      </c>
      <c r="R3532" s="98" t="s">
        <v>400</v>
      </c>
      <c r="S3532" s="98" t="s">
        <v>400</v>
      </c>
      <c r="T3532" s="98" t="s">
        <v>400</v>
      </c>
      <c r="U3532" s="128"/>
      <c r="V3532" s="128"/>
      <c r="W3532" s="128"/>
      <c r="X3532" s="128"/>
      <c r="Y3532" s="128"/>
      <c r="Z3532" s="128"/>
      <c r="AA3532" s="128"/>
      <c r="AB3532" s="128"/>
      <c r="AC3532" s="128"/>
      <c r="AD3532" s="128"/>
      <c r="AE3532" s="128"/>
      <c r="AF3532" s="128"/>
      <c r="AG3532" s="128"/>
      <c r="AH3532" s="128"/>
      <c r="AI3532" s="128"/>
      <c r="AJ3532" s="128"/>
      <c r="AK3532" s="128"/>
      <c r="AL3532" s="128"/>
      <c r="AM3532" s="128"/>
      <c r="AN3532" s="128"/>
      <c r="AO3532" s="128"/>
      <c r="AP3532" s="128"/>
      <c r="AQ3532" s="128"/>
      <c r="AR3532" s="128"/>
      <c r="AS3532" s="128"/>
      <c r="AT3532" s="128"/>
      <c r="AU3532" s="128"/>
      <c r="AV3532" s="128"/>
      <c r="AW3532" s="128"/>
      <c r="AX3532" s="128"/>
      <c r="AY3532" s="128"/>
      <c r="AZ3532" s="128"/>
      <c r="BA3532" s="128"/>
      <c r="BB3532" s="107">
        <v>45884</v>
      </c>
    </row>
    <row r="3533" spans="1:54" s="8" customFormat="1" ht="13.95" customHeight="1" x14ac:dyDescent="0.25">
      <c r="A3533" s="219" t="s">
        <v>7911</v>
      </c>
      <c r="B3533" s="220" t="s">
        <v>6395</v>
      </c>
      <c r="C3533" s="98" t="s">
        <v>7912</v>
      </c>
      <c r="D3533" s="98" t="s">
        <v>21200</v>
      </c>
      <c r="E3533" s="141">
        <v>1978</v>
      </c>
      <c r="F3533" s="141">
        <v>4870</v>
      </c>
      <c r="G3533" s="98" t="s">
        <v>1</v>
      </c>
      <c r="H3533" s="98">
        <v>0</v>
      </c>
      <c r="I3533" s="98">
        <v>0</v>
      </c>
      <c r="J3533" s="98" t="s">
        <v>400</v>
      </c>
      <c r="K3533" s="98" t="s">
        <v>400</v>
      </c>
      <c r="L3533" s="98" t="s">
        <v>400</v>
      </c>
      <c r="M3533" s="98" t="s">
        <v>400</v>
      </c>
      <c r="N3533" s="98" t="s">
        <v>400</v>
      </c>
      <c r="O3533" s="98" t="s">
        <v>400</v>
      </c>
      <c r="P3533" s="98" t="s">
        <v>400</v>
      </c>
      <c r="Q3533" s="98" t="s">
        <v>400</v>
      </c>
      <c r="R3533" s="98" t="s">
        <v>400</v>
      </c>
      <c r="S3533" s="98" t="s">
        <v>400</v>
      </c>
      <c r="T3533" s="98" t="s">
        <v>400</v>
      </c>
      <c r="U3533" s="128"/>
      <c r="V3533" s="128"/>
      <c r="W3533" s="128"/>
      <c r="X3533" s="128"/>
      <c r="Y3533" s="128"/>
      <c r="Z3533" s="128"/>
      <c r="AA3533" s="128"/>
      <c r="AB3533" s="128"/>
      <c r="AC3533" s="128"/>
      <c r="AD3533" s="128"/>
      <c r="AE3533" s="128"/>
      <c r="AF3533" s="128"/>
      <c r="AG3533" s="128"/>
      <c r="AH3533" s="128"/>
      <c r="AI3533" s="128"/>
      <c r="AJ3533" s="128"/>
      <c r="AK3533" s="128"/>
      <c r="AL3533" s="128"/>
      <c r="AM3533" s="128"/>
      <c r="AN3533" s="128"/>
      <c r="AO3533" s="128"/>
      <c r="AP3533" s="128"/>
      <c r="AQ3533" s="128"/>
      <c r="AR3533" s="128"/>
      <c r="AS3533" s="128"/>
      <c r="AT3533" s="128"/>
      <c r="AU3533" s="128"/>
      <c r="AV3533" s="128"/>
      <c r="AW3533" s="128"/>
      <c r="AX3533" s="128"/>
      <c r="AY3533" s="128"/>
      <c r="AZ3533" s="128"/>
      <c r="BA3533" s="128"/>
      <c r="BB3533" s="107">
        <v>45884</v>
      </c>
    </row>
    <row r="3534" spans="1:54" s="8" customFormat="1" ht="13.95" customHeight="1" x14ac:dyDescent="0.25">
      <c r="A3534" s="219" t="s">
        <v>7913</v>
      </c>
      <c r="B3534" s="220" t="s">
        <v>6395</v>
      </c>
      <c r="C3534" s="98" t="s">
        <v>7914</v>
      </c>
      <c r="D3534" s="98" t="s">
        <v>21201</v>
      </c>
      <c r="E3534" s="141">
        <v>1982</v>
      </c>
      <c r="F3534" s="141">
        <v>4900</v>
      </c>
      <c r="G3534" s="98" t="s">
        <v>8</v>
      </c>
      <c r="H3534" s="98">
        <v>0</v>
      </c>
      <c r="I3534" s="98">
        <v>0</v>
      </c>
      <c r="J3534" s="98" t="s">
        <v>400</v>
      </c>
      <c r="K3534" s="98" t="s">
        <v>400</v>
      </c>
      <c r="L3534" s="98" t="s">
        <v>400</v>
      </c>
      <c r="M3534" s="98" t="s">
        <v>400</v>
      </c>
      <c r="N3534" s="98" t="s">
        <v>400</v>
      </c>
      <c r="O3534" s="98" t="s">
        <v>400</v>
      </c>
      <c r="P3534" s="98" t="s">
        <v>400</v>
      </c>
      <c r="Q3534" s="98" t="s">
        <v>400</v>
      </c>
      <c r="R3534" s="98" t="s">
        <v>400</v>
      </c>
      <c r="S3534" s="98" t="s">
        <v>400</v>
      </c>
      <c r="T3534" s="98" t="s">
        <v>400</v>
      </c>
      <c r="U3534" s="98">
        <v>0</v>
      </c>
      <c r="V3534" s="98">
        <v>0</v>
      </c>
      <c r="W3534" s="98" t="s">
        <v>400</v>
      </c>
      <c r="X3534" s="98">
        <v>0</v>
      </c>
      <c r="Y3534" s="98">
        <v>0</v>
      </c>
      <c r="Z3534" s="98">
        <v>0</v>
      </c>
      <c r="AA3534" s="98" t="s">
        <v>400</v>
      </c>
      <c r="AB3534" s="98">
        <v>0</v>
      </c>
      <c r="AC3534" s="98">
        <v>0</v>
      </c>
      <c r="AD3534" s="98">
        <v>0</v>
      </c>
      <c r="AE3534" s="98">
        <v>0</v>
      </c>
      <c r="AF3534" s="98">
        <v>0</v>
      </c>
      <c r="AG3534" s="98">
        <v>0</v>
      </c>
      <c r="AH3534" s="98">
        <v>0</v>
      </c>
      <c r="AI3534" s="98">
        <v>0</v>
      </c>
      <c r="AJ3534" s="98">
        <v>0</v>
      </c>
      <c r="AK3534" s="98">
        <v>0</v>
      </c>
      <c r="AL3534" s="98">
        <v>0</v>
      </c>
      <c r="AM3534" s="98">
        <v>0</v>
      </c>
      <c r="AN3534" s="98">
        <v>0</v>
      </c>
      <c r="AO3534" s="98">
        <v>0</v>
      </c>
      <c r="AP3534" s="98">
        <v>0</v>
      </c>
      <c r="AQ3534" s="98">
        <v>0</v>
      </c>
      <c r="AR3534" s="98">
        <v>0</v>
      </c>
      <c r="AS3534" s="98">
        <v>0</v>
      </c>
      <c r="AT3534" s="129">
        <v>0</v>
      </c>
      <c r="AU3534" s="98">
        <v>0</v>
      </c>
      <c r="AV3534" s="98">
        <v>0</v>
      </c>
      <c r="AW3534" s="98">
        <v>0</v>
      </c>
      <c r="AX3534" s="98"/>
      <c r="AY3534" s="98"/>
      <c r="AZ3534" s="98"/>
      <c r="BA3534" s="98"/>
      <c r="BB3534" s="107">
        <v>45884</v>
      </c>
    </row>
    <row r="3535" spans="1:54" s="8" customFormat="1" ht="13.95" customHeight="1" x14ac:dyDescent="0.25">
      <c r="A3535" s="219" t="s">
        <v>7915</v>
      </c>
      <c r="B3535" s="220" t="s">
        <v>6395</v>
      </c>
      <c r="C3535" s="98" t="s">
        <v>7916</v>
      </c>
      <c r="D3535" s="98" t="s">
        <v>21202</v>
      </c>
      <c r="E3535" s="141">
        <v>1984</v>
      </c>
      <c r="F3535" s="141">
        <v>4943</v>
      </c>
      <c r="G3535" s="98" t="s">
        <v>8</v>
      </c>
      <c r="H3535" s="98">
        <v>0</v>
      </c>
      <c r="I3535" s="98">
        <v>0</v>
      </c>
      <c r="J3535" s="98" t="s">
        <v>400</v>
      </c>
      <c r="K3535" s="98" t="s">
        <v>400</v>
      </c>
      <c r="L3535" s="98" t="s">
        <v>400</v>
      </c>
      <c r="M3535" s="98" t="s">
        <v>400</v>
      </c>
      <c r="N3535" s="98" t="s">
        <v>400</v>
      </c>
      <c r="O3535" s="98" t="s">
        <v>400</v>
      </c>
      <c r="P3535" s="98" t="s">
        <v>400</v>
      </c>
      <c r="Q3535" s="98" t="s">
        <v>400</v>
      </c>
      <c r="R3535" s="98" t="s">
        <v>400</v>
      </c>
      <c r="S3535" s="98" t="s">
        <v>400</v>
      </c>
      <c r="T3535" s="98" t="s">
        <v>400</v>
      </c>
      <c r="U3535" s="98">
        <v>0</v>
      </c>
      <c r="V3535" s="98">
        <v>0</v>
      </c>
      <c r="W3535" s="98" t="s">
        <v>400</v>
      </c>
      <c r="X3535" s="98">
        <v>0</v>
      </c>
      <c r="Y3535" s="98">
        <v>0</v>
      </c>
      <c r="Z3535" s="98">
        <v>0</v>
      </c>
      <c r="AA3535" s="98" t="s">
        <v>400</v>
      </c>
      <c r="AB3535" s="98">
        <v>0</v>
      </c>
      <c r="AC3535" s="98">
        <v>0</v>
      </c>
      <c r="AD3535" s="98">
        <v>0</v>
      </c>
      <c r="AE3535" s="98">
        <v>0</v>
      </c>
      <c r="AF3535" s="98">
        <v>0</v>
      </c>
      <c r="AG3535" s="98">
        <v>0</v>
      </c>
      <c r="AH3535" s="98">
        <v>0</v>
      </c>
      <c r="AI3535" s="98">
        <v>0</v>
      </c>
      <c r="AJ3535" s="98">
        <v>0</v>
      </c>
      <c r="AK3535" s="98">
        <v>0</v>
      </c>
      <c r="AL3535" s="98">
        <v>0</v>
      </c>
      <c r="AM3535" s="98">
        <v>0</v>
      </c>
      <c r="AN3535" s="98">
        <v>0</v>
      </c>
      <c r="AO3535" s="98">
        <v>0</v>
      </c>
      <c r="AP3535" s="98">
        <v>0</v>
      </c>
      <c r="AQ3535" s="98">
        <v>0</v>
      </c>
      <c r="AR3535" s="98">
        <v>0</v>
      </c>
      <c r="AS3535" s="98">
        <v>0</v>
      </c>
      <c r="AT3535" s="129">
        <v>0</v>
      </c>
      <c r="AU3535" s="98">
        <v>0</v>
      </c>
      <c r="AV3535" s="98">
        <v>0</v>
      </c>
      <c r="AW3535" s="98">
        <v>0</v>
      </c>
      <c r="AX3535" s="98"/>
      <c r="AY3535" s="98"/>
      <c r="AZ3535" s="98"/>
      <c r="BA3535" s="98"/>
      <c r="BB3535" s="107">
        <v>45884</v>
      </c>
    </row>
    <row r="3536" spans="1:54" s="8" customFormat="1" ht="13.95" customHeight="1" x14ac:dyDescent="0.25">
      <c r="A3536" s="219" t="s">
        <v>7917</v>
      </c>
      <c r="B3536" s="220" t="s">
        <v>6395</v>
      </c>
      <c r="C3536" s="98" t="s">
        <v>7918</v>
      </c>
      <c r="D3536" s="98" t="s">
        <v>21203</v>
      </c>
      <c r="E3536" s="141">
        <v>1983</v>
      </c>
      <c r="F3536" s="141">
        <v>4966</v>
      </c>
      <c r="G3536" s="98" t="s">
        <v>1</v>
      </c>
      <c r="H3536" s="98">
        <v>0</v>
      </c>
      <c r="I3536" s="98">
        <v>0</v>
      </c>
      <c r="J3536" s="98" t="s">
        <v>400</v>
      </c>
      <c r="K3536" s="98" t="s">
        <v>400</v>
      </c>
      <c r="L3536" s="98" t="s">
        <v>400</v>
      </c>
      <c r="M3536" s="98" t="s">
        <v>400</v>
      </c>
      <c r="N3536" s="98" t="s">
        <v>400</v>
      </c>
      <c r="O3536" s="98" t="s">
        <v>400</v>
      </c>
      <c r="P3536" s="98" t="s">
        <v>400</v>
      </c>
      <c r="Q3536" s="98" t="s">
        <v>400</v>
      </c>
      <c r="R3536" s="98" t="s">
        <v>400</v>
      </c>
      <c r="S3536" s="98" t="s">
        <v>400</v>
      </c>
      <c r="T3536" s="98" t="s">
        <v>400</v>
      </c>
      <c r="U3536" s="128"/>
      <c r="V3536" s="128"/>
      <c r="W3536" s="128"/>
      <c r="X3536" s="128"/>
      <c r="Y3536" s="128"/>
      <c r="Z3536" s="128"/>
      <c r="AA3536" s="128"/>
      <c r="AB3536" s="128"/>
      <c r="AC3536" s="128"/>
      <c r="AD3536" s="128"/>
      <c r="AE3536" s="128"/>
      <c r="AF3536" s="128"/>
      <c r="AG3536" s="128"/>
      <c r="AH3536" s="128"/>
      <c r="AI3536" s="128"/>
      <c r="AJ3536" s="128"/>
      <c r="AK3536" s="128"/>
      <c r="AL3536" s="128"/>
      <c r="AM3536" s="128"/>
      <c r="AN3536" s="128"/>
      <c r="AO3536" s="128"/>
      <c r="AP3536" s="128"/>
      <c r="AQ3536" s="128"/>
      <c r="AR3536" s="128"/>
      <c r="AS3536" s="128"/>
      <c r="AT3536" s="128"/>
      <c r="AU3536" s="128"/>
      <c r="AV3536" s="128"/>
      <c r="AW3536" s="128"/>
      <c r="AX3536" s="128"/>
      <c r="AY3536" s="128"/>
      <c r="AZ3536" s="128"/>
      <c r="BA3536" s="128"/>
      <c r="BB3536" s="107">
        <v>45884</v>
      </c>
    </row>
    <row r="3537" spans="1:54" s="8" customFormat="1" ht="13.95" customHeight="1" x14ac:dyDescent="0.25">
      <c r="A3537" s="219" t="s">
        <v>7919</v>
      </c>
      <c r="B3537" s="220" t="s">
        <v>6395</v>
      </c>
      <c r="C3537" s="98" t="s">
        <v>7920</v>
      </c>
      <c r="D3537" s="98" t="s">
        <v>21204</v>
      </c>
      <c r="E3537" s="141">
        <v>1985</v>
      </c>
      <c r="F3537" s="141">
        <v>4997</v>
      </c>
      <c r="G3537" s="98" t="s">
        <v>1</v>
      </c>
      <c r="H3537" s="98">
        <v>1</v>
      </c>
      <c r="I3537" s="98">
        <v>0</v>
      </c>
      <c r="J3537" s="98" t="s">
        <v>400</v>
      </c>
      <c r="K3537" s="98" t="s">
        <v>400</v>
      </c>
      <c r="L3537" s="98" t="s">
        <v>400</v>
      </c>
      <c r="M3537" s="98" t="s">
        <v>400</v>
      </c>
      <c r="N3537" s="98" t="s">
        <v>400</v>
      </c>
      <c r="O3537" s="98" t="s">
        <v>400</v>
      </c>
      <c r="P3537" s="98" t="s">
        <v>400</v>
      </c>
      <c r="Q3537" s="98" t="s">
        <v>400</v>
      </c>
      <c r="R3537" s="98" t="s">
        <v>400</v>
      </c>
      <c r="S3537" s="98" t="s">
        <v>400</v>
      </c>
      <c r="T3537" s="98" t="s">
        <v>400</v>
      </c>
      <c r="U3537" s="128"/>
      <c r="V3537" s="128"/>
      <c r="W3537" s="128"/>
      <c r="X3537" s="128"/>
      <c r="Y3537" s="128"/>
      <c r="Z3537" s="128"/>
      <c r="AA3537" s="128"/>
      <c r="AB3537" s="128"/>
      <c r="AC3537" s="128"/>
      <c r="AD3537" s="128"/>
      <c r="AE3537" s="128"/>
      <c r="AF3537" s="128"/>
      <c r="AG3537" s="128"/>
      <c r="AH3537" s="128"/>
      <c r="AI3537" s="128"/>
      <c r="AJ3537" s="128"/>
      <c r="AK3537" s="128"/>
      <c r="AL3537" s="128"/>
      <c r="AM3537" s="128"/>
      <c r="AN3537" s="128"/>
      <c r="AO3537" s="128"/>
      <c r="AP3537" s="128"/>
      <c r="AQ3537" s="128"/>
      <c r="AR3537" s="128"/>
      <c r="AS3537" s="128"/>
      <c r="AT3537" s="128"/>
      <c r="AU3537" s="128"/>
      <c r="AV3537" s="128"/>
      <c r="AW3537" s="128"/>
      <c r="AX3537" s="128"/>
      <c r="AY3537" s="128"/>
      <c r="AZ3537" s="128"/>
      <c r="BA3537" s="128"/>
      <c r="BB3537" s="107">
        <v>45884</v>
      </c>
    </row>
    <row r="3538" spans="1:54" s="8" customFormat="1" ht="13.95" customHeight="1" x14ac:dyDescent="0.25">
      <c r="A3538" s="219" t="s">
        <v>7921</v>
      </c>
      <c r="B3538" s="220" t="s">
        <v>6395</v>
      </c>
      <c r="C3538" s="98" t="s">
        <v>22188</v>
      </c>
      <c r="D3538" s="98" t="s">
        <v>21205</v>
      </c>
      <c r="E3538" s="141">
        <v>1979</v>
      </c>
      <c r="F3538" s="141">
        <v>5000</v>
      </c>
      <c r="G3538" s="98" t="s">
        <v>1</v>
      </c>
      <c r="H3538" s="98">
        <v>0</v>
      </c>
      <c r="I3538" s="98">
        <v>0</v>
      </c>
      <c r="J3538" s="98" t="s">
        <v>400</v>
      </c>
      <c r="K3538" s="98" t="s">
        <v>400</v>
      </c>
      <c r="L3538" s="98" t="s">
        <v>400</v>
      </c>
      <c r="M3538" s="98" t="s">
        <v>400</v>
      </c>
      <c r="N3538" s="98" t="s">
        <v>400</v>
      </c>
      <c r="O3538" s="98" t="s">
        <v>400</v>
      </c>
      <c r="P3538" s="98" t="s">
        <v>400</v>
      </c>
      <c r="Q3538" s="98" t="s">
        <v>400</v>
      </c>
      <c r="R3538" s="98" t="s">
        <v>400</v>
      </c>
      <c r="S3538" s="98" t="s">
        <v>400</v>
      </c>
      <c r="T3538" s="98" t="s">
        <v>400</v>
      </c>
      <c r="U3538" s="128"/>
      <c r="V3538" s="128"/>
      <c r="W3538" s="128"/>
      <c r="X3538" s="128"/>
      <c r="Y3538" s="128"/>
      <c r="Z3538" s="128"/>
      <c r="AA3538" s="128"/>
      <c r="AB3538" s="128"/>
      <c r="AC3538" s="128"/>
      <c r="AD3538" s="128"/>
      <c r="AE3538" s="128"/>
      <c r="AF3538" s="128"/>
      <c r="AG3538" s="128"/>
      <c r="AH3538" s="128"/>
      <c r="AI3538" s="128"/>
      <c r="AJ3538" s="128"/>
      <c r="AK3538" s="128"/>
      <c r="AL3538" s="128"/>
      <c r="AM3538" s="128"/>
      <c r="AN3538" s="128"/>
      <c r="AO3538" s="128"/>
      <c r="AP3538" s="128"/>
      <c r="AQ3538" s="128"/>
      <c r="AR3538" s="128"/>
      <c r="AS3538" s="128"/>
      <c r="AT3538" s="128"/>
      <c r="AU3538" s="128"/>
      <c r="AV3538" s="128"/>
      <c r="AW3538" s="128"/>
      <c r="AX3538" s="128"/>
      <c r="AY3538" s="128"/>
      <c r="AZ3538" s="128"/>
      <c r="BA3538" s="128"/>
      <c r="BB3538" s="107">
        <v>45884</v>
      </c>
    </row>
    <row r="3539" spans="1:54" s="8" customFormat="1" ht="13.95" customHeight="1" x14ac:dyDescent="0.25">
      <c r="A3539" s="219" t="s">
        <v>7922</v>
      </c>
      <c r="B3539" s="220" t="s">
        <v>6395</v>
      </c>
      <c r="C3539" s="98" t="s">
        <v>7923</v>
      </c>
      <c r="D3539" s="98" t="s">
        <v>21206</v>
      </c>
      <c r="E3539" s="141">
        <v>1985</v>
      </c>
      <c r="F3539" s="141">
        <v>5000</v>
      </c>
      <c r="G3539" s="98" t="s">
        <v>1</v>
      </c>
      <c r="H3539" s="98">
        <v>1</v>
      </c>
      <c r="I3539" s="98">
        <v>0</v>
      </c>
      <c r="J3539" s="98" t="s">
        <v>400</v>
      </c>
      <c r="K3539" s="98" t="s">
        <v>400</v>
      </c>
      <c r="L3539" s="98" t="s">
        <v>400</v>
      </c>
      <c r="M3539" s="98" t="s">
        <v>400</v>
      </c>
      <c r="N3539" s="98" t="s">
        <v>400</v>
      </c>
      <c r="O3539" s="98" t="s">
        <v>400</v>
      </c>
      <c r="P3539" s="98" t="s">
        <v>400</v>
      </c>
      <c r="Q3539" s="98" t="s">
        <v>400</v>
      </c>
      <c r="R3539" s="98" t="s">
        <v>400</v>
      </c>
      <c r="S3539" s="98" t="s">
        <v>400</v>
      </c>
      <c r="T3539" s="98" t="s">
        <v>400</v>
      </c>
      <c r="U3539" s="128"/>
      <c r="V3539" s="128"/>
      <c r="W3539" s="128"/>
      <c r="X3539" s="128"/>
      <c r="Y3539" s="128"/>
      <c r="Z3539" s="128"/>
      <c r="AA3539" s="128"/>
      <c r="AB3539" s="128"/>
      <c r="AC3539" s="128"/>
      <c r="AD3539" s="128"/>
      <c r="AE3539" s="128"/>
      <c r="AF3539" s="128"/>
      <c r="AG3539" s="128"/>
      <c r="AH3539" s="128"/>
      <c r="AI3539" s="128"/>
      <c r="AJ3539" s="128"/>
      <c r="AK3539" s="128"/>
      <c r="AL3539" s="128"/>
      <c r="AM3539" s="128"/>
      <c r="AN3539" s="128"/>
      <c r="AO3539" s="128"/>
      <c r="AP3539" s="128"/>
      <c r="AQ3539" s="128"/>
      <c r="AR3539" s="128"/>
      <c r="AS3539" s="128"/>
      <c r="AT3539" s="128"/>
      <c r="AU3539" s="128"/>
      <c r="AV3539" s="128"/>
      <c r="AW3539" s="128"/>
      <c r="AX3539" s="128"/>
      <c r="AY3539" s="128"/>
      <c r="AZ3539" s="128"/>
      <c r="BA3539" s="128"/>
      <c r="BB3539" s="107">
        <v>45884</v>
      </c>
    </row>
    <row r="3540" spans="1:54" s="8" customFormat="1" ht="13.95" customHeight="1" x14ac:dyDescent="0.25">
      <c r="A3540" s="219" t="s">
        <v>7924</v>
      </c>
      <c r="B3540" s="220" t="s">
        <v>6395</v>
      </c>
      <c r="C3540" s="98" t="s">
        <v>7925</v>
      </c>
      <c r="D3540" s="98" t="s">
        <v>21207</v>
      </c>
      <c r="E3540" s="141">
        <v>1961</v>
      </c>
      <c r="F3540" s="141">
        <v>5081</v>
      </c>
      <c r="G3540" s="98" t="s">
        <v>1</v>
      </c>
      <c r="H3540" s="98">
        <v>0</v>
      </c>
      <c r="I3540" s="98">
        <v>0</v>
      </c>
      <c r="J3540" s="98" t="s">
        <v>400</v>
      </c>
      <c r="K3540" s="98" t="s">
        <v>400</v>
      </c>
      <c r="L3540" s="98" t="s">
        <v>400</v>
      </c>
      <c r="M3540" s="98" t="s">
        <v>400</v>
      </c>
      <c r="N3540" s="98" t="s">
        <v>400</v>
      </c>
      <c r="O3540" s="98" t="s">
        <v>400</v>
      </c>
      <c r="P3540" s="98" t="s">
        <v>400</v>
      </c>
      <c r="Q3540" s="98" t="s">
        <v>400</v>
      </c>
      <c r="R3540" s="98" t="s">
        <v>400</v>
      </c>
      <c r="S3540" s="98" t="s">
        <v>400</v>
      </c>
      <c r="T3540" s="98" t="s">
        <v>400</v>
      </c>
      <c r="U3540" s="128"/>
      <c r="V3540" s="128"/>
      <c r="W3540" s="128"/>
      <c r="X3540" s="128"/>
      <c r="Y3540" s="128"/>
      <c r="Z3540" s="128"/>
      <c r="AA3540" s="128"/>
      <c r="AB3540" s="128"/>
      <c r="AC3540" s="128"/>
      <c r="AD3540" s="128"/>
      <c r="AE3540" s="128"/>
      <c r="AF3540" s="128"/>
      <c r="AG3540" s="128"/>
      <c r="AH3540" s="128"/>
      <c r="AI3540" s="128"/>
      <c r="AJ3540" s="128"/>
      <c r="AK3540" s="128"/>
      <c r="AL3540" s="128"/>
      <c r="AM3540" s="128"/>
      <c r="AN3540" s="128"/>
      <c r="AO3540" s="128"/>
      <c r="AP3540" s="128"/>
      <c r="AQ3540" s="128"/>
      <c r="AR3540" s="128"/>
      <c r="AS3540" s="128"/>
      <c r="AT3540" s="128"/>
      <c r="AU3540" s="128"/>
      <c r="AV3540" s="128"/>
      <c r="AW3540" s="128"/>
      <c r="AX3540" s="128"/>
      <c r="AY3540" s="128"/>
      <c r="AZ3540" s="128"/>
      <c r="BA3540" s="128"/>
      <c r="BB3540" s="107">
        <v>45884</v>
      </c>
    </row>
    <row r="3541" spans="1:54" s="8" customFormat="1" ht="13.95" customHeight="1" x14ac:dyDescent="0.25">
      <c r="A3541" s="219" t="s">
        <v>7926</v>
      </c>
      <c r="B3541" s="220" t="s">
        <v>6395</v>
      </c>
      <c r="C3541" s="98" t="s">
        <v>7927</v>
      </c>
      <c r="D3541" s="98" t="s">
        <v>21208</v>
      </c>
      <c r="E3541" s="141">
        <v>2004</v>
      </c>
      <c r="F3541" s="141">
        <v>5199</v>
      </c>
      <c r="G3541" s="98" t="s">
        <v>1</v>
      </c>
      <c r="H3541" s="98">
        <v>0</v>
      </c>
      <c r="I3541" s="98">
        <v>0</v>
      </c>
      <c r="J3541" s="98" t="s">
        <v>400</v>
      </c>
      <c r="K3541" s="98" t="s">
        <v>400</v>
      </c>
      <c r="L3541" s="98" t="s">
        <v>400</v>
      </c>
      <c r="M3541" s="98" t="s">
        <v>400</v>
      </c>
      <c r="N3541" s="98" t="s">
        <v>400</v>
      </c>
      <c r="O3541" s="98" t="s">
        <v>400</v>
      </c>
      <c r="P3541" s="98" t="s">
        <v>400</v>
      </c>
      <c r="Q3541" s="98" t="s">
        <v>400</v>
      </c>
      <c r="R3541" s="98" t="s">
        <v>400</v>
      </c>
      <c r="S3541" s="98" t="s">
        <v>400</v>
      </c>
      <c r="T3541" s="98" t="s">
        <v>400</v>
      </c>
      <c r="U3541" s="128"/>
      <c r="V3541" s="128"/>
      <c r="W3541" s="128"/>
      <c r="X3541" s="128"/>
      <c r="Y3541" s="128"/>
      <c r="Z3541" s="128"/>
      <c r="AA3541" s="128"/>
      <c r="AB3541" s="128"/>
      <c r="AC3541" s="128"/>
      <c r="AD3541" s="128"/>
      <c r="AE3541" s="128"/>
      <c r="AF3541" s="128"/>
      <c r="AG3541" s="128"/>
      <c r="AH3541" s="128"/>
      <c r="AI3541" s="128"/>
      <c r="AJ3541" s="128"/>
      <c r="AK3541" s="128"/>
      <c r="AL3541" s="128"/>
      <c r="AM3541" s="128"/>
      <c r="AN3541" s="128"/>
      <c r="AO3541" s="128"/>
      <c r="AP3541" s="128"/>
      <c r="AQ3541" s="128"/>
      <c r="AR3541" s="128"/>
      <c r="AS3541" s="128"/>
      <c r="AT3541" s="128"/>
      <c r="AU3541" s="128"/>
      <c r="AV3541" s="128"/>
      <c r="AW3541" s="128"/>
      <c r="AX3541" s="128"/>
      <c r="AY3541" s="128"/>
      <c r="AZ3541" s="128"/>
      <c r="BA3541" s="128"/>
      <c r="BB3541" s="107">
        <v>45884</v>
      </c>
    </row>
    <row r="3542" spans="1:54" s="8" customFormat="1" ht="13.95" customHeight="1" x14ac:dyDescent="0.25">
      <c r="A3542" s="219" t="s">
        <v>7928</v>
      </c>
      <c r="B3542" s="220" t="s">
        <v>6395</v>
      </c>
      <c r="C3542" s="98" t="s">
        <v>7929</v>
      </c>
      <c r="D3542" s="98" t="s">
        <v>20481</v>
      </c>
      <c r="E3542" s="141">
        <v>1979</v>
      </c>
      <c r="F3542" s="141">
        <v>5272</v>
      </c>
      <c r="G3542" s="98" t="s">
        <v>1</v>
      </c>
      <c r="H3542" s="98">
        <v>1</v>
      </c>
      <c r="I3542" s="98">
        <v>0</v>
      </c>
      <c r="J3542" s="98" t="s">
        <v>400</v>
      </c>
      <c r="K3542" s="98" t="s">
        <v>400</v>
      </c>
      <c r="L3542" s="98" t="s">
        <v>400</v>
      </c>
      <c r="M3542" s="98" t="s">
        <v>400</v>
      </c>
      <c r="N3542" s="98" t="s">
        <v>400</v>
      </c>
      <c r="O3542" s="98" t="s">
        <v>400</v>
      </c>
      <c r="P3542" s="98" t="s">
        <v>400</v>
      </c>
      <c r="Q3542" s="98" t="s">
        <v>400</v>
      </c>
      <c r="R3542" s="98" t="s">
        <v>400</v>
      </c>
      <c r="S3542" s="98" t="s">
        <v>400</v>
      </c>
      <c r="T3542" s="98" t="s">
        <v>400</v>
      </c>
      <c r="U3542" s="128"/>
      <c r="V3542" s="128"/>
      <c r="W3542" s="128"/>
      <c r="X3542" s="128"/>
      <c r="Y3542" s="128"/>
      <c r="Z3542" s="128"/>
      <c r="AA3542" s="128"/>
      <c r="AB3542" s="128"/>
      <c r="AC3542" s="128"/>
      <c r="AD3542" s="128"/>
      <c r="AE3542" s="128"/>
      <c r="AF3542" s="128"/>
      <c r="AG3542" s="128"/>
      <c r="AH3542" s="128"/>
      <c r="AI3542" s="128"/>
      <c r="AJ3542" s="128"/>
      <c r="AK3542" s="128"/>
      <c r="AL3542" s="128"/>
      <c r="AM3542" s="128"/>
      <c r="AN3542" s="128"/>
      <c r="AO3542" s="128"/>
      <c r="AP3542" s="128"/>
      <c r="AQ3542" s="128"/>
      <c r="AR3542" s="128"/>
      <c r="AS3542" s="128"/>
      <c r="AT3542" s="128"/>
      <c r="AU3542" s="128"/>
      <c r="AV3542" s="128"/>
      <c r="AW3542" s="128"/>
      <c r="AX3542" s="128"/>
      <c r="AY3542" s="128"/>
      <c r="AZ3542" s="128"/>
      <c r="BA3542" s="128"/>
      <c r="BB3542" s="107">
        <v>45884</v>
      </c>
    </row>
    <row r="3543" spans="1:54" s="8" customFormat="1" ht="13.95" customHeight="1" x14ac:dyDescent="0.25">
      <c r="A3543" s="219" t="s">
        <v>7930</v>
      </c>
      <c r="B3543" s="220" t="s">
        <v>6395</v>
      </c>
      <c r="C3543" s="98" t="s">
        <v>22189</v>
      </c>
      <c r="D3543" s="98" t="s">
        <v>21209</v>
      </c>
      <c r="E3543" s="141">
        <v>1962</v>
      </c>
      <c r="F3543" s="141">
        <v>5329</v>
      </c>
      <c r="G3543" s="98" t="s">
        <v>1</v>
      </c>
      <c r="H3543" s="98">
        <v>1</v>
      </c>
      <c r="I3543" s="98">
        <v>1</v>
      </c>
      <c r="J3543" s="98" t="s">
        <v>400</v>
      </c>
      <c r="K3543" s="98" t="s">
        <v>400</v>
      </c>
      <c r="L3543" s="98" t="s">
        <v>400</v>
      </c>
      <c r="M3543" s="98" t="s">
        <v>400</v>
      </c>
      <c r="N3543" s="98" t="s">
        <v>400</v>
      </c>
      <c r="O3543" s="98" t="s">
        <v>400</v>
      </c>
      <c r="P3543" s="98" t="s">
        <v>400</v>
      </c>
      <c r="Q3543" s="98" t="s">
        <v>400</v>
      </c>
      <c r="R3543" s="98" t="s">
        <v>400</v>
      </c>
      <c r="S3543" s="98" t="s">
        <v>400</v>
      </c>
      <c r="T3543" s="98" t="s">
        <v>400</v>
      </c>
      <c r="U3543" s="128"/>
      <c r="V3543" s="128"/>
      <c r="W3543" s="128"/>
      <c r="X3543" s="128"/>
      <c r="Y3543" s="128"/>
      <c r="Z3543" s="128"/>
      <c r="AA3543" s="128"/>
      <c r="AB3543" s="128"/>
      <c r="AC3543" s="128"/>
      <c r="AD3543" s="128"/>
      <c r="AE3543" s="128"/>
      <c r="AF3543" s="128"/>
      <c r="AG3543" s="128"/>
      <c r="AH3543" s="128"/>
      <c r="AI3543" s="128"/>
      <c r="AJ3543" s="128"/>
      <c r="AK3543" s="128"/>
      <c r="AL3543" s="128"/>
      <c r="AM3543" s="128"/>
      <c r="AN3543" s="128"/>
      <c r="AO3543" s="128"/>
      <c r="AP3543" s="128"/>
      <c r="AQ3543" s="128"/>
      <c r="AR3543" s="128"/>
      <c r="AS3543" s="128"/>
      <c r="AT3543" s="128"/>
      <c r="AU3543" s="128"/>
      <c r="AV3543" s="128"/>
      <c r="AW3543" s="128"/>
      <c r="AX3543" s="128"/>
      <c r="AY3543" s="128"/>
      <c r="AZ3543" s="128"/>
      <c r="BA3543" s="128"/>
      <c r="BB3543" s="107">
        <v>45884</v>
      </c>
    </row>
    <row r="3544" spans="1:54" s="8" customFormat="1" ht="13.95" customHeight="1" x14ac:dyDescent="0.25">
      <c r="A3544" s="219" t="s">
        <v>7931</v>
      </c>
      <c r="B3544" s="220" t="s">
        <v>6395</v>
      </c>
      <c r="C3544" s="98" t="s">
        <v>22190</v>
      </c>
      <c r="D3544" s="98" t="s">
        <v>21210</v>
      </c>
      <c r="E3544" s="141">
        <v>1985</v>
      </c>
      <c r="F3544" s="141">
        <v>5333</v>
      </c>
      <c r="G3544" s="98" t="s">
        <v>1</v>
      </c>
      <c r="H3544" s="98">
        <v>0</v>
      </c>
      <c r="I3544" s="98">
        <v>0</v>
      </c>
      <c r="J3544" s="98" t="s">
        <v>400</v>
      </c>
      <c r="K3544" s="98" t="s">
        <v>400</v>
      </c>
      <c r="L3544" s="98" t="s">
        <v>400</v>
      </c>
      <c r="M3544" s="98" t="s">
        <v>400</v>
      </c>
      <c r="N3544" s="98" t="s">
        <v>400</v>
      </c>
      <c r="O3544" s="98" t="s">
        <v>400</v>
      </c>
      <c r="P3544" s="98" t="s">
        <v>400</v>
      </c>
      <c r="Q3544" s="98" t="s">
        <v>400</v>
      </c>
      <c r="R3544" s="98" t="s">
        <v>400</v>
      </c>
      <c r="S3544" s="98" t="s">
        <v>400</v>
      </c>
      <c r="T3544" s="98" t="s">
        <v>400</v>
      </c>
      <c r="U3544" s="128"/>
      <c r="V3544" s="128"/>
      <c r="W3544" s="128"/>
      <c r="X3544" s="128"/>
      <c r="Y3544" s="128"/>
      <c r="Z3544" s="128"/>
      <c r="AA3544" s="128"/>
      <c r="AB3544" s="128"/>
      <c r="AC3544" s="128"/>
      <c r="AD3544" s="128"/>
      <c r="AE3544" s="128"/>
      <c r="AF3544" s="128"/>
      <c r="AG3544" s="128"/>
      <c r="AH3544" s="128"/>
      <c r="AI3544" s="128"/>
      <c r="AJ3544" s="128"/>
      <c r="AK3544" s="128"/>
      <c r="AL3544" s="128"/>
      <c r="AM3544" s="128"/>
      <c r="AN3544" s="128"/>
      <c r="AO3544" s="128"/>
      <c r="AP3544" s="128"/>
      <c r="AQ3544" s="128"/>
      <c r="AR3544" s="128"/>
      <c r="AS3544" s="128"/>
      <c r="AT3544" s="128"/>
      <c r="AU3544" s="128"/>
      <c r="AV3544" s="128"/>
      <c r="AW3544" s="128"/>
      <c r="AX3544" s="128"/>
      <c r="AY3544" s="128"/>
      <c r="AZ3544" s="128"/>
      <c r="BA3544" s="128"/>
      <c r="BB3544" s="107">
        <v>45884</v>
      </c>
    </row>
    <row r="3545" spans="1:54" s="8" customFormat="1" ht="13.95" customHeight="1" x14ac:dyDescent="0.25">
      <c r="A3545" s="219" t="s">
        <v>7932</v>
      </c>
      <c r="B3545" s="220" t="s">
        <v>6395</v>
      </c>
      <c r="C3545" s="98" t="s">
        <v>7933</v>
      </c>
      <c r="D3545" s="98" t="s">
        <v>21211</v>
      </c>
      <c r="E3545" s="141">
        <v>2004</v>
      </c>
      <c r="F3545" s="141">
        <v>5475</v>
      </c>
      <c r="G3545" s="98" t="s">
        <v>1</v>
      </c>
      <c r="H3545" s="98">
        <v>0</v>
      </c>
      <c r="I3545" s="98">
        <v>0</v>
      </c>
      <c r="J3545" s="98" t="s">
        <v>400</v>
      </c>
      <c r="K3545" s="98" t="s">
        <v>400</v>
      </c>
      <c r="L3545" s="98" t="s">
        <v>400</v>
      </c>
      <c r="M3545" s="98" t="s">
        <v>400</v>
      </c>
      <c r="N3545" s="98" t="s">
        <v>400</v>
      </c>
      <c r="O3545" s="98" t="s">
        <v>400</v>
      </c>
      <c r="P3545" s="98" t="s">
        <v>400</v>
      </c>
      <c r="Q3545" s="98" t="s">
        <v>400</v>
      </c>
      <c r="R3545" s="98" t="s">
        <v>400</v>
      </c>
      <c r="S3545" s="98" t="s">
        <v>400</v>
      </c>
      <c r="T3545" s="98" t="s">
        <v>400</v>
      </c>
      <c r="U3545" s="128"/>
      <c r="V3545" s="128"/>
      <c r="W3545" s="128"/>
      <c r="X3545" s="128"/>
      <c r="Y3545" s="128"/>
      <c r="Z3545" s="128"/>
      <c r="AA3545" s="128"/>
      <c r="AB3545" s="128"/>
      <c r="AC3545" s="128"/>
      <c r="AD3545" s="128"/>
      <c r="AE3545" s="128"/>
      <c r="AF3545" s="128"/>
      <c r="AG3545" s="128"/>
      <c r="AH3545" s="128"/>
      <c r="AI3545" s="128"/>
      <c r="AJ3545" s="128"/>
      <c r="AK3545" s="128"/>
      <c r="AL3545" s="128"/>
      <c r="AM3545" s="128"/>
      <c r="AN3545" s="128"/>
      <c r="AO3545" s="128"/>
      <c r="AP3545" s="128"/>
      <c r="AQ3545" s="128"/>
      <c r="AR3545" s="128"/>
      <c r="AS3545" s="128"/>
      <c r="AT3545" s="128"/>
      <c r="AU3545" s="128"/>
      <c r="AV3545" s="128"/>
      <c r="AW3545" s="128"/>
      <c r="AX3545" s="128"/>
      <c r="AY3545" s="128"/>
      <c r="AZ3545" s="128"/>
      <c r="BA3545" s="128"/>
      <c r="BB3545" s="107">
        <v>45884</v>
      </c>
    </row>
    <row r="3546" spans="1:54" s="8" customFormat="1" ht="13.95" customHeight="1" x14ac:dyDescent="0.25">
      <c r="A3546" s="219" t="s">
        <v>7934</v>
      </c>
      <c r="B3546" s="220" t="s">
        <v>6395</v>
      </c>
      <c r="C3546" s="98" t="s">
        <v>7935</v>
      </c>
      <c r="D3546" s="98" t="s">
        <v>21212</v>
      </c>
      <c r="E3546" s="141">
        <v>1980</v>
      </c>
      <c r="F3546" s="141">
        <v>5539</v>
      </c>
      <c r="G3546" s="98" t="s">
        <v>8</v>
      </c>
      <c r="H3546" s="98">
        <v>0</v>
      </c>
      <c r="I3546" s="98">
        <v>0</v>
      </c>
      <c r="J3546" s="98" t="s">
        <v>400</v>
      </c>
      <c r="K3546" s="98" t="s">
        <v>400</v>
      </c>
      <c r="L3546" s="98" t="s">
        <v>400</v>
      </c>
      <c r="M3546" s="98" t="s">
        <v>400</v>
      </c>
      <c r="N3546" s="98" t="s">
        <v>400</v>
      </c>
      <c r="O3546" s="98" t="s">
        <v>400</v>
      </c>
      <c r="P3546" s="98" t="s">
        <v>400</v>
      </c>
      <c r="Q3546" s="98" t="s">
        <v>400</v>
      </c>
      <c r="R3546" s="98" t="s">
        <v>400</v>
      </c>
      <c r="S3546" s="98" t="s">
        <v>400</v>
      </c>
      <c r="T3546" s="98" t="s">
        <v>400</v>
      </c>
      <c r="U3546" s="98">
        <v>0</v>
      </c>
      <c r="V3546" s="98">
        <v>0</v>
      </c>
      <c r="W3546" s="98" t="s">
        <v>400</v>
      </c>
      <c r="X3546" s="98">
        <v>0</v>
      </c>
      <c r="Y3546" s="98">
        <v>0</v>
      </c>
      <c r="Z3546" s="98">
        <v>0</v>
      </c>
      <c r="AA3546" s="98" t="s">
        <v>400</v>
      </c>
      <c r="AB3546" s="98">
        <v>0</v>
      </c>
      <c r="AC3546" s="98">
        <v>0</v>
      </c>
      <c r="AD3546" s="98">
        <v>0</v>
      </c>
      <c r="AE3546" s="98">
        <v>0</v>
      </c>
      <c r="AF3546" s="98">
        <v>0</v>
      </c>
      <c r="AG3546" s="98">
        <v>0</v>
      </c>
      <c r="AH3546" s="98">
        <v>0</v>
      </c>
      <c r="AI3546" s="98">
        <v>0</v>
      </c>
      <c r="AJ3546" s="98">
        <v>0</v>
      </c>
      <c r="AK3546" s="98">
        <v>0</v>
      </c>
      <c r="AL3546" s="98">
        <v>0</v>
      </c>
      <c r="AM3546" s="98">
        <v>0</v>
      </c>
      <c r="AN3546" s="98">
        <v>0</v>
      </c>
      <c r="AO3546" s="98">
        <v>0</v>
      </c>
      <c r="AP3546" s="98">
        <v>0</v>
      </c>
      <c r="AQ3546" s="98">
        <v>0</v>
      </c>
      <c r="AR3546" s="98">
        <v>0</v>
      </c>
      <c r="AS3546" s="98">
        <v>0</v>
      </c>
      <c r="AT3546" s="129">
        <v>0</v>
      </c>
      <c r="AU3546" s="98">
        <v>0</v>
      </c>
      <c r="AV3546" s="98">
        <v>0</v>
      </c>
      <c r="AW3546" s="98">
        <v>0</v>
      </c>
      <c r="AX3546" s="98"/>
      <c r="AY3546" s="98"/>
      <c r="AZ3546" s="98"/>
      <c r="BA3546" s="98"/>
      <c r="BB3546" s="107">
        <v>45884</v>
      </c>
    </row>
    <row r="3547" spans="1:54" s="8" customFormat="1" ht="13.95" customHeight="1" x14ac:dyDescent="0.25">
      <c r="A3547" s="219" t="s">
        <v>7936</v>
      </c>
      <c r="B3547" s="220" t="s">
        <v>6395</v>
      </c>
      <c r="C3547" s="98" t="s">
        <v>7937</v>
      </c>
      <c r="D3547" s="98" t="s">
        <v>21213</v>
      </c>
      <c r="E3547" s="141">
        <v>1988</v>
      </c>
      <c r="F3547" s="141">
        <v>5562</v>
      </c>
      <c r="G3547" s="98" t="s">
        <v>8</v>
      </c>
      <c r="H3547" s="98">
        <v>0</v>
      </c>
      <c r="I3547" s="98">
        <v>0</v>
      </c>
      <c r="J3547" s="98" t="s">
        <v>400</v>
      </c>
      <c r="K3547" s="98" t="s">
        <v>400</v>
      </c>
      <c r="L3547" s="98" t="s">
        <v>400</v>
      </c>
      <c r="M3547" s="98" t="s">
        <v>400</v>
      </c>
      <c r="N3547" s="98" t="s">
        <v>400</v>
      </c>
      <c r="O3547" s="98" t="s">
        <v>400</v>
      </c>
      <c r="P3547" s="98" t="s">
        <v>400</v>
      </c>
      <c r="Q3547" s="98" t="s">
        <v>400</v>
      </c>
      <c r="R3547" s="98" t="s">
        <v>400</v>
      </c>
      <c r="S3547" s="98" t="s">
        <v>400</v>
      </c>
      <c r="T3547" s="98" t="s">
        <v>400</v>
      </c>
      <c r="U3547" s="98">
        <v>0</v>
      </c>
      <c r="V3547" s="98">
        <v>0</v>
      </c>
      <c r="W3547" s="98" t="s">
        <v>400</v>
      </c>
      <c r="X3547" s="98">
        <v>0</v>
      </c>
      <c r="Y3547" s="98">
        <v>0</v>
      </c>
      <c r="Z3547" s="98">
        <v>0</v>
      </c>
      <c r="AA3547" s="98" t="s">
        <v>400</v>
      </c>
      <c r="AB3547" s="98">
        <v>0</v>
      </c>
      <c r="AC3547" s="98">
        <v>0</v>
      </c>
      <c r="AD3547" s="98">
        <v>0</v>
      </c>
      <c r="AE3547" s="98">
        <v>0</v>
      </c>
      <c r="AF3547" s="98">
        <v>0</v>
      </c>
      <c r="AG3547" s="98">
        <v>0</v>
      </c>
      <c r="AH3547" s="98">
        <v>0</v>
      </c>
      <c r="AI3547" s="98">
        <v>0</v>
      </c>
      <c r="AJ3547" s="98">
        <v>0</v>
      </c>
      <c r="AK3547" s="98">
        <v>0</v>
      </c>
      <c r="AL3547" s="98">
        <v>0</v>
      </c>
      <c r="AM3547" s="98">
        <v>0</v>
      </c>
      <c r="AN3547" s="98">
        <v>0</v>
      </c>
      <c r="AO3547" s="98">
        <v>0</v>
      </c>
      <c r="AP3547" s="98">
        <v>0</v>
      </c>
      <c r="AQ3547" s="98">
        <v>0</v>
      </c>
      <c r="AR3547" s="98">
        <v>0</v>
      </c>
      <c r="AS3547" s="98">
        <v>0</v>
      </c>
      <c r="AT3547" s="129">
        <v>0</v>
      </c>
      <c r="AU3547" s="98">
        <v>0</v>
      </c>
      <c r="AV3547" s="98">
        <v>0</v>
      </c>
      <c r="AW3547" s="98">
        <v>0</v>
      </c>
      <c r="AX3547" s="98"/>
      <c r="AY3547" s="98"/>
      <c r="AZ3547" s="98"/>
      <c r="BA3547" s="98"/>
      <c r="BB3547" s="107">
        <v>45884</v>
      </c>
    </row>
    <row r="3548" spans="1:54" s="8" customFormat="1" ht="13.95" customHeight="1" x14ac:dyDescent="0.25">
      <c r="A3548" s="219" t="s">
        <v>7938</v>
      </c>
      <c r="B3548" s="220" t="s">
        <v>6395</v>
      </c>
      <c r="C3548" s="98" t="s">
        <v>7939</v>
      </c>
      <c r="D3548" s="98" t="s">
        <v>20482</v>
      </c>
      <c r="E3548" s="141">
        <v>1987</v>
      </c>
      <c r="F3548" s="141">
        <v>5563</v>
      </c>
      <c r="G3548" s="98" t="s">
        <v>1</v>
      </c>
      <c r="H3548" s="98">
        <v>1</v>
      </c>
      <c r="I3548" s="98">
        <v>0</v>
      </c>
      <c r="J3548" s="98" t="s">
        <v>400</v>
      </c>
      <c r="K3548" s="98" t="s">
        <v>400</v>
      </c>
      <c r="L3548" s="98" t="s">
        <v>400</v>
      </c>
      <c r="M3548" s="98" t="s">
        <v>400</v>
      </c>
      <c r="N3548" s="98" t="s">
        <v>400</v>
      </c>
      <c r="O3548" s="98" t="s">
        <v>400</v>
      </c>
      <c r="P3548" s="98" t="s">
        <v>400</v>
      </c>
      <c r="Q3548" s="98" t="s">
        <v>400</v>
      </c>
      <c r="R3548" s="98" t="s">
        <v>400</v>
      </c>
      <c r="S3548" s="98" t="s">
        <v>400</v>
      </c>
      <c r="T3548" s="98" t="s">
        <v>400</v>
      </c>
      <c r="U3548" s="128"/>
      <c r="V3548" s="128"/>
      <c r="W3548" s="128"/>
      <c r="X3548" s="128"/>
      <c r="Y3548" s="128"/>
      <c r="Z3548" s="128"/>
      <c r="AA3548" s="128"/>
      <c r="AB3548" s="128"/>
      <c r="AC3548" s="128"/>
      <c r="AD3548" s="128"/>
      <c r="AE3548" s="128"/>
      <c r="AF3548" s="128"/>
      <c r="AG3548" s="128"/>
      <c r="AH3548" s="128"/>
      <c r="AI3548" s="128"/>
      <c r="AJ3548" s="128"/>
      <c r="AK3548" s="128"/>
      <c r="AL3548" s="128"/>
      <c r="AM3548" s="128"/>
      <c r="AN3548" s="128"/>
      <c r="AO3548" s="128"/>
      <c r="AP3548" s="128"/>
      <c r="AQ3548" s="128"/>
      <c r="AR3548" s="128"/>
      <c r="AS3548" s="128"/>
      <c r="AT3548" s="128"/>
      <c r="AU3548" s="128"/>
      <c r="AV3548" s="128"/>
      <c r="AW3548" s="128"/>
      <c r="AX3548" s="128"/>
      <c r="AY3548" s="128"/>
      <c r="AZ3548" s="128"/>
      <c r="BA3548" s="128"/>
      <c r="BB3548" s="107">
        <v>45884</v>
      </c>
    </row>
    <row r="3549" spans="1:54" s="8" customFormat="1" ht="13.95" customHeight="1" x14ac:dyDescent="0.25">
      <c r="A3549" s="219" t="s">
        <v>7940</v>
      </c>
      <c r="B3549" s="220" t="s">
        <v>6395</v>
      </c>
      <c r="C3549" s="98" t="s">
        <v>7941</v>
      </c>
      <c r="D3549" s="98" t="s">
        <v>21214</v>
      </c>
      <c r="E3549" s="141">
        <v>1984</v>
      </c>
      <c r="F3549" s="141">
        <v>5625</v>
      </c>
      <c r="G3549" s="98" t="s">
        <v>1</v>
      </c>
      <c r="H3549" s="98">
        <v>1</v>
      </c>
      <c r="I3549" s="98">
        <v>0</v>
      </c>
      <c r="J3549" s="98" t="s">
        <v>400</v>
      </c>
      <c r="K3549" s="98" t="s">
        <v>400</v>
      </c>
      <c r="L3549" s="98" t="s">
        <v>400</v>
      </c>
      <c r="M3549" s="98" t="s">
        <v>400</v>
      </c>
      <c r="N3549" s="98" t="s">
        <v>400</v>
      </c>
      <c r="O3549" s="98" t="s">
        <v>400</v>
      </c>
      <c r="P3549" s="98" t="s">
        <v>400</v>
      </c>
      <c r="Q3549" s="98" t="s">
        <v>400</v>
      </c>
      <c r="R3549" s="98" t="s">
        <v>400</v>
      </c>
      <c r="S3549" s="98" t="s">
        <v>400</v>
      </c>
      <c r="T3549" s="98" t="s">
        <v>400</v>
      </c>
      <c r="U3549" s="128"/>
      <c r="V3549" s="128"/>
      <c r="W3549" s="128"/>
      <c r="X3549" s="128"/>
      <c r="Y3549" s="128"/>
      <c r="Z3549" s="128"/>
      <c r="AA3549" s="128"/>
      <c r="AB3549" s="128"/>
      <c r="AC3549" s="128"/>
      <c r="AD3549" s="128"/>
      <c r="AE3549" s="128"/>
      <c r="AF3549" s="128"/>
      <c r="AG3549" s="128"/>
      <c r="AH3549" s="128"/>
      <c r="AI3549" s="128"/>
      <c r="AJ3549" s="128"/>
      <c r="AK3549" s="128"/>
      <c r="AL3549" s="128"/>
      <c r="AM3549" s="128"/>
      <c r="AN3549" s="128"/>
      <c r="AO3549" s="128"/>
      <c r="AP3549" s="128"/>
      <c r="AQ3549" s="128"/>
      <c r="AR3549" s="128"/>
      <c r="AS3549" s="128"/>
      <c r="AT3549" s="128"/>
      <c r="AU3549" s="128"/>
      <c r="AV3549" s="128"/>
      <c r="AW3549" s="128"/>
      <c r="AX3549" s="128"/>
      <c r="AY3549" s="128"/>
      <c r="AZ3549" s="128"/>
      <c r="BA3549" s="128"/>
      <c r="BB3549" s="107">
        <v>45884</v>
      </c>
    </row>
    <row r="3550" spans="1:54" s="8" customFormat="1" ht="13.95" customHeight="1" x14ac:dyDescent="0.25">
      <c r="A3550" s="219" t="s">
        <v>7942</v>
      </c>
      <c r="B3550" s="220" t="s">
        <v>6395</v>
      </c>
      <c r="C3550" s="98" t="s">
        <v>22191</v>
      </c>
      <c r="D3550" s="98" t="s">
        <v>21215</v>
      </c>
      <c r="E3550" s="141">
        <v>1957</v>
      </c>
      <c r="F3550" s="141">
        <v>5732</v>
      </c>
      <c r="G3550" s="98" t="s">
        <v>1</v>
      </c>
      <c r="H3550" s="98">
        <v>1</v>
      </c>
      <c r="I3550" s="98">
        <v>0</v>
      </c>
      <c r="J3550" s="98" t="s">
        <v>400</v>
      </c>
      <c r="K3550" s="98" t="s">
        <v>400</v>
      </c>
      <c r="L3550" s="98" t="s">
        <v>400</v>
      </c>
      <c r="M3550" s="98" t="s">
        <v>400</v>
      </c>
      <c r="N3550" s="98" t="s">
        <v>400</v>
      </c>
      <c r="O3550" s="98" t="s">
        <v>400</v>
      </c>
      <c r="P3550" s="98" t="s">
        <v>400</v>
      </c>
      <c r="Q3550" s="98" t="s">
        <v>400</v>
      </c>
      <c r="R3550" s="98" t="s">
        <v>400</v>
      </c>
      <c r="S3550" s="98" t="s">
        <v>400</v>
      </c>
      <c r="T3550" s="98" t="s">
        <v>400</v>
      </c>
      <c r="U3550" s="128"/>
      <c r="V3550" s="128"/>
      <c r="W3550" s="128"/>
      <c r="X3550" s="128"/>
      <c r="Y3550" s="128"/>
      <c r="Z3550" s="128"/>
      <c r="AA3550" s="128"/>
      <c r="AB3550" s="128"/>
      <c r="AC3550" s="128"/>
      <c r="AD3550" s="128"/>
      <c r="AE3550" s="128"/>
      <c r="AF3550" s="128"/>
      <c r="AG3550" s="128"/>
      <c r="AH3550" s="128"/>
      <c r="AI3550" s="128"/>
      <c r="AJ3550" s="128"/>
      <c r="AK3550" s="128"/>
      <c r="AL3550" s="128"/>
      <c r="AM3550" s="128"/>
      <c r="AN3550" s="128"/>
      <c r="AO3550" s="128"/>
      <c r="AP3550" s="128"/>
      <c r="AQ3550" s="128"/>
      <c r="AR3550" s="128"/>
      <c r="AS3550" s="128"/>
      <c r="AT3550" s="128"/>
      <c r="AU3550" s="128"/>
      <c r="AV3550" s="128"/>
      <c r="AW3550" s="128"/>
      <c r="AX3550" s="128"/>
      <c r="AY3550" s="128"/>
      <c r="AZ3550" s="128"/>
      <c r="BA3550" s="128"/>
      <c r="BB3550" s="107">
        <v>45884</v>
      </c>
    </row>
    <row r="3551" spans="1:54" s="8" customFormat="1" ht="13.95" customHeight="1" x14ac:dyDescent="0.25">
      <c r="A3551" s="219" t="s">
        <v>7943</v>
      </c>
      <c r="B3551" s="220" t="s">
        <v>6395</v>
      </c>
      <c r="C3551" s="98" t="s">
        <v>7944</v>
      </c>
      <c r="D3551" s="98" t="s">
        <v>21216</v>
      </c>
      <c r="E3551" s="141">
        <v>1999</v>
      </c>
      <c r="F3551" s="141">
        <v>5769</v>
      </c>
      <c r="G3551" s="98" t="s">
        <v>1</v>
      </c>
      <c r="H3551" s="98">
        <v>1</v>
      </c>
      <c r="I3551" s="98">
        <v>0</v>
      </c>
      <c r="J3551" s="98" t="s">
        <v>400</v>
      </c>
      <c r="K3551" s="98" t="s">
        <v>400</v>
      </c>
      <c r="L3551" s="98" t="s">
        <v>400</v>
      </c>
      <c r="M3551" s="98" t="s">
        <v>400</v>
      </c>
      <c r="N3551" s="98" t="s">
        <v>400</v>
      </c>
      <c r="O3551" s="98" t="s">
        <v>400</v>
      </c>
      <c r="P3551" s="98" t="s">
        <v>400</v>
      </c>
      <c r="Q3551" s="98" t="s">
        <v>400</v>
      </c>
      <c r="R3551" s="98" t="s">
        <v>400</v>
      </c>
      <c r="S3551" s="98" t="s">
        <v>400</v>
      </c>
      <c r="T3551" s="98" t="s">
        <v>400</v>
      </c>
      <c r="U3551" s="128"/>
      <c r="V3551" s="128"/>
      <c r="W3551" s="128"/>
      <c r="X3551" s="128"/>
      <c r="Y3551" s="128"/>
      <c r="Z3551" s="128"/>
      <c r="AA3551" s="128"/>
      <c r="AB3551" s="128"/>
      <c r="AC3551" s="128"/>
      <c r="AD3551" s="128"/>
      <c r="AE3551" s="128"/>
      <c r="AF3551" s="128"/>
      <c r="AG3551" s="128"/>
      <c r="AH3551" s="128"/>
      <c r="AI3551" s="128"/>
      <c r="AJ3551" s="128"/>
      <c r="AK3551" s="128"/>
      <c r="AL3551" s="128"/>
      <c r="AM3551" s="128"/>
      <c r="AN3551" s="128"/>
      <c r="AO3551" s="128"/>
      <c r="AP3551" s="128"/>
      <c r="AQ3551" s="128"/>
      <c r="AR3551" s="128"/>
      <c r="AS3551" s="128"/>
      <c r="AT3551" s="128"/>
      <c r="AU3551" s="128"/>
      <c r="AV3551" s="128"/>
      <c r="AW3551" s="128"/>
      <c r="AX3551" s="128"/>
      <c r="AY3551" s="128"/>
      <c r="AZ3551" s="128"/>
      <c r="BA3551" s="128"/>
      <c r="BB3551" s="107">
        <v>45884</v>
      </c>
    </row>
    <row r="3552" spans="1:54" s="8" customFormat="1" ht="13.95" customHeight="1" x14ac:dyDescent="0.25">
      <c r="A3552" s="219" t="s">
        <v>7945</v>
      </c>
      <c r="B3552" s="220" t="s">
        <v>6395</v>
      </c>
      <c r="C3552" s="98" t="s">
        <v>7946</v>
      </c>
      <c r="D3552" s="98" t="s">
        <v>21217</v>
      </c>
      <c r="E3552" s="141">
        <v>1984</v>
      </c>
      <c r="F3552" s="141">
        <v>5841</v>
      </c>
      <c r="G3552" s="98" t="s">
        <v>11</v>
      </c>
      <c r="H3552" s="98">
        <v>0</v>
      </c>
      <c r="I3552" s="98">
        <v>0</v>
      </c>
      <c r="J3552" s="98" t="s">
        <v>400</v>
      </c>
      <c r="K3552" s="98" t="s">
        <v>400</v>
      </c>
      <c r="L3552" s="98" t="s">
        <v>400</v>
      </c>
      <c r="M3552" s="98" t="s">
        <v>400</v>
      </c>
      <c r="N3552" s="98" t="s">
        <v>400</v>
      </c>
      <c r="O3552" s="98" t="s">
        <v>400</v>
      </c>
      <c r="P3552" s="98" t="s">
        <v>400</v>
      </c>
      <c r="Q3552" s="98" t="s">
        <v>400</v>
      </c>
      <c r="R3552" s="98" t="s">
        <v>400</v>
      </c>
      <c r="S3552" s="98" t="s">
        <v>400</v>
      </c>
      <c r="T3552" s="98" t="s">
        <v>400</v>
      </c>
      <c r="U3552" s="98">
        <v>0</v>
      </c>
      <c r="V3552" s="98">
        <v>0</v>
      </c>
      <c r="W3552" s="98" t="s">
        <v>400</v>
      </c>
      <c r="X3552" s="98">
        <v>0</v>
      </c>
      <c r="Y3552" s="98">
        <v>0</v>
      </c>
      <c r="Z3552" s="98">
        <v>0</v>
      </c>
      <c r="AA3552" s="98" t="s">
        <v>400</v>
      </c>
      <c r="AB3552" s="98">
        <v>0</v>
      </c>
      <c r="AC3552" s="98">
        <v>0</v>
      </c>
      <c r="AD3552" s="98">
        <v>0</v>
      </c>
      <c r="AE3552" s="98">
        <v>0</v>
      </c>
      <c r="AF3552" s="98">
        <v>0</v>
      </c>
      <c r="AG3552" s="98">
        <v>0</v>
      </c>
      <c r="AH3552" s="98">
        <v>0</v>
      </c>
      <c r="AI3552" s="98">
        <v>0</v>
      </c>
      <c r="AJ3552" s="98">
        <v>0</v>
      </c>
      <c r="AK3552" s="98">
        <v>0</v>
      </c>
      <c r="AL3552" s="98">
        <v>0</v>
      </c>
      <c r="AM3552" s="98">
        <v>0</v>
      </c>
      <c r="AN3552" s="98">
        <v>0</v>
      </c>
      <c r="AO3552" s="98">
        <v>0</v>
      </c>
      <c r="AP3552" s="98">
        <v>0</v>
      </c>
      <c r="AQ3552" s="98">
        <v>0</v>
      </c>
      <c r="AR3552" s="98">
        <v>0</v>
      </c>
      <c r="AS3552" s="98">
        <v>0</v>
      </c>
      <c r="AT3552" s="129">
        <v>0</v>
      </c>
      <c r="AU3552" s="98">
        <v>0</v>
      </c>
      <c r="AV3552" s="98">
        <v>0</v>
      </c>
      <c r="AW3552" s="98">
        <v>0</v>
      </c>
      <c r="AX3552" s="98"/>
      <c r="AY3552" s="98"/>
      <c r="AZ3552" s="98"/>
      <c r="BA3552" s="98"/>
      <c r="BB3552" s="107">
        <v>45884</v>
      </c>
    </row>
    <row r="3553" spans="1:54" s="8" customFormat="1" ht="13.95" customHeight="1" x14ac:dyDescent="0.25">
      <c r="A3553" s="219" t="s">
        <v>7947</v>
      </c>
      <c r="B3553" s="220" t="s">
        <v>6395</v>
      </c>
      <c r="C3553" s="98" t="s">
        <v>7948</v>
      </c>
      <c r="D3553" s="98" t="s">
        <v>21218</v>
      </c>
      <c r="E3553" s="141">
        <v>2014</v>
      </c>
      <c r="F3553" s="141">
        <v>8636</v>
      </c>
      <c r="G3553" s="98" t="s">
        <v>8</v>
      </c>
      <c r="H3553" s="98">
        <v>0</v>
      </c>
      <c r="I3553" s="98">
        <v>0</v>
      </c>
      <c r="J3553" s="98" t="s">
        <v>400</v>
      </c>
      <c r="K3553" s="98" t="s">
        <v>400</v>
      </c>
      <c r="L3553" s="98" t="s">
        <v>400</v>
      </c>
      <c r="M3553" s="98" t="s">
        <v>400</v>
      </c>
      <c r="N3553" s="98" t="s">
        <v>400</v>
      </c>
      <c r="O3553" s="98" t="s">
        <v>400</v>
      </c>
      <c r="P3553" s="98" t="s">
        <v>400</v>
      </c>
      <c r="Q3553" s="98" t="s">
        <v>400</v>
      </c>
      <c r="R3553" s="98" t="s">
        <v>400</v>
      </c>
      <c r="S3553" s="98" t="s">
        <v>400</v>
      </c>
      <c r="T3553" s="98" t="s">
        <v>400</v>
      </c>
      <c r="U3553" s="98">
        <v>0</v>
      </c>
      <c r="V3553" s="98">
        <v>0</v>
      </c>
      <c r="W3553" s="98" t="s">
        <v>400</v>
      </c>
      <c r="X3553" s="98">
        <v>0</v>
      </c>
      <c r="Y3553" s="98">
        <v>0</v>
      </c>
      <c r="Z3553" s="98">
        <v>0</v>
      </c>
      <c r="AA3553" s="98" t="s">
        <v>400</v>
      </c>
      <c r="AB3553" s="98">
        <v>0</v>
      </c>
      <c r="AC3553" s="98">
        <v>0</v>
      </c>
      <c r="AD3553" s="98">
        <v>0</v>
      </c>
      <c r="AE3553" s="98">
        <v>0</v>
      </c>
      <c r="AF3553" s="98">
        <v>0</v>
      </c>
      <c r="AG3553" s="98">
        <v>0</v>
      </c>
      <c r="AH3553" s="98">
        <v>0</v>
      </c>
      <c r="AI3553" s="98">
        <v>0</v>
      </c>
      <c r="AJ3553" s="98">
        <v>0</v>
      </c>
      <c r="AK3553" s="98">
        <v>0</v>
      </c>
      <c r="AL3553" s="98">
        <v>0</v>
      </c>
      <c r="AM3553" s="98">
        <v>0</v>
      </c>
      <c r="AN3553" s="98">
        <v>0</v>
      </c>
      <c r="AO3553" s="98">
        <v>0</v>
      </c>
      <c r="AP3553" s="98">
        <v>0</v>
      </c>
      <c r="AQ3553" s="98">
        <v>0</v>
      </c>
      <c r="AR3553" s="98">
        <v>0</v>
      </c>
      <c r="AS3553" s="98">
        <v>0</v>
      </c>
      <c r="AT3553" s="129">
        <v>0</v>
      </c>
      <c r="AU3553" s="98">
        <v>0</v>
      </c>
      <c r="AV3553" s="98">
        <v>0</v>
      </c>
      <c r="AW3553" s="98">
        <v>0</v>
      </c>
      <c r="AX3553" s="98"/>
      <c r="AY3553" s="98"/>
      <c r="AZ3553" s="98"/>
      <c r="BA3553" s="98"/>
      <c r="BB3553" s="107">
        <v>45884</v>
      </c>
    </row>
    <row r="3554" spans="1:54" s="8" customFormat="1" ht="13.95" customHeight="1" x14ac:dyDescent="0.25">
      <c r="A3554" s="219" t="s">
        <v>7949</v>
      </c>
      <c r="B3554" s="220" t="s">
        <v>6395</v>
      </c>
      <c r="C3554" s="98" t="s">
        <v>7950</v>
      </c>
      <c r="D3554" s="98" t="s">
        <v>21219</v>
      </c>
      <c r="E3554" s="141">
        <v>1983</v>
      </c>
      <c r="F3554" s="141">
        <v>6498</v>
      </c>
      <c r="G3554" s="98" t="s">
        <v>1</v>
      </c>
      <c r="H3554" s="98">
        <v>0</v>
      </c>
      <c r="I3554" s="98">
        <v>0</v>
      </c>
      <c r="J3554" s="98" t="s">
        <v>400</v>
      </c>
      <c r="K3554" s="98" t="s">
        <v>400</v>
      </c>
      <c r="L3554" s="98" t="s">
        <v>400</v>
      </c>
      <c r="M3554" s="98" t="s">
        <v>400</v>
      </c>
      <c r="N3554" s="98" t="s">
        <v>400</v>
      </c>
      <c r="O3554" s="98" t="s">
        <v>400</v>
      </c>
      <c r="P3554" s="98" t="s">
        <v>400</v>
      </c>
      <c r="Q3554" s="98" t="s">
        <v>400</v>
      </c>
      <c r="R3554" s="98" t="s">
        <v>400</v>
      </c>
      <c r="S3554" s="98" t="s">
        <v>400</v>
      </c>
      <c r="T3554" s="98" t="s">
        <v>400</v>
      </c>
      <c r="U3554" s="128"/>
      <c r="V3554" s="128"/>
      <c r="W3554" s="128"/>
      <c r="X3554" s="128"/>
      <c r="Y3554" s="128"/>
      <c r="Z3554" s="128"/>
      <c r="AA3554" s="128"/>
      <c r="AB3554" s="128"/>
      <c r="AC3554" s="128"/>
      <c r="AD3554" s="128"/>
      <c r="AE3554" s="128"/>
      <c r="AF3554" s="128"/>
      <c r="AG3554" s="128"/>
      <c r="AH3554" s="128"/>
      <c r="AI3554" s="128"/>
      <c r="AJ3554" s="128"/>
      <c r="AK3554" s="128"/>
      <c r="AL3554" s="128"/>
      <c r="AM3554" s="128"/>
      <c r="AN3554" s="128"/>
      <c r="AO3554" s="128"/>
      <c r="AP3554" s="128"/>
      <c r="AQ3554" s="128"/>
      <c r="AR3554" s="128"/>
      <c r="AS3554" s="128"/>
      <c r="AT3554" s="128"/>
      <c r="AU3554" s="128"/>
      <c r="AV3554" s="128"/>
      <c r="AW3554" s="128"/>
      <c r="AX3554" s="128"/>
      <c r="AY3554" s="128"/>
      <c r="AZ3554" s="128"/>
      <c r="BA3554" s="128"/>
      <c r="BB3554" s="107">
        <v>45884</v>
      </c>
    </row>
    <row r="3555" spans="1:54" s="8" customFormat="1" ht="13.95" customHeight="1" x14ac:dyDescent="0.25">
      <c r="A3555" s="219" t="s">
        <v>7951</v>
      </c>
      <c r="B3555" s="220" t="s">
        <v>6395</v>
      </c>
      <c r="C3555" s="98" t="s">
        <v>7952</v>
      </c>
      <c r="D3555" s="98" t="s">
        <v>21220</v>
      </c>
      <c r="E3555" s="141">
        <v>1984</v>
      </c>
      <c r="F3555" s="141">
        <v>6008</v>
      </c>
      <c r="G3555" s="98" t="s">
        <v>1</v>
      </c>
      <c r="H3555" s="98">
        <v>0</v>
      </c>
      <c r="I3555" s="98">
        <v>0</v>
      </c>
      <c r="J3555" s="98" t="s">
        <v>400</v>
      </c>
      <c r="K3555" s="98" t="s">
        <v>400</v>
      </c>
      <c r="L3555" s="98" t="s">
        <v>400</v>
      </c>
      <c r="M3555" s="98" t="s">
        <v>400</v>
      </c>
      <c r="N3555" s="98" t="s">
        <v>400</v>
      </c>
      <c r="O3555" s="98" t="s">
        <v>400</v>
      </c>
      <c r="P3555" s="98" t="s">
        <v>400</v>
      </c>
      <c r="Q3555" s="98" t="s">
        <v>400</v>
      </c>
      <c r="R3555" s="98" t="s">
        <v>400</v>
      </c>
      <c r="S3555" s="98" t="s">
        <v>400</v>
      </c>
      <c r="T3555" s="98" t="s">
        <v>400</v>
      </c>
      <c r="U3555" s="128"/>
      <c r="V3555" s="128"/>
      <c r="W3555" s="128"/>
      <c r="X3555" s="128"/>
      <c r="Y3555" s="128"/>
      <c r="Z3555" s="128"/>
      <c r="AA3555" s="128"/>
      <c r="AB3555" s="128"/>
      <c r="AC3555" s="128"/>
      <c r="AD3555" s="128"/>
      <c r="AE3555" s="128"/>
      <c r="AF3555" s="128"/>
      <c r="AG3555" s="128"/>
      <c r="AH3555" s="128"/>
      <c r="AI3555" s="128"/>
      <c r="AJ3555" s="128"/>
      <c r="AK3555" s="128"/>
      <c r="AL3555" s="128"/>
      <c r="AM3555" s="128"/>
      <c r="AN3555" s="128"/>
      <c r="AO3555" s="128"/>
      <c r="AP3555" s="128"/>
      <c r="AQ3555" s="128"/>
      <c r="AR3555" s="128"/>
      <c r="AS3555" s="128"/>
      <c r="AT3555" s="128"/>
      <c r="AU3555" s="128"/>
      <c r="AV3555" s="128"/>
      <c r="AW3555" s="128"/>
      <c r="AX3555" s="128"/>
      <c r="AY3555" s="128"/>
      <c r="AZ3555" s="128"/>
      <c r="BA3555" s="128"/>
      <c r="BB3555" s="107">
        <v>45884</v>
      </c>
    </row>
    <row r="3556" spans="1:54" s="8" customFormat="1" ht="13.95" customHeight="1" x14ac:dyDescent="0.25">
      <c r="A3556" s="219" t="s">
        <v>7953</v>
      </c>
      <c r="B3556" s="220" t="s">
        <v>6395</v>
      </c>
      <c r="C3556" s="98" t="s">
        <v>7954</v>
      </c>
      <c r="D3556" s="98" t="s">
        <v>21221</v>
      </c>
      <c r="E3556" s="141">
        <v>1987</v>
      </c>
      <c r="F3556" s="141">
        <v>6435</v>
      </c>
      <c r="G3556" s="98" t="s">
        <v>8</v>
      </c>
      <c r="H3556" s="98">
        <v>0</v>
      </c>
      <c r="I3556" s="98">
        <v>0</v>
      </c>
      <c r="J3556" s="98" t="s">
        <v>400</v>
      </c>
      <c r="K3556" s="98" t="s">
        <v>400</v>
      </c>
      <c r="L3556" s="98" t="s">
        <v>400</v>
      </c>
      <c r="M3556" s="98" t="s">
        <v>400</v>
      </c>
      <c r="N3556" s="98" t="s">
        <v>400</v>
      </c>
      <c r="O3556" s="98" t="s">
        <v>400</v>
      </c>
      <c r="P3556" s="98" t="s">
        <v>400</v>
      </c>
      <c r="Q3556" s="98" t="s">
        <v>400</v>
      </c>
      <c r="R3556" s="98" t="s">
        <v>400</v>
      </c>
      <c r="S3556" s="98" t="s">
        <v>400</v>
      </c>
      <c r="T3556" s="98" t="s">
        <v>400</v>
      </c>
      <c r="U3556" s="98">
        <v>0</v>
      </c>
      <c r="V3556" s="98">
        <v>0</v>
      </c>
      <c r="W3556" s="98" t="s">
        <v>400</v>
      </c>
      <c r="X3556" s="98">
        <v>0</v>
      </c>
      <c r="Y3556" s="98">
        <v>0</v>
      </c>
      <c r="Z3556" s="98">
        <v>0</v>
      </c>
      <c r="AA3556" s="98" t="s">
        <v>400</v>
      </c>
      <c r="AB3556" s="98">
        <v>0</v>
      </c>
      <c r="AC3556" s="98">
        <v>0</v>
      </c>
      <c r="AD3556" s="98">
        <v>0</v>
      </c>
      <c r="AE3556" s="98">
        <v>0</v>
      </c>
      <c r="AF3556" s="98">
        <v>0</v>
      </c>
      <c r="AG3556" s="98">
        <v>0</v>
      </c>
      <c r="AH3556" s="98">
        <v>0</v>
      </c>
      <c r="AI3556" s="98">
        <v>0</v>
      </c>
      <c r="AJ3556" s="98">
        <v>0</v>
      </c>
      <c r="AK3556" s="98">
        <v>0</v>
      </c>
      <c r="AL3556" s="98">
        <v>0</v>
      </c>
      <c r="AM3556" s="98">
        <v>0</v>
      </c>
      <c r="AN3556" s="98">
        <v>0</v>
      </c>
      <c r="AO3556" s="98">
        <v>0</v>
      </c>
      <c r="AP3556" s="98">
        <v>0</v>
      </c>
      <c r="AQ3556" s="98">
        <v>0</v>
      </c>
      <c r="AR3556" s="98">
        <v>0</v>
      </c>
      <c r="AS3556" s="98">
        <v>0</v>
      </c>
      <c r="AT3556" s="129">
        <v>0</v>
      </c>
      <c r="AU3556" s="98">
        <v>0</v>
      </c>
      <c r="AV3556" s="98">
        <v>0</v>
      </c>
      <c r="AW3556" s="98">
        <v>0</v>
      </c>
      <c r="AX3556" s="98"/>
      <c r="AY3556" s="98"/>
      <c r="AZ3556" s="98"/>
      <c r="BA3556" s="98"/>
      <c r="BB3556" s="107">
        <v>45884</v>
      </c>
    </row>
    <row r="3557" spans="1:54" s="8" customFormat="1" ht="13.95" customHeight="1" x14ac:dyDescent="0.25">
      <c r="A3557" s="219" t="s">
        <v>7955</v>
      </c>
      <c r="B3557" s="220" t="s">
        <v>6395</v>
      </c>
      <c r="C3557" s="98" t="s">
        <v>7956</v>
      </c>
      <c r="D3557" s="98" t="s">
        <v>21222</v>
      </c>
      <c r="E3557" s="141">
        <v>1973</v>
      </c>
      <c r="F3557" s="141">
        <v>6523</v>
      </c>
      <c r="G3557" s="98" t="s">
        <v>1</v>
      </c>
      <c r="H3557" s="98">
        <v>1</v>
      </c>
      <c r="I3557" s="98">
        <v>0</v>
      </c>
      <c r="J3557" s="98" t="s">
        <v>400</v>
      </c>
      <c r="K3557" s="98" t="s">
        <v>400</v>
      </c>
      <c r="L3557" s="98" t="s">
        <v>400</v>
      </c>
      <c r="M3557" s="98" t="s">
        <v>400</v>
      </c>
      <c r="N3557" s="98" t="s">
        <v>400</v>
      </c>
      <c r="O3557" s="98" t="s">
        <v>400</v>
      </c>
      <c r="P3557" s="98" t="s">
        <v>400</v>
      </c>
      <c r="Q3557" s="98" t="s">
        <v>400</v>
      </c>
      <c r="R3557" s="98" t="s">
        <v>400</v>
      </c>
      <c r="S3557" s="98" t="s">
        <v>400</v>
      </c>
      <c r="T3557" s="98" t="s">
        <v>400</v>
      </c>
      <c r="U3557" s="128"/>
      <c r="V3557" s="128"/>
      <c r="W3557" s="128"/>
      <c r="X3557" s="128"/>
      <c r="Y3557" s="128"/>
      <c r="Z3557" s="128"/>
      <c r="AA3557" s="128"/>
      <c r="AB3557" s="128"/>
      <c r="AC3557" s="128"/>
      <c r="AD3557" s="128"/>
      <c r="AE3557" s="128"/>
      <c r="AF3557" s="128"/>
      <c r="AG3557" s="128"/>
      <c r="AH3557" s="128"/>
      <c r="AI3557" s="128"/>
      <c r="AJ3557" s="128"/>
      <c r="AK3557" s="128"/>
      <c r="AL3557" s="128"/>
      <c r="AM3557" s="128"/>
      <c r="AN3557" s="128"/>
      <c r="AO3557" s="128"/>
      <c r="AP3557" s="128"/>
      <c r="AQ3557" s="128"/>
      <c r="AR3557" s="128"/>
      <c r="AS3557" s="128"/>
      <c r="AT3557" s="128"/>
      <c r="AU3557" s="128"/>
      <c r="AV3557" s="128"/>
      <c r="AW3557" s="128"/>
      <c r="AX3557" s="128"/>
      <c r="AY3557" s="128"/>
      <c r="AZ3557" s="128"/>
      <c r="BA3557" s="128"/>
      <c r="BB3557" s="107">
        <v>45884</v>
      </c>
    </row>
    <row r="3558" spans="1:54" s="8" customFormat="1" ht="13.95" customHeight="1" x14ac:dyDescent="0.25">
      <c r="A3558" s="219" t="s">
        <v>7957</v>
      </c>
      <c r="B3558" s="220" t="s">
        <v>6395</v>
      </c>
      <c r="C3558" s="98" t="s">
        <v>7958</v>
      </c>
      <c r="D3558" s="98" t="s">
        <v>21223</v>
      </c>
      <c r="E3558" s="141">
        <v>1965</v>
      </c>
      <c r="F3558" s="141">
        <v>6529</v>
      </c>
      <c r="G3558" s="98" t="s">
        <v>1</v>
      </c>
      <c r="H3558" s="98">
        <v>1</v>
      </c>
      <c r="I3558" s="98">
        <v>0</v>
      </c>
      <c r="J3558" s="98" t="s">
        <v>400</v>
      </c>
      <c r="K3558" s="98" t="s">
        <v>400</v>
      </c>
      <c r="L3558" s="98" t="s">
        <v>400</v>
      </c>
      <c r="M3558" s="98" t="s">
        <v>400</v>
      </c>
      <c r="N3558" s="98" t="s">
        <v>400</v>
      </c>
      <c r="O3558" s="98" t="s">
        <v>400</v>
      </c>
      <c r="P3558" s="98" t="s">
        <v>400</v>
      </c>
      <c r="Q3558" s="98" t="s">
        <v>400</v>
      </c>
      <c r="R3558" s="98" t="s">
        <v>400</v>
      </c>
      <c r="S3558" s="98" t="s">
        <v>400</v>
      </c>
      <c r="T3558" s="98" t="s">
        <v>400</v>
      </c>
      <c r="U3558" s="128"/>
      <c r="V3558" s="128"/>
      <c r="W3558" s="128"/>
      <c r="X3558" s="128"/>
      <c r="Y3558" s="128"/>
      <c r="Z3558" s="128"/>
      <c r="AA3558" s="128"/>
      <c r="AB3558" s="128"/>
      <c r="AC3558" s="128"/>
      <c r="AD3558" s="128"/>
      <c r="AE3558" s="128"/>
      <c r="AF3558" s="128"/>
      <c r="AG3558" s="128"/>
      <c r="AH3558" s="128"/>
      <c r="AI3558" s="128"/>
      <c r="AJ3558" s="128"/>
      <c r="AK3558" s="128"/>
      <c r="AL3558" s="128"/>
      <c r="AM3558" s="128"/>
      <c r="AN3558" s="128"/>
      <c r="AO3558" s="128"/>
      <c r="AP3558" s="128"/>
      <c r="AQ3558" s="128"/>
      <c r="AR3558" s="128"/>
      <c r="AS3558" s="128"/>
      <c r="AT3558" s="128"/>
      <c r="AU3558" s="128"/>
      <c r="AV3558" s="128"/>
      <c r="AW3558" s="128"/>
      <c r="AX3558" s="128"/>
      <c r="AY3558" s="128"/>
      <c r="AZ3558" s="128"/>
      <c r="BA3558" s="128"/>
      <c r="BB3558" s="107">
        <v>45884</v>
      </c>
    </row>
    <row r="3559" spans="1:54" s="8" customFormat="1" ht="13.95" customHeight="1" x14ac:dyDescent="0.25">
      <c r="A3559" s="219" t="s">
        <v>7959</v>
      </c>
      <c r="B3559" s="220" t="s">
        <v>6395</v>
      </c>
      <c r="C3559" s="98" t="s">
        <v>7960</v>
      </c>
      <c r="D3559" s="98" t="s">
        <v>21224</v>
      </c>
      <c r="E3559" s="141">
        <v>1976</v>
      </c>
      <c r="F3559" s="141">
        <v>6562</v>
      </c>
      <c r="G3559" s="98" t="s">
        <v>1</v>
      </c>
      <c r="H3559" s="98">
        <v>0</v>
      </c>
      <c r="I3559" s="98">
        <v>0</v>
      </c>
      <c r="J3559" s="98" t="s">
        <v>400</v>
      </c>
      <c r="K3559" s="98" t="s">
        <v>400</v>
      </c>
      <c r="L3559" s="98" t="s">
        <v>400</v>
      </c>
      <c r="M3559" s="98" t="s">
        <v>400</v>
      </c>
      <c r="N3559" s="98" t="s">
        <v>400</v>
      </c>
      <c r="O3559" s="98" t="s">
        <v>400</v>
      </c>
      <c r="P3559" s="98" t="s">
        <v>400</v>
      </c>
      <c r="Q3559" s="98" t="s">
        <v>400</v>
      </c>
      <c r="R3559" s="98" t="s">
        <v>400</v>
      </c>
      <c r="S3559" s="98" t="s">
        <v>400</v>
      </c>
      <c r="T3559" s="98" t="s">
        <v>400</v>
      </c>
      <c r="U3559" s="128"/>
      <c r="V3559" s="128"/>
      <c r="W3559" s="128"/>
      <c r="X3559" s="128"/>
      <c r="Y3559" s="128"/>
      <c r="Z3559" s="128"/>
      <c r="AA3559" s="128"/>
      <c r="AB3559" s="128"/>
      <c r="AC3559" s="128"/>
      <c r="AD3559" s="128"/>
      <c r="AE3559" s="128"/>
      <c r="AF3559" s="128"/>
      <c r="AG3559" s="128"/>
      <c r="AH3559" s="128"/>
      <c r="AI3559" s="128"/>
      <c r="AJ3559" s="128"/>
      <c r="AK3559" s="128"/>
      <c r="AL3559" s="128"/>
      <c r="AM3559" s="128"/>
      <c r="AN3559" s="128"/>
      <c r="AO3559" s="128"/>
      <c r="AP3559" s="128"/>
      <c r="AQ3559" s="128"/>
      <c r="AR3559" s="128"/>
      <c r="AS3559" s="128"/>
      <c r="AT3559" s="128"/>
      <c r="AU3559" s="128"/>
      <c r="AV3559" s="128"/>
      <c r="AW3559" s="128"/>
      <c r="AX3559" s="128"/>
      <c r="AY3559" s="128"/>
      <c r="AZ3559" s="128"/>
      <c r="BA3559" s="128"/>
      <c r="BB3559" s="107">
        <v>45884</v>
      </c>
    </row>
    <row r="3560" spans="1:54" s="8" customFormat="1" ht="13.95" customHeight="1" x14ac:dyDescent="0.25">
      <c r="A3560" s="219" t="s">
        <v>7961</v>
      </c>
      <c r="B3560" s="220" t="s">
        <v>6395</v>
      </c>
      <c r="C3560" s="98" t="s">
        <v>7962</v>
      </c>
      <c r="D3560" s="98" t="s">
        <v>7963</v>
      </c>
      <c r="E3560" s="141">
        <v>1978</v>
      </c>
      <c r="F3560" s="141">
        <v>6568</v>
      </c>
      <c r="G3560" s="98" t="s">
        <v>8</v>
      </c>
      <c r="H3560" s="98">
        <v>0</v>
      </c>
      <c r="I3560" s="98">
        <v>0</v>
      </c>
      <c r="J3560" s="98" t="s">
        <v>400</v>
      </c>
      <c r="K3560" s="98" t="s">
        <v>400</v>
      </c>
      <c r="L3560" s="98" t="s">
        <v>400</v>
      </c>
      <c r="M3560" s="98" t="s">
        <v>400</v>
      </c>
      <c r="N3560" s="98" t="s">
        <v>400</v>
      </c>
      <c r="O3560" s="98" t="s">
        <v>400</v>
      </c>
      <c r="P3560" s="98" t="s">
        <v>400</v>
      </c>
      <c r="Q3560" s="98" t="s">
        <v>400</v>
      </c>
      <c r="R3560" s="98" t="s">
        <v>400</v>
      </c>
      <c r="S3560" s="98" t="s">
        <v>400</v>
      </c>
      <c r="T3560" s="98" t="s">
        <v>400</v>
      </c>
      <c r="U3560" s="98">
        <v>0</v>
      </c>
      <c r="V3560" s="98">
        <v>0</v>
      </c>
      <c r="W3560" s="98" t="s">
        <v>400</v>
      </c>
      <c r="X3560" s="98">
        <v>0</v>
      </c>
      <c r="Y3560" s="98">
        <v>0</v>
      </c>
      <c r="Z3560" s="98">
        <v>0</v>
      </c>
      <c r="AA3560" s="98" t="s">
        <v>400</v>
      </c>
      <c r="AB3560" s="98">
        <v>0</v>
      </c>
      <c r="AC3560" s="98">
        <v>0</v>
      </c>
      <c r="AD3560" s="98">
        <v>0</v>
      </c>
      <c r="AE3560" s="98">
        <v>0</v>
      </c>
      <c r="AF3560" s="98">
        <v>0</v>
      </c>
      <c r="AG3560" s="98">
        <v>0</v>
      </c>
      <c r="AH3560" s="98">
        <v>0</v>
      </c>
      <c r="AI3560" s="98">
        <v>0</v>
      </c>
      <c r="AJ3560" s="98">
        <v>0</v>
      </c>
      <c r="AK3560" s="98">
        <v>0</v>
      </c>
      <c r="AL3560" s="98">
        <v>0</v>
      </c>
      <c r="AM3560" s="98">
        <v>0</v>
      </c>
      <c r="AN3560" s="98">
        <v>0</v>
      </c>
      <c r="AO3560" s="98">
        <v>0</v>
      </c>
      <c r="AP3560" s="98">
        <v>0</v>
      </c>
      <c r="AQ3560" s="98">
        <v>0</v>
      </c>
      <c r="AR3560" s="98">
        <v>0</v>
      </c>
      <c r="AS3560" s="98">
        <v>0</v>
      </c>
      <c r="AT3560" s="129">
        <v>0</v>
      </c>
      <c r="AU3560" s="98">
        <v>0</v>
      </c>
      <c r="AV3560" s="98">
        <v>0</v>
      </c>
      <c r="AW3560" s="98">
        <v>0</v>
      </c>
      <c r="AX3560" s="98"/>
      <c r="AY3560" s="98"/>
      <c r="AZ3560" s="98"/>
      <c r="BA3560" s="98"/>
      <c r="BB3560" s="107">
        <v>45884</v>
      </c>
    </row>
    <row r="3561" spans="1:54" s="8" customFormat="1" ht="13.95" customHeight="1" x14ac:dyDescent="0.25">
      <c r="A3561" s="219" t="s">
        <v>7964</v>
      </c>
      <c r="B3561" s="220" t="s">
        <v>6395</v>
      </c>
      <c r="C3561" s="98" t="s">
        <v>7965</v>
      </c>
      <c r="D3561" s="98" t="s">
        <v>20483</v>
      </c>
      <c r="E3561" s="141">
        <v>1974</v>
      </c>
      <c r="F3561" s="141">
        <v>6585</v>
      </c>
      <c r="G3561" s="98" t="s">
        <v>1</v>
      </c>
      <c r="H3561" s="98">
        <v>1</v>
      </c>
      <c r="I3561" s="98">
        <v>0</v>
      </c>
      <c r="J3561" s="98" t="s">
        <v>400</v>
      </c>
      <c r="K3561" s="98" t="s">
        <v>400</v>
      </c>
      <c r="L3561" s="98" t="s">
        <v>400</v>
      </c>
      <c r="M3561" s="98" t="s">
        <v>400</v>
      </c>
      <c r="N3561" s="98" t="s">
        <v>400</v>
      </c>
      <c r="O3561" s="98" t="s">
        <v>400</v>
      </c>
      <c r="P3561" s="98" t="s">
        <v>400</v>
      </c>
      <c r="Q3561" s="98" t="s">
        <v>400</v>
      </c>
      <c r="R3561" s="98" t="s">
        <v>400</v>
      </c>
      <c r="S3561" s="98" t="s">
        <v>400</v>
      </c>
      <c r="T3561" s="98" t="s">
        <v>400</v>
      </c>
      <c r="U3561" s="128"/>
      <c r="V3561" s="128"/>
      <c r="W3561" s="128"/>
      <c r="X3561" s="128"/>
      <c r="Y3561" s="128"/>
      <c r="Z3561" s="128"/>
      <c r="AA3561" s="128"/>
      <c r="AB3561" s="128"/>
      <c r="AC3561" s="128"/>
      <c r="AD3561" s="128"/>
      <c r="AE3561" s="128"/>
      <c r="AF3561" s="128"/>
      <c r="AG3561" s="128"/>
      <c r="AH3561" s="128"/>
      <c r="AI3561" s="128"/>
      <c r="AJ3561" s="128"/>
      <c r="AK3561" s="128"/>
      <c r="AL3561" s="128"/>
      <c r="AM3561" s="128"/>
      <c r="AN3561" s="128"/>
      <c r="AO3561" s="128"/>
      <c r="AP3561" s="128"/>
      <c r="AQ3561" s="128"/>
      <c r="AR3561" s="128"/>
      <c r="AS3561" s="128"/>
      <c r="AT3561" s="128"/>
      <c r="AU3561" s="128"/>
      <c r="AV3561" s="128"/>
      <c r="AW3561" s="128"/>
      <c r="AX3561" s="128"/>
      <c r="AY3561" s="128"/>
      <c r="AZ3561" s="128"/>
      <c r="BA3561" s="128"/>
      <c r="BB3561" s="107">
        <v>45884</v>
      </c>
    </row>
    <row r="3562" spans="1:54" s="8" customFormat="1" ht="13.95" customHeight="1" x14ac:dyDescent="0.25">
      <c r="A3562" s="219" t="s">
        <v>7966</v>
      </c>
      <c r="B3562" s="220" t="s">
        <v>6395</v>
      </c>
      <c r="C3562" s="98" t="s">
        <v>7967</v>
      </c>
      <c r="D3562" s="98" t="s">
        <v>21225</v>
      </c>
      <c r="E3562" s="141">
        <v>1977</v>
      </c>
      <c r="F3562" s="141">
        <v>6941</v>
      </c>
      <c r="G3562" s="98" t="s">
        <v>8</v>
      </c>
      <c r="H3562" s="98">
        <v>0</v>
      </c>
      <c r="I3562" s="98">
        <v>0</v>
      </c>
      <c r="J3562" s="98" t="s">
        <v>400</v>
      </c>
      <c r="K3562" s="98" t="s">
        <v>400</v>
      </c>
      <c r="L3562" s="98" t="s">
        <v>400</v>
      </c>
      <c r="M3562" s="98" t="s">
        <v>400</v>
      </c>
      <c r="N3562" s="98" t="s">
        <v>400</v>
      </c>
      <c r="O3562" s="98" t="s">
        <v>400</v>
      </c>
      <c r="P3562" s="98" t="s">
        <v>400</v>
      </c>
      <c r="Q3562" s="98" t="s">
        <v>400</v>
      </c>
      <c r="R3562" s="98" t="s">
        <v>400</v>
      </c>
      <c r="S3562" s="98" t="s">
        <v>400</v>
      </c>
      <c r="T3562" s="98" t="s">
        <v>400</v>
      </c>
      <c r="U3562" s="98">
        <v>0</v>
      </c>
      <c r="V3562" s="98">
        <v>0</v>
      </c>
      <c r="W3562" s="98" t="s">
        <v>400</v>
      </c>
      <c r="X3562" s="98">
        <v>0</v>
      </c>
      <c r="Y3562" s="98">
        <v>0</v>
      </c>
      <c r="Z3562" s="98">
        <v>0</v>
      </c>
      <c r="AA3562" s="98" t="s">
        <v>400</v>
      </c>
      <c r="AB3562" s="98">
        <v>0</v>
      </c>
      <c r="AC3562" s="98">
        <v>0</v>
      </c>
      <c r="AD3562" s="98">
        <v>0</v>
      </c>
      <c r="AE3562" s="98">
        <v>0</v>
      </c>
      <c r="AF3562" s="98">
        <v>0</v>
      </c>
      <c r="AG3562" s="98">
        <v>0</v>
      </c>
      <c r="AH3562" s="98">
        <v>0</v>
      </c>
      <c r="AI3562" s="98">
        <v>0</v>
      </c>
      <c r="AJ3562" s="98">
        <v>0</v>
      </c>
      <c r="AK3562" s="98">
        <v>0</v>
      </c>
      <c r="AL3562" s="98">
        <v>0</v>
      </c>
      <c r="AM3562" s="98">
        <v>0</v>
      </c>
      <c r="AN3562" s="98">
        <v>0</v>
      </c>
      <c r="AO3562" s="98">
        <v>0</v>
      </c>
      <c r="AP3562" s="98">
        <v>0</v>
      </c>
      <c r="AQ3562" s="98">
        <v>0</v>
      </c>
      <c r="AR3562" s="98">
        <v>0</v>
      </c>
      <c r="AS3562" s="98">
        <v>0</v>
      </c>
      <c r="AT3562" s="129">
        <v>0</v>
      </c>
      <c r="AU3562" s="98">
        <v>0</v>
      </c>
      <c r="AV3562" s="98">
        <v>0</v>
      </c>
      <c r="AW3562" s="98">
        <v>0</v>
      </c>
      <c r="AX3562" s="98"/>
      <c r="AY3562" s="98"/>
      <c r="AZ3562" s="98"/>
      <c r="BA3562" s="98"/>
      <c r="BB3562" s="107">
        <v>45884</v>
      </c>
    </row>
    <row r="3563" spans="1:54" s="8" customFormat="1" ht="13.95" customHeight="1" x14ac:dyDescent="0.25">
      <c r="A3563" s="219" t="s">
        <v>7968</v>
      </c>
      <c r="B3563" s="220" t="s">
        <v>6395</v>
      </c>
      <c r="C3563" s="98" t="s">
        <v>7969</v>
      </c>
      <c r="D3563" s="98" t="s">
        <v>7730</v>
      </c>
      <c r="E3563" s="141">
        <v>1975</v>
      </c>
      <c r="F3563" s="141">
        <v>6957</v>
      </c>
      <c r="G3563" s="98" t="s">
        <v>11</v>
      </c>
      <c r="H3563" s="98">
        <v>0</v>
      </c>
      <c r="I3563" s="98">
        <v>0</v>
      </c>
      <c r="J3563" s="98" t="s">
        <v>400</v>
      </c>
      <c r="K3563" s="98" t="s">
        <v>400</v>
      </c>
      <c r="L3563" s="98" t="s">
        <v>400</v>
      </c>
      <c r="M3563" s="98" t="s">
        <v>400</v>
      </c>
      <c r="N3563" s="98" t="s">
        <v>400</v>
      </c>
      <c r="O3563" s="98" t="s">
        <v>400</v>
      </c>
      <c r="P3563" s="98" t="s">
        <v>400</v>
      </c>
      <c r="Q3563" s="98" t="s">
        <v>400</v>
      </c>
      <c r="R3563" s="98" t="s">
        <v>400</v>
      </c>
      <c r="S3563" s="98" t="s">
        <v>400</v>
      </c>
      <c r="T3563" s="98" t="s">
        <v>400</v>
      </c>
      <c r="U3563" s="98">
        <v>0</v>
      </c>
      <c r="V3563" s="98">
        <v>0</v>
      </c>
      <c r="W3563" s="98" t="s">
        <v>400</v>
      </c>
      <c r="X3563" s="98">
        <v>0</v>
      </c>
      <c r="Y3563" s="98">
        <v>0</v>
      </c>
      <c r="Z3563" s="98">
        <v>0</v>
      </c>
      <c r="AA3563" s="98" t="s">
        <v>400</v>
      </c>
      <c r="AB3563" s="98">
        <v>0</v>
      </c>
      <c r="AC3563" s="98">
        <v>0</v>
      </c>
      <c r="AD3563" s="98">
        <v>0</v>
      </c>
      <c r="AE3563" s="98">
        <v>0</v>
      </c>
      <c r="AF3563" s="98">
        <v>0</v>
      </c>
      <c r="AG3563" s="98">
        <v>0</v>
      </c>
      <c r="AH3563" s="98">
        <v>0</v>
      </c>
      <c r="AI3563" s="98">
        <v>0</v>
      </c>
      <c r="AJ3563" s="98">
        <v>0</v>
      </c>
      <c r="AK3563" s="98">
        <v>0</v>
      </c>
      <c r="AL3563" s="98">
        <v>0</v>
      </c>
      <c r="AM3563" s="98">
        <v>0</v>
      </c>
      <c r="AN3563" s="98">
        <v>0</v>
      </c>
      <c r="AO3563" s="98">
        <v>0</v>
      </c>
      <c r="AP3563" s="98">
        <v>0</v>
      </c>
      <c r="AQ3563" s="98">
        <v>0</v>
      </c>
      <c r="AR3563" s="98">
        <v>0</v>
      </c>
      <c r="AS3563" s="98">
        <v>0</v>
      </c>
      <c r="AT3563" s="129">
        <v>0</v>
      </c>
      <c r="AU3563" s="98">
        <v>0</v>
      </c>
      <c r="AV3563" s="98">
        <v>0</v>
      </c>
      <c r="AW3563" s="98">
        <v>0</v>
      </c>
      <c r="AX3563" s="98"/>
      <c r="AY3563" s="98"/>
      <c r="AZ3563" s="98"/>
      <c r="BA3563" s="98"/>
      <c r="BB3563" s="107">
        <v>45884</v>
      </c>
    </row>
    <row r="3564" spans="1:54" s="8" customFormat="1" ht="13.95" customHeight="1" x14ac:dyDescent="0.25">
      <c r="A3564" s="219" t="s">
        <v>7970</v>
      </c>
      <c r="B3564" s="220" t="s">
        <v>6395</v>
      </c>
      <c r="C3564" s="98" t="s">
        <v>22192</v>
      </c>
      <c r="D3564" s="98" t="s">
        <v>21226</v>
      </c>
      <c r="E3564" s="141">
        <v>1971</v>
      </c>
      <c r="F3564" s="141">
        <v>6976</v>
      </c>
      <c r="G3564" s="98" t="s">
        <v>1</v>
      </c>
      <c r="H3564" s="98">
        <v>1</v>
      </c>
      <c r="I3564" s="98">
        <v>0</v>
      </c>
      <c r="J3564" s="98" t="s">
        <v>400</v>
      </c>
      <c r="K3564" s="98" t="s">
        <v>400</v>
      </c>
      <c r="L3564" s="98" t="s">
        <v>400</v>
      </c>
      <c r="M3564" s="98" t="s">
        <v>400</v>
      </c>
      <c r="N3564" s="98" t="s">
        <v>400</v>
      </c>
      <c r="O3564" s="98" t="s">
        <v>400</v>
      </c>
      <c r="P3564" s="98" t="s">
        <v>400</v>
      </c>
      <c r="Q3564" s="98" t="s">
        <v>400</v>
      </c>
      <c r="R3564" s="98" t="s">
        <v>400</v>
      </c>
      <c r="S3564" s="98" t="s">
        <v>400</v>
      </c>
      <c r="T3564" s="98" t="s">
        <v>400</v>
      </c>
      <c r="U3564" s="128"/>
      <c r="V3564" s="128"/>
      <c r="W3564" s="128"/>
      <c r="X3564" s="128"/>
      <c r="Y3564" s="128"/>
      <c r="Z3564" s="128"/>
      <c r="AA3564" s="128"/>
      <c r="AB3564" s="128"/>
      <c r="AC3564" s="128"/>
      <c r="AD3564" s="128"/>
      <c r="AE3564" s="128"/>
      <c r="AF3564" s="128"/>
      <c r="AG3564" s="128"/>
      <c r="AH3564" s="128"/>
      <c r="AI3564" s="128"/>
      <c r="AJ3564" s="128"/>
      <c r="AK3564" s="128"/>
      <c r="AL3564" s="128"/>
      <c r="AM3564" s="128"/>
      <c r="AN3564" s="128"/>
      <c r="AO3564" s="128"/>
      <c r="AP3564" s="128"/>
      <c r="AQ3564" s="128"/>
      <c r="AR3564" s="128"/>
      <c r="AS3564" s="128"/>
      <c r="AT3564" s="128"/>
      <c r="AU3564" s="128"/>
      <c r="AV3564" s="128"/>
      <c r="AW3564" s="128"/>
      <c r="AX3564" s="128"/>
      <c r="AY3564" s="128"/>
      <c r="AZ3564" s="128"/>
      <c r="BA3564" s="128"/>
      <c r="BB3564" s="107">
        <v>45884</v>
      </c>
    </row>
    <row r="3565" spans="1:54" s="8" customFormat="1" ht="13.95" customHeight="1" x14ac:dyDescent="0.25">
      <c r="A3565" s="219" t="s">
        <v>7971</v>
      </c>
      <c r="B3565" s="220" t="s">
        <v>6395</v>
      </c>
      <c r="C3565" s="98" t="s">
        <v>7972</v>
      </c>
      <c r="D3565" s="98" t="s">
        <v>21227</v>
      </c>
      <c r="E3565" s="141">
        <v>1979</v>
      </c>
      <c r="F3565" s="141">
        <v>7067</v>
      </c>
      <c r="G3565" s="98" t="s">
        <v>11</v>
      </c>
      <c r="H3565" s="98">
        <v>0</v>
      </c>
      <c r="I3565" s="98">
        <v>0</v>
      </c>
      <c r="J3565" s="98" t="s">
        <v>400</v>
      </c>
      <c r="K3565" s="98" t="s">
        <v>400</v>
      </c>
      <c r="L3565" s="98" t="s">
        <v>400</v>
      </c>
      <c r="M3565" s="98" t="s">
        <v>400</v>
      </c>
      <c r="N3565" s="98" t="s">
        <v>400</v>
      </c>
      <c r="O3565" s="98" t="s">
        <v>400</v>
      </c>
      <c r="P3565" s="98" t="s">
        <v>400</v>
      </c>
      <c r="Q3565" s="98" t="s">
        <v>400</v>
      </c>
      <c r="R3565" s="98" t="s">
        <v>400</v>
      </c>
      <c r="S3565" s="98" t="s">
        <v>400</v>
      </c>
      <c r="T3565" s="98" t="s">
        <v>400</v>
      </c>
      <c r="U3565" s="98">
        <v>0</v>
      </c>
      <c r="V3565" s="98">
        <v>0</v>
      </c>
      <c r="W3565" s="98" t="s">
        <v>400</v>
      </c>
      <c r="X3565" s="98">
        <v>0</v>
      </c>
      <c r="Y3565" s="98">
        <v>0</v>
      </c>
      <c r="Z3565" s="98">
        <v>0</v>
      </c>
      <c r="AA3565" s="98" t="s">
        <v>400</v>
      </c>
      <c r="AB3565" s="98">
        <v>0</v>
      </c>
      <c r="AC3565" s="98">
        <v>0</v>
      </c>
      <c r="AD3565" s="98">
        <v>0</v>
      </c>
      <c r="AE3565" s="98">
        <v>0</v>
      </c>
      <c r="AF3565" s="98">
        <v>0</v>
      </c>
      <c r="AG3565" s="98">
        <v>0</v>
      </c>
      <c r="AH3565" s="98">
        <v>0</v>
      </c>
      <c r="AI3565" s="98">
        <v>0</v>
      </c>
      <c r="AJ3565" s="98">
        <v>0</v>
      </c>
      <c r="AK3565" s="98">
        <v>0</v>
      </c>
      <c r="AL3565" s="98">
        <v>0</v>
      </c>
      <c r="AM3565" s="98">
        <v>0</v>
      </c>
      <c r="AN3565" s="98">
        <v>0</v>
      </c>
      <c r="AO3565" s="98">
        <v>0</v>
      </c>
      <c r="AP3565" s="98">
        <v>0</v>
      </c>
      <c r="AQ3565" s="98">
        <v>0</v>
      </c>
      <c r="AR3565" s="98">
        <v>0</v>
      </c>
      <c r="AS3565" s="98">
        <v>0</v>
      </c>
      <c r="AT3565" s="129">
        <v>0</v>
      </c>
      <c r="AU3565" s="98">
        <v>0</v>
      </c>
      <c r="AV3565" s="98">
        <v>0</v>
      </c>
      <c r="AW3565" s="98">
        <v>0</v>
      </c>
      <c r="AX3565" s="98"/>
      <c r="AY3565" s="98"/>
      <c r="AZ3565" s="98"/>
      <c r="BA3565" s="98"/>
      <c r="BB3565" s="107">
        <v>45884</v>
      </c>
    </row>
    <row r="3566" spans="1:54" s="8" customFormat="1" ht="13.95" customHeight="1" x14ac:dyDescent="0.25">
      <c r="A3566" s="219" t="s">
        <v>7973</v>
      </c>
      <c r="B3566" s="220" t="s">
        <v>6395</v>
      </c>
      <c r="C3566" s="98" t="s">
        <v>7974</v>
      </c>
      <c r="D3566" s="98" t="s">
        <v>21228</v>
      </c>
      <c r="E3566" s="141">
        <v>1977</v>
      </c>
      <c r="F3566" s="141">
        <v>7161</v>
      </c>
      <c r="G3566" s="98" t="s">
        <v>1</v>
      </c>
      <c r="H3566" s="98">
        <v>1</v>
      </c>
      <c r="I3566" s="98">
        <v>0</v>
      </c>
      <c r="J3566" s="98" t="s">
        <v>400</v>
      </c>
      <c r="K3566" s="98" t="s">
        <v>400</v>
      </c>
      <c r="L3566" s="98" t="s">
        <v>400</v>
      </c>
      <c r="M3566" s="98" t="s">
        <v>400</v>
      </c>
      <c r="N3566" s="98" t="s">
        <v>400</v>
      </c>
      <c r="O3566" s="98" t="s">
        <v>400</v>
      </c>
      <c r="P3566" s="98" t="s">
        <v>400</v>
      </c>
      <c r="Q3566" s="98" t="s">
        <v>400</v>
      </c>
      <c r="R3566" s="98" t="s">
        <v>400</v>
      </c>
      <c r="S3566" s="98" t="s">
        <v>400</v>
      </c>
      <c r="T3566" s="98" t="s">
        <v>400</v>
      </c>
      <c r="U3566" s="128"/>
      <c r="V3566" s="128"/>
      <c r="W3566" s="128"/>
      <c r="X3566" s="128"/>
      <c r="Y3566" s="128"/>
      <c r="Z3566" s="128"/>
      <c r="AA3566" s="128"/>
      <c r="AB3566" s="128"/>
      <c r="AC3566" s="128"/>
      <c r="AD3566" s="128"/>
      <c r="AE3566" s="128"/>
      <c r="AF3566" s="128"/>
      <c r="AG3566" s="128"/>
      <c r="AH3566" s="128"/>
      <c r="AI3566" s="128"/>
      <c r="AJ3566" s="128"/>
      <c r="AK3566" s="128"/>
      <c r="AL3566" s="128"/>
      <c r="AM3566" s="128"/>
      <c r="AN3566" s="128"/>
      <c r="AO3566" s="128"/>
      <c r="AP3566" s="128"/>
      <c r="AQ3566" s="128"/>
      <c r="AR3566" s="128"/>
      <c r="AS3566" s="128"/>
      <c r="AT3566" s="128"/>
      <c r="AU3566" s="128"/>
      <c r="AV3566" s="128"/>
      <c r="AW3566" s="128"/>
      <c r="AX3566" s="128"/>
      <c r="AY3566" s="128"/>
      <c r="AZ3566" s="128"/>
      <c r="BA3566" s="128"/>
      <c r="BB3566" s="107">
        <v>45884</v>
      </c>
    </row>
    <row r="3567" spans="1:54" s="8" customFormat="1" ht="13.95" customHeight="1" x14ac:dyDescent="0.25">
      <c r="A3567" s="219" t="s">
        <v>7975</v>
      </c>
      <c r="B3567" s="220" t="s">
        <v>6395</v>
      </c>
      <c r="C3567" s="98" t="s">
        <v>7976</v>
      </c>
      <c r="D3567" s="98" t="s">
        <v>21229</v>
      </c>
      <c r="E3567" s="141">
        <v>1977</v>
      </c>
      <c r="F3567" s="141">
        <v>7553</v>
      </c>
      <c r="G3567" s="98" t="s">
        <v>1</v>
      </c>
      <c r="H3567" s="98">
        <v>0</v>
      </c>
      <c r="I3567" s="98">
        <v>0</v>
      </c>
      <c r="J3567" s="98" t="s">
        <v>400</v>
      </c>
      <c r="K3567" s="98" t="s">
        <v>400</v>
      </c>
      <c r="L3567" s="98" t="s">
        <v>400</v>
      </c>
      <c r="M3567" s="98" t="s">
        <v>400</v>
      </c>
      <c r="N3567" s="98" t="s">
        <v>400</v>
      </c>
      <c r="O3567" s="98" t="s">
        <v>400</v>
      </c>
      <c r="P3567" s="98" t="s">
        <v>400</v>
      </c>
      <c r="Q3567" s="98" t="s">
        <v>400</v>
      </c>
      <c r="R3567" s="98" t="s">
        <v>400</v>
      </c>
      <c r="S3567" s="98" t="s">
        <v>400</v>
      </c>
      <c r="T3567" s="98" t="s">
        <v>400</v>
      </c>
      <c r="U3567" s="128"/>
      <c r="V3567" s="128"/>
      <c r="W3567" s="128"/>
      <c r="X3567" s="128"/>
      <c r="Y3567" s="128"/>
      <c r="Z3567" s="128"/>
      <c r="AA3567" s="128"/>
      <c r="AB3567" s="128"/>
      <c r="AC3567" s="128"/>
      <c r="AD3567" s="128"/>
      <c r="AE3567" s="128"/>
      <c r="AF3567" s="128"/>
      <c r="AG3567" s="128"/>
      <c r="AH3567" s="128"/>
      <c r="AI3567" s="128"/>
      <c r="AJ3567" s="128"/>
      <c r="AK3567" s="128"/>
      <c r="AL3567" s="128"/>
      <c r="AM3567" s="128"/>
      <c r="AN3567" s="128"/>
      <c r="AO3567" s="128"/>
      <c r="AP3567" s="128"/>
      <c r="AQ3567" s="128"/>
      <c r="AR3567" s="128"/>
      <c r="AS3567" s="128"/>
      <c r="AT3567" s="128"/>
      <c r="AU3567" s="128"/>
      <c r="AV3567" s="128"/>
      <c r="AW3567" s="128"/>
      <c r="AX3567" s="128"/>
      <c r="AY3567" s="128"/>
      <c r="AZ3567" s="128"/>
      <c r="BA3567" s="128"/>
      <c r="BB3567" s="107">
        <v>45884</v>
      </c>
    </row>
    <row r="3568" spans="1:54" s="8" customFormat="1" ht="13.95" customHeight="1" x14ac:dyDescent="0.25">
      <c r="A3568" s="219" t="s">
        <v>7977</v>
      </c>
      <c r="B3568" s="220" t="s">
        <v>6395</v>
      </c>
      <c r="C3568" s="98" t="s">
        <v>7978</v>
      </c>
      <c r="D3568" s="98" t="s">
        <v>21230</v>
      </c>
      <c r="E3568" s="141">
        <v>2008</v>
      </c>
      <c r="F3568" s="141">
        <v>8496</v>
      </c>
      <c r="G3568" s="98" t="s">
        <v>8</v>
      </c>
      <c r="H3568" s="98">
        <v>0</v>
      </c>
      <c r="I3568" s="98">
        <v>0</v>
      </c>
      <c r="J3568" s="98" t="s">
        <v>400</v>
      </c>
      <c r="K3568" s="98" t="s">
        <v>400</v>
      </c>
      <c r="L3568" s="98" t="s">
        <v>400</v>
      </c>
      <c r="M3568" s="98" t="s">
        <v>400</v>
      </c>
      <c r="N3568" s="98" t="s">
        <v>400</v>
      </c>
      <c r="O3568" s="98" t="s">
        <v>400</v>
      </c>
      <c r="P3568" s="98" t="s">
        <v>400</v>
      </c>
      <c r="Q3568" s="98" t="s">
        <v>400</v>
      </c>
      <c r="R3568" s="98" t="s">
        <v>400</v>
      </c>
      <c r="S3568" s="98" t="s">
        <v>400</v>
      </c>
      <c r="T3568" s="98" t="s">
        <v>400</v>
      </c>
      <c r="U3568" s="98">
        <v>0</v>
      </c>
      <c r="V3568" s="98">
        <v>0</v>
      </c>
      <c r="W3568" s="98" t="s">
        <v>400</v>
      </c>
      <c r="X3568" s="98">
        <v>0</v>
      </c>
      <c r="Y3568" s="98">
        <v>0</v>
      </c>
      <c r="Z3568" s="98">
        <v>0</v>
      </c>
      <c r="AA3568" s="98" t="s">
        <v>400</v>
      </c>
      <c r="AB3568" s="98">
        <v>0</v>
      </c>
      <c r="AC3568" s="98">
        <v>0</v>
      </c>
      <c r="AD3568" s="98">
        <v>0</v>
      </c>
      <c r="AE3568" s="98">
        <v>0</v>
      </c>
      <c r="AF3568" s="98">
        <v>0</v>
      </c>
      <c r="AG3568" s="98">
        <v>0</v>
      </c>
      <c r="AH3568" s="98">
        <v>0</v>
      </c>
      <c r="AI3568" s="98">
        <v>0</v>
      </c>
      <c r="AJ3568" s="98">
        <v>0</v>
      </c>
      <c r="AK3568" s="98">
        <v>0</v>
      </c>
      <c r="AL3568" s="98">
        <v>0</v>
      </c>
      <c r="AM3568" s="98">
        <v>0</v>
      </c>
      <c r="AN3568" s="98">
        <v>0</v>
      </c>
      <c r="AO3568" s="98">
        <v>0</v>
      </c>
      <c r="AP3568" s="98">
        <v>0</v>
      </c>
      <c r="AQ3568" s="98">
        <v>0</v>
      </c>
      <c r="AR3568" s="98">
        <v>0</v>
      </c>
      <c r="AS3568" s="98">
        <v>0</v>
      </c>
      <c r="AT3568" s="129">
        <v>0</v>
      </c>
      <c r="AU3568" s="98">
        <v>0</v>
      </c>
      <c r="AV3568" s="98">
        <v>0</v>
      </c>
      <c r="AW3568" s="98">
        <v>0</v>
      </c>
      <c r="AX3568" s="98"/>
      <c r="AY3568" s="98"/>
      <c r="AZ3568" s="98"/>
      <c r="BA3568" s="98"/>
      <c r="BB3568" s="107">
        <v>45884</v>
      </c>
    </row>
    <row r="3569" spans="1:54" s="8" customFormat="1" ht="13.95" customHeight="1" x14ac:dyDescent="0.25">
      <c r="A3569" s="219" t="s">
        <v>7979</v>
      </c>
      <c r="B3569" s="220" t="s">
        <v>6395</v>
      </c>
      <c r="C3569" s="98" t="s">
        <v>7980</v>
      </c>
      <c r="D3569" s="98" t="s">
        <v>21231</v>
      </c>
      <c r="E3569" s="141">
        <v>2002</v>
      </c>
      <c r="F3569" s="141">
        <v>8331</v>
      </c>
      <c r="G3569" s="98" t="s">
        <v>1</v>
      </c>
      <c r="H3569" s="98">
        <v>0</v>
      </c>
      <c r="I3569" s="98">
        <v>0</v>
      </c>
      <c r="J3569" s="98" t="s">
        <v>400</v>
      </c>
      <c r="K3569" s="98" t="s">
        <v>400</v>
      </c>
      <c r="L3569" s="98" t="s">
        <v>400</v>
      </c>
      <c r="M3569" s="98" t="s">
        <v>400</v>
      </c>
      <c r="N3569" s="98" t="s">
        <v>400</v>
      </c>
      <c r="O3569" s="98" t="s">
        <v>400</v>
      </c>
      <c r="P3569" s="98" t="s">
        <v>400</v>
      </c>
      <c r="Q3569" s="98" t="s">
        <v>400</v>
      </c>
      <c r="R3569" s="98" t="s">
        <v>400</v>
      </c>
      <c r="S3569" s="98" t="s">
        <v>400</v>
      </c>
      <c r="T3569" s="98" t="s">
        <v>400</v>
      </c>
      <c r="U3569" s="128"/>
      <c r="V3569" s="128"/>
      <c r="W3569" s="128"/>
      <c r="X3569" s="128"/>
      <c r="Y3569" s="128"/>
      <c r="Z3569" s="128"/>
      <c r="AA3569" s="128"/>
      <c r="AB3569" s="128"/>
      <c r="AC3569" s="128"/>
      <c r="AD3569" s="128"/>
      <c r="AE3569" s="128"/>
      <c r="AF3569" s="128"/>
      <c r="AG3569" s="128"/>
      <c r="AH3569" s="128"/>
      <c r="AI3569" s="128"/>
      <c r="AJ3569" s="128"/>
      <c r="AK3569" s="128"/>
      <c r="AL3569" s="128"/>
      <c r="AM3569" s="128"/>
      <c r="AN3569" s="128"/>
      <c r="AO3569" s="128"/>
      <c r="AP3569" s="128"/>
      <c r="AQ3569" s="128"/>
      <c r="AR3569" s="128"/>
      <c r="AS3569" s="128"/>
      <c r="AT3569" s="128"/>
      <c r="AU3569" s="128"/>
      <c r="AV3569" s="128"/>
      <c r="AW3569" s="128"/>
      <c r="AX3569" s="128"/>
      <c r="AY3569" s="128"/>
      <c r="AZ3569" s="128"/>
      <c r="BA3569" s="128"/>
      <c r="BB3569" s="107">
        <v>45884</v>
      </c>
    </row>
    <row r="3570" spans="1:54" s="8" customFormat="1" ht="13.95" customHeight="1" x14ac:dyDescent="0.25">
      <c r="A3570" s="219" t="s">
        <v>7981</v>
      </c>
      <c r="B3570" s="220" t="s">
        <v>6395</v>
      </c>
      <c r="C3570" s="98" t="s">
        <v>22193</v>
      </c>
      <c r="D3570" s="98" t="s">
        <v>21232</v>
      </c>
      <c r="E3570" s="141">
        <v>1963</v>
      </c>
      <c r="F3570" s="141">
        <v>8341</v>
      </c>
      <c r="G3570" s="98" t="s">
        <v>1</v>
      </c>
      <c r="H3570" s="98">
        <v>1</v>
      </c>
      <c r="I3570" s="98">
        <v>0</v>
      </c>
      <c r="J3570" s="98" t="s">
        <v>400</v>
      </c>
      <c r="K3570" s="98" t="s">
        <v>400</v>
      </c>
      <c r="L3570" s="98" t="s">
        <v>400</v>
      </c>
      <c r="M3570" s="98" t="s">
        <v>400</v>
      </c>
      <c r="N3570" s="98" t="s">
        <v>400</v>
      </c>
      <c r="O3570" s="98" t="s">
        <v>400</v>
      </c>
      <c r="P3570" s="98" t="s">
        <v>400</v>
      </c>
      <c r="Q3570" s="98" t="s">
        <v>400</v>
      </c>
      <c r="R3570" s="98" t="s">
        <v>400</v>
      </c>
      <c r="S3570" s="98" t="s">
        <v>400</v>
      </c>
      <c r="T3570" s="98" t="s">
        <v>400</v>
      </c>
      <c r="U3570" s="128"/>
      <c r="V3570" s="128"/>
      <c r="W3570" s="128"/>
      <c r="X3570" s="128"/>
      <c r="Y3570" s="128"/>
      <c r="Z3570" s="128"/>
      <c r="AA3570" s="128"/>
      <c r="AB3570" s="128"/>
      <c r="AC3570" s="128"/>
      <c r="AD3570" s="128"/>
      <c r="AE3570" s="128"/>
      <c r="AF3570" s="128"/>
      <c r="AG3570" s="128"/>
      <c r="AH3570" s="128"/>
      <c r="AI3570" s="128"/>
      <c r="AJ3570" s="128"/>
      <c r="AK3570" s="128"/>
      <c r="AL3570" s="128"/>
      <c r="AM3570" s="128"/>
      <c r="AN3570" s="128"/>
      <c r="AO3570" s="128"/>
      <c r="AP3570" s="128"/>
      <c r="AQ3570" s="128"/>
      <c r="AR3570" s="128"/>
      <c r="AS3570" s="128"/>
      <c r="AT3570" s="128"/>
      <c r="AU3570" s="128"/>
      <c r="AV3570" s="128"/>
      <c r="AW3570" s="128"/>
      <c r="AX3570" s="128"/>
      <c r="AY3570" s="128"/>
      <c r="AZ3570" s="128"/>
      <c r="BA3570" s="128"/>
      <c r="BB3570" s="107">
        <v>45884</v>
      </c>
    </row>
    <row r="3571" spans="1:54" s="8" customFormat="1" ht="13.95" customHeight="1" x14ac:dyDescent="0.25">
      <c r="A3571" s="219" t="s">
        <v>7982</v>
      </c>
      <c r="B3571" s="220" t="s">
        <v>6395</v>
      </c>
      <c r="C3571" s="98" t="s">
        <v>7983</v>
      </c>
      <c r="D3571" s="98" t="s">
        <v>21233</v>
      </c>
      <c r="E3571" s="141">
        <v>1982</v>
      </c>
      <c r="F3571" s="141">
        <v>8375</v>
      </c>
      <c r="G3571" s="98" t="s">
        <v>1</v>
      </c>
      <c r="H3571" s="98">
        <v>1</v>
      </c>
      <c r="I3571" s="98">
        <v>0</v>
      </c>
      <c r="J3571" s="98" t="s">
        <v>400</v>
      </c>
      <c r="K3571" s="98" t="s">
        <v>400</v>
      </c>
      <c r="L3571" s="98" t="s">
        <v>400</v>
      </c>
      <c r="M3571" s="98" t="s">
        <v>400</v>
      </c>
      <c r="N3571" s="98" t="s">
        <v>400</v>
      </c>
      <c r="O3571" s="98" t="s">
        <v>400</v>
      </c>
      <c r="P3571" s="98" t="s">
        <v>400</v>
      </c>
      <c r="Q3571" s="98" t="s">
        <v>400</v>
      </c>
      <c r="R3571" s="98" t="s">
        <v>400</v>
      </c>
      <c r="S3571" s="98" t="s">
        <v>400</v>
      </c>
      <c r="T3571" s="98" t="s">
        <v>400</v>
      </c>
      <c r="U3571" s="128"/>
      <c r="V3571" s="128"/>
      <c r="W3571" s="128"/>
      <c r="X3571" s="128"/>
      <c r="Y3571" s="128"/>
      <c r="Z3571" s="128"/>
      <c r="AA3571" s="128"/>
      <c r="AB3571" s="128"/>
      <c r="AC3571" s="128"/>
      <c r="AD3571" s="128"/>
      <c r="AE3571" s="128"/>
      <c r="AF3571" s="128"/>
      <c r="AG3571" s="128"/>
      <c r="AH3571" s="128"/>
      <c r="AI3571" s="128"/>
      <c r="AJ3571" s="128"/>
      <c r="AK3571" s="128"/>
      <c r="AL3571" s="128"/>
      <c r="AM3571" s="128"/>
      <c r="AN3571" s="128"/>
      <c r="AO3571" s="128"/>
      <c r="AP3571" s="128"/>
      <c r="AQ3571" s="128"/>
      <c r="AR3571" s="128"/>
      <c r="AS3571" s="128"/>
      <c r="AT3571" s="128"/>
      <c r="AU3571" s="128"/>
      <c r="AV3571" s="128"/>
      <c r="AW3571" s="128"/>
      <c r="AX3571" s="128"/>
      <c r="AY3571" s="128"/>
      <c r="AZ3571" s="128"/>
      <c r="BA3571" s="128"/>
      <c r="BB3571" s="107">
        <v>45884</v>
      </c>
    </row>
    <row r="3572" spans="1:54" s="8" customFormat="1" ht="13.95" customHeight="1" x14ac:dyDescent="0.25">
      <c r="A3572" s="219" t="s">
        <v>7984</v>
      </c>
      <c r="B3572" s="220" t="s">
        <v>6395</v>
      </c>
      <c r="C3572" s="98" t="s">
        <v>7985</v>
      </c>
      <c r="D3572" s="98" t="s">
        <v>7986</v>
      </c>
      <c r="E3572" s="141">
        <v>1977</v>
      </c>
      <c r="F3572" s="141">
        <v>8747</v>
      </c>
      <c r="G3572" s="98" t="s">
        <v>11</v>
      </c>
      <c r="H3572" s="98">
        <v>0</v>
      </c>
      <c r="I3572" s="98">
        <v>0</v>
      </c>
      <c r="J3572" s="98" t="s">
        <v>400</v>
      </c>
      <c r="K3572" s="98" t="s">
        <v>400</v>
      </c>
      <c r="L3572" s="98" t="s">
        <v>400</v>
      </c>
      <c r="M3572" s="98" t="s">
        <v>400</v>
      </c>
      <c r="N3572" s="98" t="s">
        <v>400</v>
      </c>
      <c r="O3572" s="98" t="s">
        <v>400</v>
      </c>
      <c r="P3572" s="98" t="s">
        <v>400</v>
      </c>
      <c r="Q3572" s="98" t="s">
        <v>400</v>
      </c>
      <c r="R3572" s="98" t="s">
        <v>400</v>
      </c>
      <c r="S3572" s="98" t="s">
        <v>400</v>
      </c>
      <c r="T3572" s="98" t="s">
        <v>400</v>
      </c>
      <c r="U3572" s="98">
        <v>0</v>
      </c>
      <c r="V3572" s="98">
        <v>0</v>
      </c>
      <c r="W3572" s="98" t="s">
        <v>400</v>
      </c>
      <c r="X3572" s="98">
        <v>0</v>
      </c>
      <c r="Y3572" s="98">
        <v>0</v>
      </c>
      <c r="Z3572" s="98">
        <v>0</v>
      </c>
      <c r="AA3572" s="98" t="s">
        <v>400</v>
      </c>
      <c r="AB3572" s="98">
        <v>0</v>
      </c>
      <c r="AC3572" s="98">
        <v>0</v>
      </c>
      <c r="AD3572" s="98">
        <v>0</v>
      </c>
      <c r="AE3572" s="98">
        <v>0</v>
      </c>
      <c r="AF3572" s="98">
        <v>0</v>
      </c>
      <c r="AG3572" s="98">
        <v>0</v>
      </c>
      <c r="AH3572" s="98">
        <v>0</v>
      </c>
      <c r="AI3572" s="98">
        <v>0</v>
      </c>
      <c r="AJ3572" s="98">
        <v>0</v>
      </c>
      <c r="AK3572" s="98">
        <v>0</v>
      </c>
      <c r="AL3572" s="98">
        <v>0</v>
      </c>
      <c r="AM3572" s="98">
        <v>0</v>
      </c>
      <c r="AN3572" s="98">
        <v>0</v>
      </c>
      <c r="AO3572" s="98">
        <v>0</v>
      </c>
      <c r="AP3572" s="98">
        <v>0</v>
      </c>
      <c r="AQ3572" s="98">
        <v>0</v>
      </c>
      <c r="AR3572" s="98">
        <v>0</v>
      </c>
      <c r="AS3572" s="98">
        <v>0</v>
      </c>
      <c r="AT3572" s="129">
        <v>0</v>
      </c>
      <c r="AU3572" s="98">
        <v>0</v>
      </c>
      <c r="AV3572" s="98">
        <v>0</v>
      </c>
      <c r="AW3572" s="98">
        <v>0</v>
      </c>
      <c r="AX3572" s="98"/>
      <c r="AY3572" s="98"/>
      <c r="AZ3572" s="98"/>
      <c r="BA3572" s="98"/>
      <c r="BB3572" s="107">
        <v>45884</v>
      </c>
    </row>
    <row r="3573" spans="1:54" s="8" customFormat="1" ht="13.95" customHeight="1" x14ac:dyDescent="0.25">
      <c r="A3573" s="219" t="s">
        <v>7987</v>
      </c>
      <c r="B3573" s="220" t="s">
        <v>6395</v>
      </c>
      <c r="C3573" s="98" t="s">
        <v>7988</v>
      </c>
      <c r="D3573" s="98" t="s">
        <v>21234</v>
      </c>
      <c r="E3573" s="141">
        <v>1974</v>
      </c>
      <c r="F3573" s="141">
        <v>9372</v>
      </c>
      <c r="G3573" s="98" t="s">
        <v>1</v>
      </c>
      <c r="H3573" s="98">
        <v>1</v>
      </c>
      <c r="I3573" s="98">
        <v>0</v>
      </c>
      <c r="J3573" s="98" t="s">
        <v>400</v>
      </c>
      <c r="K3573" s="98" t="s">
        <v>400</v>
      </c>
      <c r="L3573" s="98" t="s">
        <v>400</v>
      </c>
      <c r="M3573" s="98" t="s">
        <v>400</v>
      </c>
      <c r="N3573" s="98" t="s">
        <v>400</v>
      </c>
      <c r="O3573" s="98" t="s">
        <v>400</v>
      </c>
      <c r="P3573" s="98" t="s">
        <v>400</v>
      </c>
      <c r="Q3573" s="98" t="s">
        <v>400</v>
      </c>
      <c r="R3573" s="98" t="s">
        <v>400</v>
      </c>
      <c r="S3573" s="98" t="s">
        <v>400</v>
      </c>
      <c r="T3573" s="98" t="s">
        <v>400</v>
      </c>
      <c r="U3573" s="128"/>
      <c r="V3573" s="128"/>
      <c r="W3573" s="128"/>
      <c r="X3573" s="128"/>
      <c r="Y3573" s="128"/>
      <c r="Z3573" s="128"/>
      <c r="AA3573" s="128"/>
      <c r="AB3573" s="128"/>
      <c r="AC3573" s="128"/>
      <c r="AD3573" s="128"/>
      <c r="AE3573" s="128"/>
      <c r="AF3573" s="128"/>
      <c r="AG3573" s="128"/>
      <c r="AH3573" s="128"/>
      <c r="AI3573" s="128"/>
      <c r="AJ3573" s="128"/>
      <c r="AK3573" s="128"/>
      <c r="AL3573" s="128"/>
      <c r="AM3573" s="128"/>
      <c r="AN3573" s="128"/>
      <c r="AO3573" s="128"/>
      <c r="AP3573" s="128"/>
      <c r="AQ3573" s="128"/>
      <c r="AR3573" s="128"/>
      <c r="AS3573" s="128"/>
      <c r="AT3573" s="128"/>
      <c r="AU3573" s="128"/>
      <c r="AV3573" s="128"/>
      <c r="AW3573" s="128"/>
      <c r="AX3573" s="128"/>
      <c r="AY3573" s="128"/>
      <c r="AZ3573" s="128"/>
      <c r="BA3573" s="128"/>
      <c r="BB3573" s="107">
        <v>45884</v>
      </c>
    </row>
    <row r="3574" spans="1:54" s="8" customFormat="1" ht="13.95" customHeight="1" x14ac:dyDescent="0.25">
      <c r="A3574" s="219" t="s">
        <v>7989</v>
      </c>
      <c r="B3574" s="220" t="s">
        <v>6395</v>
      </c>
      <c r="C3574" s="98" t="s">
        <v>7990</v>
      </c>
      <c r="D3574" s="98" t="s">
        <v>21235</v>
      </c>
      <c r="E3574" s="141">
        <v>1984</v>
      </c>
      <c r="F3574" s="141">
        <v>9677</v>
      </c>
      <c r="G3574" s="98" t="s">
        <v>1</v>
      </c>
      <c r="H3574" s="98">
        <v>0</v>
      </c>
      <c r="I3574" s="98">
        <v>0</v>
      </c>
      <c r="J3574" s="98" t="s">
        <v>400</v>
      </c>
      <c r="K3574" s="98" t="s">
        <v>400</v>
      </c>
      <c r="L3574" s="98" t="s">
        <v>400</v>
      </c>
      <c r="M3574" s="98" t="s">
        <v>400</v>
      </c>
      <c r="N3574" s="98" t="s">
        <v>400</v>
      </c>
      <c r="O3574" s="98" t="s">
        <v>400</v>
      </c>
      <c r="P3574" s="98" t="s">
        <v>400</v>
      </c>
      <c r="Q3574" s="98" t="s">
        <v>400</v>
      </c>
      <c r="R3574" s="98" t="s">
        <v>400</v>
      </c>
      <c r="S3574" s="98" t="s">
        <v>400</v>
      </c>
      <c r="T3574" s="98" t="s">
        <v>400</v>
      </c>
      <c r="U3574" s="128"/>
      <c r="V3574" s="128"/>
      <c r="W3574" s="128"/>
      <c r="X3574" s="128"/>
      <c r="Y3574" s="128"/>
      <c r="Z3574" s="128"/>
      <c r="AA3574" s="128"/>
      <c r="AB3574" s="128"/>
      <c r="AC3574" s="128"/>
      <c r="AD3574" s="128"/>
      <c r="AE3574" s="128"/>
      <c r="AF3574" s="128"/>
      <c r="AG3574" s="128"/>
      <c r="AH3574" s="128"/>
      <c r="AI3574" s="128"/>
      <c r="AJ3574" s="128"/>
      <c r="AK3574" s="128"/>
      <c r="AL3574" s="128"/>
      <c r="AM3574" s="128"/>
      <c r="AN3574" s="128"/>
      <c r="AO3574" s="128"/>
      <c r="AP3574" s="128"/>
      <c r="AQ3574" s="128"/>
      <c r="AR3574" s="128"/>
      <c r="AS3574" s="128"/>
      <c r="AT3574" s="128"/>
      <c r="AU3574" s="128"/>
      <c r="AV3574" s="128"/>
      <c r="AW3574" s="128"/>
      <c r="AX3574" s="128"/>
      <c r="AY3574" s="128"/>
      <c r="AZ3574" s="128"/>
      <c r="BA3574" s="128"/>
      <c r="BB3574" s="107">
        <v>45884</v>
      </c>
    </row>
    <row r="3575" spans="1:54" s="8" customFormat="1" ht="13.95" customHeight="1" x14ac:dyDescent="0.25">
      <c r="A3575" s="219" t="s">
        <v>7991</v>
      </c>
      <c r="B3575" s="220" t="s">
        <v>6395</v>
      </c>
      <c r="C3575" s="98" t="s">
        <v>7992</v>
      </c>
      <c r="D3575" s="98" t="s">
        <v>21236</v>
      </c>
      <c r="E3575" s="141">
        <v>2006</v>
      </c>
      <c r="F3575" s="141">
        <v>604</v>
      </c>
      <c r="G3575" s="98" t="s">
        <v>1</v>
      </c>
      <c r="H3575" s="98">
        <v>0</v>
      </c>
      <c r="I3575" s="98">
        <v>0</v>
      </c>
      <c r="J3575" s="98" t="s">
        <v>400</v>
      </c>
      <c r="K3575" s="98" t="s">
        <v>400</v>
      </c>
      <c r="L3575" s="98" t="s">
        <v>400</v>
      </c>
      <c r="M3575" s="98" t="s">
        <v>400</v>
      </c>
      <c r="N3575" s="98" t="s">
        <v>400</v>
      </c>
      <c r="O3575" s="98" t="s">
        <v>400</v>
      </c>
      <c r="P3575" s="98" t="s">
        <v>400</v>
      </c>
      <c r="Q3575" s="98" t="s">
        <v>400</v>
      </c>
      <c r="R3575" s="98" t="s">
        <v>400</v>
      </c>
      <c r="S3575" s="98" t="s">
        <v>400</v>
      </c>
      <c r="T3575" s="98" t="s">
        <v>400</v>
      </c>
      <c r="U3575" s="128"/>
      <c r="V3575" s="128"/>
      <c r="W3575" s="128"/>
      <c r="X3575" s="128"/>
      <c r="Y3575" s="128"/>
      <c r="Z3575" s="128"/>
      <c r="AA3575" s="128"/>
      <c r="AB3575" s="128"/>
      <c r="AC3575" s="128"/>
      <c r="AD3575" s="128"/>
      <c r="AE3575" s="128"/>
      <c r="AF3575" s="128"/>
      <c r="AG3575" s="128"/>
      <c r="AH3575" s="128"/>
      <c r="AI3575" s="128"/>
      <c r="AJ3575" s="128"/>
      <c r="AK3575" s="128"/>
      <c r="AL3575" s="128"/>
      <c r="AM3575" s="128"/>
      <c r="AN3575" s="128"/>
      <c r="AO3575" s="128"/>
      <c r="AP3575" s="128"/>
      <c r="AQ3575" s="128"/>
      <c r="AR3575" s="128"/>
      <c r="AS3575" s="128"/>
      <c r="AT3575" s="128"/>
      <c r="AU3575" s="128"/>
      <c r="AV3575" s="128"/>
      <c r="AW3575" s="128"/>
      <c r="AX3575" s="128"/>
      <c r="AY3575" s="128"/>
      <c r="AZ3575" s="128"/>
      <c r="BA3575" s="128"/>
      <c r="BB3575" s="107">
        <v>45884</v>
      </c>
    </row>
    <row r="3576" spans="1:54" s="8" customFormat="1" ht="13.95" customHeight="1" x14ac:dyDescent="0.25">
      <c r="A3576" s="219" t="s">
        <v>7993</v>
      </c>
      <c r="B3576" s="220" t="s">
        <v>6395</v>
      </c>
      <c r="C3576" s="98" t="s">
        <v>7994</v>
      </c>
      <c r="D3576" s="98" t="s">
        <v>21237</v>
      </c>
      <c r="E3576" s="141">
        <v>2006</v>
      </c>
      <c r="F3576" s="141">
        <v>282</v>
      </c>
      <c r="G3576" s="98" t="s">
        <v>1</v>
      </c>
      <c r="H3576" s="98">
        <v>0</v>
      </c>
      <c r="I3576" s="98">
        <v>0</v>
      </c>
      <c r="J3576" s="98" t="s">
        <v>400</v>
      </c>
      <c r="K3576" s="98" t="s">
        <v>400</v>
      </c>
      <c r="L3576" s="98" t="s">
        <v>400</v>
      </c>
      <c r="M3576" s="98" t="s">
        <v>400</v>
      </c>
      <c r="N3576" s="98" t="s">
        <v>400</v>
      </c>
      <c r="O3576" s="98" t="s">
        <v>400</v>
      </c>
      <c r="P3576" s="98" t="s">
        <v>400</v>
      </c>
      <c r="Q3576" s="98" t="s">
        <v>400</v>
      </c>
      <c r="R3576" s="98" t="s">
        <v>400</v>
      </c>
      <c r="S3576" s="98" t="s">
        <v>400</v>
      </c>
      <c r="T3576" s="98" t="s">
        <v>400</v>
      </c>
      <c r="U3576" s="128"/>
      <c r="V3576" s="128"/>
      <c r="W3576" s="128"/>
      <c r="X3576" s="128"/>
      <c r="Y3576" s="128"/>
      <c r="Z3576" s="128"/>
      <c r="AA3576" s="128"/>
      <c r="AB3576" s="128"/>
      <c r="AC3576" s="128"/>
      <c r="AD3576" s="128"/>
      <c r="AE3576" s="128"/>
      <c r="AF3576" s="128"/>
      <c r="AG3576" s="128"/>
      <c r="AH3576" s="128"/>
      <c r="AI3576" s="128"/>
      <c r="AJ3576" s="128"/>
      <c r="AK3576" s="128"/>
      <c r="AL3576" s="128"/>
      <c r="AM3576" s="128"/>
      <c r="AN3576" s="128"/>
      <c r="AO3576" s="128"/>
      <c r="AP3576" s="128"/>
      <c r="AQ3576" s="128"/>
      <c r="AR3576" s="128"/>
      <c r="AS3576" s="128"/>
      <c r="AT3576" s="128"/>
      <c r="AU3576" s="128"/>
      <c r="AV3576" s="128"/>
      <c r="AW3576" s="128"/>
      <c r="AX3576" s="128"/>
      <c r="AY3576" s="128"/>
      <c r="AZ3576" s="128"/>
      <c r="BA3576" s="128"/>
      <c r="BB3576" s="107">
        <v>45884</v>
      </c>
    </row>
    <row r="3577" spans="1:54" s="8" customFormat="1" ht="13.95" customHeight="1" x14ac:dyDescent="0.25">
      <c r="A3577" s="219" t="s">
        <v>7995</v>
      </c>
      <c r="B3577" s="220" t="s">
        <v>6395</v>
      </c>
      <c r="C3577" s="98" t="s">
        <v>7996</v>
      </c>
      <c r="D3577" s="98" t="s">
        <v>21238</v>
      </c>
      <c r="E3577" s="141">
        <v>2007</v>
      </c>
      <c r="F3577" s="141">
        <v>636</v>
      </c>
      <c r="G3577" s="98" t="s">
        <v>1</v>
      </c>
      <c r="H3577" s="98">
        <v>0</v>
      </c>
      <c r="I3577" s="98">
        <v>0</v>
      </c>
      <c r="J3577" s="98" t="s">
        <v>400</v>
      </c>
      <c r="K3577" s="98" t="s">
        <v>400</v>
      </c>
      <c r="L3577" s="98" t="s">
        <v>400</v>
      </c>
      <c r="M3577" s="98" t="s">
        <v>400</v>
      </c>
      <c r="N3577" s="98" t="s">
        <v>400</v>
      </c>
      <c r="O3577" s="98" t="s">
        <v>400</v>
      </c>
      <c r="P3577" s="98" t="s">
        <v>400</v>
      </c>
      <c r="Q3577" s="98" t="s">
        <v>400</v>
      </c>
      <c r="R3577" s="98" t="s">
        <v>400</v>
      </c>
      <c r="S3577" s="98" t="s">
        <v>400</v>
      </c>
      <c r="T3577" s="98" t="s">
        <v>400</v>
      </c>
      <c r="U3577" s="128"/>
      <c r="V3577" s="128"/>
      <c r="W3577" s="128"/>
      <c r="X3577" s="128"/>
      <c r="Y3577" s="128"/>
      <c r="Z3577" s="128"/>
      <c r="AA3577" s="128"/>
      <c r="AB3577" s="128"/>
      <c r="AC3577" s="128"/>
      <c r="AD3577" s="128"/>
      <c r="AE3577" s="128"/>
      <c r="AF3577" s="128"/>
      <c r="AG3577" s="128"/>
      <c r="AH3577" s="128"/>
      <c r="AI3577" s="128"/>
      <c r="AJ3577" s="128"/>
      <c r="AK3577" s="128"/>
      <c r="AL3577" s="128"/>
      <c r="AM3577" s="128"/>
      <c r="AN3577" s="128"/>
      <c r="AO3577" s="128"/>
      <c r="AP3577" s="128"/>
      <c r="AQ3577" s="128"/>
      <c r="AR3577" s="128"/>
      <c r="AS3577" s="128"/>
      <c r="AT3577" s="128"/>
      <c r="AU3577" s="128"/>
      <c r="AV3577" s="128"/>
      <c r="AW3577" s="128"/>
      <c r="AX3577" s="128"/>
      <c r="AY3577" s="128"/>
      <c r="AZ3577" s="128"/>
      <c r="BA3577" s="128"/>
      <c r="BB3577" s="107">
        <v>45884</v>
      </c>
    </row>
    <row r="3578" spans="1:54" s="8" customFormat="1" ht="13.95" customHeight="1" x14ac:dyDescent="0.25">
      <c r="A3578" s="219" t="s">
        <v>7997</v>
      </c>
      <c r="B3578" s="220" t="s">
        <v>6395</v>
      </c>
      <c r="C3578" s="98" t="s">
        <v>7998</v>
      </c>
      <c r="D3578" s="98" t="s">
        <v>21239</v>
      </c>
      <c r="E3578" s="141">
        <v>2011</v>
      </c>
      <c r="F3578" s="141">
        <v>248</v>
      </c>
      <c r="G3578" s="98" t="s">
        <v>1</v>
      </c>
      <c r="H3578" s="98">
        <v>0</v>
      </c>
      <c r="I3578" s="98">
        <v>0</v>
      </c>
      <c r="J3578" s="98" t="s">
        <v>400</v>
      </c>
      <c r="K3578" s="98" t="s">
        <v>400</v>
      </c>
      <c r="L3578" s="98" t="s">
        <v>400</v>
      </c>
      <c r="M3578" s="98" t="s">
        <v>400</v>
      </c>
      <c r="N3578" s="98" t="s">
        <v>400</v>
      </c>
      <c r="O3578" s="98" t="s">
        <v>400</v>
      </c>
      <c r="P3578" s="98" t="s">
        <v>400</v>
      </c>
      <c r="Q3578" s="98" t="s">
        <v>400</v>
      </c>
      <c r="R3578" s="98" t="s">
        <v>400</v>
      </c>
      <c r="S3578" s="98" t="s">
        <v>400</v>
      </c>
      <c r="T3578" s="98" t="s">
        <v>400</v>
      </c>
      <c r="U3578" s="128"/>
      <c r="V3578" s="128"/>
      <c r="W3578" s="128"/>
      <c r="X3578" s="128"/>
      <c r="Y3578" s="128"/>
      <c r="Z3578" s="128"/>
      <c r="AA3578" s="128"/>
      <c r="AB3578" s="128"/>
      <c r="AC3578" s="128"/>
      <c r="AD3578" s="128"/>
      <c r="AE3578" s="128"/>
      <c r="AF3578" s="128"/>
      <c r="AG3578" s="128"/>
      <c r="AH3578" s="128"/>
      <c r="AI3578" s="128"/>
      <c r="AJ3578" s="128"/>
      <c r="AK3578" s="128"/>
      <c r="AL3578" s="128"/>
      <c r="AM3578" s="128"/>
      <c r="AN3578" s="128"/>
      <c r="AO3578" s="128"/>
      <c r="AP3578" s="128"/>
      <c r="AQ3578" s="128"/>
      <c r="AR3578" s="128"/>
      <c r="AS3578" s="128"/>
      <c r="AT3578" s="128"/>
      <c r="AU3578" s="128"/>
      <c r="AV3578" s="128"/>
      <c r="AW3578" s="128"/>
      <c r="AX3578" s="128"/>
      <c r="AY3578" s="128"/>
      <c r="AZ3578" s="128"/>
      <c r="BA3578" s="128"/>
      <c r="BB3578" s="107">
        <v>45884</v>
      </c>
    </row>
    <row r="3579" spans="1:54" s="8" customFormat="1" ht="13.95" customHeight="1" x14ac:dyDescent="0.25">
      <c r="A3579" s="219" t="s">
        <v>7999</v>
      </c>
      <c r="B3579" s="220" t="s">
        <v>6395</v>
      </c>
      <c r="C3579" s="98" t="s">
        <v>8000</v>
      </c>
      <c r="D3579" s="98" t="s">
        <v>21240</v>
      </c>
      <c r="E3579" s="141">
        <v>2012</v>
      </c>
      <c r="F3579" s="141">
        <v>397</v>
      </c>
      <c r="G3579" s="98" t="s">
        <v>1</v>
      </c>
      <c r="H3579" s="98">
        <v>0</v>
      </c>
      <c r="I3579" s="98">
        <v>0</v>
      </c>
      <c r="J3579" s="98" t="s">
        <v>400</v>
      </c>
      <c r="K3579" s="98" t="s">
        <v>400</v>
      </c>
      <c r="L3579" s="98" t="s">
        <v>400</v>
      </c>
      <c r="M3579" s="98" t="s">
        <v>400</v>
      </c>
      <c r="N3579" s="98" t="s">
        <v>400</v>
      </c>
      <c r="O3579" s="98" t="s">
        <v>400</v>
      </c>
      <c r="P3579" s="98" t="s">
        <v>400</v>
      </c>
      <c r="Q3579" s="98" t="s">
        <v>400</v>
      </c>
      <c r="R3579" s="98" t="s">
        <v>400</v>
      </c>
      <c r="S3579" s="98" t="s">
        <v>400</v>
      </c>
      <c r="T3579" s="98" t="s">
        <v>400</v>
      </c>
      <c r="U3579" s="128"/>
      <c r="V3579" s="128"/>
      <c r="W3579" s="128"/>
      <c r="X3579" s="128"/>
      <c r="Y3579" s="128"/>
      <c r="Z3579" s="128"/>
      <c r="AA3579" s="128"/>
      <c r="AB3579" s="128"/>
      <c r="AC3579" s="128"/>
      <c r="AD3579" s="128"/>
      <c r="AE3579" s="128"/>
      <c r="AF3579" s="128"/>
      <c r="AG3579" s="128"/>
      <c r="AH3579" s="128"/>
      <c r="AI3579" s="128"/>
      <c r="AJ3579" s="128"/>
      <c r="AK3579" s="128"/>
      <c r="AL3579" s="128"/>
      <c r="AM3579" s="128"/>
      <c r="AN3579" s="128"/>
      <c r="AO3579" s="128"/>
      <c r="AP3579" s="128"/>
      <c r="AQ3579" s="128"/>
      <c r="AR3579" s="128"/>
      <c r="AS3579" s="128"/>
      <c r="AT3579" s="128"/>
      <c r="AU3579" s="128"/>
      <c r="AV3579" s="128"/>
      <c r="AW3579" s="128"/>
      <c r="AX3579" s="128"/>
      <c r="AY3579" s="128"/>
      <c r="AZ3579" s="128"/>
      <c r="BA3579" s="128"/>
      <c r="BB3579" s="107">
        <v>45884</v>
      </c>
    </row>
    <row r="3580" spans="1:54" s="8" customFormat="1" ht="13.95" customHeight="1" x14ac:dyDescent="0.25">
      <c r="A3580" s="219" t="s">
        <v>8001</v>
      </c>
      <c r="B3580" s="220" t="s">
        <v>6395</v>
      </c>
      <c r="C3580" s="98" t="s">
        <v>8002</v>
      </c>
      <c r="D3580" s="98" t="s">
        <v>21241</v>
      </c>
      <c r="E3580" s="141">
        <v>2013</v>
      </c>
      <c r="F3580" s="141">
        <v>204</v>
      </c>
      <c r="G3580" s="98" t="s">
        <v>1</v>
      </c>
      <c r="H3580" s="98">
        <v>0</v>
      </c>
      <c r="I3580" s="98">
        <v>0</v>
      </c>
      <c r="J3580" s="98" t="s">
        <v>400</v>
      </c>
      <c r="K3580" s="98" t="s">
        <v>400</v>
      </c>
      <c r="L3580" s="98" t="s">
        <v>400</v>
      </c>
      <c r="M3580" s="98" t="s">
        <v>400</v>
      </c>
      <c r="N3580" s="98" t="s">
        <v>400</v>
      </c>
      <c r="O3580" s="98" t="s">
        <v>400</v>
      </c>
      <c r="P3580" s="98" t="s">
        <v>400</v>
      </c>
      <c r="Q3580" s="98" t="s">
        <v>400</v>
      </c>
      <c r="R3580" s="98" t="s">
        <v>400</v>
      </c>
      <c r="S3580" s="98" t="s">
        <v>400</v>
      </c>
      <c r="T3580" s="98" t="s">
        <v>400</v>
      </c>
      <c r="U3580" s="128"/>
      <c r="V3580" s="128"/>
      <c r="W3580" s="128"/>
      <c r="X3580" s="128"/>
      <c r="Y3580" s="128"/>
      <c r="Z3580" s="128"/>
      <c r="AA3580" s="128"/>
      <c r="AB3580" s="128"/>
      <c r="AC3580" s="128"/>
      <c r="AD3580" s="128"/>
      <c r="AE3580" s="128"/>
      <c r="AF3580" s="128"/>
      <c r="AG3580" s="128"/>
      <c r="AH3580" s="128"/>
      <c r="AI3580" s="128"/>
      <c r="AJ3580" s="128"/>
      <c r="AK3580" s="128"/>
      <c r="AL3580" s="128"/>
      <c r="AM3580" s="128"/>
      <c r="AN3580" s="128"/>
      <c r="AO3580" s="128"/>
      <c r="AP3580" s="128"/>
      <c r="AQ3580" s="128"/>
      <c r="AR3580" s="128"/>
      <c r="AS3580" s="128"/>
      <c r="AT3580" s="128"/>
      <c r="AU3580" s="128"/>
      <c r="AV3580" s="128"/>
      <c r="AW3580" s="128"/>
      <c r="AX3580" s="128"/>
      <c r="AY3580" s="128"/>
      <c r="AZ3580" s="128"/>
      <c r="BA3580" s="128"/>
      <c r="BB3580" s="107">
        <v>45884</v>
      </c>
    </row>
    <row r="3581" spans="1:54" s="8" customFormat="1" ht="13.95" customHeight="1" x14ac:dyDescent="0.25">
      <c r="A3581" s="219" t="s">
        <v>8003</v>
      </c>
      <c r="B3581" s="220" t="s">
        <v>6395</v>
      </c>
      <c r="C3581" s="98" t="s">
        <v>8004</v>
      </c>
      <c r="D3581" s="98" t="s">
        <v>21242</v>
      </c>
      <c r="E3581" s="141">
        <v>2013</v>
      </c>
      <c r="F3581" s="141">
        <v>207</v>
      </c>
      <c r="G3581" s="98" t="s">
        <v>1</v>
      </c>
      <c r="H3581" s="98">
        <v>0</v>
      </c>
      <c r="I3581" s="98">
        <v>0</v>
      </c>
      <c r="J3581" s="98" t="s">
        <v>400</v>
      </c>
      <c r="K3581" s="98" t="s">
        <v>400</v>
      </c>
      <c r="L3581" s="98" t="s">
        <v>400</v>
      </c>
      <c r="M3581" s="98" t="s">
        <v>400</v>
      </c>
      <c r="N3581" s="98" t="s">
        <v>400</v>
      </c>
      <c r="O3581" s="98" t="s">
        <v>400</v>
      </c>
      <c r="P3581" s="98" t="s">
        <v>400</v>
      </c>
      <c r="Q3581" s="98" t="s">
        <v>400</v>
      </c>
      <c r="R3581" s="98" t="s">
        <v>400</v>
      </c>
      <c r="S3581" s="98" t="s">
        <v>400</v>
      </c>
      <c r="T3581" s="98" t="s">
        <v>400</v>
      </c>
      <c r="U3581" s="128"/>
      <c r="V3581" s="128"/>
      <c r="W3581" s="128"/>
      <c r="X3581" s="128"/>
      <c r="Y3581" s="128"/>
      <c r="Z3581" s="128"/>
      <c r="AA3581" s="128"/>
      <c r="AB3581" s="128"/>
      <c r="AC3581" s="128"/>
      <c r="AD3581" s="128"/>
      <c r="AE3581" s="128"/>
      <c r="AF3581" s="128"/>
      <c r="AG3581" s="128"/>
      <c r="AH3581" s="128"/>
      <c r="AI3581" s="128"/>
      <c r="AJ3581" s="128"/>
      <c r="AK3581" s="128"/>
      <c r="AL3581" s="128"/>
      <c r="AM3581" s="128"/>
      <c r="AN3581" s="128"/>
      <c r="AO3581" s="128"/>
      <c r="AP3581" s="128"/>
      <c r="AQ3581" s="128"/>
      <c r="AR3581" s="128"/>
      <c r="AS3581" s="128"/>
      <c r="AT3581" s="128"/>
      <c r="AU3581" s="128"/>
      <c r="AV3581" s="128"/>
      <c r="AW3581" s="128"/>
      <c r="AX3581" s="128"/>
      <c r="AY3581" s="128"/>
      <c r="AZ3581" s="128"/>
      <c r="BA3581" s="128"/>
      <c r="BB3581" s="107">
        <v>45884</v>
      </c>
    </row>
    <row r="3582" spans="1:54" s="8" customFormat="1" ht="13.95" customHeight="1" x14ac:dyDescent="0.25">
      <c r="A3582" s="219" t="s">
        <v>8005</v>
      </c>
      <c r="B3582" s="220" t="s">
        <v>6395</v>
      </c>
      <c r="C3582" s="98" t="s">
        <v>8006</v>
      </c>
      <c r="D3582" s="98" t="s">
        <v>21243</v>
      </c>
      <c r="E3582" s="141">
        <v>2013</v>
      </c>
      <c r="F3582" s="141">
        <v>308</v>
      </c>
      <c r="G3582" s="98" t="s">
        <v>1</v>
      </c>
      <c r="H3582" s="98">
        <v>0</v>
      </c>
      <c r="I3582" s="98">
        <v>0</v>
      </c>
      <c r="J3582" s="98" t="s">
        <v>400</v>
      </c>
      <c r="K3582" s="98" t="s">
        <v>400</v>
      </c>
      <c r="L3582" s="98" t="s">
        <v>400</v>
      </c>
      <c r="M3582" s="98" t="s">
        <v>400</v>
      </c>
      <c r="N3582" s="98" t="s">
        <v>400</v>
      </c>
      <c r="O3582" s="98" t="s">
        <v>400</v>
      </c>
      <c r="P3582" s="98" t="s">
        <v>400</v>
      </c>
      <c r="Q3582" s="98" t="s">
        <v>400</v>
      </c>
      <c r="R3582" s="98" t="s">
        <v>400</v>
      </c>
      <c r="S3582" s="98" t="s">
        <v>400</v>
      </c>
      <c r="T3582" s="98" t="s">
        <v>400</v>
      </c>
      <c r="U3582" s="128"/>
      <c r="V3582" s="128"/>
      <c r="W3582" s="128"/>
      <c r="X3582" s="128"/>
      <c r="Y3582" s="128"/>
      <c r="Z3582" s="128"/>
      <c r="AA3582" s="128"/>
      <c r="AB3582" s="128"/>
      <c r="AC3582" s="128"/>
      <c r="AD3582" s="128"/>
      <c r="AE3582" s="128"/>
      <c r="AF3582" s="128"/>
      <c r="AG3582" s="128"/>
      <c r="AH3582" s="128"/>
      <c r="AI3582" s="128"/>
      <c r="AJ3582" s="128"/>
      <c r="AK3582" s="128"/>
      <c r="AL3582" s="128"/>
      <c r="AM3582" s="128"/>
      <c r="AN3582" s="128"/>
      <c r="AO3582" s="128"/>
      <c r="AP3582" s="128"/>
      <c r="AQ3582" s="128"/>
      <c r="AR3582" s="128"/>
      <c r="AS3582" s="128"/>
      <c r="AT3582" s="128"/>
      <c r="AU3582" s="128"/>
      <c r="AV3582" s="128"/>
      <c r="AW3582" s="128"/>
      <c r="AX3582" s="128"/>
      <c r="AY3582" s="128"/>
      <c r="AZ3582" s="128"/>
      <c r="BA3582" s="128"/>
      <c r="BB3582" s="107">
        <v>45884</v>
      </c>
    </row>
    <row r="3583" spans="1:54" s="8" customFormat="1" ht="13.95" customHeight="1" x14ac:dyDescent="0.25">
      <c r="A3583" s="219" t="s">
        <v>8007</v>
      </c>
      <c r="B3583" s="220" t="s">
        <v>6395</v>
      </c>
      <c r="C3583" s="98" t="s">
        <v>8008</v>
      </c>
      <c r="D3583" s="98" t="s">
        <v>21244</v>
      </c>
      <c r="E3583" s="141">
        <v>2013</v>
      </c>
      <c r="F3583" s="141">
        <v>828</v>
      </c>
      <c r="G3583" s="98" t="s">
        <v>1</v>
      </c>
      <c r="H3583" s="98">
        <v>0</v>
      </c>
      <c r="I3583" s="98">
        <v>0</v>
      </c>
      <c r="J3583" s="98" t="s">
        <v>400</v>
      </c>
      <c r="K3583" s="98" t="s">
        <v>400</v>
      </c>
      <c r="L3583" s="98" t="s">
        <v>400</v>
      </c>
      <c r="M3583" s="98" t="s">
        <v>400</v>
      </c>
      <c r="N3583" s="98" t="s">
        <v>400</v>
      </c>
      <c r="O3583" s="98" t="s">
        <v>400</v>
      </c>
      <c r="P3583" s="98" t="s">
        <v>400</v>
      </c>
      <c r="Q3583" s="98" t="s">
        <v>400</v>
      </c>
      <c r="R3583" s="98" t="s">
        <v>400</v>
      </c>
      <c r="S3583" s="98" t="s">
        <v>400</v>
      </c>
      <c r="T3583" s="98" t="s">
        <v>400</v>
      </c>
      <c r="U3583" s="128"/>
      <c r="V3583" s="128"/>
      <c r="W3583" s="128"/>
      <c r="X3583" s="128"/>
      <c r="Y3583" s="128"/>
      <c r="Z3583" s="128"/>
      <c r="AA3583" s="128"/>
      <c r="AB3583" s="128"/>
      <c r="AC3583" s="128"/>
      <c r="AD3583" s="128"/>
      <c r="AE3583" s="128"/>
      <c r="AF3583" s="128"/>
      <c r="AG3583" s="128"/>
      <c r="AH3583" s="128"/>
      <c r="AI3583" s="128"/>
      <c r="AJ3583" s="128"/>
      <c r="AK3583" s="128"/>
      <c r="AL3583" s="128"/>
      <c r="AM3583" s="128"/>
      <c r="AN3583" s="128"/>
      <c r="AO3583" s="128"/>
      <c r="AP3583" s="128"/>
      <c r="AQ3583" s="128"/>
      <c r="AR3583" s="128"/>
      <c r="AS3583" s="128"/>
      <c r="AT3583" s="128"/>
      <c r="AU3583" s="128"/>
      <c r="AV3583" s="128"/>
      <c r="AW3583" s="128"/>
      <c r="AX3583" s="128"/>
      <c r="AY3583" s="128"/>
      <c r="AZ3583" s="128"/>
      <c r="BA3583" s="128"/>
      <c r="BB3583" s="107">
        <v>45884</v>
      </c>
    </row>
    <row r="3584" spans="1:54" s="8" customFormat="1" ht="13.95" customHeight="1" x14ac:dyDescent="0.25">
      <c r="A3584" s="219" t="s">
        <v>8009</v>
      </c>
      <c r="B3584" s="220" t="s">
        <v>6395</v>
      </c>
      <c r="C3584" s="98" t="s">
        <v>8010</v>
      </c>
      <c r="D3584" s="98" t="s">
        <v>21245</v>
      </c>
      <c r="E3584" s="141">
        <v>2014</v>
      </c>
      <c r="F3584" s="141">
        <v>1100</v>
      </c>
      <c r="G3584" s="98" t="s">
        <v>1</v>
      </c>
      <c r="H3584" s="98">
        <v>0</v>
      </c>
      <c r="I3584" s="98">
        <v>0</v>
      </c>
      <c r="J3584" s="98" t="s">
        <v>400</v>
      </c>
      <c r="K3584" s="98" t="s">
        <v>400</v>
      </c>
      <c r="L3584" s="98" t="s">
        <v>400</v>
      </c>
      <c r="M3584" s="98" t="s">
        <v>400</v>
      </c>
      <c r="N3584" s="98" t="s">
        <v>400</v>
      </c>
      <c r="O3584" s="98" t="s">
        <v>400</v>
      </c>
      <c r="P3584" s="98" t="s">
        <v>400</v>
      </c>
      <c r="Q3584" s="98" t="s">
        <v>400</v>
      </c>
      <c r="R3584" s="98" t="s">
        <v>400</v>
      </c>
      <c r="S3584" s="98" t="s">
        <v>400</v>
      </c>
      <c r="T3584" s="98" t="s">
        <v>400</v>
      </c>
      <c r="U3584" s="128"/>
      <c r="V3584" s="128"/>
      <c r="W3584" s="128"/>
      <c r="X3584" s="128"/>
      <c r="Y3584" s="128"/>
      <c r="Z3584" s="128"/>
      <c r="AA3584" s="128"/>
      <c r="AB3584" s="128"/>
      <c r="AC3584" s="128"/>
      <c r="AD3584" s="128"/>
      <c r="AE3584" s="128"/>
      <c r="AF3584" s="128"/>
      <c r="AG3584" s="128"/>
      <c r="AH3584" s="128"/>
      <c r="AI3584" s="128"/>
      <c r="AJ3584" s="128"/>
      <c r="AK3584" s="128"/>
      <c r="AL3584" s="128"/>
      <c r="AM3584" s="128"/>
      <c r="AN3584" s="128"/>
      <c r="AO3584" s="128"/>
      <c r="AP3584" s="128"/>
      <c r="AQ3584" s="128"/>
      <c r="AR3584" s="128"/>
      <c r="AS3584" s="128"/>
      <c r="AT3584" s="128"/>
      <c r="AU3584" s="128"/>
      <c r="AV3584" s="128"/>
      <c r="AW3584" s="128"/>
      <c r="AX3584" s="128"/>
      <c r="AY3584" s="128"/>
      <c r="AZ3584" s="128"/>
      <c r="BA3584" s="128"/>
      <c r="BB3584" s="107">
        <v>45884</v>
      </c>
    </row>
    <row r="3585" spans="1:54" s="8" customFormat="1" ht="13.95" customHeight="1" x14ac:dyDescent="0.25">
      <c r="A3585" s="219" t="s">
        <v>8011</v>
      </c>
      <c r="B3585" s="220" t="s">
        <v>6395</v>
      </c>
      <c r="C3585" s="98" t="s">
        <v>8012</v>
      </c>
      <c r="D3585" s="98" t="s">
        <v>21246</v>
      </c>
      <c r="E3585" s="141">
        <v>2015</v>
      </c>
      <c r="F3585" s="141">
        <v>288</v>
      </c>
      <c r="G3585" s="98" t="s">
        <v>1</v>
      </c>
      <c r="H3585" s="98">
        <v>0</v>
      </c>
      <c r="I3585" s="98">
        <v>0</v>
      </c>
      <c r="J3585" s="98" t="s">
        <v>400</v>
      </c>
      <c r="K3585" s="98" t="s">
        <v>400</v>
      </c>
      <c r="L3585" s="98" t="s">
        <v>400</v>
      </c>
      <c r="M3585" s="98" t="s">
        <v>400</v>
      </c>
      <c r="N3585" s="98" t="s">
        <v>400</v>
      </c>
      <c r="O3585" s="98" t="s">
        <v>400</v>
      </c>
      <c r="P3585" s="98" t="s">
        <v>400</v>
      </c>
      <c r="Q3585" s="98" t="s">
        <v>400</v>
      </c>
      <c r="R3585" s="98" t="s">
        <v>400</v>
      </c>
      <c r="S3585" s="98" t="s">
        <v>400</v>
      </c>
      <c r="T3585" s="98" t="s">
        <v>400</v>
      </c>
      <c r="U3585" s="128"/>
      <c r="V3585" s="128"/>
      <c r="W3585" s="128"/>
      <c r="X3585" s="128"/>
      <c r="Y3585" s="128"/>
      <c r="Z3585" s="128"/>
      <c r="AA3585" s="128"/>
      <c r="AB3585" s="128"/>
      <c r="AC3585" s="128"/>
      <c r="AD3585" s="128"/>
      <c r="AE3585" s="128"/>
      <c r="AF3585" s="128"/>
      <c r="AG3585" s="128"/>
      <c r="AH3585" s="128"/>
      <c r="AI3585" s="128"/>
      <c r="AJ3585" s="128"/>
      <c r="AK3585" s="128"/>
      <c r="AL3585" s="128"/>
      <c r="AM3585" s="128"/>
      <c r="AN3585" s="128"/>
      <c r="AO3585" s="128"/>
      <c r="AP3585" s="128"/>
      <c r="AQ3585" s="128"/>
      <c r="AR3585" s="128"/>
      <c r="AS3585" s="128"/>
      <c r="AT3585" s="128"/>
      <c r="AU3585" s="128"/>
      <c r="AV3585" s="128"/>
      <c r="AW3585" s="128"/>
      <c r="AX3585" s="128"/>
      <c r="AY3585" s="128"/>
      <c r="AZ3585" s="128"/>
      <c r="BA3585" s="128"/>
      <c r="BB3585" s="107">
        <v>45884</v>
      </c>
    </row>
    <row r="3586" spans="1:54" s="8" customFormat="1" ht="13.95" customHeight="1" x14ac:dyDescent="0.25">
      <c r="A3586" s="219" t="s">
        <v>8013</v>
      </c>
      <c r="B3586" s="220" t="s">
        <v>6395</v>
      </c>
      <c r="C3586" s="98" t="s">
        <v>8014</v>
      </c>
      <c r="D3586" s="98" t="s">
        <v>21247</v>
      </c>
      <c r="E3586" s="141">
        <v>1996</v>
      </c>
      <c r="F3586" s="141">
        <v>407</v>
      </c>
      <c r="G3586" s="98" t="s">
        <v>1</v>
      </c>
      <c r="H3586" s="98">
        <v>0</v>
      </c>
      <c r="I3586" s="98">
        <v>0</v>
      </c>
      <c r="J3586" s="98" t="s">
        <v>400</v>
      </c>
      <c r="K3586" s="98" t="s">
        <v>400</v>
      </c>
      <c r="L3586" s="98" t="s">
        <v>400</v>
      </c>
      <c r="M3586" s="98" t="s">
        <v>400</v>
      </c>
      <c r="N3586" s="98" t="s">
        <v>400</v>
      </c>
      <c r="O3586" s="98" t="s">
        <v>400</v>
      </c>
      <c r="P3586" s="98" t="s">
        <v>400</v>
      </c>
      <c r="Q3586" s="98" t="s">
        <v>400</v>
      </c>
      <c r="R3586" s="98" t="s">
        <v>400</v>
      </c>
      <c r="S3586" s="98" t="s">
        <v>400</v>
      </c>
      <c r="T3586" s="98" t="s">
        <v>400</v>
      </c>
      <c r="U3586" s="128"/>
      <c r="V3586" s="128"/>
      <c r="W3586" s="128"/>
      <c r="X3586" s="128"/>
      <c r="Y3586" s="128"/>
      <c r="Z3586" s="128"/>
      <c r="AA3586" s="128"/>
      <c r="AB3586" s="128"/>
      <c r="AC3586" s="128"/>
      <c r="AD3586" s="128"/>
      <c r="AE3586" s="128"/>
      <c r="AF3586" s="128"/>
      <c r="AG3586" s="128"/>
      <c r="AH3586" s="128"/>
      <c r="AI3586" s="128"/>
      <c r="AJ3586" s="128"/>
      <c r="AK3586" s="128"/>
      <c r="AL3586" s="128"/>
      <c r="AM3586" s="128"/>
      <c r="AN3586" s="128"/>
      <c r="AO3586" s="128"/>
      <c r="AP3586" s="128"/>
      <c r="AQ3586" s="128"/>
      <c r="AR3586" s="128"/>
      <c r="AS3586" s="128"/>
      <c r="AT3586" s="128"/>
      <c r="AU3586" s="128"/>
      <c r="AV3586" s="128"/>
      <c r="AW3586" s="128"/>
      <c r="AX3586" s="128"/>
      <c r="AY3586" s="128"/>
      <c r="AZ3586" s="128"/>
      <c r="BA3586" s="128"/>
      <c r="BB3586" s="107">
        <v>45884</v>
      </c>
    </row>
    <row r="3587" spans="1:54" s="8" customFormat="1" ht="13.95" customHeight="1" x14ac:dyDescent="0.25">
      <c r="A3587" s="219" t="s">
        <v>8015</v>
      </c>
      <c r="B3587" s="220" t="s">
        <v>6395</v>
      </c>
      <c r="C3587" s="98" t="s">
        <v>8016</v>
      </c>
      <c r="D3587" s="98" t="s">
        <v>21248</v>
      </c>
      <c r="E3587" s="141">
        <v>2015</v>
      </c>
      <c r="F3587" s="141">
        <v>225</v>
      </c>
      <c r="G3587" s="98" t="s">
        <v>1</v>
      </c>
      <c r="H3587" s="98">
        <v>0</v>
      </c>
      <c r="I3587" s="98">
        <v>0</v>
      </c>
      <c r="J3587" s="98" t="s">
        <v>400</v>
      </c>
      <c r="K3587" s="98" t="s">
        <v>400</v>
      </c>
      <c r="L3587" s="98" t="s">
        <v>400</v>
      </c>
      <c r="M3587" s="98" t="s">
        <v>400</v>
      </c>
      <c r="N3587" s="98" t="s">
        <v>400</v>
      </c>
      <c r="O3587" s="98" t="s">
        <v>400</v>
      </c>
      <c r="P3587" s="98" t="s">
        <v>400</v>
      </c>
      <c r="Q3587" s="98" t="s">
        <v>400</v>
      </c>
      <c r="R3587" s="98" t="s">
        <v>400</v>
      </c>
      <c r="S3587" s="98" t="s">
        <v>400</v>
      </c>
      <c r="T3587" s="98" t="s">
        <v>400</v>
      </c>
      <c r="U3587" s="128"/>
      <c r="V3587" s="128"/>
      <c r="W3587" s="128"/>
      <c r="X3587" s="128"/>
      <c r="Y3587" s="128"/>
      <c r="Z3587" s="128"/>
      <c r="AA3587" s="128"/>
      <c r="AB3587" s="128"/>
      <c r="AC3587" s="128"/>
      <c r="AD3587" s="128"/>
      <c r="AE3587" s="128"/>
      <c r="AF3587" s="128"/>
      <c r="AG3587" s="128"/>
      <c r="AH3587" s="128"/>
      <c r="AI3587" s="128"/>
      <c r="AJ3587" s="128"/>
      <c r="AK3587" s="128"/>
      <c r="AL3587" s="128"/>
      <c r="AM3587" s="128"/>
      <c r="AN3587" s="128"/>
      <c r="AO3587" s="128"/>
      <c r="AP3587" s="128"/>
      <c r="AQ3587" s="128"/>
      <c r="AR3587" s="128"/>
      <c r="AS3587" s="128"/>
      <c r="AT3587" s="128"/>
      <c r="AU3587" s="128"/>
      <c r="AV3587" s="128"/>
      <c r="AW3587" s="128"/>
      <c r="AX3587" s="128"/>
      <c r="AY3587" s="128"/>
      <c r="AZ3587" s="128"/>
      <c r="BA3587" s="128"/>
      <c r="BB3587" s="107">
        <v>45884</v>
      </c>
    </row>
    <row r="3588" spans="1:54" s="8" customFormat="1" ht="13.95" customHeight="1" x14ac:dyDescent="0.25">
      <c r="A3588" s="219" t="s">
        <v>8017</v>
      </c>
      <c r="B3588" s="220" t="s">
        <v>6395</v>
      </c>
      <c r="C3588" s="98" t="s">
        <v>8018</v>
      </c>
      <c r="D3588" s="98" t="s">
        <v>20484</v>
      </c>
      <c r="E3588" s="141">
        <v>2002</v>
      </c>
      <c r="F3588" s="141">
        <v>1632</v>
      </c>
      <c r="G3588" s="98" t="s">
        <v>1</v>
      </c>
      <c r="H3588" s="98">
        <v>0</v>
      </c>
      <c r="I3588" s="98">
        <v>0</v>
      </c>
      <c r="J3588" s="98" t="s">
        <v>400</v>
      </c>
      <c r="K3588" s="98" t="s">
        <v>400</v>
      </c>
      <c r="L3588" s="98" t="s">
        <v>400</v>
      </c>
      <c r="M3588" s="98" t="s">
        <v>400</v>
      </c>
      <c r="N3588" s="98" t="s">
        <v>400</v>
      </c>
      <c r="O3588" s="98" t="s">
        <v>400</v>
      </c>
      <c r="P3588" s="98" t="s">
        <v>400</v>
      </c>
      <c r="Q3588" s="98" t="s">
        <v>400</v>
      </c>
      <c r="R3588" s="98" t="s">
        <v>400</v>
      </c>
      <c r="S3588" s="98" t="s">
        <v>400</v>
      </c>
      <c r="T3588" s="98" t="s">
        <v>400</v>
      </c>
      <c r="U3588" s="128"/>
      <c r="V3588" s="128"/>
      <c r="W3588" s="128"/>
      <c r="X3588" s="128"/>
      <c r="Y3588" s="128"/>
      <c r="Z3588" s="128"/>
      <c r="AA3588" s="128"/>
      <c r="AB3588" s="128"/>
      <c r="AC3588" s="128"/>
      <c r="AD3588" s="128"/>
      <c r="AE3588" s="128"/>
      <c r="AF3588" s="128"/>
      <c r="AG3588" s="128"/>
      <c r="AH3588" s="128"/>
      <c r="AI3588" s="128"/>
      <c r="AJ3588" s="128"/>
      <c r="AK3588" s="128"/>
      <c r="AL3588" s="128"/>
      <c r="AM3588" s="128"/>
      <c r="AN3588" s="128"/>
      <c r="AO3588" s="128"/>
      <c r="AP3588" s="128"/>
      <c r="AQ3588" s="128"/>
      <c r="AR3588" s="128"/>
      <c r="AS3588" s="128"/>
      <c r="AT3588" s="128"/>
      <c r="AU3588" s="128"/>
      <c r="AV3588" s="128"/>
      <c r="AW3588" s="128"/>
      <c r="AX3588" s="128"/>
      <c r="AY3588" s="128"/>
      <c r="AZ3588" s="128"/>
      <c r="BA3588" s="128"/>
      <c r="BB3588" s="107">
        <v>45884</v>
      </c>
    </row>
    <row r="3589" spans="1:54" s="8" customFormat="1" ht="13.95" customHeight="1" x14ac:dyDescent="0.25">
      <c r="A3589" s="219" t="s">
        <v>8019</v>
      </c>
      <c r="B3589" s="220" t="s">
        <v>6395</v>
      </c>
      <c r="C3589" s="98" t="s">
        <v>8020</v>
      </c>
      <c r="D3589" s="98" t="s">
        <v>21249</v>
      </c>
      <c r="E3589" s="141">
        <v>2002</v>
      </c>
      <c r="F3589" s="141">
        <v>217</v>
      </c>
      <c r="G3589" s="98" t="s">
        <v>1</v>
      </c>
      <c r="H3589" s="98">
        <v>0</v>
      </c>
      <c r="I3589" s="98">
        <v>0</v>
      </c>
      <c r="J3589" s="98" t="s">
        <v>400</v>
      </c>
      <c r="K3589" s="98" t="s">
        <v>400</v>
      </c>
      <c r="L3589" s="98" t="s">
        <v>400</v>
      </c>
      <c r="M3589" s="98" t="s">
        <v>400</v>
      </c>
      <c r="N3589" s="98" t="s">
        <v>400</v>
      </c>
      <c r="O3589" s="98" t="s">
        <v>400</v>
      </c>
      <c r="P3589" s="98" t="s">
        <v>400</v>
      </c>
      <c r="Q3589" s="98" t="s">
        <v>400</v>
      </c>
      <c r="R3589" s="98" t="s">
        <v>400</v>
      </c>
      <c r="S3589" s="98" t="s">
        <v>400</v>
      </c>
      <c r="T3589" s="98" t="s">
        <v>400</v>
      </c>
      <c r="U3589" s="128"/>
      <c r="V3589" s="128"/>
      <c r="W3589" s="128"/>
      <c r="X3589" s="128"/>
      <c r="Y3589" s="128"/>
      <c r="Z3589" s="128"/>
      <c r="AA3589" s="128"/>
      <c r="AB3589" s="128"/>
      <c r="AC3589" s="128"/>
      <c r="AD3589" s="128"/>
      <c r="AE3589" s="128"/>
      <c r="AF3589" s="128"/>
      <c r="AG3589" s="128"/>
      <c r="AH3589" s="128"/>
      <c r="AI3589" s="128"/>
      <c r="AJ3589" s="128"/>
      <c r="AK3589" s="128"/>
      <c r="AL3589" s="128"/>
      <c r="AM3589" s="128"/>
      <c r="AN3589" s="128"/>
      <c r="AO3589" s="128"/>
      <c r="AP3589" s="128"/>
      <c r="AQ3589" s="128"/>
      <c r="AR3589" s="128"/>
      <c r="AS3589" s="128"/>
      <c r="AT3589" s="128"/>
      <c r="AU3589" s="128"/>
      <c r="AV3589" s="128"/>
      <c r="AW3589" s="128"/>
      <c r="AX3589" s="128"/>
      <c r="AY3589" s="128"/>
      <c r="AZ3589" s="128"/>
      <c r="BA3589" s="128"/>
      <c r="BB3589" s="107">
        <v>45884</v>
      </c>
    </row>
    <row r="3590" spans="1:54" s="8" customFormat="1" ht="13.95" customHeight="1" x14ac:dyDescent="0.25">
      <c r="A3590" s="219" t="s">
        <v>8021</v>
      </c>
      <c r="B3590" s="220" t="s">
        <v>6395</v>
      </c>
      <c r="C3590" s="98" t="s">
        <v>8022</v>
      </c>
      <c r="D3590" s="98" t="s">
        <v>21250</v>
      </c>
      <c r="E3590" s="141">
        <v>2004</v>
      </c>
      <c r="F3590" s="141">
        <v>209</v>
      </c>
      <c r="G3590" s="98" t="s">
        <v>1</v>
      </c>
      <c r="H3590" s="98">
        <v>0</v>
      </c>
      <c r="I3590" s="98">
        <v>0</v>
      </c>
      <c r="J3590" s="98" t="s">
        <v>400</v>
      </c>
      <c r="K3590" s="98" t="s">
        <v>400</v>
      </c>
      <c r="L3590" s="98" t="s">
        <v>400</v>
      </c>
      <c r="M3590" s="98" t="s">
        <v>400</v>
      </c>
      <c r="N3590" s="98" t="s">
        <v>400</v>
      </c>
      <c r="O3590" s="98" t="s">
        <v>400</v>
      </c>
      <c r="P3590" s="98" t="s">
        <v>400</v>
      </c>
      <c r="Q3590" s="98" t="s">
        <v>400</v>
      </c>
      <c r="R3590" s="98" t="s">
        <v>400</v>
      </c>
      <c r="S3590" s="98" t="s">
        <v>400</v>
      </c>
      <c r="T3590" s="98" t="s">
        <v>400</v>
      </c>
      <c r="U3590" s="128"/>
      <c r="V3590" s="128"/>
      <c r="W3590" s="128"/>
      <c r="X3590" s="128"/>
      <c r="Y3590" s="128"/>
      <c r="Z3590" s="128"/>
      <c r="AA3590" s="128"/>
      <c r="AB3590" s="128"/>
      <c r="AC3590" s="128"/>
      <c r="AD3590" s="128"/>
      <c r="AE3590" s="128"/>
      <c r="AF3590" s="128"/>
      <c r="AG3590" s="128"/>
      <c r="AH3590" s="128"/>
      <c r="AI3590" s="128"/>
      <c r="AJ3590" s="128"/>
      <c r="AK3590" s="128"/>
      <c r="AL3590" s="128"/>
      <c r="AM3590" s="128"/>
      <c r="AN3590" s="128"/>
      <c r="AO3590" s="128"/>
      <c r="AP3590" s="128"/>
      <c r="AQ3590" s="128"/>
      <c r="AR3590" s="128"/>
      <c r="AS3590" s="128"/>
      <c r="AT3590" s="128"/>
      <c r="AU3590" s="128"/>
      <c r="AV3590" s="128"/>
      <c r="AW3590" s="128"/>
      <c r="AX3590" s="128"/>
      <c r="AY3590" s="128"/>
      <c r="AZ3590" s="128"/>
      <c r="BA3590" s="128"/>
      <c r="BB3590" s="107">
        <v>45884</v>
      </c>
    </row>
    <row r="3591" spans="1:54" s="8" customFormat="1" ht="13.95" customHeight="1" x14ac:dyDescent="0.25">
      <c r="A3591" s="219" t="s">
        <v>8023</v>
      </c>
      <c r="B3591" s="220" t="s">
        <v>6395</v>
      </c>
      <c r="C3591" s="98" t="s">
        <v>8024</v>
      </c>
      <c r="D3591" s="98" t="s">
        <v>21251</v>
      </c>
      <c r="E3591" s="141">
        <v>2004</v>
      </c>
      <c r="F3591" s="141">
        <v>374</v>
      </c>
      <c r="G3591" s="98" t="s">
        <v>1</v>
      </c>
      <c r="H3591" s="98">
        <v>0</v>
      </c>
      <c r="I3591" s="98">
        <v>0</v>
      </c>
      <c r="J3591" s="98" t="s">
        <v>400</v>
      </c>
      <c r="K3591" s="98" t="s">
        <v>400</v>
      </c>
      <c r="L3591" s="98" t="s">
        <v>400</v>
      </c>
      <c r="M3591" s="98" t="s">
        <v>400</v>
      </c>
      <c r="N3591" s="98" t="s">
        <v>400</v>
      </c>
      <c r="O3591" s="98" t="s">
        <v>400</v>
      </c>
      <c r="P3591" s="98" t="s">
        <v>400</v>
      </c>
      <c r="Q3591" s="98" t="s">
        <v>400</v>
      </c>
      <c r="R3591" s="98" t="s">
        <v>400</v>
      </c>
      <c r="S3591" s="98" t="s">
        <v>400</v>
      </c>
      <c r="T3591" s="98" t="s">
        <v>400</v>
      </c>
      <c r="U3591" s="128"/>
      <c r="V3591" s="128"/>
      <c r="W3591" s="128"/>
      <c r="X3591" s="128"/>
      <c r="Y3591" s="128"/>
      <c r="Z3591" s="128"/>
      <c r="AA3591" s="128"/>
      <c r="AB3591" s="128"/>
      <c r="AC3591" s="128"/>
      <c r="AD3591" s="128"/>
      <c r="AE3591" s="128"/>
      <c r="AF3591" s="128"/>
      <c r="AG3591" s="128"/>
      <c r="AH3591" s="128"/>
      <c r="AI3591" s="128"/>
      <c r="AJ3591" s="128"/>
      <c r="AK3591" s="128"/>
      <c r="AL3591" s="128"/>
      <c r="AM3591" s="128"/>
      <c r="AN3591" s="128"/>
      <c r="AO3591" s="128"/>
      <c r="AP3591" s="128"/>
      <c r="AQ3591" s="128"/>
      <c r="AR3591" s="128"/>
      <c r="AS3591" s="128"/>
      <c r="AT3591" s="128"/>
      <c r="AU3591" s="128"/>
      <c r="AV3591" s="128"/>
      <c r="AW3591" s="128"/>
      <c r="AX3591" s="128"/>
      <c r="AY3591" s="128"/>
      <c r="AZ3591" s="128"/>
      <c r="BA3591" s="128"/>
      <c r="BB3591" s="107">
        <v>45884</v>
      </c>
    </row>
    <row r="3592" spans="1:54" s="8" customFormat="1" ht="13.95" customHeight="1" x14ac:dyDescent="0.25">
      <c r="A3592" s="219" t="s">
        <v>8025</v>
      </c>
      <c r="B3592" s="220" t="s">
        <v>6395</v>
      </c>
      <c r="C3592" s="98" t="s">
        <v>8026</v>
      </c>
      <c r="D3592" s="98" t="s">
        <v>21252</v>
      </c>
      <c r="E3592" s="141">
        <v>2004</v>
      </c>
      <c r="F3592" s="141">
        <v>205</v>
      </c>
      <c r="G3592" s="98" t="s">
        <v>1</v>
      </c>
      <c r="H3592" s="98">
        <v>0</v>
      </c>
      <c r="I3592" s="98">
        <v>0</v>
      </c>
      <c r="J3592" s="98" t="s">
        <v>400</v>
      </c>
      <c r="K3592" s="98" t="s">
        <v>400</v>
      </c>
      <c r="L3592" s="98" t="s">
        <v>400</v>
      </c>
      <c r="M3592" s="98" t="s">
        <v>400</v>
      </c>
      <c r="N3592" s="98" t="s">
        <v>400</v>
      </c>
      <c r="O3592" s="98" t="s">
        <v>400</v>
      </c>
      <c r="P3592" s="98" t="s">
        <v>400</v>
      </c>
      <c r="Q3592" s="98" t="s">
        <v>400</v>
      </c>
      <c r="R3592" s="98" t="s">
        <v>400</v>
      </c>
      <c r="S3592" s="98" t="s">
        <v>400</v>
      </c>
      <c r="T3592" s="98" t="s">
        <v>400</v>
      </c>
      <c r="U3592" s="128"/>
      <c r="V3592" s="128"/>
      <c r="W3592" s="128"/>
      <c r="X3592" s="128"/>
      <c r="Y3592" s="128"/>
      <c r="Z3592" s="128"/>
      <c r="AA3592" s="128"/>
      <c r="AB3592" s="128"/>
      <c r="AC3592" s="128"/>
      <c r="AD3592" s="128"/>
      <c r="AE3592" s="128"/>
      <c r="AF3592" s="128"/>
      <c r="AG3592" s="128"/>
      <c r="AH3592" s="128"/>
      <c r="AI3592" s="128"/>
      <c r="AJ3592" s="128"/>
      <c r="AK3592" s="128"/>
      <c r="AL3592" s="128"/>
      <c r="AM3592" s="128"/>
      <c r="AN3592" s="128"/>
      <c r="AO3592" s="128"/>
      <c r="AP3592" s="128"/>
      <c r="AQ3592" s="128"/>
      <c r="AR3592" s="128"/>
      <c r="AS3592" s="128"/>
      <c r="AT3592" s="128"/>
      <c r="AU3592" s="128"/>
      <c r="AV3592" s="128"/>
      <c r="AW3592" s="128"/>
      <c r="AX3592" s="128"/>
      <c r="AY3592" s="128"/>
      <c r="AZ3592" s="128"/>
      <c r="BA3592" s="128"/>
      <c r="BB3592" s="107">
        <v>45884</v>
      </c>
    </row>
    <row r="3593" spans="1:54" s="8" customFormat="1" ht="13.95" customHeight="1" x14ac:dyDescent="0.25">
      <c r="A3593" s="219" t="s">
        <v>8027</v>
      </c>
      <c r="B3593" s="220" t="s">
        <v>6395</v>
      </c>
      <c r="C3593" s="98" t="s">
        <v>8028</v>
      </c>
      <c r="D3593" s="98" t="s">
        <v>21253</v>
      </c>
      <c r="E3593" s="141">
        <v>2004</v>
      </c>
      <c r="F3593" s="141">
        <v>201</v>
      </c>
      <c r="G3593" s="98" t="s">
        <v>1</v>
      </c>
      <c r="H3593" s="98">
        <v>0</v>
      </c>
      <c r="I3593" s="98">
        <v>0</v>
      </c>
      <c r="J3593" s="98" t="s">
        <v>400</v>
      </c>
      <c r="K3593" s="98" t="s">
        <v>400</v>
      </c>
      <c r="L3593" s="98" t="s">
        <v>400</v>
      </c>
      <c r="M3593" s="98" t="s">
        <v>400</v>
      </c>
      <c r="N3593" s="98" t="s">
        <v>400</v>
      </c>
      <c r="O3593" s="98" t="s">
        <v>400</v>
      </c>
      <c r="P3593" s="98" t="s">
        <v>400</v>
      </c>
      <c r="Q3593" s="98" t="s">
        <v>400</v>
      </c>
      <c r="R3593" s="98" t="s">
        <v>400</v>
      </c>
      <c r="S3593" s="98" t="s">
        <v>400</v>
      </c>
      <c r="T3593" s="98" t="s">
        <v>400</v>
      </c>
      <c r="U3593" s="128"/>
      <c r="V3593" s="128"/>
      <c r="W3593" s="128"/>
      <c r="X3593" s="128"/>
      <c r="Y3593" s="128"/>
      <c r="Z3593" s="128"/>
      <c r="AA3593" s="128"/>
      <c r="AB3593" s="128"/>
      <c r="AC3593" s="128"/>
      <c r="AD3593" s="128"/>
      <c r="AE3593" s="128"/>
      <c r="AF3593" s="128"/>
      <c r="AG3593" s="128"/>
      <c r="AH3593" s="128"/>
      <c r="AI3593" s="128"/>
      <c r="AJ3593" s="128"/>
      <c r="AK3593" s="128"/>
      <c r="AL3593" s="128"/>
      <c r="AM3593" s="128"/>
      <c r="AN3593" s="128"/>
      <c r="AO3593" s="128"/>
      <c r="AP3593" s="128"/>
      <c r="AQ3593" s="128"/>
      <c r="AR3593" s="128"/>
      <c r="AS3593" s="128"/>
      <c r="AT3593" s="128"/>
      <c r="AU3593" s="128"/>
      <c r="AV3593" s="128"/>
      <c r="AW3593" s="128"/>
      <c r="AX3593" s="128"/>
      <c r="AY3593" s="128"/>
      <c r="AZ3593" s="128"/>
      <c r="BA3593" s="128"/>
      <c r="BB3593" s="107">
        <v>45884</v>
      </c>
    </row>
    <row r="3594" spans="1:54" s="8" customFormat="1" ht="13.95" customHeight="1" x14ac:dyDescent="0.25">
      <c r="A3594" s="219" t="s">
        <v>8029</v>
      </c>
      <c r="B3594" s="220" t="s">
        <v>6395</v>
      </c>
      <c r="C3594" s="98" t="s">
        <v>8030</v>
      </c>
      <c r="D3594" s="98" t="s">
        <v>21254</v>
      </c>
      <c r="E3594" s="141">
        <v>2013</v>
      </c>
      <c r="F3594" s="141">
        <v>1592</v>
      </c>
      <c r="G3594" s="98" t="s">
        <v>1</v>
      </c>
      <c r="H3594" s="98">
        <v>0</v>
      </c>
      <c r="I3594" s="98">
        <v>0</v>
      </c>
      <c r="J3594" s="98" t="s">
        <v>400</v>
      </c>
      <c r="K3594" s="98" t="s">
        <v>400</v>
      </c>
      <c r="L3594" s="98" t="s">
        <v>400</v>
      </c>
      <c r="M3594" s="98" t="s">
        <v>400</v>
      </c>
      <c r="N3594" s="98" t="s">
        <v>400</v>
      </c>
      <c r="O3594" s="98" t="s">
        <v>400</v>
      </c>
      <c r="P3594" s="98" t="s">
        <v>400</v>
      </c>
      <c r="Q3594" s="98" t="s">
        <v>400</v>
      </c>
      <c r="R3594" s="98" t="s">
        <v>400</v>
      </c>
      <c r="S3594" s="98" t="s">
        <v>400</v>
      </c>
      <c r="T3594" s="98" t="s">
        <v>400</v>
      </c>
      <c r="U3594" s="128"/>
      <c r="V3594" s="128"/>
      <c r="W3594" s="128"/>
      <c r="X3594" s="128"/>
      <c r="Y3594" s="128"/>
      <c r="Z3594" s="128"/>
      <c r="AA3594" s="128"/>
      <c r="AB3594" s="128"/>
      <c r="AC3594" s="128"/>
      <c r="AD3594" s="128"/>
      <c r="AE3594" s="128"/>
      <c r="AF3594" s="128"/>
      <c r="AG3594" s="128"/>
      <c r="AH3594" s="128"/>
      <c r="AI3594" s="128"/>
      <c r="AJ3594" s="128"/>
      <c r="AK3594" s="128"/>
      <c r="AL3594" s="128"/>
      <c r="AM3594" s="128"/>
      <c r="AN3594" s="128"/>
      <c r="AO3594" s="128"/>
      <c r="AP3594" s="128"/>
      <c r="AQ3594" s="128"/>
      <c r="AR3594" s="128"/>
      <c r="AS3594" s="128"/>
      <c r="AT3594" s="128"/>
      <c r="AU3594" s="128"/>
      <c r="AV3594" s="128"/>
      <c r="AW3594" s="128"/>
      <c r="AX3594" s="128"/>
      <c r="AY3594" s="128"/>
      <c r="AZ3594" s="128"/>
      <c r="BA3594" s="128"/>
      <c r="BB3594" s="107">
        <v>45884</v>
      </c>
    </row>
    <row r="3595" spans="1:54" s="8" customFormat="1" ht="13.95" customHeight="1" x14ac:dyDescent="0.25">
      <c r="A3595" s="219" t="s">
        <v>8031</v>
      </c>
      <c r="B3595" s="220" t="s">
        <v>6395</v>
      </c>
      <c r="C3595" s="98" t="s">
        <v>8032</v>
      </c>
      <c r="D3595" s="98" t="s">
        <v>21255</v>
      </c>
      <c r="E3595" s="141">
        <v>2004</v>
      </c>
      <c r="F3595" s="141">
        <v>231</v>
      </c>
      <c r="G3595" s="98" t="s">
        <v>1</v>
      </c>
      <c r="H3595" s="98">
        <v>0</v>
      </c>
      <c r="I3595" s="98">
        <v>0</v>
      </c>
      <c r="J3595" s="98" t="s">
        <v>400</v>
      </c>
      <c r="K3595" s="98" t="s">
        <v>400</v>
      </c>
      <c r="L3595" s="98" t="s">
        <v>400</v>
      </c>
      <c r="M3595" s="98" t="s">
        <v>400</v>
      </c>
      <c r="N3595" s="98" t="s">
        <v>400</v>
      </c>
      <c r="O3595" s="98" t="s">
        <v>400</v>
      </c>
      <c r="P3595" s="98" t="s">
        <v>400</v>
      </c>
      <c r="Q3595" s="98" t="s">
        <v>400</v>
      </c>
      <c r="R3595" s="98" t="s">
        <v>400</v>
      </c>
      <c r="S3595" s="98" t="s">
        <v>400</v>
      </c>
      <c r="T3595" s="98" t="s">
        <v>400</v>
      </c>
      <c r="U3595" s="128"/>
      <c r="V3595" s="128"/>
      <c r="W3595" s="128"/>
      <c r="X3595" s="128"/>
      <c r="Y3595" s="128"/>
      <c r="Z3595" s="128"/>
      <c r="AA3595" s="128"/>
      <c r="AB3595" s="128"/>
      <c r="AC3595" s="128"/>
      <c r="AD3595" s="128"/>
      <c r="AE3595" s="128"/>
      <c r="AF3595" s="128"/>
      <c r="AG3595" s="128"/>
      <c r="AH3595" s="128"/>
      <c r="AI3595" s="128"/>
      <c r="AJ3595" s="128"/>
      <c r="AK3595" s="128"/>
      <c r="AL3595" s="128"/>
      <c r="AM3595" s="128"/>
      <c r="AN3595" s="128"/>
      <c r="AO3595" s="128"/>
      <c r="AP3595" s="128"/>
      <c r="AQ3595" s="128"/>
      <c r="AR3595" s="128"/>
      <c r="AS3595" s="128"/>
      <c r="AT3595" s="128"/>
      <c r="AU3595" s="128"/>
      <c r="AV3595" s="128"/>
      <c r="AW3595" s="128"/>
      <c r="AX3595" s="128"/>
      <c r="AY3595" s="128"/>
      <c r="AZ3595" s="128"/>
      <c r="BA3595" s="128"/>
      <c r="BB3595" s="107">
        <v>45884</v>
      </c>
    </row>
    <row r="3596" spans="1:54" s="8" customFormat="1" ht="13.95" customHeight="1" x14ac:dyDescent="0.25">
      <c r="A3596" s="219" t="s">
        <v>8033</v>
      </c>
      <c r="B3596" s="220" t="s">
        <v>6395</v>
      </c>
      <c r="C3596" s="98" t="s">
        <v>8034</v>
      </c>
      <c r="D3596" s="98" t="s">
        <v>21256</v>
      </c>
      <c r="E3596" s="141">
        <v>2004</v>
      </c>
      <c r="F3596" s="141">
        <v>421</v>
      </c>
      <c r="G3596" s="98" t="s">
        <v>1</v>
      </c>
      <c r="H3596" s="98">
        <v>0</v>
      </c>
      <c r="I3596" s="98">
        <v>0</v>
      </c>
      <c r="J3596" s="98" t="s">
        <v>400</v>
      </c>
      <c r="K3596" s="98" t="s">
        <v>400</v>
      </c>
      <c r="L3596" s="98" t="s">
        <v>400</v>
      </c>
      <c r="M3596" s="98" t="s">
        <v>400</v>
      </c>
      <c r="N3596" s="98" t="s">
        <v>400</v>
      </c>
      <c r="O3596" s="98" t="s">
        <v>400</v>
      </c>
      <c r="P3596" s="98" t="s">
        <v>400</v>
      </c>
      <c r="Q3596" s="98" t="s">
        <v>400</v>
      </c>
      <c r="R3596" s="98" t="s">
        <v>400</v>
      </c>
      <c r="S3596" s="98" t="s">
        <v>400</v>
      </c>
      <c r="T3596" s="98" t="s">
        <v>400</v>
      </c>
      <c r="U3596" s="128"/>
      <c r="V3596" s="128"/>
      <c r="W3596" s="128"/>
      <c r="X3596" s="128"/>
      <c r="Y3596" s="128"/>
      <c r="Z3596" s="128"/>
      <c r="AA3596" s="128"/>
      <c r="AB3596" s="128"/>
      <c r="AC3596" s="128"/>
      <c r="AD3596" s="128"/>
      <c r="AE3596" s="128"/>
      <c r="AF3596" s="128"/>
      <c r="AG3596" s="128"/>
      <c r="AH3596" s="128"/>
      <c r="AI3596" s="128"/>
      <c r="AJ3596" s="128"/>
      <c r="AK3596" s="128"/>
      <c r="AL3596" s="128"/>
      <c r="AM3596" s="128"/>
      <c r="AN3596" s="128"/>
      <c r="AO3596" s="128"/>
      <c r="AP3596" s="128"/>
      <c r="AQ3596" s="128"/>
      <c r="AR3596" s="128"/>
      <c r="AS3596" s="128"/>
      <c r="AT3596" s="128"/>
      <c r="AU3596" s="128"/>
      <c r="AV3596" s="128"/>
      <c r="AW3596" s="128"/>
      <c r="AX3596" s="128"/>
      <c r="AY3596" s="128"/>
      <c r="AZ3596" s="128"/>
      <c r="BA3596" s="128"/>
      <c r="BB3596" s="107">
        <v>45884</v>
      </c>
    </row>
    <row r="3597" spans="1:54" s="8" customFormat="1" ht="13.95" customHeight="1" x14ac:dyDescent="0.25">
      <c r="A3597" s="219" t="s">
        <v>8035</v>
      </c>
      <c r="B3597" s="220" t="s">
        <v>6395</v>
      </c>
      <c r="C3597" s="98" t="s">
        <v>8036</v>
      </c>
      <c r="D3597" s="98" t="s">
        <v>21257</v>
      </c>
      <c r="E3597" s="141">
        <v>2004</v>
      </c>
      <c r="F3597" s="141">
        <v>793</v>
      </c>
      <c r="G3597" s="98" t="s">
        <v>1</v>
      </c>
      <c r="H3597" s="98">
        <v>0</v>
      </c>
      <c r="I3597" s="98">
        <v>0</v>
      </c>
      <c r="J3597" s="98" t="s">
        <v>400</v>
      </c>
      <c r="K3597" s="98" t="s">
        <v>400</v>
      </c>
      <c r="L3597" s="98" t="s">
        <v>400</v>
      </c>
      <c r="M3597" s="98" t="s">
        <v>400</v>
      </c>
      <c r="N3597" s="98" t="s">
        <v>400</v>
      </c>
      <c r="O3597" s="98" t="s">
        <v>400</v>
      </c>
      <c r="P3597" s="98" t="s">
        <v>400</v>
      </c>
      <c r="Q3597" s="98" t="s">
        <v>400</v>
      </c>
      <c r="R3597" s="98" t="s">
        <v>400</v>
      </c>
      <c r="S3597" s="98" t="s">
        <v>400</v>
      </c>
      <c r="T3597" s="98" t="s">
        <v>400</v>
      </c>
      <c r="U3597" s="128"/>
      <c r="V3597" s="128"/>
      <c r="W3597" s="128"/>
      <c r="X3597" s="128"/>
      <c r="Y3597" s="128"/>
      <c r="Z3597" s="128"/>
      <c r="AA3597" s="128"/>
      <c r="AB3597" s="128"/>
      <c r="AC3597" s="128"/>
      <c r="AD3597" s="128"/>
      <c r="AE3597" s="128"/>
      <c r="AF3597" s="128"/>
      <c r="AG3597" s="128"/>
      <c r="AH3597" s="128"/>
      <c r="AI3597" s="128"/>
      <c r="AJ3597" s="128"/>
      <c r="AK3597" s="128"/>
      <c r="AL3597" s="128"/>
      <c r="AM3597" s="128"/>
      <c r="AN3597" s="128"/>
      <c r="AO3597" s="128"/>
      <c r="AP3597" s="128"/>
      <c r="AQ3597" s="128"/>
      <c r="AR3597" s="128"/>
      <c r="AS3597" s="128"/>
      <c r="AT3597" s="128"/>
      <c r="AU3597" s="128"/>
      <c r="AV3597" s="128"/>
      <c r="AW3597" s="128"/>
      <c r="AX3597" s="128"/>
      <c r="AY3597" s="128"/>
      <c r="AZ3597" s="128"/>
      <c r="BA3597" s="128"/>
      <c r="BB3597" s="107">
        <v>45884</v>
      </c>
    </row>
    <row r="3598" spans="1:54" s="8" customFormat="1" ht="13.95" customHeight="1" x14ac:dyDescent="0.25">
      <c r="A3598" s="219" t="s">
        <v>8037</v>
      </c>
      <c r="B3598" s="220" t="s">
        <v>6395</v>
      </c>
      <c r="C3598" s="98" t="s">
        <v>8038</v>
      </c>
      <c r="D3598" s="98" t="s">
        <v>21258</v>
      </c>
      <c r="E3598" s="141">
        <v>2004</v>
      </c>
      <c r="F3598" s="141">
        <v>1045</v>
      </c>
      <c r="G3598" s="98" t="s">
        <v>1</v>
      </c>
      <c r="H3598" s="98">
        <v>0</v>
      </c>
      <c r="I3598" s="98">
        <v>0</v>
      </c>
      <c r="J3598" s="98" t="s">
        <v>400</v>
      </c>
      <c r="K3598" s="98" t="s">
        <v>400</v>
      </c>
      <c r="L3598" s="98" t="s">
        <v>400</v>
      </c>
      <c r="M3598" s="98" t="s">
        <v>400</v>
      </c>
      <c r="N3598" s="98" t="s">
        <v>400</v>
      </c>
      <c r="O3598" s="98" t="s">
        <v>400</v>
      </c>
      <c r="P3598" s="98" t="s">
        <v>400</v>
      </c>
      <c r="Q3598" s="98" t="s">
        <v>400</v>
      </c>
      <c r="R3598" s="98" t="s">
        <v>400</v>
      </c>
      <c r="S3598" s="98" t="s">
        <v>400</v>
      </c>
      <c r="T3598" s="98" t="s">
        <v>400</v>
      </c>
      <c r="U3598" s="128"/>
      <c r="V3598" s="128"/>
      <c r="W3598" s="128"/>
      <c r="X3598" s="128"/>
      <c r="Y3598" s="128"/>
      <c r="Z3598" s="128"/>
      <c r="AA3598" s="128"/>
      <c r="AB3598" s="128"/>
      <c r="AC3598" s="128"/>
      <c r="AD3598" s="128"/>
      <c r="AE3598" s="128"/>
      <c r="AF3598" s="128"/>
      <c r="AG3598" s="128"/>
      <c r="AH3598" s="128"/>
      <c r="AI3598" s="128"/>
      <c r="AJ3598" s="128"/>
      <c r="AK3598" s="128"/>
      <c r="AL3598" s="128"/>
      <c r="AM3598" s="128"/>
      <c r="AN3598" s="128"/>
      <c r="AO3598" s="128"/>
      <c r="AP3598" s="128"/>
      <c r="AQ3598" s="128"/>
      <c r="AR3598" s="128"/>
      <c r="AS3598" s="128"/>
      <c r="AT3598" s="128"/>
      <c r="AU3598" s="128"/>
      <c r="AV3598" s="128"/>
      <c r="AW3598" s="128"/>
      <c r="AX3598" s="128"/>
      <c r="AY3598" s="128"/>
      <c r="AZ3598" s="128"/>
      <c r="BA3598" s="128"/>
      <c r="BB3598" s="107">
        <v>45884</v>
      </c>
    </row>
    <row r="3599" spans="1:54" s="8" customFormat="1" ht="13.95" customHeight="1" x14ac:dyDescent="0.25">
      <c r="A3599" s="219" t="s">
        <v>8039</v>
      </c>
      <c r="B3599" s="220" t="s">
        <v>6395</v>
      </c>
      <c r="C3599" s="98" t="s">
        <v>8040</v>
      </c>
      <c r="D3599" s="98" t="s">
        <v>21597</v>
      </c>
      <c r="E3599" s="141">
        <v>2004</v>
      </c>
      <c r="F3599" s="141">
        <v>305</v>
      </c>
      <c r="G3599" s="98" t="s">
        <v>1</v>
      </c>
      <c r="H3599" s="98">
        <v>0</v>
      </c>
      <c r="I3599" s="98">
        <v>0</v>
      </c>
      <c r="J3599" s="98" t="s">
        <v>400</v>
      </c>
      <c r="K3599" s="98" t="s">
        <v>400</v>
      </c>
      <c r="L3599" s="98" t="s">
        <v>400</v>
      </c>
      <c r="M3599" s="98" t="s">
        <v>400</v>
      </c>
      <c r="N3599" s="98" t="s">
        <v>400</v>
      </c>
      <c r="O3599" s="98" t="s">
        <v>400</v>
      </c>
      <c r="P3599" s="98" t="s">
        <v>400</v>
      </c>
      <c r="Q3599" s="98" t="s">
        <v>400</v>
      </c>
      <c r="R3599" s="98" t="s">
        <v>400</v>
      </c>
      <c r="S3599" s="98" t="s">
        <v>400</v>
      </c>
      <c r="T3599" s="98" t="s">
        <v>400</v>
      </c>
      <c r="U3599" s="128"/>
      <c r="V3599" s="128"/>
      <c r="W3599" s="128"/>
      <c r="X3599" s="128"/>
      <c r="Y3599" s="128"/>
      <c r="Z3599" s="128"/>
      <c r="AA3599" s="128"/>
      <c r="AB3599" s="128"/>
      <c r="AC3599" s="128"/>
      <c r="AD3599" s="128"/>
      <c r="AE3599" s="128"/>
      <c r="AF3599" s="128"/>
      <c r="AG3599" s="128"/>
      <c r="AH3599" s="128"/>
      <c r="AI3599" s="128"/>
      <c r="AJ3599" s="128"/>
      <c r="AK3599" s="128"/>
      <c r="AL3599" s="128"/>
      <c r="AM3599" s="128"/>
      <c r="AN3599" s="128"/>
      <c r="AO3599" s="128"/>
      <c r="AP3599" s="128"/>
      <c r="AQ3599" s="128"/>
      <c r="AR3599" s="128"/>
      <c r="AS3599" s="128"/>
      <c r="AT3599" s="128"/>
      <c r="AU3599" s="128"/>
      <c r="AV3599" s="128"/>
      <c r="AW3599" s="128"/>
      <c r="AX3599" s="128"/>
      <c r="AY3599" s="128"/>
      <c r="AZ3599" s="128"/>
      <c r="BA3599" s="128"/>
      <c r="BB3599" s="107">
        <v>45884</v>
      </c>
    </row>
    <row r="3600" spans="1:54" s="8" customFormat="1" ht="13.95" customHeight="1" x14ac:dyDescent="0.25">
      <c r="A3600" s="219" t="s">
        <v>8041</v>
      </c>
      <c r="B3600" s="220" t="s">
        <v>6395</v>
      </c>
      <c r="C3600" s="98" t="s">
        <v>8042</v>
      </c>
      <c r="D3600" s="98" t="s">
        <v>21259</v>
      </c>
      <c r="E3600" s="141">
        <v>2004</v>
      </c>
      <c r="F3600" s="141">
        <v>200</v>
      </c>
      <c r="G3600" s="98" t="s">
        <v>1</v>
      </c>
      <c r="H3600" s="98">
        <v>0</v>
      </c>
      <c r="I3600" s="98">
        <v>0</v>
      </c>
      <c r="J3600" s="98" t="s">
        <v>400</v>
      </c>
      <c r="K3600" s="98" t="s">
        <v>400</v>
      </c>
      <c r="L3600" s="98" t="s">
        <v>400</v>
      </c>
      <c r="M3600" s="98" t="s">
        <v>400</v>
      </c>
      <c r="N3600" s="98" t="s">
        <v>400</v>
      </c>
      <c r="O3600" s="98" t="s">
        <v>400</v>
      </c>
      <c r="P3600" s="98" t="s">
        <v>400</v>
      </c>
      <c r="Q3600" s="98" t="s">
        <v>400</v>
      </c>
      <c r="R3600" s="98" t="s">
        <v>400</v>
      </c>
      <c r="S3600" s="98" t="s">
        <v>400</v>
      </c>
      <c r="T3600" s="98" t="s">
        <v>400</v>
      </c>
      <c r="U3600" s="128"/>
      <c r="V3600" s="128"/>
      <c r="W3600" s="128"/>
      <c r="X3600" s="128"/>
      <c r="Y3600" s="128"/>
      <c r="Z3600" s="128"/>
      <c r="AA3600" s="128"/>
      <c r="AB3600" s="128"/>
      <c r="AC3600" s="128"/>
      <c r="AD3600" s="128"/>
      <c r="AE3600" s="128"/>
      <c r="AF3600" s="128"/>
      <c r="AG3600" s="128"/>
      <c r="AH3600" s="128"/>
      <c r="AI3600" s="128"/>
      <c r="AJ3600" s="128"/>
      <c r="AK3600" s="128"/>
      <c r="AL3600" s="128"/>
      <c r="AM3600" s="128"/>
      <c r="AN3600" s="128"/>
      <c r="AO3600" s="128"/>
      <c r="AP3600" s="128"/>
      <c r="AQ3600" s="128"/>
      <c r="AR3600" s="128"/>
      <c r="AS3600" s="128"/>
      <c r="AT3600" s="128"/>
      <c r="AU3600" s="128"/>
      <c r="AV3600" s="128"/>
      <c r="AW3600" s="128"/>
      <c r="AX3600" s="128"/>
      <c r="AY3600" s="128"/>
      <c r="AZ3600" s="128"/>
      <c r="BA3600" s="128"/>
      <c r="BB3600" s="107">
        <v>45884</v>
      </c>
    </row>
    <row r="3601" spans="1:54" s="8" customFormat="1" ht="13.95" customHeight="1" x14ac:dyDescent="0.25">
      <c r="A3601" s="219" t="s">
        <v>8043</v>
      </c>
      <c r="B3601" s="220" t="s">
        <v>6395</v>
      </c>
      <c r="C3601" s="98" t="s">
        <v>8044</v>
      </c>
      <c r="D3601" s="98" t="s">
        <v>21260</v>
      </c>
      <c r="E3601" s="141">
        <v>2006</v>
      </c>
      <c r="F3601" s="141">
        <v>476</v>
      </c>
      <c r="G3601" s="98" t="s">
        <v>1</v>
      </c>
      <c r="H3601" s="98">
        <v>0</v>
      </c>
      <c r="I3601" s="98">
        <v>0</v>
      </c>
      <c r="J3601" s="98" t="s">
        <v>400</v>
      </c>
      <c r="K3601" s="98" t="s">
        <v>400</v>
      </c>
      <c r="L3601" s="98" t="s">
        <v>400</v>
      </c>
      <c r="M3601" s="98" t="s">
        <v>400</v>
      </c>
      <c r="N3601" s="98" t="s">
        <v>400</v>
      </c>
      <c r="O3601" s="98" t="s">
        <v>400</v>
      </c>
      <c r="P3601" s="98" t="s">
        <v>400</v>
      </c>
      <c r="Q3601" s="98" t="s">
        <v>400</v>
      </c>
      <c r="R3601" s="98" t="s">
        <v>400</v>
      </c>
      <c r="S3601" s="98" t="s">
        <v>400</v>
      </c>
      <c r="T3601" s="98" t="s">
        <v>400</v>
      </c>
      <c r="U3601" s="128"/>
      <c r="V3601" s="128"/>
      <c r="W3601" s="128"/>
      <c r="X3601" s="128"/>
      <c r="Y3601" s="128"/>
      <c r="Z3601" s="128"/>
      <c r="AA3601" s="128"/>
      <c r="AB3601" s="128"/>
      <c r="AC3601" s="128"/>
      <c r="AD3601" s="128"/>
      <c r="AE3601" s="128"/>
      <c r="AF3601" s="128"/>
      <c r="AG3601" s="128"/>
      <c r="AH3601" s="128"/>
      <c r="AI3601" s="128"/>
      <c r="AJ3601" s="128"/>
      <c r="AK3601" s="128"/>
      <c r="AL3601" s="128"/>
      <c r="AM3601" s="128"/>
      <c r="AN3601" s="128"/>
      <c r="AO3601" s="128"/>
      <c r="AP3601" s="128"/>
      <c r="AQ3601" s="128"/>
      <c r="AR3601" s="128"/>
      <c r="AS3601" s="128"/>
      <c r="AT3601" s="128"/>
      <c r="AU3601" s="128"/>
      <c r="AV3601" s="128"/>
      <c r="AW3601" s="128"/>
      <c r="AX3601" s="128"/>
      <c r="AY3601" s="128"/>
      <c r="AZ3601" s="128"/>
      <c r="BA3601" s="128"/>
      <c r="BB3601" s="107">
        <v>45884</v>
      </c>
    </row>
    <row r="3602" spans="1:54" s="8" customFormat="1" ht="13.95" customHeight="1" x14ac:dyDescent="0.25">
      <c r="A3602" s="219" t="s">
        <v>8045</v>
      </c>
      <c r="B3602" s="220" t="s">
        <v>6395</v>
      </c>
      <c r="C3602" s="98" t="s">
        <v>8046</v>
      </c>
      <c r="D3602" s="98" t="s">
        <v>21261</v>
      </c>
      <c r="E3602" s="141">
        <v>2006</v>
      </c>
      <c r="F3602" s="141">
        <v>201</v>
      </c>
      <c r="G3602" s="98" t="s">
        <v>1</v>
      </c>
      <c r="H3602" s="98">
        <v>0</v>
      </c>
      <c r="I3602" s="98">
        <v>0</v>
      </c>
      <c r="J3602" s="98" t="s">
        <v>400</v>
      </c>
      <c r="K3602" s="98" t="s">
        <v>400</v>
      </c>
      <c r="L3602" s="98" t="s">
        <v>400</v>
      </c>
      <c r="M3602" s="98" t="s">
        <v>400</v>
      </c>
      <c r="N3602" s="98" t="s">
        <v>400</v>
      </c>
      <c r="O3602" s="98" t="s">
        <v>400</v>
      </c>
      <c r="P3602" s="98" t="s">
        <v>400</v>
      </c>
      <c r="Q3602" s="98" t="s">
        <v>400</v>
      </c>
      <c r="R3602" s="98" t="s">
        <v>400</v>
      </c>
      <c r="S3602" s="98" t="s">
        <v>400</v>
      </c>
      <c r="T3602" s="98" t="s">
        <v>400</v>
      </c>
      <c r="U3602" s="128"/>
      <c r="V3602" s="128"/>
      <c r="W3602" s="128"/>
      <c r="X3602" s="128"/>
      <c r="Y3602" s="128"/>
      <c r="Z3602" s="128"/>
      <c r="AA3602" s="128"/>
      <c r="AB3602" s="128"/>
      <c r="AC3602" s="128"/>
      <c r="AD3602" s="128"/>
      <c r="AE3602" s="128"/>
      <c r="AF3602" s="128"/>
      <c r="AG3602" s="128"/>
      <c r="AH3602" s="128"/>
      <c r="AI3602" s="128"/>
      <c r="AJ3602" s="128"/>
      <c r="AK3602" s="128"/>
      <c r="AL3602" s="128"/>
      <c r="AM3602" s="128"/>
      <c r="AN3602" s="128"/>
      <c r="AO3602" s="128"/>
      <c r="AP3602" s="128"/>
      <c r="AQ3602" s="128"/>
      <c r="AR3602" s="128"/>
      <c r="AS3602" s="128"/>
      <c r="AT3602" s="128"/>
      <c r="AU3602" s="128"/>
      <c r="AV3602" s="128"/>
      <c r="AW3602" s="128"/>
      <c r="AX3602" s="128"/>
      <c r="AY3602" s="128"/>
      <c r="AZ3602" s="128"/>
      <c r="BA3602" s="128"/>
      <c r="BB3602" s="107">
        <v>45884</v>
      </c>
    </row>
    <row r="3603" spans="1:54" s="8" customFormat="1" ht="13.95" customHeight="1" x14ac:dyDescent="0.25">
      <c r="A3603" s="219" t="s">
        <v>8047</v>
      </c>
      <c r="B3603" s="220" t="s">
        <v>6395</v>
      </c>
      <c r="C3603" s="98" t="s">
        <v>8048</v>
      </c>
      <c r="D3603" s="98" t="s">
        <v>21262</v>
      </c>
      <c r="E3603" s="141">
        <v>2006</v>
      </c>
      <c r="F3603" s="141">
        <v>416</v>
      </c>
      <c r="G3603" s="98" t="s">
        <v>1</v>
      </c>
      <c r="H3603" s="98">
        <v>0</v>
      </c>
      <c r="I3603" s="98">
        <v>0</v>
      </c>
      <c r="J3603" s="98" t="s">
        <v>400</v>
      </c>
      <c r="K3603" s="98" t="s">
        <v>400</v>
      </c>
      <c r="L3603" s="98" t="s">
        <v>400</v>
      </c>
      <c r="M3603" s="98" t="s">
        <v>400</v>
      </c>
      <c r="N3603" s="98" t="s">
        <v>400</v>
      </c>
      <c r="O3603" s="98" t="s">
        <v>400</v>
      </c>
      <c r="P3603" s="98" t="s">
        <v>400</v>
      </c>
      <c r="Q3603" s="98" t="s">
        <v>400</v>
      </c>
      <c r="R3603" s="98" t="s">
        <v>400</v>
      </c>
      <c r="S3603" s="98" t="s">
        <v>400</v>
      </c>
      <c r="T3603" s="98" t="s">
        <v>400</v>
      </c>
      <c r="U3603" s="128"/>
      <c r="V3603" s="128"/>
      <c r="W3603" s="128"/>
      <c r="X3603" s="128"/>
      <c r="Y3603" s="128"/>
      <c r="Z3603" s="128"/>
      <c r="AA3603" s="128"/>
      <c r="AB3603" s="128"/>
      <c r="AC3603" s="128"/>
      <c r="AD3603" s="128"/>
      <c r="AE3603" s="128"/>
      <c r="AF3603" s="128"/>
      <c r="AG3603" s="128"/>
      <c r="AH3603" s="128"/>
      <c r="AI3603" s="128"/>
      <c r="AJ3603" s="128"/>
      <c r="AK3603" s="128"/>
      <c r="AL3603" s="128"/>
      <c r="AM3603" s="128"/>
      <c r="AN3603" s="128"/>
      <c r="AO3603" s="128"/>
      <c r="AP3603" s="128"/>
      <c r="AQ3603" s="128"/>
      <c r="AR3603" s="128"/>
      <c r="AS3603" s="128"/>
      <c r="AT3603" s="128"/>
      <c r="AU3603" s="128"/>
      <c r="AV3603" s="128"/>
      <c r="AW3603" s="128"/>
      <c r="AX3603" s="128"/>
      <c r="AY3603" s="128"/>
      <c r="AZ3603" s="128"/>
      <c r="BA3603" s="128"/>
      <c r="BB3603" s="107">
        <v>45884</v>
      </c>
    </row>
    <row r="3604" spans="1:54" s="8" customFormat="1" ht="13.95" customHeight="1" x14ac:dyDescent="0.25">
      <c r="A3604" s="219" t="s">
        <v>8049</v>
      </c>
      <c r="B3604" s="220" t="s">
        <v>6395</v>
      </c>
      <c r="C3604" s="98" t="s">
        <v>8050</v>
      </c>
      <c r="D3604" s="98" t="s">
        <v>21263</v>
      </c>
      <c r="E3604" s="141">
        <v>2006</v>
      </c>
      <c r="F3604" s="141">
        <v>1006</v>
      </c>
      <c r="G3604" s="98" t="s">
        <v>1</v>
      </c>
      <c r="H3604" s="98">
        <v>0</v>
      </c>
      <c r="I3604" s="98">
        <v>0</v>
      </c>
      <c r="J3604" s="98" t="s">
        <v>400</v>
      </c>
      <c r="K3604" s="98" t="s">
        <v>400</v>
      </c>
      <c r="L3604" s="98" t="s">
        <v>400</v>
      </c>
      <c r="M3604" s="98" t="s">
        <v>400</v>
      </c>
      <c r="N3604" s="98" t="s">
        <v>400</v>
      </c>
      <c r="O3604" s="98" t="s">
        <v>400</v>
      </c>
      <c r="P3604" s="98" t="s">
        <v>400</v>
      </c>
      <c r="Q3604" s="98" t="s">
        <v>400</v>
      </c>
      <c r="R3604" s="98" t="s">
        <v>400</v>
      </c>
      <c r="S3604" s="98" t="s">
        <v>400</v>
      </c>
      <c r="T3604" s="98" t="s">
        <v>400</v>
      </c>
      <c r="U3604" s="128"/>
      <c r="V3604" s="128"/>
      <c r="W3604" s="128"/>
      <c r="X3604" s="128"/>
      <c r="Y3604" s="128"/>
      <c r="Z3604" s="128"/>
      <c r="AA3604" s="128"/>
      <c r="AB3604" s="128"/>
      <c r="AC3604" s="128"/>
      <c r="AD3604" s="128"/>
      <c r="AE3604" s="128"/>
      <c r="AF3604" s="128"/>
      <c r="AG3604" s="128"/>
      <c r="AH3604" s="128"/>
      <c r="AI3604" s="128"/>
      <c r="AJ3604" s="128"/>
      <c r="AK3604" s="128"/>
      <c r="AL3604" s="128"/>
      <c r="AM3604" s="128"/>
      <c r="AN3604" s="128"/>
      <c r="AO3604" s="128"/>
      <c r="AP3604" s="128"/>
      <c r="AQ3604" s="128"/>
      <c r="AR3604" s="128"/>
      <c r="AS3604" s="128"/>
      <c r="AT3604" s="128"/>
      <c r="AU3604" s="128"/>
      <c r="AV3604" s="128"/>
      <c r="AW3604" s="128"/>
      <c r="AX3604" s="128"/>
      <c r="AY3604" s="128"/>
      <c r="AZ3604" s="128"/>
      <c r="BA3604" s="128"/>
      <c r="BB3604" s="107">
        <v>45884</v>
      </c>
    </row>
    <row r="3605" spans="1:54" s="8" customFormat="1" ht="13.95" customHeight="1" x14ac:dyDescent="0.25">
      <c r="A3605" s="219" t="s">
        <v>8051</v>
      </c>
      <c r="B3605" s="220" t="s">
        <v>6395</v>
      </c>
      <c r="C3605" s="98" t="s">
        <v>8052</v>
      </c>
      <c r="D3605" s="98" t="s">
        <v>21264</v>
      </c>
      <c r="E3605" s="141">
        <v>2009</v>
      </c>
      <c r="F3605" s="141">
        <v>350</v>
      </c>
      <c r="G3605" s="98" t="s">
        <v>1</v>
      </c>
      <c r="H3605" s="98">
        <v>0</v>
      </c>
      <c r="I3605" s="98">
        <v>0</v>
      </c>
      <c r="J3605" s="98" t="s">
        <v>400</v>
      </c>
      <c r="K3605" s="98" t="s">
        <v>400</v>
      </c>
      <c r="L3605" s="98" t="s">
        <v>400</v>
      </c>
      <c r="M3605" s="98" t="s">
        <v>400</v>
      </c>
      <c r="N3605" s="98" t="s">
        <v>400</v>
      </c>
      <c r="O3605" s="98" t="s">
        <v>400</v>
      </c>
      <c r="P3605" s="98" t="s">
        <v>400</v>
      </c>
      <c r="Q3605" s="98" t="s">
        <v>400</v>
      </c>
      <c r="R3605" s="98" t="s">
        <v>400</v>
      </c>
      <c r="S3605" s="98" t="s">
        <v>400</v>
      </c>
      <c r="T3605" s="98" t="s">
        <v>400</v>
      </c>
      <c r="U3605" s="128"/>
      <c r="V3605" s="128"/>
      <c r="W3605" s="128"/>
      <c r="X3605" s="128"/>
      <c r="Y3605" s="128"/>
      <c r="Z3605" s="128"/>
      <c r="AA3605" s="128"/>
      <c r="AB3605" s="128"/>
      <c r="AC3605" s="128"/>
      <c r="AD3605" s="128"/>
      <c r="AE3605" s="128"/>
      <c r="AF3605" s="128"/>
      <c r="AG3605" s="128"/>
      <c r="AH3605" s="128"/>
      <c r="AI3605" s="128"/>
      <c r="AJ3605" s="128"/>
      <c r="AK3605" s="128"/>
      <c r="AL3605" s="128"/>
      <c r="AM3605" s="128"/>
      <c r="AN3605" s="128"/>
      <c r="AO3605" s="128"/>
      <c r="AP3605" s="128"/>
      <c r="AQ3605" s="128"/>
      <c r="AR3605" s="128"/>
      <c r="AS3605" s="128"/>
      <c r="AT3605" s="128"/>
      <c r="AU3605" s="128"/>
      <c r="AV3605" s="128"/>
      <c r="AW3605" s="128"/>
      <c r="AX3605" s="128"/>
      <c r="AY3605" s="128"/>
      <c r="AZ3605" s="128"/>
      <c r="BA3605" s="128"/>
      <c r="BB3605" s="107">
        <v>45884</v>
      </c>
    </row>
    <row r="3606" spans="1:54" s="8" customFormat="1" ht="13.95" customHeight="1" x14ac:dyDescent="0.25">
      <c r="A3606" s="219" t="s">
        <v>8053</v>
      </c>
      <c r="B3606" s="220" t="s">
        <v>6395</v>
      </c>
      <c r="C3606" s="98" t="s">
        <v>8054</v>
      </c>
      <c r="D3606" s="98" t="s">
        <v>21265</v>
      </c>
      <c r="E3606" s="141">
        <v>2008</v>
      </c>
      <c r="F3606" s="141">
        <v>589</v>
      </c>
      <c r="G3606" s="98" t="s">
        <v>1</v>
      </c>
      <c r="H3606" s="98">
        <v>0</v>
      </c>
      <c r="I3606" s="98">
        <v>0</v>
      </c>
      <c r="J3606" s="98" t="s">
        <v>400</v>
      </c>
      <c r="K3606" s="98" t="s">
        <v>400</v>
      </c>
      <c r="L3606" s="98" t="s">
        <v>400</v>
      </c>
      <c r="M3606" s="98" t="s">
        <v>400</v>
      </c>
      <c r="N3606" s="98" t="s">
        <v>400</v>
      </c>
      <c r="O3606" s="98" t="s">
        <v>400</v>
      </c>
      <c r="P3606" s="98" t="s">
        <v>400</v>
      </c>
      <c r="Q3606" s="98" t="s">
        <v>400</v>
      </c>
      <c r="R3606" s="98" t="s">
        <v>400</v>
      </c>
      <c r="S3606" s="98" t="s">
        <v>400</v>
      </c>
      <c r="T3606" s="98" t="s">
        <v>400</v>
      </c>
      <c r="U3606" s="128"/>
      <c r="V3606" s="128"/>
      <c r="W3606" s="128"/>
      <c r="X3606" s="128"/>
      <c r="Y3606" s="128"/>
      <c r="Z3606" s="128"/>
      <c r="AA3606" s="128"/>
      <c r="AB3606" s="128"/>
      <c r="AC3606" s="128"/>
      <c r="AD3606" s="128"/>
      <c r="AE3606" s="128"/>
      <c r="AF3606" s="128"/>
      <c r="AG3606" s="128"/>
      <c r="AH3606" s="128"/>
      <c r="AI3606" s="128"/>
      <c r="AJ3606" s="128"/>
      <c r="AK3606" s="128"/>
      <c r="AL3606" s="128"/>
      <c r="AM3606" s="128"/>
      <c r="AN3606" s="128"/>
      <c r="AO3606" s="128"/>
      <c r="AP3606" s="128"/>
      <c r="AQ3606" s="128"/>
      <c r="AR3606" s="128"/>
      <c r="AS3606" s="128"/>
      <c r="AT3606" s="128"/>
      <c r="AU3606" s="128"/>
      <c r="AV3606" s="128"/>
      <c r="AW3606" s="128"/>
      <c r="AX3606" s="128"/>
      <c r="AY3606" s="128"/>
      <c r="AZ3606" s="128"/>
      <c r="BA3606" s="128"/>
      <c r="BB3606" s="107">
        <v>45884</v>
      </c>
    </row>
    <row r="3607" spans="1:54" s="8" customFormat="1" ht="13.95" customHeight="1" x14ac:dyDescent="0.25">
      <c r="A3607" s="219" t="s">
        <v>8055</v>
      </c>
      <c r="B3607" s="220" t="s">
        <v>6395</v>
      </c>
      <c r="C3607" s="98" t="s">
        <v>8056</v>
      </c>
      <c r="D3607" s="98" t="s">
        <v>21266</v>
      </c>
      <c r="E3607" s="141">
        <v>2010</v>
      </c>
      <c r="F3607" s="141">
        <v>1586</v>
      </c>
      <c r="G3607" s="98" t="s">
        <v>1</v>
      </c>
      <c r="H3607" s="98">
        <v>0</v>
      </c>
      <c r="I3607" s="98">
        <v>0</v>
      </c>
      <c r="J3607" s="98" t="s">
        <v>400</v>
      </c>
      <c r="K3607" s="98" t="s">
        <v>400</v>
      </c>
      <c r="L3607" s="98" t="s">
        <v>400</v>
      </c>
      <c r="M3607" s="98" t="s">
        <v>400</v>
      </c>
      <c r="N3607" s="98" t="s">
        <v>400</v>
      </c>
      <c r="O3607" s="98" t="s">
        <v>400</v>
      </c>
      <c r="P3607" s="98" t="s">
        <v>400</v>
      </c>
      <c r="Q3607" s="98" t="s">
        <v>400</v>
      </c>
      <c r="R3607" s="98" t="s">
        <v>400</v>
      </c>
      <c r="S3607" s="98" t="s">
        <v>400</v>
      </c>
      <c r="T3607" s="98" t="s">
        <v>400</v>
      </c>
      <c r="U3607" s="128"/>
      <c r="V3607" s="128"/>
      <c r="W3607" s="128"/>
      <c r="X3607" s="128"/>
      <c r="Y3607" s="128"/>
      <c r="Z3607" s="128"/>
      <c r="AA3607" s="128"/>
      <c r="AB3607" s="128"/>
      <c r="AC3607" s="128"/>
      <c r="AD3607" s="128"/>
      <c r="AE3607" s="128"/>
      <c r="AF3607" s="128"/>
      <c r="AG3607" s="128"/>
      <c r="AH3607" s="128"/>
      <c r="AI3607" s="128"/>
      <c r="AJ3607" s="128"/>
      <c r="AK3607" s="128"/>
      <c r="AL3607" s="128"/>
      <c r="AM3607" s="128"/>
      <c r="AN3607" s="128"/>
      <c r="AO3607" s="128"/>
      <c r="AP3607" s="128"/>
      <c r="AQ3607" s="128"/>
      <c r="AR3607" s="128"/>
      <c r="AS3607" s="128"/>
      <c r="AT3607" s="128"/>
      <c r="AU3607" s="128"/>
      <c r="AV3607" s="128"/>
      <c r="AW3607" s="128"/>
      <c r="AX3607" s="128"/>
      <c r="AY3607" s="128"/>
      <c r="AZ3607" s="128"/>
      <c r="BA3607" s="128"/>
      <c r="BB3607" s="107">
        <v>45884</v>
      </c>
    </row>
    <row r="3608" spans="1:54" s="8" customFormat="1" ht="13.95" customHeight="1" x14ac:dyDescent="0.25">
      <c r="A3608" s="219" t="s">
        <v>8057</v>
      </c>
      <c r="B3608" s="220" t="s">
        <v>6395</v>
      </c>
      <c r="C3608" s="98" t="s">
        <v>8058</v>
      </c>
      <c r="D3608" s="98" t="s">
        <v>21267</v>
      </c>
      <c r="E3608" s="141">
        <v>2010</v>
      </c>
      <c r="F3608" s="141">
        <v>257</v>
      </c>
      <c r="G3608" s="98" t="s">
        <v>1</v>
      </c>
      <c r="H3608" s="98">
        <v>0</v>
      </c>
      <c r="I3608" s="98">
        <v>0</v>
      </c>
      <c r="J3608" s="98" t="s">
        <v>400</v>
      </c>
      <c r="K3608" s="98" t="s">
        <v>400</v>
      </c>
      <c r="L3608" s="98" t="s">
        <v>400</v>
      </c>
      <c r="M3608" s="98" t="s">
        <v>400</v>
      </c>
      <c r="N3608" s="98" t="s">
        <v>400</v>
      </c>
      <c r="O3608" s="98" t="s">
        <v>400</v>
      </c>
      <c r="P3608" s="98" t="s">
        <v>400</v>
      </c>
      <c r="Q3608" s="98" t="s">
        <v>400</v>
      </c>
      <c r="R3608" s="98" t="s">
        <v>400</v>
      </c>
      <c r="S3608" s="98" t="s">
        <v>400</v>
      </c>
      <c r="T3608" s="98" t="s">
        <v>400</v>
      </c>
      <c r="U3608" s="128"/>
      <c r="V3608" s="128"/>
      <c r="W3608" s="128"/>
      <c r="X3608" s="128"/>
      <c r="Y3608" s="128"/>
      <c r="Z3608" s="128"/>
      <c r="AA3608" s="128"/>
      <c r="AB3608" s="128"/>
      <c r="AC3608" s="128"/>
      <c r="AD3608" s="128"/>
      <c r="AE3608" s="128"/>
      <c r="AF3608" s="128"/>
      <c r="AG3608" s="128"/>
      <c r="AH3608" s="128"/>
      <c r="AI3608" s="128"/>
      <c r="AJ3608" s="128"/>
      <c r="AK3608" s="128"/>
      <c r="AL3608" s="128"/>
      <c r="AM3608" s="128"/>
      <c r="AN3608" s="128"/>
      <c r="AO3608" s="128"/>
      <c r="AP3608" s="128"/>
      <c r="AQ3608" s="128"/>
      <c r="AR3608" s="128"/>
      <c r="AS3608" s="128"/>
      <c r="AT3608" s="128"/>
      <c r="AU3608" s="128"/>
      <c r="AV3608" s="128"/>
      <c r="AW3608" s="128"/>
      <c r="AX3608" s="128"/>
      <c r="AY3608" s="128"/>
      <c r="AZ3608" s="128"/>
      <c r="BA3608" s="128"/>
      <c r="BB3608" s="107">
        <v>45884</v>
      </c>
    </row>
    <row r="3609" spans="1:54" s="8" customFormat="1" ht="13.95" customHeight="1" x14ac:dyDescent="0.25">
      <c r="A3609" s="219" t="s">
        <v>8059</v>
      </c>
      <c r="B3609" s="220" t="s">
        <v>6395</v>
      </c>
      <c r="C3609" s="98" t="s">
        <v>8060</v>
      </c>
      <c r="D3609" s="98" t="s">
        <v>21268</v>
      </c>
      <c r="E3609" s="141">
        <v>2010</v>
      </c>
      <c r="F3609" s="141">
        <v>259</v>
      </c>
      <c r="G3609" s="98" t="s">
        <v>1</v>
      </c>
      <c r="H3609" s="98">
        <v>0</v>
      </c>
      <c r="I3609" s="98">
        <v>0</v>
      </c>
      <c r="J3609" s="98" t="s">
        <v>400</v>
      </c>
      <c r="K3609" s="98" t="s">
        <v>400</v>
      </c>
      <c r="L3609" s="98" t="s">
        <v>400</v>
      </c>
      <c r="M3609" s="98" t="s">
        <v>400</v>
      </c>
      <c r="N3609" s="98" t="s">
        <v>400</v>
      </c>
      <c r="O3609" s="98" t="s">
        <v>400</v>
      </c>
      <c r="P3609" s="98" t="s">
        <v>400</v>
      </c>
      <c r="Q3609" s="98" t="s">
        <v>400</v>
      </c>
      <c r="R3609" s="98" t="s">
        <v>400</v>
      </c>
      <c r="S3609" s="98" t="s">
        <v>400</v>
      </c>
      <c r="T3609" s="98" t="s">
        <v>400</v>
      </c>
      <c r="U3609" s="128"/>
      <c r="V3609" s="128"/>
      <c r="W3609" s="128"/>
      <c r="X3609" s="128"/>
      <c r="Y3609" s="128"/>
      <c r="Z3609" s="128"/>
      <c r="AA3609" s="128"/>
      <c r="AB3609" s="128"/>
      <c r="AC3609" s="128"/>
      <c r="AD3609" s="128"/>
      <c r="AE3609" s="128"/>
      <c r="AF3609" s="128"/>
      <c r="AG3609" s="128"/>
      <c r="AH3609" s="128"/>
      <c r="AI3609" s="128"/>
      <c r="AJ3609" s="128"/>
      <c r="AK3609" s="128"/>
      <c r="AL3609" s="128"/>
      <c r="AM3609" s="128"/>
      <c r="AN3609" s="128"/>
      <c r="AO3609" s="128"/>
      <c r="AP3609" s="128"/>
      <c r="AQ3609" s="128"/>
      <c r="AR3609" s="128"/>
      <c r="AS3609" s="128"/>
      <c r="AT3609" s="128"/>
      <c r="AU3609" s="128"/>
      <c r="AV3609" s="128"/>
      <c r="AW3609" s="128"/>
      <c r="AX3609" s="128"/>
      <c r="AY3609" s="128"/>
      <c r="AZ3609" s="128"/>
      <c r="BA3609" s="128"/>
      <c r="BB3609" s="107">
        <v>45884</v>
      </c>
    </row>
    <row r="3610" spans="1:54" s="8" customFormat="1" ht="13.95" customHeight="1" x14ac:dyDescent="0.25">
      <c r="A3610" s="219" t="s">
        <v>8061</v>
      </c>
      <c r="B3610" s="220" t="s">
        <v>6395</v>
      </c>
      <c r="C3610" s="98" t="s">
        <v>8062</v>
      </c>
      <c r="D3610" s="98" t="s">
        <v>21269</v>
      </c>
      <c r="E3610" s="141">
        <v>2010</v>
      </c>
      <c r="F3610" s="141">
        <v>301</v>
      </c>
      <c r="G3610" s="98" t="s">
        <v>1</v>
      </c>
      <c r="H3610" s="98">
        <v>0</v>
      </c>
      <c r="I3610" s="98">
        <v>0</v>
      </c>
      <c r="J3610" s="98" t="s">
        <v>400</v>
      </c>
      <c r="K3610" s="98" t="s">
        <v>400</v>
      </c>
      <c r="L3610" s="98" t="s">
        <v>400</v>
      </c>
      <c r="M3610" s="98" t="s">
        <v>400</v>
      </c>
      <c r="N3610" s="98" t="s">
        <v>400</v>
      </c>
      <c r="O3610" s="98" t="s">
        <v>400</v>
      </c>
      <c r="P3610" s="98" t="s">
        <v>400</v>
      </c>
      <c r="Q3610" s="98" t="s">
        <v>400</v>
      </c>
      <c r="R3610" s="98" t="s">
        <v>400</v>
      </c>
      <c r="S3610" s="98" t="s">
        <v>400</v>
      </c>
      <c r="T3610" s="98" t="s">
        <v>400</v>
      </c>
      <c r="U3610" s="128"/>
      <c r="V3610" s="128"/>
      <c r="W3610" s="128"/>
      <c r="X3610" s="128"/>
      <c r="Y3610" s="128"/>
      <c r="Z3610" s="128"/>
      <c r="AA3610" s="128"/>
      <c r="AB3610" s="128"/>
      <c r="AC3610" s="128"/>
      <c r="AD3610" s="128"/>
      <c r="AE3610" s="128"/>
      <c r="AF3610" s="128"/>
      <c r="AG3610" s="128"/>
      <c r="AH3610" s="128"/>
      <c r="AI3610" s="128"/>
      <c r="AJ3610" s="128"/>
      <c r="AK3610" s="128"/>
      <c r="AL3610" s="128"/>
      <c r="AM3610" s="128"/>
      <c r="AN3610" s="128"/>
      <c r="AO3610" s="128"/>
      <c r="AP3610" s="128"/>
      <c r="AQ3610" s="128"/>
      <c r="AR3610" s="128"/>
      <c r="AS3610" s="128"/>
      <c r="AT3610" s="128"/>
      <c r="AU3610" s="128"/>
      <c r="AV3610" s="128"/>
      <c r="AW3610" s="128"/>
      <c r="AX3610" s="128"/>
      <c r="AY3610" s="128"/>
      <c r="AZ3610" s="128"/>
      <c r="BA3610" s="128"/>
      <c r="BB3610" s="107">
        <v>45884</v>
      </c>
    </row>
    <row r="3611" spans="1:54" s="8" customFormat="1" ht="13.95" customHeight="1" x14ac:dyDescent="0.25">
      <c r="A3611" s="219" t="s">
        <v>8063</v>
      </c>
      <c r="B3611" s="220" t="s">
        <v>6395</v>
      </c>
      <c r="C3611" s="98" t="s">
        <v>8064</v>
      </c>
      <c r="D3611" s="98" t="s">
        <v>21270</v>
      </c>
      <c r="E3611" s="141">
        <v>2011</v>
      </c>
      <c r="F3611" s="141">
        <v>599</v>
      </c>
      <c r="G3611" s="98" t="s">
        <v>1</v>
      </c>
      <c r="H3611" s="98">
        <v>0</v>
      </c>
      <c r="I3611" s="98">
        <v>0</v>
      </c>
      <c r="J3611" s="98" t="s">
        <v>400</v>
      </c>
      <c r="K3611" s="98" t="s">
        <v>400</v>
      </c>
      <c r="L3611" s="98" t="s">
        <v>400</v>
      </c>
      <c r="M3611" s="98" t="s">
        <v>400</v>
      </c>
      <c r="N3611" s="98" t="s">
        <v>400</v>
      </c>
      <c r="O3611" s="98" t="s">
        <v>400</v>
      </c>
      <c r="P3611" s="98" t="s">
        <v>400</v>
      </c>
      <c r="Q3611" s="98" t="s">
        <v>400</v>
      </c>
      <c r="R3611" s="98" t="s">
        <v>400</v>
      </c>
      <c r="S3611" s="98" t="s">
        <v>400</v>
      </c>
      <c r="T3611" s="98" t="s">
        <v>400</v>
      </c>
      <c r="U3611" s="128"/>
      <c r="V3611" s="128"/>
      <c r="W3611" s="128"/>
      <c r="X3611" s="128"/>
      <c r="Y3611" s="128"/>
      <c r="Z3611" s="128"/>
      <c r="AA3611" s="128"/>
      <c r="AB3611" s="128"/>
      <c r="AC3611" s="128"/>
      <c r="AD3611" s="128"/>
      <c r="AE3611" s="128"/>
      <c r="AF3611" s="128"/>
      <c r="AG3611" s="128"/>
      <c r="AH3611" s="128"/>
      <c r="AI3611" s="128"/>
      <c r="AJ3611" s="128"/>
      <c r="AK3611" s="128"/>
      <c r="AL3611" s="128"/>
      <c r="AM3611" s="128"/>
      <c r="AN3611" s="128"/>
      <c r="AO3611" s="128"/>
      <c r="AP3611" s="128"/>
      <c r="AQ3611" s="128"/>
      <c r="AR3611" s="128"/>
      <c r="AS3611" s="128"/>
      <c r="AT3611" s="128"/>
      <c r="AU3611" s="128"/>
      <c r="AV3611" s="128"/>
      <c r="AW3611" s="128"/>
      <c r="AX3611" s="128"/>
      <c r="AY3611" s="128"/>
      <c r="AZ3611" s="128"/>
      <c r="BA3611" s="128"/>
      <c r="BB3611" s="107">
        <v>45884</v>
      </c>
    </row>
    <row r="3612" spans="1:54" s="8" customFormat="1" ht="13.95" customHeight="1" x14ac:dyDescent="0.25">
      <c r="A3612" s="219" t="s">
        <v>8065</v>
      </c>
      <c r="B3612" s="220" t="s">
        <v>6395</v>
      </c>
      <c r="C3612" s="98" t="s">
        <v>8066</v>
      </c>
      <c r="D3612" s="98" t="s">
        <v>21598</v>
      </c>
      <c r="E3612" s="141">
        <v>2012</v>
      </c>
      <c r="F3612" s="141">
        <v>249</v>
      </c>
      <c r="G3612" s="98" t="s">
        <v>1</v>
      </c>
      <c r="H3612" s="98">
        <v>0</v>
      </c>
      <c r="I3612" s="98">
        <v>0</v>
      </c>
      <c r="J3612" s="98" t="s">
        <v>400</v>
      </c>
      <c r="K3612" s="98" t="s">
        <v>400</v>
      </c>
      <c r="L3612" s="98" t="s">
        <v>400</v>
      </c>
      <c r="M3612" s="98" t="s">
        <v>400</v>
      </c>
      <c r="N3612" s="98" t="s">
        <v>400</v>
      </c>
      <c r="O3612" s="98" t="s">
        <v>400</v>
      </c>
      <c r="P3612" s="98" t="s">
        <v>400</v>
      </c>
      <c r="Q3612" s="98" t="s">
        <v>400</v>
      </c>
      <c r="R3612" s="98" t="s">
        <v>400</v>
      </c>
      <c r="S3612" s="98" t="s">
        <v>400</v>
      </c>
      <c r="T3612" s="98" t="s">
        <v>400</v>
      </c>
      <c r="U3612" s="128"/>
      <c r="V3612" s="128"/>
      <c r="W3612" s="128"/>
      <c r="X3612" s="128"/>
      <c r="Y3612" s="128"/>
      <c r="Z3612" s="128"/>
      <c r="AA3612" s="128"/>
      <c r="AB3612" s="128"/>
      <c r="AC3612" s="128"/>
      <c r="AD3612" s="128"/>
      <c r="AE3612" s="128"/>
      <c r="AF3612" s="128"/>
      <c r="AG3612" s="128"/>
      <c r="AH3612" s="128"/>
      <c r="AI3612" s="128"/>
      <c r="AJ3612" s="128"/>
      <c r="AK3612" s="128"/>
      <c r="AL3612" s="128"/>
      <c r="AM3612" s="128"/>
      <c r="AN3612" s="128"/>
      <c r="AO3612" s="128"/>
      <c r="AP3612" s="128"/>
      <c r="AQ3612" s="128"/>
      <c r="AR3612" s="128"/>
      <c r="AS3612" s="128"/>
      <c r="AT3612" s="128"/>
      <c r="AU3612" s="128"/>
      <c r="AV3612" s="128"/>
      <c r="AW3612" s="128"/>
      <c r="AX3612" s="128"/>
      <c r="AY3612" s="128"/>
      <c r="AZ3612" s="128"/>
      <c r="BA3612" s="128"/>
      <c r="BB3612" s="107">
        <v>45884</v>
      </c>
    </row>
    <row r="3613" spans="1:54" s="8" customFormat="1" ht="13.95" customHeight="1" x14ac:dyDescent="0.25">
      <c r="A3613" s="219" t="s">
        <v>8067</v>
      </c>
      <c r="B3613" s="220" t="s">
        <v>6395</v>
      </c>
      <c r="C3613" s="98" t="s">
        <v>8068</v>
      </c>
      <c r="D3613" s="98" t="s">
        <v>20485</v>
      </c>
      <c r="E3613" s="141">
        <v>2013</v>
      </c>
      <c r="F3613" s="141">
        <v>2180</v>
      </c>
      <c r="G3613" s="98" t="s">
        <v>1</v>
      </c>
      <c r="H3613" s="98">
        <v>1</v>
      </c>
      <c r="I3613" s="98">
        <v>1</v>
      </c>
      <c r="J3613" s="98" t="s">
        <v>400</v>
      </c>
      <c r="K3613" s="98" t="s">
        <v>400</v>
      </c>
      <c r="L3613" s="98" t="s">
        <v>400</v>
      </c>
      <c r="M3613" s="98" t="s">
        <v>400</v>
      </c>
      <c r="N3613" s="98" t="s">
        <v>400</v>
      </c>
      <c r="O3613" s="98" t="s">
        <v>400</v>
      </c>
      <c r="P3613" s="98" t="s">
        <v>400</v>
      </c>
      <c r="Q3613" s="98" t="s">
        <v>400</v>
      </c>
      <c r="R3613" s="98" t="s">
        <v>400</v>
      </c>
      <c r="S3613" s="98" t="s">
        <v>400</v>
      </c>
      <c r="T3613" s="98" t="s">
        <v>400</v>
      </c>
      <c r="U3613" s="128"/>
      <c r="V3613" s="128"/>
      <c r="W3613" s="128"/>
      <c r="X3613" s="128"/>
      <c r="Y3613" s="128"/>
      <c r="Z3613" s="128"/>
      <c r="AA3613" s="128"/>
      <c r="AB3613" s="128"/>
      <c r="AC3613" s="128"/>
      <c r="AD3613" s="128"/>
      <c r="AE3613" s="128"/>
      <c r="AF3613" s="128"/>
      <c r="AG3613" s="128"/>
      <c r="AH3613" s="128"/>
      <c r="AI3613" s="128"/>
      <c r="AJ3613" s="128"/>
      <c r="AK3613" s="128"/>
      <c r="AL3613" s="128"/>
      <c r="AM3613" s="128"/>
      <c r="AN3613" s="128"/>
      <c r="AO3613" s="128"/>
      <c r="AP3613" s="128"/>
      <c r="AQ3613" s="128"/>
      <c r="AR3613" s="128"/>
      <c r="AS3613" s="128"/>
      <c r="AT3613" s="128"/>
      <c r="AU3613" s="128"/>
      <c r="AV3613" s="128"/>
      <c r="AW3613" s="128"/>
      <c r="AX3613" s="128"/>
      <c r="AY3613" s="128"/>
      <c r="AZ3613" s="128"/>
      <c r="BA3613" s="128"/>
      <c r="BB3613" s="107">
        <v>45884</v>
      </c>
    </row>
    <row r="3614" spans="1:54" s="8" customFormat="1" ht="13.95" customHeight="1" x14ac:dyDescent="0.25">
      <c r="A3614" s="219" t="s">
        <v>8069</v>
      </c>
      <c r="B3614" s="220" t="s">
        <v>6395</v>
      </c>
      <c r="C3614" s="98" t="s">
        <v>8070</v>
      </c>
      <c r="D3614" s="98" t="s">
        <v>21271</v>
      </c>
      <c r="E3614" s="141">
        <v>2012</v>
      </c>
      <c r="F3614" s="141">
        <v>374</v>
      </c>
      <c r="G3614" s="98" t="s">
        <v>1</v>
      </c>
      <c r="H3614" s="98">
        <v>0</v>
      </c>
      <c r="I3614" s="98">
        <v>0</v>
      </c>
      <c r="J3614" s="98" t="s">
        <v>400</v>
      </c>
      <c r="K3614" s="98" t="s">
        <v>400</v>
      </c>
      <c r="L3614" s="98" t="s">
        <v>400</v>
      </c>
      <c r="M3614" s="98" t="s">
        <v>400</v>
      </c>
      <c r="N3614" s="98" t="s">
        <v>400</v>
      </c>
      <c r="O3614" s="98" t="s">
        <v>400</v>
      </c>
      <c r="P3614" s="98" t="s">
        <v>400</v>
      </c>
      <c r="Q3614" s="98" t="s">
        <v>400</v>
      </c>
      <c r="R3614" s="98" t="s">
        <v>400</v>
      </c>
      <c r="S3614" s="98" t="s">
        <v>400</v>
      </c>
      <c r="T3614" s="98" t="s">
        <v>400</v>
      </c>
      <c r="U3614" s="128"/>
      <c r="V3614" s="128"/>
      <c r="W3614" s="128"/>
      <c r="X3614" s="128"/>
      <c r="Y3614" s="128"/>
      <c r="Z3614" s="128"/>
      <c r="AA3614" s="128"/>
      <c r="AB3614" s="128"/>
      <c r="AC3614" s="128"/>
      <c r="AD3614" s="128"/>
      <c r="AE3614" s="128"/>
      <c r="AF3614" s="128"/>
      <c r="AG3614" s="128"/>
      <c r="AH3614" s="128"/>
      <c r="AI3614" s="128"/>
      <c r="AJ3614" s="128"/>
      <c r="AK3614" s="128"/>
      <c r="AL3614" s="128"/>
      <c r="AM3614" s="128"/>
      <c r="AN3614" s="128"/>
      <c r="AO3614" s="128"/>
      <c r="AP3614" s="128"/>
      <c r="AQ3614" s="128"/>
      <c r="AR3614" s="128"/>
      <c r="AS3614" s="128"/>
      <c r="AT3614" s="128"/>
      <c r="AU3614" s="128"/>
      <c r="AV3614" s="128"/>
      <c r="AW3614" s="128"/>
      <c r="AX3614" s="128"/>
      <c r="AY3614" s="128"/>
      <c r="AZ3614" s="128"/>
      <c r="BA3614" s="128"/>
      <c r="BB3614" s="107">
        <v>45884</v>
      </c>
    </row>
    <row r="3615" spans="1:54" s="8" customFormat="1" ht="13.95" customHeight="1" x14ac:dyDescent="0.25">
      <c r="A3615" s="219" t="s">
        <v>8071</v>
      </c>
      <c r="B3615" s="220" t="s">
        <v>6395</v>
      </c>
      <c r="C3615" s="98" t="s">
        <v>8072</v>
      </c>
      <c r="D3615" s="98" t="s">
        <v>21272</v>
      </c>
      <c r="E3615" s="141">
        <v>2012</v>
      </c>
      <c r="F3615" s="141">
        <v>566</v>
      </c>
      <c r="G3615" s="98" t="s">
        <v>1</v>
      </c>
      <c r="H3615" s="98">
        <v>0</v>
      </c>
      <c r="I3615" s="98">
        <v>0</v>
      </c>
      <c r="J3615" s="98" t="s">
        <v>400</v>
      </c>
      <c r="K3615" s="98" t="s">
        <v>400</v>
      </c>
      <c r="L3615" s="98" t="s">
        <v>400</v>
      </c>
      <c r="M3615" s="98" t="s">
        <v>400</v>
      </c>
      <c r="N3615" s="98" t="s">
        <v>400</v>
      </c>
      <c r="O3615" s="98" t="s">
        <v>400</v>
      </c>
      <c r="P3615" s="98" t="s">
        <v>400</v>
      </c>
      <c r="Q3615" s="98" t="s">
        <v>400</v>
      </c>
      <c r="R3615" s="98" t="s">
        <v>400</v>
      </c>
      <c r="S3615" s="98" t="s">
        <v>400</v>
      </c>
      <c r="T3615" s="98" t="s">
        <v>400</v>
      </c>
      <c r="U3615" s="128"/>
      <c r="V3615" s="128"/>
      <c r="W3615" s="128"/>
      <c r="X3615" s="128"/>
      <c r="Y3615" s="128"/>
      <c r="Z3615" s="128"/>
      <c r="AA3615" s="128"/>
      <c r="AB3615" s="128"/>
      <c r="AC3615" s="128"/>
      <c r="AD3615" s="128"/>
      <c r="AE3615" s="128"/>
      <c r="AF3615" s="128"/>
      <c r="AG3615" s="128"/>
      <c r="AH3615" s="128"/>
      <c r="AI3615" s="128"/>
      <c r="AJ3615" s="128"/>
      <c r="AK3615" s="128"/>
      <c r="AL3615" s="128"/>
      <c r="AM3615" s="128"/>
      <c r="AN3615" s="128"/>
      <c r="AO3615" s="128"/>
      <c r="AP3615" s="128"/>
      <c r="AQ3615" s="128"/>
      <c r="AR3615" s="128"/>
      <c r="AS3615" s="128"/>
      <c r="AT3615" s="128"/>
      <c r="AU3615" s="128"/>
      <c r="AV3615" s="128"/>
      <c r="AW3615" s="128"/>
      <c r="AX3615" s="128"/>
      <c r="AY3615" s="128"/>
      <c r="AZ3615" s="128"/>
      <c r="BA3615" s="128"/>
      <c r="BB3615" s="107">
        <v>45884</v>
      </c>
    </row>
    <row r="3616" spans="1:54" s="8" customFormat="1" ht="13.95" customHeight="1" x14ac:dyDescent="0.25">
      <c r="A3616" s="219" t="s">
        <v>8073</v>
      </c>
      <c r="B3616" s="220" t="s">
        <v>6395</v>
      </c>
      <c r="C3616" s="98" t="s">
        <v>8074</v>
      </c>
      <c r="D3616" s="98" t="s">
        <v>21273</v>
      </c>
      <c r="E3616" s="141">
        <v>2015</v>
      </c>
      <c r="F3616" s="141">
        <v>731</v>
      </c>
      <c r="G3616" s="98" t="s">
        <v>1</v>
      </c>
      <c r="H3616" s="98">
        <v>0</v>
      </c>
      <c r="I3616" s="98">
        <v>0</v>
      </c>
      <c r="J3616" s="98" t="s">
        <v>400</v>
      </c>
      <c r="K3616" s="98" t="s">
        <v>400</v>
      </c>
      <c r="L3616" s="98" t="s">
        <v>400</v>
      </c>
      <c r="M3616" s="98" t="s">
        <v>400</v>
      </c>
      <c r="N3616" s="98" t="s">
        <v>400</v>
      </c>
      <c r="O3616" s="98" t="s">
        <v>400</v>
      </c>
      <c r="P3616" s="98" t="s">
        <v>400</v>
      </c>
      <c r="Q3616" s="98" t="s">
        <v>400</v>
      </c>
      <c r="R3616" s="98" t="s">
        <v>400</v>
      </c>
      <c r="S3616" s="98" t="s">
        <v>400</v>
      </c>
      <c r="T3616" s="98" t="s">
        <v>400</v>
      </c>
      <c r="U3616" s="128"/>
      <c r="V3616" s="128"/>
      <c r="W3616" s="128"/>
      <c r="X3616" s="128"/>
      <c r="Y3616" s="128"/>
      <c r="Z3616" s="128"/>
      <c r="AA3616" s="128"/>
      <c r="AB3616" s="128"/>
      <c r="AC3616" s="128"/>
      <c r="AD3616" s="128"/>
      <c r="AE3616" s="128"/>
      <c r="AF3616" s="128"/>
      <c r="AG3616" s="128"/>
      <c r="AH3616" s="128"/>
      <c r="AI3616" s="128"/>
      <c r="AJ3616" s="128"/>
      <c r="AK3616" s="128"/>
      <c r="AL3616" s="128"/>
      <c r="AM3616" s="128"/>
      <c r="AN3616" s="128"/>
      <c r="AO3616" s="128"/>
      <c r="AP3616" s="128"/>
      <c r="AQ3616" s="128"/>
      <c r="AR3616" s="128"/>
      <c r="AS3616" s="128"/>
      <c r="AT3616" s="128"/>
      <c r="AU3616" s="128"/>
      <c r="AV3616" s="128"/>
      <c r="AW3616" s="128"/>
      <c r="AX3616" s="128"/>
      <c r="AY3616" s="128"/>
      <c r="AZ3616" s="128"/>
      <c r="BA3616" s="128"/>
      <c r="BB3616" s="107">
        <v>45884</v>
      </c>
    </row>
    <row r="3617" spans="1:54" s="8" customFormat="1" ht="13.95" customHeight="1" x14ac:dyDescent="0.25">
      <c r="A3617" s="219" t="s">
        <v>8075</v>
      </c>
      <c r="B3617" s="220" t="s">
        <v>6395</v>
      </c>
      <c r="C3617" s="98" t="s">
        <v>8076</v>
      </c>
      <c r="D3617" s="98" t="s">
        <v>21274</v>
      </c>
      <c r="E3617" s="141">
        <v>2004</v>
      </c>
      <c r="F3617" s="141">
        <v>411</v>
      </c>
      <c r="G3617" s="98" t="s">
        <v>1</v>
      </c>
      <c r="H3617" s="98">
        <v>0</v>
      </c>
      <c r="I3617" s="98">
        <v>0</v>
      </c>
      <c r="J3617" s="98" t="s">
        <v>400</v>
      </c>
      <c r="K3617" s="98" t="s">
        <v>400</v>
      </c>
      <c r="L3617" s="98" t="s">
        <v>400</v>
      </c>
      <c r="M3617" s="98" t="s">
        <v>400</v>
      </c>
      <c r="N3617" s="98" t="s">
        <v>400</v>
      </c>
      <c r="O3617" s="98" t="s">
        <v>400</v>
      </c>
      <c r="P3617" s="98" t="s">
        <v>400</v>
      </c>
      <c r="Q3617" s="98" t="s">
        <v>400</v>
      </c>
      <c r="R3617" s="98" t="s">
        <v>400</v>
      </c>
      <c r="S3617" s="98" t="s">
        <v>400</v>
      </c>
      <c r="T3617" s="98" t="s">
        <v>400</v>
      </c>
      <c r="U3617" s="128"/>
      <c r="V3617" s="128"/>
      <c r="W3617" s="128"/>
      <c r="X3617" s="128"/>
      <c r="Y3617" s="128"/>
      <c r="Z3617" s="128"/>
      <c r="AA3617" s="128"/>
      <c r="AB3617" s="128"/>
      <c r="AC3617" s="128"/>
      <c r="AD3617" s="128"/>
      <c r="AE3617" s="128"/>
      <c r="AF3617" s="128"/>
      <c r="AG3617" s="128"/>
      <c r="AH3617" s="128"/>
      <c r="AI3617" s="128"/>
      <c r="AJ3617" s="128"/>
      <c r="AK3617" s="128"/>
      <c r="AL3617" s="128"/>
      <c r="AM3617" s="128"/>
      <c r="AN3617" s="128"/>
      <c r="AO3617" s="128"/>
      <c r="AP3617" s="128"/>
      <c r="AQ3617" s="128"/>
      <c r="AR3617" s="128"/>
      <c r="AS3617" s="128"/>
      <c r="AT3617" s="128"/>
      <c r="AU3617" s="128"/>
      <c r="AV3617" s="128"/>
      <c r="AW3617" s="128"/>
      <c r="AX3617" s="128"/>
      <c r="AY3617" s="128"/>
      <c r="AZ3617" s="128"/>
      <c r="BA3617" s="128"/>
      <c r="BB3617" s="107">
        <v>45884</v>
      </c>
    </row>
    <row r="3618" spans="1:54" s="8" customFormat="1" ht="13.95" customHeight="1" x14ac:dyDescent="0.25">
      <c r="A3618" s="219" t="s">
        <v>8077</v>
      </c>
      <c r="B3618" s="220" t="s">
        <v>6395</v>
      </c>
      <c r="C3618" s="98" t="s">
        <v>8078</v>
      </c>
      <c r="D3618" s="98" t="s">
        <v>21275</v>
      </c>
      <c r="E3618" s="141">
        <v>2004</v>
      </c>
      <c r="F3618" s="141">
        <v>277</v>
      </c>
      <c r="G3618" s="98" t="s">
        <v>1</v>
      </c>
      <c r="H3618" s="98">
        <v>0</v>
      </c>
      <c r="I3618" s="98">
        <v>0</v>
      </c>
      <c r="J3618" s="98" t="s">
        <v>400</v>
      </c>
      <c r="K3618" s="98" t="s">
        <v>400</v>
      </c>
      <c r="L3618" s="98" t="s">
        <v>400</v>
      </c>
      <c r="M3618" s="98" t="s">
        <v>400</v>
      </c>
      <c r="N3618" s="98" t="s">
        <v>400</v>
      </c>
      <c r="O3618" s="98" t="s">
        <v>400</v>
      </c>
      <c r="P3618" s="98" t="s">
        <v>400</v>
      </c>
      <c r="Q3618" s="98" t="s">
        <v>400</v>
      </c>
      <c r="R3618" s="98" t="s">
        <v>400</v>
      </c>
      <c r="S3618" s="98" t="s">
        <v>400</v>
      </c>
      <c r="T3618" s="98" t="s">
        <v>400</v>
      </c>
      <c r="U3618" s="128"/>
      <c r="V3618" s="128"/>
      <c r="W3618" s="128"/>
      <c r="X3618" s="128"/>
      <c r="Y3618" s="128"/>
      <c r="Z3618" s="128"/>
      <c r="AA3618" s="128"/>
      <c r="AB3618" s="128"/>
      <c r="AC3618" s="128"/>
      <c r="AD3618" s="128"/>
      <c r="AE3618" s="128"/>
      <c r="AF3618" s="128"/>
      <c r="AG3618" s="128"/>
      <c r="AH3618" s="128"/>
      <c r="AI3618" s="128"/>
      <c r="AJ3618" s="128"/>
      <c r="AK3618" s="128"/>
      <c r="AL3618" s="128"/>
      <c r="AM3618" s="128"/>
      <c r="AN3618" s="128"/>
      <c r="AO3618" s="128"/>
      <c r="AP3618" s="128"/>
      <c r="AQ3618" s="128"/>
      <c r="AR3618" s="128"/>
      <c r="AS3618" s="128"/>
      <c r="AT3618" s="128"/>
      <c r="AU3618" s="128"/>
      <c r="AV3618" s="128"/>
      <c r="AW3618" s="128"/>
      <c r="AX3618" s="128"/>
      <c r="AY3618" s="128"/>
      <c r="AZ3618" s="128"/>
      <c r="BA3618" s="128"/>
      <c r="BB3618" s="107">
        <v>45884</v>
      </c>
    </row>
    <row r="3619" spans="1:54" s="8" customFormat="1" ht="13.95" customHeight="1" x14ac:dyDescent="0.25">
      <c r="A3619" s="219" t="s">
        <v>8079</v>
      </c>
      <c r="B3619" s="220" t="s">
        <v>6395</v>
      </c>
      <c r="C3619" s="98" t="s">
        <v>8080</v>
      </c>
      <c r="D3619" s="98" t="s">
        <v>21276</v>
      </c>
      <c r="E3619" s="141">
        <v>2004</v>
      </c>
      <c r="F3619" s="141">
        <v>273</v>
      </c>
      <c r="G3619" s="98" t="s">
        <v>1</v>
      </c>
      <c r="H3619" s="98">
        <v>0</v>
      </c>
      <c r="I3619" s="98">
        <v>0</v>
      </c>
      <c r="J3619" s="98" t="s">
        <v>400</v>
      </c>
      <c r="K3619" s="98" t="s">
        <v>400</v>
      </c>
      <c r="L3619" s="98" t="s">
        <v>400</v>
      </c>
      <c r="M3619" s="98" t="s">
        <v>400</v>
      </c>
      <c r="N3619" s="98" t="s">
        <v>400</v>
      </c>
      <c r="O3619" s="98" t="s">
        <v>400</v>
      </c>
      <c r="P3619" s="98" t="s">
        <v>400</v>
      </c>
      <c r="Q3619" s="98" t="s">
        <v>400</v>
      </c>
      <c r="R3619" s="98" t="s">
        <v>400</v>
      </c>
      <c r="S3619" s="98" t="s">
        <v>400</v>
      </c>
      <c r="T3619" s="98" t="s">
        <v>400</v>
      </c>
      <c r="U3619" s="128"/>
      <c r="V3619" s="128"/>
      <c r="W3619" s="128"/>
      <c r="X3619" s="128"/>
      <c r="Y3619" s="128"/>
      <c r="Z3619" s="128"/>
      <c r="AA3619" s="128"/>
      <c r="AB3619" s="128"/>
      <c r="AC3619" s="128"/>
      <c r="AD3619" s="128"/>
      <c r="AE3619" s="128"/>
      <c r="AF3619" s="128"/>
      <c r="AG3619" s="128"/>
      <c r="AH3619" s="128"/>
      <c r="AI3619" s="128"/>
      <c r="AJ3619" s="128"/>
      <c r="AK3619" s="128"/>
      <c r="AL3619" s="128"/>
      <c r="AM3619" s="128"/>
      <c r="AN3619" s="128"/>
      <c r="AO3619" s="128"/>
      <c r="AP3619" s="128"/>
      <c r="AQ3619" s="128"/>
      <c r="AR3619" s="128"/>
      <c r="AS3619" s="128"/>
      <c r="AT3619" s="128"/>
      <c r="AU3619" s="128"/>
      <c r="AV3619" s="128"/>
      <c r="AW3619" s="128"/>
      <c r="AX3619" s="128"/>
      <c r="AY3619" s="128"/>
      <c r="AZ3619" s="128"/>
      <c r="BA3619" s="128"/>
      <c r="BB3619" s="107">
        <v>45884</v>
      </c>
    </row>
    <row r="3620" spans="1:54" s="8" customFormat="1" ht="13.95" customHeight="1" x14ac:dyDescent="0.25">
      <c r="A3620" s="219" t="s">
        <v>8081</v>
      </c>
      <c r="B3620" s="220" t="s">
        <v>6395</v>
      </c>
      <c r="C3620" s="98" t="s">
        <v>8082</v>
      </c>
      <c r="D3620" s="98" t="s">
        <v>21599</v>
      </c>
      <c r="E3620" s="141">
        <v>2004</v>
      </c>
      <c r="F3620" s="141">
        <v>242</v>
      </c>
      <c r="G3620" s="98" t="s">
        <v>1</v>
      </c>
      <c r="H3620" s="98">
        <v>0</v>
      </c>
      <c r="I3620" s="98">
        <v>0</v>
      </c>
      <c r="J3620" s="98" t="s">
        <v>400</v>
      </c>
      <c r="K3620" s="98" t="s">
        <v>400</v>
      </c>
      <c r="L3620" s="98" t="s">
        <v>400</v>
      </c>
      <c r="M3620" s="98" t="s">
        <v>400</v>
      </c>
      <c r="N3620" s="98" t="s">
        <v>400</v>
      </c>
      <c r="O3620" s="98" t="s">
        <v>400</v>
      </c>
      <c r="P3620" s="98" t="s">
        <v>400</v>
      </c>
      <c r="Q3620" s="98" t="s">
        <v>400</v>
      </c>
      <c r="R3620" s="98" t="s">
        <v>400</v>
      </c>
      <c r="S3620" s="98" t="s">
        <v>400</v>
      </c>
      <c r="T3620" s="98" t="s">
        <v>400</v>
      </c>
      <c r="U3620" s="128"/>
      <c r="V3620" s="128"/>
      <c r="W3620" s="128"/>
      <c r="X3620" s="128"/>
      <c r="Y3620" s="128"/>
      <c r="Z3620" s="128"/>
      <c r="AA3620" s="128"/>
      <c r="AB3620" s="128"/>
      <c r="AC3620" s="128"/>
      <c r="AD3620" s="128"/>
      <c r="AE3620" s="128"/>
      <c r="AF3620" s="128"/>
      <c r="AG3620" s="128"/>
      <c r="AH3620" s="128"/>
      <c r="AI3620" s="128"/>
      <c r="AJ3620" s="128"/>
      <c r="AK3620" s="128"/>
      <c r="AL3620" s="128"/>
      <c r="AM3620" s="128"/>
      <c r="AN3620" s="128"/>
      <c r="AO3620" s="128"/>
      <c r="AP3620" s="128"/>
      <c r="AQ3620" s="128"/>
      <c r="AR3620" s="128"/>
      <c r="AS3620" s="128"/>
      <c r="AT3620" s="128"/>
      <c r="AU3620" s="128"/>
      <c r="AV3620" s="128"/>
      <c r="AW3620" s="128"/>
      <c r="AX3620" s="128"/>
      <c r="AY3620" s="128"/>
      <c r="AZ3620" s="128"/>
      <c r="BA3620" s="128"/>
      <c r="BB3620" s="107">
        <v>45884</v>
      </c>
    </row>
    <row r="3621" spans="1:54" s="8" customFormat="1" ht="13.95" customHeight="1" x14ac:dyDescent="0.25">
      <c r="A3621" s="219" t="s">
        <v>8083</v>
      </c>
      <c r="B3621" s="220" t="s">
        <v>6395</v>
      </c>
      <c r="C3621" s="98" t="s">
        <v>8084</v>
      </c>
      <c r="D3621" s="98" t="s">
        <v>21600</v>
      </c>
      <c r="E3621" s="141">
        <v>2004</v>
      </c>
      <c r="F3621" s="141">
        <v>288</v>
      </c>
      <c r="G3621" s="98" t="s">
        <v>1</v>
      </c>
      <c r="H3621" s="98">
        <v>0</v>
      </c>
      <c r="I3621" s="98">
        <v>0</v>
      </c>
      <c r="J3621" s="98" t="s">
        <v>400</v>
      </c>
      <c r="K3621" s="98" t="s">
        <v>400</v>
      </c>
      <c r="L3621" s="98" t="s">
        <v>400</v>
      </c>
      <c r="M3621" s="98" t="s">
        <v>400</v>
      </c>
      <c r="N3621" s="98" t="s">
        <v>400</v>
      </c>
      <c r="O3621" s="98" t="s">
        <v>400</v>
      </c>
      <c r="P3621" s="98" t="s">
        <v>400</v>
      </c>
      <c r="Q3621" s="98" t="s">
        <v>400</v>
      </c>
      <c r="R3621" s="98" t="s">
        <v>400</v>
      </c>
      <c r="S3621" s="98" t="s">
        <v>400</v>
      </c>
      <c r="T3621" s="98" t="s">
        <v>400</v>
      </c>
      <c r="U3621" s="128"/>
      <c r="V3621" s="128"/>
      <c r="W3621" s="128"/>
      <c r="X3621" s="128"/>
      <c r="Y3621" s="128"/>
      <c r="Z3621" s="128"/>
      <c r="AA3621" s="128"/>
      <c r="AB3621" s="128"/>
      <c r="AC3621" s="128"/>
      <c r="AD3621" s="128"/>
      <c r="AE3621" s="128"/>
      <c r="AF3621" s="128"/>
      <c r="AG3621" s="128"/>
      <c r="AH3621" s="128"/>
      <c r="AI3621" s="128"/>
      <c r="AJ3621" s="128"/>
      <c r="AK3621" s="128"/>
      <c r="AL3621" s="128"/>
      <c r="AM3621" s="128"/>
      <c r="AN3621" s="128"/>
      <c r="AO3621" s="128"/>
      <c r="AP3621" s="128"/>
      <c r="AQ3621" s="128"/>
      <c r="AR3621" s="128"/>
      <c r="AS3621" s="128"/>
      <c r="AT3621" s="128"/>
      <c r="AU3621" s="128"/>
      <c r="AV3621" s="128"/>
      <c r="AW3621" s="128"/>
      <c r="AX3621" s="128"/>
      <c r="AY3621" s="128"/>
      <c r="AZ3621" s="128"/>
      <c r="BA3621" s="128"/>
      <c r="BB3621" s="107">
        <v>45884</v>
      </c>
    </row>
    <row r="3622" spans="1:54" s="8" customFormat="1" ht="13.95" customHeight="1" x14ac:dyDescent="0.25">
      <c r="A3622" s="219" t="s">
        <v>8085</v>
      </c>
      <c r="B3622" s="220" t="s">
        <v>6395</v>
      </c>
      <c r="C3622" s="98" t="s">
        <v>8086</v>
      </c>
      <c r="D3622" s="98" t="s">
        <v>21277</v>
      </c>
      <c r="E3622" s="141">
        <v>2004</v>
      </c>
      <c r="F3622" s="141">
        <v>294</v>
      </c>
      <c r="G3622" s="98" t="s">
        <v>1</v>
      </c>
      <c r="H3622" s="98">
        <v>0</v>
      </c>
      <c r="I3622" s="98">
        <v>0</v>
      </c>
      <c r="J3622" s="98" t="s">
        <v>400</v>
      </c>
      <c r="K3622" s="98" t="s">
        <v>400</v>
      </c>
      <c r="L3622" s="98" t="s">
        <v>400</v>
      </c>
      <c r="M3622" s="98" t="s">
        <v>400</v>
      </c>
      <c r="N3622" s="98" t="s">
        <v>400</v>
      </c>
      <c r="O3622" s="98" t="s">
        <v>400</v>
      </c>
      <c r="P3622" s="98" t="s">
        <v>400</v>
      </c>
      <c r="Q3622" s="98" t="s">
        <v>400</v>
      </c>
      <c r="R3622" s="98" t="s">
        <v>400</v>
      </c>
      <c r="S3622" s="98" t="s">
        <v>400</v>
      </c>
      <c r="T3622" s="98" t="s">
        <v>400</v>
      </c>
      <c r="U3622" s="128"/>
      <c r="V3622" s="128"/>
      <c r="W3622" s="128"/>
      <c r="X3622" s="128"/>
      <c r="Y3622" s="128"/>
      <c r="Z3622" s="128"/>
      <c r="AA3622" s="128"/>
      <c r="AB3622" s="128"/>
      <c r="AC3622" s="128"/>
      <c r="AD3622" s="128"/>
      <c r="AE3622" s="128"/>
      <c r="AF3622" s="128"/>
      <c r="AG3622" s="128"/>
      <c r="AH3622" s="128"/>
      <c r="AI3622" s="128"/>
      <c r="AJ3622" s="128"/>
      <c r="AK3622" s="128"/>
      <c r="AL3622" s="128"/>
      <c r="AM3622" s="128"/>
      <c r="AN3622" s="128"/>
      <c r="AO3622" s="128"/>
      <c r="AP3622" s="128"/>
      <c r="AQ3622" s="128"/>
      <c r="AR3622" s="128"/>
      <c r="AS3622" s="128"/>
      <c r="AT3622" s="128"/>
      <c r="AU3622" s="128"/>
      <c r="AV3622" s="128"/>
      <c r="AW3622" s="128"/>
      <c r="AX3622" s="128"/>
      <c r="AY3622" s="128"/>
      <c r="AZ3622" s="128"/>
      <c r="BA3622" s="128"/>
      <c r="BB3622" s="107">
        <v>45884</v>
      </c>
    </row>
    <row r="3623" spans="1:54" s="8" customFormat="1" ht="13.95" customHeight="1" x14ac:dyDescent="0.25">
      <c r="A3623" s="219" t="s">
        <v>8087</v>
      </c>
      <c r="B3623" s="220" t="s">
        <v>6395</v>
      </c>
      <c r="C3623" s="98" t="s">
        <v>8088</v>
      </c>
      <c r="D3623" s="98" t="s">
        <v>21278</v>
      </c>
      <c r="E3623" s="141">
        <v>2004</v>
      </c>
      <c r="F3623" s="141">
        <v>296</v>
      </c>
      <c r="G3623" s="98" t="s">
        <v>1</v>
      </c>
      <c r="H3623" s="98">
        <v>0</v>
      </c>
      <c r="I3623" s="98">
        <v>0</v>
      </c>
      <c r="J3623" s="98" t="s">
        <v>400</v>
      </c>
      <c r="K3623" s="98" t="s">
        <v>400</v>
      </c>
      <c r="L3623" s="98" t="s">
        <v>400</v>
      </c>
      <c r="M3623" s="98" t="s">
        <v>400</v>
      </c>
      <c r="N3623" s="98" t="s">
        <v>400</v>
      </c>
      <c r="O3623" s="98" t="s">
        <v>400</v>
      </c>
      <c r="P3623" s="98" t="s">
        <v>400</v>
      </c>
      <c r="Q3623" s="98" t="s">
        <v>400</v>
      </c>
      <c r="R3623" s="98" t="s">
        <v>400</v>
      </c>
      <c r="S3623" s="98" t="s">
        <v>400</v>
      </c>
      <c r="T3623" s="98" t="s">
        <v>400</v>
      </c>
      <c r="U3623" s="128"/>
      <c r="V3623" s="128"/>
      <c r="W3623" s="128"/>
      <c r="X3623" s="128"/>
      <c r="Y3623" s="128"/>
      <c r="Z3623" s="128"/>
      <c r="AA3623" s="128"/>
      <c r="AB3623" s="128"/>
      <c r="AC3623" s="128"/>
      <c r="AD3623" s="128"/>
      <c r="AE3623" s="128"/>
      <c r="AF3623" s="128"/>
      <c r="AG3623" s="128"/>
      <c r="AH3623" s="128"/>
      <c r="AI3623" s="128"/>
      <c r="AJ3623" s="128"/>
      <c r="AK3623" s="128"/>
      <c r="AL3623" s="128"/>
      <c r="AM3623" s="128"/>
      <c r="AN3623" s="128"/>
      <c r="AO3623" s="128"/>
      <c r="AP3623" s="128"/>
      <c r="AQ3623" s="128"/>
      <c r="AR3623" s="128"/>
      <c r="AS3623" s="128"/>
      <c r="AT3623" s="128"/>
      <c r="AU3623" s="128"/>
      <c r="AV3623" s="128"/>
      <c r="AW3623" s="128"/>
      <c r="AX3623" s="128"/>
      <c r="AY3623" s="128"/>
      <c r="AZ3623" s="128"/>
      <c r="BA3623" s="128"/>
      <c r="BB3623" s="107">
        <v>45884</v>
      </c>
    </row>
    <row r="3624" spans="1:54" s="8" customFormat="1" ht="13.95" customHeight="1" x14ac:dyDescent="0.25">
      <c r="A3624" s="219" t="s">
        <v>8089</v>
      </c>
      <c r="B3624" s="220" t="s">
        <v>6395</v>
      </c>
      <c r="C3624" s="98" t="s">
        <v>8090</v>
      </c>
      <c r="D3624" s="98" t="s">
        <v>21601</v>
      </c>
      <c r="E3624" s="141">
        <v>2004</v>
      </c>
      <c r="F3624" s="141">
        <v>259</v>
      </c>
      <c r="G3624" s="98" t="s">
        <v>1</v>
      </c>
      <c r="H3624" s="98">
        <v>0</v>
      </c>
      <c r="I3624" s="98">
        <v>0</v>
      </c>
      <c r="J3624" s="98" t="s">
        <v>400</v>
      </c>
      <c r="K3624" s="98" t="s">
        <v>400</v>
      </c>
      <c r="L3624" s="98" t="s">
        <v>400</v>
      </c>
      <c r="M3624" s="98" t="s">
        <v>400</v>
      </c>
      <c r="N3624" s="98" t="s">
        <v>400</v>
      </c>
      <c r="O3624" s="98" t="s">
        <v>400</v>
      </c>
      <c r="P3624" s="98" t="s">
        <v>400</v>
      </c>
      <c r="Q3624" s="98" t="s">
        <v>400</v>
      </c>
      <c r="R3624" s="98" t="s">
        <v>400</v>
      </c>
      <c r="S3624" s="98" t="s">
        <v>400</v>
      </c>
      <c r="T3624" s="98" t="s">
        <v>400</v>
      </c>
      <c r="U3624" s="128"/>
      <c r="V3624" s="128"/>
      <c r="W3624" s="128"/>
      <c r="X3624" s="128"/>
      <c r="Y3624" s="128"/>
      <c r="Z3624" s="128"/>
      <c r="AA3624" s="128"/>
      <c r="AB3624" s="128"/>
      <c r="AC3624" s="128"/>
      <c r="AD3624" s="128"/>
      <c r="AE3624" s="128"/>
      <c r="AF3624" s="128"/>
      <c r="AG3624" s="128"/>
      <c r="AH3624" s="128"/>
      <c r="AI3624" s="128"/>
      <c r="AJ3624" s="128"/>
      <c r="AK3624" s="128"/>
      <c r="AL3624" s="128"/>
      <c r="AM3624" s="128"/>
      <c r="AN3624" s="128"/>
      <c r="AO3624" s="128"/>
      <c r="AP3624" s="128"/>
      <c r="AQ3624" s="128"/>
      <c r="AR3624" s="128"/>
      <c r="AS3624" s="128"/>
      <c r="AT3624" s="128"/>
      <c r="AU3624" s="128"/>
      <c r="AV3624" s="128"/>
      <c r="AW3624" s="128"/>
      <c r="AX3624" s="128"/>
      <c r="AY3624" s="128"/>
      <c r="AZ3624" s="128"/>
      <c r="BA3624" s="128"/>
      <c r="BB3624" s="107">
        <v>45884</v>
      </c>
    </row>
    <row r="3625" spans="1:54" s="8" customFormat="1" ht="13.95" customHeight="1" x14ac:dyDescent="0.25">
      <c r="A3625" s="219" t="s">
        <v>8091</v>
      </c>
      <c r="B3625" s="220" t="s">
        <v>6395</v>
      </c>
      <c r="C3625" s="98" t="s">
        <v>8092</v>
      </c>
      <c r="D3625" s="98" t="s">
        <v>21279</v>
      </c>
      <c r="E3625" s="141">
        <v>2004</v>
      </c>
      <c r="F3625" s="141">
        <v>2453</v>
      </c>
      <c r="G3625" s="98" t="s">
        <v>1</v>
      </c>
      <c r="H3625" s="98">
        <v>1</v>
      </c>
      <c r="I3625" s="98">
        <v>1</v>
      </c>
      <c r="J3625" s="98" t="s">
        <v>400</v>
      </c>
      <c r="K3625" s="98" t="s">
        <v>400</v>
      </c>
      <c r="L3625" s="98" t="s">
        <v>400</v>
      </c>
      <c r="M3625" s="98" t="s">
        <v>400</v>
      </c>
      <c r="N3625" s="98" t="s">
        <v>400</v>
      </c>
      <c r="O3625" s="98" t="s">
        <v>400</v>
      </c>
      <c r="P3625" s="98" t="s">
        <v>400</v>
      </c>
      <c r="Q3625" s="98" t="s">
        <v>400</v>
      </c>
      <c r="R3625" s="98" t="s">
        <v>400</v>
      </c>
      <c r="S3625" s="98" t="s">
        <v>400</v>
      </c>
      <c r="T3625" s="98" t="s">
        <v>400</v>
      </c>
      <c r="U3625" s="128"/>
      <c r="V3625" s="128"/>
      <c r="W3625" s="128"/>
      <c r="X3625" s="128"/>
      <c r="Y3625" s="128"/>
      <c r="Z3625" s="128"/>
      <c r="AA3625" s="128"/>
      <c r="AB3625" s="128"/>
      <c r="AC3625" s="128"/>
      <c r="AD3625" s="128"/>
      <c r="AE3625" s="128"/>
      <c r="AF3625" s="128"/>
      <c r="AG3625" s="128"/>
      <c r="AH3625" s="128"/>
      <c r="AI3625" s="128"/>
      <c r="AJ3625" s="128"/>
      <c r="AK3625" s="128"/>
      <c r="AL3625" s="128"/>
      <c r="AM3625" s="128"/>
      <c r="AN3625" s="128"/>
      <c r="AO3625" s="128"/>
      <c r="AP3625" s="128"/>
      <c r="AQ3625" s="128"/>
      <c r="AR3625" s="128"/>
      <c r="AS3625" s="128"/>
      <c r="AT3625" s="128"/>
      <c r="AU3625" s="128"/>
      <c r="AV3625" s="128"/>
      <c r="AW3625" s="128"/>
      <c r="AX3625" s="128"/>
      <c r="AY3625" s="128"/>
      <c r="AZ3625" s="128"/>
      <c r="BA3625" s="128"/>
      <c r="BB3625" s="107">
        <v>45884</v>
      </c>
    </row>
    <row r="3626" spans="1:54" s="8" customFormat="1" ht="13.95" customHeight="1" x14ac:dyDescent="0.25">
      <c r="A3626" s="219" t="s">
        <v>8093</v>
      </c>
      <c r="B3626" s="220" t="s">
        <v>6395</v>
      </c>
      <c r="C3626" s="98" t="s">
        <v>8094</v>
      </c>
      <c r="D3626" s="98" t="s">
        <v>21280</v>
      </c>
      <c r="E3626" s="141">
        <v>2005</v>
      </c>
      <c r="F3626" s="141">
        <v>360</v>
      </c>
      <c r="G3626" s="98" t="s">
        <v>1</v>
      </c>
      <c r="H3626" s="98">
        <v>0</v>
      </c>
      <c r="I3626" s="98">
        <v>0</v>
      </c>
      <c r="J3626" s="98" t="s">
        <v>400</v>
      </c>
      <c r="K3626" s="98" t="s">
        <v>400</v>
      </c>
      <c r="L3626" s="98" t="s">
        <v>400</v>
      </c>
      <c r="M3626" s="98" t="s">
        <v>400</v>
      </c>
      <c r="N3626" s="98" t="s">
        <v>400</v>
      </c>
      <c r="O3626" s="98" t="s">
        <v>400</v>
      </c>
      <c r="P3626" s="98" t="s">
        <v>400</v>
      </c>
      <c r="Q3626" s="98" t="s">
        <v>400</v>
      </c>
      <c r="R3626" s="98" t="s">
        <v>400</v>
      </c>
      <c r="S3626" s="98" t="s">
        <v>400</v>
      </c>
      <c r="T3626" s="98" t="s">
        <v>400</v>
      </c>
      <c r="U3626" s="128"/>
      <c r="V3626" s="128"/>
      <c r="W3626" s="128"/>
      <c r="X3626" s="128"/>
      <c r="Y3626" s="128"/>
      <c r="Z3626" s="128"/>
      <c r="AA3626" s="128"/>
      <c r="AB3626" s="128"/>
      <c r="AC3626" s="128"/>
      <c r="AD3626" s="128"/>
      <c r="AE3626" s="128"/>
      <c r="AF3626" s="128"/>
      <c r="AG3626" s="128"/>
      <c r="AH3626" s="128"/>
      <c r="AI3626" s="128"/>
      <c r="AJ3626" s="128"/>
      <c r="AK3626" s="128"/>
      <c r="AL3626" s="128"/>
      <c r="AM3626" s="128"/>
      <c r="AN3626" s="128"/>
      <c r="AO3626" s="128"/>
      <c r="AP3626" s="128"/>
      <c r="AQ3626" s="128"/>
      <c r="AR3626" s="128"/>
      <c r="AS3626" s="128"/>
      <c r="AT3626" s="128"/>
      <c r="AU3626" s="128"/>
      <c r="AV3626" s="128"/>
      <c r="AW3626" s="128"/>
      <c r="AX3626" s="128"/>
      <c r="AY3626" s="128"/>
      <c r="AZ3626" s="128"/>
      <c r="BA3626" s="128"/>
      <c r="BB3626" s="107">
        <v>45884</v>
      </c>
    </row>
    <row r="3627" spans="1:54" s="8" customFormat="1" ht="13.95" customHeight="1" x14ac:dyDescent="0.25">
      <c r="A3627" s="219" t="s">
        <v>8095</v>
      </c>
      <c r="B3627" s="220" t="s">
        <v>6395</v>
      </c>
      <c r="C3627" s="98" t="s">
        <v>8096</v>
      </c>
      <c r="D3627" s="98" t="s">
        <v>21281</v>
      </c>
      <c r="E3627" s="141">
        <v>2006</v>
      </c>
      <c r="F3627" s="141">
        <v>444</v>
      </c>
      <c r="G3627" s="98" t="s">
        <v>1</v>
      </c>
      <c r="H3627" s="98">
        <v>0</v>
      </c>
      <c r="I3627" s="98">
        <v>0</v>
      </c>
      <c r="J3627" s="98" t="s">
        <v>400</v>
      </c>
      <c r="K3627" s="98" t="s">
        <v>400</v>
      </c>
      <c r="L3627" s="98" t="s">
        <v>400</v>
      </c>
      <c r="M3627" s="98" t="s">
        <v>400</v>
      </c>
      <c r="N3627" s="98" t="s">
        <v>400</v>
      </c>
      <c r="O3627" s="98" t="s">
        <v>400</v>
      </c>
      <c r="P3627" s="98" t="s">
        <v>400</v>
      </c>
      <c r="Q3627" s="98" t="s">
        <v>400</v>
      </c>
      <c r="R3627" s="98" t="s">
        <v>400</v>
      </c>
      <c r="S3627" s="98" t="s">
        <v>400</v>
      </c>
      <c r="T3627" s="98" t="s">
        <v>400</v>
      </c>
      <c r="U3627" s="128"/>
      <c r="V3627" s="128"/>
      <c r="W3627" s="128"/>
      <c r="X3627" s="128"/>
      <c r="Y3627" s="128"/>
      <c r="Z3627" s="128"/>
      <c r="AA3627" s="128"/>
      <c r="AB3627" s="128"/>
      <c r="AC3627" s="128"/>
      <c r="AD3627" s="128"/>
      <c r="AE3627" s="128"/>
      <c r="AF3627" s="128"/>
      <c r="AG3627" s="128"/>
      <c r="AH3627" s="128"/>
      <c r="AI3627" s="128"/>
      <c r="AJ3627" s="128"/>
      <c r="AK3627" s="128"/>
      <c r="AL3627" s="128"/>
      <c r="AM3627" s="128"/>
      <c r="AN3627" s="128"/>
      <c r="AO3627" s="128"/>
      <c r="AP3627" s="128"/>
      <c r="AQ3627" s="128"/>
      <c r="AR3627" s="128"/>
      <c r="AS3627" s="128"/>
      <c r="AT3627" s="128"/>
      <c r="AU3627" s="128"/>
      <c r="AV3627" s="128"/>
      <c r="AW3627" s="128"/>
      <c r="AX3627" s="128"/>
      <c r="AY3627" s="128"/>
      <c r="AZ3627" s="128"/>
      <c r="BA3627" s="128"/>
      <c r="BB3627" s="107">
        <v>45884</v>
      </c>
    </row>
    <row r="3628" spans="1:54" s="8" customFormat="1" ht="13.95" customHeight="1" x14ac:dyDescent="0.25">
      <c r="A3628" s="219" t="s">
        <v>8097</v>
      </c>
      <c r="B3628" s="220" t="s">
        <v>6395</v>
      </c>
      <c r="C3628" s="98" t="s">
        <v>8098</v>
      </c>
      <c r="D3628" s="98" t="s">
        <v>21282</v>
      </c>
      <c r="E3628" s="141">
        <v>2006</v>
      </c>
      <c r="F3628" s="141">
        <v>499</v>
      </c>
      <c r="G3628" s="98" t="s">
        <v>1</v>
      </c>
      <c r="H3628" s="98">
        <v>0</v>
      </c>
      <c r="I3628" s="98">
        <v>0</v>
      </c>
      <c r="J3628" s="98" t="s">
        <v>400</v>
      </c>
      <c r="K3628" s="98" t="s">
        <v>400</v>
      </c>
      <c r="L3628" s="98" t="s">
        <v>400</v>
      </c>
      <c r="M3628" s="98" t="s">
        <v>400</v>
      </c>
      <c r="N3628" s="98" t="s">
        <v>400</v>
      </c>
      <c r="O3628" s="98" t="s">
        <v>400</v>
      </c>
      <c r="P3628" s="98" t="s">
        <v>400</v>
      </c>
      <c r="Q3628" s="98" t="s">
        <v>400</v>
      </c>
      <c r="R3628" s="98" t="s">
        <v>400</v>
      </c>
      <c r="S3628" s="98" t="s">
        <v>400</v>
      </c>
      <c r="T3628" s="98" t="s">
        <v>400</v>
      </c>
      <c r="U3628" s="128"/>
      <c r="V3628" s="128"/>
      <c r="W3628" s="128"/>
      <c r="X3628" s="128"/>
      <c r="Y3628" s="128"/>
      <c r="Z3628" s="128"/>
      <c r="AA3628" s="128"/>
      <c r="AB3628" s="128"/>
      <c r="AC3628" s="128"/>
      <c r="AD3628" s="128"/>
      <c r="AE3628" s="128"/>
      <c r="AF3628" s="128"/>
      <c r="AG3628" s="128"/>
      <c r="AH3628" s="128"/>
      <c r="AI3628" s="128"/>
      <c r="AJ3628" s="128"/>
      <c r="AK3628" s="128"/>
      <c r="AL3628" s="128"/>
      <c r="AM3628" s="128"/>
      <c r="AN3628" s="128"/>
      <c r="AO3628" s="128"/>
      <c r="AP3628" s="128"/>
      <c r="AQ3628" s="128"/>
      <c r="AR3628" s="128"/>
      <c r="AS3628" s="128"/>
      <c r="AT3628" s="128"/>
      <c r="AU3628" s="128"/>
      <c r="AV3628" s="128"/>
      <c r="AW3628" s="128"/>
      <c r="AX3628" s="128"/>
      <c r="AY3628" s="128"/>
      <c r="AZ3628" s="128"/>
      <c r="BA3628" s="128"/>
      <c r="BB3628" s="107">
        <v>45884</v>
      </c>
    </row>
    <row r="3629" spans="1:54" s="8" customFormat="1" ht="13.95" customHeight="1" x14ac:dyDescent="0.25">
      <c r="A3629" s="219" t="s">
        <v>8099</v>
      </c>
      <c r="B3629" s="220" t="s">
        <v>6395</v>
      </c>
      <c r="C3629" s="98" t="s">
        <v>8100</v>
      </c>
      <c r="D3629" s="98" t="s">
        <v>21283</v>
      </c>
      <c r="E3629" s="141">
        <v>2006</v>
      </c>
      <c r="F3629" s="141">
        <v>516</v>
      </c>
      <c r="G3629" s="98" t="s">
        <v>1</v>
      </c>
      <c r="H3629" s="98">
        <v>0</v>
      </c>
      <c r="I3629" s="98">
        <v>0</v>
      </c>
      <c r="J3629" s="98" t="s">
        <v>400</v>
      </c>
      <c r="K3629" s="98" t="s">
        <v>400</v>
      </c>
      <c r="L3629" s="98" t="s">
        <v>400</v>
      </c>
      <c r="M3629" s="98" t="s">
        <v>400</v>
      </c>
      <c r="N3629" s="98" t="s">
        <v>400</v>
      </c>
      <c r="O3629" s="98" t="s">
        <v>400</v>
      </c>
      <c r="P3629" s="98" t="s">
        <v>400</v>
      </c>
      <c r="Q3629" s="98" t="s">
        <v>400</v>
      </c>
      <c r="R3629" s="98" t="s">
        <v>400</v>
      </c>
      <c r="S3629" s="98" t="s">
        <v>400</v>
      </c>
      <c r="T3629" s="98" t="s">
        <v>400</v>
      </c>
      <c r="U3629" s="128"/>
      <c r="V3629" s="128"/>
      <c r="W3629" s="128"/>
      <c r="X3629" s="128"/>
      <c r="Y3629" s="128"/>
      <c r="Z3629" s="128"/>
      <c r="AA3629" s="128"/>
      <c r="AB3629" s="128"/>
      <c r="AC3629" s="128"/>
      <c r="AD3629" s="128"/>
      <c r="AE3629" s="128"/>
      <c r="AF3629" s="128"/>
      <c r="AG3629" s="128"/>
      <c r="AH3629" s="128"/>
      <c r="AI3629" s="128"/>
      <c r="AJ3629" s="128"/>
      <c r="AK3629" s="128"/>
      <c r="AL3629" s="128"/>
      <c r="AM3629" s="128"/>
      <c r="AN3629" s="128"/>
      <c r="AO3629" s="128"/>
      <c r="AP3629" s="128"/>
      <c r="AQ3629" s="128"/>
      <c r="AR3629" s="128"/>
      <c r="AS3629" s="128"/>
      <c r="AT3629" s="128"/>
      <c r="AU3629" s="128"/>
      <c r="AV3629" s="128"/>
      <c r="AW3629" s="128"/>
      <c r="AX3629" s="128"/>
      <c r="AY3629" s="128"/>
      <c r="AZ3629" s="128"/>
      <c r="BA3629" s="128"/>
      <c r="BB3629" s="107">
        <v>45884</v>
      </c>
    </row>
    <row r="3630" spans="1:54" s="8" customFormat="1" ht="13.95" customHeight="1" x14ac:dyDescent="0.25">
      <c r="A3630" s="219" t="s">
        <v>8101</v>
      </c>
      <c r="B3630" s="220" t="s">
        <v>6395</v>
      </c>
      <c r="C3630" s="98" t="s">
        <v>8102</v>
      </c>
      <c r="D3630" s="98" t="s">
        <v>21284</v>
      </c>
      <c r="E3630" s="141">
        <v>2006</v>
      </c>
      <c r="F3630" s="141">
        <v>298</v>
      </c>
      <c r="G3630" s="98" t="s">
        <v>1</v>
      </c>
      <c r="H3630" s="98">
        <v>0</v>
      </c>
      <c r="I3630" s="98">
        <v>0</v>
      </c>
      <c r="J3630" s="98" t="s">
        <v>400</v>
      </c>
      <c r="K3630" s="98" t="s">
        <v>400</v>
      </c>
      <c r="L3630" s="98" t="s">
        <v>400</v>
      </c>
      <c r="M3630" s="98" t="s">
        <v>400</v>
      </c>
      <c r="N3630" s="98" t="s">
        <v>400</v>
      </c>
      <c r="O3630" s="98" t="s">
        <v>400</v>
      </c>
      <c r="P3630" s="98" t="s">
        <v>400</v>
      </c>
      <c r="Q3630" s="98" t="s">
        <v>400</v>
      </c>
      <c r="R3630" s="98" t="s">
        <v>400</v>
      </c>
      <c r="S3630" s="98" t="s">
        <v>400</v>
      </c>
      <c r="T3630" s="98" t="s">
        <v>400</v>
      </c>
      <c r="U3630" s="128"/>
      <c r="V3630" s="128"/>
      <c r="W3630" s="128"/>
      <c r="X3630" s="128"/>
      <c r="Y3630" s="128"/>
      <c r="Z3630" s="128"/>
      <c r="AA3630" s="128"/>
      <c r="AB3630" s="128"/>
      <c r="AC3630" s="128"/>
      <c r="AD3630" s="128"/>
      <c r="AE3630" s="128"/>
      <c r="AF3630" s="128"/>
      <c r="AG3630" s="128"/>
      <c r="AH3630" s="128"/>
      <c r="AI3630" s="128"/>
      <c r="AJ3630" s="128"/>
      <c r="AK3630" s="128"/>
      <c r="AL3630" s="128"/>
      <c r="AM3630" s="128"/>
      <c r="AN3630" s="128"/>
      <c r="AO3630" s="128"/>
      <c r="AP3630" s="128"/>
      <c r="AQ3630" s="128"/>
      <c r="AR3630" s="128"/>
      <c r="AS3630" s="128"/>
      <c r="AT3630" s="128"/>
      <c r="AU3630" s="128"/>
      <c r="AV3630" s="128"/>
      <c r="AW3630" s="128"/>
      <c r="AX3630" s="128"/>
      <c r="AY3630" s="128"/>
      <c r="AZ3630" s="128"/>
      <c r="BA3630" s="128"/>
      <c r="BB3630" s="107">
        <v>45884</v>
      </c>
    </row>
    <row r="3631" spans="1:54" s="8" customFormat="1" ht="13.95" customHeight="1" x14ac:dyDescent="0.25">
      <c r="A3631" s="219" t="s">
        <v>8103</v>
      </c>
      <c r="B3631" s="220" t="s">
        <v>6395</v>
      </c>
      <c r="C3631" s="98" t="s">
        <v>8104</v>
      </c>
      <c r="D3631" s="98" t="s">
        <v>21285</v>
      </c>
      <c r="E3631" s="141">
        <v>2006</v>
      </c>
      <c r="F3631" s="141">
        <v>135</v>
      </c>
      <c r="G3631" s="98" t="s">
        <v>1</v>
      </c>
      <c r="H3631" s="98">
        <v>0</v>
      </c>
      <c r="I3631" s="98">
        <v>0</v>
      </c>
      <c r="J3631" s="98" t="s">
        <v>400</v>
      </c>
      <c r="K3631" s="98" t="s">
        <v>400</v>
      </c>
      <c r="L3631" s="98" t="s">
        <v>400</v>
      </c>
      <c r="M3631" s="98" t="s">
        <v>400</v>
      </c>
      <c r="N3631" s="98" t="s">
        <v>400</v>
      </c>
      <c r="O3631" s="98" t="s">
        <v>400</v>
      </c>
      <c r="P3631" s="98" t="s">
        <v>400</v>
      </c>
      <c r="Q3631" s="98" t="s">
        <v>400</v>
      </c>
      <c r="R3631" s="98" t="s">
        <v>400</v>
      </c>
      <c r="S3631" s="98" t="s">
        <v>400</v>
      </c>
      <c r="T3631" s="98" t="s">
        <v>400</v>
      </c>
      <c r="U3631" s="128"/>
      <c r="V3631" s="128"/>
      <c r="W3631" s="128"/>
      <c r="X3631" s="128"/>
      <c r="Y3631" s="128"/>
      <c r="Z3631" s="128"/>
      <c r="AA3631" s="128"/>
      <c r="AB3631" s="128"/>
      <c r="AC3631" s="128"/>
      <c r="AD3631" s="128"/>
      <c r="AE3631" s="128"/>
      <c r="AF3631" s="128"/>
      <c r="AG3631" s="128"/>
      <c r="AH3631" s="128"/>
      <c r="AI3631" s="128"/>
      <c r="AJ3631" s="128"/>
      <c r="AK3631" s="128"/>
      <c r="AL3631" s="128"/>
      <c r="AM3631" s="128"/>
      <c r="AN3631" s="128"/>
      <c r="AO3631" s="128"/>
      <c r="AP3631" s="128"/>
      <c r="AQ3631" s="128"/>
      <c r="AR3631" s="128"/>
      <c r="AS3631" s="128"/>
      <c r="AT3631" s="128"/>
      <c r="AU3631" s="128"/>
      <c r="AV3631" s="128"/>
      <c r="AW3631" s="128"/>
      <c r="AX3631" s="128"/>
      <c r="AY3631" s="128"/>
      <c r="AZ3631" s="128"/>
      <c r="BA3631" s="128"/>
      <c r="BB3631" s="107">
        <v>45884</v>
      </c>
    </row>
    <row r="3632" spans="1:54" s="8" customFormat="1" ht="13.95" customHeight="1" x14ac:dyDescent="0.25">
      <c r="A3632" s="219" t="s">
        <v>8105</v>
      </c>
      <c r="B3632" s="220" t="s">
        <v>6395</v>
      </c>
      <c r="C3632" s="98" t="s">
        <v>8106</v>
      </c>
      <c r="D3632" s="98" t="s">
        <v>21286</v>
      </c>
      <c r="E3632" s="141">
        <v>2006</v>
      </c>
      <c r="F3632" s="141">
        <v>495</v>
      </c>
      <c r="G3632" s="98" t="s">
        <v>1</v>
      </c>
      <c r="H3632" s="98">
        <v>0</v>
      </c>
      <c r="I3632" s="98">
        <v>0</v>
      </c>
      <c r="J3632" s="98" t="s">
        <v>400</v>
      </c>
      <c r="K3632" s="98" t="s">
        <v>400</v>
      </c>
      <c r="L3632" s="98" t="s">
        <v>400</v>
      </c>
      <c r="M3632" s="98" t="s">
        <v>400</v>
      </c>
      <c r="N3632" s="98" t="s">
        <v>400</v>
      </c>
      <c r="O3632" s="98" t="s">
        <v>400</v>
      </c>
      <c r="P3632" s="98" t="s">
        <v>400</v>
      </c>
      <c r="Q3632" s="98" t="s">
        <v>400</v>
      </c>
      <c r="R3632" s="98" t="s">
        <v>400</v>
      </c>
      <c r="S3632" s="98" t="s">
        <v>400</v>
      </c>
      <c r="T3632" s="98" t="s">
        <v>400</v>
      </c>
      <c r="U3632" s="128"/>
      <c r="V3632" s="128"/>
      <c r="W3632" s="128"/>
      <c r="X3632" s="128"/>
      <c r="Y3632" s="128"/>
      <c r="Z3632" s="128"/>
      <c r="AA3632" s="128"/>
      <c r="AB3632" s="128"/>
      <c r="AC3632" s="128"/>
      <c r="AD3632" s="128"/>
      <c r="AE3632" s="128"/>
      <c r="AF3632" s="128"/>
      <c r="AG3632" s="128"/>
      <c r="AH3632" s="128"/>
      <c r="AI3632" s="128"/>
      <c r="AJ3632" s="128"/>
      <c r="AK3632" s="128"/>
      <c r="AL3632" s="128"/>
      <c r="AM3632" s="128"/>
      <c r="AN3632" s="128"/>
      <c r="AO3632" s="128"/>
      <c r="AP3632" s="128"/>
      <c r="AQ3632" s="128"/>
      <c r="AR3632" s="128"/>
      <c r="AS3632" s="128"/>
      <c r="AT3632" s="128"/>
      <c r="AU3632" s="128"/>
      <c r="AV3632" s="128"/>
      <c r="AW3632" s="128"/>
      <c r="AX3632" s="128"/>
      <c r="AY3632" s="128"/>
      <c r="AZ3632" s="128"/>
      <c r="BA3632" s="128"/>
      <c r="BB3632" s="107">
        <v>45884</v>
      </c>
    </row>
    <row r="3633" spans="1:54" s="8" customFormat="1" ht="13.95" customHeight="1" x14ac:dyDescent="0.25">
      <c r="A3633" s="219" t="s">
        <v>8107</v>
      </c>
      <c r="B3633" s="220" t="s">
        <v>6395</v>
      </c>
      <c r="C3633" s="98" t="s">
        <v>8108</v>
      </c>
      <c r="D3633" s="98" t="s">
        <v>21287</v>
      </c>
      <c r="E3633" s="141">
        <v>2007</v>
      </c>
      <c r="F3633" s="141">
        <v>111</v>
      </c>
      <c r="G3633" s="98" t="s">
        <v>1</v>
      </c>
      <c r="H3633" s="98">
        <v>0</v>
      </c>
      <c r="I3633" s="98">
        <v>0</v>
      </c>
      <c r="J3633" s="98" t="s">
        <v>400</v>
      </c>
      <c r="K3633" s="98" t="s">
        <v>400</v>
      </c>
      <c r="L3633" s="98" t="s">
        <v>400</v>
      </c>
      <c r="M3633" s="98" t="s">
        <v>400</v>
      </c>
      <c r="N3633" s="98" t="s">
        <v>400</v>
      </c>
      <c r="O3633" s="98" t="s">
        <v>400</v>
      </c>
      <c r="P3633" s="98" t="s">
        <v>400</v>
      </c>
      <c r="Q3633" s="98" t="s">
        <v>400</v>
      </c>
      <c r="R3633" s="98" t="s">
        <v>400</v>
      </c>
      <c r="S3633" s="98" t="s">
        <v>400</v>
      </c>
      <c r="T3633" s="98" t="s">
        <v>400</v>
      </c>
      <c r="U3633" s="128"/>
      <c r="V3633" s="128"/>
      <c r="W3633" s="128"/>
      <c r="X3633" s="128"/>
      <c r="Y3633" s="128"/>
      <c r="Z3633" s="128"/>
      <c r="AA3633" s="128"/>
      <c r="AB3633" s="128"/>
      <c r="AC3633" s="128"/>
      <c r="AD3633" s="128"/>
      <c r="AE3633" s="128"/>
      <c r="AF3633" s="128"/>
      <c r="AG3633" s="128"/>
      <c r="AH3633" s="128"/>
      <c r="AI3633" s="128"/>
      <c r="AJ3633" s="128"/>
      <c r="AK3633" s="128"/>
      <c r="AL3633" s="128"/>
      <c r="AM3633" s="128"/>
      <c r="AN3633" s="128"/>
      <c r="AO3633" s="128"/>
      <c r="AP3633" s="128"/>
      <c r="AQ3633" s="128"/>
      <c r="AR3633" s="128"/>
      <c r="AS3633" s="128"/>
      <c r="AT3633" s="128"/>
      <c r="AU3633" s="128"/>
      <c r="AV3633" s="128"/>
      <c r="AW3633" s="128"/>
      <c r="AX3633" s="128"/>
      <c r="AY3633" s="128"/>
      <c r="AZ3633" s="128"/>
      <c r="BA3633" s="128"/>
      <c r="BB3633" s="107">
        <v>45884</v>
      </c>
    </row>
    <row r="3634" spans="1:54" s="8" customFormat="1" ht="13.95" customHeight="1" x14ac:dyDescent="0.25">
      <c r="A3634" s="219" t="s">
        <v>8109</v>
      </c>
      <c r="B3634" s="220" t="s">
        <v>6395</v>
      </c>
      <c r="C3634" s="98" t="s">
        <v>8110</v>
      </c>
      <c r="D3634" s="98" t="s">
        <v>21288</v>
      </c>
      <c r="E3634" s="141">
        <v>2007</v>
      </c>
      <c r="F3634" s="141">
        <v>252</v>
      </c>
      <c r="G3634" s="98" t="s">
        <v>1</v>
      </c>
      <c r="H3634" s="98">
        <v>0</v>
      </c>
      <c r="I3634" s="98">
        <v>0</v>
      </c>
      <c r="J3634" s="98" t="s">
        <v>400</v>
      </c>
      <c r="K3634" s="98" t="s">
        <v>400</v>
      </c>
      <c r="L3634" s="98" t="s">
        <v>400</v>
      </c>
      <c r="M3634" s="98" t="s">
        <v>400</v>
      </c>
      <c r="N3634" s="98" t="s">
        <v>400</v>
      </c>
      <c r="O3634" s="98" t="s">
        <v>400</v>
      </c>
      <c r="P3634" s="98" t="s">
        <v>400</v>
      </c>
      <c r="Q3634" s="98" t="s">
        <v>400</v>
      </c>
      <c r="R3634" s="98" t="s">
        <v>400</v>
      </c>
      <c r="S3634" s="98" t="s">
        <v>400</v>
      </c>
      <c r="T3634" s="98" t="s">
        <v>400</v>
      </c>
      <c r="U3634" s="128"/>
      <c r="V3634" s="128"/>
      <c r="W3634" s="128"/>
      <c r="X3634" s="128"/>
      <c r="Y3634" s="128"/>
      <c r="Z3634" s="128"/>
      <c r="AA3634" s="128"/>
      <c r="AB3634" s="128"/>
      <c r="AC3634" s="128"/>
      <c r="AD3634" s="128"/>
      <c r="AE3634" s="128"/>
      <c r="AF3634" s="128"/>
      <c r="AG3634" s="128"/>
      <c r="AH3634" s="128"/>
      <c r="AI3634" s="128"/>
      <c r="AJ3634" s="128"/>
      <c r="AK3634" s="128"/>
      <c r="AL3634" s="128"/>
      <c r="AM3634" s="128"/>
      <c r="AN3634" s="128"/>
      <c r="AO3634" s="128"/>
      <c r="AP3634" s="128"/>
      <c r="AQ3634" s="128"/>
      <c r="AR3634" s="128"/>
      <c r="AS3634" s="128"/>
      <c r="AT3634" s="128"/>
      <c r="AU3634" s="128"/>
      <c r="AV3634" s="128"/>
      <c r="AW3634" s="128"/>
      <c r="AX3634" s="128"/>
      <c r="AY3634" s="128"/>
      <c r="AZ3634" s="128"/>
      <c r="BA3634" s="128"/>
      <c r="BB3634" s="107">
        <v>45884</v>
      </c>
    </row>
    <row r="3635" spans="1:54" s="8" customFormat="1" ht="13.95" customHeight="1" x14ac:dyDescent="0.25">
      <c r="A3635" s="219" t="s">
        <v>8111</v>
      </c>
      <c r="B3635" s="220" t="s">
        <v>6395</v>
      </c>
      <c r="C3635" s="98" t="s">
        <v>8112</v>
      </c>
      <c r="D3635" s="98" t="s">
        <v>21289</v>
      </c>
      <c r="E3635" s="141">
        <v>2008</v>
      </c>
      <c r="F3635" s="141">
        <v>250</v>
      </c>
      <c r="G3635" s="98" t="s">
        <v>1</v>
      </c>
      <c r="H3635" s="98">
        <v>0</v>
      </c>
      <c r="I3635" s="98">
        <v>0</v>
      </c>
      <c r="J3635" s="98" t="s">
        <v>400</v>
      </c>
      <c r="K3635" s="98" t="s">
        <v>400</v>
      </c>
      <c r="L3635" s="98" t="s">
        <v>400</v>
      </c>
      <c r="M3635" s="98" t="s">
        <v>400</v>
      </c>
      <c r="N3635" s="98" t="s">
        <v>400</v>
      </c>
      <c r="O3635" s="98" t="s">
        <v>400</v>
      </c>
      <c r="P3635" s="98" t="s">
        <v>400</v>
      </c>
      <c r="Q3635" s="98" t="s">
        <v>400</v>
      </c>
      <c r="R3635" s="98" t="s">
        <v>400</v>
      </c>
      <c r="S3635" s="98" t="s">
        <v>400</v>
      </c>
      <c r="T3635" s="98" t="s">
        <v>400</v>
      </c>
      <c r="U3635" s="128"/>
      <c r="V3635" s="128"/>
      <c r="W3635" s="128"/>
      <c r="X3635" s="128"/>
      <c r="Y3635" s="128"/>
      <c r="Z3635" s="128"/>
      <c r="AA3635" s="128"/>
      <c r="AB3635" s="128"/>
      <c r="AC3635" s="128"/>
      <c r="AD3635" s="128"/>
      <c r="AE3635" s="128"/>
      <c r="AF3635" s="128"/>
      <c r="AG3635" s="128"/>
      <c r="AH3635" s="128"/>
      <c r="AI3635" s="128"/>
      <c r="AJ3635" s="128"/>
      <c r="AK3635" s="128"/>
      <c r="AL3635" s="128"/>
      <c r="AM3635" s="128"/>
      <c r="AN3635" s="128"/>
      <c r="AO3635" s="128"/>
      <c r="AP3635" s="128"/>
      <c r="AQ3635" s="128"/>
      <c r="AR3635" s="128"/>
      <c r="AS3635" s="128"/>
      <c r="AT3635" s="128"/>
      <c r="AU3635" s="128"/>
      <c r="AV3635" s="128"/>
      <c r="AW3635" s="128"/>
      <c r="AX3635" s="128"/>
      <c r="AY3635" s="128"/>
      <c r="AZ3635" s="128"/>
      <c r="BA3635" s="128"/>
      <c r="BB3635" s="107">
        <v>45884</v>
      </c>
    </row>
    <row r="3636" spans="1:54" s="8" customFormat="1" ht="13.95" customHeight="1" x14ac:dyDescent="0.25">
      <c r="A3636" s="219" t="s">
        <v>8113</v>
      </c>
      <c r="B3636" s="220" t="s">
        <v>6395</v>
      </c>
      <c r="C3636" s="98" t="s">
        <v>8114</v>
      </c>
      <c r="D3636" s="98" t="s">
        <v>21290</v>
      </c>
      <c r="E3636" s="141">
        <v>2009</v>
      </c>
      <c r="F3636" s="141">
        <v>194</v>
      </c>
      <c r="G3636" s="98" t="s">
        <v>1</v>
      </c>
      <c r="H3636" s="98">
        <v>0</v>
      </c>
      <c r="I3636" s="98">
        <v>0</v>
      </c>
      <c r="J3636" s="98" t="s">
        <v>400</v>
      </c>
      <c r="K3636" s="98" t="s">
        <v>400</v>
      </c>
      <c r="L3636" s="98" t="s">
        <v>400</v>
      </c>
      <c r="M3636" s="98" t="s">
        <v>400</v>
      </c>
      <c r="N3636" s="98" t="s">
        <v>400</v>
      </c>
      <c r="O3636" s="98" t="s">
        <v>400</v>
      </c>
      <c r="P3636" s="98" t="s">
        <v>400</v>
      </c>
      <c r="Q3636" s="98" t="s">
        <v>400</v>
      </c>
      <c r="R3636" s="98" t="s">
        <v>400</v>
      </c>
      <c r="S3636" s="98" t="s">
        <v>400</v>
      </c>
      <c r="T3636" s="98" t="s">
        <v>400</v>
      </c>
      <c r="U3636" s="128"/>
      <c r="V3636" s="128"/>
      <c r="W3636" s="128"/>
      <c r="X3636" s="128"/>
      <c r="Y3636" s="128"/>
      <c r="Z3636" s="128"/>
      <c r="AA3636" s="128"/>
      <c r="AB3636" s="128"/>
      <c r="AC3636" s="128"/>
      <c r="AD3636" s="128"/>
      <c r="AE3636" s="128"/>
      <c r="AF3636" s="128"/>
      <c r="AG3636" s="128"/>
      <c r="AH3636" s="128"/>
      <c r="AI3636" s="128"/>
      <c r="AJ3636" s="128"/>
      <c r="AK3636" s="128"/>
      <c r="AL3636" s="128"/>
      <c r="AM3636" s="128"/>
      <c r="AN3636" s="128"/>
      <c r="AO3636" s="128"/>
      <c r="AP3636" s="128"/>
      <c r="AQ3636" s="128"/>
      <c r="AR3636" s="128"/>
      <c r="AS3636" s="128"/>
      <c r="AT3636" s="128"/>
      <c r="AU3636" s="128"/>
      <c r="AV3636" s="128"/>
      <c r="AW3636" s="128"/>
      <c r="AX3636" s="128"/>
      <c r="AY3636" s="128"/>
      <c r="AZ3636" s="128"/>
      <c r="BA3636" s="128"/>
      <c r="BB3636" s="107">
        <v>45884</v>
      </c>
    </row>
    <row r="3637" spans="1:54" s="8" customFormat="1" ht="13.95" customHeight="1" x14ac:dyDescent="0.25">
      <c r="A3637" s="219" t="s">
        <v>8115</v>
      </c>
      <c r="B3637" s="220" t="s">
        <v>6395</v>
      </c>
      <c r="C3637" s="98" t="s">
        <v>8116</v>
      </c>
      <c r="D3637" s="98" t="s">
        <v>21291</v>
      </c>
      <c r="E3637" s="141">
        <v>2009</v>
      </c>
      <c r="F3637" s="141">
        <v>373</v>
      </c>
      <c r="G3637" s="98" t="s">
        <v>1</v>
      </c>
      <c r="H3637" s="98">
        <v>0</v>
      </c>
      <c r="I3637" s="98">
        <v>0</v>
      </c>
      <c r="J3637" s="98" t="s">
        <v>400</v>
      </c>
      <c r="K3637" s="98" t="s">
        <v>400</v>
      </c>
      <c r="L3637" s="98" t="s">
        <v>400</v>
      </c>
      <c r="M3637" s="98" t="s">
        <v>400</v>
      </c>
      <c r="N3637" s="98" t="s">
        <v>400</v>
      </c>
      <c r="O3637" s="98" t="s">
        <v>400</v>
      </c>
      <c r="P3637" s="98" t="s">
        <v>400</v>
      </c>
      <c r="Q3637" s="98" t="s">
        <v>400</v>
      </c>
      <c r="R3637" s="98" t="s">
        <v>400</v>
      </c>
      <c r="S3637" s="98" t="s">
        <v>400</v>
      </c>
      <c r="T3637" s="98" t="s">
        <v>400</v>
      </c>
      <c r="U3637" s="128"/>
      <c r="V3637" s="128"/>
      <c r="W3637" s="128"/>
      <c r="X3637" s="128"/>
      <c r="Y3637" s="128"/>
      <c r="Z3637" s="128"/>
      <c r="AA3637" s="128"/>
      <c r="AB3637" s="128"/>
      <c r="AC3637" s="128"/>
      <c r="AD3637" s="128"/>
      <c r="AE3637" s="128"/>
      <c r="AF3637" s="128"/>
      <c r="AG3637" s="128"/>
      <c r="AH3637" s="128"/>
      <c r="AI3637" s="128"/>
      <c r="AJ3637" s="128"/>
      <c r="AK3637" s="128"/>
      <c r="AL3637" s="128"/>
      <c r="AM3637" s="128"/>
      <c r="AN3637" s="128"/>
      <c r="AO3637" s="128"/>
      <c r="AP3637" s="128"/>
      <c r="AQ3637" s="128"/>
      <c r="AR3637" s="128"/>
      <c r="AS3637" s="128"/>
      <c r="AT3637" s="128"/>
      <c r="AU3637" s="128"/>
      <c r="AV3637" s="128"/>
      <c r="AW3637" s="128"/>
      <c r="AX3637" s="128"/>
      <c r="AY3637" s="128"/>
      <c r="AZ3637" s="128"/>
      <c r="BA3637" s="128"/>
      <c r="BB3637" s="107">
        <v>45884</v>
      </c>
    </row>
    <row r="3638" spans="1:54" s="8" customFormat="1" ht="13.95" customHeight="1" x14ac:dyDescent="0.25">
      <c r="A3638" s="219" t="s">
        <v>8117</v>
      </c>
      <c r="B3638" s="220" t="s">
        <v>6395</v>
      </c>
      <c r="C3638" s="98" t="s">
        <v>8118</v>
      </c>
      <c r="D3638" s="98" t="s">
        <v>21292</v>
      </c>
      <c r="E3638" s="141">
        <v>2009</v>
      </c>
      <c r="F3638" s="141">
        <v>363</v>
      </c>
      <c r="G3638" s="98" t="s">
        <v>1</v>
      </c>
      <c r="H3638" s="98">
        <v>0</v>
      </c>
      <c r="I3638" s="98">
        <v>0</v>
      </c>
      <c r="J3638" s="98" t="s">
        <v>400</v>
      </c>
      <c r="K3638" s="98" t="s">
        <v>400</v>
      </c>
      <c r="L3638" s="98" t="s">
        <v>400</v>
      </c>
      <c r="M3638" s="98" t="s">
        <v>400</v>
      </c>
      <c r="N3638" s="98" t="s">
        <v>400</v>
      </c>
      <c r="O3638" s="98" t="s">
        <v>400</v>
      </c>
      <c r="P3638" s="98" t="s">
        <v>400</v>
      </c>
      <c r="Q3638" s="98" t="s">
        <v>400</v>
      </c>
      <c r="R3638" s="98" t="s">
        <v>400</v>
      </c>
      <c r="S3638" s="98" t="s">
        <v>400</v>
      </c>
      <c r="T3638" s="98" t="s">
        <v>400</v>
      </c>
      <c r="U3638" s="128"/>
      <c r="V3638" s="128"/>
      <c r="W3638" s="128"/>
      <c r="X3638" s="128"/>
      <c r="Y3638" s="128"/>
      <c r="Z3638" s="128"/>
      <c r="AA3638" s="128"/>
      <c r="AB3638" s="128"/>
      <c r="AC3638" s="128"/>
      <c r="AD3638" s="128"/>
      <c r="AE3638" s="128"/>
      <c r="AF3638" s="128"/>
      <c r="AG3638" s="128"/>
      <c r="AH3638" s="128"/>
      <c r="AI3638" s="128"/>
      <c r="AJ3638" s="128"/>
      <c r="AK3638" s="128"/>
      <c r="AL3638" s="128"/>
      <c r="AM3638" s="128"/>
      <c r="AN3638" s="128"/>
      <c r="AO3638" s="128"/>
      <c r="AP3638" s="128"/>
      <c r="AQ3638" s="128"/>
      <c r="AR3638" s="128"/>
      <c r="AS3638" s="128"/>
      <c r="AT3638" s="128"/>
      <c r="AU3638" s="128"/>
      <c r="AV3638" s="128"/>
      <c r="AW3638" s="128"/>
      <c r="AX3638" s="128"/>
      <c r="AY3638" s="128"/>
      <c r="AZ3638" s="128"/>
      <c r="BA3638" s="128"/>
      <c r="BB3638" s="107">
        <v>45884</v>
      </c>
    </row>
    <row r="3639" spans="1:54" s="8" customFormat="1" ht="13.95" customHeight="1" x14ac:dyDescent="0.25">
      <c r="A3639" s="219" t="s">
        <v>8119</v>
      </c>
      <c r="B3639" s="220" t="s">
        <v>6395</v>
      </c>
      <c r="C3639" s="98" t="s">
        <v>8120</v>
      </c>
      <c r="D3639" s="98" t="s">
        <v>21293</v>
      </c>
      <c r="E3639" s="141">
        <v>2009</v>
      </c>
      <c r="F3639" s="141">
        <v>443</v>
      </c>
      <c r="G3639" s="98" t="s">
        <v>1</v>
      </c>
      <c r="H3639" s="98">
        <v>0</v>
      </c>
      <c r="I3639" s="98">
        <v>0</v>
      </c>
      <c r="J3639" s="98" t="s">
        <v>400</v>
      </c>
      <c r="K3639" s="98" t="s">
        <v>400</v>
      </c>
      <c r="L3639" s="98" t="s">
        <v>400</v>
      </c>
      <c r="M3639" s="98" t="s">
        <v>400</v>
      </c>
      <c r="N3639" s="98" t="s">
        <v>400</v>
      </c>
      <c r="O3639" s="98" t="s">
        <v>400</v>
      </c>
      <c r="P3639" s="98" t="s">
        <v>400</v>
      </c>
      <c r="Q3639" s="98" t="s">
        <v>400</v>
      </c>
      <c r="R3639" s="98" t="s">
        <v>400</v>
      </c>
      <c r="S3639" s="98" t="s">
        <v>400</v>
      </c>
      <c r="T3639" s="98" t="s">
        <v>400</v>
      </c>
      <c r="U3639" s="128"/>
      <c r="V3639" s="128"/>
      <c r="W3639" s="128"/>
      <c r="X3639" s="128"/>
      <c r="Y3639" s="128"/>
      <c r="Z3639" s="128"/>
      <c r="AA3639" s="128"/>
      <c r="AB3639" s="128"/>
      <c r="AC3639" s="128"/>
      <c r="AD3639" s="128"/>
      <c r="AE3639" s="128"/>
      <c r="AF3639" s="128"/>
      <c r="AG3639" s="128"/>
      <c r="AH3639" s="128"/>
      <c r="AI3639" s="128"/>
      <c r="AJ3639" s="128"/>
      <c r="AK3639" s="128"/>
      <c r="AL3639" s="128"/>
      <c r="AM3639" s="128"/>
      <c r="AN3639" s="128"/>
      <c r="AO3639" s="128"/>
      <c r="AP3639" s="128"/>
      <c r="AQ3639" s="128"/>
      <c r="AR3639" s="128"/>
      <c r="AS3639" s="128"/>
      <c r="AT3639" s="128"/>
      <c r="AU3639" s="128"/>
      <c r="AV3639" s="128"/>
      <c r="AW3639" s="128"/>
      <c r="AX3639" s="128"/>
      <c r="AY3639" s="128"/>
      <c r="AZ3639" s="128"/>
      <c r="BA3639" s="128"/>
      <c r="BB3639" s="107">
        <v>45884</v>
      </c>
    </row>
    <row r="3640" spans="1:54" s="8" customFormat="1" ht="13.95" customHeight="1" x14ac:dyDescent="0.25">
      <c r="A3640" s="219" t="s">
        <v>8121</v>
      </c>
      <c r="B3640" s="220" t="s">
        <v>6395</v>
      </c>
      <c r="C3640" s="98" t="s">
        <v>8122</v>
      </c>
      <c r="D3640" s="98" t="s">
        <v>21294</v>
      </c>
      <c r="E3640" s="141">
        <v>2009</v>
      </c>
      <c r="F3640" s="141">
        <v>300</v>
      </c>
      <c r="G3640" s="98" t="s">
        <v>1</v>
      </c>
      <c r="H3640" s="98">
        <v>0</v>
      </c>
      <c r="I3640" s="98">
        <v>0</v>
      </c>
      <c r="J3640" s="98" t="s">
        <v>400</v>
      </c>
      <c r="K3640" s="98" t="s">
        <v>400</v>
      </c>
      <c r="L3640" s="98" t="s">
        <v>400</v>
      </c>
      <c r="M3640" s="98" t="s">
        <v>400</v>
      </c>
      <c r="N3640" s="98" t="s">
        <v>400</v>
      </c>
      <c r="O3640" s="98" t="s">
        <v>400</v>
      </c>
      <c r="P3640" s="98" t="s">
        <v>400</v>
      </c>
      <c r="Q3640" s="98" t="s">
        <v>400</v>
      </c>
      <c r="R3640" s="98" t="s">
        <v>400</v>
      </c>
      <c r="S3640" s="98" t="s">
        <v>400</v>
      </c>
      <c r="T3640" s="98" t="s">
        <v>400</v>
      </c>
      <c r="U3640" s="128"/>
      <c r="V3640" s="128"/>
      <c r="W3640" s="128"/>
      <c r="X3640" s="128"/>
      <c r="Y3640" s="128"/>
      <c r="Z3640" s="128"/>
      <c r="AA3640" s="128"/>
      <c r="AB3640" s="128"/>
      <c r="AC3640" s="128"/>
      <c r="AD3640" s="128"/>
      <c r="AE3640" s="128"/>
      <c r="AF3640" s="128"/>
      <c r="AG3640" s="128"/>
      <c r="AH3640" s="128"/>
      <c r="AI3640" s="128"/>
      <c r="AJ3640" s="128"/>
      <c r="AK3640" s="128"/>
      <c r="AL3640" s="128"/>
      <c r="AM3640" s="128"/>
      <c r="AN3640" s="128"/>
      <c r="AO3640" s="128"/>
      <c r="AP3640" s="128"/>
      <c r="AQ3640" s="128"/>
      <c r="AR3640" s="128"/>
      <c r="AS3640" s="128"/>
      <c r="AT3640" s="128"/>
      <c r="AU3640" s="128"/>
      <c r="AV3640" s="128"/>
      <c r="AW3640" s="128"/>
      <c r="AX3640" s="128"/>
      <c r="AY3640" s="128"/>
      <c r="AZ3640" s="128"/>
      <c r="BA3640" s="128"/>
      <c r="BB3640" s="107">
        <v>45884</v>
      </c>
    </row>
    <row r="3641" spans="1:54" s="8" customFormat="1" ht="13.95" customHeight="1" x14ac:dyDescent="0.25">
      <c r="A3641" s="219" t="s">
        <v>8123</v>
      </c>
      <c r="B3641" s="220" t="s">
        <v>6395</v>
      </c>
      <c r="C3641" s="98" t="s">
        <v>8124</v>
      </c>
      <c r="D3641" s="98" t="s">
        <v>21295</v>
      </c>
      <c r="E3641" s="141">
        <v>2009</v>
      </c>
      <c r="F3641" s="141">
        <v>670</v>
      </c>
      <c r="G3641" s="98" t="s">
        <v>1</v>
      </c>
      <c r="H3641" s="98">
        <v>0</v>
      </c>
      <c r="I3641" s="98">
        <v>0</v>
      </c>
      <c r="J3641" s="98" t="s">
        <v>400</v>
      </c>
      <c r="K3641" s="98" t="s">
        <v>400</v>
      </c>
      <c r="L3641" s="98" t="s">
        <v>400</v>
      </c>
      <c r="M3641" s="98" t="s">
        <v>400</v>
      </c>
      <c r="N3641" s="98" t="s">
        <v>400</v>
      </c>
      <c r="O3641" s="98" t="s">
        <v>400</v>
      </c>
      <c r="P3641" s="98" t="s">
        <v>400</v>
      </c>
      <c r="Q3641" s="98" t="s">
        <v>400</v>
      </c>
      <c r="R3641" s="98" t="s">
        <v>400</v>
      </c>
      <c r="S3641" s="98" t="s">
        <v>400</v>
      </c>
      <c r="T3641" s="98" t="s">
        <v>400</v>
      </c>
      <c r="U3641" s="128"/>
      <c r="V3641" s="128"/>
      <c r="W3641" s="128"/>
      <c r="X3641" s="128"/>
      <c r="Y3641" s="128"/>
      <c r="Z3641" s="128"/>
      <c r="AA3641" s="128"/>
      <c r="AB3641" s="128"/>
      <c r="AC3641" s="128"/>
      <c r="AD3641" s="128"/>
      <c r="AE3641" s="128"/>
      <c r="AF3641" s="128"/>
      <c r="AG3641" s="128"/>
      <c r="AH3641" s="128"/>
      <c r="AI3641" s="128"/>
      <c r="AJ3641" s="128"/>
      <c r="AK3641" s="128"/>
      <c r="AL3641" s="128"/>
      <c r="AM3641" s="128"/>
      <c r="AN3641" s="128"/>
      <c r="AO3641" s="128"/>
      <c r="AP3641" s="128"/>
      <c r="AQ3641" s="128"/>
      <c r="AR3641" s="128"/>
      <c r="AS3641" s="128"/>
      <c r="AT3641" s="128"/>
      <c r="AU3641" s="128"/>
      <c r="AV3641" s="128"/>
      <c r="AW3641" s="128"/>
      <c r="AX3641" s="128"/>
      <c r="AY3641" s="128"/>
      <c r="AZ3641" s="128"/>
      <c r="BA3641" s="128"/>
      <c r="BB3641" s="107">
        <v>45884</v>
      </c>
    </row>
    <row r="3642" spans="1:54" s="8" customFormat="1" ht="13.95" customHeight="1" x14ac:dyDescent="0.25">
      <c r="A3642" s="219" t="s">
        <v>8125</v>
      </c>
      <c r="B3642" s="220" t="s">
        <v>6395</v>
      </c>
      <c r="C3642" s="98" t="s">
        <v>8126</v>
      </c>
      <c r="D3642" s="98" t="s">
        <v>21296</v>
      </c>
      <c r="E3642" s="141">
        <v>2010</v>
      </c>
      <c r="F3642" s="141">
        <v>304</v>
      </c>
      <c r="G3642" s="98" t="s">
        <v>1</v>
      </c>
      <c r="H3642" s="98">
        <v>0</v>
      </c>
      <c r="I3642" s="98">
        <v>0</v>
      </c>
      <c r="J3642" s="98" t="s">
        <v>400</v>
      </c>
      <c r="K3642" s="98" t="s">
        <v>400</v>
      </c>
      <c r="L3642" s="98" t="s">
        <v>400</v>
      </c>
      <c r="M3642" s="98" t="s">
        <v>400</v>
      </c>
      <c r="N3642" s="98" t="s">
        <v>400</v>
      </c>
      <c r="O3642" s="98" t="s">
        <v>400</v>
      </c>
      <c r="P3642" s="98" t="s">
        <v>400</v>
      </c>
      <c r="Q3642" s="98" t="s">
        <v>400</v>
      </c>
      <c r="R3642" s="98" t="s">
        <v>400</v>
      </c>
      <c r="S3642" s="98" t="s">
        <v>400</v>
      </c>
      <c r="T3642" s="98" t="s">
        <v>400</v>
      </c>
      <c r="U3642" s="128"/>
      <c r="V3642" s="128"/>
      <c r="W3642" s="128"/>
      <c r="X3642" s="128"/>
      <c r="Y3642" s="128"/>
      <c r="Z3642" s="128"/>
      <c r="AA3642" s="128"/>
      <c r="AB3642" s="128"/>
      <c r="AC3642" s="128"/>
      <c r="AD3642" s="128"/>
      <c r="AE3642" s="128"/>
      <c r="AF3642" s="128"/>
      <c r="AG3642" s="128"/>
      <c r="AH3642" s="128"/>
      <c r="AI3642" s="128"/>
      <c r="AJ3642" s="128"/>
      <c r="AK3642" s="128"/>
      <c r="AL3642" s="128"/>
      <c r="AM3642" s="128"/>
      <c r="AN3642" s="128"/>
      <c r="AO3642" s="128"/>
      <c r="AP3642" s="128"/>
      <c r="AQ3642" s="128"/>
      <c r="AR3642" s="128"/>
      <c r="AS3642" s="128"/>
      <c r="AT3642" s="128"/>
      <c r="AU3642" s="128"/>
      <c r="AV3642" s="128"/>
      <c r="AW3642" s="128"/>
      <c r="AX3642" s="128"/>
      <c r="AY3642" s="128"/>
      <c r="AZ3642" s="128"/>
      <c r="BA3642" s="128"/>
      <c r="BB3642" s="107">
        <v>45884</v>
      </c>
    </row>
    <row r="3643" spans="1:54" s="8" customFormat="1" ht="13.95" customHeight="1" x14ac:dyDescent="0.25">
      <c r="A3643" s="219" t="s">
        <v>8127</v>
      </c>
      <c r="B3643" s="220" t="s">
        <v>6395</v>
      </c>
      <c r="C3643" s="98" t="s">
        <v>8128</v>
      </c>
      <c r="D3643" s="98" t="s">
        <v>21297</v>
      </c>
      <c r="E3643" s="141">
        <v>2010</v>
      </c>
      <c r="F3643" s="141">
        <v>224</v>
      </c>
      <c r="G3643" s="98" t="s">
        <v>1</v>
      </c>
      <c r="H3643" s="98">
        <v>0</v>
      </c>
      <c r="I3643" s="98">
        <v>0</v>
      </c>
      <c r="J3643" s="98" t="s">
        <v>400</v>
      </c>
      <c r="K3643" s="98" t="s">
        <v>400</v>
      </c>
      <c r="L3643" s="98" t="s">
        <v>400</v>
      </c>
      <c r="M3643" s="98" t="s">
        <v>400</v>
      </c>
      <c r="N3643" s="98" t="s">
        <v>400</v>
      </c>
      <c r="O3643" s="98" t="s">
        <v>400</v>
      </c>
      <c r="P3643" s="98" t="s">
        <v>400</v>
      </c>
      <c r="Q3643" s="98" t="s">
        <v>400</v>
      </c>
      <c r="R3643" s="98" t="s">
        <v>400</v>
      </c>
      <c r="S3643" s="98" t="s">
        <v>400</v>
      </c>
      <c r="T3643" s="98" t="s">
        <v>400</v>
      </c>
      <c r="U3643" s="128"/>
      <c r="V3643" s="128"/>
      <c r="W3643" s="128"/>
      <c r="X3643" s="128"/>
      <c r="Y3643" s="128"/>
      <c r="Z3643" s="128"/>
      <c r="AA3643" s="128"/>
      <c r="AB3643" s="128"/>
      <c r="AC3643" s="128"/>
      <c r="AD3643" s="128"/>
      <c r="AE3643" s="128"/>
      <c r="AF3643" s="128"/>
      <c r="AG3643" s="128"/>
      <c r="AH3643" s="128"/>
      <c r="AI3643" s="128"/>
      <c r="AJ3643" s="128"/>
      <c r="AK3643" s="128"/>
      <c r="AL3643" s="128"/>
      <c r="AM3643" s="128"/>
      <c r="AN3643" s="128"/>
      <c r="AO3643" s="128"/>
      <c r="AP3643" s="128"/>
      <c r="AQ3643" s="128"/>
      <c r="AR3643" s="128"/>
      <c r="AS3643" s="128"/>
      <c r="AT3643" s="128"/>
      <c r="AU3643" s="128"/>
      <c r="AV3643" s="128"/>
      <c r="AW3643" s="128"/>
      <c r="AX3643" s="128"/>
      <c r="AY3643" s="128"/>
      <c r="AZ3643" s="128"/>
      <c r="BA3643" s="128"/>
      <c r="BB3643" s="107">
        <v>45884</v>
      </c>
    </row>
    <row r="3644" spans="1:54" s="8" customFormat="1" ht="13.95" customHeight="1" x14ac:dyDescent="0.25">
      <c r="A3644" s="219" t="s">
        <v>8129</v>
      </c>
      <c r="B3644" s="220" t="s">
        <v>6395</v>
      </c>
      <c r="C3644" s="98" t="s">
        <v>8130</v>
      </c>
      <c r="D3644" s="98" t="s">
        <v>21298</v>
      </c>
      <c r="E3644" s="141">
        <v>2010</v>
      </c>
      <c r="F3644" s="141">
        <v>545</v>
      </c>
      <c r="G3644" s="98" t="s">
        <v>1</v>
      </c>
      <c r="H3644" s="98">
        <v>0</v>
      </c>
      <c r="I3644" s="98">
        <v>0</v>
      </c>
      <c r="J3644" s="98" t="s">
        <v>400</v>
      </c>
      <c r="K3644" s="98" t="s">
        <v>400</v>
      </c>
      <c r="L3644" s="98" t="s">
        <v>400</v>
      </c>
      <c r="M3644" s="98" t="s">
        <v>400</v>
      </c>
      <c r="N3644" s="98" t="s">
        <v>400</v>
      </c>
      <c r="O3644" s="98" t="s">
        <v>400</v>
      </c>
      <c r="P3644" s="98" t="s">
        <v>400</v>
      </c>
      <c r="Q3644" s="98" t="s">
        <v>400</v>
      </c>
      <c r="R3644" s="98" t="s">
        <v>400</v>
      </c>
      <c r="S3644" s="98" t="s">
        <v>400</v>
      </c>
      <c r="T3644" s="98" t="s">
        <v>400</v>
      </c>
      <c r="U3644" s="128"/>
      <c r="V3644" s="128"/>
      <c r="W3644" s="128"/>
      <c r="X3644" s="128"/>
      <c r="Y3644" s="128"/>
      <c r="Z3644" s="128"/>
      <c r="AA3644" s="128"/>
      <c r="AB3644" s="128"/>
      <c r="AC3644" s="128"/>
      <c r="AD3644" s="128"/>
      <c r="AE3644" s="128"/>
      <c r="AF3644" s="128"/>
      <c r="AG3644" s="128"/>
      <c r="AH3644" s="128"/>
      <c r="AI3644" s="128"/>
      <c r="AJ3644" s="128"/>
      <c r="AK3644" s="128"/>
      <c r="AL3644" s="128"/>
      <c r="AM3644" s="128"/>
      <c r="AN3644" s="128"/>
      <c r="AO3644" s="128"/>
      <c r="AP3644" s="128"/>
      <c r="AQ3644" s="128"/>
      <c r="AR3644" s="128"/>
      <c r="AS3644" s="128"/>
      <c r="AT3644" s="128"/>
      <c r="AU3644" s="128"/>
      <c r="AV3644" s="128"/>
      <c r="AW3644" s="128"/>
      <c r="AX3644" s="128"/>
      <c r="AY3644" s="128"/>
      <c r="AZ3644" s="128"/>
      <c r="BA3644" s="128"/>
      <c r="BB3644" s="107">
        <v>45884</v>
      </c>
    </row>
    <row r="3645" spans="1:54" s="8" customFormat="1" ht="13.95" customHeight="1" x14ac:dyDescent="0.25">
      <c r="A3645" s="219" t="s">
        <v>8131</v>
      </c>
      <c r="B3645" s="220" t="s">
        <v>6395</v>
      </c>
      <c r="C3645" s="98" t="s">
        <v>8132</v>
      </c>
      <c r="D3645" s="98" t="s">
        <v>21299</v>
      </c>
      <c r="E3645" s="141">
        <v>2010</v>
      </c>
      <c r="F3645" s="141">
        <v>1060</v>
      </c>
      <c r="G3645" s="98" t="s">
        <v>1</v>
      </c>
      <c r="H3645" s="98">
        <v>0</v>
      </c>
      <c r="I3645" s="98">
        <v>0</v>
      </c>
      <c r="J3645" s="98" t="s">
        <v>400</v>
      </c>
      <c r="K3645" s="98" t="s">
        <v>400</v>
      </c>
      <c r="L3645" s="98" t="s">
        <v>400</v>
      </c>
      <c r="M3645" s="98" t="s">
        <v>400</v>
      </c>
      <c r="N3645" s="98" t="s">
        <v>400</v>
      </c>
      <c r="O3645" s="98" t="s">
        <v>400</v>
      </c>
      <c r="P3645" s="98" t="s">
        <v>400</v>
      </c>
      <c r="Q3645" s="98" t="s">
        <v>400</v>
      </c>
      <c r="R3645" s="98" t="s">
        <v>400</v>
      </c>
      <c r="S3645" s="98" t="s">
        <v>400</v>
      </c>
      <c r="T3645" s="98" t="s">
        <v>400</v>
      </c>
      <c r="U3645" s="128"/>
      <c r="V3645" s="128"/>
      <c r="W3645" s="128"/>
      <c r="X3645" s="128"/>
      <c r="Y3645" s="128"/>
      <c r="Z3645" s="128"/>
      <c r="AA3645" s="128"/>
      <c r="AB3645" s="128"/>
      <c r="AC3645" s="128"/>
      <c r="AD3645" s="128"/>
      <c r="AE3645" s="128"/>
      <c r="AF3645" s="128"/>
      <c r="AG3645" s="128"/>
      <c r="AH3645" s="128"/>
      <c r="AI3645" s="128"/>
      <c r="AJ3645" s="128"/>
      <c r="AK3645" s="128"/>
      <c r="AL3645" s="128"/>
      <c r="AM3645" s="128"/>
      <c r="AN3645" s="128"/>
      <c r="AO3645" s="128"/>
      <c r="AP3645" s="128"/>
      <c r="AQ3645" s="128"/>
      <c r="AR3645" s="128"/>
      <c r="AS3645" s="128"/>
      <c r="AT3645" s="128"/>
      <c r="AU3645" s="128"/>
      <c r="AV3645" s="128"/>
      <c r="AW3645" s="128"/>
      <c r="AX3645" s="128"/>
      <c r="AY3645" s="128"/>
      <c r="AZ3645" s="128"/>
      <c r="BA3645" s="128"/>
      <c r="BB3645" s="107">
        <v>45884</v>
      </c>
    </row>
    <row r="3646" spans="1:54" s="8" customFormat="1" ht="13.95" customHeight="1" x14ac:dyDescent="0.25">
      <c r="A3646" s="219" t="s">
        <v>8133</v>
      </c>
      <c r="B3646" s="220" t="s">
        <v>6395</v>
      </c>
      <c r="C3646" s="98" t="s">
        <v>8134</v>
      </c>
      <c r="D3646" s="98" t="s">
        <v>21300</v>
      </c>
      <c r="E3646" s="141">
        <v>2011</v>
      </c>
      <c r="F3646" s="141">
        <v>266</v>
      </c>
      <c r="G3646" s="98" t="s">
        <v>1</v>
      </c>
      <c r="H3646" s="98">
        <v>0</v>
      </c>
      <c r="I3646" s="98">
        <v>0</v>
      </c>
      <c r="J3646" s="98" t="s">
        <v>400</v>
      </c>
      <c r="K3646" s="98" t="s">
        <v>400</v>
      </c>
      <c r="L3646" s="98" t="s">
        <v>400</v>
      </c>
      <c r="M3646" s="98" t="s">
        <v>400</v>
      </c>
      <c r="N3646" s="98" t="s">
        <v>400</v>
      </c>
      <c r="O3646" s="98" t="s">
        <v>400</v>
      </c>
      <c r="P3646" s="98" t="s">
        <v>400</v>
      </c>
      <c r="Q3646" s="98" t="s">
        <v>400</v>
      </c>
      <c r="R3646" s="98" t="s">
        <v>400</v>
      </c>
      <c r="S3646" s="98" t="s">
        <v>400</v>
      </c>
      <c r="T3646" s="98" t="s">
        <v>400</v>
      </c>
      <c r="U3646" s="128"/>
      <c r="V3646" s="128"/>
      <c r="W3646" s="128"/>
      <c r="X3646" s="128"/>
      <c r="Y3646" s="128"/>
      <c r="Z3646" s="128"/>
      <c r="AA3646" s="128"/>
      <c r="AB3646" s="128"/>
      <c r="AC3646" s="128"/>
      <c r="AD3646" s="128"/>
      <c r="AE3646" s="128"/>
      <c r="AF3646" s="128"/>
      <c r="AG3646" s="128"/>
      <c r="AH3646" s="128"/>
      <c r="AI3646" s="128"/>
      <c r="AJ3646" s="128"/>
      <c r="AK3646" s="128"/>
      <c r="AL3646" s="128"/>
      <c r="AM3646" s="128"/>
      <c r="AN3646" s="128"/>
      <c r="AO3646" s="128"/>
      <c r="AP3646" s="128"/>
      <c r="AQ3646" s="128"/>
      <c r="AR3646" s="128"/>
      <c r="AS3646" s="128"/>
      <c r="AT3646" s="128"/>
      <c r="AU3646" s="128"/>
      <c r="AV3646" s="128"/>
      <c r="AW3646" s="128"/>
      <c r="AX3646" s="128"/>
      <c r="AY3646" s="128"/>
      <c r="AZ3646" s="128"/>
      <c r="BA3646" s="128"/>
      <c r="BB3646" s="107">
        <v>45884</v>
      </c>
    </row>
    <row r="3647" spans="1:54" s="8" customFormat="1" ht="13.95" customHeight="1" x14ac:dyDescent="0.25">
      <c r="A3647" s="219" t="s">
        <v>8135</v>
      </c>
      <c r="B3647" s="220" t="s">
        <v>6395</v>
      </c>
      <c r="C3647" s="98" t="s">
        <v>8136</v>
      </c>
      <c r="D3647" s="98" t="s">
        <v>21301</v>
      </c>
      <c r="E3647" s="141">
        <v>2012</v>
      </c>
      <c r="F3647" s="141">
        <v>1057</v>
      </c>
      <c r="G3647" s="98" t="s">
        <v>1</v>
      </c>
      <c r="H3647" s="98">
        <v>0</v>
      </c>
      <c r="I3647" s="98">
        <v>0</v>
      </c>
      <c r="J3647" s="98" t="s">
        <v>400</v>
      </c>
      <c r="K3647" s="98" t="s">
        <v>400</v>
      </c>
      <c r="L3647" s="98" t="s">
        <v>400</v>
      </c>
      <c r="M3647" s="98" t="s">
        <v>400</v>
      </c>
      <c r="N3647" s="98" t="s">
        <v>400</v>
      </c>
      <c r="O3647" s="98" t="s">
        <v>400</v>
      </c>
      <c r="P3647" s="98" t="s">
        <v>400</v>
      </c>
      <c r="Q3647" s="98" t="s">
        <v>400</v>
      </c>
      <c r="R3647" s="98" t="s">
        <v>400</v>
      </c>
      <c r="S3647" s="98" t="s">
        <v>400</v>
      </c>
      <c r="T3647" s="98" t="s">
        <v>400</v>
      </c>
      <c r="U3647" s="128"/>
      <c r="V3647" s="128"/>
      <c r="W3647" s="128"/>
      <c r="X3647" s="128"/>
      <c r="Y3647" s="128"/>
      <c r="Z3647" s="128"/>
      <c r="AA3647" s="128"/>
      <c r="AB3647" s="128"/>
      <c r="AC3647" s="128"/>
      <c r="AD3647" s="128"/>
      <c r="AE3647" s="128"/>
      <c r="AF3647" s="128"/>
      <c r="AG3647" s="128"/>
      <c r="AH3647" s="128"/>
      <c r="AI3647" s="128"/>
      <c r="AJ3647" s="128"/>
      <c r="AK3647" s="128"/>
      <c r="AL3647" s="128"/>
      <c r="AM3647" s="128"/>
      <c r="AN3647" s="128"/>
      <c r="AO3647" s="128"/>
      <c r="AP3647" s="128"/>
      <c r="AQ3647" s="128"/>
      <c r="AR3647" s="128"/>
      <c r="AS3647" s="128"/>
      <c r="AT3647" s="128"/>
      <c r="AU3647" s="128"/>
      <c r="AV3647" s="128"/>
      <c r="AW3647" s="128"/>
      <c r="AX3647" s="128"/>
      <c r="AY3647" s="128"/>
      <c r="AZ3647" s="128"/>
      <c r="BA3647" s="128"/>
      <c r="BB3647" s="107">
        <v>45884</v>
      </c>
    </row>
    <row r="3648" spans="1:54" s="8" customFormat="1" ht="13.95" customHeight="1" x14ac:dyDescent="0.25">
      <c r="A3648" s="219" t="s">
        <v>8137</v>
      </c>
      <c r="B3648" s="220" t="s">
        <v>6395</v>
      </c>
      <c r="C3648" s="98" t="s">
        <v>8138</v>
      </c>
      <c r="D3648" s="98" t="s">
        <v>21302</v>
      </c>
      <c r="E3648" s="141">
        <v>2012</v>
      </c>
      <c r="F3648" s="141">
        <v>114</v>
      </c>
      <c r="G3648" s="98" t="s">
        <v>1</v>
      </c>
      <c r="H3648" s="98">
        <v>0</v>
      </c>
      <c r="I3648" s="98">
        <v>0</v>
      </c>
      <c r="J3648" s="98" t="s">
        <v>400</v>
      </c>
      <c r="K3648" s="98" t="s">
        <v>400</v>
      </c>
      <c r="L3648" s="98" t="s">
        <v>400</v>
      </c>
      <c r="M3648" s="98" t="s">
        <v>400</v>
      </c>
      <c r="N3648" s="98" t="s">
        <v>400</v>
      </c>
      <c r="O3648" s="98" t="s">
        <v>400</v>
      </c>
      <c r="P3648" s="98" t="s">
        <v>400</v>
      </c>
      <c r="Q3648" s="98" t="s">
        <v>400</v>
      </c>
      <c r="R3648" s="98" t="s">
        <v>400</v>
      </c>
      <c r="S3648" s="98" t="s">
        <v>400</v>
      </c>
      <c r="T3648" s="98" t="s">
        <v>400</v>
      </c>
      <c r="U3648" s="128"/>
      <c r="V3648" s="128"/>
      <c r="W3648" s="128"/>
      <c r="X3648" s="128"/>
      <c r="Y3648" s="128"/>
      <c r="Z3648" s="128"/>
      <c r="AA3648" s="128"/>
      <c r="AB3648" s="128"/>
      <c r="AC3648" s="128"/>
      <c r="AD3648" s="128"/>
      <c r="AE3648" s="128"/>
      <c r="AF3648" s="128"/>
      <c r="AG3648" s="128"/>
      <c r="AH3648" s="128"/>
      <c r="AI3648" s="128"/>
      <c r="AJ3648" s="128"/>
      <c r="AK3648" s="128"/>
      <c r="AL3648" s="128"/>
      <c r="AM3648" s="128"/>
      <c r="AN3648" s="128"/>
      <c r="AO3648" s="128"/>
      <c r="AP3648" s="128"/>
      <c r="AQ3648" s="128"/>
      <c r="AR3648" s="128"/>
      <c r="AS3648" s="128"/>
      <c r="AT3648" s="128"/>
      <c r="AU3648" s="128"/>
      <c r="AV3648" s="128"/>
      <c r="AW3648" s="128"/>
      <c r="AX3648" s="128"/>
      <c r="AY3648" s="128"/>
      <c r="AZ3648" s="128"/>
      <c r="BA3648" s="128"/>
      <c r="BB3648" s="107">
        <v>45884</v>
      </c>
    </row>
    <row r="3649" spans="1:54" s="8" customFormat="1" ht="13.95" customHeight="1" x14ac:dyDescent="0.25">
      <c r="A3649" s="219" t="s">
        <v>8139</v>
      </c>
      <c r="B3649" s="220" t="s">
        <v>6395</v>
      </c>
      <c r="C3649" s="98" t="s">
        <v>8140</v>
      </c>
      <c r="D3649" s="98" t="s">
        <v>21303</v>
      </c>
      <c r="E3649" s="141">
        <v>2013</v>
      </c>
      <c r="F3649" s="141">
        <v>601</v>
      </c>
      <c r="G3649" s="98" t="s">
        <v>1</v>
      </c>
      <c r="H3649" s="98">
        <v>0</v>
      </c>
      <c r="I3649" s="98">
        <v>0</v>
      </c>
      <c r="J3649" s="98" t="s">
        <v>400</v>
      </c>
      <c r="K3649" s="98" t="s">
        <v>400</v>
      </c>
      <c r="L3649" s="98" t="s">
        <v>400</v>
      </c>
      <c r="M3649" s="98" t="s">
        <v>400</v>
      </c>
      <c r="N3649" s="98" t="s">
        <v>400</v>
      </c>
      <c r="O3649" s="98" t="s">
        <v>400</v>
      </c>
      <c r="P3649" s="98" t="s">
        <v>400</v>
      </c>
      <c r="Q3649" s="98" t="s">
        <v>400</v>
      </c>
      <c r="R3649" s="98" t="s">
        <v>400</v>
      </c>
      <c r="S3649" s="98" t="s">
        <v>400</v>
      </c>
      <c r="T3649" s="98" t="s">
        <v>400</v>
      </c>
      <c r="U3649" s="128"/>
      <c r="V3649" s="128"/>
      <c r="W3649" s="128"/>
      <c r="X3649" s="128"/>
      <c r="Y3649" s="128"/>
      <c r="Z3649" s="128"/>
      <c r="AA3649" s="128"/>
      <c r="AB3649" s="128"/>
      <c r="AC3649" s="128"/>
      <c r="AD3649" s="128"/>
      <c r="AE3649" s="128"/>
      <c r="AF3649" s="128"/>
      <c r="AG3649" s="128"/>
      <c r="AH3649" s="128"/>
      <c r="AI3649" s="128"/>
      <c r="AJ3649" s="128"/>
      <c r="AK3649" s="128"/>
      <c r="AL3649" s="128"/>
      <c r="AM3649" s="128"/>
      <c r="AN3649" s="128"/>
      <c r="AO3649" s="128"/>
      <c r="AP3649" s="128"/>
      <c r="AQ3649" s="128"/>
      <c r="AR3649" s="128"/>
      <c r="AS3649" s="128"/>
      <c r="AT3649" s="128"/>
      <c r="AU3649" s="128"/>
      <c r="AV3649" s="128"/>
      <c r="AW3649" s="128"/>
      <c r="AX3649" s="128"/>
      <c r="AY3649" s="128"/>
      <c r="AZ3649" s="128"/>
      <c r="BA3649" s="128"/>
      <c r="BB3649" s="107">
        <v>45884</v>
      </c>
    </row>
    <row r="3650" spans="1:54" s="8" customFormat="1" ht="13.95" customHeight="1" x14ac:dyDescent="0.25">
      <c r="A3650" s="219" t="s">
        <v>8141</v>
      </c>
      <c r="B3650" s="220" t="s">
        <v>6395</v>
      </c>
      <c r="C3650" s="98" t="s">
        <v>8142</v>
      </c>
      <c r="D3650" s="98" t="s">
        <v>21304</v>
      </c>
      <c r="E3650" s="141">
        <v>2013</v>
      </c>
      <c r="F3650" s="141">
        <v>1602</v>
      </c>
      <c r="G3650" s="98" t="s">
        <v>1</v>
      </c>
      <c r="H3650" s="98">
        <v>0</v>
      </c>
      <c r="I3650" s="98">
        <v>0</v>
      </c>
      <c r="J3650" s="98" t="s">
        <v>400</v>
      </c>
      <c r="K3650" s="98" t="s">
        <v>400</v>
      </c>
      <c r="L3650" s="98" t="s">
        <v>400</v>
      </c>
      <c r="M3650" s="98" t="s">
        <v>400</v>
      </c>
      <c r="N3650" s="98" t="s">
        <v>400</v>
      </c>
      <c r="O3650" s="98" t="s">
        <v>400</v>
      </c>
      <c r="P3650" s="98" t="s">
        <v>400</v>
      </c>
      <c r="Q3650" s="98" t="s">
        <v>400</v>
      </c>
      <c r="R3650" s="98" t="s">
        <v>400</v>
      </c>
      <c r="S3650" s="98" t="s">
        <v>400</v>
      </c>
      <c r="T3650" s="98" t="s">
        <v>400</v>
      </c>
      <c r="U3650" s="128"/>
      <c r="V3650" s="128"/>
      <c r="W3650" s="128"/>
      <c r="X3650" s="128"/>
      <c r="Y3650" s="128"/>
      <c r="Z3650" s="128"/>
      <c r="AA3650" s="128"/>
      <c r="AB3650" s="128"/>
      <c r="AC3650" s="128"/>
      <c r="AD3650" s="128"/>
      <c r="AE3650" s="128"/>
      <c r="AF3650" s="128"/>
      <c r="AG3650" s="128"/>
      <c r="AH3650" s="128"/>
      <c r="AI3650" s="128"/>
      <c r="AJ3650" s="128"/>
      <c r="AK3650" s="128"/>
      <c r="AL3650" s="128"/>
      <c r="AM3650" s="128"/>
      <c r="AN3650" s="128"/>
      <c r="AO3650" s="128"/>
      <c r="AP3650" s="128"/>
      <c r="AQ3650" s="128"/>
      <c r="AR3650" s="128"/>
      <c r="AS3650" s="128"/>
      <c r="AT3650" s="128"/>
      <c r="AU3650" s="128"/>
      <c r="AV3650" s="128"/>
      <c r="AW3650" s="128"/>
      <c r="AX3650" s="128"/>
      <c r="AY3650" s="128"/>
      <c r="AZ3650" s="128"/>
      <c r="BA3650" s="128"/>
      <c r="BB3650" s="107">
        <v>45884</v>
      </c>
    </row>
    <row r="3651" spans="1:54" s="8" customFormat="1" ht="13.95" customHeight="1" x14ac:dyDescent="0.25">
      <c r="A3651" s="219" t="s">
        <v>8143</v>
      </c>
      <c r="B3651" s="220" t="s">
        <v>6395</v>
      </c>
      <c r="C3651" s="98" t="s">
        <v>8144</v>
      </c>
      <c r="D3651" s="98" t="s">
        <v>21305</v>
      </c>
      <c r="E3651" s="141">
        <v>2014</v>
      </c>
      <c r="F3651" s="141">
        <v>289</v>
      </c>
      <c r="G3651" s="98" t="s">
        <v>1</v>
      </c>
      <c r="H3651" s="98">
        <v>0</v>
      </c>
      <c r="I3651" s="98">
        <v>0</v>
      </c>
      <c r="J3651" s="98" t="s">
        <v>400</v>
      </c>
      <c r="K3651" s="98" t="s">
        <v>400</v>
      </c>
      <c r="L3651" s="98" t="s">
        <v>400</v>
      </c>
      <c r="M3651" s="98" t="s">
        <v>400</v>
      </c>
      <c r="N3651" s="98" t="s">
        <v>400</v>
      </c>
      <c r="O3651" s="98" t="s">
        <v>400</v>
      </c>
      <c r="P3651" s="98" t="s">
        <v>400</v>
      </c>
      <c r="Q3651" s="98" t="s">
        <v>400</v>
      </c>
      <c r="R3651" s="98" t="s">
        <v>400</v>
      </c>
      <c r="S3651" s="98" t="s">
        <v>400</v>
      </c>
      <c r="T3651" s="98" t="s">
        <v>400</v>
      </c>
      <c r="U3651" s="128"/>
      <c r="V3651" s="128"/>
      <c r="W3651" s="128"/>
      <c r="X3651" s="128"/>
      <c r="Y3651" s="128"/>
      <c r="Z3651" s="128"/>
      <c r="AA3651" s="128"/>
      <c r="AB3651" s="128"/>
      <c r="AC3651" s="128"/>
      <c r="AD3651" s="128"/>
      <c r="AE3651" s="128"/>
      <c r="AF3651" s="128"/>
      <c r="AG3651" s="128"/>
      <c r="AH3651" s="128"/>
      <c r="AI3651" s="128"/>
      <c r="AJ3651" s="128"/>
      <c r="AK3651" s="128"/>
      <c r="AL3651" s="128"/>
      <c r="AM3651" s="128"/>
      <c r="AN3651" s="128"/>
      <c r="AO3651" s="128"/>
      <c r="AP3651" s="128"/>
      <c r="AQ3651" s="128"/>
      <c r="AR3651" s="128"/>
      <c r="AS3651" s="128"/>
      <c r="AT3651" s="128"/>
      <c r="AU3651" s="128"/>
      <c r="AV3651" s="128"/>
      <c r="AW3651" s="128"/>
      <c r="AX3651" s="128"/>
      <c r="AY3651" s="128"/>
      <c r="AZ3651" s="128"/>
      <c r="BA3651" s="128"/>
      <c r="BB3651" s="107">
        <v>45884</v>
      </c>
    </row>
    <row r="3652" spans="1:54" s="8" customFormat="1" ht="13.95" customHeight="1" x14ac:dyDescent="0.25">
      <c r="A3652" s="219" t="s">
        <v>8145</v>
      </c>
      <c r="B3652" s="220" t="s">
        <v>6395</v>
      </c>
      <c r="C3652" s="98" t="s">
        <v>8146</v>
      </c>
      <c r="D3652" s="98" t="s">
        <v>21306</v>
      </c>
      <c r="E3652" s="141">
        <v>2016</v>
      </c>
      <c r="F3652" s="141">
        <v>142</v>
      </c>
      <c r="G3652" s="98" t="s">
        <v>1</v>
      </c>
      <c r="H3652" s="98">
        <v>0</v>
      </c>
      <c r="I3652" s="98">
        <v>0</v>
      </c>
      <c r="J3652" s="98" t="s">
        <v>400</v>
      </c>
      <c r="K3652" s="98" t="s">
        <v>400</v>
      </c>
      <c r="L3652" s="98" t="s">
        <v>400</v>
      </c>
      <c r="M3652" s="98" t="s">
        <v>400</v>
      </c>
      <c r="N3652" s="98" t="s">
        <v>400</v>
      </c>
      <c r="O3652" s="98" t="s">
        <v>400</v>
      </c>
      <c r="P3652" s="98" t="s">
        <v>400</v>
      </c>
      <c r="Q3652" s="98" t="s">
        <v>400</v>
      </c>
      <c r="R3652" s="98" t="s">
        <v>400</v>
      </c>
      <c r="S3652" s="98" t="s">
        <v>400</v>
      </c>
      <c r="T3652" s="98" t="s">
        <v>400</v>
      </c>
      <c r="U3652" s="128"/>
      <c r="V3652" s="128"/>
      <c r="W3652" s="128"/>
      <c r="X3652" s="128"/>
      <c r="Y3652" s="128"/>
      <c r="Z3652" s="128"/>
      <c r="AA3652" s="128"/>
      <c r="AB3652" s="128"/>
      <c r="AC3652" s="128"/>
      <c r="AD3652" s="128"/>
      <c r="AE3652" s="128"/>
      <c r="AF3652" s="128"/>
      <c r="AG3652" s="128"/>
      <c r="AH3652" s="128"/>
      <c r="AI3652" s="128"/>
      <c r="AJ3652" s="128"/>
      <c r="AK3652" s="128"/>
      <c r="AL3652" s="128"/>
      <c r="AM3652" s="128"/>
      <c r="AN3652" s="128"/>
      <c r="AO3652" s="128"/>
      <c r="AP3652" s="128"/>
      <c r="AQ3652" s="128"/>
      <c r="AR3652" s="128"/>
      <c r="AS3652" s="128"/>
      <c r="AT3652" s="128"/>
      <c r="AU3652" s="128"/>
      <c r="AV3652" s="128"/>
      <c r="AW3652" s="128"/>
      <c r="AX3652" s="128"/>
      <c r="AY3652" s="128"/>
      <c r="AZ3652" s="128"/>
      <c r="BA3652" s="128"/>
      <c r="BB3652" s="107">
        <v>45884</v>
      </c>
    </row>
    <row r="3653" spans="1:54" s="8" customFormat="1" ht="13.95" customHeight="1" x14ac:dyDescent="0.25">
      <c r="A3653" s="219" t="s">
        <v>8147</v>
      </c>
      <c r="B3653" s="220" t="s">
        <v>6395</v>
      </c>
      <c r="C3653" s="98" t="s">
        <v>8148</v>
      </c>
      <c r="D3653" s="98" t="s">
        <v>21307</v>
      </c>
      <c r="E3653" s="141">
        <v>2015</v>
      </c>
      <c r="F3653" s="141">
        <v>180</v>
      </c>
      <c r="G3653" s="98" t="s">
        <v>1</v>
      </c>
      <c r="H3653" s="98">
        <v>0</v>
      </c>
      <c r="I3653" s="98">
        <v>0</v>
      </c>
      <c r="J3653" s="98" t="s">
        <v>400</v>
      </c>
      <c r="K3653" s="98" t="s">
        <v>400</v>
      </c>
      <c r="L3653" s="98" t="s">
        <v>400</v>
      </c>
      <c r="M3653" s="98" t="s">
        <v>400</v>
      </c>
      <c r="N3653" s="98" t="s">
        <v>400</v>
      </c>
      <c r="O3653" s="98" t="s">
        <v>400</v>
      </c>
      <c r="P3653" s="98" t="s">
        <v>400</v>
      </c>
      <c r="Q3653" s="98" t="s">
        <v>400</v>
      </c>
      <c r="R3653" s="98" t="s">
        <v>400</v>
      </c>
      <c r="S3653" s="98" t="s">
        <v>400</v>
      </c>
      <c r="T3653" s="98" t="s">
        <v>400</v>
      </c>
      <c r="U3653" s="128"/>
      <c r="V3653" s="128"/>
      <c r="W3653" s="128"/>
      <c r="X3653" s="128"/>
      <c r="Y3653" s="128"/>
      <c r="Z3653" s="128"/>
      <c r="AA3653" s="128"/>
      <c r="AB3653" s="128"/>
      <c r="AC3653" s="128"/>
      <c r="AD3653" s="128"/>
      <c r="AE3653" s="128"/>
      <c r="AF3653" s="128"/>
      <c r="AG3653" s="128"/>
      <c r="AH3653" s="128"/>
      <c r="AI3653" s="128"/>
      <c r="AJ3653" s="128"/>
      <c r="AK3653" s="128"/>
      <c r="AL3653" s="128"/>
      <c r="AM3653" s="128"/>
      <c r="AN3653" s="128"/>
      <c r="AO3653" s="128"/>
      <c r="AP3653" s="128"/>
      <c r="AQ3653" s="128"/>
      <c r="AR3653" s="128"/>
      <c r="AS3653" s="128"/>
      <c r="AT3653" s="128"/>
      <c r="AU3653" s="128"/>
      <c r="AV3653" s="128"/>
      <c r="AW3653" s="128"/>
      <c r="AX3653" s="128"/>
      <c r="AY3653" s="128"/>
      <c r="AZ3653" s="128"/>
      <c r="BA3653" s="128"/>
      <c r="BB3653" s="107">
        <v>45884</v>
      </c>
    </row>
    <row r="3654" spans="1:54" s="8" customFormat="1" ht="13.95" customHeight="1" x14ac:dyDescent="0.25">
      <c r="A3654" s="219" t="s">
        <v>8149</v>
      </c>
      <c r="B3654" s="220" t="s">
        <v>6395</v>
      </c>
      <c r="C3654" s="98" t="s">
        <v>22194</v>
      </c>
      <c r="D3654" s="98" t="s">
        <v>21308</v>
      </c>
      <c r="E3654" s="141">
        <v>1996</v>
      </c>
      <c r="F3654" s="141">
        <v>571</v>
      </c>
      <c r="G3654" s="98" t="s">
        <v>1</v>
      </c>
      <c r="H3654" s="98">
        <v>0</v>
      </c>
      <c r="I3654" s="98">
        <v>0</v>
      </c>
      <c r="J3654" s="98" t="s">
        <v>400</v>
      </c>
      <c r="K3654" s="98" t="s">
        <v>400</v>
      </c>
      <c r="L3654" s="98" t="s">
        <v>400</v>
      </c>
      <c r="M3654" s="98" t="s">
        <v>400</v>
      </c>
      <c r="N3654" s="98" t="s">
        <v>400</v>
      </c>
      <c r="O3654" s="98" t="s">
        <v>400</v>
      </c>
      <c r="P3654" s="98" t="s">
        <v>400</v>
      </c>
      <c r="Q3654" s="98" t="s">
        <v>400</v>
      </c>
      <c r="R3654" s="98" t="s">
        <v>400</v>
      </c>
      <c r="S3654" s="98" t="s">
        <v>400</v>
      </c>
      <c r="T3654" s="98" t="s">
        <v>400</v>
      </c>
      <c r="U3654" s="128"/>
      <c r="V3654" s="128"/>
      <c r="W3654" s="128"/>
      <c r="X3654" s="128"/>
      <c r="Y3654" s="128"/>
      <c r="Z3654" s="128"/>
      <c r="AA3654" s="128"/>
      <c r="AB3654" s="128"/>
      <c r="AC3654" s="128"/>
      <c r="AD3654" s="128"/>
      <c r="AE3654" s="128"/>
      <c r="AF3654" s="128"/>
      <c r="AG3654" s="128"/>
      <c r="AH3654" s="128"/>
      <c r="AI3654" s="128"/>
      <c r="AJ3654" s="128"/>
      <c r="AK3654" s="128"/>
      <c r="AL3654" s="128"/>
      <c r="AM3654" s="128"/>
      <c r="AN3654" s="128"/>
      <c r="AO3654" s="128"/>
      <c r="AP3654" s="128"/>
      <c r="AQ3654" s="128"/>
      <c r="AR3654" s="128"/>
      <c r="AS3654" s="128"/>
      <c r="AT3654" s="128"/>
      <c r="AU3654" s="128"/>
      <c r="AV3654" s="128"/>
      <c r="AW3654" s="128"/>
      <c r="AX3654" s="128"/>
      <c r="AY3654" s="128"/>
      <c r="AZ3654" s="128"/>
      <c r="BA3654" s="128"/>
      <c r="BB3654" s="107">
        <v>45884</v>
      </c>
    </row>
    <row r="3655" spans="1:54" s="8" customFormat="1" ht="13.95" customHeight="1" x14ac:dyDescent="0.25">
      <c r="A3655" s="219" t="s">
        <v>8150</v>
      </c>
      <c r="B3655" s="220" t="s">
        <v>6395</v>
      </c>
      <c r="C3655" s="98" t="s">
        <v>8151</v>
      </c>
      <c r="D3655" s="98" t="s">
        <v>20486</v>
      </c>
      <c r="E3655" s="141">
        <v>2015</v>
      </c>
      <c r="F3655" s="141">
        <v>856</v>
      </c>
      <c r="G3655" s="98" t="s">
        <v>1</v>
      </c>
      <c r="H3655" s="98">
        <v>0</v>
      </c>
      <c r="I3655" s="98">
        <v>0</v>
      </c>
      <c r="J3655" s="98" t="s">
        <v>400</v>
      </c>
      <c r="K3655" s="98" t="s">
        <v>400</v>
      </c>
      <c r="L3655" s="98" t="s">
        <v>400</v>
      </c>
      <c r="M3655" s="98" t="s">
        <v>400</v>
      </c>
      <c r="N3655" s="98" t="s">
        <v>400</v>
      </c>
      <c r="O3655" s="98" t="s">
        <v>400</v>
      </c>
      <c r="P3655" s="98" t="s">
        <v>400</v>
      </c>
      <c r="Q3655" s="98" t="s">
        <v>400</v>
      </c>
      <c r="R3655" s="98" t="s">
        <v>400</v>
      </c>
      <c r="S3655" s="98" t="s">
        <v>400</v>
      </c>
      <c r="T3655" s="98" t="s">
        <v>400</v>
      </c>
      <c r="U3655" s="128"/>
      <c r="V3655" s="128"/>
      <c r="W3655" s="128"/>
      <c r="X3655" s="128"/>
      <c r="Y3655" s="128"/>
      <c r="Z3655" s="128"/>
      <c r="AA3655" s="128"/>
      <c r="AB3655" s="128"/>
      <c r="AC3655" s="128"/>
      <c r="AD3655" s="128"/>
      <c r="AE3655" s="128"/>
      <c r="AF3655" s="128"/>
      <c r="AG3655" s="128"/>
      <c r="AH3655" s="128"/>
      <c r="AI3655" s="128"/>
      <c r="AJ3655" s="128"/>
      <c r="AK3655" s="128"/>
      <c r="AL3655" s="128"/>
      <c r="AM3655" s="128"/>
      <c r="AN3655" s="128"/>
      <c r="AO3655" s="128"/>
      <c r="AP3655" s="128"/>
      <c r="AQ3655" s="128"/>
      <c r="AR3655" s="128"/>
      <c r="AS3655" s="128"/>
      <c r="AT3655" s="128"/>
      <c r="AU3655" s="128"/>
      <c r="AV3655" s="128"/>
      <c r="AW3655" s="128"/>
      <c r="AX3655" s="128"/>
      <c r="AY3655" s="128"/>
      <c r="AZ3655" s="128"/>
      <c r="BA3655" s="128"/>
      <c r="BB3655" s="107">
        <v>45884</v>
      </c>
    </row>
    <row r="3656" spans="1:54" s="8" customFormat="1" ht="13.95" customHeight="1" x14ac:dyDescent="0.25">
      <c r="A3656" s="219" t="s">
        <v>8152</v>
      </c>
      <c r="B3656" s="220" t="s">
        <v>6395</v>
      </c>
      <c r="C3656" s="98" t="s">
        <v>8153</v>
      </c>
      <c r="D3656" s="98" t="s">
        <v>21309</v>
      </c>
      <c r="E3656" s="141">
        <v>1985</v>
      </c>
      <c r="F3656" s="141">
        <v>1065</v>
      </c>
      <c r="G3656" s="98" t="s">
        <v>1</v>
      </c>
      <c r="H3656" s="98">
        <v>0</v>
      </c>
      <c r="I3656" s="98">
        <v>0</v>
      </c>
      <c r="J3656" s="98" t="s">
        <v>400</v>
      </c>
      <c r="K3656" s="98" t="s">
        <v>400</v>
      </c>
      <c r="L3656" s="98" t="s">
        <v>400</v>
      </c>
      <c r="M3656" s="98" t="s">
        <v>400</v>
      </c>
      <c r="N3656" s="98" t="s">
        <v>400</v>
      </c>
      <c r="O3656" s="98" t="s">
        <v>400</v>
      </c>
      <c r="P3656" s="98" t="s">
        <v>400</v>
      </c>
      <c r="Q3656" s="98" t="s">
        <v>400</v>
      </c>
      <c r="R3656" s="98" t="s">
        <v>400</v>
      </c>
      <c r="S3656" s="98" t="s">
        <v>400</v>
      </c>
      <c r="T3656" s="98" t="s">
        <v>400</v>
      </c>
      <c r="U3656" s="128"/>
      <c r="V3656" s="128"/>
      <c r="W3656" s="128"/>
      <c r="X3656" s="128"/>
      <c r="Y3656" s="128"/>
      <c r="Z3656" s="128"/>
      <c r="AA3656" s="128"/>
      <c r="AB3656" s="128"/>
      <c r="AC3656" s="128"/>
      <c r="AD3656" s="128"/>
      <c r="AE3656" s="128"/>
      <c r="AF3656" s="128"/>
      <c r="AG3656" s="128"/>
      <c r="AH3656" s="128"/>
      <c r="AI3656" s="128"/>
      <c r="AJ3656" s="128"/>
      <c r="AK3656" s="128"/>
      <c r="AL3656" s="128"/>
      <c r="AM3656" s="128"/>
      <c r="AN3656" s="128"/>
      <c r="AO3656" s="128"/>
      <c r="AP3656" s="128"/>
      <c r="AQ3656" s="128"/>
      <c r="AR3656" s="128"/>
      <c r="AS3656" s="128"/>
      <c r="AT3656" s="128"/>
      <c r="AU3656" s="128"/>
      <c r="AV3656" s="128"/>
      <c r="AW3656" s="128"/>
      <c r="AX3656" s="128"/>
      <c r="AY3656" s="128"/>
      <c r="AZ3656" s="128"/>
      <c r="BA3656" s="128"/>
      <c r="BB3656" s="107">
        <v>45884</v>
      </c>
    </row>
    <row r="3657" spans="1:54" s="8" customFormat="1" ht="13.95" customHeight="1" x14ac:dyDescent="0.25">
      <c r="A3657" s="219" t="s">
        <v>8154</v>
      </c>
      <c r="B3657" s="220" t="s">
        <v>6395</v>
      </c>
      <c r="C3657" s="98" t="s">
        <v>8155</v>
      </c>
      <c r="D3657" s="98" t="s">
        <v>21310</v>
      </c>
      <c r="E3657" s="141">
        <v>2004</v>
      </c>
      <c r="F3657" s="141">
        <v>298</v>
      </c>
      <c r="G3657" s="98" t="s">
        <v>1</v>
      </c>
      <c r="H3657" s="98">
        <v>0</v>
      </c>
      <c r="I3657" s="98">
        <v>0</v>
      </c>
      <c r="J3657" s="98" t="s">
        <v>400</v>
      </c>
      <c r="K3657" s="98" t="s">
        <v>400</v>
      </c>
      <c r="L3657" s="98" t="s">
        <v>400</v>
      </c>
      <c r="M3657" s="98" t="s">
        <v>400</v>
      </c>
      <c r="N3657" s="98" t="s">
        <v>400</v>
      </c>
      <c r="O3657" s="98" t="s">
        <v>400</v>
      </c>
      <c r="P3657" s="98" t="s">
        <v>400</v>
      </c>
      <c r="Q3657" s="98" t="s">
        <v>400</v>
      </c>
      <c r="R3657" s="98" t="s">
        <v>400</v>
      </c>
      <c r="S3657" s="98" t="s">
        <v>400</v>
      </c>
      <c r="T3657" s="98" t="s">
        <v>400</v>
      </c>
      <c r="U3657" s="128"/>
      <c r="V3657" s="128"/>
      <c r="W3657" s="128"/>
      <c r="X3657" s="128"/>
      <c r="Y3657" s="128"/>
      <c r="Z3657" s="128"/>
      <c r="AA3657" s="128"/>
      <c r="AB3657" s="128"/>
      <c r="AC3657" s="128"/>
      <c r="AD3657" s="128"/>
      <c r="AE3657" s="128"/>
      <c r="AF3657" s="128"/>
      <c r="AG3657" s="128"/>
      <c r="AH3657" s="128"/>
      <c r="AI3657" s="128"/>
      <c r="AJ3657" s="128"/>
      <c r="AK3657" s="128"/>
      <c r="AL3657" s="128"/>
      <c r="AM3657" s="128"/>
      <c r="AN3657" s="128"/>
      <c r="AO3657" s="128"/>
      <c r="AP3657" s="128"/>
      <c r="AQ3657" s="128"/>
      <c r="AR3657" s="128"/>
      <c r="AS3657" s="128"/>
      <c r="AT3657" s="128"/>
      <c r="AU3657" s="128"/>
      <c r="AV3657" s="128"/>
      <c r="AW3657" s="128"/>
      <c r="AX3657" s="128"/>
      <c r="AY3657" s="128"/>
      <c r="AZ3657" s="128"/>
      <c r="BA3657" s="128"/>
      <c r="BB3657" s="107">
        <v>45884</v>
      </c>
    </row>
    <row r="3658" spans="1:54" s="8" customFormat="1" ht="13.95" customHeight="1" x14ac:dyDescent="0.25">
      <c r="A3658" s="219" t="s">
        <v>8156</v>
      </c>
      <c r="B3658" s="220" t="s">
        <v>6395</v>
      </c>
      <c r="C3658" s="98" t="s">
        <v>8157</v>
      </c>
      <c r="D3658" s="98" t="s">
        <v>21311</v>
      </c>
      <c r="E3658" s="141">
        <v>2004</v>
      </c>
      <c r="F3658" s="141">
        <v>274</v>
      </c>
      <c r="G3658" s="98" t="s">
        <v>1</v>
      </c>
      <c r="H3658" s="98">
        <v>0</v>
      </c>
      <c r="I3658" s="98">
        <v>0</v>
      </c>
      <c r="J3658" s="98" t="s">
        <v>400</v>
      </c>
      <c r="K3658" s="98" t="s">
        <v>400</v>
      </c>
      <c r="L3658" s="98" t="s">
        <v>400</v>
      </c>
      <c r="M3658" s="98" t="s">
        <v>400</v>
      </c>
      <c r="N3658" s="98" t="s">
        <v>400</v>
      </c>
      <c r="O3658" s="98" t="s">
        <v>400</v>
      </c>
      <c r="P3658" s="98" t="s">
        <v>400</v>
      </c>
      <c r="Q3658" s="98" t="s">
        <v>400</v>
      </c>
      <c r="R3658" s="98" t="s">
        <v>400</v>
      </c>
      <c r="S3658" s="98" t="s">
        <v>400</v>
      </c>
      <c r="T3658" s="98" t="s">
        <v>400</v>
      </c>
      <c r="U3658" s="128"/>
      <c r="V3658" s="128"/>
      <c r="W3658" s="128"/>
      <c r="X3658" s="128"/>
      <c r="Y3658" s="128"/>
      <c r="Z3658" s="128"/>
      <c r="AA3658" s="128"/>
      <c r="AB3658" s="128"/>
      <c r="AC3658" s="128"/>
      <c r="AD3658" s="128"/>
      <c r="AE3658" s="128"/>
      <c r="AF3658" s="128"/>
      <c r="AG3658" s="128"/>
      <c r="AH3658" s="128"/>
      <c r="AI3658" s="128"/>
      <c r="AJ3658" s="128"/>
      <c r="AK3658" s="128"/>
      <c r="AL3658" s="128"/>
      <c r="AM3658" s="128"/>
      <c r="AN3658" s="128"/>
      <c r="AO3658" s="128"/>
      <c r="AP3658" s="128"/>
      <c r="AQ3658" s="128"/>
      <c r="AR3658" s="128"/>
      <c r="AS3658" s="128"/>
      <c r="AT3658" s="128"/>
      <c r="AU3658" s="128"/>
      <c r="AV3658" s="128"/>
      <c r="AW3658" s="128"/>
      <c r="AX3658" s="128"/>
      <c r="AY3658" s="128"/>
      <c r="AZ3658" s="128"/>
      <c r="BA3658" s="128"/>
      <c r="BB3658" s="107">
        <v>45884</v>
      </c>
    </row>
    <row r="3659" spans="1:54" s="8" customFormat="1" ht="13.95" customHeight="1" x14ac:dyDescent="0.25">
      <c r="A3659" s="219" t="s">
        <v>8158</v>
      </c>
      <c r="B3659" s="220" t="s">
        <v>6395</v>
      </c>
      <c r="C3659" s="98" t="s">
        <v>8159</v>
      </c>
      <c r="D3659" s="98" t="s">
        <v>21312</v>
      </c>
      <c r="E3659" s="141">
        <v>2004</v>
      </c>
      <c r="F3659" s="141">
        <v>611</v>
      </c>
      <c r="G3659" s="98" t="s">
        <v>1</v>
      </c>
      <c r="H3659" s="98">
        <v>0</v>
      </c>
      <c r="I3659" s="98">
        <v>0</v>
      </c>
      <c r="J3659" s="98" t="s">
        <v>400</v>
      </c>
      <c r="K3659" s="98" t="s">
        <v>400</v>
      </c>
      <c r="L3659" s="98" t="s">
        <v>400</v>
      </c>
      <c r="M3659" s="98" t="s">
        <v>400</v>
      </c>
      <c r="N3659" s="98" t="s">
        <v>400</v>
      </c>
      <c r="O3659" s="98" t="s">
        <v>400</v>
      </c>
      <c r="P3659" s="98" t="s">
        <v>400</v>
      </c>
      <c r="Q3659" s="98" t="s">
        <v>400</v>
      </c>
      <c r="R3659" s="98" t="s">
        <v>400</v>
      </c>
      <c r="S3659" s="98" t="s">
        <v>400</v>
      </c>
      <c r="T3659" s="98" t="s">
        <v>400</v>
      </c>
      <c r="U3659" s="128"/>
      <c r="V3659" s="128"/>
      <c r="W3659" s="128"/>
      <c r="X3659" s="128"/>
      <c r="Y3659" s="128"/>
      <c r="Z3659" s="128"/>
      <c r="AA3659" s="128"/>
      <c r="AB3659" s="128"/>
      <c r="AC3659" s="128"/>
      <c r="AD3659" s="128"/>
      <c r="AE3659" s="128"/>
      <c r="AF3659" s="128"/>
      <c r="AG3659" s="128"/>
      <c r="AH3659" s="128"/>
      <c r="AI3659" s="128"/>
      <c r="AJ3659" s="128"/>
      <c r="AK3659" s="128"/>
      <c r="AL3659" s="128"/>
      <c r="AM3659" s="128"/>
      <c r="AN3659" s="128"/>
      <c r="AO3659" s="128"/>
      <c r="AP3659" s="128"/>
      <c r="AQ3659" s="128"/>
      <c r="AR3659" s="128"/>
      <c r="AS3659" s="128"/>
      <c r="AT3659" s="128"/>
      <c r="AU3659" s="128"/>
      <c r="AV3659" s="128"/>
      <c r="AW3659" s="128"/>
      <c r="AX3659" s="128"/>
      <c r="AY3659" s="128"/>
      <c r="AZ3659" s="128"/>
      <c r="BA3659" s="128"/>
      <c r="BB3659" s="107">
        <v>45884</v>
      </c>
    </row>
    <row r="3660" spans="1:54" s="8" customFormat="1" ht="13.95" customHeight="1" x14ac:dyDescent="0.25">
      <c r="A3660" s="219" t="s">
        <v>8160</v>
      </c>
      <c r="B3660" s="220" t="s">
        <v>6395</v>
      </c>
      <c r="C3660" s="98" t="s">
        <v>8161</v>
      </c>
      <c r="D3660" s="98" t="s">
        <v>21313</v>
      </c>
      <c r="E3660" s="141">
        <v>2005</v>
      </c>
      <c r="F3660" s="141">
        <v>493</v>
      </c>
      <c r="G3660" s="98" t="s">
        <v>1</v>
      </c>
      <c r="H3660" s="98">
        <v>0</v>
      </c>
      <c r="I3660" s="98">
        <v>0</v>
      </c>
      <c r="J3660" s="98" t="s">
        <v>400</v>
      </c>
      <c r="K3660" s="98" t="s">
        <v>400</v>
      </c>
      <c r="L3660" s="98" t="s">
        <v>400</v>
      </c>
      <c r="M3660" s="98" t="s">
        <v>400</v>
      </c>
      <c r="N3660" s="98" t="s">
        <v>400</v>
      </c>
      <c r="O3660" s="98" t="s">
        <v>400</v>
      </c>
      <c r="P3660" s="98" t="s">
        <v>400</v>
      </c>
      <c r="Q3660" s="98" t="s">
        <v>400</v>
      </c>
      <c r="R3660" s="98" t="s">
        <v>400</v>
      </c>
      <c r="S3660" s="98" t="s">
        <v>400</v>
      </c>
      <c r="T3660" s="98" t="s">
        <v>400</v>
      </c>
      <c r="U3660" s="128"/>
      <c r="V3660" s="128"/>
      <c r="W3660" s="128"/>
      <c r="X3660" s="128"/>
      <c r="Y3660" s="128"/>
      <c r="Z3660" s="128"/>
      <c r="AA3660" s="128"/>
      <c r="AB3660" s="128"/>
      <c r="AC3660" s="128"/>
      <c r="AD3660" s="128"/>
      <c r="AE3660" s="128"/>
      <c r="AF3660" s="128"/>
      <c r="AG3660" s="128"/>
      <c r="AH3660" s="128"/>
      <c r="AI3660" s="128"/>
      <c r="AJ3660" s="128"/>
      <c r="AK3660" s="128"/>
      <c r="AL3660" s="128"/>
      <c r="AM3660" s="128"/>
      <c r="AN3660" s="128"/>
      <c r="AO3660" s="128"/>
      <c r="AP3660" s="128"/>
      <c r="AQ3660" s="128"/>
      <c r="AR3660" s="128"/>
      <c r="AS3660" s="128"/>
      <c r="AT3660" s="128"/>
      <c r="AU3660" s="128"/>
      <c r="AV3660" s="128"/>
      <c r="AW3660" s="128"/>
      <c r="AX3660" s="128"/>
      <c r="AY3660" s="128"/>
      <c r="AZ3660" s="128"/>
      <c r="BA3660" s="128"/>
      <c r="BB3660" s="107">
        <v>45884</v>
      </c>
    </row>
    <row r="3661" spans="1:54" s="8" customFormat="1" ht="13.95" customHeight="1" x14ac:dyDescent="0.25">
      <c r="A3661" s="219" t="s">
        <v>8162</v>
      </c>
      <c r="B3661" s="220" t="s">
        <v>6395</v>
      </c>
      <c r="C3661" s="98" t="s">
        <v>8163</v>
      </c>
      <c r="D3661" s="98" t="s">
        <v>21314</v>
      </c>
      <c r="E3661" s="141">
        <v>1961</v>
      </c>
      <c r="F3661" s="141">
        <v>2025</v>
      </c>
      <c r="G3661" s="98" t="s">
        <v>1</v>
      </c>
      <c r="H3661" s="98">
        <v>0</v>
      </c>
      <c r="I3661" s="98">
        <v>0</v>
      </c>
      <c r="J3661" s="98" t="s">
        <v>400</v>
      </c>
      <c r="K3661" s="98" t="s">
        <v>400</v>
      </c>
      <c r="L3661" s="98" t="s">
        <v>400</v>
      </c>
      <c r="M3661" s="98" t="s">
        <v>400</v>
      </c>
      <c r="N3661" s="98" t="s">
        <v>400</v>
      </c>
      <c r="O3661" s="98" t="s">
        <v>400</v>
      </c>
      <c r="P3661" s="98" t="s">
        <v>400</v>
      </c>
      <c r="Q3661" s="98" t="s">
        <v>400</v>
      </c>
      <c r="R3661" s="98" t="s">
        <v>400</v>
      </c>
      <c r="S3661" s="98" t="s">
        <v>400</v>
      </c>
      <c r="T3661" s="98" t="s">
        <v>400</v>
      </c>
      <c r="U3661" s="128"/>
      <c r="V3661" s="128"/>
      <c r="W3661" s="128"/>
      <c r="X3661" s="128"/>
      <c r="Y3661" s="128"/>
      <c r="Z3661" s="128"/>
      <c r="AA3661" s="128"/>
      <c r="AB3661" s="128"/>
      <c r="AC3661" s="128"/>
      <c r="AD3661" s="128"/>
      <c r="AE3661" s="128"/>
      <c r="AF3661" s="128"/>
      <c r="AG3661" s="128"/>
      <c r="AH3661" s="128"/>
      <c r="AI3661" s="128"/>
      <c r="AJ3661" s="128"/>
      <c r="AK3661" s="128"/>
      <c r="AL3661" s="128"/>
      <c r="AM3661" s="128"/>
      <c r="AN3661" s="128"/>
      <c r="AO3661" s="128"/>
      <c r="AP3661" s="128"/>
      <c r="AQ3661" s="128"/>
      <c r="AR3661" s="128"/>
      <c r="AS3661" s="128"/>
      <c r="AT3661" s="128"/>
      <c r="AU3661" s="128"/>
      <c r="AV3661" s="128"/>
      <c r="AW3661" s="128"/>
      <c r="AX3661" s="128"/>
      <c r="AY3661" s="128"/>
      <c r="AZ3661" s="128"/>
      <c r="BA3661" s="128"/>
      <c r="BB3661" s="107">
        <v>45884</v>
      </c>
    </row>
    <row r="3662" spans="1:54" s="8" customFormat="1" ht="13.95" customHeight="1" x14ac:dyDescent="0.25">
      <c r="A3662" s="219" t="s">
        <v>8164</v>
      </c>
      <c r="B3662" s="220" t="s">
        <v>6395</v>
      </c>
      <c r="C3662" s="98" t="s">
        <v>8165</v>
      </c>
      <c r="D3662" s="98" t="s">
        <v>21315</v>
      </c>
      <c r="E3662" s="141">
        <v>2006</v>
      </c>
      <c r="F3662" s="141">
        <v>208</v>
      </c>
      <c r="G3662" s="98" t="s">
        <v>1</v>
      </c>
      <c r="H3662" s="98">
        <v>0</v>
      </c>
      <c r="I3662" s="98">
        <v>0</v>
      </c>
      <c r="J3662" s="98" t="s">
        <v>400</v>
      </c>
      <c r="K3662" s="98" t="s">
        <v>400</v>
      </c>
      <c r="L3662" s="98" t="s">
        <v>400</v>
      </c>
      <c r="M3662" s="98" t="s">
        <v>400</v>
      </c>
      <c r="N3662" s="98" t="s">
        <v>400</v>
      </c>
      <c r="O3662" s="98" t="s">
        <v>400</v>
      </c>
      <c r="P3662" s="98" t="s">
        <v>400</v>
      </c>
      <c r="Q3662" s="98" t="s">
        <v>400</v>
      </c>
      <c r="R3662" s="98" t="s">
        <v>400</v>
      </c>
      <c r="S3662" s="98" t="s">
        <v>400</v>
      </c>
      <c r="T3662" s="98" t="s">
        <v>400</v>
      </c>
      <c r="U3662" s="128"/>
      <c r="V3662" s="128"/>
      <c r="W3662" s="128"/>
      <c r="X3662" s="128"/>
      <c r="Y3662" s="128"/>
      <c r="Z3662" s="128"/>
      <c r="AA3662" s="128"/>
      <c r="AB3662" s="128"/>
      <c r="AC3662" s="128"/>
      <c r="AD3662" s="128"/>
      <c r="AE3662" s="128"/>
      <c r="AF3662" s="128"/>
      <c r="AG3662" s="128"/>
      <c r="AH3662" s="128"/>
      <c r="AI3662" s="128"/>
      <c r="AJ3662" s="128"/>
      <c r="AK3662" s="128"/>
      <c r="AL3662" s="128"/>
      <c r="AM3662" s="128"/>
      <c r="AN3662" s="128"/>
      <c r="AO3662" s="128"/>
      <c r="AP3662" s="128"/>
      <c r="AQ3662" s="128"/>
      <c r="AR3662" s="128"/>
      <c r="AS3662" s="128"/>
      <c r="AT3662" s="128"/>
      <c r="AU3662" s="128"/>
      <c r="AV3662" s="128"/>
      <c r="AW3662" s="128"/>
      <c r="AX3662" s="128"/>
      <c r="AY3662" s="128"/>
      <c r="AZ3662" s="128"/>
      <c r="BA3662" s="128"/>
      <c r="BB3662" s="107">
        <v>45884</v>
      </c>
    </row>
    <row r="3663" spans="1:54" s="8" customFormat="1" ht="13.95" customHeight="1" x14ac:dyDescent="0.25">
      <c r="A3663" s="219" t="s">
        <v>8166</v>
      </c>
      <c r="B3663" s="220" t="s">
        <v>6395</v>
      </c>
      <c r="C3663" s="98" t="s">
        <v>8167</v>
      </c>
      <c r="D3663" s="98" t="s">
        <v>21316</v>
      </c>
      <c r="E3663" s="141">
        <v>2008</v>
      </c>
      <c r="F3663" s="141">
        <v>480</v>
      </c>
      <c r="G3663" s="98" t="s">
        <v>1</v>
      </c>
      <c r="H3663" s="98">
        <v>0</v>
      </c>
      <c r="I3663" s="98">
        <v>0</v>
      </c>
      <c r="J3663" s="98" t="s">
        <v>400</v>
      </c>
      <c r="K3663" s="98" t="s">
        <v>400</v>
      </c>
      <c r="L3663" s="98" t="s">
        <v>400</v>
      </c>
      <c r="M3663" s="98" t="s">
        <v>400</v>
      </c>
      <c r="N3663" s="98" t="s">
        <v>400</v>
      </c>
      <c r="O3663" s="98" t="s">
        <v>400</v>
      </c>
      <c r="P3663" s="98" t="s">
        <v>400</v>
      </c>
      <c r="Q3663" s="98" t="s">
        <v>400</v>
      </c>
      <c r="R3663" s="98" t="s">
        <v>400</v>
      </c>
      <c r="S3663" s="98" t="s">
        <v>400</v>
      </c>
      <c r="T3663" s="98" t="s">
        <v>400</v>
      </c>
      <c r="U3663" s="128"/>
      <c r="V3663" s="128"/>
      <c r="W3663" s="128"/>
      <c r="X3663" s="128"/>
      <c r="Y3663" s="128"/>
      <c r="Z3663" s="128"/>
      <c r="AA3663" s="128"/>
      <c r="AB3663" s="128"/>
      <c r="AC3663" s="128"/>
      <c r="AD3663" s="128"/>
      <c r="AE3663" s="128"/>
      <c r="AF3663" s="128"/>
      <c r="AG3663" s="128"/>
      <c r="AH3663" s="128"/>
      <c r="AI3663" s="128"/>
      <c r="AJ3663" s="128"/>
      <c r="AK3663" s="128"/>
      <c r="AL3663" s="128"/>
      <c r="AM3663" s="128"/>
      <c r="AN3663" s="128"/>
      <c r="AO3663" s="128"/>
      <c r="AP3663" s="128"/>
      <c r="AQ3663" s="128"/>
      <c r="AR3663" s="128"/>
      <c r="AS3663" s="128"/>
      <c r="AT3663" s="128"/>
      <c r="AU3663" s="128"/>
      <c r="AV3663" s="128"/>
      <c r="AW3663" s="128"/>
      <c r="AX3663" s="128"/>
      <c r="AY3663" s="128"/>
      <c r="AZ3663" s="128"/>
      <c r="BA3663" s="128"/>
      <c r="BB3663" s="107">
        <v>45884</v>
      </c>
    </row>
    <row r="3664" spans="1:54" s="8" customFormat="1" ht="13.95" customHeight="1" x14ac:dyDescent="0.25">
      <c r="A3664" s="219" t="s">
        <v>8168</v>
      </c>
      <c r="B3664" s="220" t="s">
        <v>6395</v>
      </c>
      <c r="C3664" s="98" t="s">
        <v>8169</v>
      </c>
      <c r="D3664" s="98" t="s">
        <v>21317</v>
      </c>
      <c r="E3664" s="141">
        <v>2012</v>
      </c>
      <c r="F3664" s="141">
        <v>352</v>
      </c>
      <c r="G3664" s="98" t="s">
        <v>1</v>
      </c>
      <c r="H3664" s="98">
        <v>0</v>
      </c>
      <c r="I3664" s="98">
        <v>0</v>
      </c>
      <c r="J3664" s="98" t="s">
        <v>400</v>
      </c>
      <c r="K3664" s="98" t="s">
        <v>400</v>
      </c>
      <c r="L3664" s="98" t="s">
        <v>400</v>
      </c>
      <c r="M3664" s="98" t="s">
        <v>400</v>
      </c>
      <c r="N3664" s="98" t="s">
        <v>400</v>
      </c>
      <c r="O3664" s="98" t="s">
        <v>400</v>
      </c>
      <c r="P3664" s="98" t="s">
        <v>400</v>
      </c>
      <c r="Q3664" s="98" t="s">
        <v>400</v>
      </c>
      <c r="R3664" s="98" t="s">
        <v>400</v>
      </c>
      <c r="S3664" s="98" t="s">
        <v>400</v>
      </c>
      <c r="T3664" s="98" t="s">
        <v>400</v>
      </c>
      <c r="U3664" s="128"/>
      <c r="V3664" s="128"/>
      <c r="W3664" s="128"/>
      <c r="X3664" s="128"/>
      <c r="Y3664" s="128"/>
      <c r="Z3664" s="128"/>
      <c r="AA3664" s="128"/>
      <c r="AB3664" s="128"/>
      <c r="AC3664" s="128"/>
      <c r="AD3664" s="128"/>
      <c r="AE3664" s="128"/>
      <c r="AF3664" s="128"/>
      <c r="AG3664" s="128"/>
      <c r="AH3664" s="128"/>
      <c r="AI3664" s="128"/>
      <c r="AJ3664" s="128"/>
      <c r="AK3664" s="128"/>
      <c r="AL3664" s="128"/>
      <c r="AM3664" s="128"/>
      <c r="AN3664" s="128"/>
      <c r="AO3664" s="128"/>
      <c r="AP3664" s="128"/>
      <c r="AQ3664" s="128"/>
      <c r="AR3664" s="128"/>
      <c r="AS3664" s="128"/>
      <c r="AT3664" s="128"/>
      <c r="AU3664" s="128"/>
      <c r="AV3664" s="128"/>
      <c r="AW3664" s="128"/>
      <c r="AX3664" s="128"/>
      <c r="AY3664" s="128"/>
      <c r="AZ3664" s="128"/>
      <c r="BA3664" s="128"/>
      <c r="BB3664" s="107">
        <v>45884</v>
      </c>
    </row>
    <row r="3665" spans="1:54" s="8" customFormat="1" ht="13.95" customHeight="1" x14ac:dyDescent="0.25">
      <c r="A3665" s="219" t="s">
        <v>8170</v>
      </c>
      <c r="B3665" s="220" t="s">
        <v>6395</v>
      </c>
      <c r="C3665" s="98" t="s">
        <v>8171</v>
      </c>
      <c r="D3665" s="98" t="s">
        <v>21318</v>
      </c>
      <c r="E3665" s="141">
        <v>2009</v>
      </c>
      <c r="F3665" s="141">
        <v>264</v>
      </c>
      <c r="G3665" s="98" t="s">
        <v>1</v>
      </c>
      <c r="H3665" s="98">
        <v>0</v>
      </c>
      <c r="I3665" s="98">
        <v>0</v>
      </c>
      <c r="J3665" s="98" t="s">
        <v>400</v>
      </c>
      <c r="K3665" s="98" t="s">
        <v>400</v>
      </c>
      <c r="L3665" s="98" t="s">
        <v>400</v>
      </c>
      <c r="M3665" s="98" t="s">
        <v>400</v>
      </c>
      <c r="N3665" s="98" t="s">
        <v>400</v>
      </c>
      <c r="O3665" s="98" t="s">
        <v>400</v>
      </c>
      <c r="P3665" s="98" t="s">
        <v>400</v>
      </c>
      <c r="Q3665" s="98" t="s">
        <v>400</v>
      </c>
      <c r="R3665" s="98" t="s">
        <v>400</v>
      </c>
      <c r="S3665" s="98" t="s">
        <v>400</v>
      </c>
      <c r="T3665" s="98" t="s">
        <v>400</v>
      </c>
      <c r="U3665" s="128"/>
      <c r="V3665" s="128"/>
      <c r="W3665" s="128"/>
      <c r="X3665" s="128"/>
      <c r="Y3665" s="128"/>
      <c r="Z3665" s="128"/>
      <c r="AA3665" s="128"/>
      <c r="AB3665" s="128"/>
      <c r="AC3665" s="128"/>
      <c r="AD3665" s="128"/>
      <c r="AE3665" s="128"/>
      <c r="AF3665" s="128"/>
      <c r="AG3665" s="128"/>
      <c r="AH3665" s="128"/>
      <c r="AI3665" s="128"/>
      <c r="AJ3665" s="128"/>
      <c r="AK3665" s="128"/>
      <c r="AL3665" s="128"/>
      <c r="AM3665" s="128"/>
      <c r="AN3665" s="128"/>
      <c r="AO3665" s="128"/>
      <c r="AP3665" s="128"/>
      <c r="AQ3665" s="128"/>
      <c r="AR3665" s="128"/>
      <c r="AS3665" s="128"/>
      <c r="AT3665" s="128"/>
      <c r="AU3665" s="128"/>
      <c r="AV3665" s="128"/>
      <c r="AW3665" s="128"/>
      <c r="AX3665" s="128"/>
      <c r="AY3665" s="128"/>
      <c r="AZ3665" s="128"/>
      <c r="BA3665" s="128"/>
      <c r="BB3665" s="107">
        <v>45884</v>
      </c>
    </row>
    <row r="3666" spans="1:54" s="8" customFormat="1" ht="13.95" customHeight="1" x14ac:dyDescent="0.25">
      <c r="A3666" s="219" t="s">
        <v>8172</v>
      </c>
      <c r="B3666" s="220" t="s">
        <v>6395</v>
      </c>
      <c r="C3666" s="98" t="s">
        <v>8173</v>
      </c>
      <c r="D3666" s="98" t="s">
        <v>21319</v>
      </c>
      <c r="E3666" s="141">
        <v>2004</v>
      </c>
      <c r="F3666" s="141">
        <v>224</v>
      </c>
      <c r="G3666" s="98" t="s">
        <v>1</v>
      </c>
      <c r="H3666" s="98">
        <v>0</v>
      </c>
      <c r="I3666" s="98">
        <v>0</v>
      </c>
      <c r="J3666" s="98" t="s">
        <v>400</v>
      </c>
      <c r="K3666" s="98" t="s">
        <v>400</v>
      </c>
      <c r="L3666" s="98" t="s">
        <v>400</v>
      </c>
      <c r="M3666" s="98" t="s">
        <v>400</v>
      </c>
      <c r="N3666" s="98" t="s">
        <v>400</v>
      </c>
      <c r="O3666" s="98" t="s">
        <v>400</v>
      </c>
      <c r="P3666" s="98" t="s">
        <v>400</v>
      </c>
      <c r="Q3666" s="98" t="s">
        <v>400</v>
      </c>
      <c r="R3666" s="98" t="s">
        <v>400</v>
      </c>
      <c r="S3666" s="98" t="s">
        <v>400</v>
      </c>
      <c r="T3666" s="98" t="s">
        <v>400</v>
      </c>
      <c r="U3666" s="128"/>
      <c r="V3666" s="128"/>
      <c r="W3666" s="128"/>
      <c r="X3666" s="128"/>
      <c r="Y3666" s="128"/>
      <c r="Z3666" s="128"/>
      <c r="AA3666" s="128"/>
      <c r="AB3666" s="128"/>
      <c r="AC3666" s="128"/>
      <c r="AD3666" s="128"/>
      <c r="AE3666" s="128"/>
      <c r="AF3666" s="128"/>
      <c r="AG3666" s="128"/>
      <c r="AH3666" s="128"/>
      <c r="AI3666" s="128"/>
      <c r="AJ3666" s="128"/>
      <c r="AK3666" s="128"/>
      <c r="AL3666" s="128"/>
      <c r="AM3666" s="128"/>
      <c r="AN3666" s="128"/>
      <c r="AO3666" s="128"/>
      <c r="AP3666" s="128"/>
      <c r="AQ3666" s="128"/>
      <c r="AR3666" s="128"/>
      <c r="AS3666" s="128"/>
      <c r="AT3666" s="128"/>
      <c r="AU3666" s="128"/>
      <c r="AV3666" s="128"/>
      <c r="AW3666" s="128"/>
      <c r="AX3666" s="128"/>
      <c r="AY3666" s="128"/>
      <c r="AZ3666" s="128"/>
      <c r="BA3666" s="128"/>
      <c r="BB3666" s="107">
        <v>45884</v>
      </c>
    </row>
    <row r="3667" spans="1:54" s="8" customFormat="1" ht="13.95" customHeight="1" x14ac:dyDescent="0.25">
      <c r="A3667" s="219" t="s">
        <v>8174</v>
      </c>
      <c r="B3667" s="220" t="s">
        <v>6395</v>
      </c>
      <c r="C3667" s="98" t="s">
        <v>8175</v>
      </c>
      <c r="D3667" s="98" t="s">
        <v>21320</v>
      </c>
      <c r="E3667" s="141">
        <v>2009</v>
      </c>
      <c r="F3667" s="141">
        <v>422</v>
      </c>
      <c r="G3667" s="98" t="s">
        <v>1</v>
      </c>
      <c r="H3667" s="98">
        <v>0</v>
      </c>
      <c r="I3667" s="98">
        <v>0</v>
      </c>
      <c r="J3667" s="98" t="s">
        <v>400</v>
      </c>
      <c r="K3667" s="98" t="s">
        <v>400</v>
      </c>
      <c r="L3667" s="98" t="s">
        <v>400</v>
      </c>
      <c r="M3667" s="98" t="s">
        <v>400</v>
      </c>
      <c r="N3667" s="98" t="s">
        <v>400</v>
      </c>
      <c r="O3667" s="98" t="s">
        <v>400</v>
      </c>
      <c r="P3667" s="98" t="s">
        <v>400</v>
      </c>
      <c r="Q3667" s="98" t="s">
        <v>400</v>
      </c>
      <c r="R3667" s="98" t="s">
        <v>400</v>
      </c>
      <c r="S3667" s="98" t="s">
        <v>400</v>
      </c>
      <c r="T3667" s="98" t="s">
        <v>400</v>
      </c>
      <c r="U3667" s="128"/>
      <c r="V3667" s="128"/>
      <c r="W3667" s="128"/>
      <c r="X3667" s="128"/>
      <c r="Y3667" s="128"/>
      <c r="Z3667" s="128"/>
      <c r="AA3667" s="128"/>
      <c r="AB3667" s="128"/>
      <c r="AC3667" s="128"/>
      <c r="AD3667" s="128"/>
      <c r="AE3667" s="128"/>
      <c r="AF3667" s="128"/>
      <c r="AG3667" s="128"/>
      <c r="AH3667" s="128"/>
      <c r="AI3667" s="128"/>
      <c r="AJ3667" s="128"/>
      <c r="AK3667" s="128"/>
      <c r="AL3667" s="128"/>
      <c r="AM3667" s="128"/>
      <c r="AN3667" s="128"/>
      <c r="AO3667" s="128"/>
      <c r="AP3667" s="128"/>
      <c r="AQ3667" s="128"/>
      <c r="AR3667" s="128"/>
      <c r="AS3667" s="128"/>
      <c r="AT3667" s="128"/>
      <c r="AU3667" s="128"/>
      <c r="AV3667" s="128"/>
      <c r="AW3667" s="128"/>
      <c r="AX3667" s="128"/>
      <c r="AY3667" s="128"/>
      <c r="AZ3667" s="128"/>
      <c r="BA3667" s="128"/>
      <c r="BB3667" s="107">
        <v>45884</v>
      </c>
    </row>
    <row r="3668" spans="1:54" s="8" customFormat="1" ht="13.95" customHeight="1" x14ac:dyDescent="0.25">
      <c r="A3668" s="219" t="s">
        <v>8176</v>
      </c>
      <c r="B3668" s="220" t="s">
        <v>6395</v>
      </c>
      <c r="C3668" s="98" t="s">
        <v>8177</v>
      </c>
      <c r="D3668" s="98" t="s">
        <v>21321</v>
      </c>
      <c r="E3668" s="141">
        <v>2004</v>
      </c>
      <c r="F3668" s="141">
        <v>207</v>
      </c>
      <c r="G3668" s="98" t="s">
        <v>1</v>
      </c>
      <c r="H3668" s="98">
        <v>0</v>
      </c>
      <c r="I3668" s="98">
        <v>0</v>
      </c>
      <c r="J3668" s="98" t="s">
        <v>400</v>
      </c>
      <c r="K3668" s="98" t="s">
        <v>400</v>
      </c>
      <c r="L3668" s="98" t="s">
        <v>400</v>
      </c>
      <c r="M3668" s="98" t="s">
        <v>400</v>
      </c>
      <c r="N3668" s="98" t="s">
        <v>400</v>
      </c>
      <c r="O3668" s="98" t="s">
        <v>400</v>
      </c>
      <c r="P3668" s="98" t="s">
        <v>400</v>
      </c>
      <c r="Q3668" s="98" t="s">
        <v>400</v>
      </c>
      <c r="R3668" s="98" t="s">
        <v>400</v>
      </c>
      <c r="S3668" s="98" t="s">
        <v>400</v>
      </c>
      <c r="T3668" s="98" t="s">
        <v>400</v>
      </c>
      <c r="U3668" s="128"/>
      <c r="V3668" s="128"/>
      <c r="W3668" s="128"/>
      <c r="X3668" s="128"/>
      <c r="Y3668" s="128"/>
      <c r="Z3668" s="128"/>
      <c r="AA3668" s="128"/>
      <c r="AB3668" s="128"/>
      <c r="AC3668" s="128"/>
      <c r="AD3668" s="128"/>
      <c r="AE3668" s="128"/>
      <c r="AF3668" s="128"/>
      <c r="AG3668" s="128"/>
      <c r="AH3668" s="128"/>
      <c r="AI3668" s="128"/>
      <c r="AJ3668" s="128"/>
      <c r="AK3668" s="128"/>
      <c r="AL3668" s="128"/>
      <c r="AM3668" s="128"/>
      <c r="AN3668" s="128"/>
      <c r="AO3668" s="128"/>
      <c r="AP3668" s="128"/>
      <c r="AQ3668" s="128"/>
      <c r="AR3668" s="128"/>
      <c r="AS3668" s="128"/>
      <c r="AT3668" s="128"/>
      <c r="AU3668" s="128"/>
      <c r="AV3668" s="128"/>
      <c r="AW3668" s="128"/>
      <c r="AX3668" s="128"/>
      <c r="AY3668" s="128"/>
      <c r="AZ3668" s="128"/>
      <c r="BA3668" s="128"/>
      <c r="BB3668" s="107">
        <v>45884</v>
      </c>
    </row>
    <row r="3669" spans="1:54" s="8" customFormat="1" ht="13.95" customHeight="1" x14ac:dyDescent="0.25">
      <c r="A3669" s="219" t="s">
        <v>8178</v>
      </c>
      <c r="B3669" s="220" t="s">
        <v>6395</v>
      </c>
      <c r="C3669" s="98" t="s">
        <v>8179</v>
      </c>
      <c r="D3669" s="98" t="s">
        <v>21322</v>
      </c>
      <c r="E3669" s="141">
        <v>2004</v>
      </c>
      <c r="F3669" s="141">
        <v>281</v>
      </c>
      <c r="G3669" s="98" t="s">
        <v>1</v>
      </c>
      <c r="H3669" s="98">
        <v>0</v>
      </c>
      <c r="I3669" s="98">
        <v>0</v>
      </c>
      <c r="J3669" s="98" t="s">
        <v>400</v>
      </c>
      <c r="K3669" s="98" t="s">
        <v>400</v>
      </c>
      <c r="L3669" s="98" t="s">
        <v>400</v>
      </c>
      <c r="M3669" s="98" t="s">
        <v>400</v>
      </c>
      <c r="N3669" s="98" t="s">
        <v>400</v>
      </c>
      <c r="O3669" s="98" t="s">
        <v>400</v>
      </c>
      <c r="P3669" s="98" t="s">
        <v>400</v>
      </c>
      <c r="Q3669" s="98" t="s">
        <v>400</v>
      </c>
      <c r="R3669" s="98" t="s">
        <v>400</v>
      </c>
      <c r="S3669" s="98" t="s">
        <v>400</v>
      </c>
      <c r="T3669" s="98" t="s">
        <v>400</v>
      </c>
      <c r="U3669" s="128"/>
      <c r="V3669" s="128"/>
      <c r="W3669" s="128"/>
      <c r="X3669" s="128"/>
      <c r="Y3669" s="128"/>
      <c r="Z3669" s="128"/>
      <c r="AA3669" s="128"/>
      <c r="AB3669" s="128"/>
      <c r="AC3669" s="128"/>
      <c r="AD3669" s="128"/>
      <c r="AE3669" s="128"/>
      <c r="AF3669" s="128"/>
      <c r="AG3669" s="128"/>
      <c r="AH3669" s="128"/>
      <c r="AI3669" s="128"/>
      <c r="AJ3669" s="128"/>
      <c r="AK3669" s="128"/>
      <c r="AL3669" s="128"/>
      <c r="AM3669" s="128"/>
      <c r="AN3669" s="128"/>
      <c r="AO3669" s="128"/>
      <c r="AP3669" s="128"/>
      <c r="AQ3669" s="128"/>
      <c r="AR3669" s="128"/>
      <c r="AS3669" s="128"/>
      <c r="AT3669" s="128"/>
      <c r="AU3669" s="128"/>
      <c r="AV3669" s="128"/>
      <c r="AW3669" s="128"/>
      <c r="AX3669" s="128"/>
      <c r="AY3669" s="128"/>
      <c r="AZ3669" s="128"/>
      <c r="BA3669" s="128"/>
      <c r="BB3669" s="107">
        <v>45884</v>
      </c>
    </row>
    <row r="3670" spans="1:54" s="8" customFormat="1" ht="13.95" customHeight="1" x14ac:dyDescent="0.25">
      <c r="A3670" s="219" t="s">
        <v>8180</v>
      </c>
      <c r="B3670" s="220" t="s">
        <v>6395</v>
      </c>
      <c r="C3670" s="98" t="s">
        <v>8181</v>
      </c>
      <c r="D3670" s="98" t="s">
        <v>21323</v>
      </c>
      <c r="E3670" s="141">
        <v>2015</v>
      </c>
      <c r="F3670" s="141">
        <v>157</v>
      </c>
      <c r="G3670" s="98" t="s">
        <v>1</v>
      </c>
      <c r="H3670" s="98">
        <v>0</v>
      </c>
      <c r="I3670" s="98">
        <v>0</v>
      </c>
      <c r="J3670" s="98" t="s">
        <v>400</v>
      </c>
      <c r="K3670" s="98" t="s">
        <v>400</v>
      </c>
      <c r="L3670" s="98" t="s">
        <v>400</v>
      </c>
      <c r="M3670" s="98" t="s">
        <v>400</v>
      </c>
      <c r="N3670" s="98" t="s">
        <v>400</v>
      </c>
      <c r="O3670" s="98" t="s">
        <v>400</v>
      </c>
      <c r="P3670" s="98" t="s">
        <v>400</v>
      </c>
      <c r="Q3670" s="98" t="s">
        <v>400</v>
      </c>
      <c r="R3670" s="98" t="s">
        <v>400</v>
      </c>
      <c r="S3670" s="98" t="s">
        <v>400</v>
      </c>
      <c r="T3670" s="98" t="s">
        <v>400</v>
      </c>
      <c r="U3670" s="128"/>
      <c r="V3670" s="128"/>
      <c r="W3670" s="128"/>
      <c r="X3670" s="128"/>
      <c r="Y3670" s="128"/>
      <c r="Z3670" s="128"/>
      <c r="AA3670" s="128"/>
      <c r="AB3670" s="128"/>
      <c r="AC3670" s="128"/>
      <c r="AD3670" s="128"/>
      <c r="AE3670" s="128"/>
      <c r="AF3670" s="128"/>
      <c r="AG3670" s="128"/>
      <c r="AH3670" s="128"/>
      <c r="AI3670" s="128"/>
      <c r="AJ3670" s="128"/>
      <c r="AK3670" s="128"/>
      <c r="AL3670" s="128"/>
      <c r="AM3670" s="128"/>
      <c r="AN3670" s="128"/>
      <c r="AO3670" s="128"/>
      <c r="AP3670" s="128"/>
      <c r="AQ3670" s="128"/>
      <c r="AR3670" s="128"/>
      <c r="AS3670" s="128"/>
      <c r="AT3670" s="128"/>
      <c r="AU3670" s="128"/>
      <c r="AV3670" s="128"/>
      <c r="AW3670" s="128"/>
      <c r="AX3670" s="128"/>
      <c r="AY3670" s="128"/>
      <c r="AZ3670" s="128"/>
      <c r="BA3670" s="128"/>
      <c r="BB3670" s="107">
        <v>45884</v>
      </c>
    </row>
    <row r="3671" spans="1:54" s="8" customFormat="1" ht="13.95" customHeight="1" x14ac:dyDescent="0.25">
      <c r="A3671" s="219" t="s">
        <v>8182</v>
      </c>
      <c r="B3671" s="220" t="s">
        <v>6395</v>
      </c>
      <c r="C3671" s="98" t="s">
        <v>8183</v>
      </c>
      <c r="D3671" s="98" t="s">
        <v>21324</v>
      </c>
      <c r="E3671" s="141">
        <v>2005</v>
      </c>
      <c r="F3671" s="141">
        <v>289</v>
      </c>
      <c r="G3671" s="98" t="s">
        <v>1</v>
      </c>
      <c r="H3671" s="98">
        <v>0</v>
      </c>
      <c r="I3671" s="98">
        <v>0</v>
      </c>
      <c r="J3671" s="98" t="s">
        <v>400</v>
      </c>
      <c r="K3671" s="98" t="s">
        <v>400</v>
      </c>
      <c r="L3671" s="98" t="s">
        <v>400</v>
      </c>
      <c r="M3671" s="98" t="s">
        <v>400</v>
      </c>
      <c r="N3671" s="98" t="s">
        <v>400</v>
      </c>
      <c r="O3671" s="98" t="s">
        <v>400</v>
      </c>
      <c r="P3671" s="98" t="s">
        <v>400</v>
      </c>
      <c r="Q3671" s="98" t="s">
        <v>400</v>
      </c>
      <c r="R3671" s="98" t="s">
        <v>400</v>
      </c>
      <c r="S3671" s="98" t="s">
        <v>400</v>
      </c>
      <c r="T3671" s="98" t="s">
        <v>400</v>
      </c>
      <c r="U3671" s="128"/>
      <c r="V3671" s="128"/>
      <c r="W3671" s="128"/>
      <c r="X3671" s="128"/>
      <c r="Y3671" s="128"/>
      <c r="Z3671" s="128"/>
      <c r="AA3671" s="128"/>
      <c r="AB3671" s="128"/>
      <c r="AC3671" s="128"/>
      <c r="AD3671" s="128"/>
      <c r="AE3671" s="128"/>
      <c r="AF3671" s="128"/>
      <c r="AG3671" s="128"/>
      <c r="AH3671" s="128"/>
      <c r="AI3671" s="128"/>
      <c r="AJ3671" s="128"/>
      <c r="AK3671" s="128"/>
      <c r="AL3671" s="128"/>
      <c r="AM3671" s="128"/>
      <c r="AN3671" s="128"/>
      <c r="AO3671" s="128"/>
      <c r="AP3671" s="128"/>
      <c r="AQ3671" s="128"/>
      <c r="AR3671" s="128"/>
      <c r="AS3671" s="128"/>
      <c r="AT3671" s="128"/>
      <c r="AU3671" s="128"/>
      <c r="AV3671" s="128"/>
      <c r="AW3671" s="128"/>
      <c r="AX3671" s="128"/>
      <c r="AY3671" s="128"/>
      <c r="AZ3671" s="128"/>
      <c r="BA3671" s="128"/>
      <c r="BB3671" s="107">
        <v>45884</v>
      </c>
    </row>
    <row r="3672" spans="1:54" s="8" customFormat="1" ht="13.95" customHeight="1" x14ac:dyDescent="0.25">
      <c r="A3672" s="219" t="s">
        <v>8184</v>
      </c>
      <c r="B3672" s="220" t="s">
        <v>6395</v>
      </c>
      <c r="C3672" s="98" t="s">
        <v>8185</v>
      </c>
      <c r="D3672" s="98" t="s">
        <v>21325</v>
      </c>
      <c r="E3672" s="141">
        <v>2013</v>
      </c>
      <c r="F3672" s="141">
        <v>250</v>
      </c>
      <c r="G3672" s="98" t="s">
        <v>1</v>
      </c>
      <c r="H3672" s="98">
        <v>0</v>
      </c>
      <c r="I3672" s="98">
        <v>0</v>
      </c>
      <c r="J3672" s="98" t="s">
        <v>400</v>
      </c>
      <c r="K3672" s="98" t="s">
        <v>400</v>
      </c>
      <c r="L3672" s="98" t="s">
        <v>400</v>
      </c>
      <c r="M3672" s="98" t="s">
        <v>400</v>
      </c>
      <c r="N3672" s="98" t="s">
        <v>400</v>
      </c>
      <c r="O3672" s="98" t="s">
        <v>400</v>
      </c>
      <c r="P3672" s="98" t="s">
        <v>400</v>
      </c>
      <c r="Q3672" s="98" t="s">
        <v>400</v>
      </c>
      <c r="R3672" s="98" t="s">
        <v>400</v>
      </c>
      <c r="S3672" s="98" t="s">
        <v>400</v>
      </c>
      <c r="T3672" s="98" t="s">
        <v>400</v>
      </c>
      <c r="U3672" s="128"/>
      <c r="V3672" s="128"/>
      <c r="W3672" s="128"/>
      <c r="X3672" s="128"/>
      <c r="Y3672" s="128"/>
      <c r="Z3672" s="128"/>
      <c r="AA3672" s="128"/>
      <c r="AB3672" s="128"/>
      <c r="AC3672" s="128"/>
      <c r="AD3672" s="128"/>
      <c r="AE3672" s="128"/>
      <c r="AF3672" s="128"/>
      <c r="AG3672" s="128"/>
      <c r="AH3672" s="128"/>
      <c r="AI3672" s="128"/>
      <c r="AJ3672" s="128"/>
      <c r="AK3672" s="128"/>
      <c r="AL3672" s="128"/>
      <c r="AM3672" s="128"/>
      <c r="AN3672" s="128"/>
      <c r="AO3672" s="128"/>
      <c r="AP3672" s="128"/>
      <c r="AQ3672" s="128"/>
      <c r="AR3672" s="128"/>
      <c r="AS3672" s="128"/>
      <c r="AT3672" s="128"/>
      <c r="AU3672" s="128"/>
      <c r="AV3672" s="128"/>
      <c r="AW3672" s="128"/>
      <c r="AX3672" s="128"/>
      <c r="AY3672" s="128"/>
      <c r="AZ3672" s="128"/>
      <c r="BA3672" s="128"/>
      <c r="BB3672" s="107">
        <v>45884</v>
      </c>
    </row>
    <row r="3673" spans="1:54" s="8" customFormat="1" ht="13.95" customHeight="1" x14ac:dyDescent="0.25">
      <c r="A3673" s="219" t="s">
        <v>8186</v>
      </c>
      <c r="B3673" s="220" t="s">
        <v>6395</v>
      </c>
      <c r="C3673" s="98" t="s">
        <v>8187</v>
      </c>
      <c r="D3673" s="98" t="s">
        <v>21326</v>
      </c>
      <c r="E3673" s="141">
        <v>2006</v>
      </c>
      <c r="F3673" s="141">
        <v>641</v>
      </c>
      <c r="G3673" s="98" t="s">
        <v>1</v>
      </c>
      <c r="H3673" s="98">
        <v>0</v>
      </c>
      <c r="I3673" s="98">
        <v>0</v>
      </c>
      <c r="J3673" s="98" t="s">
        <v>400</v>
      </c>
      <c r="K3673" s="98" t="s">
        <v>400</v>
      </c>
      <c r="L3673" s="98" t="s">
        <v>400</v>
      </c>
      <c r="M3673" s="98" t="s">
        <v>400</v>
      </c>
      <c r="N3673" s="98" t="s">
        <v>400</v>
      </c>
      <c r="O3673" s="98" t="s">
        <v>400</v>
      </c>
      <c r="P3673" s="98" t="s">
        <v>400</v>
      </c>
      <c r="Q3673" s="98" t="s">
        <v>400</v>
      </c>
      <c r="R3673" s="98" t="s">
        <v>400</v>
      </c>
      <c r="S3673" s="98" t="s">
        <v>400</v>
      </c>
      <c r="T3673" s="98" t="s">
        <v>400</v>
      </c>
      <c r="U3673" s="128"/>
      <c r="V3673" s="128"/>
      <c r="W3673" s="128"/>
      <c r="X3673" s="128"/>
      <c r="Y3673" s="128"/>
      <c r="Z3673" s="128"/>
      <c r="AA3673" s="128"/>
      <c r="AB3673" s="128"/>
      <c r="AC3673" s="128"/>
      <c r="AD3673" s="128"/>
      <c r="AE3673" s="128"/>
      <c r="AF3673" s="128"/>
      <c r="AG3673" s="128"/>
      <c r="AH3673" s="128"/>
      <c r="AI3673" s="128"/>
      <c r="AJ3673" s="128"/>
      <c r="AK3673" s="128"/>
      <c r="AL3673" s="128"/>
      <c r="AM3673" s="128"/>
      <c r="AN3673" s="128"/>
      <c r="AO3673" s="128"/>
      <c r="AP3673" s="128"/>
      <c r="AQ3673" s="128"/>
      <c r="AR3673" s="128"/>
      <c r="AS3673" s="128"/>
      <c r="AT3673" s="128"/>
      <c r="AU3673" s="128"/>
      <c r="AV3673" s="128"/>
      <c r="AW3673" s="128"/>
      <c r="AX3673" s="128"/>
      <c r="AY3673" s="128"/>
      <c r="AZ3673" s="128"/>
      <c r="BA3673" s="128"/>
      <c r="BB3673" s="107">
        <v>45884</v>
      </c>
    </row>
    <row r="3674" spans="1:54" s="8" customFormat="1" ht="13.95" customHeight="1" x14ac:dyDescent="0.25">
      <c r="A3674" s="219" t="s">
        <v>8188</v>
      </c>
      <c r="B3674" s="220" t="s">
        <v>6395</v>
      </c>
      <c r="C3674" s="98" t="s">
        <v>8189</v>
      </c>
      <c r="D3674" s="98" t="s">
        <v>21327</v>
      </c>
      <c r="E3674" s="141">
        <v>2013</v>
      </c>
      <c r="F3674" s="141">
        <v>545</v>
      </c>
      <c r="G3674" s="98" t="s">
        <v>1</v>
      </c>
      <c r="H3674" s="98">
        <v>0</v>
      </c>
      <c r="I3674" s="98">
        <v>0</v>
      </c>
      <c r="J3674" s="98" t="s">
        <v>400</v>
      </c>
      <c r="K3674" s="98" t="s">
        <v>400</v>
      </c>
      <c r="L3674" s="98" t="s">
        <v>400</v>
      </c>
      <c r="M3674" s="98" t="s">
        <v>400</v>
      </c>
      <c r="N3674" s="98" t="s">
        <v>400</v>
      </c>
      <c r="O3674" s="98" t="s">
        <v>400</v>
      </c>
      <c r="P3674" s="98" t="s">
        <v>400</v>
      </c>
      <c r="Q3674" s="98" t="s">
        <v>400</v>
      </c>
      <c r="R3674" s="98" t="s">
        <v>400</v>
      </c>
      <c r="S3674" s="98" t="s">
        <v>400</v>
      </c>
      <c r="T3674" s="98" t="s">
        <v>400</v>
      </c>
      <c r="U3674" s="128"/>
      <c r="V3674" s="128"/>
      <c r="W3674" s="128"/>
      <c r="X3674" s="128"/>
      <c r="Y3674" s="128"/>
      <c r="Z3674" s="128"/>
      <c r="AA3674" s="128"/>
      <c r="AB3674" s="128"/>
      <c r="AC3674" s="128"/>
      <c r="AD3674" s="128"/>
      <c r="AE3674" s="128"/>
      <c r="AF3674" s="128"/>
      <c r="AG3674" s="128"/>
      <c r="AH3674" s="128"/>
      <c r="AI3674" s="128"/>
      <c r="AJ3674" s="128"/>
      <c r="AK3674" s="128"/>
      <c r="AL3674" s="128"/>
      <c r="AM3674" s="128"/>
      <c r="AN3674" s="128"/>
      <c r="AO3674" s="128"/>
      <c r="AP3674" s="128"/>
      <c r="AQ3674" s="128"/>
      <c r="AR3674" s="128"/>
      <c r="AS3674" s="128"/>
      <c r="AT3674" s="128"/>
      <c r="AU3674" s="128"/>
      <c r="AV3674" s="128"/>
      <c r="AW3674" s="128"/>
      <c r="AX3674" s="128"/>
      <c r="AY3674" s="128"/>
      <c r="AZ3674" s="128"/>
      <c r="BA3674" s="128"/>
      <c r="BB3674" s="107">
        <v>45884</v>
      </c>
    </row>
    <row r="3675" spans="1:54" s="8" customFormat="1" ht="13.95" customHeight="1" x14ac:dyDescent="0.25">
      <c r="A3675" s="219" t="s">
        <v>8190</v>
      </c>
      <c r="B3675" s="220" t="s">
        <v>6395</v>
      </c>
      <c r="C3675" s="98" t="s">
        <v>8191</v>
      </c>
      <c r="D3675" s="98" t="s">
        <v>21328</v>
      </c>
      <c r="E3675" s="141">
        <v>2009</v>
      </c>
      <c r="F3675" s="141">
        <v>937</v>
      </c>
      <c r="G3675" s="98" t="s">
        <v>1</v>
      </c>
      <c r="H3675" s="98">
        <v>0</v>
      </c>
      <c r="I3675" s="98">
        <v>0</v>
      </c>
      <c r="J3675" s="98" t="s">
        <v>400</v>
      </c>
      <c r="K3675" s="98" t="s">
        <v>400</v>
      </c>
      <c r="L3675" s="98" t="s">
        <v>400</v>
      </c>
      <c r="M3675" s="98" t="s">
        <v>400</v>
      </c>
      <c r="N3675" s="98" t="s">
        <v>400</v>
      </c>
      <c r="O3675" s="98" t="s">
        <v>400</v>
      </c>
      <c r="P3675" s="98" t="s">
        <v>400</v>
      </c>
      <c r="Q3675" s="98" t="s">
        <v>400</v>
      </c>
      <c r="R3675" s="98" t="s">
        <v>400</v>
      </c>
      <c r="S3675" s="98" t="s">
        <v>400</v>
      </c>
      <c r="T3675" s="98" t="s">
        <v>400</v>
      </c>
      <c r="U3675" s="128"/>
      <c r="V3675" s="128"/>
      <c r="W3675" s="128"/>
      <c r="X3675" s="128"/>
      <c r="Y3675" s="128"/>
      <c r="Z3675" s="128"/>
      <c r="AA3675" s="128"/>
      <c r="AB3675" s="128"/>
      <c r="AC3675" s="128"/>
      <c r="AD3675" s="128"/>
      <c r="AE3675" s="128"/>
      <c r="AF3675" s="128"/>
      <c r="AG3675" s="128"/>
      <c r="AH3675" s="128"/>
      <c r="AI3675" s="128"/>
      <c r="AJ3675" s="128"/>
      <c r="AK3675" s="128"/>
      <c r="AL3675" s="128"/>
      <c r="AM3675" s="128"/>
      <c r="AN3675" s="128"/>
      <c r="AO3675" s="128"/>
      <c r="AP3675" s="128"/>
      <c r="AQ3675" s="128"/>
      <c r="AR3675" s="128"/>
      <c r="AS3675" s="128"/>
      <c r="AT3675" s="128"/>
      <c r="AU3675" s="128"/>
      <c r="AV3675" s="128"/>
      <c r="AW3675" s="128"/>
      <c r="AX3675" s="128"/>
      <c r="AY3675" s="128"/>
      <c r="AZ3675" s="128"/>
      <c r="BA3675" s="128"/>
      <c r="BB3675" s="107">
        <v>45884</v>
      </c>
    </row>
    <row r="3676" spans="1:54" s="8" customFormat="1" ht="13.95" customHeight="1" x14ac:dyDescent="0.25">
      <c r="A3676" s="219" t="s">
        <v>8192</v>
      </c>
      <c r="B3676" s="220" t="s">
        <v>6395</v>
      </c>
      <c r="C3676" s="98" t="s">
        <v>8193</v>
      </c>
      <c r="D3676" s="98" t="s">
        <v>21329</v>
      </c>
      <c r="E3676" s="141">
        <v>2015</v>
      </c>
      <c r="F3676" s="141">
        <v>629</v>
      </c>
      <c r="G3676" s="98" t="s">
        <v>1</v>
      </c>
      <c r="H3676" s="98">
        <v>0</v>
      </c>
      <c r="I3676" s="98">
        <v>0</v>
      </c>
      <c r="J3676" s="98" t="s">
        <v>400</v>
      </c>
      <c r="K3676" s="98">
        <v>0</v>
      </c>
      <c r="L3676" s="98">
        <v>0</v>
      </c>
      <c r="M3676" s="98">
        <v>0</v>
      </c>
      <c r="N3676" s="98">
        <v>0</v>
      </c>
      <c r="O3676" s="98">
        <v>0</v>
      </c>
      <c r="P3676" s="98">
        <v>0</v>
      </c>
      <c r="Q3676" s="98">
        <v>0</v>
      </c>
      <c r="R3676" s="98">
        <v>0</v>
      </c>
      <c r="S3676" s="98">
        <v>0</v>
      </c>
      <c r="T3676" s="98">
        <v>0</v>
      </c>
      <c r="U3676" s="128"/>
      <c r="V3676" s="128"/>
      <c r="W3676" s="128"/>
      <c r="X3676" s="128"/>
      <c r="Y3676" s="128"/>
      <c r="Z3676" s="128"/>
      <c r="AA3676" s="128"/>
      <c r="AB3676" s="128"/>
      <c r="AC3676" s="128"/>
      <c r="AD3676" s="128"/>
      <c r="AE3676" s="128"/>
      <c r="AF3676" s="128"/>
      <c r="AG3676" s="128"/>
      <c r="AH3676" s="128"/>
      <c r="AI3676" s="128"/>
      <c r="AJ3676" s="128"/>
      <c r="AK3676" s="128"/>
      <c r="AL3676" s="128"/>
      <c r="AM3676" s="128"/>
      <c r="AN3676" s="128"/>
      <c r="AO3676" s="128"/>
      <c r="AP3676" s="128"/>
      <c r="AQ3676" s="128"/>
      <c r="AR3676" s="128"/>
      <c r="AS3676" s="128"/>
      <c r="AT3676" s="128"/>
      <c r="AU3676" s="128"/>
      <c r="AV3676" s="128"/>
      <c r="AW3676" s="128"/>
      <c r="AX3676" s="128"/>
      <c r="AY3676" s="128"/>
      <c r="AZ3676" s="128"/>
      <c r="BA3676" s="128"/>
      <c r="BB3676" s="107">
        <v>45884</v>
      </c>
    </row>
    <row r="3677" spans="1:54" s="8" customFormat="1" ht="13.95" customHeight="1" x14ac:dyDescent="0.25">
      <c r="A3677" s="219" t="s">
        <v>8194</v>
      </c>
      <c r="B3677" s="220" t="s">
        <v>6395</v>
      </c>
      <c r="C3677" s="98" t="s">
        <v>8195</v>
      </c>
      <c r="D3677" s="98" t="s">
        <v>21330</v>
      </c>
      <c r="E3677" s="141">
        <v>1966</v>
      </c>
      <c r="F3677" s="141">
        <v>516</v>
      </c>
      <c r="G3677" s="98" t="s">
        <v>1</v>
      </c>
      <c r="H3677" s="98">
        <v>0</v>
      </c>
      <c r="I3677" s="98">
        <v>0</v>
      </c>
      <c r="J3677" s="98" t="s">
        <v>400</v>
      </c>
      <c r="K3677" s="98" t="s">
        <v>400</v>
      </c>
      <c r="L3677" s="98" t="s">
        <v>400</v>
      </c>
      <c r="M3677" s="98" t="s">
        <v>400</v>
      </c>
      <c r="N3677" s="98" t="s">
        <v>400</v>
      </c>
      <c r="O3677" s="98" t="s">
        <v>400</v>
      </c>
      <c r="P3677" s="98" t="s">
        <v>400</v>
      </c>
      <c r="Q3677" s="98" t="s">
        <v>400</v>
      </c>
      <c r="R3677" s="98" t="s">
        <v>400</v>
      </c>
      <c r="S3677" s="98" t="s">
        <v>400</v>
      </c>
      <c r="T3677" s="98" t="s">
        <v>400</v>
      </c>
      <c r="U3677" s="128"/>
      <c r="V3677" s="128"/>
      <c r="W3677" s="128"/>
      <c r="X3677" s="128"/>
      <c r="Y3677" s="128"/>
      <c r="Z3677" s="128"/>
      <c r="AA3677" s="128"/>
      <c r="AB3677" s="128"/>
      <c r="AC3677" s="128"/>
      <c r="AD3677" s="128"/>
      <c r="AE3677" s="128"/>
      <c r="AF3677" s="128"/>
      <c r="AG3677" s="128"/>
      <c r="AH3677" s="128"/>
      <c r="AI3677" s="128"/>
      <c r="AJ3677" s="128"/>
      <c r="AK3677" s="128"/>
      <c r="AL3677" s="128"/>
      <c r="AM3677" s="128"/>
      <c r="AN3677" s="128"/>
      <c r="AO3677" s="128"/>
      <c r="AP3677" s="128"/>
      <c r="AQ3677" s="128"/>
      <c r="AR3677" s="128"/>
      <c r="AS3677" s="128"/>
      <c r="AT3677" s="128"/>
      <c r="AU3677" s="128"/>
      <c r="AV3677" s="128"/>
      <c r="AW3677" s="128"/>
      <c r="AX3677" s="128"/>
      <c r="AY3677" s="128"/>
      <c r="AZ3677" s="128"/>
      <c r="BA3677" s="128"/>
      <c r="BB3677" s="107">
        <v>45884</v>
      </c>
    </row>
    <row r="3678" spans="1:54" s="8" customFormat="1" ht="13.95" customHeight="1" x14ac:dyDescent="0.25">
      <c r="A3678" s="219" t="s">
        <v>8196</v>
      </c>
      <c r="B3678" s="220" t="s">
        <v>6395</v>
      </c>
      <c r="C3678" s="98" t="s">
        <v>8197</v>
      </c>
      <c r="D3678" s="98" t="s">
        <v>21331</v>
      </c>
      <c r="E3678" s="141">
        <v>1984</v>
      </c>
      <c r="F3678" s="141">
        <v>6463</v>
      </c>
      <c r="G3678" s="98" t="s">
        <v>1</v>
      </c>
      <c r="H3678" s="98">
        <v>1</v>
      </c>
      <c r="I3678" s="98">
        <v>0</v>
      </c>
      <c r="J3678" s="98" t="s">
        <v>400</v>
      </c>
      <c r="K3678" s="98" t="s">
        <v>400</v>
      </c>
      <c r="L3678" s="98" t="s">
        <v>400</v>
      </c>
      <c r="M3678" s="98" t="s">
        <v>400</v>
      </c>
      <c r="N3678" s="98" t="s">
        <v>400</v>
      </c>
      <c r="O3678" s="98" t="s">
        <v>400</v>
      </c>
      <c r="P3678" s="98" t="s">
        <v>400</v>
      </c>
      <c r="Q3678" s="98" t="s">
        <v>400</v>
      </c>
      <c r="R3678" s="98" t="s">
        <v>400</v>
      </c>
      <c r="S3678" s="98" t="s">
        <v>400</v>
      </c>
      <c r="T3678" s="98" t="s">
        <v>400</v>
      </c>
      <c r="U3678" s="128"/>
      <c r="V3678" s="128"/>
      <c r="W3678" s="128"/>
      <c r="X3678" s="128"/>
      <c r="Y3678" s="128"/>
      <c r="Z3678" s="128"/>
      <c r="AA3678" s="128"/>
      <c r="AB3678" s="128"/>
      <c r="AC3678" s="128"/>
      <c r="AD3678" s="128"/>
      <c r="AE3678" s="128"/>
      <c r="AF3678" s="128"/>
      <c r="AG3678" s="128"/>
      <c r="AH3678" s="128"/>
      <c r="AI3678" s="128"/>
      <c r="AJ3678" s="128"/>
      <c r="AK3678" s="128"/>
      <c r="AL3678" s="128"/>
      <c r="AM3678" s="128"/>
      <c r="AN3678" s="128"/>
      <c r="AO3678" s="128"/>
      <c r="AP3678" s="128"/>
      <c r="AQ3678" s="128"/>
      <c r="AR3678" s="128"/>
      <c r="AS3678" s="128"/>
      <c r="AT3678" s="128"/>
      <c r="AU3678" s="128"/>
      <c r="AV3678" s="128"/>
      <c r="AW3678" s="128"/>
      <c r="AX3678" s="128"/>
      <c r="AY3678" s="128"/>
      <c r="AZ3678" s="128"/>
      <c r="BA3678" s="128"/>
      <c r="BB3678" s="107">
        <v>45884</v>
      </c>
    </row>
    <row r="3679" spans="1:54" s="8" customFormat="1" ht="13.95" customHeight="1" x14ac:dyDescent="0.25">
      <c r="A3679" s="219" t="s">
        <v>8198</v>
      </c>
      <c r="B3679" s="220" t="s">
        <v>6395</v>
      </c>
      <c r="C3679" s="98" t="s">
        <v>8199</v>
      </c>
      <c r="D3679" s="98" t="s">
        <v>21332</v>
      </c>
      <c r="E3679" s="141">
        <v>2015</v>
      </c>
      <c r="F3679" s="141">
        <v>6771</v>
      </c>
      <c r="G3679" s="98" t="s">
        <v>1</v>
      </c>
      <c r="H3679" s="98">
        <v>0</v>
      </c>
      <c r="I3679" s="98">
        <v>0</v>
      </c>
      <c r="J3679" s="98" t="s">
        <v>400</v>
      </c>
      <c r="K3679" s="98" t="s">
        <v>400</v>
      </c>
      <c r="L3679" s="98" t="s">
        <v>400</v>
      </c>
      <c r="M3679" s="98" t="s">
        <v>400</v>
      </c>
      <c r="N3679" s="98" t="s">
        <v>400</v>
      </c>
      <c r="O3679" s="98" t="s">
        <v>400</v>
      </c>
      <c r="P3679" s="98" t="s">
        <v>400</v>
      </c>
      <c r="Q3679" s="98" t="s">
        <v>400</v>
      </c>
      <c r="R3679" s="98" t="s">
        <v>400</v>
      </c>
      <c r="S3679" s="98" t="s">
        <v>400</v>
      </c>
      <c r="T3679" s="98" t="s">
        <v>400</v>
      </c>
      <c r="U3679" s="128"/>
      <c r="V3679" s="128"/>
      <c r="W3679" s="128"/>
      <c r="X3679" s="128"/>
      <c r="Y3679" s="128"/>
      <c r="Z3679" s="128"/>
      <c r="AA3679" s="128"/>
      <c r="AB3679" s="128"/>
      <c r="AC3679" s="128"/>
      <c r="AD3679" s="128"/>
      <c r="AE3679" s="128"/>
      <c r="AF3679" s="128"/>
      <c r="AG3679" s="128"/>
      <c r="AH3679" s="128"/>
      <c r="AI3679" s="128"/>
      <c r="AJ3679" s="128"/>
      <c r="AK3679" s="128"/>
      <c r="AL3679" s="128"/>
      <c r="AM3679" s="128"/>
      <c r="AN3679" s="128"/>
      <c r="AO3679" s="128"/>
      <c r="AP3679" s="128"/>
      <c r="AQ3679" s="128"/>
      <c r="AR3679" s="128"/>
      <c r="AS3679" s="128"/>
      <c r="AT3679" s="128"/>
      <c r="AU3679" s="128"/>
      <c r="AV3679" s="128"/>
      <c r="AW3679" s="128"/>
      <c r="AX3679" s="128"/>
      <c r="AY3679" s="128"/>
      <c r="AZ3679" s="128"/>
      <c r="BA3679" s="128"/>
      <c r="BB3679" s="107">
        <v>45884</v>
      </c>
    </row>
    <row r="3680" spans="1:54" s="8" customFormat="1" ht="13.95" customHeight="1" x14ac:dyDescent="0.25">
      <c r="A3680" s="219" t="s">
        <v>8200</v>
      </c>
      <c r="B3680" s="220" t="s">
        <v>6395</v>
      </c>
      <c r="C3680" s="98" t="s">
        <v>8201</v>
      </c>
      <c r="D3680" s="98" t="s">
        <v>21333</v>
      </c>
      <c r="E3680" s="141">
        <v>1996</v>
      </c>
      <c r="F3680" s="141">
        <v>316</v>
      </c>
      <c r="G3680" s="98" t="s">
        <v>1</v>
      </c>
      <c r="H3680" s="98">
        <v>0</v>
      </c>
      <c r="I3680" s="98">
        <v>0</v>
      </c>
      <c r="J3680" s="98" t="s">
        <v>400</v>
      </c>
      <c r="K3680" s="98" t="s">
        <v>400</v>
      </c>
      <c r="L3680" s="98" t="s">
        <v>400</v>
      </c>
      <c r="M3680" s="98" t="s">
        <v>400</v>
      </c>
      <c r="N3680" s="98" t="s">
        <v>400</v>
      </c>
      <c r="O3680" s="98" t="s">
        <v>400</v>
      </c>
      <c r="P3680" s="98" t="s">
        <v>400</v>
      </c>
      <c r="Q3680" s="98" t="s">
        <v>400</v>
      </c>
      <c r="R3680" s="98" t="s">
        <v>400</v>
      </c>
      <c r="S3680" s="98" t="s">
        <v>400</v>
      </c>
      <c r="T3680" s="98" t="s">
        <v>400</v>
      </c>
      <c r="U3680" s="128"/>
      <c r="V3680" s="128"/>
      <c r="W3680" s="128"/>
      <c r="X3680" s="128"/>
      <c r="Y3680" s="128"/>
      <c r="Z3680" s="128"/>
      <c r="AA3680" s="128"/>
      <c r="AB3680" s="128"/>
      <c r="AC3680" s="128"/>
      <c r="AD3680" s="128"/>
      <c r="AE3680" s="128"/>
      <c r="AF3680" s="128"/>
      <c r="AG3680" s="128"/>
      <c r="AH3680" s="128"/>
      <c r="AI3680" s="128"/>
      <c r="AJ3680" s="128"/>
      <c r="AK3680" s="128"/>
      <c r="AL3680" s="128"/>
      <c r="AM3680" s="128"/>
      <c r="AN3680" s="128"/>
      <c r="AO3680" s="128"/>
      <c r="AP3680" s="128"/>
      <c r="AQ3680" s="128"/>
      <c r="AR3680" s="128"/>
      <c r="AS3680" s="128"/>
      <c r="AT3680" s="128"/>
      <c r="AU3680" s="128"/>
      <c r="AV3680" s="128"/>
      <c r="AW3680" s="128"/>
      <c r="AX3680" s="128"/>
      <c r="AY3680" s="128"/>
      <c r="AZ3680" s="128"/>
      <c r="BA3680" s="128"/>
      <c r="BB3680" s="107">
        <v>45884</v>
      </c>
    </row>
    <row r="3681" spans="1:54" s="8" customFormat="1" ht="13.95" customHeight="1" x14ac:dyDescent="0.25">
      <c r="A3681" s="219" t="s">
        <v>8202</v>
      </c>
      <c r="B3681" s="220" t="s">
        <v>6395</v>
      </c>
      <c r="C3681" s="98" t="s">
        <v>8203</v>
      </c>
      <c r="D3681" s="98" t="s">
        <v>21334</v>
      </c>
      <c r="E3681" s="141">
        <v>1992</v>
      </c>
      <c r="F3681" s="141">
        <v>315</v>
      </c>
      <c r="G3681" s="98" t="s">
        <v>1</v>
      </c>
      <c r="H3681" s="98">
        <v>0</v>
      </c>
      <c r="I3681" s="98">
        <v>0</v>
      </c>
      <c r="J3681" s="98" t="s">
        <v>400</v>
      </c>
      <c r="K3681" s="98" t="s">
        <v>400</v>
      </c>
      <c r="L3681" s="98" t="s">
        <v>400</v>
      </c>
      <c r="M3681" s="98" t="s">
        <v>400</v>
      </c>
      <c r="N3681" s="98" t="s">
        <v>400</v>
      </c>
      <c r="O3681" s="98" t="s">
        <v>400</v>
      </c>
      <c r="P3681" s="98" t="s">
        <v>400</v>
      </c>
      <c r="Q3681" s="98" t="s">
        <v>400</v>
      </c>
      <c r="R3681" s="98" t="s">
        <v>400</v>
      </c>
      <c r="S3681" s="98" t="s">
        <v>400</v>
      </c>
      <c r="T3681" s="98" t="s">
        <v>400</v>
      </c>
      <c r="U3681" s="128"/>
      <c r="V3681" s="128"/>
      <c r="W3681" s="128"/>
      <c r="X3681" s="128"/>
      <c r="Y3681" s="128"/>
      <c r="Z3681" s="128"/>
      <c r="AA3681" s="128"/>
      <c r="AB3681" s="128"/>
      <c r="AC3681" s="128"/>
      <c r="AD3681" s="128"/>
      <c r="AE3681" s="128"/>
      <c r="AF3681" s="128"/>
      <c r="AG3681" s="128"/>
      <c r="AH3681" s="128"/>
      <c r="AI3681" s="128"/>
      <c r="AJ3681" s="128"/>
      <c r="AK3681" s="128"/>
      <c r="AL3681" s="128"/>
      <c r="AM3681" s="128"/>
      <c r="AN3681" s="128"/>
      <c r="AO3681" s="128"/>
      <c r="AP3681" s="128"/>
      <c r="AQ3681" s="128"/>
      <c r="AR3681" s="128"/>
      <c r="AS3681" s="128"/>
      <c r="AT3681" s="128"/>
      <c r="AU3681" s="128"/>
      <c r="AV3681" s="128"/>
      <c r="AW3681" s="128"/>
      <c r="AX3681" s="128"/>
      <c r="AY3681" s="128"/>
      <c r="AZ3681" s="128"/>
      <c r="BA3681" s="128"/>
      <c r="BB3681" s="107">
        <v>45884</v>
      </c>
    </row>
    <row r="3682" spans="1:54" s="8" customFormat="1" ht="13.95" customHeight="1" x14ac:dyDescent="0.25">
      <c r="A3682" s="219" t="s">
        <v>8204</v>
      </c>
      <c r="B3682" s="220" t="s">
        <v>6395</v>
      </c>
      <c r="C3682" s="98" t="s">
        <v>8205</v>
      </c>
      <c r="D3682" s="98" t="s">
        <v>21335</v>
      </c>
      <c r="E3682" s="141">
        <v>1993</v>
      </c>
      <c r="F3682" s="141">
        <v>840</v>
      </c>
      <c r="G3682" s="98" t="s">
        <v>1</v>
      </c>
      <c r="H3682" s="98">
        <v>0</v>
      </c>
      <c r="I3682" s="98">
        <v>0</v>
      </c>
      <c r="J3682" s="98" t="s">
        <v>400</v>
      </c>
      <c r="K3682" s="98" t="s">
        <v>400</v>
      </c>
      <c r="L3682" s="98" t="s">
        <v>400</v>
      </c>
      <c r="M3682" s="98" t="s">
        <v>400</v>
      </c>
      <c r="N3682" s="98" t="s">
        <v>400</v>
      </c>
      <c r="O3682" s="98" t="s">
        <v>400</v>
      </c>
      <c r="P3682" s="98" t="s">
        <v>400</v>
      </c>
      <c r="Q3682" s="98" t="s">
        <v>400</v>
      </c>
      <c r="R3682" s="98" t="s">
        <v>400</v>
      </c>
      <c r="S3682" s="98" t="s">
        <v>400</v>
      </c>
      <c r="T3682" s="98" t="s">
        <v>400</v>
      </c>
      <c r="U3682" s="128"/>
      <c r="V3682" s="128"/>
      <c r="W3682" s="128"/>
      <c r="X3682" s="128"/>
      <c r="Y3682" s="128"/>
      <c r="Z3682" s="128"/>
      <c r="AA3682" s="128"/>
      <c r="AB3682" s="128"/>
      <c r="AC3682" s="128"/>
      <c r="AD3682" s="128"/>
      <c r="AE3682" s="128"/>
      <c r="AF3682" s="128"/>
      <c r="AG3682" s="128"/>
      <c r="AH3682" s="128"/>
      <c r="AI3682" s="128"/>
      <c r="AJ3682" s="128"/>
      <c r="AK3682" s="128"/>
      <c r="AL3682" s="128"/>
      <c r="AM3682" s="128"/>
      <c r="AN3682" s="128"/>
      <c r="AO3682" s="128"/>
      <c r="AP3682" s="128"/>
      <c r="AQ3682" s="128"/>
      <c r="AR3682" s="128"/>
      <c r="AS3682" s="128"/>
      <c r="AT3682" s="128"/>
      <c r="AU3682" s="128"/>
      <c r="AV3682" s="128"/>
      <c r="AW3682" s="128"/>
      <c r="AX3682" s="128"/>
      <c r="AY3682" s="128"/>
      <c r="AZ3682" s="128"/>
      <c r="BA3682" s="128"/>
      <c r="BB3682" s="107">
        <v>45884</v>
      </c>
    </row>
    <row r="3683" spans="1:54" s="8" customFormat="1" ht="13.95" customHeight="1" x14ac:dyDescent="0.25">
      <c r="A3683" s="219" t="s">
        <v>8206</v>
      </c>
      <c r="B3683" s="220" t="s">
        <v>6395</v>
      </c>
      <c r="C3683" s="98" t="s">
        <v>8207</v>
      </c>
      <c r="D3683" s="98" t="s">
        <v>21336</v>
      </c>
      <c r="E3683" s="141">
        <v>1994</v>
      </c>
      <c r="F3683" s="141">
        <v>368</v>
      </c>
      <c r="G3683" s="98" t="s">
        <v>1</v>
      </c>
      <c r="H3683" s="98">
        <v>0</v>
      </c>
      <c r="I3683" s="98">
        <v>0</v>
      </c>
      <c r="J3683" s="98" t="s">
        <v>400</v>
      </c>
      <c r="K3683" s="98" t="s">
        <v>400</v>
      </c>
      <c r="L3683" s="98" t="s">
        <v>400</v>
      </c>
      <c r="M3683" s="98" t="s">
        <v>400</v>
      </c>
      <c r="N3683" s="98" t="s">
        <v>400</v>
      </c>
      <c r="O3683" s="98" t="s">
        <v>400</v>
      </c>
      <c r="P3683" s="98" t="s">
        <v>400</v>
      </c>
      <c r="Q3683" s="98" t="s">
        <v>400</v>
      </c>
      <c r="R3683" s="98" t="s">
        <v>400</v>
      </c>
      <c r="S3683" s="98" t="s">
        <v>400</v>
      </c>
      <c r="T3683" s="98" t="s">
        <v>400</v>
      </c>
      <c r="U3683" s="128"/>
      <c r="V3683" s="128"/>
      <c r="W3683" s="128"/>
      <c r="X3683" s="128"/>
      <c r="Y3683" s="128"/>
      <c r="Z3683" s="128"/>
      <c r="AA3683" s="128"/>
      <c r="AB3683" s="128"/>
      <c r="AC3683" s="128"/>
      <c r="AD3683" s="128"/>
      <c r="AE3683" s="128"/>
      <c r="AF3683" s="128"/>
      <c r="AG3683" s="128"/>
      <c r="AH3683" s="128"/>
      <c r="AI3683" s="128"/>
      <c r="AJ3683" s="128"/>
      <c r="AK3683" s="128"/>
      <c r="AL3683" s="128"/>
      <c r="AM3683" s="128"/>
      <c r="AN3683" s="128"/>
      <c r="AO3683" s="128"/>
      <c r="AP3683" s="128"/>
      <c r="AQ3683" s="128"/>
      <c r="AR3683" s="128"/>
      <c r="AS3683" s="128"/>
      <c r="AT3683" s="128"/>
      <c r="AU3683" s="128"/>
      <c r="AV3683" s="128"/>
      <c r="AW3683" s="128"/>
      <c r="AX3683" s="128"/>
      <c r="AY3683" s="128"/>
      <c r="AZ3683" s="128"/>
      <c r="BA3683" s="128"/>
      <c r="BB3683" s="107">
        <v>45884</v>
      </c>
    </row>
    <row r="3684" spans="1:54" s="8" customFormat="1" ht="13.95" customHeight="1" x14ac:dyDescent="0.25">
      <c r="A3684" s="219" t="s">
        <v>8208</v>
      </c>
      <c r="B3684" s="220" t="s">
        <v>6395</v>
      </c>
      <c r="C3684" s="98" t="s">
        <v>8209</v>
      </c>
      <c r="D3684" s="98" t="s">
        <v>21337</v>
      </c>
      <c r="E3684" s="141">
        <v>2002</v>
      </c>
      <c r="F3684" s="141">
        <v>396</v>
      </c>
      <c r="G3684" s="98" t="s">
        <v>1</v>
      </c>
      <c r="H3684" s="98">
        <v>0</v>
      </c>
      <c r="I3684" s="98">
        <v>0</v>
      </c>
      <c r="J3684" s="98" t="s">
        <v>400</v>
      </c>
      <c r="K3684" s="98" t="s">
        <v>400</v>
      </c>
      <c r="L3684" s="98" t="s">
        <v>400</v>
      </c>
      <c r="M3684" s="98" t="s">
        <v>400</v>
      </c>
      <c r="N3684" s="98" t="s">
        <v>400</v>
      </c>
      <c r="O3684" s="98" t="s">
        <v>400</v>
      </c>
      <c r="P3684" s="98" t="s">
        <v>400</v>
      </c>
      <c r="Q3684" s="98" t="s">
        <v>400</v>
      </c>
      <c r="R3684" s="98" t="s">
        <v>400</v>
      </c>
      <c r="S3684" s="98" t="s">
        <v>400</v>
      </c>
      <c r="T3684" s="98" t="s">
        <v>400</v>
      </c>
      <c r="U3684" s="128"/>
      <c r="V3684" s="128"/>
      <c r="W3684" s="128"/>
      <c r="X3684" s="128"/>
      <c r="Y3684" s="128"/>
      <c r="Z3684" s="128"/>
      <c r="AA3684" s="128"/>
      <c r="AB3684" s="128"/>
      <c r="AC3684" s="128"/>
      <c r="AD3684" s="128"/>
      <c r="AE3684" s="128"/>
      <c r="AF3684" s="128"/>
      <c r="AG3684" s="128"/>
      <c r="AH3684" s="128"/>
      <c r="AI3684" s="128"/>
      <c r="AJ3684" s="128"/>
      <c r="AK3684" s="128"/>
      <c r="AL3684" s="128"/>
      <c r="AM3684" s="128"/>
      <c r="AN3684" s="128"/>
      <c r="AO3684" s="128"/>
      <c r="AP3684" s="128"/>
      <c r="AQ3684" s="128"/>
      <c r="AR3684" s="128"/>
      <c r="AS3684" s="128"/>
      <c r="AT3684" s="128"/>
      <c r="AU3684" s="128"/>
      <c r="AV3684" s="128"/>
      <c r="AW3684" s="128"/>
      <c r="AX3684" s="128"/>
      <c r="AY3684" s="128"/>
      <c r="AZ3684" s="128"/>
      <c r="BA3684" s="128"/>
      <c r="BB3684" s="107">
        <v>45884</v>
      </c>
    </row>
    <row r="3685" spans="1:54" s="8" customFormat="1" ht="13.95" customHeight="1" x14ac:dyDescent="0.25">
      <c r="A3685" s="219" t="s">
        <v>8210</v>
      </c>
      <c r="B3685" s="220" t="s">
        <v>6395</v>
      </c>
      <c r="C3685" s="98" t="s">
        <v>8211</v>
      </c>
      <c r="D3685" s="98" t="s">
        <v>21338</v>
      </c>
      <c r="E3685" s="141">
        <v>2015</v>
      </c>
      <c r="F3685" s="141">
        <v>233</v>
      </c>
      <c r="G3685" s="98" t="s">
        <v>1</v>
      </c>
      <c r="H3685" s="98">
        <v>0</v>
      </c>
      <c r="I3685" s="98">
        <v>0</v>
      </c>
      <c r="J3685" s="98" t="s">
        <v>400</v>
      </c>
      <c r="K3685" s="98" t="s">
        <v>400</v>
      </c>
      <c r="L3685" s="98" t="s">
        <v>400</v>
      </c>
      <c r="M3685" s="98" t="s">
        <v>400</v>
      </c>
      <c r="N3685" s="98" t="s">
        <v>400</v>
      </c>
      <c r="O3685" s="98" t="s">
        <v>400</v>
      </c>
      <c r="P3685" s="98" t="s">
        <v>400</v>
      </c>
      <c r="Q3685" s="98" t="s">
        <v>400</v>
      </c>
      <c r="R3685" s="98" t="s">
        <v>400</v>
      </c>
      <c r="S3685" s="98" t="s">
        <v>400</v>
      </c>
      <c r="T3685" s="98" t="s">
        <v>400</v>
      </c>
      <c r="U3685" s="128"/>
      <c r="V3685" s="128"/>
      <c r="W3685" s="128"/>
      <c r="X3685" s="128"/>
      <c r="Y3685" s="128"/>
      <c r="Z3685" s="128"/>
      <c r="AA3685" s="128"/>
      <c r="AB3685" s="128"/>
      <c r="AC3685" s="128"/>
      <c r="AD3685" s="128"/>
      <c r="AE3685" s="128"/>
      <c r="AF3685" s="128"/>
      <c r="AG3685" s="128"/>
      <c r="AH3685" s="128"/>
      <c r="AI3685" s="128"/>
      <c r="AJ3685" s="128"/>
      <c r="AK3685" s="128"/>
      <c r="AL3685" s="128"/>
      <c r="AM3685" s="128"/>
      <c r="AN3685" s="128"/>
      <c r="AO3685" s="128"/>
      <c r="AP3685" s="128"/>
      <c r="AQ3685" s="128"/>
      <c r="AR3685" s="128"/>
      <c r="AS3685" s="128"/>
      <c r="AT3685" s="128"/>
      <c r="AU3685" s="128"/>
      <c r="AV3685" s="128"/>
      <c r="AW3685" s="128"/>
      <c r="AX3685" s="128"/>
      <c r="AY3685" s="128"/>
      <c r="AZ3685" s="128"/>
      <c r="BA3685" s="128"/>
      <c r="BB3685" s="107">
        <v>45884</v>
      </c>
    </row>
    <row r="3686" spans="1:54" s="8" customFormat="1" ht="13.95" customHeight="1" x14ac:dyDescent="0.25">
      <c r="A3686" s="219" t="s">
        <v>8212</v>
      </c>
      <c r="B3686" s="220" t="s">
        <v>6395</v>
      </c>
      <c r="C3686" s="98" t="s">
        <v>8213</v>
      </c>
      <c r="D3686" s="98" t="s">
        <v>21339</v>
      </c>
      <c r="E3686" s="141">
        <v>2004</v>
      </c>
      <c r="F3686" s="141">
        <v>383</v>
      </c>
      <c r="G3686" s="98" t="s">
        <v>1</v>
      </c>
      <c r="H3686" s="98">
        <v>0</v>
      </c>
      <c r="I3686" s="98">
        <v>0</v>
      </c>
      <c r="J3686" s="98" t="s">
        <v>400</v>
      </c>
      <c r="K3686" s="98" t="s">
        <v>400</v>
      </c>
      <c r="L3686" s="98" t="s">
        <v>400</v>
      </c>
      <c r="M3686" s="98" t="s">
        <v>400</v>
      </c>
      <c r="N3686" s="98" t="s">
        <v>400</v>
      </c>
      <c r="O3686" s="98" t="s">
        <v>400</v>
      </c>
      <c r="P3686" s="98" t="s">
        <v>400</v>
      </c>
      <c r="Q3686" s="98" t="s">
        <v>400</v>
      </c>
      <c r="R3686" s="98" t="s">
        <v>400</v>
      </c>
      <c r="S3686" s="98" t="s">
        <v>400</v>
      </c>
      <c r="T3686" s="98" t="s">
        <v>400</v>
      </c>
      <c r="U3686" s="128"/>
      <c r="V3686" s="128"/>
      <c r="W3686" s="128"/>
      <c r="X3686" s="128"/>
      <c r="Y3686" s="128"/>
      <c r="Z3686" s="128"/>
      <c r="AA3686" s="128"/>
      <c r="AB3686" s="128"/>
      <c r="AC3686" s="128"/>
      <c r="AD3686" s="128"/>
      <c r="AE3686" s="128"/>
      <c r="AF3686" s="128"/>
      <c r="AG3686" s="128"/>
      <c r="AH3686" s="128"/>
      <c r="AI3686" s="128"/>
      <c r="AJ3686" s="128"/>
      <c r="AK3686" s="128"/>
      <c r="AL3686" s="128"/>
      <c r="AM3686" s="128"/>
      <c r="AN3686" s="128"/>
      <c r="AO3686" s="128"/>
      <c r="AP3686" s="128"/>
      <c r="AQ3686" s="128"/>
      <c r="AR3686" s="128"/>
      <c r="AS3686" s="128"/>
      <c r="AT3686" s="128"/>
      <c r="AU3686" s="128"/>
      <c r="AV3686" s="128"/>
      <c r="AW3686" s="128"/>
      <c r="AX3686" s="128"/>
      <c r="AY3686" s="128"/>
      <c r="AZ3686" s="128"/>
      <c r="BA3686" s="128"/>
      <c r="BB3686" s="107">
        <v>45884</v>
      </c>
    </row>
    <row r="3687" spans="1:54" s="8" customFormat="1" ht="13.95" customHeight="1" x14ac:dyDescent="0.25">
      <c r="A3687" s="219" t="s">
        <v>8214</v>
      </c>
      <c r="B3687" s="220" t="s">
        <v>6395</v>
      </c>
      <c r="C3687" s="98" t="s">
        <v>8215</v>
      </c>
      <c r="D3687" s="98" t="s">
        <v>20654</v>
      </c>
      <c r="E3687" s="141">
        <v>2000</v>
      </c>
      <c r="F3687" s="141">
        <v>214</v>
      </c>
      <c r="G3687" s="98" t="s">
        <v>1</v>
      </c>
      <c r="H3687" s="98">
        <v>0</v>
      </c>
      <c r="I3687" s="98">
        <v>0</v>
      </c>
      <c r="J3687" s="98" t="s">
        <v>400</v>
      </c>
      <c r="K3687" s="98" t="s">
        <v>400</v>
      </c>
      <c r="L3687" s="98" t="s">
        <v>400</v>
      </c>
      <c r="M3687" s="98" t="s">
        <v>400</v>
      </c>
      <c r="N3687" s="98" t="s">
        <v>400</v>
      </c>
      <c r="O3687" s="98" t="s">
        <v>400</v>
      </c>
      <c r="P3687" s="98" t="s">
        <v>400</v>
      </c>
      <c r="Q3687" s="98" t="s">
        <v>400</v>
      </c>
      <c r="R3687" s="98" t="s">
        <v>400</v>
      </c>
      <c r="S3687" s="98" t="s">
        <v>400</v>
      </c>
      <c r="T3687" s="98" t="s">
        <v>400</v>
      </c>
      <c r="U3687" s="128"/>
      <c r="V3687" s="128"/>
      <c r="W3687" s="128"/>
      <c r="X3687" s="128"/>
      <c r="Y3687" s="128"/>
      <c r="Z3687" s="128"/>
      <c r="AA3687" s="128"/>
      <c r="AB3687" s="128"/>
      <c r="AC3687" s="128"/>
      <c r="AD3687" s="128"/>
      <c r="AE3687" s="128"/>
      <c r="AF3687" s="128"/>
      <c r="AG3687" s="128"/>
      <c r="AH3687" s="128"/>
      <c r="AI3687" s="128"/>
      <c r="AJ3687" s="128"/>
      <c r="AK3687" s="128"/>
      <c r="AL3687" s="128"/>
      <c r="AM3687" s="128"/>
      <c r="AN3687" s="128"/>
      <c r="AO3687" s="128"/>
      <c r="AP3687" s="128"/>
      <c r="AQ3687" s="128"/>
      <c r="AR3687" s="128"/>
      <c r="AS3687" s="128"/>
      <c r="AT3687" s="128"/>
      <c r="AU3687" s="128"/>
      <c r="AV3687" s="128"/>
      <c r="AW3687" s="128"/>
      <c r="AX3687" s="128"/>
      <c r="AY3687" s="128"/>
      <c r="AZ3687" s="128"/>
      <c r="BA3687" s="128"/>
      <c r="BB3687" s="107">
        <v>45884</v>
      </c>
    </row>
    <row r="3688" spans="1:54" s="8" customFormat="1" ht="13.95" customHeight="1" x14ac:dyDescent="0.25">
      <c r="A3688" s="219" t="s">
        <v>8216</v>
      </c>
      <c r="B3688" s="220" t="s">
        <v>6395</v>
      </c>
      <c r="C3688" s="98" t="s">
        <v>8217</v>
      </c>
      <c r="D3688" s="98" t="s">
        <v>8218</v>
      </c>
      <c r="E3688" s="141">
        <v>2012</v>
      </c>
      <c r="F3688" s="141">
        <v>845</v>
      </c>
      <c r="G3688" s="98" t="s">
        <v>1</v>
      </c>
      <c r="H3688" s="98">
        <v>0</v>
      </c>
      <c r="I3688" s="98">
        <v>0</v>
      </c>
      <c r="J3688" s="98" t="s">
        <v>400</v>
      </c>
      <c r="K3688" s="98" t="s">
        <v>400</v>
      </c>
      <c r="L3688" s="98" t="s">
        <v>400</v>
      </c>
      <c r="M3688" s="98" t="s">
        <v>400</v>
      </c>
      <c r="N3688" s="98" t="s">
        <v>400</v>
      </c>
      <c r="O3688" s="98" t="s">
        <v>400</v>
      </c>
      <c r="P3688" s="98" t="s">
        <v>400</v>
      </c>
      <c r="Q3688" s="98" t="s">
        <v>400</v>
      </c>
      <c r="R3688" s="98" t="s">
        <v>400</v>
      </c>
      <c r="S3688" s="98" t="s">
        <v>400</v>
      </c>
      <c r="T3688" s="98" t="s">
        <v>400</v>
      </c>
      <c r="U3688" s="128"/>
      <c r="V3688" s="128"/>
      <c r="W3688" s="128"/>
      <c r="X3688" s="128"/>
      <c r="Y3688" s="128"/>
      <c r="Z3688" s="128"/>
      <c r="AA3688" s="128"/>
      <c r="AB3688" s="128"/>
      <c r="AC3688" s="128"/>
      <c r="AD3688" s="128"/>
      <c r="AE3688" s="128"/>
      <c r="AF3688" s="128"/>
      <c r="AG3688" s="128"/>
      <c r="AH3688" s="128"/>
      <c r="AI3688" s="128"/>
      <c r="AJ3688" s="128"/>
      <c r="AK3688" s="128"/>
      <c r="AL3688" s="128"/>
      <c r="AM3688" s="128"/>
      <c r="AN3688" s="128"/>
      <c r="AO3688" s="128"/>
      <c r="AP3688" s="128"/>
      <c r="AQ3688" s="128"/>
      <c r="AR3688" s="128"/>
      <c r="AS3688" s="128"/>
      <c r="AT3688" s="128"/>
      <c r="AU3688" s="128"/>
      <c r="AV3688" s="128"/>
      <c r="AW3688" s="128"/>
      <c r="AX3688" s="128"/>
      <c r="AY3688" s="128"/>
      <c r="AZ3688" s="128"/>
      <c r="BA3688" s="128"/>
      <c r="BB3688" s="107">
        <v>45884</v>
      </c>
    </row>
    <row r="3689" spans="1:54" s="8" customFormat="1" ht="13.95" customHeight="1" x14ac:dyDescent="0.25">
      <c r="A3689" s="219" t="s">
        <v>8219</v>
      </c>
      <c r="B3689" s="220" t="s">
        <v>6395</v>
      </c>
      <c r="C3689" s="98" t="s">
        <v>8220</v>
      </c>
      <c r="D3689" s="98" t="s">
        <v>21340</v>
      </c>
      <c r="E3689" s="141">
        <v>2006</v>
      </c>
      <c r="F3689" s="141">
        <v>500</v>
      </c>
      <c r="G3689" s="98" t="s">
        <v>1</v>
      </c>
      <c r="H3689" s="98">
        <v>0</v>
      </c>
      <c r="I3689" s="98">
        <v>0</v>
      </c>
      <c r="J3689" s="98" t="s">
        <v>400</v>
      </c>
      <c r="K3689" s="98" t="s">
        <v>400</v>
      </c>
      <c r="L3689" s="98" t="s">
        <v>400</v>
      </c>
      <c r="M3689" s="98" t="s">
        <v>400</v>
      </c>
      <c r="N3689" s="98" t="s">
        <v>400</v>
      </c>
      <c r="O3689" s="98" t="s">
        <v>400</v>
      </c>
      <c r="P3689" s="98" t="s">
        <v>400</v>
      </c>
      <c r="Q3689" s="98" t="s">
        <v>400</v>
      </c>
      <c r="R3689" s="98" t="s">
        <v>400</v>
      </c>
      <c r="S3689" s="98" t="s">
        <v>400</v>
      </c>
      <c r="T3689" s="98" t="s">
        <v>400</v>
      </c>
      <c r="U3689" s="128"/>
      <c r="V3689" s="128"/>
      <c r="W3689" s="128"/>
      <c r="X3689" s="128"/>
      <c r="Y3689" s="128"/>
      <c r="Z3689" s="128"/>
      <c r="AA3689" s="128"/>
      <c r="AB3689" s="128"/>
      <c r="AC3689" s="128"/>
      <c r="AD3689" s="128"/>
      <c r="AE3689" s="128"/>
      <c r="AF3689" s="128"/>
      <c r="AG3689" s="128"/>
      <c r="AH3689" s="128"/>
      <c r="AI3689" s="128"/>
      <c r="AJ3689" s="128"/>
      <c r="AK3689" s="128"/>
      <c r="AL3689" s="128"/>
      <c r="AM3689" s="128"/>
      <c r="AN3689" s="128"/>
      <c r="AO3689" s="128"/>
      <c r="AP3689" s="128"/>
      <c r="AQ3689" s="128"/>
      <c r="AR3689" s="128"/>
      <c r="AS3689" s="128"/>
      <c r="AT3689" s="128"/>
      <c r="AU3689" s="128"/>
      <c r="AV3689" s="128"/>
      <c r="AW3689" s="128"/>
      <c r="AX3689" s="128"/>
      <c r="AY3689" s="128"/>
      <c r="AZ3689" s="128"/>
      <c r="BA3689" s="128"/>
      <c r="BB3689" s="107">
        <v>45884</v>
      </c>
    </row>
    <row r="3690" spans="1:54" s="8" customFormat="1" ht="13.95" customHeight="1" x14ac:dyDescent="0.25">
      <c r="A3690" s="219" t="s">
        <v>8221</v>
      </c>
      <c r="B3690" s="220" t="s">
        <v>6395</v>
      </c>
      <c r="C3690" s="98" t="s">
        <v>8222</v>
      </c>
      <c r="D3690" s="98" t="s">
        <v>21341</v>
      </c>
      <c r="E3690" s="141">
        <v>2004</v>
      </c>
      <c r="F3690" s="141">
        <v>247</v>
      </c>
      <c r="G3690" s="98" t="s">
        <v>1</v>
      </c>
      <c r="H3690" s="98">
        <v>0</v>
      </c>
      <c r="I3690" s="98">
        <v>0</v>
      </c>
      <c r="J3690" s="98" t="s">
        <v>400</v>
      </c>
      <c r="K3690" s="98" t="s">
        <v>400</v>
      </c>
      <c r="L3690" s="98" t="s">
        <v>400</v>
      </c>
      <c r="M3690" s="98" t="s">
        <v>400</v>
      </c>
      <c r="N3690" s="98" t="s">
        <v>400</v>
      </c>
      <c r="O3690" s="98" t="s">
        <v>400</v>
      </c>
      <c r="P3690" s="98" t="s">
        <v>400</v>
      </c>
      <c r="Q3690" s="98" t="s">
        <v>400</v>
      </c>
      <c r="R3690" s="98" t="s">
        <v>400</v>
      </c>
      <c r="S3690" s="98" t="s">
        <v>400</v>
      </c>
      <c r="T3690" s="98" t="s">
        <v>400</v>
      </c>
      <c r="U3690" s="128"/>
      <c r="V3690" s="128"/>
      <c r="W3690" s="128"/>
      <c r="X3690" s="128"/>
      <c r="Y3690" s="128"/>
      <c r="Z3690" s="128"/>
      <c r="AA3690" s="128"/>
      <c r="AB3690" s="128"/>
      <c r="AC3690" s="128"/>
      <c r="AD3690" s="128"/>
      <c r="AE3690" s="128"/>
      <c r="AF3690" s="128"/>
      <c r="AG3690" s="128"/>
      <c r="AH3690" s="128"/>
      <c r="AI3690" s="128"/>
      <c r="AJ3690" s="128"/>
      <c r="AK3690" s="128"/>
      <c r="AL3690" s="128"/>
      <c r="AM3690" s="128"/>
      <c r="AN3690" s="128"/>
      <c r="AO3690" s="128"/>
      <c r="AP3690" s="128"/>
      <c r="AQ3690" s="128"/>
      <c r="AR3690" s="128"/>
      <c r="AS3690" s="128"/>
      <c r="AT3690" s="128"/>
      <c r="AU3690" s="128"/>
      <c r="AV3690" s="128"/>
      <c r="AW3690" s="128"/>
      <c r="AX3690" s="128"/>
      <c r="AY3690" s="128"/>
      <c r="AZ3690" s="128"/>
      <c r="BA3690" s="128"/>
      <c r="BB3690" s="107">
        <v>45884</v>
      </c>
    </row>
    <row r="3691" spans="1:54" s="8" customFormat="1" ht="13.95" customHeight="1" x14ac:dyDescent="0.25">
      <c r="A3691" s="219" t="s">
        <v>8223</v>
      </c>
      <c r="B3691" s="220" t="s">
        <v>6395</v>
      </c>
      <c r="C3691" s="98" t="s">
        <v>8224</v>
      </c>
      <c r="D3691" s="98" t="s">
        <v>21342</v>
      </c>
      <c r="E3691" s="141">
        <v>2004</v>
      </c>
      <c r="F3691" s="141">
        <v>950</v>
      </c>
      <c r="G3691" s="98" t="s">
        <v>1</v>
      </c>
      <c r="H3691" s="98">
        <v>0</v>
      </c>
      <c r="I3691" s="98">
        <v>0</v>
      </c>
      <c r="J3691" s="98" t="s">
        <v>400</v>
      </c>
      <c r="K3691" s="98" t="s">
        <v>400</v>
      </c>
      <c r="L3691" s="98" t="s">
        <v>400</v>
      </c>
      <c r="M3691" s="98" t="s">
        <v>400</v>
      </c>
      <c r="N3691" s="98" t="s">
        <v>400</v>
      </c>
      <c r="O3691" s="98" t="s">
        <v>400</v>
      </c>
      <c r="P3691" s="98" t="s">
        <v>400</v>
      </c>
      <c r="Q3691" s="98" t="s">
        <v>400</v>
      </c>
      <c r="R3691" s="98" t="s">
        <v>400</v>
      </c>
      <c r="S3691" s="98" t="s">
        <v>400</v>
      </c>
      <c r="T3691" s="98" t="s">
        <v>400</v>
      </c>
      <c r="U3691" s="128"/>
      <c r="V3691" s="128"/>
      <c r="W3691" s="128"/>
      <c r="X3691" s="128"/>
      <c r="Y3691" s="128"/>
      <c r="Z3691" s="128"/>
      <c r="AA3691" s="128"/>
      <c r="AB3691" s="128"/>
      <c r="AC3691" s="128"/>
      <c r="AD3691" s="128"/>
      <c r="AE3691" s="128"/>
      <c r="AF3691" s="128"/>
      <c r="AG3691" s="128"/>
      <c r="AH3691" s="128"/>
      <c r="AI3691" s="128"/>
      <c r="AJ3691" s="128"/>
      <c r="AK3691" s="128"/>
      <c r="AL3691" s="128"/>
      <c r="AM3691" s="128"/>
      <c r="AN3691" s="128"/>
      <c r="AO3691" s="128"/>
      <c r="AP3691" s="128"/>
      <c r="AQ3691" s="128"/>
      <c r="AR3691" s="128"/>
      <c r="AS3691" s="128"/>
      <c r="AT3691" s="128"/>
      <c r="AU3691" s="128"/>
      <c r="AV3691" s="128"/>
      <c r="AW3691" s="128"/>
      <c r="AX3691" s="128"/>
      <c r="AY3691" s="128"/>
      <c r="AZ3691" s="128"/>
      <c r="BA3691" s="128"/>
      <c r="BB3691" s="107">
        <v>45884</v>
      </c>
    </row>
    <row r="3692" spans="1:54" s="8" customFormat="1" ht="13.95" customHeight="1" x14ac:dyDescent="0.25">
      <c r="A3692" s="219" t="s">
        <v>8225</v>
      </c>
      <c r="B3692" s="220" t="s">
        <v>6395</v>
      </c>
      <c r="C3692" s="98" t="s">
        <v>8226</v>
      </c>
      <c r="D3692" s="98" t="s">
        <v>21343</v>
      </c>
      <c r="E3692" s="141">
        <v>2010</v>
      </c>
      <c r="F3692" s="141">
        <v>2194</v>
      </c>
      <c r="G3692" s="98" t="s">
        <v>1</v>
      </c>
      <c r="H3692" s="98">
        <v>0</v>
      </c>
      <c r="I3692" s="98">
        <v>0</v>
      </c>
      <c r="J3692" s="98" t="s">
        <v>400</v>
      </c>
      <c r="K3692" s="98" t="s">
        <v>400</v>
      </c>
      <c r="L3692" s="98" t="s">
        <v>400</v>
      </c>
      <c r="M3692" s="98" t="s">
        <v>400</v>
      </c>
      <c r="N3692" s="98" t="s">
        <v>400</v>
      </c>
      <c r="O3692" s="98" t="s">
        <v>400</v>
      </c>
      <c r="P3692" s="98" t="s">
        <v>400</v>
      </c>
      <c r="Q3692" s="98" t="s">
        <v>400</v>
      </c>
      <c r="R3692" s="98" t="s">
        <v>400</v>
      </c>
      <c r="S3692" s="98" t="s">
        <v>400</v>
      </c>
      <c r="T3692" s="98" t="s">
        <v>400</v>
      </c>
      <c r="U3692" s="128"/>
      <c r="V3692" s="128"/>
      <c r="W3692" s="128"/>
      <c r="X3692" s="128"/>
      <c r="Y3692" s="128"/>
      <c r="Z3692" s="128"/>
      <c r="AA3692" s="128"/>
      <c r="AB3692" s="128"/>
      <c r="AC3692" s="128"/>
      <c r="AD3692" s="128"/>
      <c r="AE3692" s="128"/>
      <c r="AF3692" s="128"/>
      <c r="AG3692" s="128"/>
      <c r="AH3692" s="128"/>
      <c r="AI3692" s="128"/>
      <c r="AJ3692" s="128"/>
      <c r="AK3692" s="128"/>
      <c r="AL3692" s="128"/>
      <c r="AM3692" s="128"/>
      <c r="AN3692" s="128"/>
      <c r="AO3692" s="128"/>
      <c r="AP3692" s="128"/>
      <c r="AQ3692" s="128"/>
      <c r="AR3692" s="128"/>
      <c r="AS3692" s="128"/>
      <c r="AT3692" s="128"/>
      <c r="AU3692" s="128"/>
      <c r="AV3692" s="128"/>
      <c r="AW3692" s="128"/>
      <c r="AX3692" s="128"/>
      <c r="AY3692" s="128"/>
      <c r="AZ3692" s="128"/>
      <c r="BA3692" s="128"/>
      <c r="BB3692" s="107">
        <v>45884</v>
      </c>
    </row>
    <row r="3693" spans="1:54" s="8" customFormat="1" ht="13.95" customHeight="1" x14ac:dyDescent="0.25">
      <c r="A3693" s="219" t="s">
        <v>8227</v>
      </c>
      <c r="B3693" s="220" t="s">
        <v>6395</v>
      </c>
      <c r="C3693" s="98" t="s">
        <v>8228</v>
      </c>
      <c r="D3693" s="98" t="s">
        <v>21344</v>
      </c>
      <c r="E3693" s="141">
        <v>2004</v>
      </c>
      <c r="F3693" s="141">
        <v>298</v>
      </c>
      <c r="G3693" s="98" t="s">
        <v>1</v>
      </c>
      <c r="H3693" s="98">
        <v>0</v>
      </c>
      <c r="I3693" s="98">
        <v>0</v>
      </c>
      <c r="J3693" s="98" t="s">
        <v>400</v>
      </c>
      <c r="K3693" s="98" t="s">
        <v>400</v>
      </c>
      <c r="L3693" s="98" t="s">
        <v>400</v>
      </c>
      <c r="M3693" s="98" t="s">
        <v>400</v>
      </c>
      <c r="N3693" s="98" t="s">
        <v>400</v>
      </c>
      <c r="O3693" s="98" t="s">
        <v>400</v>
      </c>
      <c r="P3693" s="98" t="s">
        <v>400</v>
      </c>
      <c r="Q3693" s="98" t="s">
        <v>400</v>
      </c>
      <c r="R3693" s="98" t="s">
        <v>400</v>
      </c>
      <c r="S3693" s="98" t="s">
        <v>400</v>
      </c>
      <c r="T3693" s="98" t="s">
        <v>400</v>
      </c>
      <c r="U3693" s="128"/>
      <c r="V3693" s="128"/>
      <c r="W3693" s="128"/>
      <c r="X3693" s="128"/>
      <c r="Y3693" s="128"/>
      <c r="Z3693" s="128"/>
      <c r="AA3693" s="128"/>
      <c r="AB3693" s="128"/>
      <c r="AC3693" s="128"/>
      <c r="AD3693" s="128"/>
      <c r="AE3693" s="128"/>
      <c r="AF3693" s="128"/>
      <c r="AG3693" s="128"/>
      <c r="AH3693" s="128"/>
      <c r="AI3693" s="128"/>
      <c r="AJ3693" s="128"/>
      <c r="AK3693" s="128"/>
      <c r="AL3693" s="128"/>
      <c r="AM3693" s="128"/>
      <c r="AN3693" s="128"/>
      <c r="AO3693" s="128"/>
      <c r="AP3693" s="128"/>
      <c r="AQ3693" s="128"/>
      <c r="AR3693" s="128"/>
      <c r="AS3693" s="128"/>
      <c r="AT3693" s="128"/>
      <c r="AU3693" s="128"/>
      <c r="AV3693" s="128"/>
      <c r="AW3693" s="128"/>
      <c r="AX3693" s="128"/>
      <c r="AY3693" s="128"/>
      <c r="AZ3693" s="128"/>
      <c r="BA3693" s="128"/>
      <c r="BB3693" s="107">
        <v>45884</v>
      </c>
    </row>
    <row r="3694" spans="1:54" s="8" customFormat="1" ht="13.95" customHeight="1" x14ac:dyDescent="0.25">
      <c r="A3694" s="219" t="s">
        <v>8229</v>
      </c>
      <c r="B3694" s="220" t="s">
        <v>6395</v>
      </c>
      <c r="C3694" s="98" t="s">
        <v>8230</v>
      </c>
      <c r="D3694" s="98" t="s">
        <v>21345</v>
      </c>
      <c r="E3694" s="141">
        <v>2008</v>
      </c>
      <c r="F3694" s="141">
        <v>1747</v>
      </c>
      <c r="G3694" s="98" t="s">
        <v>1</v>
      </c>
      <c r="H3694" s="98">
        <v>0</v>
      </c>
      <c r="I3694" s="98">
        <v>0</v>
      </c>
      <c r="J3694" s="98" t="s">
        <v>400</v>
      </c>
      <c r="K3694" s="98" t="s">
        <v>400</v>
      </c>
      <c r="L3694" s="98" t="s">
        <v>400</v>
      </c>
      <c r="M3694" s="98" t="s">
        <v>400</v>
      </c>
      <c r="N3694" s="98" t="s">
        <v>400</v>
      </c>
      <c r="O3694" s="98" t="s">
        <v>400</v>
      </c>
      <c r="P3694" s="98" t="s">
        <v>400</v>
      </c>
      <c r="Q3694" s="98" t="s">
        <v>400</v>
      </c>
      <c r="R3694" s="98" t="s">
        <v>400</v>
      </c>
      <c r="S3694" s="98" t="s">
        <v>400</v>
      </c>
      <c r="T3694" s="98" t="s">
        <v>400</v>
      </c>
      <c r="U3694" s="128"/>
      <c r="V3694" s="128"/>
      <c r="W3694" s="128"/>
      <c r="X3694" s="128"/>
      <c r="Y3694" s="128"/>
      <c r="Z3694" s="128"/>
      <c r="AA3694" s="128"/>
      <c r="AB3694" s="128"/>
      <c r="AC3694" s="128"/>
      <c r="AD3694" s="128"/>
      <c r="AE3694" s="128"/>
      <c r="AF3694" s="128"/>
      <c r="AG3694" s="128"/>
      <c r="AH3694" s="128"/>
      <c r="AI3694" s="128"/>
      <c r="AJ3694" s="128"/>
      <c r="AK3694" s="128"/>
      <c r="AL3694" s="128"/>
      <c r="AM3694" s="128"/>
      <c r="AN3694" s="128"/>
      <c r="AO3694" s="128"/>
      <c r="AP3694" s="128"/>
      <c r="AQ3694" s="128"/>
      <c r="AR3694" s="128"/>
      <c r="AS3694" s="128"/>
      <c r="AT3694" s="128"/>
      <c r="AU3694" s="128"/>
      <c r="AV3694" s="128"/>
      <c r="AW3694" s="128"/>
      <c r="AX3694" s="128"/>
      <c r="AY3694" s="128"/>
      <c r="AZ3694" s="128"/>
      <c r="BA3694" s="128"/>
      <c r="BB3694" s="107">
        <v>45884</v>
      </c>
    </row>
    <row r="3695" spans="1:54" s="8" customFormat="1" ht="13.95" customHeight="1" x14ac:dyDescent="0.25">
      <c r="A3695" s="219" t="s">
        <v>8231</v>
      </c>
      <c r="B3695" s="220" t="s">
        <v>6395</v>
      </c>
      <c r="C3695" s="98" t="s">
        <v>8232</v>
      </c>
      <c r="D3695" s="98" t="s">
        <v>21346</v>
      </c>
      <c r="E3695" s="141">
        <v>2004</v>
      </c>
      <c r="F3695" s="141">
        <v>306</v>
      </c>
      <c r="G3695" s="98" t="s">
        <v>1</v>
      </c>
      <c r="H3695" s="98">
        <v>0</v>
      </c>
      <c r="I3695" s="98">
        <v>0</v>
      </c>
      <c r="J3695" s="98" t="s">
        <v>400</v>
      </c>
      <c r="K3695" s="98" t="s">
        <v>400</v>
      </c>
      <c r="L3695" s="98" t="s">
        <v>400</v>
      </c>
      <c r="M3695" s="98" t="s">
        <v>400</v>
      </c>
      <c r="N3695" s="98" t="s">
        <v>400</v>
      </c>
      <c r="O3695" s="98" t="s">
        <v>400</v>
      </c>
      <c r="P3695" s="98" t="s">
        <v>400</v>
      </c>
      <c r="Q3695" s="98" t="s">
        <v>400</v>
      </c>
      <c r="R3695" s="98" t="s">
        <v>400</v>
      </c>
      <c r="S3695" s="98" t="s">
        <v>400</v>
      </c>
      <c r="T3695" s="98" t="s">
        <v>400</v>
      </c>
      <c r="U3695" s="128"/>
      <c r="V3695" s="128"/>
      <c r="W3695" s="128"/>
      <c r="X3695" s="128"/>
      <c r="Y3695" s="128"/>
      <c r="Z3695" s="128"/>
      <c r="AA3695" s="128"/>
      <c r="AB3695" s="128"/>
      <c r="AC3695" s="128"/>
      <c r="AD3695" s="128"/>
      <c r="AE3695" s="128"/>
      <c r="AF3695" s="128"/>
      <c r="AG3695" s="128"/>
      <c r="AH3695" s="128"/>
      <c r="AI3695" s="128"/>
      <c r="AJ3695" s="128"/>
      <c r="AK3695" s="128"/>
      <c r="AL3695" s="128"/>
      <c r="AM3695" s="128"/>
      <c r="AN3695" s="128"/>
      <c r="AO3695" s="128"/>
      <c r="AP3695" s="128"/>
      <c r="AQ3695" s="128"/>
      <c r="AR3695" s="128"/>
      <c r="AS3695" s="128"/>
      <c r="AT3695" s="128"/>
      <c r="AU3695" s="128"/>
      <c r="AV3695" s="128"/>
      <c r="AW3695" s="128"/>
      <c r="AX3695" s="128"/>
      <c r="AY3695" s="128"/>
      <c r="AZ3695" s="128"/>
      <c r="BA3695" s="128"/>
      <c r="BB3695" s="107">
        <v>45884</v>
      </c>
    </row>
    <row r="3696" spans="1:54" s="8" customFormat="1" ht="13.95" customHeight="1" x14ac:dyDescent="0.25">
      <c r="A3696" s="219" t="s">
        <v>8233</v>
      </c>
      <c r="B3696" s="220" t="s">
        <v>6395</v>
      </c>
      <c r="C3696" s="98" t="s">
        <v>8234</v>
      </c>
      <c r="D3696" s="98" t="s">
        <v>21347</v>
      </c>
      <c r="E3696" s="141">
        <v>2009</v>
      </c>
      <c r="F3696" s="141">
        <v>616</v>
      </c>
      <c r="G3696" s="98" t="s">
        <v>1</v>
      </c>
      <c r="H3696" s="98">
        <v>0</v>
      </c>
      <c r="I3696" s="98">
        <v>0</v>
      </c>
      <c r="J3696" s="98" t="s">
        <v>400</v>
      </c>
      <c r="K3696" s="98" t="s">
        <v>400</v>
      </c>
      <c r="L3696" s="98" t="s">
        <v>400</v>
      </c>
      <c r="M3696" s="98" t="s">
        <v>400</v>
      </c>
      <c r="N3696" s="98" t="s">
        <v>400</v>
      </c>
      <c r="O3696" s="98" t="s">
        <v>400</v>
      </c>
      <c r="P3696" s="98" t="s">
        <v>400</v>
      </c>
      <c r="Q3696" s="98" t="s">
        <v>400</v>
      </c>
      <c r="R3696" s="98" t="s">
        <v>400</v>
      </c>
      <c r="S3696" s="98" t="s">
        <v>400</v>
      </c>
      <c r="T3696" s="98" t="s">
        <v>400</v>
      </c>
      <c r="U3696" s="128"/>
      <c r="V3696" s="128"/>
      <c r="W3696" s="128"/>
      <c r="X3696" s="128"/>
      <c r="Y3696" s="128"/>
      <c r="Z3696" s="128"/>
      <c r="AA3696" s="128"/>
      <c r="AB3696" s="128"/>
      <c r="AC3696" s="128"/>
      <c r="AD3696" s="128"/>
      <c r="AE3696" s="128"/>
      <c r="AF3696" s="128"/>
      <c r="AG3696" s="128"/>
      <c r="AH3696" s="128"/>
      <c r="AI3696" s="128"/>
      <c r="AJ3696" s="128"/>
      <c r="AK3696" s="128"/>
      <c r="AL3696" s="128"/>
      <c r="AM3696" s="128"/>
      <c r="AN3696" s="128"/>
      <c r="AO3696" s="128"/>
      <c r="AP3696" s="128"/>
      <c r="AQ3696" s="128"/>
      <c r="AR3696" s="128"/>
      <c r="AS3696" s="128"/>
      <c r="AT3696" s="128"/>
      <c r="AU3696" s="128"/>
      <c r="AV3696" s="128"/>
      <c r="AW3696" s="128"/>
      <c r="AX3696" s="128"/>
      <c r="AY3696" s="128"/>
      <c r="AZ3696" s="128"/>
      <c r="BA3696" s="128"/>
      <c r="BB3696" s="107">
        <v>45884</v>
      </c>
    </row>
    <row r="3697" spans="1:54" s="8" customFormat="1" ht="13.95" customHeight="1" x14ac:dyDescent="0.25">
      <c r="A3697" s="219" t="s">
        <v>8235</v>
      </c>
      <c r="B3697" s="220" t="s">
        <v>6395</v>
      </c>
      <c r="C3697" s="98" t="s">
        <v>8236</v>
      </c>
      <c r="D3697" s="98" t="s">
        <v>21348</v>
      </c>
      <c r="E3697" s="141">
        <v>2005</v>
      </c>
      <c r="F3697" s="141">
        <v>552</v>
      </c>
      <c r="G3697" s="98" t="s">
        <v>1</v>
      </c>
      <c r="H3697" s="98">
        <v>0</v>
      </c>
      <c r="I3697" s="98">
        <v>0</v>
      </c>
      <c r="J3697" s="98" t="s">
        <v>400</v>
      </c>
      <c r="K3697" s="98" t="s">
        <v>400</v>
      </c>
      <c r="L3697" s="98" t="s">
        <v>400</v>
      </c>
      <c r="M3697" s="98" t="s">
        <v>400</v>
      </c>
      <c r="N3697" s="98" t="s">
        <v>400</v>
      </c>
      <c r="O3697" s="98" t="s">
        <v>400</v>
      </c>
      <c r="P3697" s="98" t="s">
        <v>400</v>
      </c>
      <c r="Q3697" s="98" t="s">
        <v>400</v>
      </c>
      <c r="R3697" s="98" t="s">
        <v>400</v>
      </c>
      <c r="S3697" s="98" t="s">
        <v>400</v>
      </c>
      <c r="T3697" s="98" t="s">
        <v>400</v>
      </c>
      <c r="U3697" s="128"/>
      <c r="V3697" s="128"/>
      <c r="W3697" s="128"/>
      <c r="X3697" s="128"/>
      <c r="Y3697" s="128"/>
      <c r="Z3697" s="128"/>
      <c r="AA3697" s="128"/>
      <c r="AB3697" s="128"/>
      <c r="AC3697" s="128"/>
      <c r="AD3697" s="128"/>
      <c r="AE3697" s="128"/>
      <c r="AF3697" s="128"/>
      <c r="AG3697" s="128"/>
      <c r="AH3697" s="128"/>
      <c r="AI3697" s="128"/>
      <c r="AJ3697" s="128"/>
      <c r="AK3697" s="128"/>
      <c r="AL3697" s="128"/>
      <c r="AM3697" s="128"/>
      <c r="AN3697" s="128"/>
      <c r="AO3697" s="128"/>
      <c r="AP3697" s="128"/>
      <c r="AQ3697" s="128"/>
      <c r="AR3697" s="128"/>
      <c r="AS3697" s="128"/>
      <c r="AT3697" s="128"/>
      <c r="AU3697" s="128"/>
      <c r="AV3697" s="128"/>
      <c r="AW3697" s="128"/>
      <c r="AX3697" s="128"/>
      <c r="AY3697" s="128"/>
      <c r="AZ3697" s="128"/>
      <c r="BA3697" s="128"/>
      <c r="BB3697" s="107">
        <v>45884</v>
      </c>
    </row>
    <row r="3698" spans="1:54" s="8" customFormat="1" ht="13.95" customHeight="1" x14ac:dyDescent="0.25">
      <c r="A3698" s="219" t="s">
        <v>8237</v>
      </c>
      <c r="B3698" s="220" t="s">
        <v>6395</v>
      </c>
      <c r="C3698" s="98" t="s">
        <v>8238</v>
      </c>
      <c r="D3698" s="98" t="s">
        <v>21349</v>
      </c>
      <c r="E3698" s="141">
        <v>2011</v>
      </c>
      <c r="F3698" s="141">
        <v>332</v>
      </c>
      <c r="G3698" s="98" t="s">
        <v>1</v>
      </c>
      <c r="H3698" s="98">
        <v>0</v>
      </c>
      <c r="I3698" s="98">
        <v>0</v>
      </c>
      <c r="J3698" s="98" t="s">
        <v>400</v>
      </c>
      <c r="K3698" s="98" t="s">
        <v>400</v>
      </c>
      <c r="L3698" s="98" t="s">
        <v>400</v>
      </c>
      <c r="M3698" s="98" t="s">
        <v>400</v>
      </c>
      <c r="N3698" s="98" t="s">
        <v>400</v>
      </c>
      <c r="O3698" s="98" t="s">
        <v>400</v>
      </c>
      <c r="P3698" s="98" t="s">
        <v>400</v>
      </c>
      <c r="Q3698" s="98" t="s">
        <v>400</v>
      </c>
      <c r="R3698" s="98" t="s">
        <v>400</v>
      </c>
      <c r="S3698" s="98" t="s">
        <v>400</v>
      </c>
      <c r="T3698" s="98" t="s">
        <v>400</v>
      </c>
      <c r="U3698" s="128"/>
      <c r="V3698" s="128"/>
      <c r="W3698" s="128"/>
      <c r="X3698" s="128"/>
      <c r="Y3698" s="128"/>
      <c r="Z3698" s="128"/>
      <c r="AA3698" s="128"/>
      <c r="AB3698" s="128"/>
      <c r="AC3698" s="128"/>
      <c r="AD3698" s="128"/>
      <c r="AE3698" s="128"/>
      <c r="AF3698" s="128"/>
      <c r="AG3698" s="128"/>
      <c r="AH3698" s="128"/>
      <c r="AI3698" s="128"/>
      <c r="AJ3698" s="128"/>
      <c r="AK3698" s="128"/>
      <c r="AL3698" s="128"/>
      <c r="AM3698" s="128"/>
      <c r="AN3698" s="128"/>
      <c r="AO3698" s="128"/>
      <c r="AP3698" s="128"/>
      <c r="AQ3698" s="128"/>
      <c r="AR3698" s="128"/>
      <c r="AS3698" s="128"/>
      <c r="AT3698" s="128"/>
      <c r="AU3698" s="128"/>
      <c r="AV3698" s="128"/>
      <c r="AW3698" s="128"/>
      <c r="AX3698" s="128"/>
      <c r="AY3698" s="128"/>
      <c r="AZ3698" s="128"/>
      <c r="BA3698" s="128"/>
      <c r="BB3698" s="107">
        <v>45884</v>
      </c>
    </row>
    <row r="3699" spans="1:54" s="8" customFormat="1" ht="13.95" customHeight="1" x14ac:dyDescent="0.25">
      <c r="A3699" s="219" t="s">
        <v>8239</v>
      </c>
      <c r="B3699" s="220" t="s">
        <v>6395</v>
      </c>
      <c r="C3699" s="98" t="s">
        <v>8240</v>
      </c>
      <c r="D3699" s="98" t="s">
        <v>21350</v>
      </c>
      <c r="E3699" s="141">
        <v>2005</v>
      </c>
      <c r="F3699" s="141">
        <v>90</v>
      </c>
      <c r="G3699" s="98" t="s">
        <v>1</v>
      </c>
      <c r="H3699" s="98">
        <v>0</v>
      </c>
      <c r="I3699" s="98">
        <v>0</v>
      </c>
      <c r="J3699" s="98" t="s">
        <v>400</v>
      </c>
      <c r="K3699" s="98" t="s">
        <v>400</v>
      </c>
      <c r="L3699" s="98" t="s">
        <v>400</v>
      </c>
      <c r="M3699" s="98" t="s">
        <v>400</v>
      </c>
      <c r="N3699" s="98" t="s">
        <v>400</v>
      </c>
      <c r="O3699" s="98" t="s">
        <v>400</v>
      </c>
      <c r="P3699" s="98" t="s">
        <v>400</v>
      </c>
      <c r="Q3699" s="98" t="s">
        <v>400</v>
      </c>
      <c r="R3699" s="98" t="s">
        <v>400</v>
      </c>
      <c r="S3699" s="98" t="s">
        <v>400</v>
      </c>
      <c r="T3699" s="98" t="s">
        <v>400</v>
      </c>
      <c r="U3699" s="128"/>
      <c r="V3699" s="128"/>
      <c r="W3699" s="128"/>
      <c r="X3699" s="128"/>
      <c r="Y3699" s="128"/>
      <c r="Z3699" s="128"/>
      <c r="AA3699" s="128"/>
      <c r="AB3699" s="128"/>
      <c r="AC3699" s="128"/>
      <c r="AD3699" s="128"/>
      <c r="AE3699" s="128"/>
      <c r="AF3699" s="128"/>
      <c r="AG3699" s="128"/>
      <c r="AH3699" s="128"/>
      <c r="AI3699" s="128"/>
      <c r="AJ3699" s="128"/>
      <c r="AK3699" s="128"/>
      <c r="AL3699" s="128"/>
      <c r="AM3699" s="128"/>
      <c r="AN3699" s="128"/>
      <c r="AO3699" s="128"/>
      <c r="AP3699" s="128"/>
      <c r="AQ3699" s="128"/>
      <c r="AR3699" s="128"/>
      <c r="AS3699" s="128"/>
      <c r="AT3699" s="128"/>
      <c r="AU3699" s="128"/>
      <c r="AV3699" s="128"/>
      <c r="AW3699" s="128"/>
      <c r="AX3699" s="128"/>
      <c r="AY3699" s="128"/>
      <c r="AZ3699" s="128"/>
      <c r="BA3699" s="128"/>
      <c r="BB3699" s="107">
        <v>45884</v>
      </c>
    </row>
    <row r="3700" spans="1:54" s="8" customFormat="1" ht="13.95" customHeight="1" x14ac:dyDescent="0.25">
      <c r="A3700" s="219" t="s">
        <v>8241</v>
      </c>
      <c r="B3700" s="220" t="s">
        <v>6395</v>
      </c>
      <c r="C3700" s="98" t="s">
        <v>8242</v>
      </c>
      <c r="D3700" s="98" t="s">
        <v>21351</v>
      </c>
      <c r="E3700" s="141">
        <v>2009</v>
      </c>
      <c r="F3700" s="141">
        <v>2937</v>
      </c>
      <c r="G3700" s="98" t="s">
        <v>1</v>
      </c>
      <c r="H3700" s="98">
        <v>0</v>
      </c>
      <c r="I3700" s="98">
        <v>0</v>
      </c>
      <c r="J3700" s="98" t="s">
        <v>400</v>
      </c>
      <c r="K3700" s="98" t="s">
        <v>400</v>
      </c>
      <c r="L3700" s="98" t="s">
        <v>400</v>
      </c>
      <c r="M3700" s="98" t="s">
        <v>400</v>
      </c>
      <c r="N3700" s="98" t="s">
        <v>400</v>
      </c>
      <c r="O3700" s="98" t="s">
        <v>400</v>
      </c>
      <c r="P3700" s="98" t="s">
        <v>400</v>
      </c>
      <c r="Q3700" s="98" t="s">
        <v>400</v>
      </c>
      <c r="R3700" s="98" t="s">
        <v>400</v>
      </c>
      <c r="S3700" s="98" t="s">
        <v>400</v>
      </c>
      <c r="T3700" s="98" t="s">
        <v>400</v>
      </c>
      <c r="U3700" s="128"/>
      <c r="V3700" s="128"/>
      <c r="W3700" s="128"/>
      <c r="X3700" s="128"/>
      <c r="Y3700" s="128"/>
      <c r="Z3700" s="128"/>
      <c r="AA3700" s="128"/>
      <c r="AB3700" s="128"/>
      <c r="AC3700" s="128"/>
      <c r="AD3700" s="128"/>
      <c r="AE3700" s="128"/>
      <c r="AF3700" s="128"/>
      <c r="AG3700" s="128"/>
      <c r="AH3700" s="128"/>
      <c r="AI3700" s="128"/>
      <c r="AJ3700" s="128"/>
      <c r="AK3700" s="128"/>
      <c r="AL3700" s="128"/>
      <c r="AM3700" s="128"/>
      <c r="AN3700" s="128"/>
      <c r="AO3700" s="128"/>
      <c r="AP3700" s="128"/>
      <c r="AQ3700" s="128"/>
      <c r="AR3700" s="128"/>
      <c r="AS3700" s="128"/>
      <c r="AT3700" s="128"/>
      <c r="AU3700" s="128"/>
      <c r="AV3700" s="128"/>
      <c r="AW3700" s="128"/>
      <c r="AX3700" s="128"/>
      <c r="AY3700" s="128"/>
      <c r="AZ3700" s="128"/>
      <c r="BA3700" s="128"/>
      <c r="BB3700" s="107">
        <v>45884</v>
      </c>
    </row>
    <row r="3701" spans="1:54" s="8" customFormat="1" ht="13.95" customHeight="1" x14ac:dyDescent="0.25">
      <c r="A3701" s="219" t="s">
        <v>8243</v>
      </c>
      <c r="B3701" s="220" t="s">
        <v>6395</v>
      </c>
      <c r="C3701" s="98" t="s">
        <v>8244</v>
      </c>
      <c r="D3701" s="98" t="s">
        <v>21352</v>
      </c>
      <c r="E3701" s="141">
        <v>2006</v>
      </c>
      <c r="F3701" s="141">
        <v>234</v>
      </c>
      <c r="G3701" s="98" t="s">
        <v>1</v>
      </c>
      <c r="H3701" s="98">
        <v>0</v>
      </c>
      <c r="I3701" s="98">
        <v>0</v>
      </c>
      <c r="J3701" s="98" t="s">
        <v>400</v>
      </c>
      <c r="K3701" s="98" t="s">
        <v>400</v>
      </c>
      <c r="L3701" s="98" t="s">
        <v>400</v>
      </c>
      <c r="M3701" s="98" t="s">
        <v>400</v>
      </c>
      <c r="N3701" s="98" t="s">
        <v>400</v>
      </c>
      <c r="O3701" s="98" t="s">
        <v>400</v>
      </c>
      <c r="P3701" s="98" t="s">
        <v>400</v>
      </c>
      <c r="Q3701" s="98" t="s">
        <v>400</v>
      </c>
      <c r="R3701" s="98" t="s">
        <v>400</v>
      </c>
      <c r="S3701" s="98" t="s">
        <v>400</v>
      </c>
      <c r="T3701" s="98" t="s">
        <v>400</v>
      </c>
      <c r="U3701" s="128"/>
      <c r="V3701" s="128"/>
      <c r="W3701" s="128"/>
      <c r="X3701" s="128"/>
      <c r="Y3701" s="128"/>
      <c r="Z3701" s="128"/>
      <c r="AA3701" s="128"/>
      <c r="AB3701" s="128"/>
      <c r="AC3701" s="128"/>
      <c r="AD3701" s="128"/>
      <c r="AE3701" s="128"/>
      <c r="AF3701" s="128"/>
      <c r="AG3701" s="128"/>
      <c r="AH3701" s="128"/>
      <c r="AI3701" s="128"/>
      <c r="AJ3701" s="128"/>
      <c r="AK3701" s="128"/>
      <c r="AL3701" s="128"/>
      <c r="AM3701" s="128"/>
      <c r="AN3701" s="128"/>
      <c r="AO3701" s="128"/>
      <c r="AP3701" s="128"/>
      <c r="AQ3701" s="128"/>
      <c r="AR3701" s="128"/>
      <c r="AS3701" s="128"/>
      <c r="AT3701" s="128"/>
      <c r="AU3701" s="128"/>
      <c r="AV3701" s="128"/>
      <c r="AW3701" s="128"/>
      <c r="AX3701" s="128"/>
      <c r="AY3701" s="128"/>
      <c r="AZ3701" s="128"/>
      <c r="BA3701" s="128"/>
      <c r="BB3701" s="107">
        <v>45884</v>
      </c>
    </row>
    <row r="3702" spans="1:54" s="8" customFormat="1" ht="13.95" customHeight="1" x14ac:dyDescent="0.25">
      <c r="A3702" s="219" t="s">
        <v>8245</v>
      </c>
      <c r="B3702" s="220" t="s">
        <v>6395</v>
      </c>
      <c r="C3702" s="98" t="s">
        <v>8246</v>
      </c>
      <c r="D3702" s="98" t="s">
        <v>21353</v>
      </c>
      <c r="E3702" s="141">
        <v>2009</v>
      </c>
      <c r="F3702" s="141">
        <v>520</v>
      </c>
      <c r="G3702" s="98" t="s">
        <v>1</v>
      </c>
      <c r="H3702" s="98">
        <v>0</v>
      </c>
      <c r="I3702" s="98">
        <v>0</v>
      </c>
      <c r="J3702" s="98" t="s">
        <v>400</v>
      </c>
      <c r="K3702" s="98" t="s">
        <v>400</v>
      </c>
      <c r="L3702" s="98" t="s">
        <v>400</v>
      </c>
      <c r="M3702" s="98" t="s">
        <v>400</v>
      </c>
      <c r="N3702" s="98" t="s">
        <v>400</v>
      </c>
      <c r="O3702" s="98" t="s">
        <v>400</v>
      </c>
      <c r="P3702" s="98" t="s">
        <v>400</v>
      </c>
      <c r="Q3702" s="98" t="s">
        <v>400</v>
      </c>
      <c r="R3702" s="98" t="s">
        <v>400</v>
      </c>
      <c r="S3702" s="98" t="s">
        <v>400</v>
      </c>
      <c r="T3702" s="98" t="s">
        <v>400</v>
      </c>
      <c r="U3702" s="128"/>
      <c r="V3702" s="128"/>
      <c r="W3702" s="128"/>
      <c r="X3702" s="128"/>
      <c r="Y3702" s="128"/>
      <c r="Z3702" s="128"/>
      <c r="AA3702" s="128"/>
      <c r="AB3702" s="128"/>
      <c r="AC3702" s="128"/>
      <c r="AD3702" s="128"/>
      <c r="AE3702" s="128"/>
      <c r="AF3702" s="128"/>
      <c r="AG3702" s="128"/>
      <c r="AH3702" s="128"/>
      <c r="AI3702" s="128"/>
      <c r="AJ3702" s="128"/>
      <c r="AK3702" s="128"/>
      <c r="AL3702" s="128"/>
      <c r="AM3702" s="128"/>
      <c r="AN3702" s="128"/>
      <c r="AO3702" s="128"/>
      <c r="AP3702" s="128"/>
      <c r="AQ3702" s="128"/>
      <c r="AR3702" s="128"/>
      <c r="AS3702" s="128"/>
      <c r="AT3702" s="128"/>
      <c r="AU3702" s="128"/>
      <c r="AV3702" s="128"/>
      <c r="AW3702" s="128"/>
      <c r="AX3702" s="128"/>
      <c r="AY3702" s="128"/>
      <c r="AZ3702" s="128"/>
      <c r="BA3702" s="128"/>
      <c r="BB3702" s="107">
        <v>45884</v>
      </c>
    </row>
    <row r="3703" spans="1:54" s="8" customFormat="1" ht="13.95" customHeight="1" x14ac:dyDescent="0.25">
      <c r="A3703" s="219" t="s">
        <v>8247</v>
      </c>
      <c r="B3703" s="220" t="s">
        <v>6395</v>
      </c>
      <c r="C3703" s="98" t="s">
        <v>8248</v>
      </c>
      <c r="D3703" s="98" t="s">
        <v>21354</v>
      </c>
      <c r="E3703" s="141">
        <v>2005</v>
      </c>
      <c r="F3703" s="141">
        <v>90</v>
      </c>
      <c r="G3703" s="98" t="s">
        <v>1</v>
      </c>
      <c r="H3703" s="98">
        <v>0</v>
      </c>
      <c r="I3703" s="98">
        <v>0</v>
      </c>
      <c r="J3703" s="98" t="s">
        <v>400</v>
      </c>
      <c r="K3703" s="98" t="s">
        <v>400</v>
      </c>
      <c r="L3703" s="98" t="s">
        <v>400</v>
      </c>
      <c r="M3703" s="98" t="s">
        <v>400</v>
      </c>
      <c r="N3703" s="98" t="s">
        <v>400</v>
      </c>
      <c r="O3703" s="98" t="s">
        <v>400</v>
      </c>
      <c r="P3703" s="98" t="s">
        <v>400</v>
      </c>
      <c r="Q3703" s="98" t="s">
        <v>400</v>
      </c>
      <c r="R3703" s="98" t="s">
        <v>400</v>
      </c>
      <c r="S3703" s="98" t="s">
        <v>400</v>
      </c>
      <c r="T3703" s="98" t="s">
        <v>400</v>
      </c>
      <c r="U3703" s="128"/>
      <c r="V3703" s="128"/>
      <c r="W3703" s="128"/>
      <c r="X3703" s="128"/>
      <c r="Y3703" s="128"/>
      <c r="Z3703" s="128"/>
      <c r="AA3703" s="128"/>
      <c r="AB3703" s="128"/>
      <c r="AC3703" s="128"/>
      <c r="AD3703" s="128"/>
      <c r="AE3703" s="128"/>
      <c r="AF3703" s="128"/>
      <c r="AG3703" s="128"/>
      <c r="AH3703" s="128"/>
      <c r="AI3703" s="128"/>
      <c r="AJ3703" s="128"/>
      <c r="AK3703" s="128"/>
      <c r="AL3703" s="128"/>
      <c r="AM3703" s="128"/>
      <c r="AN3703" s="128"/>
      <c r="AO3703" s="128"/>
      <c r="AP3703" s="128"/>
      <c r="AQ3703" s="128"/>
      <c r="AR3703" s="128"/>
      <c r="AS3703" s="128"/>
      <c r="AT3703" s="128"/>
      <c r="AU3703" s="128"/>
      <c r="AV3703" s="128"/>
      <c r="AW3703" s="128"/>
      <c r="AX3703" s="128"/>
      <c r="AY3703" s="128"/>
      <c r="AZ3703" s="128"/>
      <c r="BA3703" s="128"/>
      <c r="BB3703" s="107">
        <v>45884</v>
      </c>
    </row>
    <row r="3704" spans="1:54" s="8" customFormat="1" ht="13.95" customHeight="1" x14ac:dyDescent="0.25">
      <c r="A3704" s="219" t="s">
        <v>8249</v>
      </c>
      <c r="B3704" s="220" t="s">
        <v>6395</v>
      </c>
      <c r="C3704" s="98" t="s">
        <v>8250</v>
      </c>
      <c r="D3704" s="98" t="s">
        <v>21355</v>
      </c>
      <c r="E3704" s="141">
        <v>2010</v>
      </c>
      <c r="F3704" s="141">
        <v>687</v>
      </c>
      <c r="G3704" s="98" t="s">
        <v>1</v>
      </c>
      <c r="H3704" s="98">
        <v>0</v>
      </c>
      <c r="I3704" s="98">
        <v>0</v>
      </c>
      <c r="J3704" s="98" t="s">
        <v>400</v>
      </c>
      <c r="K3704" s="98" t="s">
        <v>400</v>
      </c>
      <c r="L3704" s="98" t="s">
        <v>400</v>
      </c>
      <c r="M3704" s="98" t="s">
        <v>400</v>
      </c>
      <c r="N3704" s="98" t="s">
        <v>400</v>
      </c>
      <c r="O3704" s="98" t="s">
        <v>400</v>
      </c>
      <c r="P3704" s="98" t="s">
        <v>400</v>
      </c>
      <c r="Q3704" s="98" t="s">
        <v>400</v>
      </c>
      <c r="R3704" s="98" t="s">
        <v>400</v>
      </c>
      <c r="S3704" s="98" t="s">
        <v>400</v>
      </c>
      <c r="T3704" s="98" t="s">
        <v>400</v>
      </c>
      <c r="U3704" s="128"/>
      <c r="V3704" s="128"/>
      <c r="W3704" s="128"/>
      <c r="X3704" s="128"/>
      <c r="Y3704" s="128"/>
      <c r="Z3704" s="128"/>
      <c r="AA3704" s="128"/>
      <c r="AB3704" s="128"/>
      <c r="AC3704" s="128"/>
      <c r="AD3704" s="128"/>
      <c r="AE3704" s="128"/>
      <c r="AF3704" s="128"/>
      <c r="AG3704" s="128"/>
      <c r="AH3704" s="128"/>
      <c r="AI3704" s="128"/>
      <c r="AJ3704" s="128"/>
      <c r="AK3704" s="128"/>
      <c r="AL3704" s="128"/>
      <c r="AM3704" s="128"/>
      <c r="AN3704" s="128"/>
      <c r="AO3704" s="128"/>
      <c r="AP3704" s="128"/>
      <c r="AQ3704" s="128"/>
      <c r="AR3704" s="128"/>
      <c r="AS3704" s="128"/>
      <c r="AT3704" s="128"/>
      <c r="AU3704" s="128"/>
      <c r="AV3704" s="128"/>
      <c r="AW3704" s="128"/>
      <c r="AX3704" s="128"/>
      <c r="AY3704" s="128"/>
      <c r="AZ3704" s="128"/>
      <c r="BA3704" s="128"/>
      <c r="BB3704" s="107">
        <v>45884</v>
      </c>
    </row>
    <row r="3705" spans="1:54" s="8" customFormat="1" ht="13.95" customHeight="1" x14ac:dyDescent="0.25">
      <c r="A3705" s="219" t="s">
        <v>8251</v>
      </c>
      <c r="B3705" s="220" t="s">
        <v>6395</v>
      </c>
      <c r="C3705" s="98" t="s">
        <v>8252</v>
      </c>
      <c r="D3705" s="98" t="s">
        <v>21356</v>
      </c>
      <c r="E3705" s="141">
        <v>2006</v>
      </c>
      <c r="F3705" s="141">
        <v>273</v>
      </c>
      <c r="G3705" s="98" t="s">
        <v>1</v>
      </c>
      <c r="H3705" s="98">
        <v>0</v>
      </c>
      <c r="I3705" s="98">
        <v>0</v>
      </c>
      <c r="J3705" s="98" t="s">
        <v>400</v>
      </c>
      <c r="K3705" s="98" t="s">
        <v>400</v>
      </c>
      <c r="L3705" s="98" t="s">
        <v>400</v>
      </c>
      <c r="M3705" s="98" t="s">
        <v>400</v>
      </c>
      <c r="N3705" s="98" t="s">
        <v>400</v>
      </c>
      <c r="O3705" s="98" t="s">
        <v>400</v>
      </c>
      <c r="P3705" s="98" t="s">
        <v>400</v>
      </c>
      <c r="Q3705" s="98" t="s">
        <v>400</v>
      </c>
      <c r="R3705" s="98" t="s">
        <v>400</v>
      </c>
      <c r="S3705" s="98" t="s">
        <v>400</v>
      </c>
      <c r="T3705" s="98" t="s">
        <v>400</v>
      </c>
      <c r="U3705" s="128"/>
      <c r="V3705" s="128"/>
      <c r="W3705" s="128"/>
      <c r="X3705" s="128"/>
      <c r="Y3705" s="128"/>
      <c r="Z3705" s="128"/>
      <c r="AA3705" s="128"/>
      <c r="AB3705" s="128"/>
      <c r="AC3705" s="128"/>
      <c r="AD3705" s="128"/>
      <c r="AE3705" s="128"/>
      <c r="AF3705" s="128"/>
      <c r="AG3705" s="128"/>
      <c r="AH3705" s="128"/>
      <c r="AI3705" s="128"/>
      <c r="AJ3705" s="128"/>
      <c r="AK3705" s="128"/>
      <c r="AL3705" s="128"/>
      <c r="AM3705" s="128"/>
      <c r="AN3705" s="128"/>
      <c r="AO3705" s="128"/>
      <c r="AP3705" s="128"/>
      <c r="AQ3705" s="128"/>
      <c r="AR3705" s="128"/>
      <c r="AS3705" s="128"/>
      <c r="AT3705" s="128"/>
      <c r="AU3705" s="128"/>
      <c r="AV3705" s="128"/>
      <c r="AW3705" s="128"/>
      <c r="AX3705" s="128"/>
      <c r="AY3705" s="128"/>
      <c r="AZ3705" s="128"/>
      <c r="BA3705" s="128"/>
      <c r="BB3705" s="107">
        <v>45884</v>
      </c>
    </row>
    <row r="3706" spans="1:54" s="8" customFormat="1" ht="13.95" customHeight="1" x14ac:dyDescent="0.25">
      <c r="A3706" s="219" t="s">
        <v>8253</v>
      </c>
      <c r="B3706" s="220" t="s">
        <v>6395</v>
      </c>
      <c r="C3706" s="98" t="s">
        <v>8254</v>
      </c>
      <c r="D3706" s="98" t="s">
        <v>21357</v>
      </c>
      <c r="E3706" s="141">
        <v>2010</v>
      </c>
      <c r="F3706" s="141">
        <v>288</v>
      </c>
      <c r="G3706" s="98" t="s">
        <v>1</v>
      </c>
      <c r="H3706" s="98">
        <v>0</v>
      </c>
      <c r="I3706" s="98">
        <v>0</v>
      </c>
      <c r="J3706" s="98" t="s">
        <v>400</v>
      </c>
      <c r="K3706" s="98" t="s">
        <v>400</v>
      </c>
      <c r="L3706" s="98" t="s">
        <v>400</v>
      </c>
      <c r="M3706" s="98" t="s">
        <v>400</v>
      </c>
      <c r="N3706" s="98" t="s">
        <v>400</v>
      </c>
      <c r="O3706" s="98" t="s">
        <v>400</v>
      </c>
      <c r="P3706" s="98" t="s">
        <v>400</v>
      </c>
      <c r="Q3706" s="98" t="s">
        <v>400</v>
      </c>
      <c r="R3706" s="98" t="s">
        <v>400</v>
      </c>
      <c r="S3706" s="98" t="s">
        <v>400</v>
      </c>
      <c r="T3706" s="98" t="s">
        <v>400</v>
      </c>
      <c r="U3706" s="128"/>
      <c r="V3706" s="128"/>
      <c r="W3706" s="128"/>
      <c r="X3706" s="128"/>
      <c r="Y3706" s="128"/>
      <c r="Z3706" s="128"/>
      <c r="AA3706" s="128"/>
      <c r="AB3706" s="128"/>
      <c r="AC3706" s="128"/>
      <c r="AD3706" s="128"/>
      <c r="AE3706" s="128"/>
      <c r="AF3706" s="128"/>
      <c r="AG3706" s="128"/>
      <c r="AH3706" s="128"/>
      <c r="AI3706" s="128"/>
      <c r="AJ3706" s="128"/>
      <c r="AK3706" s="128"/>
      <c r="AL3706" s="128"/>
      <c r="AM3706" s="128"/>
      <c r="AN3706" s="128"/>
      <c r="AO3706" s="128"/>
      <c r="AP3706" s="128"/>
      <c r="AQ3706" s="128"/>
      <c r="AR3706" s="128"/>
      <c r="AS3706" s="128"/>
      <c r="AT3706" s="128"/>
      <c r="AU3706" s="128"/>
      <c r="AV3706" s="128"/>
      <c r="AW3706" s="128"/>
      <c r="AX3706" s="128"/>
      <c r="AY3706" s="128"/>
      <c r="AZ3706" s="128"/>
      <c r="BA3706" s="128"/>
      <c r="BB3706" s="107">
        <v>45884</v>
      </c>
    </row>
    <row r="3707" spans="1:54" s="8" customFormat="1" ht="13.95" customHeight="1" x14ac:dyDescent="0.25">
      <c r="A3707" s="219" t="s">
        <v>8255</v>
      </c>
      <c r="B3707" s="220" t="s">
        <v>6395</v>
      </c>
      <c r="C3707" s="98" t="s">
        <v>8256</v>
      </c>
      <c r="D3707" s="98" t="s">
        <v>21358</v>
      </c>
      <c r="E3707" s="141">
        <v>2005</v>
      </c>
      <c r="F3707" s="141">
        <v>90</v>
      </c>
      <c r="G3707" s="98" t="s">
        <v>1</v>
      </c>
      <c r="H3707" s="98">
        <v>0</v>
      </c>
      <c r="I3707" s="98">
        <v>0</v>
      </c>
      <c r="J3707" s="98" t="s">
        <v>400</v>
      </c>
      <c r="K3707" s="98" t="s">
        <v>400</v>
      </c>
      <c r="L3707" s="98" t="s">
        <v>400</v>
      </c>
      <c r="M3707" s="98" t="s">
        <v>400</v>
      </c>
      <c r="N3707" s="98" t="s">
        <v>400</v>
      </c>
      <c r="O3707" s="98" t="s">
        <v>400</v>
      </c>
      <c r="P3707" s="98" t="s">
        <v>400</v>
      </c>
      <c r="Q3707" s="98" t="s">
        <v>400</v>
      </c>
      <c r="R3707" s="98" t="s">
        <v>400</v>
      </c>
      <c r="S3707" s="98" t="s">
        <v>400</v>
      </c>
      <c r="T3707" s="98" t="s">
        <v>400</v>
      </c>
      <c r="U3707" s="128"/>
      <c r="V3707" s="128"/>
      <c r="W3707" s="128"/>
      <c r="X3707" s="128"/>
      <c r="Y3707" s="128"/>
      <c r="Z3707" s="128"/>
      <c r="AA3707" s="128"/>
      <c r="AB3707" s="128"/>
      <c r="AC3707" s="128"/>
      <c r="AD3707" s="128"/>
      <c r="AE3707" s="128"/>
      <c r="AF3707" s="128"/>
      <c r="AG3707" s="128"/>
      <c r="AH3707" s="128"/>
      <c r="AI3707" s="128"/>
      <c r="AJ3707" s="128"/>
      <c r="AK3707" s="128"/>
      <c r="AL3707" s="128"/>
      <c r="AM3707" s="128"/>
      <c r="AN3707" s="128"/>
      <c r="AO3707" s="128"/>
      <c r="AP3707" s="128"/>
      <c r="AQ3707" s="128"/>
      <c r="AR3707" s="128"/>
      <c r="AS3707" s="128"/>
      <c r="AT3707" s="128"/>
      <c r="AU3707" s="128"/>
      <c r="AV3707" s="128"/>
      <c r="AW3707" s="128"/>
      <c r="AX3707" s="128"/>
      <c r="AY3707" s="128"/>
      <c r="AZ3707" s="128"/>
      <c r="BA3707" s="128"/>
      <c r="BB3707" s="107">
        <v>45884</v>
      </c>
    </row>
    <row r="3708" spans="1:54" s="8" customFormat="1" ht="13.95" customHeight="1" x14ac:dyDescent="0.25">
      <c r="A3708" s="219" t="s">
        <v>8257</v>
      </c>
      <c r="B3708" s="220" t="s">
        <v>6395</v>
      </c>
      <c r="C3708" s="98" t="s">
        <v>8258</v>
      </c>
      <c r="D3708" s="98" t="s">
        <v>21359</v>
      </c>
      <c r="E3708" s="141">
        <v>2011</v>
      </c>
      <c r="F3708" s="141">
        <v>4000</v>
      </c>
      <c r="G3708" s="98" t="s">
        <v>1</v>
      </c>
      <c r="H3708" s="98">
        <v>1</v>
      </c>
      <c r="I3708" s="98">
        <v>1</v>
      </c>
      <c r="J3708" s="98" t="s">
        <v>400</v>
      </c>
      <c r="K3708" s="98" t="s">
        <v>400</v>
      </c>
      <c r="L3708" s="98" t="s">
        <v>400</v>
      </c>
      <c r="M3708" s="98" t="s">
        <v>400</v>
      </c>
      <c r="N3708" s="98" t="s">
        <v>400</v>
      </c>
      <c r="O3708" s="98" t="s">
        <v>400</v>
      </c>
      <c r="P3708" s="98" t="s">
        <v>400</v>
      </c>
      <c r="Q3708" s="98" t="s">
        <v>400</v>
      </c>
      <c r="R3708" s="98" t="s">
        <v>400</v>
      </c>
      <c r="S3708" s="98" t="s">
        <v>400</v>
      </c>
      <c r="T3708" s="98" t="s">
        <v>400</v>
      </c>
      <c r="U3708" s="128"/>
      <c r="V3708" s="128"/>
      <c r="W3708" s="128"/>
      <c r="X3708" s="128"/>
      <c r="Y3708" s="128"/>
      <c r="Z3708" s="128"/>
      <c r="AA3708" s="128"/>
      <c r="AB3708" s="128"/>
      <c r="AC3708" s="128"/>
      <c r="AD3708" s="128"/>
      <c r="AE3708" s="128"/>
      <c r="AF3708" s="128"/>
      <c r="AG3708" s="128"/>
      <c r="AH3708" s="128"/>
      <c r="AI3708" s="128"/>
      <c r="AJ3708" s="128"/>
      <c r="AK3708" s="128"/>
      <c r="AL3708" s="128"/>
      <c r="AM3708" s="128"/>
      <c r="AN3708" s="128"/>
      <c r="AO3708" s="128"/>
      <c r="AP3708" s="128"/>
      <c r="AQ3708" s="128"/>
      <c r="AR3708" s="128"/>
      <c r="AS3708" s="128"/>
      <c r="AT3708" s="128"/>
      <c r="AU3708" s="128"/>
      <c r="AV3708" s="128"/>
      <c r="AW3708" s="128"/>
      <c r="AX3708" s="128"/>
      <c r="AY3708" s="128"/>
      <c r="AZ3708" s="128"/>
      <c r="BA3708" s="128"/>
      <c r="BB3708" s="107">
        <v>45884</v>
      </c>
    </row>
    <row r="3709" spans="1:54" s="8" customFormat="1" ht="13.95" customHeight="1" x14ac:dyDescent="0.25">
      <c r="A3709" s="219" t="s">
        <v>8259</v>
      </c>
      <c r="B3709" s="220" t="s">
        <v>6395</v>
      </c>
      <c r="C3709" s="98" t="s">
        <v>8260</v>
      </c>
      <c r="D3709" s="98" t="s">
        <v>21360</v>
      </c>
      <c r="E3709" s="141">
        <v>2006</v>
      </c>
      <c r="F3709" s="141">
        <v>90</v>
      </c>
      <c r="G3709" s="98" t="s">
        <v>1</v>
      </c>
      <c r="H3709" s="98">
        <v>0</v>
      </c>
      <c r="I3709" s="98">
        <v>0</v>
      </c>
      <c r="J3709" s="98" t="s">
        <v>400</v>
      </c>
      <c r="K3709" s="98" t="s">
        <v>400</v>
      </c>
      <c r="L3709" s="98" t="s">
        <v>400</v>
      </c>
      <c r="M3709" s="98" t="s">
        <v>400</v>
      </c>
      <c r="N3709" s="98" t="s">
        <v>400</v>
      </c>
      <c r="O3709" s="98" t="s">
        <v>400</v>
      </c>
      <c r="P3709" s="98" t="s">
        <v>400</v>
      </c>
      <c r="Q3709" s="98" t="s">
        <v>400</v>
      </c>
      <c r="R3709" s="98" t="s">
        <v>400</v>
      </c>
      <c r="S3709" s="98" t="s">
        <v>400</v>
      </c>
      <c r="T3709" s="98" t="s">
        <v>400</v>
      </c>
      <c r="U3709" s="128"/>
      <c r="V3709" s="128"/>
      <c r="W3709" s="128"/>
      <c r="X3709" s="128"/>
      <c r="Y3709" s="128"/>
      <c r="Z3709" s="128"/>
      <c r="AA3709" s="128"/>
      <c r="AB3709" s="128"/>
      <c r="AC3709" s="128"/>
      <c r="AD3709" s="128"/>
      <c r="AE3709" s="128"/>
      <c r="AF3709" s="128"/>
      <c r="AG3709" s="128"/>
      <c r="AH3709" s="128"/>
      <c r="AI3709" s="128"/>
      <c r="AJ3709" s="128"/>
      <c r="AK3709" s="128"/>
      <c r="AL3709" s="128"/>
      <c r="AM3709" s="128"/>
      <c r="AN3709" s="128"/>
      <c r="AO3709" s="128"/>
      <c r="AP3709" s="128"/>
      <c r="AQ3709" s="128"/>
      <c r="AR3709" s="128"/>
      <c r="AS3709" s="128"/>
      <c r="AT3709" s="128"/>
      <c r="AU3709" s="128"/>
      <c r="AV3709" s="128"/>
      <c r="AW3709" s="128"/>
      <c r="AX3709" s="128"/>
      <c r="AY3709" s="128"/>
      <c r="AZ3709" s="128"/>
      <c r="BA3709" s="128"/>
      <c r="BB3709" s="107">
        <v>45884</v>
      </c>
    </row>
    <row r="3710" spans="1:54" s="8" customFormat="1" ht="13.95" customHeight="1" x14ac:dyDescent="0.25">
      <c r="A3710" s="219" t="s">
        <v>8261</v>
      </c>
      <c r="B3710" s="220" t="s">
        <v>6395</v>
      </c>
      <c r="C3710" s="98" t="s">
        <v>8262</v>
      </c>
      <c r="D3710" s="98" t="s">
        <v>21361</v>
      </c>
      <c r="E3710" s="141">
        <v>2013</v>
      </c>
      <c r="F3710" s="141">
        <v>747</v>
      </c>
      <c r="G3710" s="98" t="s">
        <v>1</v>
      </c>
      <c r="H3710" s="98">
        <v>0</v>
      </c>
      <c r="I3710" s="98">
        <v>0</v>
      </c>
      <c r="J3710" s="98" t="s">
        <v>400</v>
      </c>
      <c r="K3710" s="98" t="s">
        <v>400</v>
      </c>
      <c r="L3710" s="98" t="s">
        <v>400</v>
      </c>
      <c r="M3710" s="98" t="s">
        <v>400</v>
      </c>
      <c r="N3710" s="98" t="s">
        <v>400</v>
      </c>
      <c r="O3710" s="98" t="s">
        <v>400</v>
      </c>
      <c r="P3710" s="98" t="s">
        <v>400</v>
      </c>
      <c r="Q3710" s="98" t="s">
        <v>400</v>
      </c>
      <c r="R3710" s="98" t="s">
        <v>400</v>
      </c>
      <c r="S3710" s="98" t="s">
        <v>400</v>
      </c>
      <c r="T3710" s="98" t="s">
        <v>400</v>
      </c>
      <c r="U3710" s="128"/>
      <c r="V3710" s="128"/>
      <c r="W3710" s="128"/>
      <c r="X3710" s="128"/>
      <c r="Y3710" s="128"/>
      <c r="Z3710" s="128"/>
      <c r="AA3710" s="128"/>
      <c r="AB3710" s="128"/>
      <c r="AC3710" s="128"/>
      <c r="AD3710" s="128"/>
      <c r="AE3710" s="128"/>
      <c r="AF3710" s="128"/>
      <c r="AG3710" s="128"/>
      <c r="AH3710" s="128"/>
      <c r="AI3710" s="128"/>
      <c r="AJ3710" s="128"/>
      <c r="AK3710" s="128"/>
      <c r="AL3710" s="128"/>
      <c r="AM3710" s="128"/>
      <c r="AN3710" s="128"/>
      <c r="AO3710" s="128"/>
      <c r="AP3710" s="128"/>
      <c r="AQ3710" s="128"/>
      <c r="AR3710" s="128"/>
      <c r="AS3710" s="128"/>
      <c r="AT3710" s="128"/>
      <c r="AU3710" s="128"/>
      <c r="AV3710" s="128"/>
      <c r="AW3710" s="128"/>
      <c r="AX3710" s="128"/>
      <c r="AY3710" s="128"/>
      <c r="AZ3710" s="128"/>
      <c r="BA3710" s="128"/>
      <c r="BB3710" s="107">
        <v>45884</v>
      </c>
    </row>
    <row r="3711" spans="1:54" s="8" customFormat="1" ht="13.95" customHeight="1" x14ac:dyDescent="0.25">
      <c r="A3711" s="219" t="s">
        <v>8263</v>
      </c>
      <c r="B3711" s="220" t="s">
        <v>6395</v>
      </c>
      <c r="C3711" s="98" t="s">
        <v>8264</v>
      </c>
      <c r="D3711" s="98" t="s">
        <v>21362</v>
      </c>
      <c r="E3711" s="141">
        <v>2007</v>
      </c>
      <c r="F3711" s="141">
        <v>994</v>
      </c>
      <c r="G3711" s="98" t="s">
        <v>1</v>
      </c>
      <c r="H3711" s="98">
        <v>0</v>
      </c>
      <c r="I3711" s="98">
        <v>0</v>
      </c>
      <c r="J3711" s="98" t="s">
        <v>400</v>
      </c>
      <c r="K3711" s="98" t="s">
        <v>400</v>
      </c>
      <c r="L3711" s="98" t="s">
        <v>400</v>
      </c>
      <c r="M3711" s="98" t="s">
        <v>400</v>
      </c>
      <c r="N3711" s="98" t="s">
        <v>400</v>
      </c>
      <c r="O3711" s="98" t="s">
        <v>400</v>
      </c>
      <c r="P3711" s="98" t="s">
        <v>400</v>
      </c>
      <c r="Q3711" s="98" t="s">
        <v>400</v>
      </c>
      <c r="R3711" s="98" t="s">
        <v>400</v>
      </c>
      <c r="S3711" s="98" t="s">
        <v>400</v>
      </c>
      <c r="T3711" s="98" t="s">
        <v>400</v>
      </c>
      <c r="U3711" s="128"/>
      <c r="V3711" s="128"/>
      <c r="W3711" s="128"/>
      <c r="X3711" s="128"/>
      <c r="Y3711" s="128"/>
      <c r="Z3711" s="128"/>
      <c r="AA3711" s="128"/>
      <c r="AB3711" s="128"/>
      <c r="AC3711" s="128"/>
      <c r="AD3711" s="128"/>
      <c r="AE3711" s="128"/>
      <c r="AF3711" s="128"/>
      <c r="AG3711" s="128"/>
      <c r="AH3711" s="128"/>
      <c r="AI3711" s="128"/>
      <c r="AJ3711" s="128"/>
      <c r="AK3711" s="128"/>
      <c r="AL3711" s="128"/>
      <c r="AM3711" s="128"/>
      <c r="AN3711" s="128"/>
      <c r="AO3711" s="128"/>
      <c r="AP3711" s="128"/>
      <c r="AQ3711" s="128"/>
      <c r="AR3711" s="128"/>
      <c r="AS3711" s="128"/>
      <c r="AT3711" s="128"/>
      <c r="AU3711" s="128"/>
      <c r="AV3711" s="128"/>
      <c r="AW3711" s="128"/>
      <c r="AX3711" s="128"/>
      <c r="AY3711" s="128"/>
      <c r="AZ3711" s="128"/>
      <c r="BA3711" s="128"/>
      <c r="BB3711" s="107">
        <v>45884</v>
      </c>
    </row>
    <row r="3712" spans="1:54" s="8" customFormat="1" ht="13.95" customHeight="1" x14ac:dyDescent="0.25">
      <c r="A3712" s="219" t="s">
        <v>8265</v>
      </c>
      <c r="B3712" s="220" t="s">
        <v>6395</v>
      </c>
      <c r="C3712" s="98" t="s">
        <v>8266</v>
      </c>
      <c r="D3712" s="98" t="s">
        <v>21363</v>
      </c>
      <c r="E3712" s="141">
        <v>2006</v>
      </c>
      <c r="F3712" s="141">
        <v>317</v>
      </c>
      <c r="G3712" s="98" t="s">
        <v>1</v>
      </c>
      <c r="H3712" s="98">
        <v>0</v>
      </c>
      <c r="I3712" s="98">
        <v>0</v>
      </c>
      <c r="J3712" s="98" t="s">
        <v>400</v>
      </c>
      <c r="K3712" s="98" t="s">
        <v>400</v>
      </c>
      <c r="L3712" s="98" t="s">
        <v>400</v>
      </c>
      <c r="M3712" s="98" t="s">
        <v>400</v>
      </c>
      <c r="N3712" s="98" t="s">
        <v>400</v>
      </c>
      <c r="O3712" s="98" t="s">
        <v>400</v>
      </c>
      <c r="P3712" s="98" t="s">
        <v>400</v>
      </c>
      <c r="Q3712" s="98" t="s">
        <v>400</v>
      </c>
      <c r="R3712" s="98" t="s">
        <v>400</v>
      </c>
      <c r="S3712" s="98" t="s">
        <v>400</v>
      </c>
      <c r="T3712" s="98" t="s">
        <v>400</v>
      </c>
      <c r="U3712" s="128"/>
      <c r="V3712" s="128"/>
      <c r="W3712" s="128"/>
      <c r="X3712" s="128"/>
      <c r="Y3712" s="128"/>
      <c r="Z3712" s="128"/>
      <c r="AA3712" s="128"/>
      <c r="AB3712" s="128"/>
      <c r="AC3712" s="128"/>
      <c r="AD3712" s="128"/>
      <c r="AE3712" s="128"/>
      <c r="AF3712" s="128"/>
      <c r="AG3712" s="128"/>
      <c r="AH3712" s="128"/>
      <c r="AI3712" s="128"/>
      <c r="AJ3712" s="128"/>
      <c r="AK3712" s="128"/>
      <c r="AL3712" s="128"/>
      <c r="AM3712" s="128"/>
      <c r="AN3712" s="128"/>
      <c r="AO3712" s="128"/>
      <c r="AP3712" s="128"/>
      <c r="AQ3712" s="128"/>
      <c r="AR3712" s="128"/>
      <c r="AS3712" s="128"/>
      <c r="AT3712" s="128"/>
      <c r="AU3712" s="128"/>
      <c r="AV3712" s="128"/>
      <c r="AW3712" s="128"/>
      <c r="AX3712" s="128"/>
      <c r="AY3712" s="128"/>
      <c r="AZ3712" s="128"/>
      <c r="BA3712" s="128"/>
      <c r="BB3712" s="107">
        <v>45884</v>
      </c>
    </row>
    <row r="3713" spans="1:54" s="8" customFormat="1" ht="13.95" customHeight="1" x14ac:dyDescent="0.25">
      <c r="A3713" s="219" t="s">
        <v>8267</v>
      </c>
      <c r="B3713" s="220" t="s">
        <v>6395</v>
      </c>
      <c r="C3713" s="98" t="s">
        <v>8268</v>
      </c>
      <c r="D3713" s="98" t="s">
        <v>21364</v>
      </c>
      <c r="E3713" s="141">
        <v>2015</v>
      </c>
      <c r="F3713" s="141">
        <v>272</v>
      </c>
      <c r="G3713" s="98" t="s">
        <v>1</v>
      </c>
      <c r="H3713" s="98">
        <v>0</v>
      </c>
      <c r="I3713" s="98">
        <v>0</v>
      </c>
      <c r="J3713" s="98" t="s">
        <v>400</v>
      </c>
      <c r="K3713" s="98" t="s">
        <v>400</v>
      </c>
      <c r="L3713" s="98" t="s">
        <v>400</v>
      </c>
      <c r="M3713" s="98" t="s">
        <v>400</v>
      </c>
      <c r="N3713" s="98" t="s">
        <v>400</v>
      </c>
      <c r="O3713" s="98" t="s">
        <v>400</v>
      </c>
      <c r="P3713" s="98" t="s">
        <v>400</v>
      </c>
      <c r="Q3713" s="98" t="s">
        <v>400</v>
      </c>
      <c r="R3713" s="98" t="s">
        <v>400</v>
      </c>
      <c r="S3713" s="98" t="s">
        <v>400</v>
      </c>
      <c r="T3713" s="98" t="s">
        <v>400</v>
      </c>
      <c r="U3713" s="128"/>
      <c r="V3713" s="128"/>
      <c r="W3713" s="128"/>
      <c r="X3713" s="128"/>
      <c r="Y3713" s="128"/>
      <c r="Z3713" s="128"/>
      <c r="AA3713" s="128"/>
      <c r="AB3713" s="128"/>
      <c r="AC3713" s="128"/>
      <c r="AD3713" s="128"/>
      <c r="AE3713" s="128"/>
      <c r="AF3713" s="128"/>
      <c r="AG3713" s="128"/>
      <c r="AH3713" s="128"/>
      <c r="AI3713" s="128"/>
      <c r="AJ3713" s="128"/>
      <c r="AK3713" s="128"/>
      <c r="AL3713" s="128"/>
      <c r="AM3713" s="128"/>
      <c r="AN3713" s="128"/>
      <c r="AO3713" s="128"/>
      <c r="AP3713" s="128"/>
      <c r="AQ3713" s="128"/>
      <c r="AR3713" s="128"/>
      <c r="AS3713" s="128"/>
      <c r="AT3713" s="128"/>
      <c r="AU3713" s="128"/>
      <c r="AV3713" s="128"/>
      <c r="AW3713" s="128"/>
      <c r="AX3713" s="128"/>
      <c r="AY3713" s="128"/>
      <c r="AZ3713" s="128"/>
      <c r="BA3713" s="128"/>
      <c r="BB3713" s="107">
        <v>45884</v>
      </c>
    </row>
    <row r="3714" spans="1:54" s="8" customFormat="1" ht="13.95" customHeight="1" x14ac:dyDescent="0.25">
      <c r="A3714" s="219" t="s">
        <v>8269</v>
      </c>
      <c r="B3714" s="220" t="s">
        <v>6395</v>
      </c>
      <c r="C3714" s="98" t="s">
        <v>8270</v>
      </c>
      <c r="D3714" s="98" t="s">
        <v>21365</v>
      </c>
      <c r="E3714" s="141">
        <v>2006</v>
      </c>
      <c r="F3714" s="141">
        <v>267</v>
      </c>
      <c r="G3714" s="98" t="s">
        <v>1</v>
      </c>
      <c r="H3714" s="98">
        <v>0</v>
      </c>
      <c r="I3714" s="98">
        <v>0</v>
      </c>
      <c r="J3714" s="98" t="s">
        <v>400</v>
      </c>
      <c r="K3714" s="98" t="s">
        <v>400</v>
      </c>
      <c r="L3714" s="98" t="s">
        <v>400</v>
      </c>
      <c r="M3714" s="98" t="s">
        <v>400</v>
      </c>
      <c r="N3714" s="98" t="s">
        <v>400</v>
      </c>
      <c r="O3714" s="98" t="s">
        <v>400</v>
      </c>
      <c r="P3714" s="98" t="s">
        <v>400</v>
      </c>
      <c r="Q3714" s="98" t="s">
        <v>400</v>
      </c>
      <c r="R3714" s="98" t="s">
        <v>400</v>
      </c>
      <c r="S3714" s="98" t="s">
        <v>400</v>
      </c>
      <c r="T3714" s="98" t="s">
        <v>400</v>
      </c>
      <c r="U3714" s="128"/>
      <c r="V3714" s="128"/>
      <c r="W3714" s="128"/>
      <c r="X3714" s="128"/>
      <c r="Y3714" s="128"/>
      <c r="Z3714" s="128"/>
      <c r="AA3714" s="128"/>
      <c r="AB3714" s="128"/>
      <c r="AC3714" s="128"/>
      <c r="AD3714" s="128"/>
      <c r="AE3714" s="128"/>
      <c r="AF3714" s="128"/>
      <c r="AG3714" s="128"/>
      <c r="AH3714" s="128"/>
      <c r="AI3714" s="128"/>
      <c r="AJ3714" s="128"/>
      <c r="AK3714" s="128"/>
      <c r="AL3714" s="128"/>
      <c r="AM3714" s="128"/>
      <c r="AN3714" s="128"/>
      <c r="AO3714" s="128"/>
      <c r="AP3714" s="128"/>
      <c r="AQ3714" s="128"/>
      <c r="AR3714" s="128"/>
      <c r="AS3714" s="128"/>
      <c r="AT3714" s="128"/>
      <c r="AU3714" s="128"/>
      <c r="AV3714" s="128"/>
      <c r="AW3714" s="128"/>
      <c r="AX3714" s="128"/>
      <c r="AY3714" s="128"/>
      <c r="AZ3714" s="128"/>
      <c r="BA3714" s="128"/>
      <c r="BB3714" s="107">
        <v>45884</v>
      </c>
    </row>
    <row r="3715" spans="1:54" s="8" customFormat="1" ht="13.95" customHeight="1" x14ac:dyDescent="0.25">
      <c r="A3715" s="219" t="s">
        <v>8271</v>
      </c>
      <c r="B3715" s="220" t="s">
        <v>6395</v>
      </c>
      <c r="C3715" s="98" t="s">
        <v>8272</v>
      </c>
      <c r="D3715" s="98" t="s">
        <v>21366</v>
      </c>
      <c r="E3715" s="141">
        <v>2006</v>
      </c>
      <c r="F3715" s="141">
        <v>207</v>
      </c>
      <c r="G3715" s="98" t="s">
        <v>1</v>
      </c>
      <c r="H3715" s="98">
        <v>0</v>
      </c>
      <c r="I3715" s="98">
        <v>0</v>
      </c>
      <c r="J3715" s="98" t="s">
        <v>400</v>
      </c>
      <c r="K3715" s="98" t="s">
        <v>400</v>
      </c>
      <c r="L3715" s="98" t="s">
        <v>400</v>
      </c>
      <c r="M3715" s="98" t="s">
        <v>400</v>
      </c>
      <c r="N3715" s="98" t="s">
        <v>400</v>
      </c>
      <c r="O3715" s="98" t="s">
        <v>400</v>
      </c>
      <c r="P3715" s="98" t="s">
        <v>400</v>
      </c>
      <c r="Q3715" s="98" t="s">
        <v>400</v>
      </c>
      <c r="R3715" s="98" t="s">
        <v>400</v>
      </c>
      <c r="S3715" s="98" t="s">
        <v>400</v>
      </c>
      <c r="T3715" s="98" t="s">
        <v>400</v>
      </c>
      <c r="U3715" s="128"/>
      <c r="V3715" s="128"/>
      <c r="W3715" s="128"/>
      <c r="X3715" s="128"/>
      <c r="Y3715" s="128"/>
      <c r="Z3715" s="128"/>
      <c r="AA3715" s="128"/>
      <c r="AB3715" s="128"/>
      <c r="AC3715" s="128"/>
      <c r="AD3715" s="128"/>
      <c r="AE3715" s="128"/>
      <c r="AF3715" s="128"/>
      <c r="AG3715" s="128"/>
      <c r="AH3715" s="128"/>
      <c r="AI3715" s="128"/>
      <c r="AJ3715" s="128"/>
      <c r="AK3715" s="128"/>
      <c r="AL3715" s="128"/>
      <c r="AM3715" s="128"/>
      <c r="AN3715" s="128"/>
      <c r="AO3715" s="128"/>
      <c r="AP3715" s="128"/>
      <c r="AQ3715" s="128"/>
      <c r="AR3715" s="128"/>
      <c r="AS3715" s="128"/>
      <c r="AT3715" s="128"/>
      <c r="AU3715" s="128"/>
      <c r="AV3715" s="128"/>
      <c r="AW3715" s="128"/>
      <c r="AX3715" s="128"/>
      <c r="AY3715" s="128"/>
      <c r="AZ3715" s="128"/>
      <c r="BA3715" s="128"/>
      <c r="BB3715" s="107">
        <v>45884</v>
      </c>
    </row>
    <row r="3716" spans="1:54" s="8" customFormat="1" ht="13.95" customHeight="1" x14ac:dyDescent="0.25">
      <c r="A3716" s="219" t="s">
        <v>8273</v>
      </c>
      <c r="B3716" s="220" t="s">
        <v>6395</v>
      </c>
      <c r="C3716" s="98" t="s">
        <v>8274</v>
      </c>
      <c r="D3716" s="98" t="s">
        <v>21367</v>
      </c>
      <c r="E3716" s="141">
        <v>2006</v>
      </c>
      <c r="F3716" s="141">
        <v>1013</v>
      </c>
      <c r="G3716" s="98" t="s">
        <v>1</v>
      </c>
      <c r="H3716" s="98">
        <v>0</v>
      </c>
      <c r="I3716" s="98">
        <v>0</v>
      </c>
      <c r="J3716" s="98" t="s">
        <v>400</v>
      </c>
      <c r="K3716" s="98" t="s">
        <v>400</v>
      </c>
      <c r="L3716" s="98" t="s">
        <v>400</v>
      </c>
      <c r="M3716" s="98" t="s">
        <v>400</v>
      </c>
      <c r="N3716" s="98" t="s">
        <v>400</v>
      </c>
      <c r="O3716" s="98" t="s">
        <v>400</v>
      </c>
      <c r="P3716" s="98" t="s">
        <v>400</v>
      </c>
      <c r="Q3716" s="98" t="s">
        <v>400</v>
      </c>
      <c r="R3716" s="98" t="s">
        <v>400</v>
      </c>
      <c r="S3716" s="98" t="s">
        <v>400</v>
      </c>
      <c r="T3716" s="98" t="s">
        <v>400</v>
      </c>
      <c r="U3716" s="128"/>
      <c r="V3716" s="128"/>
      <c r="W3716" s="128"/>
      <c r="X3716" s="128"/>
      <c r="Y3716" s="128"/>
      <c r="Z3716" s="128"/>
      <c r="AA3716" s="128"/>
      <c r="AB3716" s="128"/>
      <c r="AC3716" s="128"/>
      <c r="AD3716" s="128"/>
      <c r="AE3716" s="128"/>
      <c r="AF3716" s="128"/>
      <c r="AG3716" s="128"/>
      <c r="AH3716" s="128"/>
      <c r="AI3716" s="128"/>
      <c r="AJ3716" s="128"/>
      <c r="AK3716" s="128"/>
      <c r="AL3716" s="128"/>
      <c r="AM3716" s="128"/>
      <c r="AN3716" s="128"/>
      <c r="AO3716" s="128"/>
      <c r="AP3716" s="128"/>
      <c r="AQ3716" s="128"/>
      <c r="AR3716" s="128"/>
      <c r="AS3716" s="128"/>
      <c r="AT3716" s="128"/>
      <c r="AU3716" s="128"/>
      <c r="AV3716" s="128"/>
      <c r="AW3716" s="128"/>
      <c r="AX3716" s="128"/>
      <c r="AY3716" s="128"/>
      <c r="AZ3716" s="128"/>
      <c r="BA3716" s="128"/>
      <c r="BB3716" s="107">
        <v>45884</v>
      </c>
    </row>
    <row r="3717" spans="1:54" s="8" customFormat="1" ht="13.95" customHeight="1" x14ac:dyDescent="0.25">
      <c r="A3717" s="219" t="s">
        <v>8275</v>
      </c>
      <c r="B3717" s="220" t="s">
        <v>6395</v>
      </c>
      <c r="C3717" s="98" t="s">
        <v>8276</v>
      </c>
      <c r="D3717" s="98" t="s">
        <v>21368</v>
      </c>
      <c r="E3717" s="141">
        <v>2006</v>
      </c>
      <c r="F3717" s="141">
        <v>284</v>
      </c>
      <c r="G3717" s="98" t="s">
        <v>1</v>
      </c>
      <c r="H3717" s="98">
        <v>0</v>
      </c>
      <c r="I3717" s="98">
        <v>0</v>
      </c>
      <c r="J3717" s="98" t="s">
        <v>400</v>
      </c>
      <c r="K3717" s="98" t="s">
        <v>400</v>
      </c>
      <c r="L3717" s="98" t="s">
        <v>400</v>
      </c>
      <c r="M3717" s="98" t="s">
        <v>400</v>
      </c>
      <c r="N3717" s="98" t="s">
        <v>400</v>
      </c>
      <c r="O3717" s="98" t="s">
        <v>400</v>
      </c>
      <c r="P3717" s="98" t="s">
        <v>400</v>
      </c>
      <c r="Q3717" s="98" t="s">
        <v>400</v>
      </c>
      <c r="R3717" s="98" t="s">
        <v>400</v>
      </c>
      <c r="S3717" s="98" t="s">
        <v>400</v>
      </c>
      <c r="T3717" s="98" t="s">
        <v>400</v>
      </c>
      <c r="U3717" s="128"/>
      <c r="V3717" s="128"/>
      <c r="W3717" s="128"/>
      <c r="X3717" s="128"/>
      <c r="Y3717" s="128"/>
      <c r="Z3717" s="128"/>
      <c r="AA3717" s="128"/>
      <c r="AB3717" s="128"/>
      <c r="AC3717" s="128"/>
      <c r="AD3717" s="128"/>
      <c r="AE3717" s="128"/>
      <c r="AF3717" s="128"/>
      <c r="AG3717" s="128"/>
      <c r="AH3717" s="128"/>
      <c r="AI3717" s="128"/>
      <c r="AJ3717" s="128"/>
      <c r="AK3717" s="128"/>
      <c r="AL3717" s="128"/>
      <c r="AM3717" s="128"/>
      <c r="AN3717" s="128"/>
      <c r="AO3717" s="128"/>
      <c r="AP3717" s="128"/>
      <c r="AQ3717" s="128"/>
      <c r="AR3717" s="128"/>
      <c r="AS3717" s="128"/>
      <c r="AT3717" s="128"/>
      <c r="AU3717" s="128"/>
      <c r="AV3717" s="128"/>
      <c r="AW3717" s="128"/>
      <c r="AX3717" s="128"/>
      <c r="AY3717" s="128"/>
      <c r="AZ3717" s="128"/>
      <c r="BA3717" s="128"/>
      <c r="BB3717" s="107">
        <v>45884</v>
      </c>
    </row>
    <row r="3718" spans="1:54" s="8" customFormat="1" ht="13.95" customHeight="1" x14ac:dyDescent="0.25">
      <c r="A3718" s="219" t="s">
        <v>8277</v>
      </c>
      <c r="B3718" s="220" t="s">
        <v>6395</v>
      </c>
      <c r="C3718" s="98" t="s">
        <v>8278</v>
      </c>
      <c r="D3718" s="98" t="s">
        <v>21369</v>
      </c>
      <c r="E3718" s="141">
        <v>2008</v>
      </c>
      <c r="F3718" s="141">
        <v>296</v>
      </c>
      <c r="G3718" s="98" t="s">
        <v>1</v>
      </c>
      <c r="H3718" s="98">
        <v>0</v>
      </c>
      <c r="I3718" s="98">
        <v>0</v>
      </c>
      <c r="J3718" s="98" t="s">
        <v>400</v>
      </c>
      <c r="K3718" s="98" t="s">
        <v>400</v>
      </c>
      <c r="L3718" s="98" t="s">
        <v>400</v>
      </c>
      <c r="M3718" s="98" t="s">
        <v>400</v>
      </c>
      <c r="N3718" s="98" t="s">
        <v>400</v>
      </c>
      <c r="O3718" s="98" t="s">
        <v>400</v>
      </c>
      <c r="P3718" s="98" t="s">
        <v>400</v>
      </c>
      <c r="Q3718" s="98" t="s">
        <v>400</v>
      </c>
      <c r="R3718" s="98" t="s">
        <v>400</v>
      </c>
      <c r="S3718" s="98" t="s">
        <v>400</v>
      </c>
      <c r="T3718" s="98" t="s">
        <v>400</v>
      </c>
      <c r="U3718" s="128"/>
      <c r="V3718" s="128"/>
      <c r="W3718" s="128"/>
      <c r="X3718" s="128"/>
      <c r="Y3718" s="128"/>
      <c r="Z3718" s="128"/>
      <c r="AA3718" s="128"/>
      <c r="AB3718" s="128"/>
      <c r="AC3718" s="128"/>
      <c r="AD3718" s="128"/>
      <c r="AE3718" s="128"/>
      <c r="AF3718" s="128"/>
      <c r="AG3718" s="128"/>
      <c r="AH3718" s="128"/>
      <c r="AI3718" s="128"/>
      <c r="AJ3718" s="128"/>
      <c r="AK3718" s="128"/>
      <c r="AL3718" s="128"/>
      <c r="AM3718" s="128"/>
      <c r="AN3718" s="128"/>
      <c r="AO3718" s="128"/>
      <c r="AP3718" s="128"/>
      <c r="AQ3718" s="128"/>
      <c r="AR3718" s="128"/>
      <c r="AS3718" s="128"/>
      <c r="AT3718" s="128"/>
      <c r="AU3718" s="128"/>
      <c r="AV3718" s="128"/>
      <c r="AW3718" s="128"/>
      <c r="AX3718" s="128"/>
      <c r="AY3718" s="128"/>
      <c r="AZ3718" s="128"/>
      <c r="BA3718" s="128"/>
      <c r="BB3718" s="107">
        <v>45884</v>
      </c>
    </row>
    <row r="3719" spans="1:54" s="8" customFormat="1" ht="13.95" customHeight="1" x14ac:dyDescent="0.25">
      <c r="A3719" s="219" t="s">
        <v>8279</v>
      </c>
      <c r="B3719" s="220" t="s">
        <v>6395</v>
      </c>
      <c r="C3719" s="98" t="s">
        <v>8280</v>
      </c>
      <c r="D3719" s="98" t="s">
        <v>21370</v>
      </c>
      <c r="E3719" s="141">
        <v>2006</v>
      </c>
      <c r="F3719" s="141">
        <v>250</v>
      </c>
      <c r="G3719" s="98" t="s">
        <v>1</v>
      </c>
      <c r="H3719" s="98">
        <v>0</v>
      </c>
      <c r="I3719" s="98">
        <v>0</v>
      </c>
      <c r="J3719" s="98" t="s">
        <v>400</v>
      </c>
      <c r="K3719" s="98" t="s">
        <v>400</v>
      </c>
      <c r="L3719" s="98" t="s">
        <v>400</v>
      </c>
      <c r="M3719" s="98" t="s">
        <v>400</v>
      </c>
      <c r="N3719" s="98" t="s">
        <v>400</v>
      </c>
      <c r="O3719" s="98" t="s">
        <v>400</v>
      </c>
      <c r="P3719" s="98" t="s">
        <v>400</v>
      </c>
      <c r="Q3719" s="98" t="s">
        <v>400</v>
      </c>
      <c r="R3719" s="98" t="s">
        <v>400</v>
      </c>
      <c r="S3719" s="98" t="s">
        <v>400</v>
      </c>
      <c r="T3719" s="98" t="s">
        <v>400</v>
      </c>
      <c r="U3719" s="128"/>
      <c r="V3719" s="128"/>
      <c r="W3719" s="128"/>
      <c r="X3719" s="128"/>
      <c r="Y3719" s="128"/>
      <c r="Z3719" s="128"/>
      <c r="AA3719" s="128"/>
      <c r="AB3719" s="128"/>
      <c r="AC3719" s="128"/>
      <c r="AD3719" s="128"/>
      <c r="AE3719" s="128"/>
      <c r="AF3719" s="128"/>
      <c r="AG3719" s="128"/>
      <c r="AH3719" s="128"/>
      <c r="AI3719" s="128"/>
      <c r="AJ3719" s="128"/>
      <c r="AK3719" s="128"/>
      <c r="AL3719" s="128"/>
      <c r="AM3719" s="128"/>
      <c r="AN3719" s="128"/>
      <c r="AO3719" s="128"/>
      <c r="AP3719" s="128"/>
      <c r="AQ3719" s="128"/>
      <c r="AR3719" s="128"/>
      <c r="AS3719" s="128"/>
      <c r="AT3719" s="128"/>
      <c r="AU3719" s="128"/>
      <c r="AV3719" s="128"/>
      <c r="AW3719" s="128"/>
      <c r="AX3719" s="128"/>
      <c r="AY3719" s="128"/>
      <c r="AZ3719" s="128"/>
      <c r="BA3719" s="128"/>
      <c r="BB3719" s="107">
        <v>45884</v>
      </c>
    </row>
    <row r="3720" spans="1:54" s="8" customFormat="1" ht="13.95" customHeight="1" x14ac:dyDescent="0.25">
      <c r="A3720" s="219" t="s">
        <v>8281</v>
      </c>
      <c r="B3720" s="220" t="s">
        <v>6395</v>
      </c>
      <c r="C3720" s="98" t="s">
        <v>8282</v>
      </c>
      <c r="D3720" s="98" t="s">
        <v>21371</v>
      </c>
      <c r="E3720" s="141">
        <v>2006</v>
      </c>
      <c r="F3720" s="141">
        <v>508</v>
      </c>
      <c r="G3720" s="98" t="s">
        <v>1</v>
      </c>
      <c r="H3720" s="98">
        <v>0</v>
      </c>
      <c r="I3720" s="98">
        <v>0</v>
      </c>
      <c r="J3720" s="98" t="s">
        <v>400</v>
      </c>
      <c r="K3720" s="98" t="s">
        <v>400</v>
      </c>
      <c r="L3720" s="98" t="s">
        <v>400</v>
      </c>
      <c r="M3720" s="98" t="s">
        <v>400</v>
      </c>
      <c r="N3720" s="98" t="s">
        <v>400</v>
      </c>
      <c r="O3720" s="98" t="s">
        <v>400</v>
      </c>
      <c r="P3720" s="98" t="s">
        <v>400</v>
      </c>
      <c r="Q3720" s="98" t="s">
        <v>400</v>
      </c>
      <c r="R3720" s="98" t="s">
        <v>400</v>
      </c>
      <c r="S3720" s="98" t="s">
        <v>400</v>
      </c>
      <c r="T3720" s="98" t="s">
        <v>400</v>
      </c>
      <c r="U3720" s="128"/>
      <c r="V3720" s="128"/>
      <c r="W3720" s="128"/>
      <c r="X3720" s="128"/>
      <c r="Y3720" s="128"/>
      <c r="Z3720" s="128"/>
      <c r="AA3720" s="128"/>
      <c r="AB3720" s="128"/>
      <c r="AC3720" s="128"/>
      <c r="AD3720" s="128"/>
      <c r="AE3720" s="128"/>
      <c r="AF3720" s="128"/>
      <c r="AG3720" s="128"/>
      <c r="AH3720" s="128"/>
      <c r="AI3720" s="128"/>
      <c r="AJ3720" s="128"/>
      <c r="AK3720" s="128"/>
      <c r="AL3720" s="128"/>
      <c r="AM3720" s="128"/>
      <c r="AN3720" s="128"/>
      <c r="AO3720" s="128"/>
      <c r="AP3720" s="128"/>
      <c r="AQ3720" s="128"/>
      <c r="AR3720" s="128"/>
      <c r="AS3720" s="128"/>
      <c r="AT3720" s="128"/>
      <c r="AU3720" s="128"/>
      <c r="AV3720" s="128"/>
      <c r="AW3720" s="128"/>
      <c r="AX3720" s="128"/>
      <c r="AY3720" s="128"/>
      <c r="AZ3720" s="128"/>
      <c r="BA3720" s="128"/>
      <c r="BB3720" s="107">
        <v>45884</v>
      </c>
    </row>
    <row r="3721" spans="1:54" s="8" customFormat="1" ht="13.95" customHeight="1" x14ac:dyDescent="0.25">
      <c r="A3721" s="219" t="s">
        <v>8283</v>
      </c>
      <c r="B3721" s="220" t="s">
        <v>6395</v>
      </c>
      <c r="C3721" s="98" t="s">
        <v>8284</v>
      </c>
      <c r="D3721" s="98" t="s">
        <v>21372</v>
      </c>
      <c r="E3721" s="141">
        <v>2007</v>
      </c>
      <c r="F3721" s="141">
        <v>90</v>
      </c>
      <c r="G3721" s="98" t="s">
        <v>1</v>
      </c>
      <c r="H3721" s="98">
        <v>0</v>
      </c>
      <c r="I3721" s="98">
        <v>0</v>
      </c>
      <c r="J3721" s="98" t="s">
        <v>400</v>
      </c>
      <c r="K3721" s="98" t="s">
        <v>400</v>
      </c>
      <c r="L3721" s="98" t="s">
        <v>400</v>
      </c>
      <c r="M3721" s="98" t="s">
        <v>400</v>
      </c>
      <c r="N3721" s="98" t="s">
        <v>400</v>
      </c>
      <c r="O3721" s="98" t="s">
        <v>400</v>
      </c>
      <c r="P3721" s="98" t="s">
        <v>400</v>
      </c>
      <c r="Q3721" s="98" t="s">
        <v>400</v>
      </c>
      <c r="R3721" s="98" t="s">
        <v>400</v>
      </c>
      <c r="S3721" s="98" t="s">
        <v>400</v>
      </c>
      <c r="T3721" s="98" t="s">
        <v>400</v>
      </c>
      <c r="U3721" s="128"/>
      <c r="V3721" s="128"/>
      <c r="W3721" s="128"/>
      <c r="X3721" s="128"/>
      <c r="Y3721" s="128"/>
      <c r="Z3721" s="128"/>
      <c r="AA3721" s="128"/>
      <c r="AB3721" s="128"/>
      <c r="AC3721" s="128"/>
      <c r="AD3721" s="128"/>
      <c r="AE3721" s="128"/>
      <c r="AF3721" s="128"/>
      <c r="AG3721" s="128"/>
      <c r="AH3721" s="128"/>
      <c r="AI3721" s="128"/>
      <c r="AJ3721" s="128"/>
      <c r="AK3721" s="128"/>
      <c r="AL3721" s="128"/>
      <c r="AM3721" s="128"/>
      <c r="AN3721" s="128"/>
      <c r="AO3721" s="128"/>
      <c r="AP3721" s="128"/>
      <c r="AQ3721" s="128"/>
      <c r="AR3721" s="128"/>
      <c r="AS3721" s="128"/>
      <c r="AT3721" s="128"/>
      <c r="AU3721" s="128"/>
      <c r="AV3721" s="128"/>
      <c r="AW3721" s="128"/>
      <c r="AX3721" s="128"/>
      <c r="AY3721" s="128"/>
      <c r="AZ3721" s="128"/>
      <c r="BA3721" s="128"/>
      <c r="BB3721" s="107">
        <v>45884</v>
      </c>
    </row>
    <row r="3722" spans="1:54" s="8" customFormat="1" ht="13.95" customHeight="1" x14ac:dyDescent="0.25">
      <c r="A3722" s="219" t="s">
        <v>8285</v>
      </c>
      <c r="B3722" s="220" t="s">
        <v>6395</v>
      </c>
      <c r="C3722" s="98" t="s">
        <v>8286</v>
      </c>
      <c r="D3722" s="98" t="s">
        <v>21373</v>
      </c>
      <c r="E3722" s="141">
        <v>2007</v>
      </c>
      <c r="F3722" s="141">
        <v>430</v>
      </c>
      <c r="G3722" s="98" t="s">
        <v>1</v>
      </c>
      <c r="H3722" s="98">
        <v>0</v>
      </c>
      <c r="I3722" s="98">
        <v>0</v>
      </c>
      <c r="J3722" s="98" t="s">
        <v>400</v>
      </c>
      <c r="K3722" s="98" t="s">
        <v>400</v>
      </c>
      <c r="L3722" s="98" t="s">
        <v>400</v>
      </c>
      <c r="M3722" s="98" t="s">
        <v>400</v>
      </c>
      <c r="N3722" s="98" t="s">
        <v>400</v>
      </c>
      <c r="O3722" s="98" t="s">
        <v>400</v>
      </c>
      <c r="P3722" s="98" t="s">
        <v>400</v>
      </c>
      <c r="Q3722" s="98" t="s">
        <v>400</v>
      </c>
      <c r="R3722" s="98" t="s">
        <v>400</v>
      </c>
      <c r="S3722" s="98" t="s">
        <v>400</v>
      </c>
      <c r="T3722" s="98" t="s">
        <v>400</v>
      </c>
      <c r="U3722" s="128"/>
      <c r="V3722" s="128"/>
      <c r="W3722" s="128"/>
      <c r="X3722" s="128"/>
      <c r="Y3722" s="128"/>
      <c r="Z3722" s="128"/>
      <c r="AA3722" s="128"/>
      <c r="AB3722" s="128"/>
      <c r="AC3722" s="128"/>
      <c r="AD3722" s="128"/>
      <c r="AE3722" s="128"/>
      <c r="AF3722" s="128"/>
      <c r="AG3722" s="128"/>
      <c r="AH3722" s="128"/>
      <c r="AI3722" s="128"/>
      <c r="AJ3722" s="128"/>
      <c r="AK3722" s="128"/>
      <c r="AL3722" s="128"/>
      <c r="AM3722" s="128"/>
      <c r="AN3722" s="128"/>
      <c r="AO3722" s="128"/>
      <c r="AP3722" s="128"/>
      <c r="AQ3722" s="128"/>
      <c r="AR3722" s="128"/>
      <c r="AS3722" s="128"/>
      <c r="AT3722" s="128"/>
      <c r="AU3722" s="128"/>
      <c r="AV3722" s="128"/>
      <c r="AW3722" s="128"/>
      <c r="AX3722" s="128"/>
      <c r="AY3722" s="128"/>
      <c r="AZ3722" s="128"/>
      <c r="BA3722" s="128"/>
      <c r="BB3722" s="107">
        <v>45884</v>
      </c>
    </row>
    <row r="3723" spans="1:54" s="8" customFormat="1" ht="13.95" customHeight="1" x14ac:dyDescent="0.25">
      <c r="A3723" s="219" t="s">
        <v>8287</v>
      </c>
      <c r="B3723" s="220" t="s">
        <v>6395</v>
      </c>
      <c r="C3723" s="98" t="s">
        <v>20355</v>
      </c>
      <c r="D3723" s="98" t="s">
        <v>21374</v>
      </c>
      <c r="E3723" s="141">
        <v>2007</v>
      </c>
      <c r="F3723" s="141">
        <v>131</v>
      </c>
      <c r="G3723" s="98" t="s">
        <v>1</v>
      </c>
      <c r="H3723" s="98">
        <v>0</v>
      </c>
      <c r="I3723" s="98">
        <v>0</v>
      </c>
      <c r="J3723" s="98" t="s">
        <v>400</v>
      </c>
      <c r="K3723" s="98" t="s">
        <v>400</v>
      </c>
      <c r="L3723" s="98" t="s">
        <v>400</v>
      </c>
      <c r="M3723" s="98" t="s">
        <v>400</v>
      </c>
      <c r="N3723" s="98" t="s">
        <v>400</v>
      </c>
      <c r="O3723" s="98" t="s">
        <v>400</v>
      </c>
      <c r="P3723" s="98" t="s">
        <v>400</v>
      </c>
      <c r="Q3723" s="98" t="s">
        <v>400</v>
      </c>
      <c r="R3723" s="98" t="s">
        <v>400</v>
      </c>
      <c r="S3723" s="98" t="s">
        <v>400</v>
      </c>
      <c r="T3723" s="98" t="s">
        <v>400</v>
      </c>
      <c r="U3723" s="128"/>
      <c r="V3723" s="128"/>
      <c r="W3723" s="128"/>
      <c r="X3723" s="128"/>
      <c r="Y3723" s="128"/>
      <c r="Z3723" s="128"/>
      <c r="AA3723" s="128"/>
      <c r="AB3723" s="128"/>
      <c r="AC3723" s="128"/>
      <c r="AD3723" s="128"/>
      <c r="AE3723" s="128"/>
      <c r="AF3723" s="128"/>
      <c r="AG3723" s="128"/>
      <c r="AH3723" s="128"/>
      <c r="AI3723" s="128"/>
      <c r="AJ3723" s="128"/>
      <c r="AK3723" s="128"/>
      <c r="AL3723" s="128"/>
      <c r="AM3723" s="128"/>
      <c r="AN3723" s="128"/>
      <c r="AO3723" s="128"/>
      <c r="AP3723" s="128"/>
      <c r="AQ3723" s="128"/>
      <c r="AR3723" s="128"/>
      <c r="AS3723" s="128"/>
      <c r="AT3723" s="128"/>
      <c r="AU3723" s="128"/>
      <c r="AV3723" s="128"/>
      <c r="AW3723" s="128"/>
      <c r="AX3723" s="128"/>
      <c r="AY3723" s="128"/>
      <c r="AZ3723" s="128"/>
      <c r="BA3723" s="128"/>
      <c r="BB3723" s="107">
        <v>45884</v>
      </c>
    </row>
    <row r="3724" spans="1:54" s="8" customFormat="1" ht="13.95" customHeight="1" x14ac:dyDescent="0.25">
      <c r="A3724" s="219" t="s">
        <v>8288</v>
      </c>
      <c r="B3724" s="220" t="s">
        <v>6395</v>
      </c>
      <c r="C3724" s="98" t="s">
        <v>8289</v>
      </c>
      <c r="D3724" s="98" t="s">
        <v>21375</v>
      </c>
      <c r="E3724" s="141">
        <v>2008</v>
      </c>
      <c r="F3724" s="141">
        <v>1000</v>
      </c>
      <c r="G3724" s="98" t="s">
        <v>1</v>
      </c>
      <c r="H3724" s="98">
        <v>0</v>
      </c>
      <c r="I3724" s="98">
        <v>0</v>
      </c>
      <c r="J3724" s="98" t="s">
        <v>400</v>
      </c>
      <c r="K3724" s="98" t="s">
        <v>400</v>
      </c>
      <c r="L3724" s="98" t="s">
        <v>400</v>
      </c>
      <c r="M3724" s="98" t="s">
        <v>400</v>
      </c>
      <c r="N3724" s="98" t="s">
        <v>400</v>
      </c>
      <c r="O3724" s="98" t="s">
        <v>400</v>
      </c>
      <c r="P3724" s="98" t="s">
        <v>400</v>
      </c>
      <c r="Q3724" s="98" t="s">
        <v>400</v>
      </c>
      <c r="R3724" s="98" t="s">
        <v>400</v>
      </c>
      <c r="S3724" s="98" t="s">
        <v>400</v>
      </c>
      <c r="T3724" s="98" t="s">
        <v>400</v>
      </c>
      <c r="U3724" s="128"/>
      <c r="V3724" s="128"/>
      <c r="W3724" s="128"/>
      <c r="X3724" s="128"/>
      <c r="Y3724" s="128"/>
      <c r="Z3724" s="128"/>
      <c r="AA3724" s="128"/>
      <c r="AB3724" s="128"/>
      <c r="AC3724" s="128"/>
      <c r="AD3724" s="128"/>
      <c r="AE3724" s="128"/>
      <c r="AF3724" s="128"/>
      <c r="AG3724" s="128"/>
      <c r="AH3724" s="128"/>
      <c r="AI3724" s="128"/>
      <c r="AJ3724" s="128"/>
      <c r="AK3724" s="128"/>
      <c r="AL3724" s="128"/>
      <c r="AM3724" s="128"/>
      <c r="AN3724" s="128"/>
      <c r="AO3724" s="128"/>
      <c r="AP3724" s="128"/>
      <c r="AQ3724" s="128"/>
      <c r="AR3724" s="128"/>
      <c r="AS3724" s="128"/>
      <c r="AT3724" s="128"/>
      <c r="AU3724" s="128"/>
      <c r="AV3724" s="128"/>
      <c r="AW3724" s="128"/>
      <c r="AX3724" s="128"/>
      <c r="AY3724" s="128"/>
      <c r="AZ3724" s="128"/>
      <c r="BA3724" s="128"/>
      <c r="BB3724" s="107">
        <v>45884</v>
      </c>
    </row>
    <row r="3725" spans="1:54" s="8" customFormat="1" ht="13.95" customHeight="1" x14ac:dyDescent="0.25">
      <c r="A3725" s="219" t="s">
        <v>8290</v>
      </c>
      <c r="B3725" s="220" t="s">
        <v>6395</v>
      </c>
      <c r="C3725" s="98" t="s">
        <v>8291</v>
      </c>
      <c r="D3725" s="98" t="s">
        <v>21376</v>
      </c>
      <c r="E3725" s="141">
        <v>2008</v>
      </c>
      <c r="F3725" s="141">
        <v>2500</v>
      </c>
      <c r="G3725" s="98" t="s">
        <v>1</v>
      </c>
      <c r="H3725" s="98">
        <v>0</v>
      </c>
      <c r="I3725" s="98">
        <v>0</v>
      </c>
      <c r="J3725" s="98" t="s">
        <v>400</v>
      </c>
      <c r="K3725" s="98" t="s">
        <v>400</v>
      </c>
      <c r="L3725" s="98" t="s">
        <v>400</v>
      </c>
      <c r="M3725" s="98" t="s">
        <v>400</v>
      </c>
      <c r="N3725" s="98" t="s">
        <v>400</v>
      </c>
      <c r="O3725" s="98" t="s">
        <v>400</v>
      </c>
      <c r="P3725" s="98" t="s">
        <v>400</v>
      </c>
      <c r="Q3725" s="98" t="s">
        <v>400</v>
      </c>
      <c r="R3725" s="98" t="s">
        <v>400</v>
      </c>
      <c r="S3725" s="98" t="s">
        <v>400</v>
      </c>
      <c r="T3725" s="98" t="s">
        <v>400</v>
      </c>
      <c r="U3725" s="128"/>
      <c r="V3725" s="128"/>
      <c r="W3725" s="128"/>
      <c r="X3725" s="128"/>
      <c r="Y3725" s="128"/>
      <c r="Z3725" s="128"/>
      <c r="AA3725" s="128"/>
      <c r="AB3725" s="128"/>
      <c r="AC3725" s="128"/>
      <c r="AD3725" s="128"/>
      <c r="AE3725" s="128"/>
      <c r="AF3725" s="128"/>
      <c r="AG3725" s="128"/>
      <c r="AH3725" s="128"/>
      <c r="AI3725" s="128"/>
      <c r="AJ3725" s="128"/>
      <c r="AK3725" s="128"/>
      <c r="AL3725" s="128"/>
      <c r="AM3725" s="128"/>
      <c r="AN3725" s="128"/>
      <c r="AO3725" s="128"/>
      <c r="AP3725" s="128"/>
      <c r="AQ3725" s="128"/>
      <c r="AR3725" s="128"/>
      <c r="AS3725" s="128"/>
      <c r="AT3725" s="128"/>
      <c r="AU3725" s="128"/>
      <c r="AV3725" s="128"/>
      <c r="AW3725" s="128"/>
      <c r="AX3725" s="128"/>
      <c r="AY3725" s="128"/>
      <c r="AZ3725" s="128"/>
      <c r="BA3725" s="128"/>
      <c r="BB3725" s="107">
        <v>45884</v>
      </c>
    </row>
    <row r="3726" spans="1:54" s="8" customFormat="1" ht="13.95" customHeight="1" x14ac:dyDescent="0.25">
      <c r="A3726" s="219" t="s">
        <v>8292</v>
      </c>
      <c r="B3726" s="220" t="s">
        <v>6395</v>
      </c>
      <c r="C3726" s="98" t="s">
        <v>8293</v>
      </c>
      <c r="D3726" s="98" t="s">
        <v>21377</v>
      </c>
      <c r="E3726" s="141">
        <v>2008</v>
      </c>
      <c r="F3726" s="141">
        <v>2720</v>
      </c>
      <c r="G3726" s="98" t="s">
        <v>1</v>
      </c>
      <c r="H3726" s="98">
        <v>1</v>
      </c>
      <c r="I3726" s="98">
        <v>1</v>
      </c>
      <c r="J3726" s="98" t="s">
        <v>400</v>
      </c>
      <c r="K3726" s="98" t="s">
        <v>400</v>
      </c>
      <c r="L3726" s="98" t="s">
        <v>400</v>
      </c>
      <c r="M3726" s="98" t="s">
        <v>400</v>
      </c>
      <c r="N3726" s="98" t="s">
        <v>400</v>
      </c>
      <c r="O3726" s="98" t="s">
        <v>400</v>
      </c>
      <c r="P3726" s="98" t="s">
        <v>400</v>
      </c>
      <c r="Q3726" s="98" t="s">
        <v>400</v>
      </c>
      <c r="R3726" s="98" t="s">
        <v>400</v>
      </c>
      <c r="S3726" s="98" t="s">
        <v>400</v>
      </c>
      <c r="T3726" s="98" t="s">
        <v>400</v>
      </c>
      <c r="U3726" s="128"/>
      <c r="V3726" s="128"/>
      <c r="W3726" s="128"/>
      <c r="X3726" s="128"/>
      <c r="Y3726" s="128"/>
      <c r="Z3726" s="128"/>
      <c r="AA3726" s="128"/>
      <c r="AB3726" s="128"/>
      <c r="AC3726" s="128"/>
      <c r="AD3726" s="128"/>
      <c r="AE3726" s="128"/>
      <c r="AF3726" s="128"/>
      <c r="AG3726" s="128"/>
      <c r="AH3726" s="128"/>
      <c r="AI3726" s="128"/>
      <c r="AJ3726" s="128"/>
      <c r="AK3726" s="128"/>
      <c r="AL3726" s="128"/>
      <c r="AM3726" s="128"/>
      <c r="AN3726" s="128"/>
      <c r="AO3726" s="128"/>
      <c r="AP3726" s="128"/>
      <c r="AQ3726" s="128"/>
      <c r="AR3726" s="128"/>
      <c r="AS3726" s="128"/>
      <c r="AT3726" s="128"/>
      <c r="AU3726" s="128"/>
      <c r="AV3726" s="128"/>
      <c r="AW3726" s="128"/>
      <c r="AX3726" s="128"/>
      <c r="AY3726" s="128"/>
      <c r="AZ3726" s="128"/>
      <c r="BA3726" s="128"/>
      <c r="BB3726" s="107">
        <v>45884</v>
      </c>
    </row>
    <row r="3727" spans="1:54" s="8" customFormat="1" ht="13.95" customHeight="1" x14ac:dyDescent="0.25">
      <c r="A3727" s="219" t="s">
        <v>8294</v>
      </c>
      <c r="B3727" s="220" t="s">
        <v>6395</v>
      </c>
      <c r="C3727" s="98" t="s">
        <v>8295</v>
      </c>
      <c r="D3727" s="98" t="s">
        <v>21378</v>
      </c>
      <c r="E3727" s="141">
        <v>2007</v>
      </c>
      <c r="F3727" s="141">
        <v>424</v>
      </c>
      <c r="G3727" s="98" t="s">
        <v>1</v>
      </c>
      <c r="H3727" s="98">
        <v>0</v>
      </c>
      <c r="I3727" s="98">
        <v>0</v>
      </c>
      <c r="J3727" s="98" t="s">
        <v>400</v>
      </c>
      <c r="K3727" s="98" t="s">
        <v>400</v>
      </c>
      <c r="L3727" s="98" t="s">
        <v>400</v>
      </c>
      <c r="M3727" s="98" t="s">
        <v>400</v>
      </c>
      <c r="N3727" s="98" t="s">
        <v>400</v>
      </c>
      <c r="O3727" s="98" t="s">
        <v>400</v>
      </c>
      <c r="P3727" s="98" t="s">
        <v>400</v>
      </c>
      <c r="Q3727" s="98" t="s">
        <v>400</v>
      </c>
      <c r="R3727" s="98" t="s">
        <v>400</v>
      </c>
      <c r="S3727" s="98" t="s">
        <v>400</v>
      </c>
      <c r="T3727" s="98" t="s">
        <v>400</v>
      </c>
      <c r="U3727" s="128"/>
      <c r="V3727" s="128"/>
      <c r="W3727" s="128"/>
      <c r="X3727" s="128"/>
      <c r="Y3727" s="128"/>
      <c r="Z3727" s="128"/>
      <c r="AA3727" s="128"/>
      <c r="AB3727" s="128"/>
      <c r="AC3727" s="128"/>
      <c r="AD3727" s="128"/>
      <c r="AE3727" s="128"/>
      <c r="AF3727" s="128"/>
      <c r="AG3727" s="128"/>
      <c r="AH3727" s="128"/>
      <c r="AI3727" s="128"/>
      <c r="AJ3727" s="128"/>
      <c r="AK3727" s="128"/>
      <c r="AL3727" s="128"/>
      <c r="AM3727" s="128"/>
      <c r="AN3727" s="128"/>
      <c r="AO3727" s="128"/>
      <c r="AP3727" s="128"/>
      <c r="AQ3727" s="128"/>
      <c r="AR3727" s="128"/>
      <c r="AS3727" s="128"/>
      <c r="AT3727" s="128"/>
      <c r="AU3727" s="128"/>
      <c r="AV3727" s="128"/>
      <c r="AW3727" s="128"/>
      <c r="AX3727" s="128"/>
      <c r="AY3727" s="128"/>
      <c r="AZ3727" s="128"/>
      <c r="BA3727" s="128"/>
      <c r="BB3727" s="107">
        <v>45884</v>
      </c>
    </row>
    <row r="3728" spans="1:54" s="8" customFormat="1" ht="13.95" customHeight="1" x14ac:dyDescent="0.25">
      <c r="A3728" s="219" t="s">
        <v>8296</v>
      </c>
      <c r="B3728" s="220" t="s">
        <v>6395</v>
      </c>
      <c r="C3728" s="98" t="s">
        <v>8297</v>
      </c>
      <c r="D3728" s="98" t="s">
        <v>21379</v>
      </c>
      <c r="E3728" s="141">
        <v>2007</v>
      </c>
      <c r="F3728" s="141">
        <v>123</v>
      </c>
      <c r="G3728" s="98" t="s">
        <v>1</v>
      </c>
      <c r="H3728" s="98">
        <v>0</v>
      </c>
      <c r="I3728" s="98">
        <v>0</v>
      </c>
      <c r="J3728" s="98" t="s">
        <v>400</v>
      </c>
      <c r="K3728" s="98" t="s">
        <v>400</v>
      </c>
      <c r="L3728" s="98" t="s">
        <v>400</v>
      </c>
      <c r="M3728" s="98" t="s">
        <v>400</v>
      </c>
      <c r="N3728" s="98" t="s">
        <v>400</v>
      </c>
      <c r="O3728" s="98" t="s">
        <v>400</v>
      </c>
      <c r="P3728" s="98" t="s">
        <v>400</v>
      </c>
      <c r="Q3728" s="98" t="s">
        <v>400</v>
      </c>
      <c r="R3728" s="98" t="s">
        <v>400</v>
      </c>
      <c r="S3728" s="98" t="s">
        <v>400</v>
      </c>
      <c r="T3728" s="98" t="s">
        <v>400</v>
      </c>
      <c r="U3728" s="128"/>
      <c r="V3728" s="128"/>
      <c r="W3728" s="128"/>
      <c r="X3728" s="128"/>
      <c r="Y3728" s="128"/>
      <c r="Z3728" s="128"/>
      <c r="AA3728" s="128"/>
      <c r="AB3728" s="128"/>
      <c r="AC3728" s="128"/>
      <c r="AD3728" s="128"/>
      <c r="AE3728" s="128"/>
      <c r="AF3728" s="128"/>
      <c r="AG3728" s="128"/>
      <c r="AH3728" s="128"/>
      <c r="AI3728" s="128"/>
      <c r="AJ3728" s="128"/>
      <c r="AK3728" s="128"/>
      <c r="AL3728" s="128"/>
      <c r="AM3728" s="128"/>
      <c r="AN3728" s="128"/>
      <c r="AO3728" s="128"/>
      <c r="AP3728" s="128"/>
      <c r="AQ3728" s="128"/>
      <c r="AR3728" s="128"/>
      <c r="AS3728" s="128"/>
      <c r="AT3728" s="128"/>
      <c r="AU3728" s="128"/>
      <c r="AV3728" s="128"/>
      <c r="AW3728" s="128"/>
      <c r="AX3728" s="128"/>
      <c r="AY3728" s="128"/>
      <c r="AZ3728" s="128"/>
      <c r="BA3728" s="128"/>
      <c r="BB3728" s="107">
        <v>45884</v>
      </c>
    </row>
    <row r="3729" spans="1:54" s="8" customFormat="1" ht="13.95" customHeight="1" x14ac:dyDescent="0.25">
      <c r="A3729" s="219" t="s">
        <v>8298</v>
      </c>
      <c r="B3729" s="220" t="s">
        <v>6395</v>
      </c>
      <c r="C3729" s="98" t="s">
        <v>8299</v>
      </c>
      <c r="D3729" s="98" t="s">
        <v>21380</v>
      </c>
      <c r="E3729" s="141">
        <v>2007</v>
      </c>
      <c r="F3729" s="141">
        <v>595</v>
      </c>
      <c r="G3729" s="98" t="s">
        <v>1</v>
      </c>
      <c r="H3729" s="98">
        <v>0</v>
      </c>
      <c r="I3729" s="98">
        <v>0</v>
      </c>
      <c r="J3729" s="98" t="s">
        <v>400</v>
      </c>
      <c r="K3729" s="98" t="s">
        <v>400</v>
      </c>
      <c r="L3729" s="98" t="s">
        <v>400</v>
      </c>
      <c r="M3729" s="98" t="s">
        <v>400</v>
      </c>
      <c r="N3729" s="98" t="s">
        <v>400</v>
      </c>
      <c r="O3729" s="98" t="s">
        <v>400</v>
      </c>
      <c r="P3729" s="98" t="s">
        <v>400</v>
      </c>
      <c r="Q3729" s="98" t="s">
        <v>400</v>
      </c>
      <c r="R3729" s="98" t="s">
        <v>400</v>
      </c>
      <c r="S3729" s="98" t="s">
        <v>400</v>
      </c>
      <c r="T3729" s="98" t="s">
        <v>400</v>
      </c>
      <c r="U3729" s="128"/>
      <c r="V3729" s="128"/>
      <c r="W3729" s="128"/>
      <c r="X3729" s="128"/>
      <c r="Y3729" s="128"/>
      <c r="Z3729" s="128"/>
      <c r="AA3729" s="128"/>
      <c r="AB3729" s="128"/>
      <c r="AC3729" s="128"/>
      <c r="AD3729" s="128"/>
      <c r="AE3729" s="128"/>
      <c r="AF3729" s="128"/>
      <c r="AG3729" s="128"/>
      <c r="AH3729" s="128"/>
      <c r="AI3729" s="128"/>
      <c r="AJ3729" s="128"/>
      <c r="AK3729" s="128"/>
      <c r="AL3729" s="128"/>
      <c r="AM3729" s="128"/>
      <c r="AN3729" s="128"/>
      <c r="AO3729" s="128"/>
      <c r="AP3729" s="128"/>
      <c r="AQ3729" s="128"/>
      <c r="AR3729" s="128"/>
      <c r="AS3729" s="128"/>
      <c r="AT3729" s="128"/>
      <c r="AU3729" s="128"/>
      <c r="AV3729" s="128"/>
      <c r="AW3729" s="128"/>
      <c r="AX3729" s="128"/>
      <c r="AY3729" s="128"/>
      <c r="AZ3729" s="128"/>
      <c r="BA3729" s="128"/>
      <c r="BB3729" s="107">
        <v>45884</v>
      </c>
    </row>
    <row r="3730" spans="1:54" s="8" customFormat="1" ht="13.95" customHeight="1" x14ac:dyDescent="0.25">
      <c r="A3730" s="219" t="s">
        <v>8300</v>
      </c>
      <c r="B3730" s="220" t="s">
        <v>6395</v>
      </c>
      <c r="C3730" s="98" t="s">
        <v>8301</v>
      </c>
      <c r="D3730" s="98" t="s">
        <v>21381</v>
      </c>
      <c r="E3730" s="141">
        <v>2009</v>
      </c>
      <c r="F3730" s="141">
        <v>120</v>
      </c>
      <c r="G3730" s="98" t="s">
        <v>1</v>
      </c>
      <c r="H3730" s="98">
        <v>0</v>
      </c>
      <c r="I3730" s="98">
        <v>0</v>
      </c>
      <c r="J3730" s="98" t="s">
        <v>400</v>
      </c>
      <c r="K3730" s="98" t="s">
        <v>400</v>
      </c>
      <c r="L3730" s="98" t="s">
        <v>400</v>
      </c>
      <c r="M3730" s="98" t="s">
        <v>400</v>
      </c>
      <c r="N3730" s="98" t="s">
        <v>400</v>
      </c>
      <c r="O3730" s="98" t="s">
        <v>400</v>
      </c>
      <c r="P3730" s="98" t="s">
        <v>400</v>
      </c>
      <c r="Q3730" s="98" t="s">
        <v>400</v>
      </c>
      <c r="R3730" s="98" t="s">
        <v>400</v>
      </c>
      <c r="S3730" s="98" t="s">
        <v>400</v>
      </c>
      <c r="T3730" s="98" t="s">
        <v>400</v>
      </c>
      <c r="U3730" s="128"/>
      <c r="V3730" s="128"/>
      <c r="W3730" s="128"/>
      <c r="X3730" s="128"/>
      <c r="Y3730" s="128"/>
      <c r="Z3730" s="128"/>
      <c r="AA3730" s="128"/>
      <c r="AB3730" s="128"/>
      <c r="AC3730" s="128"/>
      <c r="AD3730" s="128"/>
      <c r="AE3730" s="128"/>
      <c r="AF3730" s="128"/>
      <c r="AG3730" s="128"/>
      <c r="AH3730" s="128"/>
      <c r="AI3730" s="128"/>
      <c r="AJ3730" s="128"/>
      <c r="AK3730" s="128"/>
      <c r="AL3730" s="128"/>
      <c r="AM3730" s="128"/>
      <c r="AN3730" s="128"/>
      <c r="AO3730" s="128"/>
      <c r="AP3730" s="128"/>
      <c r="AQ3730" s="128"/>
      <c r="AR3730" s="128"/>
      <c r="AS3730" s="128"/>
      <c r="AT3730" s="128"/>
      <c r="AU3730" s="128"/>
      <c r="AV3730" s="128"/>
      <c r="AW3730" s="128"/>
      <c r="AX3730" s="128"/>
      <c r="AY3730" s="128"/>
      <c r="AZ3730" s="128"/>
      <c r="BA3730" s="128"/>
      <c r="BB3730" s="107">
        <v>45884</v>
      </c>
    </row>
    <row r="3731" spans="1:54" s="8" customFormat="1" ht="13.95" customHeight="1" x14ac:dyDescent="0.25">
      <c r="A3731" s="219" t="s">
        <v>8302</v>
      </c>
      <c r="B3731" s="220" t="s">
        <v>6395</v>
      </c>
      <c r="C3731" s="98" t="s">
        <v>8303</v>
      </c>
      <c r="D3731" s="98" t="s">
        <v>21382</v>
      </c>
      <c r="E3731" s="141">
        <v>2009</v>
      </c>
      <c r="F3731" s="141">
        <v>246</v>
      </c>
      <c r="G3731" s="98" t="s">
        <v>1</v>
      </c>
      <c r="H3731" s="98">
        <v>0</v>
      </c>
      <c r="I3731" s="98">
        <v>0</v>
      </c>
      <c r="J3731" s="98" t="s">
        <v>400</v>
      </c>
      <c r="K3731" s="98" t="s">
        <v>400</v>
      </c>
      <c r="L3731" s="98" t="s">
        <v>400</v>
      </c>
      <c r="M3731" s="98" t="s">
        <v>400</v>
      </c>
      <c r="N3731" s="98" t="s">
        <v>400</v>
      </c>
      <c r="O3731" s="98" t="s">
        <v>400</v>
      </c>
      <c r="P3731" s="98" t="s">
        <v>400</v>
      </c>
      <c r="Q3731" s="98" t="s">
        <v>400</v>
      </c>
      <c r="R3731" s="98" t="s">
        <v>400</v>
      </c>
      <c r="S3731" s="98" t="s">
        <v>400</v>
      </c>
      <c r="T3731" s="98" t="s">
        <v>400</v>
      </c>
      <c r="U3731" s="128"/>
      <c r="V3731" s="128"/>
      <c r="W3731" s="128"/>
      <c r="X3731" s="128"/>
      <c r="Y3731" s="128"/>
      <c r="Z3731" s="128"/>
      <c r="AA3731" s="128"/>
      <c r="AB3731" s="128"/>
      <c r="AC3731" s="128"/>
      <c r="AD3731" s="128"/>
      <c r="AE3731" s="128"/>
      <c r="AF3731" s="128"/>
      <c r="AG3731" s="128"/>
      <c r="AH3731" s="128"/>
      <c r="AI3731" s="128"/>
      <c r="AJ3731" s="128"/>
      <c r="AK3731" s="128"/>
      <c r="AL3731" s="128"/>
      <c r="AM3731" s="128"/>
      <c r="AN3731" s="128"/>
      <c r="AO3731" s="128"/>
      <c r="AP3731" s="128"/>
      <c r="AQ3731" s="128"/>
      <c r="AR3731" s="128"/>
      <c r="AS3731" s="128"/>
      <c r="AT3731" s="128"/>
      <c r="AU3731" s="128"/>
      <c r="AV3731" s="128"/>
      <c r="AW3731" s="128"/>
      <c r="AX3731" s="128"/>
      <c r="AY3731" s="128"/>
      <c r="AZ3731" s="128"/>
      <c r="BA3731" s="128"/>
      <c r="BB3731" s="107">
        <v>45884</v>
      </c>
    </row>
    <row r="3732" spans="1:54" s="8" customFormat="1" ht="13.95" customHeight="1" x14ac:dyDescent="0.25">
      <c r="A3732" s="219" t="s">
        <v>8304</v>
      </c>
      <c r="B3732" s="220" t="s">
        <v>6395</v>
      </c>
      <c r="C3732" s="98" t="s">
        <v>8305</v>
      </c>
      <c r="D3732" s="98" t="s">
        <v>21383</v>
      </c>
      <c r="E3732" s="141">
        <v>2009</v>
      </c>
      <c r="F3732" s="141">
        <v>363</v>
      </c>
      <c r="G3732" s="98" t="s">
        <v>1</v>
      </c>
      <c r="H3732" s="98">
        <v>0</v>
      </c>
      <c r="I3732" s="98">
        <v>0</v>
      </c>
      <c r="J3732" s="98" t="s">
        <v>400</v>
      </c>
      <c r="K3732" s="98" t="s">
        <v>400</v>
      </c>
      <c r="L3732" s="98" t="s">
        <v>400</v>
      </c>
      <c r="M3732" s="98" t="s">
        <v>400</v>
      </c>
      <c r="N3732" s="98" t="s">
        <v>400</v>
      </c>
      <c r="O3732" s="98" t="s">
        <v>400</v>
      </c>
      <c r="P3732" s="98" t="s">
        <v>400</v>
      </c>
      <c r="Q3732" s="98" t="s">
        <v>400</v>
      </c>
      <c r="R3732" s="98" t="s">
        <v>400</v>
      </c>
      <c r="S3732" s="98" t="s">
        <v>400</v>
      </c>
      <c r="T3732" s="98" t="s">
        <v>400</v>
      </c>
      <c r="U3732" s="128"/>
      <c r="V3732" s="128"/>
      <c r="W3732" s="128"/>
      <c r="X3732" s="128"/>
      <c r="Y3732" s="128"/>
      <c r="Z3732" s="128"/>
      <c r="AA3732" s="128"/>
      <c r="AB3732" s="128"/>
      <c r="AC3732" s="128"/>
      <c r="AD3732" s="128"/>
      <c r="AE3732" s="128"/>
      <c r="AF3732" s="128"/>
      <c r="AG3732" s="128"/>
      <c r="AH3732" s="128"/>
      <c r="AI3732" s="128"/>
      <c r="AJ3732" s="128"/>
      <c r="AK3732" s="128"/>
      <c r="AL3732" s="128"/>
      <c r="AM3732" s="128"/>
      <c r="AN3732" s="128"/>
      <c r="AO3732" s="128"/>
      <c r="AP3732" s="128"/>
      <c r="AQ3732" s="128"/>
      <c r="AR3732" s="128"/>
      <c r="AS3732" s="128"/>
      <c r="AT3732" s="128"/>
      <c r="AU3732" s="128"/>
      <c r="AV3732" s="128"/>
      <c r="AW3732" s="128"/>
      <c r="AX3732" s="128"/>
      <c r="AY3732" s="128"/>
      <c r="AZ3732" s="128"/>
      <c r="BA3732" s="128"/>
      <c r="BB3732" s="107">
        <v>45884</v>
      </c>
    </row>
    <row r="3733" spans="1:54" s="8" customFormat="1" ht="13.95" customHeight="1" x14ac:dyDescent="0.25">
      <c r="A3733" s="219" t="s">
        <v>8306</v>
      </c>
      <c r="B3733" s="220" t="s">
        <v>6395</v>
      </c>
      <c r="C3733" s="98" t="s">
        <v>8307</v>
      </c>
      <c r="D3733" s="98" t="s">
        <v>21384</v>
      </c>
      <c r="E3733" s="141">
        <v>2010</v>
      </c>
      <c r="F3733" s="141">
        <v>507</v>
      </c>
      <c r="G3733" s="98" t="s">
        <v>1</v>
      </c>
      <c r="H3733" s="98">
        <v>0</v>
      </c>
      <c r="I3733" s="98">
        <v>0</v>
      </c>
      <c r="J3733" s="98" t="s">
        <v>400</v>
      </c>
      <c r="K3733" s="98" t="s">
        <v>400</v>
      </c>
      <c r="L3733" s="98" t="s">
        <v>400</v>
      </c>
      <c r="M3733" s="98" t="s">
        <v>400</v>
      </c>
      <c r="N3733" s="98" t="s">
        <v>400</v>
      </c>
      <c r="O3733" s="98" t="s">
        <v>400</v>
      </c>
      <c r="P3733" s="98" t="s">
        <v>400</v>
      </c>
      <c r="Q3733" s="98" t="s">
        <v>400</v>
      </c>
      <c r="R3733" s="98" t="s">
        <v>400</v>
      </c>
      <c r="S3733" s="98" t="s">
        <v>400</v>
      </c>
      <c r="T3733" s="98" t="s">
        <v>400</v>
      </c>
      <c r="U3733" s="128"/>
      <c r="V3733" s="128"/>
      <c r="W3733" s="128"/>
      <c r="X3733" s="128"/>
      <c r="Y3733" s="128"/>
      <c r="Z3733" s="128"/>
      <c r="AA3733" s="128"/>
      <c r="AB3733" s="128"/>
      <c r="AC3733" s="128"/>
      <c r="AD3733" s="128"/>
      <c r="AE3733" s="128"/>
      <c r="AF3733" s="128"/>
      <c r="AG3733" s="128"/>
      <c r="AH3733" s="128"/>
      <c r="AI3733" s="128"/>
      <c r="AJ3733" s="128"/>
      <c r="AK3733" s="128"/>
      <c r="AL3733" s="128"/>
      <c r="AM3733" s="128"/>
      <c r="AN3733" s="128"/>
      <c r="AO3733" s="128"/>
      <c r="AP3733" s="128"/>
      <c r="AQ3733" s="128"/>
      <c r="AR3733" s="128"/>
      <c r="AS3733" s="128"/>
      <c r="AT3733" s="128"/>
      <c r="AU3733" s="128"/>
      <c r="AV3733" s="128"/>
      <c r="AW3733" s="128"/>
      <c r="AX3733" s="128"/>
      <c r="AY3733" s="128"/>
      <c r="AZ3733" s="128"/>
      <c r="BA3733" s="128"/>
      <c r="BB3733" s="107">
        <v>45884</v>
      </c>
    </row>
    <row r="3734" spans="1:54" s="8" customFormat="1" ht="13.95" customHeight="1" x14ac:dyDescent="0.25">
      <c r="A3734" s="219" t="s">
        <v>8308</v>
      </c>
      <c r="B3734" s="220" t="s">
        <v>6395</v>
      </c>
      <c r="C3734" s="98" t="s">
        <v>8309</v>
      </c>
      <c r="D3734" s="98" t="s">
        <v>21385</v>
      </c>
      <c r="E3734" s="141">
        <v>2010</v>
      </c>
      <c r="F3734" s="141">
        <v>447</v>
      </c>
      <c r="G3734" s="98" t="s">
        <v>1</v>
      </c>
      <c r="H3734" s="98">
        <v>0</v>
      </c>
      <c r="I3734" s="98">
        <v>0</v>
      </c>
      <c r="J3734" s="98" t="s">
        <v>400</v>
      </c>
      <c r="K3734" s="98" t="s">
        <v>400</v>
      </c>
      <c r="L3734" s="98" t="s">
        <v>400</v>
      </c>
      <c r="M3734" s="98" t="s">
        <v>400</v>
      </c>
      <c r="N3734" s="98" t="s">
        <v>400</v>
      </c>
      <c r="O3734" s="98" t="s">
        <v>400</v>
      </c>
      <c r="P3734" s="98" t="s">
        <v>400</v>
      </c>
      <c r="Q3734" s="98" t="s">
        <v>400</v>
      </c>
      <c r="R3734" s="98" t="s">
        <v>400</v>
      </c>
      <c r="S3734" s="98" t="s">
        <v>400</v>
      </c>
      <c r="T3734" s="98" t="s">
        <v>400</v>
      </c>
      <c r="U3734" s="128"/>
      <c r="V3734" s="128"/>
      <c r="W3734" s="128"/>
      <c r="X3734" s="128"/>
      <c r="Y3734" s="128"/>
      <c r="Z3734" s="128"/>
      <c r="AA3734" s="128"/>
      <c r="AB3734" s="128"/>
      <c r="AC3734" s="128"/>
      <c r="AD3734" s="128"/>
      <c r="AE3734" s="128"/>
      <c r="AF3734" s="128"/>
      <c r="AG3734" s="128"/>
      <c r="AH3734" s="128"/>
      <c r="AI3734" s="128"/>
      <c r="AJ3734" s="128"/>
      <c r="AK3734" s="128"/>
      <c r="AL3734" s="128"/>
      <c r="AM3734" s="128"/>
      <c r="AN3734" s="128"/>
      <c r="AO3734" s="128"/>
      <c r="AP3734" s="128"/>
      <c r="AQ3734" s="128"/>
      <c r="AR3734" s="128"/>
      <c r="AS3734" s="128"/>
      <c r="AT3734" s="128"/>
      <c r="AU3734" s="128"/>
      <c r="AV3734" s="128"/>
      <c r="AW3734" s="128"/>
      <c r="AX3734" s="128"/>
      <c r="AY3734" s="128"/>
      <c r="AZ3734" s="128"/>
      <c r="BA3734" s="128"/>
      <c r="BB3734" s="107">
        <v>45884</v>
      </c>
    </row>
    <row r="3735" spans="1:54" s="8" customFormat="1" ht="13.95" customHeight="1" x14ac:dyDescent="0.25">
      <c r="A3735" s="219" t="s">
        <v>8310</v>
      </c>
      <c r="B3735" s="220" t="s">
        <v>6395</v>
      </c>
      <c r="C3735" s="98" t="s">
        <v>8311</v>
      </c>
      <c r="D3735" s="98" t="s">
        <v>21386</v>
      </c>
      <c r="E3735" s="141">
        <v>2010</v>
      </c>
      <c r="F3735" s="141">
        <v>90</v>
      </c>
      <c r="G3735" s="98" t="s">
        <v>1</v>
      </c>
      <c r="H3735" s="98">
        <v>0</v>
      </c>
      <c r="I3735" s="98">
        <v>0</v>
      </c>
      <c r="J3735" s="98" t="s">
        <v>400</v>
      </c>
      <c r="K3735" s="98" t="s">
        <v>400</v>
      </c>
      <c r="L3735" s="98" t="s">
        <v>400</v>
      </c>
      <c r="M3735" s="98" t="s">
        <v>400</v>
      </c>
      <c r="N3735" s="98" t="s">
        <v>400</v>
      </c>
      <c r="O3735" s="98" t="s">
        <v>400</v>
      </c>
      <c r="P3735" s="98" t="s">
        <v>400</v>
      </c>
      <c r="Q3735" s="98" t="s">
        <v>400</v>
      </c>
      <c r="R3735" s="98" t="s">
        <v>400</v>
      </c>
      <c r="S3735" s="98" t="s">
        <v>400</v>
      </c>
      <c r="T3735" s="98" t="s">
        <v>400</v>
      </c>
      <c r="U3735" s="128"/>
      <c r="V3735" s="128"/>
      <c r="W3735" s="128"/>
      <c r="X3735" s="128"/>
      <c r="Y3735" s="128"/>
      <c r="Z3735" s="128"/>
      <c r="AA3735" s="128"/>
      <c r="AB3735" s="128"/>
      <c r="AC3735" s="128"/>
      <c r="AD3735" s="128"/>
      <c r="AE3735" s="128"/>
      <c r="AF3735" s="128"/>
      <c r="AG3735" s="128"/>
      <c r="AH3735" s="128"/>
      <c r="AI3735" s="128"/>
      <c r="AJ3735" s="128"/>
      <c r="AK3735" s="128"/>
      <c r="AL3735" s="128"/>
      <c r="AM3735" s="128"/>
      <c r="AN3735" s="128"/>
      <c r="AO3735" s="128"/>
      <c r="AP3735" s="128"/>
      <c r="AQ3735" s="128"/>
      <c r="AR3735" s="128"/>
      <c r="AS3735" s="128"/>
      <c r="AT3735" s="128"/>
      <c r="AU3735" s="128"/>
      <c r="AV3735" s="128"/>
      <c r="AW3735" s="128"/>
      <c r="AX3735" s="128"/>
      <c r="AY3735" s="128"/>
      <c r="AZ3735" s="128"/>
      <c r="BA3735" s="128"/>
      <c r="BB3735" s="107">
        <v>45884</v>
      </c>
    </row>
    <row r="3736" spans="1:54" s="8" customFormat="1" ht="13.95" customHeight="1" x14ac:dyDescent="0.25">
      <c r="A3736" s="219" t="s">
        <v>8312</v>
      </c>
      <c r="B3736" s="220" t="s">
        <v>6395</v>
      </c>
      <c r="C3736" s="98" t="s">
        <v>8313</v>
      </c>
      <c r="D3736" s="98" t="s">
        <v>21387</v>
      </c>
      <c r="E3736" s="141">
        <v>2010</v>
      </c>
      <c r="F3736" s="141">
        <v>91</v>
      </c>
      <c r="G3736" s="98" t="s">
        <v>1</v>
      </c>
      <c r="H3736" s="98">
        <v>0</v>
      </c>
      <c r="I3736" s="98">
        <v>0</v>
      </c>
      <c r="J3736" s="98" t="s">
        <v>400</v>
      </c>
      <c r="K3736" s="98" t="s">
        <v>400</v>
      </c>
      <c r="L3736" s="98" t="s">
        <v>400</v>
      </c>
      <c r="M3736" s="98" t="s">
        <v>400</v>
      </c>
      <c r="N3736" s="98" t="s">
        <v>400</v>
      </c>
      <c r="O3736" s="98" t="s">
        <v>400</v>
      </c>
      <c r="P3736" s="98" t="s">
        <v>400</v>
      </c>
      <c r="Q3736" s="98" t="s">
        <v>400</v>
      </c>
      <c r="R3736" s="98" t="s">
        <v>400</v>
      </c>
      <c r="S3736" s="98" t="s">
        <v>400</v>
      </c>
      <c r="T3736" s="98" t="s">
        <v>400</v>
      </c>
      <c r="U3736" s="128"/>
      <c r="V3736" s="128"/>
      <c r="W3736" s="128"/>
      <c r="X3736" s="128"/>
      <c r="Y3736" s="128"/>
      <c r="Z3736" s="128"/>
      <c r="AA3736" s="128"/>
      <c r="AB3736" s="128"/>
      <c r="AC3736" s="128"/>
      <c r="AD3736" s="128"/>
      <c r="AE3736" s="128"/>
      <c r="AF3736" s="128"/>
      <c r="AG3736" s="128"/>
      <c r="AH3736" s="128"/>
      <c r="AI3736" s="128"/>
      <c r="AJ3736" s="128"/>
      <c r="AK3736" s="128"/>
      <c r="AL3736" s="128"/>
      <c r="AM3736" s="128"/>
      <c r="AN3736" s="128"/>
      <c r="AO3736" s="128"/>
      <c r="AP3736" s="128"/>
      <c r="AQ3736" s="128"/>
      <c r="AR3736" s="128"/>
      <c r="AS3736" s="128"/>
      <c r="AT3736" s="128"/>
      <c r="AU3736" s="128"/>
      <c r="AV3736" s="128"/>
      <c r="AW3736" s="128"/>
      <c r="AX3736" s="128"/>
      <c r="AY3736" s="128"/>
      <c r="AZ3736" s="128"/>
      <c r="BA3736" s="128"/>
      <c r="BB3736" s="107">
        <v>45884</v>
      </c>
    </row>
    <row r="3737" spans="1:54" s="8" customFormat="1" ht="13.95" customHeight="1" x14ac:dyDescent="0.25">
      <c r="A3737" s="219" t="s">
        <v>8314</v>
      </c>
      <c r="B3737" s="220" t="s">
        <v>6395</v>
      </c>
      <c r="C3737" s="98" t="s">
        <v>8315</v>
      </c>
      <c r="D3737" s="98" t="s">
        <v>21388</v>
      </c>
      <c r="E3737" s="141">
        <v>2010</v>
      </c>
      <c r="F3737" s="141">
        <v>545</v>
      </c>
      <c r="G3737" s="98" t="s">
        <v>1</v>
      </c>
      <c r="H3737" s="98">
        <v>0</v>
      </c>
      <c r="I3737" s="98">
        <v>0</v>
      </c>
      <c r="J3737" s="98" t="s">
        <v>400</v>
      </c>
      <c r="K3737" s="98" t="s">
        <v>400</v>
      </c>
      <c r="L3737" s="98" t="s">
        <v>400</v>
      </c>
      <c r="M3737" s="98" t="s">
        <v>400</v>
      </c>
      <c r="N3737" s="98" t="s">
        <v>400</v>
      </c>
      <c r="O3737" s="98" t="s">
        <v>400</v>
      </c>
      <c r="P3737" s="98" t="s">
        <v>400</v>
      </c>
      <c r="Q3737" s="98" t="s">
        <v>400</v>
      </c>
      <c r="R3737" s="98" t="s">
        <v>400</v>
      </c>
      <c r="S3737" s="98" t="s">
        <v>400</v>
      </c>
      <c r="T3737" s="98" t="s">
        <v>400</v>
      </c>
      <c r="U3737" s="128"/>
      <c r="V3737" s="128"/>
      <c r="W3737" s="128"/>
      <c r="X3737" s="128"/>
      <c r="Y3737" s="128"/>
      <c r="Z3737" s="128"/>
      <c r="AA3737" s="128"/>
      <c r="AB3737" s="128"/>
      <c r="AC3737" s="128"/>
      <c r="AD3737" s="128"/>
      <c r="AE3737" s="128"/>
      <c r="AF3737" s="128"/>
      <c r="AG3737" s="128"/>
      <c r="AH3737" s="128"/>
      <c r="AI3737" s="128"/>
      <c r="AJ3737" s="128"/>
      <c r="AK3737" s="128"/>
      <c r="AL3737" s="128"/>
      <c r="AM3737" s="128"/>
      <c r="AN3737" s="128"/>
      <c r="AO3737" s="128"/>
      <c r="AP3737" s="128"/>
      <c r="AQ3737" s="128"/>
      <c r="AR3737" s="128"/>
      <c r="AS3737" s="128"/>
      <c r="AT3737" s="128"/>
      <c r="AU3737" s="128"/>
      <c r="AV3737" s="128"/>
      <c r="AW3737" s="128"/>
      <c r="AX3737" s="128"/>
      <c r="AY3737" s="128"/>
      <c r="AZ3737" s="128"/>
      <c r="BA3737" s="128"/>
      <c r="BB3737" s="107">
        <v>45884</v>
      </c>
    </row>
    <row r="3738" spans="1:54" s="8" customFormat="1" ht="13.95" customHeight="1" x14ac:dyDescent="0.25">
      <c r="A3738" s="219" t="s">
        <v>8316</v>
      </c>
      <c r="B3738" s="220" t="s">
        <v>6395</v>
      </c>
      <c r="C3738" s="98" t="s">
        <v>8317</v>
      </c>
      <c r="D3738" s="98" t="s">
        <v>21389</v>
      </c>
      <c r="E3738" s="141">
        <v>2011</v>
      </c>
      <c r="F3738" s="141">
        <v>190</v>
      </c>
      <c r="G3738" s="98" t="s">
        <v>1</v>
      </c>
      <c r="H3738" s="98">
        <v>0</v>
      </c>
      <c r="I3738" s="98">
        <v>0</v>
      </c>
      <c r="J3738" s="98" t="s">
        <v>400</v>
      </c>
      <c r="K3738" s="98" t="s">
        <v>400</v>
      </c>
      <c r="L3738" s="98" t="s">
        <v>400</v>
      </c>
      <c r="M3738" s="98" t="s">
        <v>400</v>
      </c>
      <c r="N3738" s="98" t="s">
        <v>400</v>
      </c>
      <c r="O3738" s="98" t="s">
        <v>400</v>
      </c>
      <c r="P3738" s="98" t="s">
        <v>400</v>
      </c>
      <c r="Q3738" s="98" t="s">
        <v>400</v>
      </c>
      <c r="R3738" s="98" t="s">
        <v>400</v>
      </c>
      <c r="S3738" s="98" t="s">
        <v>400</v>
      </c>
      <c r="T3738" s="98" t="s">
        <v>400</v>
      </c>
      <c r="U3738" s="128"/>
      <c r="V3738" s="128"/>
      <c r="W3738" s="128"/>
      <c r="X3738" s="128"/>
      <c r="Y3738" s="128"/>
      <c r="Z3738" s="128"/>
      <c r="AA3738" s="128"/>
      <c r="AB3738" s="128"/>
      <c r="AC3738" s="128"/>
      <c r="AD3738" s="128"/>
      <c r="AE3738" s="128"/>
      <c r="AF3738" s="128"/>
      <c r="AG3738" s="128"/>
      <c r="AH3738" s="128"/>
      <c r="AI3738" s="128"/>
      <c r="AJ3738" s="128"/>
      <c r="AK3738" s="128"/>
      <c r="AL3738" s="128"/>
      <c r="AM3738" s="128"/>
      <c r="AN3738" s="128"/>
      <c r="AO3738" s="128"/>
      <c r="AP3738" s="128"/>
      <c r="AQ3738" s="128"/>
      <c r="AR3738" s="128"/>
      <c r="AS3738" s="128"/>
      <c r="AT3738" s="128"/>
      <c r="AU3738" s="128"/>
      <c r="AV3738" s="128"/>
      <c r="AW3738" s="128"/>
      <c r="AX3738" s="128"/>
      <c r="AY3738" s="128"/>
      <c r="AZ3738" s="128"/>
      <c r="BA3738" s="128"/>
      <c r="BB3738" s="107">
        <v>45884</v>
      </c>
    </row>
    <row r="3739" spans="1:54" s="8" customFormat="1" ht="13.95" customHeight="1" x14ac:dyDescent="0.25">
      <c r="A3739" s="219" t="s">
        <v>8318</v>
      </c>
      <c r="B3739" s="220" t="s">
        <v>6395</v>
      </c>
      <c r="C3739" s="98" t="s">
        <v>8319</v>
      </c>
      <c r="D3739" s="98" t="s">
        <v>21390</v>
      </c>
      <c r="E3739" s="141">
        <v>2011</v>
      </c>
      <c r="F3739" s="141">
        <v>325</v>
      </c>
      <c r="G3739" s="98" t="s">
        <v>1</v>
      </c>
      <c r="H3739" s="98">
        <v>0</v>
      </c>
      <c r="I3739" s="98">
        <v>0</v>
      </c>
      <c r="J3739" s="98" t="s">
        <v>400</v>
      </c>
      <c r="K3739" s="98" t="s">
        <v>400</v>
      </c>
      <c r="L3739" s="98" t="s">
        <v>400</v>
      </c>
      <c r="M3739" s="98" t="s">
        <v>400</v>
      </c>
      <c r="N3739" s="98" t="s">
        <v>400</v>
      </c>
      <c r="O3739" s="98" t="s">
        <v>400</v>
      </c>
      <c r="P3739" s="98" t="s">
        <v>400</v>
      </c>
      <c r="Q3739" s="98" t="s">
        <v>400</v>
      </c>
      <c r="R3739" s="98" t="s">
        <v>400</v>
      </c>
      <c r="S3739" s="98" t="s">
        <v>400</v>
      </c>
      <c r="T3739" s="98" t="s">
        <v>400</v>
      </c>
      <c r="U3739" s="128"/>
      <c r="V3739" s="128"/>
      <c r="W3739" s="128"/>
      <c r="X3739" s="128"/>
      <c r="Y3739" s="128"/>
      <c r="Z3739" s="128"/>
      <c r="AA3739" s="128"/>
      <c r="AB3739" s="128"/>
      <c r="AC3739" s="128"/>
      <c r="AD3739" s="128"/>
      <c r="AE3739" s="128"/>
      <c r="AF3739" s="128"/>
      <c r="AG3739" s="128"/>
      <c r="AH3739" s="128"/>
      <c r="AI3739" s="128"/>
      <c r="AJ3739" s="128"/>
      <c r="AK3739" s="128"/>
      <c r="AL3739" s="128"/>
      <c r="AM3739" s="128"/>
      <c r="AN3739" s="128"/>
      <c r="AO3739" s="128"/>
      <c r="AP3739" s="128"/>
      <c r="AQ3739" s="128"/>
      <c r="AR3739" s="128"/>
      <c r="AS3739" s="128"/>
      <c r="AT3739" s="128"/>
      <c r="AU3739" s="128"/>
      <c r="AV3739" s="128"/>
      <c r="AW3739" s="128"/>
      <c r="AX3739" s="128"/>
      <c r="AY3739" s="128"/>
      <c r="AZ3739" s="128"/>
      <c r="BA3739" s="128"/>
      <c r="BB3739" s="107">
        <v>45884</v>
      </c>
    </row>
    <row r="3740" spans="1:54" s="8" customFormat="1" ht="13.95" customHeight="1" x14ac:dyDescent="0.25">
      <c r="A3740" s="219" t="s">
        <v>8320</v>
      </c>
      <c r="B3740" s="220" t="s">
        <v>6395</v>
      </c>
      <c r="C3740" s="98" t="s">
        <v>8321</v>
      </c>
      <c r="D3740" s="98" t="s">
        <v>21391</v>
      </c>
      <c r="E3740" s="141">
        <v>2011</v>
      </c>
      <c r="F3740" s="141">
        <v>221</v>
      </c>
      <c r="G3740" s="98" t="s">
        <v>1</v>
      </c>
      <c r="H3740" s="98">
        <v>0</v>
      </c>
      <c r="I3740" s="98">
        <v>0</v>
      </c>
      <c r="J3740" s="98" t="s">
        <v>400</v>
      </c>
      <c r="K3740" s="98" t="s">
        <v>400</v>
      </c>
      <c r="L3740" s="98" t="s">
        <v>400</v>
      </c>
      <c r="M3740" s="98" t="s">
        <v>400</v>
      </c>
      <c r="N3740" s="98" t="s">
        <v>400</v>
      </c>
      <c r="O3740" s="98" t="s">
        <v>400</v>
      </c>
      <c r="P3740" s="98" t="s">
        <v>400</v>
      </c>
      <c r="Q3740" s="98" t="s">
        <v>400</v>
      </c>
      <c r="R3740" s="98" t="s">
        <v>400</v>
      </c>
      <c r="S3740" s="98" t="s">
        <v>400</v>
      </c>
      <c r="T3740" s="98" t="s">
        <v>400</v>
      </c>
      <c r="U3740" s="128"/>
      <c r="V3740" s="128"/>
      <c r="W3740" s="128"/>
      <c r="X3740" s="128"/>
      <c r="Y3740" s="128"/>
      <c r="Z3740" s="128"/>
      <c r="AA3740" s="128"/>
      <c r="AB3740" s="128"/>
      <c r="AC3740" s="128"/>
      <c r="AD3740" s="128"/>
      <c r="AE3740" s="128"/>
      <c r="AF3740" s="128"/>
      <c r="AG3740" s="128"/>
      <c r="AH3740" s="128"/>
      <c r="AI3740" s="128"/>
      <c r="AJ3740" s="128"/>
      <c r="AK3740" s="128"/>
      <c r="AL3740" s="128"/>
      <c r="AM3740" s="128"/>
      <c r="AN3740" s="128"/>
      <c r="AO3740" s="128"/>
      <c r="AP3740" s="128"/>
      <c r="AQ3740" s="128"/>
      <c r="AR3740" s="128"/>
      <c r="AS3740" s="128"/>
      <c r="AT3740" s="128"/>
      <c r="AU3740" s="128"/>
      <c r="AV3740" s="128"/>
      <c r="AW3740" s="128"/>
      <c r="AX3740" s="128"/>
      <c r="AY3740" s="128"/>
      <c r="AZ3740" s="128"/>
      <c r="BA3740" s="128"/>
      <c r="BB3740" s="107">
        <v>45884</v>
      </c>
    </row>
    <row r="3741" spans="1:54" s="8" customFormat="1" ht="13.95" customHeight="1" x14ac:dyDescent="0.25">
      <c r="A3741" s="219" t="s">
        <v>8322</v>
      </c>
      <c r="B3741" s="220" t="s">
        <v>6395</v>
      </c>
      <c r="C3741" s="98" t="s">
        <v>8323</v>
      </c>
      <c r="D3741" s="98" t="s">
        <v>21392</v>
      </c>
      <c r="E3741" s="141">
        <v>2012</v>
      </c>
      <c r="F3741" s="141">
        <v>368</v>
      </c>
      <c r="G3741" s="98" t="s">
        <v>1</v>
      </c>
      <c r="H3741" s="98">
        <v>0</v>
      </c>
      <c r="I3741" s="98">
        <v>0</v>
      </c>
      <c r="J3741" s="98" t="s">
        <v>400</v>
      </c>
      <c r="K3741" s="98" t="s">
        <v>400</v>
      </c>
      <c r="L3741" s="98" t="s">
        <v>400</v>
      </c>
      <c r="M3741" s="98" t="s">
        <v>400</v>
      </c>
      <c r="N3741" s="98" t="s">
        <v>400</v>
      </c>
      <c r="O3741" s="98" t="s">
        <v>400</v>
      </c>
      <c r="P3741" s="98" t="s">
        <v>400</v>
      </c>
      <c r="Q3741" s="98" t="s">
        <v>400</v>
      </c>
      <c r="R3741" s="98" t="s">
        <v>400</v>
      </c>
      <c r="S3741" s="98" t="s">
        <v>400</v>
      </c>
      <c r="T3741" s="98" t="s">
        <v>400</v>
      </c>
      <c r="U3741" s="128"/>
      <c r="V3741" s="128"/>
      <c r="W3741" s="128"/>
      <c r="X3741" s="128"/>
      <c r="Y3741" s="128"/>
      <c r="Z3741" s="128"/>
      <c r="AA3741" s="128"/>
      <c r="AB3741" s="128"/>
      <c r="AC3741" s="128"/>
      <c r="AD3741" s="128"/>
      <c r="AE3741" s="128"/>
      <c r="AF3741" s="128"/>
      <c r="AG3741" s="128"/>
      <c r="AH3741" s="128"/>
      <c r="AI3741" s="128"/>
      <c r="AJ3741" s="128"/>
      <c r="AK3741" s="128"/>
      <c r="AL3741" s="128"/>
      <c r="AM3741" s="128"/>
      <c r="AN3741" s="128"/>
      <c r="AO3741" s="128"/>
      <c r="AP3741" s="128"/>
      <c r="AQ3741" s="128"/>
      <c r="AR3741" s="128"/>
      <c r="AS3741" s="128"/>
      <c r="AT3741" s="128"/>
      <c r="AU3741" s="128"/>
      <c r="AV3741" s="128"/>
      <c r="AW3741" s="128"/>
      <c r="AX3741" s="128"/>
      <c r="AY3741" s="128"/>
      <c r="AZ3741" s="128"/>
      <c r="BA3741" s="128"/>
      <c r="BB3741" s="107">
        <v>45884</v>
      </c>
    </row>
    <row r="3742" spans="1:54" s="8" customFormat="1" ht="13.95" customHeight="1" x14ac:dyDescent="0.25">
      <c r="A3742" s="219" t="s">
        <v>8324</v>
      </c>
      <c r="B3742" s="220" t="s">
        <v>6395</v>
      </c>
      <c r="C3742" s="98" t="s">
        <v>8325</v>
      </c>
      <c r="D3742" s="98" t="s">
        <v>21393</v>
      </c>
      <c r="E3742" s="141">
        <v>2012</v>
      </c>
      <c r="F3742" s="141">
        <v>269</v>
      </c>
      <c r="G3742" s="98" t="s">
        <v>1</v>
      </c>
      <c r="H3742" s="98">
        <v>0</v>
      </c>
      <c r="I3742" s="98">
        <v>0</v>
      </c>
      <c r="J3742" s="98" t="s">
        <v>400</v>
      </c>
      <c r="K3742" s="98" t="s">
        <v>400</v>
      </c>
      <c r="L3742" s="98" t="s">
        <v>400</v>
      </c>
      <c r="M3742" s="98" t="s">
        <v>400</v>
      </c>
      <c r="N3742" s="98" t="s">
        <v>400</v>
      </c>
      <c r="O3742" s="98" t="s">
        <v>400</v>
      </c>
      <c r="P3742" s="98" t="s">
        <v>400</v>
      </c>
      <c r="Q3742" s="98" t="s">
        <v>400</v>
      </c>
      <c r="R3742" s="98" t="s">
        <v>400</v>
      </c>
      <c r="S3742" s="98" t="s">
        <v>400</v>
      </c>
      <c r="T3742" s="98" t="s">
        <v>400</v>
      </c>
      <c r="U3742" s="128"/>
      <c r="V3742" s="128"/>
      <c r="W3742" s="128"/>
      <c r="X3742" s="128"/>
      <c r="Y3742" s="128"/>
      <c r="Z3742" s="128"/>
      <c r="AA3742" s="128"/>
      <c r="AB3742" s="128"/>
      <c r="AC3742" s="128"/>
      <c r="AD3742" s="128"/>
      <c r="AE3742" s="128"/>
      <c r="AF3742" s="128"/>
      <c r="AG3742" s="128"/>
      <c r="AH3742" s="128"/>
      <c r="AI3742" s="128"/>
      <c r="AJ3742" s="128"/>
      <c r="AK3742" s="128"/>
      <c r="AL3742" s="128"/>
      <c r="AM3742" s="128"/>
      <c r="AN3742" s="128"/>
      <c r="AO3742" s="128"/>
      <c r="AP3742" s="128"/>
      <c r="AQ3742" s="128"/>
      <c r="AR3742" s="128"/>
      <c r="AS3742" s="128"/>
      <c r="AT3742" s="128"/>
      <c r="AU3742" s="128"/>
      <c r="AV3742" s="128"/>
      <c r="AW3742" s="128"/>
      <c r="AX3742" s="128"/>
      <c r="AY3742" s="128"/>
      <c r="AZ3742" s="128"/>
      <c r="BA3742" s="128"/>
      <c r="BB3742" s="107">
        <v>45884</v>
      </c>
    </row>
    <row r="3743" spans="1:54" s="8" customFormat="1" ht="13.95" customHeight="1" x14ac:dyDescent="0.25">
      <c r="A3743" s="219" t="s">
        <v>8326</v>
      </c>
      <c r="B3743" s="220" t="s">
        <v>6395</v>
      </c>
      <c r="C3743" s="98" t="s">
        <v>8327</v>
      </c>
      <c r="D3743" s="98" t="s">
        <v>21394</v>
      </c>
      <c r="E3743" s="141">
        <v>2014</v>
      </c>
      <c r="F3743" s="141">
        <v>90</v>
      </c>
      <c r="G3743" s="98" t="s">
        <v>1</v>
      </c>
      <c r="H3743" s="98">
        <v>0</v>
      </c>
      <c r="I3743" s="98">
        <v>0</v>
      </c>
      <c r="J3743" s="98" t="s">
        <v>400</v>
      </c>
      <c r="K3743" s="98" t="s">
        <v>400</v>
      </c>
      <c r="L3743" s="98" t="s">
        <v>400</v>
      </c>
      <c r="M3743" s="98" t="s">
        <v>400</v>
      </c>
      <c r="N3743" s="98" t="s">
        <v>400</v>
      </c>
      <c r="O3743" s="98" t="s">
        <v>400</v>
      </c>
      <c r="P3743" s="98" t="s">
        <v>400</v>
      </c>
      <c r="Q3743" s="98" t="s">
        <v>400</v>
      </c>
      <c r="R3743" s="98" t="s">
        <v>400</v>
      </c>
      <c r="S3743" s="98" t="s">
        <v>400</v>
      </c>
      <c r="T3743" s="98" t="s">
        <v>400</v>
      </c>
      <c r="U3743" s="128"/>
      <c r="V3743" s="128"/>
      <c r="W3743" s="128"/>
      <c r="X3743" s="128"/>
      <c r="Y3743" s="128"/>
      <c r="Z3743" s="128"/>
      <c r="AA3743" s="128"/>
      <c r="AB3743" s="128"/>
      <c r="AC3743" s="128"/>
      <c r="AD3743" s="128"/>
      <c r="AE3743" s="128"/>
      <c r="AF3743" s="128"/>
      <c r="AG3743" s="128"/>
      <c r="AH3743" s="128"/>
      <c r="AI3743" s="128"/>
      <c r="AJ3743" s="128"/>
      <c r="AK3743" s="128"/>
      <c r="AL3743" s="128"/>
      <c r="AM3743" s="128"/>
      <c r="AN3743" s="128"/>
      <c r="AO3743" s="128"/>
      <c r="AP3743" s="128"/>
      <c r="AQ3743" s="128"/>
      <c r="AR3743" s="128"/>
      <c r="AS3743" s="128"/>
      <c r="AT3743" s="128"/>
      <c r="AU3743" s="128"/>
      <c r="AV3743" s="128"/>
      <c r="AW3743" s="128"/>
      <c r="AX3743" s="128"/>
      <c r="AY3743" s="128"/>
      <c r="AZ3743" s="128"/>
      <c r="BA3743" s="128"/>
      <c r="BB3743" s="107">
        <v>45884</v>
      </c>
    </row>
    <row r="3744" spans="1:54" s="8" customFormat="1" ht="13.95" customHeight="1" x14ac:dyDescent="0.25">
      <c r="A3744" s="219" t="s">
        <v>8328</v>
      </c>
      <c r="B3744" s="220" t="s">
        <v>6395</v>
      </c>
      <c r="C3744" s="98" t="s">
        <v>8329</v>
      </c>
      <c r="D3744" s="98" t="s">
        <v>21395</v>
      </c>
      <c r="E3744" s="141">
        <v>2014</v>
      </c>
      <c r="F3744" s="141">
        <v>135</v>
      </c>
      <c r="G3744" s="98" t="s">
        <v>1</v>
      </c>
      <c r="H3744" s="98">
        <v>0</v>
      </c>
      <c r="I3744" s="98">
        <v>0</v>
      </c>
      <c r="J3744" s="98" t="s">
        <v>400</v>
      </c>
      <c r="K3744" s="98" t="s">
        <v>400</v>
      </c>
      <c r="L3744" s="98" t="s">
        <v>400</v>
      </c>
      <c r="M3744" s="98" t="s">
        <v>400</v>
      </c>
      <c r="N3744" s="98" t="s">
        <v>400</v>
      </c>
      <c r="O3744" s="98" t="s">
        <v>400</v>
      </c>
      <c r="P3744" s="98" t="s">
        <v>400</v>
      </c>
      <c r="Q3744" s="98" t="s">
        <v>400</v>
      </c>
      <c r="R3744" s="98" t="s">
        <v>400</v>
      </c>
      <c r="S3744" s="98" t="s">
        <v>400</v>
      </c>
      <c r="T3744" s="98" t="s">
        <v>400</v>
      </c>
      <c r="U3744" s="128"/>
      <c r="V3744" s="128"/>
      <c r="W3744" s="128"/>
      <c r="X3744" s="128"/>
      <c r="Y3744" s="128"/>
      <c r="Z3744" s="128"/>
      <c r="AA3744" s="128"/>
      <c r="AB3744" s="128"/>
      <c r="AC3744" s="128"/>
      <c r="AD3744" s="128"/>
      <c r="AE3744" s="128"/>
      <c r="AF3744" s="128"/>
      <c r="AG3744" s="128"/>
      <c r="AH3744" s="128"/>
      <c r="AI3744" s="128"/>
      <c r="AJ3744" s="128"/>
      <c r="AK3744" s="128"/>
      <c r="AL3744" s="128"/>
      <c r="AM3744" s="128"/>
      <c r="AN3744" s="128"/>
      <c r="AO3744" s="128"/>
      <c r="AP3744" s="128"/>
      <c r="AQ3744" s="128"/>
      <c r="AR3744" s="128"/>
      <c r="AS3744" s="128"/>
      <c r="AT3744" s="128"/>
      <c r="AU3744" s="128"/>
      <c r="AV3744" s="128"/>
      <c r="AW3744" s="128"/>
      <c r="AX3744" s="128"/>
      <c r="AY3744" s="128"/>
      <c r="AZ3744" s="128"/>
      <c r="BA3744" s="128"/>
      <c r="BB3744" s="107">
        <v>45884</v>
      </c>
    </row>
    <row r="3745" spans="1:54" s="8" customFormat="1" ht="13.95" customHeight="1" x14ac:dyDescent="0.25">
      <c r="A3745" s="219" t="s">
        <v>8330</v>
      </c>
      <c r="B3745" s="220" t="s">
        <v>6395</v>
      </c>
      <c r="C3745" s="98" t="s">
        <v>8331</v>
      </c>
      <c r="D3745" s="98" t="s">
        <v>21396</v>
      </c>
      <c r="E3745" s="141">
        <v>2015</v>
      </c>
      <c r="F3745" s="141">
        <v>498</v>
      </c>
      <c r="G3745" s="98" t="s">
        <v>1</v>
      </c>
      <c r="H3745" s="98">
        <v>0</v>
      </c>
      <c r="I3745" s="98">
        <v>0</v>
      </c>
      <c r="J3745" s="98" t="s">
        <v>400</v>
      </c>
      <c r="K3745" s="98" t="s">
        <v>400</v>
      </c>
      <c r="L3745" s="98" t="s">
        <v>400</v>
      </c>
      <c r="M3745" s="98" t="s">
        <v>400</v>
      </c>
      <c r="N3745" s="98" t="s">
        <v>400</v>
      </c>
      <c r="O3745" s="98" t="s">
        <v>400</v>
      </c>
      <c r="P3745" s="98" t="s">
        <v>400</v>
      </c>
      <c r="Q3745" s="98" t="s">
        <v>400</v>
      </c>
      <c r="R3745" s="98" t="s">
        <v>400</v>
      </c>
      <c r="S3745" s="98" t="s">
        <v>400</v>
      </c>
      <c r="T3745" s="98" t="s">
        <v>400</v>
      </c>
      <c r="U3745" s="128"/>
      <c r="V3745" s="128"/>
      <c r="W3745" s="128"/>
      <c r="X3745" s="128"/>
      <c r="Y3745" s="128"/>
      <c r="Z3745" s="128"/>
      <c r="AA3745" s="128"/>
      <c r="AB3745" s="128"/>
      <c r="AC3745" s="128"/>
      <c r="AD3745" s="128"/>
      <c r="AE3745" s="128"/>
      <c r="AF3745" s="128"/>
      <c r="AG3745" s="128"/>
      <c r="AH3745" s="128"/>
      <c r="AI3745" s="128"/>
      <c r="AJ3745" s="128"/>
      <c r="AK3745" s="128"/>
      <c r="AL3745" s="128"/>
      <c r="AM3745" s="128"/>
      <c r="AN3745" s="128"/>
      <c r="AO3745" s="128"/>
      <c r="AP3745" s="128"/>
      <c r="AQ3745" s="128"/>
      <c r="AR3745" s="128"/>
      <c r="AS3745" s="128"/>
      <c r="AT3745" s="128"/>
      <c r="AU3745" s="128"/>
      <c r="AV3745" s="128"/>
      <c r="AW3745" s="128"/>
      <c r="AX3745" s="128"/>
      <c r="AY3745" s="128"/>
      <c r="AZ3745" s="128"/>
      <c r="BA3745" s="128"/>
      <c r="BB3745" s="107">
        <v>45884</v>
      </c>
    </row>
    <row r="3746" spans="1:54" s="8" customFormat="1" ht="13.95" customHeight="1" x14ac:dyDescent="0.25">
      <c r="A3746" s="219" t="s">
        <v>8332</v>
      </c>
      <c r="B3746" s="220" t="s">
        <v>6395</v>
      </c>
      <c r="C3746" s="98" t="s">
        <v>8333</v>
      </c>
      <c r="D3746" s="98" t="s">
        <v>21397</v>
      </c>
      <c r="E3746" s="141">
        <v>2013</v>
      </c>
      <c r="F3746" s="141">
        <v>527</v>
      </c>
      <c r="G3746" s="98" t="s">
        <v>1</v>
      </c>
      <c r="H3746" s="98">
        <v>0</v>
      </c>
      <c r="I3746" s="98">
        <v>0</v>
      </c>
      <c r="J3746" s="98" t="s">
        <v>400</v>
      </c>
      <c r="K3746" s="98" t="s">
        <v>400</v>
      </c>
      <c r="L3746" s="98" t="s">
        <v>400</v>
      </c>
      <c r="M3746" s="98" t="s">
        <v>400</v>
      </c>
      <c r="N3746" s="98" t="s">
        <v>400</v>
      </c>
      <c r="O3746" s="98" t="s">
        <v>400</v>
      </c>
      <c r="P3746" s="98" t="s">
        <v>400</v>
      </c>
      <c r="Q3746" s="98" t="s">
        <v>400</v>
      </c>
      <c r="R3746" s="98" t="s">
        <v>400</v>
      </c>
      <c r="S3746" s="98" t="s">
        <v>400</v>
      </c>
      <c r="T3746" s="98" t="s">
        <v>400</v>
      </c>
      <c r="U3746" s="128"/>
      <c r="V3746" s="128"/>
      <c r="W3746" s="128"/>
      <c r="X3746" s="128"/>
      <c r="Y3746" s="128"/>
      <c r="Z3746" s="128"/>
      <c r="AA3746" s="128"/>
      <c r="AB3746" s="128"/>
      <c r="AC3746" s="128"/>
      <c r="AD3746" s="128"/>
      <c r="AE3746" s="128"/>
      <c r="AF3746" s="128"/>
      <c r="AG3746" s="128"/>
      <c r="AH3746" s="128"/>
      <c r="AI3746" s="128"/>
      <c r="AJ3746" s="128"/>
      <c r="AK3746" s="128"/>
      <c r="AL3746" s="128"/>
      <c r="AM3746" s="128"/>
      <c r="AN3746" s="128"/>
      <c r="AO3746" s="128"/>
      <c r="AP3746" s="128"/>
      <c r="AQ3746" s="128"/>
      <c r="AR3746" s="128"/>
      <c r="AS3746" s="128"/>
      <c r="AT3746" s="128"/>
      <c r="AU3746" s="128"/>
      <c r="AV3746" s="128"/>
      <c r="AW3746" s="128"/>
      <c r="AX3746" s="128"/>
      <c r="AY3746" s="128"/>
      <c r="AZ3746" s="128"/>
      <c r="BA3746" s="128"/>
      <c r="BB3746" s="107">
        <v>45884</v>
      </c>
    </row>
    <row r="3747" spans="1:54" s="8" customFormat="1" ht="13.95" customHeight="1" x14ac:dyDescent="0.25">
      <c r="A3747" s="219" t="s">
        <v>8334</v>
      </c>
      <c r="B3747" s="220" t="s">
        <v>6395</v>
      </c>
      <c r="C3747" s="98" t="s">
        <v>8335</v>
      </c>
      <c r="D3747" s="98" t="s">
        <v>21398</v>
      </c>
      <c r="E3747" s="141">
        <v>2015</v>
      </c>
      <c r="F3747" s="141">
        <v>444</v>
      </c>
      <c r="G3747" s="98" t="s">
        <v>1</v>
      </c>
      <c r="H3747" s="98">
        <v>0</v>
      </c>
      <c r="I3747" s="98">
        <v>0</v>
      </c>
      <c r="J3747" s="98" t="s">
        <v>400</v>
      </c>
      <c r="K3747" s="98" t="s">
        <v>400</v>
      </c>
      <c r="L3747" s="98" t="s">
        <v>400</v>
      </c>
      <c r="M3747" s="98" t="s">
        <v>400</v>
      </c>
      <c r="N3747" s="98" t="s">
        <v>400</v>
      </c>
      <c r="O3747" s="98" t="s">
        <v>400</v>
      </c>
      <c r="P3747" s="98" t="s">
        <v>400</v>
      </c>
      <c r="Q3747" s="98" t="s">
        <v>400</v>
      </c>
      <c r="R3747" s="98" t="s">
        <v>400</v>
      </c>
      <c r="S3747" s="98" t="s">
        <v>400</v>
      </c>
      <c r="T3747" s="98" t="s">
        <v>400</v>
      </c>
      <c r="U3747" s="128"/>
      <c r="V3747" s="128"/>
      <c r="W3747" s="128"/>
      <c r="X3747" s="128"/>
      <c r="Y3747" s="128"/>
      <c r="Z3747" s="128"/>
      <c r="AA3747" s="128"/>
      <c r="AB3747" s="128"/>
      <c r="AC3747" s="128"/>
      <c r="AD3747" s="128"/>
      <c r="AE3747" s="128"/>
      <c r="AF3747" s="128"/>
      <c r="AG3747" s="128"/>
      <c r="AH3747" s="128"/>
      <c r="AI3747" s="128"/>
      <c r="AJ3747" s="128"/>
      <c r="AK3747" s="128"/>
      <c r="AL3747" s="128"/>
      <c r="AM3747" s="128"/>
      <c r="AN3747" s="128"/>
      <c r="AO3747" s="128"/>
      <c r="AP3747" s="128"/>
      <c r="AQ3747" s="128"/>
      <c r="AR3747" s="128"/>
      <c r="AS3747" s="128"/>
      <c r="AT3747" s="128"/>
      <c r="AU3747" s="128"/>
      <c r="AV3747" s="128"/>
      <c r="AW3747" s="128"/>
      <c r="AX3747" s="128"/>
      <c r="AY3747" s="128"/>
      <c r="AZ3747" s="128"/>
      <c r="BA3747" s="128"/>
      <c r="BB3747" s="107">
        <v>45884</v>
      </c>
    </row>
    <row r="3748" spans="1:54" s="8" customFormat="1" ht="13.95" customHeight="1" x14ac:dyDescent="0.25">
      <c r="A3748" s="219" t="s">
        <v>8336</v>
      </c>
      <c r="B3748" s="220" t="s">
        <v>6395</v>
      </c>
      <c r="C3748" s="98" t="s">
        <v>8337</v>
      </c>
      <c r="D3748" s="98" t="s">
        <v>21399</v>
      </c>
      <c r="E3748" s="141">
        <v>2016</v>
      </c>
      <c r="F3748" s="141">
        <v>585</v>
      </c>
      <c r="G3748" s="98" t="s">
        <v>1</v>
      </c>
      <c r="H3748" s="98">
        <v>0</v>
      </c>
      <c r="I3748" s="98">
        <v>0</v>
      </c>
      <c r="J3748" s="98" t="s">
        <v>400</v>
      </c>
      <c r="K3748" s="98" t="s">
        <v>400</v>
      </c>
      <c r="L3748" s="98" t="s">
        <v>400</v>
      </c>
      <c r="M3748" s="98" t="s">
        <v>400</v>
      </c>
      <c r="N3748" s="98" t="s">
        <v>400</v>
      </c>
      <c r="O3748" s="98" t="s">
        <v>400</v>
      </c>
      <c r="P3748" s="98" t="s">
        <v>400</v>
      </c>
      <c r="Q3748" s="98" t="s">
        <v>400</v>
      </c>
      <c r="R3748" s="98" t="s">
        <v>400</v>
      </c>
      <c r="S3748" s="98" t="s">
        <v>400</v>
      </c>
      <c r="T3748" s="98" t="s">
        <v>400</v>
      </c>
      <c r="U3748" s="128"/>
      <c r="V3748" s="128"/>
      <c r="W3748" s="128"/>
      <c r="X3748" s="128"/>
      <c r="Y3748" s="128"/>
      <c r="Z3748" s="128"/>
      <c r="AA3748" s="128"/>
      <c r="AB3748" s="128"/>
      <c r="AC3748" s="128"/>
      <c r="AD3748" s="128"/>
      <c r="AE3748" s="128"/>
      <c r="AF3748" s="128"/>
      <c r="AG3748" s="128"/>
      <c r="AH3748" s="128"/>
      <c r="AI3748" s="128"/>
      <c r="AJ3748" s="128"/>
      <c r="AK3748" s="128"/>
      <c r="AL3748" s="128"/>
      <c r="AM3748" s="128"/>
      <c r="AN3748" s="128"/>
      <c r="AO3748" s="128"/>
      <c r="AP3748" s="128"/>
      <c r="AQ3748" s="128"/>
      <c r="AR3748" s="128"/>
      <c r="AS3748" s="128"/>
      <c r="AT3748" s="128"/>
      <c r="AU3748" s="128"/>
      <c r="AV3748" s="128"/>
      <c r="AW3748" s="128"/>
      <c r="AX3748" s="128"/>
      <c r="AY3748" s="128"/>
      <c r="AZ3748" s="128"/>
      <c r="BA3748" s="128"/>
      <c r="BB3748" s="107">
        <v>45884</v>
      </c>
    </row>
    <row r="3749" spans="1:54" s="8" customFormat="1" ht="13.95" customHeight="1" x14ac:dyDescent="0.25">
      <c r="A3749" s="219" t="s">
        <v>8338</v>
      </c>
      <c r="B3749" s="220" t="s">
        <v>6395</v>
      </c>
      <c r="C3749" s="98" t="s">
        <v>8339</v>
      </c>
      <c r="D3749" s="98" t="s">
        <v>21400</v>
      </c>
      <c r="E3749" s="141">
        <v>2014</v>
      </c>
      <c r="F3749" s="141">
        <v>833</v>
      </c>
      <c r="G3749" s="98" t="s">
        <v>1</v>
      </c>
      <c r="H3749" s="98">
        <v>0</v>
      </c>
      <c r="I3749" s="98">
        <v>0</v>
      </c>
      <c r="J3749" s="98" t="s">
        <v>400</v>
      </c>
      <c r="K3749" s="98" t="s">
        <v>400</v>
      </c>
      <c r="L3749" s="98" t="s">
        <v>400</v>
      </c>
      <c r="M3749" s="98" t="s">
        <v>400</v>
      </c>
      <c r="N3749" s="98" t="s">
        <v>400</v>
      </c>
      <c r="O3749" s="98" t="s">
        <v>400</v>
      </c>
      <c r="P3749" s="98" t="s">
        <v>400</v>
      </c>
      <c r="Q3749" s="98" t="s">
        <v>400</v>
      </c>
      <c r="R3749" s="98" t="s">
        <v>400</v>
      </c>
      <c r="S3749" s="98" t="s">
        <v>400</v>
      </c>
      <c r="T3749" s="98" t="s">
        <v>400</v>
      </c>
      <c r="U3749" s="128"/>
      <c r="V3749" s="128"/>
      <c r="W3749" s="128"/>
      <c r="X3749" s="128"/>
      <c r="Y3749" s="128"/>
      <c r="Z3749" s="128"/>
      <c r="AA3749" s="128"/>
      <c r="AB3749" s="128"/>
      <c r="AC3749" s="128"/>
      <c r="AD3749" s="128"/>
      <c r="AE3749" s="128"/>
      <c r="AF3749" s="128"/>
      <c r="AG3749" s="128"/>
      <c r="AH3749" s="128"/>
      <c r="AI3749" s="128"/>
      <c r="AJ3749" s="128"/>
      <c r="AK3749" s="128"/>
      <c r="AL3749" s="128"/>
      <c r="AM3749" s="128"/>
      <c r="AN3749" s="128"/>
      <c r="AO3749" s="128"/>
      <c r="AP3749" s="128"/>
      <c r="AQ3749" s="128"/>
      <c r="AR3749" s="128"/>
      <c r="AS3749" s="128"/>
      <c r="AT3749" s="128"/>
      <c r="AU3749" s="128"/>
      <c r="AV3749" s="128"/>
      <c r="AW3749" s="128"/>
      <c r="AX3749" s="128"/>
      <c r="AY3749" s="128"/>
      <c r="AZ3749" s="128"/>
      <c r="BA3749" s="128"/>
      <c r="BB3749" s="107">
        <v>45884</v>
      </c>
    </row>
    <row r="3750" spans="1:54" s="8" customFormat="1" ht="13.95" customHeight="1" x14ac:dyDescent="0.25">
      <c r="A3750" s="219" t="s">
        <v>8340</v>
      </c>
      <c r="B3750" s="220" t="s">
        <v>6395</v>
      </c>
      <c r="C3750" s="98" t="s">
        <v>8341</v>
      </c>
      <c r="D3750" s="98" t="s">
        <v>21401</v>
      </c>
      <c r="E3750" s="141">
        <v>2004</v>
      </c>
      <c r="F3750" s="141">
        <v>312</v>
      </c>
      <c r="G3750" s="98" t="s">
        <v>1</v>
      </c>
      <c r="H3750" s="98">
        <v>0</v>
      </c>
      <c r="I3750" s="98">
        <v>0</v>
      </c>
      <c r="J3750" s="98" t="s">
        <v>400</v>
      </c>
      <c r="K3750" s="98" t="s">
        <v>400</v>
      </c>
      <c r="L3750" s="98" t="s">
        <v>400</v>
      </c>
      <c r="M3750" s="98" t="s">
        <v>400</v>
      </c>
      <c r="N3750" s="98" t="s">
        <v>400</v>
      </c>
      <c r="O3750" s="98" t="s">
        <v>400</v>
      </c>
      <c r="P3750" s="98" t="s">
        <v>400</v>
      </c>
      <c r="Q3750" s="98" t="s">
        <v>400</v>
      </c>
      <c r="R3750" s="98" t="s">
        <v>400</v>
      </c>
      <c r="S3750" s="98" t="s">
        <v>400</v>
      </c>
      <c r="T3750" s="98" t="s">
        <v>400</v>
      </c>
      <c r="U3750" s="128"/>
      <c r="V3750" s="128"/>
      <c r="W3750" s="128"/>
      <c r="X3750" s="128"/>
      <c r="Y3750" s="128"/>
      <c r="Z3750" s="128"/>
      <c r="AA3750" s="128"/>
      <c r="AB3750" s="128"/>
      <c r="AC3750" s="128"/>
      <c r="AD3750" s="128"/>
      <c r="AE3750" s="128"/>
      <c r="AF3750" s="128"/>
      <c r="AG3750" s="128"/>
      <c r="AH3750" s="128"/>
      <c r="AI3750" s="128"/>
      <c r="AJ3750" s="128"/>
      <c r="AK3750" s="128"/>
      <c r="AL3750" s="128"/>
      <c r="AM3750" s="128"/>
      <c r="AN3750" s="128"/>
      <c r="AO3750" s="128"/>
      <c r="AP3750" s="128"/>
      <c r="AQ3750" s="128"/>
      <c r="AR3750" s="128"/>
      <c r="AS3750" s="128"/>
      <c r="AT3750" s="128"/>
      <c r="AU3750" s="128"/>
      <c r="AV3750" s="128"/>
      <c r="AW3750" s="128"/>
      <c r="AX3750" s="128"/>
      <c r="AY3750" s="128"/>
      <c r="AZ3750" s="128"/>
      <c r="BA3750" s="128"/>
      <c r="BB3750" s="107">
        <v>45884</v>
      </c>
    </row>
    <row r="3751" spans="1:54" s="8" customFormat="1" ht="13.95" customHeight="1" x14ac:dyDescent="0.25">
      <c r="A3751" s="219" t="s">
        <v>8342</v>
      </c>
      <c r="B3751" s="220" t="s">
        <v>6395</v>
      </c>
      <c r="C3751" s="98" t="s">
        <v>8343</v>
      </c>
      <c r="D3751" s="98" t="s">
        <v>21402</v>
      </c>
      <c r="E3751" s="141">
        <v>2004</v>
      </c>
      <c r="F3751" s="141">
        <v>203</v>
      </c>
      <c r="G3751" s="98" t="s">
        <v>1</v>
      </c>
      <c r="H3751" s="98">
        <v>0</v>
      </c>
      <c r="I3751" s="98">
        <v>0</v>
      </c>
      <c r="J3751" s="98" t="s">
        <v>400</v>
      </c>
      <c r="K3751" s="98" t="s">
        <v>400</v>
      </c>
      <c r="L3751" s="98" t="s">
        <v>400</v>
      </c>
      <c r="M3751" s="98" t="s">
        <v>400</v>
      </c>
      <c r="N3751" s="98" t="s">
        <v>400</v>
      </c>
      <c r="O3751" s="98" t="s">
        <v>400</v>
      </c>
      <c r="P3751" s="98" t="s">
        <v>400</v>
      </c>
      <c r="Q3751" s="98" t="s">
        <v>400</v>
      </c>
      <c r="R3751" s="98" t="s">
        <v>400</v>
      </c>
      <c r="S3751" s="98" t="s">
        <v>400</v>
      </c>
      <c r="T3751" s="98" t="s">
        <v>400</v>
      </c>
      <c r="U3751" s="128"/>
      <c r="V3751" s="128"/>
      <c r="W3751" s="128"/>
      <c r="X3751" s="128"/>
      <c r="Y3751" s="128"/>
      <c r="Z3751" s="128"/>
      <c r="AA3751" s="128"/>
      <c r="AB3751" s="128"/>
      <c r="AC3751" s="128"/>
      <c r="AD3751" s="128"/>
      <c r="AE3751" s="128"/>
      <c r="AF3751" s="128"/>
      <c r="AG3751" s="128"/>
      <c r="AH3751" s="128"/>
      <c r="AI3751" s="128"/>
      <c r="AJ3751" s="128"/>
      <c r="AK3751" s="128"/>
      <c r="AL3751" s="128"/>
      <c r="AM3751" s="128"/>
      <c r="AN3751" s="128"/>
      <c r="AO3751" s="128"/>
      <c r="AP3751" s="128"/>
      <c r="AQ3751" s="128"/>
      <c r="AR3751" s="128"/>
      <c r="AS3751" s="128"/>
      <c r="AT3751" s="128"/>
      <c r="AU3751" s="128"/>
      <c r="AV3751" s="128"/>
      <c r="AW3751" s="128"/>
      <c r="AX3751" s="128"/>
      <c r="AY3751" s="128"/>
      <c r="AZ3751" s="128"/>
      <c r="BA3751" s="128"/>
      <c r="BB3751" s="107">
        <v>45884</v>
      </c>
    </row>
    <row r="3752" spans="1:54" s="8" customFormat="1" ht="13.95" customHeight="1" x14ac:dyDescent="0.25">
      <c r="A3752" s="219" t="s">
        <v>8344</v>
      </c>
      <c r="B3752" s="220" t="s">
        <v>6395</v>
      </c>
      <c r="C3752" s="98" t="s">
        <v>8345</v>
      </c>
      <c r="D3752" s="98" t="s">
        <v>21403</v>
      </c>
      <c r="E3752" s="141">
        <v>2005</v>
      </c>
      <c r="F3752" s="141">
        <v>332</v>
      </c>
      <c r="G3752" s="98" t="s">
        <v>1</v>
      </c>
      <c r="H3752" s="98">
        <v>0</v>
      </c>
      <c r="I3752" s="98">
        <v>0</v>
      </c>
      <c r="J3752" s="98" t="s">
        <v>400</v>
      </c>
      <c r="K3752" s="98" t="s">
        <v>400</v>
      </c>
      <c r="L3752" s="98" t="s">
        <v>400</v>
      </c>
      <c r="M3752" s="98" t="s">
        <v>400</v>
      </c>
      <c r="N3752" s="98" t="s">
        <v>400</v>
      </c>
      <c r="O3752" s="98" t="s">
        <v>400</v>
      </c>
      <c r="P3752" s="98" t="s">
        <v>400</v>
      </c>
      <c r="Q3752" s="98" t="s">
        <v>400</v>
      </c>
      <c r="R3752" s="98" t="s">
        <v>400</v>
      </c>
      <c r="S3752" s="98" t="s">
        <v>400</v>
      </c>
      <c r="T3752" s="98" t="s">
        <v>400</v>
      </c>
      <c r="U3752" s="128"/>
      <c r="V3752" s="128"/>
      <c r="W3752" s="128"/>
      <c r="X3752" s="128"/>
      <c r="Y3752" s="128"/>
      <c r="Z3752" s="128"/>
      <c r="AA3752" s="128"/>
      <c r="AB3752" s="128"/>
      <c r="AC3752" s="128"/>
      <c r="AD3752" s="128"/>
      <c r="AE3752" s="128"/>
      <c r="AF3752" s="128"/>
      <c r="AG3752" s="128"/>
      <c r="AH3752" s="128"/>
      <c r="AI3752" s="128"/>
      <c r="AJ3752" s="128"/>
      <c r="AK3752" s="128"/>
      <c r="AL3752" s="128"/>
      <c r="AM3752" s="128"/>
      <c r="AN3752" s="128"/>
      <c r="AO3752" s="128"/>
      <c r="AP3752" s="128"/>
      <c r="AQ3752" s="128"/>
      <c r="AR3752" s="128"/>
      <c r="AS3752" s="128"/>
      <c r="AT3752" s="128"/>
      <c r="AU3752" s="128"/>
      <c r="AV3752" s="128"/>
      <c r="AW3752" s="128"/>
      <c r="AX3752" s="128"/>
      <c r="AY3752" s="128"/>
      <c r="AZ3752" s="128"/>
      <c r="BA3752" s="128"/>
      <c r="BB3752" s="107">
        <v>45884</v>
      </c>
    </row>
    <row r="3753" spans="1:54" s="8" customFormat="1" ht="13.95" customHeight="1" x14ac:dyDescent="0.25">
      <c r="A3753" s="219" t="s">
        <v>8346</v>
      </c>
      <c r="B3753" s="220" t="s">
        <v>6395</v>
      </c>
      <c r="C3753" s="98" t="s">
        <v>8347</v>
      </c>
      <c r="D3753" s="98" t="s">
        <v>21404</v>
      </c>
      <c r="E3753" s="141">
        <v>2006</v>
      </c>
      <c r="F3753" s="141">
        <v>338</v>
      </c>
      <c r="G3753" s="98" t="s">
        <v>1</v>
      </c>
      <c r="H3753" s="98">
        <v>0</v>
      </c>
      <c r="I3753" s="98">
        <v>0</v>
      </c>
      <c r="J3753" s="98" t="s">
        <v>400</v>
      </c>
      <c r="K3753" s="98" t="s">
        <v>400</v>
      </c>
      <c r="L3753" s="98" t="s">
        <v>400</v>
      </c>
      <c r="M3753" s="98" t="s">
        <v>400</v>
      </c>
      <c r="N3753" s="98" t="s">
        <v>400</v>
      </c>
      <c r="O3753" s="98" t="s">
        <v>400</v>
      </c>
      <c r="P3753" s="98" t="s">
        <v>400</v>
      </c>
      <c r="Q3753" s="98" t="s">
        <v>400</v>
      </c>
      <c r="R3753" s="98" t="s">
        <v>400</v>
      </c>
      <c r="S3753" s="98" t="s">
        <v>400</v>
      </c>
      <c r="T3753" s="98" t="s">
        <v>400</v>
      </c>
      <c r="U3753" s="128"/>
      <c r="V3753" s="128"/>
      <c r="W3753" s="128"/>
      <c r="X3753" s="128"/>
      <c r="Y3753" s="128"/>
      <c r="Z3753" s="128"/>
      <c r="AA3753" s="128"/>
      <c r="AB3753" s="128"/>
      <c r="AC3753" s="128"/>
      <c r="AD3753" s="128"/>
      <c r="AE3753" s="128"/>
      <c r="AF3753" s="128"/>
      <c r="AG3753" s="128"/>
      <c r="AH3753" s="128"/>
      <c r="AI3753" s="128"/>
      <c r="AJ3753" s="128"/>
      <c r="AK3753" s="128"/>
      <c r="AL3753" s="128"/>
      <c r="AM3753" s="128"/>
      <c r="AN3753" s="128"/>
      <c r="AO3753" s="128"/>
      <c r="AP3753" s="128"/>
      <c r="AQ3753" s="128"/>
      <c r="AR3753" s="128"/>
      <c r="AS3753" s="128"/>
      <c r="AT3753" s="128"/>
      <c r="AU3753" s="128"/>
      <c r="AV3753" s="128"/>
      <c r="AW3753" s="128"/>
      <c r="AX3753" s="128"/>
      <c r="AY3753" s="128"/>
      <c r="AZ3753" s="128"/>
      <c r="BA3753" s="128"/>
      <c r="BB3753" s="107">
        <v>45884</v>
      </c>
    </row>
    <row r="3754" spans="1:54" s="8" customFormat="1" ht="13.95" customHeight="1" x14ac:dyDescent="0.25">
      <c r="A3754" s="219" t="s">
        <v>8348</v>
      </c>
      <c r="B3754" s="220" t="s">
        <v>6395</v>
      </c>
      <c r="C3754" s="98" t="s">
        <v>8349</v>
      </c>
      <c r="D3754" s="98" t="s">
        <v>21405</v>
      </c>
      <c r="E3754" s="141">
        <v>2006</v>
      </c>
      <c r="F3754" s="141">
        <v>344</v>
      </c>
      <c r="G3754" s="98" t="s">
        <v>1</v>
      </c>
      <c r="H3754" s="98">
        <v>0</v>
      </c>
      <c r="I3754" s="98">
        <v>0</v>
      </c>
      <c r="J3754" s="98" t="s">
        <v>400</v>
      </c>
      <c r="K3754" s="98" t="s">
        <v>400</v>
      </c>
      <c r="L3754" s="98" t="s">
        <v>400</v>
      </c>
      <c r="M3754" s="98" t="s">
        <v>400</v>
      </c>
      <c r="N3754" s="98" t="s">
        <v>400</v>
      </c>
      <c r="O3754" s="98" t="s">
        <v>400</v>
      </c>
      <c r="P3754" s="98" t="s">
        <v>400</v>
      </c>
      <c r="Q3754" s="98" t="s">
        <v>400</v>
      </c>
      <c r="R3754" s="98" t="s">
        <v>400</v>
      </c>
      <c r="S3754" s="98" t="s">
        <v>400</v>
      </c>
      <c r="T3754" s="98" t="s">
        <v>400</v>
      </c>
      <c r="U3754" s="128"/>
      <c r="V3754" s="128"/>
      <c r="W3754" s="128"/>
      <c r="X3754" s="128"/>
      <c r="Y3754" s="128"/>
      <c r="Z3754" s="128"/>
      <c r="AA3754" s="128"/>
      <c r="AB3754" s="128"/>
      <c r="AC3754" s="128"/>
      <c r="AD3754" s="128"/>
      <c r="AE3754" s="128"/>
      <c r="AF3754" s="128"/>
      <c r="AG3754" s="128"/>
      <c r="AH3754" s="128"/>
      <c r="AI3754" s="128"/>
      <c r="AJ3754" s="128"/>
      <c r="AK3754" s="128"/>
      <c r="AL3754" s="128"/>
      <c r="AM3754" s="128"/>
      <c r="AN3754" s="128"/>
      <c r="AO3754" s="128"/>
      <c r="AP3754" s="128"/>
      <c r="AQ3754" s="128"/>
      <c r="AR3754" s="128"/>
      <c r="AS3754" s="128"/>
      <c r="AT3754" s="128"/>
      <c r="AU3754" s="128"/>
      <c r="AV3754" s="128"/>
      <c r="AW3754" s="128"/>
      <c r="AX3754" s="128"/>
      <c r="AY3754" s="128"/>
      <c r="AZ3754" s="128"/>
      <c r="BA3754" s="128"/>
      <c r="BB3754" s="107">
        <v>45884</v>
      </c>
    </row>
    <row r="3755" spans="1:54" s="8" customFormat="1" ht="13.95" customHeight="1" x14ac:dyDescent="0.25">
      <c r="A3755" s="219" t="s">
        <v>8350</v>
      </c>
      <c r="B3755" s="220" t="s">
        <v>6395</v>
      </c>
      <c r="C3755" s="98" t="s">
        <v>8351</v>
      </c>
      <c r="D3755" s="98" t="s">
        <v>8352</v>
      </c>
      <c r="E3755" s="141">
        <v>2011</v>
      </c>
      <c r="F3755" s="141">
        <v>18149</v>
      </c>
      <c r="G3755" s="98" t="s">
        <v>3</v>
      </c>
      <c r="H3755" s="98">
        <v>1</v>
      </c>
      <c r="I3755" s="98">
        <v>1</v>
      </c>
      <c r="J3755" s="98">
        <v>1</v>
      </c>
      <c r="K3755" s="98" t="s">
        <v>400</v>
      </c>
      <c r="L3755" s="98" t="s">
        <v>400</v>
      </c>
      <c r="M3755" s="98" t="s">
        <v>400</v>
      </c>
      <c r="N3755" s="98" t="s">
        <v>400</v>
      </c>
      <c r="O3755" s="98" t="s">
        <v>400</v>
      </c>
      <c r="P3755" s="98" t="s">
        <v>400</v>
      </c>
      <c r="Q3755" s="98" t="s">
        <v>400</v>
      </c>
      <c r="R3755" s="98" t="s">
        <v>400</v>
      </c>
      <c r="S3755" s="98" t="s">
        <v>400</v>
      </c>
      <c r="T3755" s="98" t="s">
        <v>400</v>
      </c>
      <c r="U3755" s="98">
        <v>0</v>
      </c>
      <c r="V3755" s="98">
        <v>0</v>
      </c>
      <c r="W3755" s="98" t="s">
        <v>400</v>
      </c>
      <c r="X3755" s="98" t="s">
        <v>400</v>
      </c>
      <c r="Y3755" s="98">
        <v>0</v>
      </c>
      <c r="Z3755" s="98">
        <v>0</v>
      </c>
      <c r="AA3755" s="98" t="s">
        <v>400</v>
      </c>
      <c r="AB3755" s="98">
        <v>0</v>
      </c>
      <c r="AC3755" s="98">
        <v>0</v>
      </c>
      <c r="AD3755" s="98">
        <v>0</v>
      </c>
      <c r="AE3755" s="98">
        <v>0</v>
      </c>
      <c r="AF3755" s="98">
        <v>0</v>
      </c>
      <c r="AG3755" s="98">
        <v>0</v>
      </c>
      <c r="AH3755" s="98">
        <v>0</v>
      </c>
      <c r="AI3755" s="98">
        <v>0</v>
      </c>
      <c r="AJ3755" s="98">
        <v>0</v>
      </c>
      <c r="AK3755" s="98">
        <v>0</v>
      </c>
      <c r="AL3755" s="98">
        <v>0</v>
      </c>
      <c r="AM3755" s="98">
        <v>0</v>
      </c>
      <c r="AN3755" s="98">
        <v>0</v>
      </c>
      <c r="AO3755" s="98">
        <v>0</v>
      </c>
      <c r="AP3755" s="98">
        <v>0</v>
      </c>
      <c r="AQ3755" s="98">
        <v>0</v>
      </c>
      <c r="AR3755" s="98" t="s">
        <v>400</v>
      </c>
      <c r="AS3755" s="98" t="s">
        <v>400</v>
      </c>
      <c r="AT3755" s="98" t="s">
        <v>400</v>
      </c>
      <c r="AU3755" s="98" t="s">
        <v>400</v>
      </c>
      <c r="AV3755" s="98" t="s">
        <v>400</v>
      </c>
      <c r="AW3755" s="98" t="s">
        <v>400</v>
      </c>
      <c r="AX3755" s="98"/>
      <c r="AY3755" s="98"/>
      <c r="AZ3755" s="98"/>
      <c r="BA3755" s="98"/>
      <c r="BB3755" s="107">
        <v>45884</v>
      </c>
    </row>
    <row r="3756" spans="1:54" s="8" customFormat="1" ht="13.95" customHeight="1" x14ac:dyDescent="0.25">
      <c r="A3756" s="219" t="s">
        <v>8353</v>
      </c>
      <c r="B3756" s="220" t="s">
        <v>6395</v>
      </c>
      <c r="C3756" s="98" t="s">
        <v>22195</v>
      </c>
      <c r="D3756" s="98" t="s">
        <v>21406</v>
      </c>
      <c r="E3756" s="141">
        <v>1957</v>
      </c>
      <c r="F3756" s="141">
        <v>63828</v>
      </c>
      <c r="G3756" s="98" t="s">
        <v>7</v>
      </c>
      <c r="H3756" s="98">
        <v>1</v>
      </c>
      <c r="I3756" s="98">
        <v>1</v>
      </c>
      <c r="J3756" s="98">
        <v>1</v>
      </c>
      <c r="K3756" s="98" t="s">
        <v>400</v>
      </c>
      <c r="L3756" s="98" t="s">
        <v>400</v>
      </c>
      <c r="M3756" s="98" t="s">
        <v>400</v>
      </c>
      <c r="N3756" s="98" t="s">
        <v>400</v>
      </c>
      <c r="O3756" s="98" t="s">
        <v>400</v>
      </c>
      <c r="P3756" s="98" t="s">
        <v>400</v>
      </c>
      <c r="Q3756" s="98" t="s">
        <v>400</v>
      </c>
      <c r="R3756" s="98" t="s">
        <v>400</v>
      </c>
      <c r="S3756" s="98" t="s">
        <v>400</v>
      </c>
      <c r="T3756" s="98" t="s">
        <v>400</v>
      </c>
      <c r="U3756" s="98">
        <v>0</v>
      </c>
      <c r="V3756" s="98">
        <v>0</v>
      </c>
      <c r="W3756" s="98" t="s">
        <v>400</v>
      </c>
      <c r="X3756" s="98">
        <v>0</v>
      </c>
      <c r="Y3756" s="98">
        <v>0</v>
      </c>
      <c r="Z3756" s="98">
        <v>0</v>
      </c>
      <c r="AA3756" s="98" t="s">
        <v>400</v>
      </c>
      <c r="AB3756" s="98">
        <v>0</v>
      </c>
      <c r="AC3756" s="98">
        <v>0</v>
      </c>
      <c r="AD3756" s="98">
        <v>0</v>
      </c>
      <c r="AE3756" s="98">
        <v>0</v>
      </c>
      <c r="AF3756" s="98">
        <v>0</v>
      </c>
      <c r="AG3756" s="98">
        <v>0</v>
      </c>
      <c r="AH3756" s="98">
        <v>0</v>
      </c>
      <c r="AI3756" s="98">
        <v>0</v>
      </c>
      <c r="AJ3756" s="98">
        <v>0</v>
      </c>
      <c r="AK3756" s="98">
        <v>0</v>
      </c>
      <c r="AL3756" s="98">
        <v>0</v>
      </c>
      <c r="AM3756" s="98">
        <v>0</v>
      </c>
      <c r="AN3756" s="98" t="s">
        <v>400</v>
      </c>
      <c r="AO3756" s="98">
        <v>1</v>
      </c>
      <c r="AP3756" s="98">
        <v>0</v>
      </c>
      <c r="AQ3756" s="98">
        <v>0</v>
      </c>
      <c r="AR3756" s="98">
        <v>0</v>
      </c>
      <c r="AS3756" s="98" t="s">
        <v>400</v>
      </c>
      <c r="AT3756" s="98" t="s">
        <v>400</v>
      </c>
      <c r="AU3756" s="98" t="s">
        <v>400</v>
      </c>
      <c r="AV3756" s="98" t="s">
        <v>400</v>
      </c>
      <c r="AW3756" s="98" t="s">
        <v>400</v>
      </c>
      <c r="AX3756" s="98"/>
      <c r="AY3756" s="98"/>
      <c r="AZ3756" s="98"/>
      <c r="BA3756" s="98"/>
      <c r="BB3756" s="107">
        <v>45884</v>
      </c>
    </row>
    <row r="3757" spans="1:54" s="8" customFormat="1" ht="13.95" customHeight="1" x14ac:dyDescent="0.25">
      <c r="A3757" s="219" t="s">
        <v>8354</v>
      </c>
      <c r="B3757" s="220" t="s">
        <v>6395</v>
      </c>
      <c r="C3757" s="98" t="s">
        <v>8355</v>
      </c>
      <c r="D3757" s="98" t="s">
        <v>20356</v>
      </c>
      <c r="E3757" s="141">
        <v>1971</v>
      </c>
      <c r="F3757" s="141">
        <v>8662</v>
      </c>
      <c r="G3757" s="98" t="s">
        <v>0</v>
      </c>
      <c r="H3757" s="98">
        <v>0</v>
      </c>
      <c r="I3757" s="98">
        <v>0</v>
      </c>
      <c r="J3757" s="98" t="s">
        <v>400</v>
      </c>
      <c r="K3757" s="98" t="s">
        <v>400</v>
      </c>
      <c r="L3757" s="98" t="s">
        <v>400</v>
      </c>
      <c r="M3757" s="98" t="s">
        <v>400</v>
      </c>
      <c r="N3757" s="98" t="s">
        <v>400</v>
      </c>
      <c r="O3757" s="98" t="s">
        <v>400</v>
      </c>
      <c r="P3757" s="98" t="s">
        <v>400</v>
      </c>
      <c r="Q3757" s="98" t="s">
        <v>400</v>
      </c>
      <c r="R3757" s="98" t="s">
        <v>400</v>
      </c>
      <c r="S3757" s="98" t="s">
        <v>400</v>
      </c>
      <c r="T3757" s="98" t="s">
        <v>400</v>
      </c>
      <c r="U3757" s="98">
        <v>0</v>
      </c>
      <c r="V3757" s="98">
        <v>0</v>
      </c>
      <c r="W3757" s="98" t="s">
        <v>400</v>
      </c>
      <c r="X3757" s="98" t="s">
        <v>400</v>
      </c>
      <c r="Y3757" s="98">
        <v>0</v>
      </c>
      <c r="Z3757" s="98" t="s">
        <v>400</v>
      </c>
      <c r="AA3757" s="98" t="s">
        <v>400</v>
      </c>
      <c r="AB3757" s="98">
        <v>0</v>
      </c>
      <c r="AC3757" s="98">
        <v>0</v>
      </c>
      <c r="AD3757" s="98" t="s">
        <v>400</v>
      </c>
      <c r="AE3757" s="98">
        <v>0</v>
      </c>
      <c r="AF3757" s="98">
        <v>0</v>
      </c>
      <c r="AG3757" s="98">
        <v>0</v>
      </c>
      <c r="AH3757" s="98">
        <v>0</v>
      </c>
      <c r="AI3757" s="98">
        <v>0</v>
      </c>
      <c r="AJ3757" s="98">
        <v>0</v>
      </c>
      <c r="AK3757" s="98">
        <v>0</v>
      </c>
      <c r="AL3757" s="98">
        <v>0</v>
      </c>
      <c r="AM3757" s="98">
        <v>0</v>
      </c>
      <c r="AN3757" s="98" t="s">
        <v>400</v>
      </c>
      <c r="AO3757" s="98" t="s">
        <v>400</v>
      </c>
      <c r="AP3757" s="98">
        <v>0</v>
      </c>
      <c r="AQ3757" s="98">
        <v>0</v>
      </c>
      <c r="AR3757" s="98" t="s">
        <v>400</v>
      </c>
      <c r="AS3757" s="98" t="s">
        <v>400</v>
      </c>
      <c r="AT3757" s="98" t="s">
        <v>400</v>
      </c>
      <c r="AU3757" s="98" t="s">
        <v>400</v>
      </c>
      <c r="AV3757" s="98" t="s">
        <v>400</v>
      </c>
      <c r="AW3757" s="98" t="s">
        <v>400</v>
      </c>
      <c r="AX3757" s="98"/>
      <c r="AY3757" s="98"/>
      <c r="AZ3757" s="98"/>
      <c r="BA3757" s="98"/>
      <c r="BB3757" s="107">
        <v>45884</v>
      </c>
    </row>
    <row r="3758" spans="1:54" s="8" customFormat="1" ht="13.95" customHeight="1" x14ac:dyDescent="0.25">
      <c r="A3758" s="219" t="s">
        <v>8356</v>
      </c>
      <c r="B3758" s="220" t="s">
        <v>6395</v>
      </c>
      <c r="C3758" s="98" t="s">
        <v>8357</v>
      </c>
      <c r="D3758" s="98" t="s">
        <v>8358</v>
      </c>
      <c r="E3758" s="141">
        <v>1967</v>
      </c>
      <c r="F3758" s="141">
        <v>71694</v>
      </c>
      <c r="G3758" s="98" t="s">
        <v>0</v>
      </c>
      <c r="H3758" s="98">
        <v>1</v>
      </c>
      <c r="I3758" s="98">
        <v>0</v>
      </c>
      <c r="J3758" s="98" t="s">
        <v>400</v>
      </c>
      <c r="K3758" s="98" t="s">
        <v>400</v>
      </c>
      <c r="L3758" s="98" t="s">
        <v>400</v>
      </c>
      <c r="M3758" s="98" t="s">
        <v>400</v>
      </c>
      <c r="N3758" s="98" t="s">
        <v>400</v>
      </c>
      <c r="O3758" s="98" t="s">
        <v>400</v>
      </c>
      <c r="P3758" s="98" t="s">
        <v>400</v>
      </c>
      <c r="Q3758" s="98" t="s">
        <v>400</v>
      </c>
      <c r="R3758" s="98" t="s">
        <v>400</v>
      </c>
      <c r="S3758" s="98" t="s">
        <v>400</v>
      </c>
      <c r="T3758" s="98" t="s">
        <v>400</v>
      </c>
      <c r="U3758" s="98">
        <v>0</v>
      </c>
      <c r="V3758" s="98">
        <v>0</v>
      </c>
      <c r="W3758" s="98" t="s">
        <v>400</v>
      </c>
      <c r="X3758" s="98" t="s">
        <v>400</v>
      </c>
      <c r="Y3758" s="98">
        <v>0</v>
      </c>
      <c r="Z3758" s="98" t="s">
        <v>400</v>
      </c>
      <c r="AA3758" s="98" t="s">
        <v>400</v>
      </c>
      <c r="AB3758" s="98">
        <v>0</v>
      </c>
      <c r="AC3758" s="98">
        <v>0</v>
      </c>
      <c r="AD3758" s="98" t="s">
        <v>400</v>
      </c>
      <c r="AE3758" s="98">
        <v>0</v>
      </c>
      <c r="AF3758" s="98">
        <v>0</v>
      </c>
      <c r="AG3758" s="98">
        <v>0</v>
      </c>
      <c r="AH3758" s="98">
        <v>0</v>
      </c>
      <c r="AI3758" s="98">
        <v>0</v>
      </c>
      <c r="AJ3758" s="98">
        <v>0</v>
      </c>
      <c r="AK3758" s="98">
        <v>0</v>
      </c>
      <c r="AL3758" s="98">
        <v>0</v>
      </c>
      <c r="AM3758" s="98">
        <v>0</v>
      </c>
      <c r="AN3758" s="98" t="s">
        <v>400</v>
      </c>
      <c r="AO3758" s="98" t="s">
        <v>400</v>
      </c>
      <c r="AP3758" s="98">
        <v>0</v>
      </c>
      <c r="AQ3758" s="98">
        <v>0</v>
      </c>
      <c r="AR3758" s="98" t="s">
        <v>400</v>
      </c>
      <c r="AS3758" s="98" t="s">
        <v>400</v>
      </c>
      <c r="AT3758" s="98" t="s">
        <v>400</v>
      </c>
      <c r="AU3758" s="98" t="s">
        <v>400</v>
      </c>
      <c r="AV3758" s="98" t="s">
        <v>400</v>
      </c>
      <c r="AW3758" s="98" t="s">
        <v>400</v>
      </c>
      <c r="AX3758" s="98"/>
      <c r="AY3758" s="98"/>
      <c r="AZ3758" s="98"/>
      <c r="BA3758" s="98"/>
      <c r="BB3758" s="107">
        <v>45884</v>
      </c>
    </row>
    <row r="3759" spans="1:54" s="8" customFormat="1" ht="13.95" customHeight="1" x14ac:dyDescent="0.25">
      <c r="A3759" s="219" t="s">
        <v>8359</v>
      </c>
      <c r="B3759" s="220" t="s">
        <v>6395</v>
      </c>
      <c r="C3759" s="98" t="s">
        <v>8360</v>
      </c>
      <c r="D3759" s="98" t="s">
        <v>8361</v>
      </c>
      <c r="E3759" s="141">
        <v>1978</v>
      </c>
      <c r="F3759" s="141">
        <v>73112</v>
      </c>
      <c r="G3759" s="98" t="s">
        <v>0</v>
      </c>
      <c r="H3759" s="98">
        <v>1</v>
      </c>
      <c r="I3759" s="98">
        <v>0</v>
      </c>
      <c r="J3759" s="98" t="s">
        <v>400</v>
      </c>
      <c r="K3759" s="98" t="s">
        <v>400</v>
      </c>
      <c r="L3759" s="98" t="s">
        <v>400</v>
      </c>
      <c r="M3759" s="98" t="s">
        <v>400</v>
      </c>
      <c r="N3759" s="98" t="s">
        <v>400</v>
      </c>
      <c r="O3759" s="98" t="s">
        <v>400</v>
      </c>
      <c r="P3759" s="98" t="s">
        <v>400</v>
      </c>
      <c r="Q3759" s="98" t="s">
        <v>400</v>
      </c>
      <c r="R3759" s="98" t="s">
        <v>400</v>
      </c>
      <c r="S3759" s="98" t="s">
        <v>400</v>
      </c>
      <c r="T3759" s="98" t="s">
        <v>400</v>
      </c>
      <c r="U3759" s="98">
        <v>0</v>
      </c>
      <c r="V3759" s="98">
        <v>0</v>
      </c>
      <c r="W3759" s="98" t="s">
        <v>400</v>
      </c>
      <c r="X3759" s="98" t="s">
        <v>400</v>
      </c>
      <c r="Y3759" s="98">
        <v>0</v>
      </c>
      <c r="Z3759" s="98" t="s">
        <v>400</v>
      </c>
      <c r="AA3759" s="98" t="s">
        <v>400</v>
      </c>
      <c r="AB3759" s="98">
        <v>0</v>
      </c>
      <c r="AC3759" s="98">
        <v>0</v>
      </c>
      <c r="AD3759" s="98" t="s">
        <v>400</v>
      </c>
      <c r="AE3759" s="98">
        <v>0</v>
      </c>
      <c r="AF3759" s="98">
        <v>0</v>
      </c>
      <c r="AG3759" s="98">
        <v>0</v>
      </c>
      <c r="AH3759" s="98">
        <v>0</v>
      </c>
      <c r="AI3759" s="98">
        <v>0</v>
      </c>
      <c r="AJ3759" s="98">
        <v>0</v>
      </c>
      <c r="AK3759" s="98">
        <v>0</v>
      </c>
      <c r="AL3759" s="98">
        <v>0</v>
      </c>
      <c r="AM3759" s="98">
        <v>0</v>
      </c>
      <c r="AN3759" s="98" t="s">
        <v>400</v>
      </c>
      <c r="AO3759" s="98" t="s">
        <v>400</v>
      </c>
      <c r="AP3759" s="98">
        <v>0</v>
      </c>
      <c r="AQ3759" s="98">
        <v>0</v>
      </c>
      <c r="AR3759" s="98" t="s">
        <v>400</v>
      </c>
      <c r="AS3759" s="98" t="s">
        <v>400</v>
      </c>
      <c r="AT3759" s="98" t="s">
        <v>400</v>
      </c>
      <c r="AU3759" s="98" t="s">
        <v>400</v>
      </c>
      <c r="AV3759" s="98" t="s">
        <v>400</v>
      </c>
      <c r="AW3759" s="98" t="s">
        <v>400</v>
      </c>
      <c r="AX3759" s="98"/>
      <c r="AY3759" s="98"/>
      <c r="AZ3759" s="98"/>
      <c r="BA3759" s="98"/>
      <c r="BB3759" s="107">
        <v>45884</v>
      </c>
    </row>
    <row r="3760" spans="1:54" s="8" customFormat="1" ht="13.95" customHeight="1" x14ac:dyDescent="0.25">
      <c r="A3760" s="219" t="s">
        <v>8362</v>
      </c>
      <c r="B3760" s="220" t="s">
        <v>6395</v>
      </c>
      <c r="C3760" s="98" t="s">
        <v>8363</v>
      </c>
      <c r="D3760" s="98" t="s">
        <v>8364</v>
      </c>
      <c r="E3760" s="141">
        <v>1971</v>
      </c>
      <c r="F3760" s="141">
        <v>6623</v>
      </c>
      <c r="G3760" s="98" t="s">
        <v>0</v>
      </c>
      <c r="H3760" s="98">
        <v>1</v>
      </c>
      <c r="I3760" s="98">
        <v>0</v>
      </c>
      <c r="J3760" s="98" t="s">
        <v>400</v>
      </c>
      <c r="K3760" s="98" t="s">
        <v>400</v>
      </c>
      <c r="L3760" s="98" t="s">
        <v>400</v>
      </c>
      <c r="M3760" s="98" t="s">
        <v>400</v>
      </c>
      <c r="N3760" s="98" t="s">
        <v>400</v>
      </c>
      <c r="O3760" s="98" t="s">
        <v>400</v>
      </c>
      <c r="P3760" s="98" t="s">
        <v>400</v>
      </c>
      <c r="Q3760" s="98" t="s">
        <v>400</v>
      </c>
      <c r="R3760" s="98" t="s">
        <v>400</v>
      </c>
      <c r="S3760" s="98" t="s">
        <v>400</v>
      </c>
      <c r="T3760" s="98" t="s">
        <v>400</v>
      </c>
      <c r="U3760" s="98">
        <v>0</v>
      </c>
      <c r="V3760" s="98">
        <v>0</v>
      </c>
      <c r="W3760" s="98" t="s">
        <v>400</v>
      </c>
      <c r="X3760" s="98" t="s">
        <v>400</v>
      </c>
      <c r="Y3760" s="98">
        <v>0</v>
      </c>
      <c r="Z3760" s="98" t="s">
        <v>400</v>
      </c>
      <c r="AA3760" s="98" t="s">
        <v>400</v>
      </c>
      <c r="AB3760" s="98">
        <v>0</v>
      </c>
      <c r="AC3760" s="98">
        <v>0</v>
      </c>
      <c r="AD3760" s="98" t="s">
        <v>400</v>
      </c>
      <c r="AE3760" s="98">
        <v>0</v>
      </c>
      <c r="AF3760" s="98">
        <v>0</v>
      </c>
      <c r="AG3760" s="98">
        <v>0</v>
      </c>
      <c r="AH3760" s="98">
        <v>0</v>
      </c>
      <c r="AI3760" s="98">
        <v>0</v>
      </c>
      <c r="AJ3760" s="98">
        <v>0</v>
      </c>
      <c r="AK3760" s="98">
        <v>0</v>
      </c>
      <c r="AL3760" s="98">
        <v>0</v>
      </c>
      <c r="AM3760" s="98">
        <v>0</v>
      </c>
      <c r="AN3760" s="98" t="s">
        <v>400</v>
      </c>
      <c r="AO3760" s="98" t="s">
        <v>400</v>
      </c>
      <c r="AP3760" s="98">
        <v>0</v>
      </c>
      <c r="AQ3760" s="98">
        <v>0</v>
      </c>
      <c r="AR3760" s="98" t="s">
        <v>400</v>
      </c>
      <c r="AS3760" s="98" t="s">
        <v>400</v>
      </c>
      <c r="AT3760" s="98" t="s">
        <v>400</v>
      </c>
      <c r="AU3760" s="98" t="s">
        <v>400</v>
      </c>
      <c r="AV3760" s="98" t="s">
        <v>400</v>
      </c>
      <c r="AW3760" s="98" t="s">
        <v>400</v>
      </c>
      <c r="AX3760" s="98"/>
      <c r="AY3760" s="98"/>
      <c r="AZ3760" s="98"/>
      <c r="BA3760" s="98"/>
      <c r="BB3760" s="107">
        <v>45884</v>
      </c>
    </row>
    <row r="3761" spans="1:54" s="8" customFormat="1" ht="13.95" customHeight="1" x14ac:dyDescent="0.25">
      <c r="A3761" s="219" t="s">
        <v>8365</v>
      </c>
      <c r="B3761" s="220" t="s">
        <v>6395</v>
      </c>
      <c r="C3761" s="98" t="s">
        <v>8366</v>
      </c>
      <c r="D3761" s="98" t="s">
        <v>8367</v>
      </c>
      <c r="E3761" s="141">
        <v>1967</v>
      </c>
      <c r="F3761" s="141">
        <v>30485</v>
      </c>
      <c r="G3761" s="98" t="s">
        <v>0</v>
      </c>
      <c r="H3761" s="98">
        <v>1</v>
      </c>
      <c r="I3761" s="98">
        <v>0</v>
      </c>
      <c r="J3761" s="98" t="s">
        <v>400</v>
      </c>
      <c r="K3761" s="98" t="s">
        <v>400</v>
      </c>
      <c r="L3761" s="98" t="s">
        <v>400</v>
      </c>
      <c r="M3761" s="98" t="s">
        <v>400</v>
      </c>
      <c r="N3761" s="98" t="s">
        <v>400</v>
      </c>
      <c r="O3761" s="98" t="s">
        <v>400</v>
      </c>
      <c r="P3761" s="98" t="s">
        <v>400</v>
      </c>
      <c r="Q3761" s="98" t="s">
        <v>400</v>
      </c>
      <c r="R3761" s="98" t="s">
        <v>400</v>
      </c>
      <c r="S3761" s="98" t="s">
        <v>400</v>
      </c>
      <c r="T3761" s="98" t="s">
        <v>400</v>
      </c>
      <c r="U3761" s="98">
        <v>0</v>
      </c>
      <c r="V3761" s="98">
        <v>0</v>
      </c>
      <c r="W3761" s="98" t="s">
        <v>400</v>
      </c>
      <c r="X3761" s="98" t="s">
        <v>400</v>
      </c>
      <c r="Y3761" s="98">
        <v>0</v>
      </c>
      <c r="Z3761" s="98" t="s">
        <v>400</v>
      </c>
      <c r="AA3761" s="98" t="s">
        <v>400</v>
      </c>
      <c r="AB3761" s="98">
        <v>0</v>
      </c>
      <c r="AC3761" s="98">
        <v>0</v>
      </c>
      <c r="AD3761" s="98" t="s">
        <v>400</v>
      </c>
      <c r="AE3761" s="98">
        <v>0</v>
      </c>
      <c r="AF3761" s="98">
        <v>0</v>
      </c>
      <c r="AG3761" s="98">
        <v>0</v>
      </c>
      <c r="AH3761" s="98">
        <v>0</v>
      </c>
      <c r="AI3761" s="98">
        <v>0</v>
      </c>
      <c r="AJ3761" s="98">
        <v>0</v>
      </c>
      <c r="AK3761" s="98">
        <v>0</v>
      </c>
      <c r="AL3761" s="98">
        <v>0</v>
      </c>
      <c r="AM3761" s="98">
        <v>0</v>
      </c>
      <c r="AN3761" s="98" t="s">
        <v>400</v>
      </c>
      <c r="AO3761" s="98" t="s">
        <v>400</v>
      </c>
      <c r="AP3761" s="98">
        <v>0</v>
      </c>
      <c r="AQ3761" s="98">
        <v>0</v>
      </c>
      <c r="AR3761" s="98" t="s">
        <v>400</v>
      </c>
      <c r="AS3761" s="98" t="s">
        <v>400</v>
      </c>
      <c r="AT3761" s="98" t="s">
        <v>400</v>
      </c>
      <c r="AU3761" s="98" t="s">
        <v>400</v>
      </c>
      <c r="AV3761" s="98" t="s">
        <v>400</v>
      </c>
      <c r="AW3761" s="98" t="s">
        <v>400</v>
      </c>
      <c r="AX3761" s="98"/>
      <c r="AY3761" s="98"/>
      <c r="AZ3761" s="98"/>
      <c r="BA3761" s="98"/>
      <c r="BB3761" s="107">
        <v>45884</v>
      </c>
    </row>
    <row r="3762" spans="1:54" s="8" customFormat="1" ht="13.95" customHeight="1" x14ac:dyDescent="0.25">
      <c r="A3762" s="219" t="s">
        <v>8368</v>
      </c>
      <c r="B3762" s="220" t="s">
        <v>6395</v>
      </c>
      <c r="C3762" s="98" t="s">
        <v>8369</v>
      </c>
      <c r="D3762" s="98" t="s">
        <v>8370</v>
      </c>
      <c r="E3762" s="141">
        <v>1980</v>
      </c>
      <c r="F3762" s="141">
        <v>19745</v>
      </c>
      <c r="G3762" s="98" t="s">
        <v>0</v>
      </c>
      <c r="H3762" s="98">
        <v>1</v>
      </c>
      <c r="I3762" s="98">
        <v>0</v>
      </c>
      <c r="J3762" s="98" t="s">
        <v>400</v>
      </c>
      <c r="K3762" s="98" t="s">
        <v>400</v>
      </c>
      <c r="L3762" s="98" t="s">
        <v>400</v>
      </c>
      <c r="M3762" s="98" t="s">
        <v>400</v>
      </c>
      <c r="N3762" s="98" t="s">
        <v>400</v>
      </c>
      <c r="O3762" s="98" t="s">
        <v>400</v>
      </c>
      <c r="P3762" s="98" t="s">
        <v>400</v>
      </c>
      <c r="Q3762" s="98" t="s">
        <v>400</v>
      </c>
      <c r="R3762" s="98" t="s">
        <v>400</v>
      </c>
      <c r="S3762" s="98" t="s">
        <v>400</v>
      </c>
      <c r="T3762" s="98" t="s">
        <v>400</v>
      </c>
      <c r="U3762" s="98">
        <v>0</v>
      </c>
      <c r="V3762" s="98">
        <v>0</v>
      </c>
      <c r="W3762" s="98" t="s">
        <v>400</v>
      </c>
      <c r="X3762" s="98" t="s">
        <v>400</v>
      </c>
      <c r="Y3762" s="98">
        <v>0</v>
      </c>
      <c r="Z3762" s="98" t="s">
        <v>400</v>
      </c>
      <c r="AA3762" s="98" t="s">
        <v>400</v>
      </c>
      <c r="AB3762" s="98">
        <v>0</v>
      </c>
      <c r="AC3762" s="98">
        <v>0</v>
      </c>
      <c r="AD3762" s="98" t="s">
        <v>400</v>
      </c>
      <c r="AE3762" s="98">
        <v>0</v>
      </c>
      <c r="AF3762" s="98">
        <v>0</v>
      </c>
      <c r="AG3762" s="98">
        <v>0</v>
      </c>
      <c r="AH3762" s="98">
        <v>0</v>
      </c>
      <c r="AI3762" s="98">
        <v>0</v>
      </c>
      <c r="AJ3762" s="98">
        <v>0</v>
      </c>
      <c r="AK3762" s="98">
        <v>0</v>
      </c>
      <c r="AL3762" s="98">
        <v>0</v>
      </c>
      <c r="AM3762" s="98">
        <v>0</v>
      </c>
      <c r="AN3762" s="98" t="s">
        <v>400</v>
      </c>
      <c r="AO3762" s="98" t="s">
        <v>400</v>
      </c>
      <c r="AP3762" s="98">
        <v>0</v>
      </c>
      <c r="AQ3762" s="98">
        <v>0</v>
      </c>
      <c r="AR3762" s="98" t="s">
        <v>400</v>
      </c>
      <c r="AS3762" s="98" t="s">
        <v>400</v>
      </c>
      <c r="AT3762" s="98" t="s">
        <v>400</v>
      </c>
      <c r="AU3762" s="98" t="s">
        <v>400</v>
      </c>
      <c r="AV3762" s="98" t="s">
        <v>400</v>
      </c>
      <c r="AW3762" s="98" t="s">
        <v>400</v>
      </c>
      <c r="AX3762" s="98"/>
      <c r="AY3762" s="98"/>
      <c r="AZ3762" s="98"/>
      <c r="BA3762" s="98"/>
      <c r="BB3762" s="107">
        <v>45884</v>
      </c>
    </row>
    <row r="3763" spans="1:54" s="8" customFormat="1" ht="13.95" customHeight="1" x14ac:dyDescent="0.25">
      <c r="A3763" s="219" t="s">
        <v>8371</v>
      </c>
      <c r="B3763" s="220" t="s">
        <v>6395</v>
      </c>
      <c r="C3763" s="98" t="s">
        <v>8372</v>
      </c>
      <c r="D3763" s="98" t="s">
        <v>8373</v>
      </c>
      <c r="E3763" s="141">
        <v>1980</v>
      </c>
      <c r="F3763" s="141">
        <v>28161</v>
      </c>
      <c r="G3763" s="98" t="s">
        <v>0</v>
      </c>
      <c r="H3763" s="98">
        <v>1</v>
      </c>
      <c r="I3763" s="98">
        <v>0</v>
      </c>
      <c r="J3763" s="98" t="s">
        <v>400</v>
      </c>
      <c r="K3763" s="98" t="s">
        <v>400</v>
      </c>
      <c r="L3763" s="98" t="s">
        <v>400</v>
      </c>
      <c r="M3763" s="98" t="s">
        <v>400</v>
      </c>
      <c r="N3763" s="98" t="s">
        <v>400</v>
      </c>
      <c r="O3763" s="98" t="s">
        <v>400</v>
      </c>
      <c r="P3763" s="98" t="s">
        <v>400</v>
      </c>
      <c r="Q3763" s="98" t="s">
        <v>400</v>
      </c>
      <c r="R3763" s="98" t="s">
        <v>400</v>
      </c>
      <c r="S3763" s="98" t="s">
        <v>400</v>
      </c>
      <c r="T3763" s="98" t="s">
        <v>400</v>
      </c>
      <c r="U3763" s="98">
        <v>0</v>
      </c>
      <c r="V3763" s="98">
        <v>0</v>
      </c>
      <c r="W3763" s="98" t="s">
        <v>400</v>
      </c>
      <c r="X3763" s="98" t="s">
        <v>400</v>
      </c>
      <c r="Y3763" s="98">
        <v>0</v>
      </c>
      <c r="Z3763" s="98" t="s">
        <v>400</v>
      </c>
      <c r="AA3763" s="98" t="s">
        <v>400</v>
      </c>
      <c r="AB3763" s="98">
        <v>0</v>
      </c>
      <c r="AC3763" s="98">
        <v>0</v>
      </c>
      <c r="AD3763" s="98" t="s">
        <v>400</v>
      </c>
      <c r="AE3763" s="98">
        <v>0</v>
      </c>
      <c r="AF3763" s="98">
        <v>0</v>
      </c>
      <c r="AG3763" s="98">
        <v>0</v>
      </c>
      <c r="AH3763" s="98">
        <v>0</v>
      </c>
      <c r="AI3763" s="98">
        <v>0</v>
      </c>
      <c r="AJ3763" s="98">
        <v>0</v>
      </c>
      <c r="AK3763" s="98">
        <v>0</v>
      </c>
      <c r="AL3763" s="98">
        <v>0</v>
      </c>
      <c r="AM3763" s="98">
        <v>0</v>
      </c>
      <c r="AN3763" s="98" t="s">
        <v>400</v>
      </c>
      <c r="AO3763" s="98" t="s">
        <v>400</v>
      </c>
      <c r="AP3763" s="98">
        <v>0</v>
      </c>
      <c r="AQ3763" s="98">
        <v>0</v>
      </c>
      <c r="AR3763" s="98" t="s">
        <v>400</v>
      </c>
      <c r="AS3763" s="98" t="s">
        <v>400</v>
      </c>
      <c r="AT3763" s="98" t="s">
        <v>400</v>
      </c>
      <c r="AU3763" s="98" t="s">
        <v>400</v>
      </c>
      <c r="AV3763" s="98" t="s">
        <v>400</v>
      </c>
      <c r="AW3763" s="98" t="s">
        <v>400</v>
      </c>
      <c r="AX3763" s="98"/>
      <c r="AY3763" s="98"/>
      <c r="AZ3763" s="98"/>
      <c r="BA3763" s="98"/>
      <c r="BB3763" s="107">
        <v>45884</v>
      </c>
    </row>
    <row r="3764" spans="1:54" s="8" customFormat="1" ht="13.95" customHeight="1" x14ac:dyDescent="0.25">
      <c r="A3764" s="219" t="s">
        <v>8374</v>
      </c>
      <c r="B3764" s="220" t="s">
        <v>6395</v>
      </c>
      <c r="C3764" s="98" t="s">
        <v>8375</v>
      </c>
      <c r="D3764" s="98" t="s">
        <v>8376</v>
      </c>
      <c r="E3764" s="141">
        <v>1969</v>
      </c>
      <c r="F3764" s="141">
        <v>37538</v>
      </c>
      <c r="G3764" s="98" t="s">
        <v>0</v>
      </c>
      <c r="H3764" s="98">
        <v>1</v>
      </c>
      <c r="I3764" s="98">
        <v>0</v>
      </c>
      <c r="J3764" s="98" t="s">
        <v>400</v>
      </c>
      <c r="K3764" s="98" t="s">
        <v>400</v>
      </c>
      <c r="L3764" s="98" t="s">
        <v>400</v>
      </c>
      <c r="M3764" s="98" t="s">
        <v>400</v>
      </c>
      <c r="N3764" s="98" t="s">
        <v>400</v>
      </c>
      <c r="O3764" s="98" t="s">
        <v>400</v>
      </c>
      <c r="P3764" s="98" t="s">
        <v>400</v>
      </c>
      <c r="Q3764" s="98" t="s">
        <v>400</v>
      </c>
      <c r="R3764" s="98" t="s">
        <v>400</v>
      </c>
      <c r="S3764" s="98" t="s">
        <v>400</v>
      </c>
      <c r="T3764" s="98" t="s">
        <v>400</v>
      </c>
      <c r="U3764" s="98">
        <v>0</v>
      </c>
      <c r="V3764" s="98">
        <v>0</v>
      </c>
      <c r="W3764" s="98" t="s">
        <v>400</v>
      </c>
      <c r="X3764" s="98" t="s">
        <v>400</v>
      </c>
      <c r="Y3764" s="98">
        <v>0</v>
      </c>
      <c r="Z3764" s="98" t="s">
        <v>400</v>
      </c>
      <c r="AA3764" s="98" t="s">
        <v>400</v>
      </c>
      <c r="AB3764" s="98">
        <v>0</v>
      </c>
      <c r="AC3764" s="98">
        <v>0</v>
      </c>
      <c r="AD3764" s="98" t="s">
        <v>400</v>
      </c>
      <c r="AE3764" s="98">
        <v>0</v>
      </c>
      <c r="AF3764" s="98">
        <v>0</v>
      </c>
      <c r="AG3764" s="98">
        <v>0</v>
      </c>
      <c r="AH3764" s="98">
        <v>0</v>
      </c>
      <c r="AI3764" s="98">
        <v>0</v>
      </c>
      <c r="AJ3764" s="98">
        <v>0</v>
      </c>
      <c r="AK3764" s="98">
        <v>0</v>
      </c>
      <c r="AL3764" s="98">
        <v>0</v>
      </c>
      <c r="AM3764" s="98">
        <v>0</v>
      </c>
      <c r="AN3764" s="98" t="s">
        <v>400</v>
      </c>
      <c r="AO3764" s="98" t="s">
        <v>400</v>
      </c>
      <c r="AP3764" s="98">
        <v>0</v>
      </c>
      <c r="AQ3764" s="98">
        <v>0</v>
      </c>
      <c r="AR3764" s="98" t="s">
        <v>400</v>
      </c>
      <c r="AS3764" s="98" t="s">
        <v>400</v>
      </c>
      <c r="AT3764" s="98" t="s">
        <v>400</v>
      </c>
      <c r="AU3764" s="98" t="s">
        <v>400</v>
      </c>
      <c r="AV3764" s="98" t="s">
        <v>400</v>
      </c>
      <c r="AW3764" s="98" t="s">
        <v>400</v>
      </c>
      <c r="AX3764" s="98"/>
      <c r="AY3764" s="98"/>
      <c r="AZ3764" s="98"/>
      <c r="BA3764" s="98"/>
      <c r="BB3764" s="107">
        <v>45884</v>
      </c>
    </row>
    <row r="3765" spans="1:54" s="8" customFormat="1" ht="13.95" customHeight="1" x14ac:dyDescent="0.25">
      <c r="A3765" s="219" t="s">
        <v>8377</v>
      </c>
      <c r="B3765" s="220" t="s">
        <v>6395</v>
      </c>
      <c r="C3765" s="98" t="s">
        <v>8378</v>
      </c>
      <c r="D3765" s="98" t="s">
        <v>8379</v>
      </c>
      <c r="E3765" s="141">
        <v>1982</v>
      </c>
      <c r="F3765" s="141">
        <v>24945</v>
      </c>
      <c r="G3765" s="98" t="s">
        <v>0</v>
      </c>
      <c r="H3765" s="98">
        <v>1</v>
      </c>
      <c r="I3765" s="98">
        <v>0</v>
      </c>
      <c r="J3765" s="98" t="s">
        <v>400</v>
      </c>
      <c r="K3765" s="98" t="s">
        <v>400</v>
      </c>
      <c r="L3765" s="98" t="s">
        <v>400</v>
      </c>
      <c r="M3765" s="98" t="s">
        <v>400</v>
      </c>
      <c r="N3765" s="98" t="s">
        <v>400</v>
      </c>
      <c r="O3765" s="98" t="s">
        <v>400</v>
      </c>
      <c r="P3765" s="98" t="s">
        <v>400</v>
      </c>
      <c r="Q3765" s="98" t="s">
        <v>400</v>
      </c>
      <c r="R3765" s="98" t="s">
        <v>400</v>
      </c>
      <c r="S3765" s="98" t="s">
        <v>400</v>
      </c>
      <c r="T3765" s="98" t="s">
        <v>400</v>
      </c>
      <c r="U3765" s="98">
        <v>0</v>
      </c>
      <c r="V3765" s="98">
        <v>0</v>
      </c>
      <c r="W3765" s="98" t="s">
        <v>400</v>
      </c>
      <c r="X3765" s="98" t="s">
        <v>400</v>
      </c>
      <c r="Y3765" s="98">
        <v>0</v>
      </c>
      <c r="Z3765" s="98" t="s">
        <v>400</v>
      </c>
      <c r="AA3765" s="98" t="s">
        <v>400</v>
      </c>
      <c r="AB3765" s="98">
        <v>0</v>
      </c>
      <c r="AC3765" s="98">
        <v>0</v>
      </c>
      <c r="AD3765" s="98" t="s">
        <v>400</v>
      </c>
      <c r="AE3765" s="98">
        <v>0</v>
      </c>
      <c r="AF3765" s="98">
        <v>0</v>
      </c>
      <c r="AG3765" s="98">
        <v>0</v>
      </c>
      <c r="AH3765" s="98">
        <v>0</v>
      </c>
      <c r="AI3765" s="98">
        <v>0</v>
      </c>
      <c r="AJ3765" s="98">
        <v>0</v>
      </c>
      <c r="AK3765" s="98">
        <v>0</v>
      </c>
      <c r="AL3765" s="98">
        <v>0</v>
      </c>
      <c r="AM3765" s="98">
        <v>0</v>
      </c>
      <c r="AN3765" s="98" t="s">
        <v>400</v>
      </c>
      <c r="AO3765" s="98" t="s">
        <v>400</v>
      </c>
      <c r="AP3765" s="98">
        <v>0</v>
      </c>
      <c r="AQ3765" s="98">
        <v>0</v>
      </c>
      <c r="AR3765" s="98" t="s">
        <v>400</v>
      </c>
      <c r="AS3765" s="98" t="s">
        <v>400</v>
      </c>
      <c r="AT3765" s="98" t="s">
        <v>400</v>
      </c>
      <c r="AU3765" s="98" t="s">
        <v>400</v>
      </c>
      <c r="AV3765" s="98" t="s">
        <v>400</v>
      </c>
      <c r="AW3765" s="98" t="s">
        <v>400</v>
      </c>
      <c r="AX3765" s="98"/>
      <c r="AY3765" s="98"/>
      <c r="AZ3765" s="98"/>
      <c r="BA3765" s="98"/>
      <c r="BB3765" s="107">
        <v>45884</v>
      </c>
    </row>
    <row r="3766" spans="1:54" s="8" customFormat="1" ht="13.95" customHeight="1" x14ac:dyDescent="0.25">
      <c r="A3766" s="219" t="s">
        <v>8380</v>
      </c>
      <c r="B3766" s="220" t="s">
        <v>6395</v>
      </c>
      <c r="C3766" s="98" t="s">
        <v>8381</v>
      </c>
      <c r="D3766" s="98" t="s">
        <v>8382</v>
      </c>
      <c r="E3766" s="141">
        <v>1996</v>
      </c>
      <c r="F3766" s="141">
        <v>1343</v>
      </c>
      <c r="G3766" s="98" t="s">
        <v>0</v>
      </c>
      <c r="H3766" s="98">
        <v>0</v>
      </c>
      <c r="I3766" s="98">
        <v>0</v>
      </c>
      <c r="J3766" s="98" t="s">
        <v>400</v>
      </c>
      <c r="K3766" s="98" t="s">
        <v>400</v>
      </c>
      <c r="L3766" s="98" t="s">
        <v>400</v>
      </c>
      <c r="M3766" s="98" t="s">
        <v>400</v>
      </c>
      <c r="N3766" s="98" t="s">
        <v>400</v>
      </c>
      <c r="O3766" s="98" t="s">
        <v>400</v>
      </c>
      <c r="P3766" s="98" t="s">
        <v>400</v>
      </c>
      <c r="Q3766" s="98" t="s">
        <v>400</v>
      </c>
      <c r="R3766" s="98" t="s">
        <v>400</v>
      </c>
      <c r="S3766" s="98" t="s">
        <v>400</v>
      </c>
      <c r="T3766" s="98" t="s">
        <v>400</v>
      </c>
      <c r="U3766" s="98">
        <v>0</v>
      </c>
      <c r="V3766" s="98">
        <v>0</v>
      </c>
      <c r="W3766" s="98" t="s">
        <v>400</v>
      </c>
      <c r="X3766" s="98" t="s">
        <v>400</v>
      </c>
      <c r="Y3766" s="98">
        <v>0</v>
      </c>
      <c r="Z3766" s="98" t="s">
        <v>400</v>
      </c>
      <c r="AA3766" s="98" t="s">
        <v>400</v>
      </c>
      <c r="AB3766" s="98">
        <v>0</v>
      </c>
      <c r="AC3766" s="98">
        <v>0</v>
      </c>
      <c r="AD3766" s="98" t="s">
        <v>400</v>
      </c>
      <c r="AE3766" s="98">
        <v>0</v>
      </c>
      <c r="AF3766" s="98">
        <v>0</v>
      </c>
      <c r="AG3766" s="98">
        <v>0</v>
      </c>
      <c r="AH3766" s="98">
        <v>0</v>
      </c>
      <c r="AI3766" s="98">
        <v>0</v>
      </c>
      <c r="AJ3766" s="98">
        <v>0</v>
      </c>
      <c r="AK3766" s="98">
        <v>0</v>
      </c>
      <c r="AL3766" s="98">
        <v>0</v>
      </c>
      <c r="AM3766" s="98">
        <v>0</v>
      </c>
      <c r="AN3766" s="98" t="s">
        <v>400</v>
      </c>
      <c r="AO3766" s="98" t="s">
        <v>400</v>
      </c>
      <c r="AP3766" s="98">
        <v>0</v>
      </c>
      <c r="AQ3766" s="98">
        <v>0</v>
      </c>
      <c r="AR3766" s="98" t="s">
        <v>400</v>
      </c>
      <c r="AS3766" s="98" t="s">
        <v>400</v>
      </c>
      <c r="AT3766" s="98" t="s">
        <v>400</v>
      </c>
      <c r="AU3766" s="98" t="s">
        <v>400</v>
      </c>
      <c r="AV3766" s="98" t="s">
        <v>400</v>
      </c>
      <c r="AW3766" s="98" t="s">
        <v>400</v>
      </c>
      <c r="AX3766" s="98"/>
      <c r="AY3766" s="98"/>
      <c r="AZ3766" s="98"/>
      <c r="BA3766" s="98"/>
      <c r="BB3766" s="107">
        <v>45884</v>
      </c>
    </row>
    <row r="3767" spans="1:54" s="8" customFormat="1" ht="13.95" customHeight="1" x14ac:dyDescent="0.25">
      <c r="A3767" s="219" t="s">
        <v>8383</v>
      </c>
      <c r="B3767" s="220" t="s">
        <v>6395</v>
      </c>
      <c r="C3767" s="98" t="s">
        <v>8384</v>
      </c>
      <c r="D3767" s="98" t="s">
        <v>8385</v>
      </c>
      <c r="E3767" s="141">
        <v>1968</v>
      </c>
      <c r="F3767" s="141">
        <v>29740</v>
      </c>
      <c r="G3767" s="98" t="s">
        <v>0</v>
      </c>
      <c r="H3767" s="98">
        <v>1</v>
      </c>
      <c r="I3767" s="98">
        <v>0</v>
      </c>
      <c r="J3767" s="98" t="s">
        <v>400</v>
      </c>
      <c r="K3767" s="98" t="s">
        <v>400</v>
      </c>
      <c r="L3767" s="98" t="s">
        <v>400</v>
      </c>
      <c r="M3767" s="98" t="s">
        <v>400</v>
      </c>
      <c r="N3767" s="98" t="s">
        <v>400</v>
      </c>
      <c r="O3767" s="98" t="s">
        <v>400</v>
      </c>
      <c r="P3767" s="98" t="s">
        <v>400</v>
      </c>
      <c r="Q3767" s="98" t="s">
        <v>400</v>
      </c>
      <c r="R3767" s="98" t="s">
        <v>400</v>
      </c>
      <c r="S3767" s="98" t="s">
        <v>400</v>
      </c>
      <c r="T3767" s="98" t="s">
        <v>400</v>
      </c>
      <c r="U3767" s="98">
        <v>0</v>
      </c>
      <c r="V3767" s="98">
        <v>0</v>
      </c>
      <c r="W3767" s="98" t="s">
        <v>400</v>
      </c>
      <c r="X3767" s="98" t="s">
        <v>400</v>
      </c>
      <c r="Y3767" s="98">
        <v>0</v>
      </c>
      <c r="Z3767" s="98" t="s">
        <v>400</v>
      </c>
      <c r="AA3767" s="98" t="s">
        <v>400</v>
      </c>
      <c r="AB3767" s="98">
        <v>0</v>
      </c>
      <c r="AC3767" s="98">
        <v>0</v>
      </c>
      <c r="AD3767" s="98" t="s">
        <v>400</v>
      </c>
      <c r="AE3767" s="98">
        <v>0</v>
      </c>
      <c r="AF3767" s="98">
        <v>0</v>
      </c>
      <c r="AG3767" s="98">
        <v>0</v>
      </c>
      <c r="AH3767" s="98">
        <v>0</v>
      </c>
      <c r="AI3767" s="98">
        <v>0</v>
      </c>
      <c r="AJ3767" s="98">
        <v>0</v>
      </c>
      <c r="AK3767" s="98">
        <v>0</v>
      </c>
      <c r="AL3767" s="98">
        <v>0</v>
      </c>
      <c r="AM3767" s="98">
        <v>0</v>
      </c>
      <c r="AN3767" s="98" t="s">
        <v>400</v>
      </c>
      <c r="AO3767" s="98" t="s">
        <v>400</v>
      </c>
      <c r="AP3767" s="98">
        <v>0</v>
      </c>
      <c r="AQ3767" s="98">
        <v>0</v>
      </c>
      <c r="AR3767" s="98" t="s">
        <v>400</v>
      </c>
      <c r="AS3767" s="98" t="s">
        <v>400</v>
      </c>
      <c r="AT3767" s="98" t="s">
        <v>400</v>
      </c>
      <c r="AU3767" s="98" t="s">
        <v>400</v>
      </c>
      <c r="AV3767" s="98" t="s">
        <v>400</v>
      </c>
      <c r="AW3767" s="98" t="s">
        <v>400</v>
      </c>
      <c r="AX3767" s="98"/>
      <c r="AY3767" s="98"/>
      <c r="AZ3767" s="98"/>
      <c r="BA3767" s="98"/>
      <c r="BB3767" s="107">
        <v>45884</v>
      </c>
    </row>
    <row r="3768" spans="1:54" s="8" customFormat="1" ht="13.95" customHeight="1" x14ac:dyDescent="0.25">
      <c r="A3768" s="219" t="s">
        <v>8386</v>
      </c>
      <c r="B3768" s="220" t="s">
        <v>6395</v>
      </c>
      <c r="C3768" s="98" t="s">
        <v>8387</v>
      </c>
      <c r="D3768" s="98" t="s">
        <v>8388</v>
      </c>
      <c r="E3768" s="141">
        <v>1968</v>
      </c>
      <c r="F3768" s="141">
        <v>12079</v>
      </c>
      <c r="G3768" s="98" t="s">
        <v>0</v>
      </c>
      <c r="H3768" s="98">
        <v>1</v>
      </c>
      <c r="I3768" s="98">
        <v>0</v>
      </c>
      <c r="J3768" s="98" t="s">
        <v>400</v>
      </c>
      <c r="K3768" s="98" t="s">
        <v>400</v>
      </c>
      <c r="L3768" s="98" t="s">
        <v>400</v>
      </c>
      <c r="M3768" s="98" t="s">
        <v>400</v>
      </c>
      <c r="N3768" s="98" t="s">
        <v>400</v>
      </c>
      <c r="O3768" s="98" t="s">
        <v>400</v>
      </c>
      <c r="P3768" s="98" t="s">
        <v>400</v>
      </c>
      <c r="Q3768" s="98" t="s">
        <v>400</v>
      </c>
      <c r="R3768" s="98" t="s">
        <v>400</v>
      </c>
      <c r="S3768" s="98" t="s">
        <v>400</v>
      </c>
      <c r="T3768" s="98" t="s">
        <v>400</v>
      </c>
      <c r="U3768" s="98">
        <v>0</v>
      </c>
      <c r="V3768" s="98">
        <v>0</v>
      </c>
      <c r="W3768" s="98" t="s">
        <v>400</v>
      </c>
      <c r="X3768" s="98" t="s">
        <v>400</v>
      </c>
      <c r="Y3768" s="98">
        <v>0</v>
      </c>
      <c r="Z3768" s="98" t="s">
        <v>400</v>
      </c>
      <c r="AA3768" s="98" t="s">
        <v>400</v>
      </c>
      <c r="AB3768" s="98">
        <v>0</v>
      </c>
      <c r="AC3768" s="98">
        <v>0</v>
      </c>
      <c r="AD3768" s="98" t="s">
        <v>400</v>
      </c>
      <c r="AE3768" s="98">
        <v>0</v>
      </c>
      <c r="AF3768" s="98">
        <v>0</v>
      </c>
      <c r="AG3768" s="98">
        <v>0</v>
      </c>
      <c r="AH3768" s="98">
        <v>0</v>
      </c>
      <c r="AI3768" s="98">
        <v>0</v>
      </c>
      <c r="AJ3768" s="98">
        <v>0</v>
      </c>
      <c r="AK3768" s="98">
        <v>0</v>
      </c>
      <c r="AL3768" s="98">
        <v>0</v>
      </c>
      <c r="AM3768" s="98">
        <v>0</v>
      </c>
      <c r="AN3768" s="98" t="s">
        <v>400</v>
      </c>
      <c r="AO3768" s="98" t="s">
        <v>400</v>
      </c>
      <c r="AP3768" s="98">
        <v>0</v>
      </c>
      <c r="AQ3768" s="98">
        <v>0</v>
      </c>
      <c r="AR3768" s="98" t="s">
        <v>400</v>
      </c>
      <c r="AS3768" s="98" t="s">
        <v>400</v>
      </c>
      <c r="AT3768" s="98" t="s">
        <v>400</v>
      </c>
      <c r="AU3768" s="98" t="s">
        <v>400</v>
      </c>
      <c r="AV3768" s="98" t="s">
        <v>400</v>
      </c>
      <c r="AW3768" s="98" t="s">
        <v>400</v>
      </c>
      <c r="AX3768" s="98"/>
      <c r="AY3768" s="98"/>
      <c r="AZ3768" s="98"/>
      <c r="BA3768" s="98"/>
      <c r="BB3768" s="107">
        <v>45884</v>
      </c>
    </row>
    <row r="3769" spans="1:54" s="8" customFormat="1" ht="13.95" customHeight="1" x14ac:dyDescent="0.25">
      <c r="A3769" s="219" t="s">
        <v>8389</v>
      </c>
      <c r="B3769" s="220" t="s">
        <v>6395</v>
      </c>
      <c r="C3769" s="98" t="s">
        <v>8390</v>
      </c>
      <c r="D3769" s="98" t="s">
        <v>8391</v>
      </c>
      <c r="E3769" s="141">
        <v>1977</v>
      </c>
      <c r="F3769" s="141">
        <v>5914</v>
      </c>
      <c r="G3769" s="98" t="s">
        <v>0</v>
      </c>
      <c r="H3769" s="98">
        <v>0</v>
      </c>
      <c r="I3769" s="98">
        <v>0</v>
      </c>
      <c r="J3769" s="98" t="s">
        <v>400</v>
      </c>
      <c r="K3769" s="98" t="s">
        <v>400</v>
      </c>
      <c r="L3769" s="98" t="s">
        <v>400</v>
      </c>
      <c r="M3769" s="98" t="s">
        <v>400</v>
      </c>
      <c r="N3769" s="98" t="s">
        <v>400</v>
      </c>
      <c r="O3769" s="98" t="s">
        <v>400</v>
      </c>
      <c r="P3769" s="98" t="s">
        <v>400</v>
      </c>
      <c r="Q3769" s="98" t="s">
        <v>400</v>
      </c>
      <c r="R3769" s="98" t="s">
        <v>400</v>
      </c>
      <c r="S3769" s="98" t="s">
        <v>400</v>
      </c>
      <c r="T3769" s="98" t="s">
        <v>400</v>
      </c>
      <c r="U3769" s="98">
        <v>0</v>
      </c>
      <c r="V3769" s="98">
        <v>0</v>
      </c>
      <c r="W3769" s="98" t="s">
        <v>400</v>
      </c>
      <c r="X3769" s="98" t="s">
        <v>400</v>
      </c>
      <c r="Y3769" s="98">
        <v>0</v>
      </c>
      <c r="Z3769" s="98" t="s">
        <v>400</v>
      </c>
      <c r="AA3769" s="98" t="s">
        <v>400</v>
      </c>
      <c r="AB3769" s="98">
        <v>0</v>
      </c>
      <c r="AC3769" s="98">
        <v>0</v>
      </c>
      <c r="AD3769" s="98" t="s">
        <v>400</v>
      </c>
      <c r="AE3769" s="98">
        <v>0</v>
      </c>
      <c r="AF3769" s="98">
        <v>0</v>
      </c>
      <c r="AG3769" s="98">
        <v>0</v>
      </c>
      <c r="AH3769" s="98">
        <v>0</v>
      </c>
      <c r="AI3769" s="98">
        <v>0</v>
      </c>
      <c r="AJ3769" s="98">
        <v>0</v>
      </c>
      <c r="AK3769" s="98">
        <v>0</v>
      </c>
      <c r="AL3769" s="98">
        <v>0</v>
      </c>
      <c r="AM3769" s="98">
        <v>0</v>
      </c>
      <c r="AN3769" s="98" t="s">
        <v>400</v>
      </c>
      <c r="AO3769" s="98" t="s">
        <v>400</v>
      </c>
      <c r="AP3769" s="98">
        <v>0</v>
      </c>
      <c r="AQ3769" s="98">
        <v>0</v>
      </c>
      <c r="AR3769" s="98" t="s">
        <v>400</v>
      </c>
      <c r="AS3769" s="98" t="s">
        <v>400</v>
      </c>
      <c r="AT3769" s="98" t="s">
        <v>400</v>
      </c>
      <c r="AU3769" s="98" t="s">
        <v>400</v>
      </c>
      <c r="AV3769" s="98" t="s">
        <v>400</v>
      </c>
      <c r="AW3769" s="98" t="s">
        <v>400</v>
      </c>
      <c r="AX3769" s="98"/>
      <c r="AY3769" s="98"/>
      <c r="AZ3769" s="98"/>
      <c r="BA3769" s="98"/>
      <c r="BB3769" s="107">
        <v>45884</v>
      </c>
    </row>
    <row r="3770" spans="1:54" s="8" customFormat="1" ht="13.95" customHeight="1" x14ac:dyDescent="0.25">
      <c r="A3770" s="219" t="s">
        <v>8392</v>
      </c>
      <c r="B3770" s="220" t="s">
        <v>6395</v>
      </c>
      <c r="C3770" s="98" t="s">
        <v>8393</v>
      </c>
      <c r="D3770" s="98" t="s">
        <v>8394</v>
      </c>
      <c r="E3770" s="141">
        <v>1974</v>
      </c>
      <c r="F3770" s="141">
        <v>24680</v>
      </c>
      <c r="G3770" s="98" t="s">
        <v>0</v>
      </c>
      <c r="H3770" s="98">
        <v>1</v>
      </c>
      <c r="I3770" s="98">
        <v>0</v>
      </c>
      <c r="J3770" s="98" t="s">
        <v>400</v>
      </c>
      <c r="K3770" s="98" t="s">
        <v>400</v>
      </c>
      <c r="L3770" s="98" t="s">
        <v>400</v>
      </c>
      <c r="M3770" s="98" t="s">
        <v>400</v>
      </c>
      <c r="N3770" s="98" t="s">
        <v>400</v>
      </c>
      <c r="O3770" s="98" t="s">
        <v>400</v>
      </c>
      <c r="P3770" s="98" t="s">
        <v>400</v>
      </c>
      <c r="Q3770" s="98" t="s">
        <v>400</v>
      </c>
      <c r="R3770" s="98" t="s">
        <v>400</v>
      </c>
      <c r="S3770" s="98" t="s">
        <v>400</v>
      </c>
      <c r="T3770" s="98" t="s">
        <v>400</v>
      </c>
      <c r="U3770" s="98">
        <v>0</v>
      </c>
      <c r="V3770" s="98">
        <v>0</v>
      </c>
      <c r="W3770" s="98" t="s">
        <v>400</v>
      </c>
      <c r="X3770" s="98" t="s">
        <v>400</v>
      </c>
      <c r="Y3770" s="98">
        <v>0</v>
      </c>
      <c r="Z3770" s="98" t="s">
        <v>400</v>
      </c>
      <c r="AA3770" s="98" t="s">
        <v>400</v>
      </c>
      <c r="AB3770" s="98">
        <v>0</v>
      </c>
      <c r="AC3770" s="98">
        <v>0</v>
      </c>
      <c r="AD3770" s="98" t="s">
        <v>400</v>
      </c>
      <c r="AE3770" s="98">
        <v>0</v>
      </c>
      <c r="AF3770" s="98">
        <v>0</v>
      </c>
      <c r="AG3770" s="98">
        <v>0</v>
      </c>
      <c r="AH3770" s="98">
        <v>0</v>
      </c>
      <c r="AI3770" s="98">
        <v>0</v>
      </c>
      <c r="AJ3770" s="98">
        <v>0</v>
      </c>
      <c r="AK3770" s="98">
        <v>0</v>
      </c>
      <c r="AL3770" s="98">
        <v>0</v>
      </c>
      <c r="AM3770" s="98">
        <v>0</v>
      </c>
      <c r="AN3770" s="98" t="s">
        <v>400</v>
      </c>
      <c r="AO3770" s="98" t="s">
        <v>400</v>
      </c>
      <c r="AP3770" s="98">
        <v>0</v>
      </c>
      <c r="AQ3770" s="98">
        <v>0</v>
      </c>
      <c r="AR3770" s="98" t="s">
        <v>400</v>
      </c>
      <c r="AS3770" s="98" t="s">
        <v>400</v>
      </c>
      <c r="AT3770" s="98" t="s">
        <v>400</v>
      </c>
      <c r="AU3770" s="98" t="s">
        <v>400</v>
      </c>
      <c r="AV3770" s="98" t="s">
        <v>400</v>
      </c>
      <c r="AW3770" s="98" t="s">
        <v>400</v>
      </c>
      <c r="AX3770" s="98"/>
      <c r="AY3770" s="98"/>
      <c r="AZ3770" s="98"/>
      <c r="BA3770" s="98"/>
      <c r="BB3770" s="107">
        <v>45884</v>
      </c>
    </row>
    <row r="3771" spans="1:54" s="8" customFormat="1" ht="13.95" customHeight="1" x14ac:dyDescent="0.25">
      <c r="A3771" s="219" t="s">
        <v>8395</v>
      </c>
      <c r="B3771" s="220" t="s">
        <v>6395</v>
      </c>
      <c r="C3771" s="98" t="s">
        <v>8396</v>
      </c>
      <c r="D3771" s="98" t="s">
        <v>8397</v>
      </c>
      <c r="E3771" s="141">
        <v>1970</v>
      </c>
      <c r="F3771" s="141">
        <v>95542</v>
      </c>
      <c r="G3771" s="98" t="s">
        <v>0</v>
      </c>
      <c r="H3771" s="98">
        <v>1</v>
      </c>
      <c r="I3771" s="98">
        <v>0</v>
      </c>
      <c r="J3771" s="98" t="s">
        <v>400</v>
      </c>
      <c r="K3771" s="98" t="s">
        <v>400</v>
      </c>
      <c r="L3771" s="98" t="s">
        <v>400</v>
      </c>
      <c r="M3771" s="98" t="s">
        <v>400</v>
      </c>
      <c r="N3771" s="98" t="s">
        <v>400</v>
      </c>
      <c r="O3771" s="98" t="s">
        <v>400</v>
      </c>
      <c r="P3771" s="98" t="s">
        <v>400</v>
      </c>
      <c r="Q3771" s="98" t="s">
        <v>400</v>
      </c>
      <c r="R3771" s="98" t="s">
        <v>400</v>
      </c>
      <c r="S3771" s="98" t="s">
        <v>400</v>
      </c>
      <c r="T3771" s="98" t="s">
        <v>400</v>
      </c>
      <c r="U3771" s="98">
        <v>0</v>
      </c>
      <c r="V3771" s="98">
        <v>0</v>
      </c>
      <c r="W3771" s="98" t="s">
        <v>400</v>
      </c>
      <c r="X3771" s="98" t="s">
        <v>400</v>
      </c>
      <c r="Y3771" s="98">
        <v>0</v>
      </c>
      <c r="Z3771" s="98" t="s">
        <v>400</v>
      </c>
      <c r="AA3771" s="98" t="s">
        <v>400</v>
      </c>
      <c r="AB3771" s="98">
        <v>0</v>
      </c>
      <c r="AC3771" s="98">
        <v>0</v>
      </c>
      <c r="AD3771" s="98" t="s">
        <v>400</v>
      </c>
      <c r="AE3771" s="98">
        <v>0</v>
      </c>
      <c r="AF3771" s="98">
        <v>0</v>
      </c>
      <c r="AG3771" s="98">
        <v>0</v>
      </c>
      <c r="AH3771" s="98">
        <v>0</v>
      </c>
      <c r="AI3771" s="98">
        <v>0</v>
      </c>
      <c r="AJ3771" s="98">
        <v>0</v>
      </c>
      <c r="AK3771" s="98">
        <v>0</v>
      </c>
      <c r="AL3771" s="98">
        <v>0</v>
      </c>
      <c r="AM3771" s="98">
        <v>0</v>
      </c>
      <c r="AN3771" s="98" t="s">
        <v>400</v>
      </c>
      <c r="AO3771" s="98" t="s">
        <v>400</v>
      </c>
      <c r="AP3771" s="98">
        <v>0</v>
      </c>
      <c r="AQ3771" s="98">
        <v>0</v>
      </c>
      <c r="AR3771" s="98" t="s">
        <v>400</v>
      </c>
      <c r="AS3771" s="98" t="s">
        <v>400</v>
      </c>
      <c r="AT3771" s="98" t="s">
        <v>400</v>
      </c>
      <c r="AU3771" s="98" t="s">
        <v>400</v>
      </c>
      <c r="AV3771" s="98" t="s">
        <v>400</v>
      </c>
      <c r="AW3771" s="98" t="s">
        <v>400</v>
      </c>
      <c r="AX3771" s="98"/>
      <c r="AY3771" s="98"/>
      <c r="AZ3771" s="98"/>
      <c r="BA3771" s="98"/>
      <c r="BB3771" s="107">
        <v>45884</v>
      </c>
    </row>
    <row r="3772" spans="1:54" s="8" customFormat="1" ht="13.95" customHeight="1" x14ac:dyDescent="0.25">
      <c r="A3772" s="219" t="s">
        <v>8398</v>
      </c>
      <c r="B3772" s="220" t="s">
        <v>6395</v>
      </c>
      <c r="C3772" s="98" t="s">
        <v>8399</v>
      </c>
      <c r="D3772" s="98" t="s">
        <v>8400</v>
      </c>
      <c r="E3772" s="141">
        <v>1975</v>
      </c>
      <c r="F3772" s="141">
        <v>20587</v>
      </c>
      <c r="G3772" s="98" t="s">
        <v>0</v>
      </c>
      <c r="H3772" s="98">
        <v>1</v>
      </c>
      <c r="I3772" s="98">
        <v>0</v>
      </c>
      <c r="J3772" s="98" t="s">
        <v>400</v>
      </c>
      <c r="K3772" s="98" t="s">
        <v>400</v>
      </c>
      <c r="L3772" s="98" t="s">
        <v>400</v>
      </c>
      <c r="M3772" s="98" t="s">
        <v>400</v>
      </c>
      <c r="N3772" s="98" t="s">
        <v>400</v>
      </c>
      <c r="O3772" s="98" t="s">
        <v>400</v>
      </c>
      <c r="P3772" s="98" t="s">
        <v>400</v>
      </c>
      <c r="Q3772" s="98" t="s">
        <v>400</v>
      </c>
      <c r="R3772" s="98" t="s">
        <v>400</v>
      </c>
      <c r="S3772" s="98" t="s">
        <v>400</v>
      </c>
      <c r="T3772" s="98" t="s">
        <v>400</v>
      </c>
      <c r="U3772" s="98">
        <v>0</v>
      </c>
      <c r="V3772" s="98">
        <v>0</v>
      </c>
      <c r="W3772" s="98" t="s">
        <v>400</v>
      </c>
      <c r="X3772" s="98" t="s">
        <v>400</v>
      </c>
      <c r="Y3772" s="98">
        <v>0</v>
      </c>
      <c r="Z3772" s="98" t="s">
        <v>400</v>
      </c>
      <c r="AA3772" s="98" t="s">
        <v>400</v>
      </c>
      <c r="AB3772" s="98">
        <v>0</v>
      </c>
      <c r="AC3772" s="98">
        <v>0</v>
      </c>
      <c r="AD3772" s="98" t="s">
        <v>400</v>
      </c>
      <c r="AE3772" s="98">
        <v>0</v>
      </c>
      <c r="AF3772" s="98">
        <v>0</v>
      </c>
      <c r="AG3772" s="98">
        <v>0</v>
      </c>
      <c r="AH3772" s="98">
        <v>0</v>
      </c>
      <c r="AI3772" s="98">
        <v>0</v>
      </c>
      <c r="AJ3772" s="98">
        <v>0</v>
      </c>
      <c r="AK3772" s="98">
        <v>0</v>
      </c>
      <c r="AL3772" s="98">
        <v>0</v>
      </c>
      <c r="AM3772" s="98">
        <v>0</v>
      </c>
      <c r="AN3772" s="98" t="s">
        <v>400</v>
      </c>
      <c r="AO3772" s="98" t="s">
        <v>400</v>
      </c>
      <c r="AP3772" s="98">
        <v>0</v>
      </c>
      <c r="AQ3772" s="98">
        <v>0</v>
      </c>
      <c r="AR3772" s="98" t="s">
        <v>400</v>
      </c>
      <c r="AS3772" s="98" t="s">
        <v>400</v>
      </c>
      <c r="AT3772" s="98" t="s">
        <v>400</v>
      </c>
      <c r="AU3772" s="98" t="s">
        <v>400</v>
      </c>
      <c r="AV3772" s="98" t="s">
        <v>400</v>
      </c>
      <c r="AW3772" s="98" t="s">
        <v>400</v>
      </c>
      <c r="AX3772" s="98"/>
      <c r="AY3772" s="98"/>
      <c r="AZ3772" s="98"/>
      <c r="BA3772" s="98"/>
      <c r="BB3772" s="107">
        <v>45884</v>
      </c>
    </row>
    <row r="3773" spans="1:54" s="8" customFormat="1" ht="13.95" customHeight="1" x14ac:dyDescent="0.25">
      <c r="A3773" s="219" t="s">
        <v>8401</v>
      </c>
      <c r="B3773" s="220" t="s">
        <v>6395</v>
      </c>
      <c r="C3773" s="98" t="s">
        <v>8402</v>
      </c>
      <c r="D3773" s="98" t="s">
        <v>8397</v>
      </c>
      <c r="E3773" s="141">
        <v>1996</v>
      </c>
      <c r="F3773" s="141">
        <v>10302</v>
      </c>
      <c r="G3773" s="98" t="s">
        <v>0</v>
      </c>
      <c r="H3773" s="98">
        <v>1</v>
      </c>
      <c r="I3773" s="98">
        <v>0</v>
      </c>
      <c r="J3773" s="98" t="s">
        <v>400</v>
      </c>
      <c r="K3773" s="98" t="s">
        <v>400</v>
      </c>
      <c r="L3773" s="98" t="s">
        <v>400</v>
      </c>
      <c r="M3773" s="98" t="s">
        <v>400</v>
      </c>
      <c r="N3773" s="98" t="s">
        <v>400</v>
      </c>
      <c r="O3773" s="98" t="s">
        <v>400</v>
      </c>
      <c r="P3773" s="98" t="s">
        <v>400</v>
      </c>
      <c r="Q3773" s="98" t="s">
        <v>400</v>
      </c>
      <c r="R3773" s="98" t="s">
        <v>400</v>
      </c>
      <c r="S3773" s="98" t="s">
        <v>400</v>
      </c>
      <c r="T3773" s="98" t="s">
        <v>400</v>
      </c>
      <c r="U3773" s="98">
        <v>0</v>
      </c>
      <c r="V3773" s="98">
        <v>0</v>
      </c>
      <c r="W3773" s="98" t="s">
        <v>400</v>
      </c>
      <c r="X3773" s="98" t="s">
        <v>400</v>
      </c>
      <c r="Y3773" s="98">
        <v>0</v>
      </c>
      <c r="Z3773" s="98" t="s">
        <v>400</v>
      </c>
      <c r="AA3773" s="98" t="s">
        <v>400</v>
      </c>
      <c r="AB3773" s="98">
        <v>0</v>
      </c>
      <c r="AC3773" s="98">
        <v>0</v>
      </c>
      <c r="AD3773" s="98" t="s">
        <v>400</v>
      </c>
      <c r="AE3773" s="98">
        <v>0</v>
      </c>
      <c r="AF3773" s="98">
        <v>0</v>
      </c>
      <c r="AG3773" s="98">
        <v>0</v>
      </c>
      <c r="AH3773" s="98">
        <v>0</v>
      </c>
      <c r="AI3773" s="98">
        <v>0</v>
      </c>
      <c r="AJ3773" s="98">
        <v>0</v>
      </c>
      <c r="AK3773" s="98">
        <v>0</v>
      </c>
      <c r="AL3773" s="98">
        <v>0</v>
      </c>
      <c r="AM3773" s="98">
        <v>0</v>
      </c>
      <c r="AN3773" s="98" t="s">
        <v>400</v>
      </c>
      <c r="AO3773" s="98" t="s">
        <v>400</v>
      </c>
      <c r="AP3773" s="98">
        <v>0</v>
      </c>
      <c r="AQ3773" s="98">
        <v>0</v>
      </c>
      <c r="AR3773" s="98" t="s">
        <v>400</v>
      </c>
      <c r="AS3773" s="98" t="s">
        <v>400</v>
      </c>
      <c r="AT3773" s="98" t="s">
        <v>400</v>
      </c>
      <c r="AU3773" s="98" t="s">
        <v>400</v>
      </c>
      <c r="AV3773" s="98" t="s">
        <v>400</v>
      </c>
      <c r="AW3773" s="98" t="s">
        <v>400</v>
      </c>
      <c r="AX3773" s="98"/>
      <c r="AY3773" s="98"/>
      <c r="AZ3773" s="98"/>
      <c r="BA3773" s="98"/>
      <c r="BB3773" s="107">
        <v>45884</v>
      </c>
    </row>
    <row r="3774" spans="1:54" s="8" customFormat="1" ht="13.95" customHeight="1" x14ac:dyDescent="0.25">
      <c r="A3774" s="219" t="s">
        <v>8403</v>
      </c>
      <c r="B3774" s="220" t="s">
        <v>6395</v>
      </c>
      <c r="C3774" s="98" t="s">
        <v>8404</v>
      </c>
      <c r="D3774" s="98" t="s">
        <v>8400</v>
      </c>
      <c r="E3774" s="141">
        <v>1977</v>
      </c>
      <c r="F3774" s="141">
        <v>5389</v>
      </c>
      <c r="G3774" s="98" t="s">
        <v>0</v>
      </c>
      <c r="H3774" s="98">
        <v>1</v>
      </c>
      <c r="I3774" s="98">
        <v>0</v>
      </c>
      <c r="J3774" s="98" t="s">
        <v>400</v>
      </c>
      <c r="K3774" s="98" t="s">
        <v>400</v>
      </c>
      <c r="L3774" s="98" t="s">
        <v>400</v>
      </c>
      <c r="M3774" s="98" t="s">
        <v>400</v>
      </c>
      <c r="N3774" s="98" t="s">
        <v>400</v>
      </c>
      <c r="O3774" s="98" t="s">
        <v>400</v>
      </c>
      <c r="P3774" s="98" t="s">
        <v>400</v>
      </c>
      <c r="Q3774" s="98" t="s">
        <v>400</v>
      </c>
      <c r="R3774" s="98" t="s">
        <v>400</v>
      </c>
      <c r="S3774" s="98" t="s">
        <v>400</v>
      </c>
      <c r="T3774" s="98" t="s">
        <v>400</v>
      </c>
      <c r="U3774" s="98">
        <v>0</v>
      </c>
      <c r="V3774" s="98">
        <v>0</v>
      </c>
      <c r="W3774" s="98" t="s">
        <v>400</v>
      </c>
      <c r="X3774" s="98" t="s">
        <v>400</v>
      </c>
      <c r="Y3774" s="98">
        <v>0</v>
      </c>
      <c r="Z3774" s="98" t="s">
        <v>400</v>
      </c>
      <c r="AA3774" s="98" t="s">
        <v>400</v>
      </c>
      <c r="AB3774" s="98">
        <v>0</v>
      </c>
      <c r="AC3774" s="98">
        <v>0</v>
      </c>
      <c r="AD3774" s="98" t="s">
        <v>400</v>
      </c>
      <c r="AE3774" s="98">
        <v>0</v>
      </c>
      <c r="AF3774" s="98">
        <v>0</v>
      </c>
      <c r="AG3774" s="98">
        <v>0</v>
      </c>
      <c r="AH3774" s="98">
        <v>0</v>
      </c>
      <c r="AI3774" s="98">
        <v>0</v>
      </c>
      <c r="AJ3774" s="98">
        <v>0</v>
      </c>
      <c r="AK3774" s="98">
        <v>0</v>
      </c>
      <c r="AL3774" s="98">
        <v>0</v>
      </c>
      <c r="AM3774" s="98">
        <v>0</v>
      </c>
      <c r="AN3774" s="98" t="s">
        <v>400</v>
      </c>
      <c r="AO3774" s="98" t="s">
        <v>400</v>
      </c>
      <c r="AP3774" s="98">
        <v>0</v>
      </c>
      <c r="AQ3774" s="98">
        <v>0</v>
      </c>
      <c r="AR3774" s="98" t="s">
        <v>400</v>
      </c>
      <c r="AS3774" s="98" t="s">
        <v>400</v>
      </c>
      <c r="AT3774" s="98" t="s">
        <v>400</v>
      </c>
      <c r="AU3774" s="98" t="s">
        <v>400</v>
      </c>
      <c r="AV3774" s="98" t="s">
        <v>400</v>
      </c>
      <c r="AW3774" s="98" t="s">
        <v>400</v>
      </c>
      <c r="AX3774" s="98"/>
      <c r="AY3774" s="98"/>
      <c r="AZ3774" s="98"/>
      <c r="BA3774" s="98"/>
      <c r="BB3774" s="107">
        <v>45884</v>
      </c>
    </row>
    <row r="3775" spans="1:54" s="8" customFormat="1" ht="13.95" customHeight="1" x14ac:dyDescent="0.25">
      <c r="A3775" s="219" t="s">
        <v>8405</v>
      </c>
      <c r="B3775" s="220" t="s">
        <v>6395</v>
      </c>
      <c r="C3775" s="98" t="s">
        <v>8406</v>
      </c>
      <c r="D3775" s="98" t="s">
        <v>8407</v>
      </c>
      <c r="E3775" s="141">
        <v>1971</v>
      </c>
      <c r="F3775" s="141">
        <v>22449</v>
      </c>
      <c r="G3775" s="98" t="s">
        <v>0</v>
      </c>
      <c r="H3775" s="98">
        <v>1</v>
      </c>
      <c r="I3775" s="98">
        <v>0</v>
      </c>
      <c r="J3775" s="98">
        <v>1</v>
      </c>
      <c r="K3775" s="98" t="s">
        <v>400</v>
      </c>
      <c r="L3775" s="98" t="s">
        <v>400</v>
      </c>
      <c r="M3775" s="98" t="s">
        <v>400</v>
      </c>
      <c r="N3775" s="98" t="s">
        <v>400</v>
      </c>
      <c r="O3775" s="98" t="s">
        <v>400</v>
      </c>
      <c r="P3775" s="98" t="s">
        <v>400</v>
      </c>
      <c r="Q3775" s="98" t="s">
        <v>400</v>
      </c>
      <c r="R3775" s="98" t="s">
        <v>400</v>
      </c>
      <c r="S3775" s="98" t="s">
        <v>400</v>
      </c>
      <c r="T3775" s="98" t="s">
        <v>400</v>
      </c>
      <c r="U3775" s="98">
        <v>0</v>
      </c>
      <c r="V3775" s="98">
        <v>0</v>
      </c>
      <c r="W3775" s="98" t="s">
        <v>400</v>
      </c>
      <c r="X3775" s="98" t="s">
        <v>400</v>
      </c>
      <c r="Y3775" s="98">
        <v>0</v>
      </c>
      <c r="Z3775" s="98" t="s">
        <v>400</v>
      </c>
      <c r="AA3775" s="98" t="s">
        <v>400</v>
      </c>
      <c r="AB3775" s="98">
        <v>0</v>
      </c>
      <c r="AC3775" s="98">
        <v>0</v>
      </c>
      <c r="AD3775" s="98" t="s">
        <v>400</v>
      </c>
      <c r="AE3775" s="98">
        <v>0</v>
      </c>
      <c r="AF3775" s="98">
        <v>0</v>
      </c>
      <c r="AG3775" s="98">
        <v>0</v>
      </c>
      <c r="AH3775" s="98">
        <v>0</v>
      </c>
      <c r="AI3775" s="98">
        <v>0</v>
      </c>
      <c r="AJ3775" s="98">
        <v>0</v>
      </c>
      <c r="AK3775" s="98">
        <v>0</v>
      </c>
      <c r="AL3775" s="98">
        <v>0</v>
      </c>
      <c r="AM3775" s="98">
        <v>0</v>
      </c>
      <c r="AN3775" s="98" t="s">
        <v>400</v>
      </c>
      <c r="AO3775" s="98" t="s">
        <v>400</v>
      </c>
      <c r="AP3775" s="98">
        <v>0</v>
      </c>
      <c r="AQ3775" s="98">
        <v>0</v>
      </c>
      <c r="AR3775" s="98" t="s">
        <v>400</v>
      </c>
      <c r="AS3775" s="98" t="s">
        <v>400</v>
      </c>
      <c r="AT3775" s="98" t="s">
        <v>400</v>
      </c>
      <c r="AU3775" s="98" t="s">
        <v>400</v>
      </c>
      <c r="AV3775" s="98" t="s">
        <v>400</v>
      </c>
      <c r="AW3775" s="98" t="s">
        <v>400</v>
      </c>
      <c r="AX3775" s="98"/>
      <c r="AY3775" s="98"/>
      <c r="AZ3775" s="98"/>
      <c r="BA3775" s="98"/>
      <c r="BB3775" s="107">
        <v>45884</v>
      </c>
    </row>
    <row r="3776" spans="1:54" s="8" customFormat="1" ht="13.95" customHeight="1" x14ac:dyDescent="0.25">
      <c r="A3776" s="97" t="s">
        <v>8408</v>
      </c>
      <c r="B3776" s="220" t="s">
        <v>6395</v>
      </c>
      <c r="C3776" s="98" t="s">
        <v>8409</v>
      </c>
      <c r="D3776" s="98" t="s">
        <v>8410</v>
      </c>
      <c r="E3776" s="141">
        <v>1968</v>
      </c>
      <c r="F3776" s="222">
        <v>67953</v>
      </c>
      <c r="G3776" s="98" t="s">
        <v>0</v>
      </c>
      <c r="H3776" s="98">
        <v>1</v>
      </c>
      <c r="I3776" s="98">
        <v>0</v>
      </c>
      <c r="J3776" s="98">
        <v>1</v>
      </c>
      <c r="K3776" s="98" t="s">
        <v>400</v>
      </c>
      <c r="L3776" s="98" t="s">
        <v>400</v>
      </c>
      <c r="M3776" s="98" t="s">
        <v>400</v>
      </c>
      <c r="N3776" s="98" t="s">
        <v>400</v>
      </c>
      <c r="O3776" s="98" t="s">
        <v>400</v>
      </c>
      <c r="P3776" s="98" t="s">
        <v>400</v>
      </c>
      <c r="Q3776" s="98" t="s">
        <v>400</v>
      </c>
      <c r="R3776" s="98" t="s">
        <v>400</v>
      </c>
      <c r="S3776" s="98" t="s">
        <v>400</v>
      </c>
      <c r="T3776" s="98" t="s">
        <v>400</v>
      </c>
      <c r="U3776" s="98">
        <v>0</v>
      </c>
      <c r="V3776" s="98">
        <v>0</v>
      </c>
      <c r="W3776" s="98" t="s">
        <v>400</v>
      </c>
      <c r="X3776" s="98" t="s">
        <v>400</v>
      </c>
      <c r="Y3776" s="98">
        <v>0</v>
      </c>
      <c r="Z3776" s="98" t="s">
        <v>400</v>
      </c>
      <c r="AA3776" s="98" t="s">
        <v>400</v>
      </c>
      <c r="AB3776" s="98">
        <v>0</v>
      </c>
      <c r="AC3776" s="98">
        <v>0</v>
      </c>
      <c r="AD3776" s="98" t="s">
        <v>400</v>
      </c>
      <c r="AE3776" s="98">
        <v>0</v>
      </c>
      <c r="AF3776" s="98">
        <v>0</v>
      </c>
      <c r="AG3776" s="98">
        <v>0</v>
      </c>
      <c r="AH3776" s="98">
        <v>0</v>
      </c>
      <c r="AI3776" s="98">
        <v>0</v>
      </c>
      <c r="AJ3776" s="98">
        <v>0</v>
      </c>
      <c r="AK3776" s="98">
        <v>0</v>
      </c>
      <c r="AL3776" s="98">
        <v>0</v>
      </c>
      <c r="AM3776" s="98">
        <v>0</v>
      </c>
      <c r="AN3776" s="98" t="s">
        <v>400</v>
      </c>
      <c r="AO3776" s="98" t="s">
        <v>400</v>
      </c>
      <c r="AP3776" s="98">
        <v>0</v>
      </c>
      <c r="AQ3776" s="98">
        <v>0</v>
      </c>
      <c r="AR3776" s="98" t="s">
        <v>400</v>
      </c>
      <c r="AS3776" s="98" t="s">
        <v>400</v>
      </c>
      <c r="AT3776" s="98" t="s">
        <v>400</v>
      </c>
      <c r="AU3776" s="98" t="s">
        <v>400</v>
      </c>
      <c r="AV3776" s="98">
        <v>1</v>
      </c>
      <c r="AW3776" s="98" t="s">
        <v>400</v>
      </c>
      <c r="AX3776" s="98"/>
      <c r="AY3776" s="98"/>
      <c r="AZ3776" s="98"/>
      <c r="BA3776" s="98"/>
      <c r="BB3776" s="107">
        <v>45884</v>
      </c>
    </row>
    <row r="3777" spans="1:54" s="8" customFormat="1" ht="13.95" customHeight="1" x14ac:dyDescent="0.25">
      <c r="A3777" s="219" t="s">
        <v>8411</v>
      </c>
      <c r="B3777" s="220" t="s">
        <v>6395</v>
      </c>
      <c r="C3777" s="98" t="s">
        <v>8412</v>
      </c>
      <c r="D3777" s="98" t="s">
        <v>8413</v>
      </c>
      <c r="E3777" s="141">
        <v>1967</v>
      </c>
      <c r="F3777" s="141">
        <v>76060</v>
      </c>
      <c r="G3777" s="98" t="s">
        <v>0</v>
      </c>
      <c r="H3777" s="98">
        <v>1</v>
      </c>
      <c r="I3777" s="98">
        <v>0</v>
      </c>
      <c r="J3777" s="98">
        <v>1</v>
      </c>
      <c r="K3777" s="98" t="s">
        <v>400</v>
      </c>
      <c r="L3777" s="98" t="s">
        <v>400</v>
      </c>
      <c r="M3777" s="98" t="s">
        <v>400</v>
      </c>
      <c r="N3777" s="98" t="s">
        <v>400</v>
      </c>
      <c r="O3777" s="98" t="s">
        <v>400</v>
      </c>
      <c r="P3777" s="98" t="s">
        <v>400</v>
      </c>
      <c r="Q3777" s="98" t="s">
        <v>400</v>
      </c>
      <c r="R3777" s="98" t="s">
        <v>400</v>
      </c>
      <c r="S3777" s="98" t="s">
        <v>400</v>
      </c>
      <c r="T3777" s="98" t="s">
        <v>400</v>
      </c>
      <c r="U3777" s="98">
        <v>0</v>
      </c>
      <c r="V3777" s="98">
        <v>0</v>
      </c>
      <c r="W3777" s="98" t="s">
        <v>400</v>
      </c>
      <c r="X3777" s="98" t="s">
        <v>400</v>
      </c>
      <c r="Y3777" s="98">
        <v>0</v>
      </c>
      <c r="Z3777" s="98" t="s">
        <v>400</v>
      </c>
      <c r="AA3777" s="98" t="s">
        <v>400</v>
      </c>
      <c r="AB3777" s="98">
        <v>0</v>
      </c>
      <c r="AC3777" s="98">
        <v>0</v>
      </c>
      <c r="AD3777" s="98" t="s">
        <v>400</v>
      </c>
      <c r="AE3777" s="98">
        <v>0</v>
      </c>
      <c r="AF3777" s="98">
        <v>0</v>
      </c>
      <c r="AG3777" s="98">
        <v>0</v>
      </c>
      <c r="AH3777" s="98">
        <v>0</v>
      </c>
      <c r="AI3777" s="98">
        <v>0</v>
      </c>
      <c r="AJ3777" s="98">
        <v>0</v>
      </c>
      <c r="AK3777" s="98">
        <v>0</v>
      </c>
      <c r="AL3777" s="98">
        <v>0</v>
      </c>
      <c r="AM3777" s="98">
        <v>0</v>
      </c>
      <c r="AN3777" s="98" t="s">
        <v>400</v>
      </c>
      <c r="AO3777" s="98" t="s">
        <v>400</v>
      </c>
      <c r="AP3777" s="98">
        <v>0</v>
      </c>
      <c r="AQ3777" s="98">
        <v>0</v>
      </c>
      <c r="AR3777" s="98" t="s">
        <v>400</v>
      </c>
      <c r="AS3777" s="98" t="s">
        <v>400</v>
      </c>
      <c r="AT3777" s="98" t="s">
        <v>400</v>
      </c>
      <c r="AU3777" s="98" t="s">
        <v>400</v>
      </c>
      <c r="AV3777" s="98" t="s">
        <v>400</v>
      </c>
      <c r="AW3777" s="98" t="s">
        <v>400</v>
      </c>
      <c r="AX3777" s="98"/>
      <c r="AY3777" s="98"/>
      <c r="AZ3777" s="98"/>
      <c r="BA3777" s="98"/>
      <c r="BB3777" s="107">
        <v>45884</v>
      </c>
    </row>
    <row r="3778" spans="1:54" s="8" customFormat="1" ht="13.95" customHeight="1" x14ac:dyDescent="0.25">
      <c r="A3778" s="219" t="s">
        <v>8414</v>
      </c>
      <c r="B3778" s="220" t="s">
        <v>6395</v>
      </c>
      <c r="C3778" s="98" t="s">
        <v>8415</v>
      </c>
      <c r="D3778" s="98" t="s">
        <v>7747</v>
      </c>
      <c r="E3778" s="141">
        <v>1967</v>
      </c>
      <c r="F3778" s="141">
        <v>62030</v>
      </c>
      <c r="G3778" s="98" t="s">
        <v>0</v>
      </c>
      <c r="H3778" s="98">
        <v>1</v>
      </c>
      <c r="I3778" s="98">
        <v>0</v>
      </c>
      <c r="J3778" s="98">
        <v>1</v>
      </c>
      <c r="K3778" s="98" t="s">
        <v>400</v>
      </c>
      <c r="L3778" s="98" t="s">
        <v>400</v>
      </c>
      <c r="M3778" s="98" t="s">
        <v>400</v>
      </c>
      <c r="N3778" s="98" t="s">
        <v>400</v>
      </c>
      <c r="O3778" s="98" t="s">
        <v>400</v>
      </c>
      <c r="P3778" s="98" t="s">
        <v>400</v>
      </c>
      <c r="Q3778" s="98" t="s">
        <v>400</v>
      </c>
      <c r="R3778" s="98" t="s">
        <v>400</v>
      </c>
      <c r="S3778" s="98" t="s">
        <v>400</v>
      </c>
      <c r="T3778" s="98" t="s">
        <v>400</v>
      </c>
      <c r="U3778" s="98">
        <v>0</v>
      </c>
      <c r="V3778" s="98">
        <v>0</v>
      </c>
      <c r="W3778" s="98" t="s">
        <v>400</v>
      </c>
      <c r="X3778" s="98" t="s">
        <v>400</v>
      </c>
      <c r="Y3778" s="98">
        <v>0</v>
      </c>
      <c r="Z3778" s="98" t="s">
        <v>400</v>
      </c>
      <c r="AA3778" s="98" t="s">
        <v>400</v>
      </c>
      <c r="AB3778" s="98">
        <v>0</v>
      </c>
      <c r="AC3778" s="98">
        <v>0</v>
      </c>
      <c r="AD3778" s="98" t="s">
        <v>400</v>
      </c>
      <c r="AE3778" s="98">
        <v>0</v>
      </c>
      <c r="AF3778" s="98">
        <v>0</v>
      </c>
      <c r="AG3778" s="98">
        <v>0</v>
      </c>
      <c r="AH3778" s="98">
        <v>0</v>
      </c>
      <c r="AI3778" s="98">
        <v>0</v>
      </c>
      <c r="AJ3778" s="98">
        <v>0</v>
      </c>
      <c r="AK3778" s="98">
        <v>0</v>
      </c>
      <c r="AL3778" s="98">
        <v>0</v>
      </c>
      <c r="AM3778" s="98">
        <v>0</v>
      </c>
      <c r="AN3778" s="98" t="s">
        <v>400</v>
      </c>
      <c r="AO3778" s="98" t="s">
        <v>400</v>
      </c>
      <c r="AP3778" s="98">
        <v>0</v>
      </c>
      <c r="AQ3778" s="98">
        <v>0</v>
      </c>
      <c r="AR3778" s="98" t="s">
        <v>400</v>
      </c>
      <c r="AS3778" s="98" t="s">
        <v>400</v>
      </c>
      <c r="AT3778" s="98" t="s">
        <v>400</v>
      </c>
      <c r="AU3778" s="98" t="s">
        <v>400</v>
      </c>
      <c r="AV3778" s="98" t="s">
        <v>400</v>
      </c>
      <c r="AW3778" s="98" t="s">
        <v>400</v>
      </c>
      <c r="AX3778" s="98"/>
      <c r="AY3778" s="98"/>
      <c r="AZ3778" s="98"/>
      <c r="BA3778" s="98"/>
      <c r="BB3778" s="107">
        <v>45884</v>
      </c>
    </row>
    <row r="3779" spans="1:54" s="8" customFormat="1" ht="13.95" customHeight="1" x14ac:dyDescent="0.25">
      <c r="A3779" s="219" t="s">
        <v>8416</v>
      </c>
      <c r="B3779" s="220" t="s">
        <v>6395</v>
      </c>
      <c r="C3779" s="98" t="s">
        <v>8417</v>
      </c>
      <c r="D3779" s="98" t="s">
        <v>8418</v>
      </c>
      <c r="E3779" s="141">
        <v>1969</v>
      </c>
      <c r="F3779" s="141">
        <v>20227</v>
      </c>
      <c r="G3779" s="98" t="s">
        <v>0</v>
      </c>
      <c r="H3779" s="98">
        <v>1</v>
      </c>
      <c r="I3779" s="98">
        <v>0</v>
      </c>
      <c r="J3779" s="98">
        <v>1</v>
      </c>
      <c r="K3779" s="98" t="s">
        <v>400</v>
      </c>
      <c r="L3779" s="98" t="s">
        <v>400</v>
      </c>
      <c r="M3779" s="98" t="s">
        <v>400</v>
      </c>
      <c r="N3779" s="98" t="s">
        <v>400</v>
      </c>
      <c r="O3779" s="98" t="s">
        <v>400</v>
      </c>
      <c r="P3779" s="98" t="s">
        <v>400</v>
      </c>
      <c r="Q3779" s="98" t="s">
        <v>400</v>
      </c>
      <c r="R3779" s="98" t="s">
        <v>400</v>
      </c>
      <c r="S3779" s="98" t="s">
        <v>400</v>
      </c>
      <c r="T3779" s="98" t="s">
        <v>400</v>
      </c>
      <c r="U3779" s="98">
        <v>0</v>
      </c>
      <c r="V3779" s="98">
        <v>0</v>
      </c>
      <c r="W3779" s="98" t="s">
        <v>400</v>
      </c>
      <c r="X3779" s="98" t="s">
        <v>400</v>
      </c>
      <c r="Y3779" s="98">
        <v>0</v>
      </c>
      <c r="Z3779" s="98" t="s">
        <v>400</v>
      </c>
      <c r="AA3779" s="98" t="s">
        <v>400</v>
      </c>
      <c r="AB3779" s="98">
        <v>0</v>
      </c>
      <c r="AC3779" s="98">
        <v>0</v>
      </c>
      <c r="AD3779" s="98" t="s">
        <v>400</v>
      </c>
      <c r="AE3779" s="98">
        <v>0</v>
      </c>
      <c r="AF3779" s="98">
        <v>0</v>
      </c>
      <c r="AG3779" s="98">
        <v>0</v>
      </c>
      <c r="AH3779" s="98">
        <v>0</v>
      </c>
      <c r="AI3779" s="98">
        <v>0</v>
      </c>
      <c r="AJ3779" s="98">
        <v>0</v>
      </c>
      <c r="AK3779" s="98">
        <v>0</v>
      </c>
      <c r="AL3779" s="98">
        <v>0</v>
      </c>
      <c r="AM3779" s="98">
        <v>0</v>
      </c>
      <c r="AN3779" s="98" t="s">
        <v>400</v>
      </c>
      <c r="AO3779" s="98" t="s">
        <v>400</v>
      </c>
      <c r="AP3779" s="98">
        <v>0</v>
      </c>
      <c r="AQ3779" s="98">
        <v>0</v>
      </c>
      <c r="AR3779" s="98" t="s">
        <v>400</v>
      </c>
      <c r="AS3779" s="98" t="s">
        <v>400</v>
      </c>
      <c r="AT3779" s="98" t="s">
        <v>400</v>
      </c>
      <c r="AU3779" s="98" t="s">
        <v>400</v>
      </c>
      <c r="AV3779" s="98" t="s">
        <v>400</v>
      </c>
      <c r="AW3779" s="98" t="s">
        <v>400</v>
      </c>
      <c r="AX3779" s="98"/>
      <c r="AY3779" s="98"/>
      <c r="AZ3779" s="98"/>
      <c r="BA3779" s="98"/>
      <c r="BB3779" s="107">
        <v>45884</v>
      </c>
    </row>
    <row r="3780" spans="1:54" s="8" customFormat="1" ht="13.95" customHeight="1" x14ac:dyDescent="0.25">
      <c r="A3780" s="219" t="s">
        <v>8419</v>
      </c>
      <c r="B3780" s="220" t="s">
        <v>6395</v>
      </c>
      <c r="C3780" s="98" t="s">
        <v>8420</v>
      </c>
      <c r="D3780" s="98" t="s">
        <v>8421</v>
      </c>
      <c r="E3780" s="141">
        <v>1971</v>
      </c>
      <c r="F3780" s="141">
        <v>6473</v>
      </c>
      <c r="G3780" s="98" t="s">
        <v>0</v>
      </c>
      <c r="H3780" s="98">
        <v>1</v>
      </c>
      <c r="I3780" s="98">
        <v>0</v>
      </c>
      <c r="J3780" s="98">
        <v>1</v>
      </c>
      <c r="K3780" s="98" t="s">
        <v>400</v>
      </c>
      <c r="L3780" s="98" t="s">
        <v>400</v>
      </c>
      <c r="M3780" s="98" t="s">
        <v>400</v>
      </c>
      <c r="N3780" s="98" t="s">
        <v>400</v>
      </c>
      <c r="O3780" s="98" t="s">
        <v>400</v>
      </c>
      <c r="P3780" s="98" t="s">
        <v>400</v>
      </c>
      <c r="Q3780" s="98" t="s">
        <v>400</v>
      </c>
      <c r="R3780" s="98" t="s">
        <v>400</v>
      </c>
      <c r="S3780" s="98" t="s">
        <v>400</v>
      </c>
      <c r="T3780" s="98" t="s">
        <v>400</v>
      </c>
      <c r="U3780" s="98">
        <v>0</v>
      </c>
      <c r="V3780" s="98">
        <v>0</v>
      </c>
      <c r="W3780" s="98" t="s">
        <v>400</v>
      </c>
      <c r="X3780" s="98" t="s">
        <v>400</v>
      </c>
      <c r="Y3780" s="98">
        <v>0</v>
      </c>
      <c r="Z3780" s="98" t="s">
        <v>400</v>
      </c>
      <c r="AA3780" s="98" t="s">
        <v>400</v>
      </c>
      <c r="AB3780" s="98">
        <v>0</v>
      </c>
      <c r="AC3780" s="98">
        <v>0</v>
      </c>
      <c r="AD3780" s="98" t="s">
        <v>400</v>
      </c>
      <c r="AE3780" s="98">
        <v>0</v>
      </c>
      <c r="AF3780" s="98">
        <v>0</v>
      </c>
      <c r="AG3780" s="98">
        <v>0</v>
      </c>
      <c r="AH3780" s="98">
        <v>0</v>
      </c>
      <c r="AI3780" s="98">
        <v>0</v>
      </c>
      <c r="AJ3780" s="98">
        <v>0</v>
      </c>
      <c r="AK3780" s="98">
        <v>0</v>
      </c>
      <c r="AL3780" s="98">
        <v>0</v>
      </c>
      <c r="AM3780" s="98">
        <v>0</v>
      </c>
      <c r="AN3780" s="98" t="s">
        <v>400</v>
      </c>
      <c r="AO3780" s="98" t="s">
        <v>400</v>
      </c>
      <c r="AP3780" s="98">
        <v>0</v>
      </c>
      <c r="AQ3780" s="98">
        <v>0</v>
      </c>
      <c r="AR3780" s="98" t="s">
        <v>400</v>
      </c>
      <c r="AS3780" s="98" t="s">
        <v>400</v>
      </c>
      <c r="AT3780" s="98" t="s">
        <v>400</v>
      </c>
      <c r="AU3780" s="98" t="s">
        <v>400</v>
      </c>
      <c r="AV3780" s="98" t="s">
        <v>400</v>
      </c>
      <c r="AW3780" s="98" t="s">
        <v>400</v>
      </c>
      <c r="AX3780" s="98"/>
      <c r="AY3780" s="98"/>
      <c r="AZ3780" s="98"/>
      <c r="BA3780" s="98"/>
      <c r="BB3780" s="107">
        <v>45884</v>
      </c>
    </row>
    <row r="3781" spans="1:54" s="8" customFormat="1" ht="13.95" customHeight="1" x14ac:dyDescent="0.25">
      <c r="A3781" s="219" t="s">
        <v>8422</v>
      </c>
      <c r="B3781" s="220" t="s">
        <v>6395</v>
      </c>
      <c r="C3781" s="98" t="s">
        <v>8423</v>
      </c>
      <c r="D3781" s="98" t="s">
        <v>8424</v>
      </c>
      <c r="E3781" s="141">
        <v>1973</v>
      </c>
      <c r="F3781" s="141">
        <v>25516</v>
      </c>
      <c r="G3781" s="98" t="s">
        <v>0</v>
      </c>
      <c r="H3781" s="98">
        <v>1</v>
      </c>
      <c r="I3781" s="98">
        <v>0</v>
      </c>
      <c r="J3781" s="98">
        <v>1</v>
      </c>
      <c r="K3781" s="98" t="s">
        <v>400</v>
      </c>
      <c r="L3781" s="98" t="s">
        <v>400</v>
      </c>
      <c r="M3781" s="98" t="s">
        <v>400</v>
      </c>
      <c r="N3781" s="98" t="s">
        <v>400</v>
      </c>
      <c r="O3781" s="98" t="s">
        <v>400</v>
      </c>
      <c r="P3781" s="98" t="s">
        <v>400</v>
      </c>
      <c r="Q3781" s="98" t="s">
        <v>400</v>
      </c>
      <c r="R3781" s="98" t="s">
        <v>400</v>
      </c>
      <c r="S3781" s="98" t="s">
        <v>400</v>
      </c>
      <c r="T3781" s="98" t="s">
        <v>400</v>
      </c>
      <c r="U3781" s="98">
        <v>0</v>
      </c>
      <c r="V3781" s="98">
        <v>0</v>
      </c>
      <c r="W3781" s="98" t="s">
        <v>400</v>
      </c>
      <c r="X3781" s="98" t="s">
        <v>400</v>
      </c>
      <c r="Y3781" s="98">
        <v>0</v>
      </c>
      <c r="Z3781" s="98" t="s">
        <v>400</v>
      </c>
      <c r="AA3781" s="98" t="s">
        <v>400</v>
      </c>
      <c r="AB3781" s="98">
        <v>0</v>
      </c>
      <c r="AC3781" s="98">
        <v>0</v>
      </c>
      <c r="AD3781" s="98" t="s">
        <v>400</v>
      </c>
      <c r="AE3781" s="98">
        <v>0</v>
      </c>
      <c r="AF3781" s="98">
        <v>0</v>
      </c>
      <c r="AG3781" s="98">
        <v>0</v>
      </c>
      <c r="AH3781" s="98">
        <v>0</v>
      </c>
      <c r="AI3781" s="98">
        <v>0</v>
      </c>
      <c r="AJ3781" s="98">
        <v>0</v>
      </c>
      <c r="AK3781" s="98">
        <v>0</v>
      </c>
      <c r="AL3781" s="98">
        <v>0</v>
      </c>
      <c r="AM3781" s="98">
        <v>0</v>
      </c>
      <c r="AN3781" s="98" t="s">
        <v>400</v>
      </c>
      <c r="AO3781" s="98" t="s">
        <v>400</v>
      </c>
      <c r="AP3781" s="98">
        <v>0</v>
      </c>
      <c r="AQ3781" s="98">
        <v>0</v>
      </c>
      <c r="AR3781" s="98" t="s">
        <v>400</v>
      </c>
      <c r="AS3781" s="98" t="s">
        <v>400</v>
      </c>
      <c r="AT3781" s="98" t="s">
        <v>400</v>
      </c>
      <c r="AU3781" s="98" t="s">
        <v>400</v>
      </c>
      <c r="AV3781" s="98" t="s">
        <v>400</v>
      </c>
      <c r="AW3781" s="98" t="s">
        <v>400</v>
      </c>
      <c r="AX3781" s="98"/>
      <c r="AY3781" s="98"/>
      <c r="AZ3781" s="98"/>
      <c r="BA3781" s="98"/>
      <c r="BB3781" s="107">
        <v>45884</v>
      </c>
    </row>
    <row r="3782" spans="1:54" s="8" customFormat="1" ht="13.95" customHeight="1" x14ac:dyDescent="0.25">
      <c r="A3782" s="219" t="s">
        <v>8425</v>
      </c>
      <c r="B3782" s="220" t="s">
        <v>6395</v>
      </c>
      <c r="C3782" s="98" t="s">
        <v>8426</v>
      </c>
      <c r="D3782" s="98" t="s">
        <v>8427</v>
      </c>
      <c r="E3782" s="141">
        <v>1980</v>
      </c>
      <c r="F3782" s="141">
        <v>4690</v>
      </c>
      <c r="G3782" s="98" t="s">
        <v>0</v>
      </c>
      <c r="H3782" s="98">
        <v>1</v>
      </c>
      <c r="I3782" s="98">
        <v>0</v>
      </c>
      <c r="J3782" s="98">
        <v>1</v>
      </c>
      <c r="K3782" s="98" t="s">
        <v>400</v>
      </c>
      <c r="L3782" s="98" t="s">
        <v>400</v>
      </c>
      <c r="M3782" s="98" t="s">
        <v>400</v>
      </c>
      <c r="N3782" s="98" t="s">
        <v>400</v>
      </c>
      <c r="O3782" s="98" t="s">
        <v>400</v>
      </c>
      <c r="P3782" s="98" t="s">
        <v>400</v>
      </c>
      <c r="Q3782" s="98" t="s">
        <v>400</v>
      </c>
      <c r="R3782" s="98" t="s">
        <v>400</v>
      </c>
      <c r="S3782" s="98" t="s">
        <v>400</v>
      </c>
      <c r="T3782" s="98" t="s">
        <v>400</v>
      </c>
      <c r="U3782" s="98">
        <v>0</v>
      </c>
      <c r="V3782" s="98">
        <v>0</v>
      </c>
      <c r="W3782" s="98" t="s">
        <v>400</v>
      </c>
      <c r="X3782" s="98" t="s">
        <v>400</v>
      </c>
      <c r="Y3782" s="98">
        <v>0</v>
      </c>
      <c r="Z3782" s="98" t="s">
        <v>400</v>
      </c>
      <c r="AA3782" s="98" t="s">
        <v>400</v>
      </c>
      <c r="AB3782" s="98">
        <v>0</v>
      </c>
      <c r="AC3782" s="98">
        <v>0</v>
      </c>
      <c r="AD3782" s="98" t="s">
        <v>400</v>
      </c>
      <c r="AE3782" s="98">
        <v>0</v>
      </c>
      <c r="AF3782" s="98">
        <v>0</v>
      </c>
      <c r="AG3782" s="98">
        <v>0</v>
      </c>
      <c r="AH3782" s="98">
        <v>0</v>
      </c>
      <c r="AI3782" s="98">
        <v>0</v>
      </c>
      <c r="AJ3782" s="98">
        <v>0</v>
      </c>
      <c r="AK3782" s="98">
        <v>0</v>
      </c>
      <c r="AL3782" s="98">
        <v>0</v>
      </c>
      <c r="AM3782" s="98">
        <v>0</v>
      </c>
      <c r="AN3782" s="98" t="s">
        <v>400</v>
      </c>
      <c r="AO3782" s="98" t="s">
        <v>400</v>
      </c>
      <c r="AP3782" s="98">
        <v>0</v>
      </c>
      <c r="AQ3782" s="98">
        <v>0</v>
      </c>
      <c r="AR3782" s="98" t="s">
        <v>400</v>
      </c>
      <c r="AS3782" s="98" t="s">
        <v>400</v>
      </c>
      <c r="AT3782" s="98" t="s">
        <v>400</v>
      </c>
      <c r="AU3782" s="98" t="s">
        <v>400</v>
      </c>
      <c r="AV3782" s="98" t="s">
        <v>400</v>
      </c>
      <c r="AW3782" s="98" t="s">
        <v>400</v>
      </c>
      <c r="AX3782" s="98"/>
      <c r="AY3782" s="98"/>
      <c r="AZ3782" s="98"/>
      <c r="BA3782" s="98"/>
      <c r="BB3782" s="107">
        <v>45884</v>
      </c>
    </row>
    <row r="3783" spans="1:54" s="8" customFormat="1" ht="13.95" customHeight="1" x14ac:dyDescent="0.25">
      <c r="A3783" s="219" t="s">
        <v>8428</v>
      </c>
      <c r="B3783" s="220" t="s">
        <v>6395</v>
      </c>
      <c r="C3783" s="98" t="s">
        <v>8429</v>
      </c>
      <c r="D3783" s="98" t="s">
        <v>21407</v>
      </c>
      <c r="E3783" s="141">
        <v>2008</v>
      </c>
      <c r="F3783" s="141">
        <v>233</v>
      </c>
      <c r="G3783" s="98" t="s">
        <v>8</v>
      </c>
      <c r="H3783" s="98">
        <v>0</v>
      </c>
      <c r="I3783" s="98">
        <v>0</v>
      </c>
      <c r="J3783" s="98" t="s">
        <v>400</v>
      </c>
      <c r="K3783" s="98" t="s">
        <v>400</v>
      </c>
      <c r="L3783" s="98" t="s">
        <v>400</v>
      </c>
      <c r="M3783" s="98" t="s">
        <v>400</v>
      </c>
      <c r="N3783" s="98" t="s">
        <v>400</v>
      </c>
      <c r="O3783" s="98" t="s">
        <v>400</v>
      </c>
      <c r="P3783" s="98" t="s">
        <v>400</v>
      </c>
      <c r="Q3783" s="98" t="s">
        <v>400</v>
      </c>
      <c r="R3783" s="98" t="s">
        <v>400</v>
      </c>
      <c r="S3783" s="98" t="s">
        <v>400</v>
      </c>
      <c r="T3783" s="98" t="s">
        <v>400</v>
      </c>
      <c r="U3783" s="98">
        <v>0</v>
      </c>
      <c r="V3783" s="98">
        <v>0</v>
      </c>
      <c r="W3783" s="98" t="s">
        <v>400</v>
      </c>
      <c r="X3783" s="98" t="s">
        <v>400</v>
      </c>
      <c r="Y3783" s="98">
        <v>0</v>
      </c>
      <c r="Z3783" s="98" t="s">
        <v>400</v>
      </c>
      <c r="AA3783" s="98" t="s">
        <v>400</v>
      </c>
      <c r="AB3783" s="98">
        <v>0</v>
      </c>
      <c r="AC3783" s="98">
        <v>0</v>
      </c>
      <c r="AD3783" s="98" t="s">
        <v>400</v>
      </c>
      <c r="AE3783" s="98">
        <v>0</v>
      </c>
      <c r="AF3783" s="98">
        <v>0</v>
      </c>
      <c r="AG3783" s="98">
        <v>0</v>
      </c>
      <c r="AH3783" s="98">
        <v>0</v>
      </c>
      <c r="AI3783" s="98">
        <v>0</v>
      </c>
      <c r="AJ3783" s="98">
        <v>0</v>
      </c>
      <c r="AK3783" s="98">
        <v>0</v>
      </c>
      <c r="AL3783" s="98">
        <v>0</v>
      </c>
      <c r="AM3783" s="98" t="s">
        <v>400</v>
      </c>
      <c r="AN3783" s="98" t="s">
        <v>400</v>
      </c>
      <c r="AO3783" s="98" t="s">
        <v>400</v>
      </c>
      <c r="AP3783" s="98">
        <v>0</v>
      </c>
      <c r="AQ3783" s="98">
        <v>0</v>
      </c>
      <c r="AR3783" s="98" t="s">
        <v>400</v>
      </c>
      <c r="AS3783" s="98" t="s">
        <v>400</v>
      </c>
      <c r="AT3783" s="98" t="s">
        <v>400</v>
      </c>
      <c r="AU3783" s="98" t="s">
        <v>400</v>
      </c>
      <c r="AV3783" s="98" t="s">
        <v>400</v>
      </c>
      <c r="AW3783" s="98" t="s">
        <v>400</v>
      </c>
      <c r="AX3783" s="98"/>
      <c r="AY3783" s="98"/>
      <c r="AZ3783" s="98"/>
      <c r="BA3783" s="98"/>
      <c r="BB3783" s="107">
        <v>45884</v>
      </c>
    </row>
    <row r="3784" spans="1:54" s="8" customFormat="1" ht="13.95" customHeight="1" x14ac:dyDescent="0.25">
      <c r="A3784" s="219" t="s">
        <v>8430</v>
      </c>
      <c r="B3784" s="220" t="s">
        <v>6395</v>
      </c>
      <c r="C3784" s="98" t="s">
        <v>8431</v>
      </c>
      <c r="D3784" s="98" t="s">
        <v>20487</v>
      </c>
      <c r="E3784" s="141">
        <v>1996</v>
      </c>
      <c r="F3784" s="141">
        <v>2001</v>
      </c>
      <c r="G3784" s="98" t="s">
        <v>8</v>
      </c>
      <c r="H3784" s="98">
        <v>0</v>
      </c>
      <c r="I3784" s="98">
        <v>0</v>
      </c>
      <c r="J3784" s="98" t="s">
        <v>400</v>
      </c>
      <c r="K3784" s="98" t="s">
        <v>400</v>
      </c>
      <c r="L3784" s="98" t="s">
        <v>400</v>
      </c>
      <c r="M3784" s="98" t="s">
        <v>400</v>
      </c>
      <c r="N3784" s="98" t="s">
        <v>400</v>
      </c>
      <c r="O3784" s="98" t="s">
        <v>400</v>
      </c>
      <c r="P3784" s="98" t="s">
        <v>400</v>
      </c>
      <c r="Q3784" s="98" t="s">
        <v>400</v>
      </c>
      <c r="R3784" s="98" t="s">
        <v>400</v>
      </c>
      <c r="S3784" s="98" t="s">
        <v>400</v>
      </c>
      <c r="T3784" s="98" t="s">
        <v>400</v>
      </c>
      <c r="U3784" s="98">
        <v>0</v>
      </c>
      <c r="V3784" s="98">
        <v>0</v>
      </c>
      <c r="W3784" s="98" t="s">
        <v>400</v>
      </c>
      <c r="X3784" s="98" t="s">
        <v>400</v>
      </c>
      <c r="Y3784" s="98">
        <v>0</v>
      </c>
      <c r="Z3784" s="98" t="s">
        <v>400</v>
      </c>
      <c r="AA3784" s="98" t="s">
        <v>400</v>
      </c>
      <c r="AB3784" s="98">
        <v>0</v>
      </c>
      <c r="AC3784" s="98">
        <v>0</v>
      </c>
      <c r="AD3784" s="98" t="s">
        <v>400</v>
      </c>
      <c r="AE3784" s="98">
        <v>0</v>
      </c>
      <c r="AF3784" s="98">
        <v>0</v>
      </c>
      <c r="AG3784" s="98">
        <v>0</v>
      </c>
      <c r="AH3784" s="98">
        <v>0</v>
      </c>
      <c r="AI3784" s="98">
        <v>0</v>
      </c>
      <c r="AJ3784" s="98">
        <v>0</v>
      </c>
      <c r="AK3784" s="98">
        <v>0</v>
      </c>
      <c r="AL3784" s="98">
        <v>0</v>
      </c>
      <c r="AM3784" s="98" t="s">
        <v>400</v>
      </c>
      <c r="AN3784" s="98" t="s">
        <v>400</v>
      </c>
      <c r="AO3784" s="98" t="s">
        <v>400</v>
      </c>
      <c r="AP3784" s="98">
        <v>0</v>
      </c>
      <c r="AQ3784" s="98">
        <v>0</v>
      </c>
      <c r="AR3784" s="98" t="s">
        <v>400</v>
      </c>
      <c r="AS3784" s="98" t="s">
        <v>400</v>
      </c>
      <c r="AT3784" s="98" t="s">
        <v>400</v>
      </c>
      <c r="AU3784" s="98" t="s">
        <v>400</v>
      </c>
      <c r="AV3784" s="98" t="s">
        <v>400</v>
      </c>
      <c r="AW3784" s="98" t="s">
        <v>400</v>
      </c>
      <c r="AX3784" s="98"/>
      <c r="AY3784" s="98"/>
      <c r="AZ3784" s="98"/>
      <c r="BA3784" s="98"/>
      <c r="BB3784" s="107">
        <v>45884</v>
      </c>
    </row>
    <row r="3785" spans="1:54" s="8" customFormat="1" ht="13.95" customHeight="1" x14ac:dyDescent="0.25">
      <c r="A3785" s="219" t="s">
        <v>8432</v>
      </c>
      <c r="B3785" s="220" t="s">
        <v>6395</v>
      </c>
      <c r="C3785" s="98" t="s">
        <v>8433</v>
      </c>
      <c r="D3785" s="98" t="s">
        <v>21408</v>
      </c>
      <c r="E3785" s="141">
        <v>2008</v>
      </c>
      <c r="F3785" s="141">
        <v>518</v>
      </c>
      <c r="G3785" s="98" t="s">
        <v>8</v>
      </c>
      <c r="H3785" s="98">
        <v>0</v>
      </c>
      <c r="I3785" s="98">
        <v>0</v>
      </c>
      <c r="J3785" s="98" t="s">
        <v>400</v>
      </c>
      <c r="K3785" s="98" t="s">
        <v>400</v>
      </c>
      <c r="L3785" s="98" t="s">
        <v>400</v>
      </c>
      <c r="M3785" s="98" t="s">
        <v>400</v>
      </c>
      <c r="N3785" s="98" t="s">
        <v>400</v>
      </c>
      <c r="O3785" s="98" t="s">
        <v>400</v>
      </c>
      <c r="P3785" s="98" t="s">
        <v>400</v>
      </c>
      <c r="Q3785" s="98" t="s">
        <v>400</v>
      </c>
      <c r="R3785" s="98" t="s">
        <v>400</v>
      </c>
      <c r="S3785" s="98" t="s">
        <v>400</v>
      </c>
      <c r="T3785" s="98" t="s">
        <v>400</v>
      </c>
      <c r="U3785" s="98">
        <v>0</v>
      </c>
      <c r="V3785" s="98">
        <v>0</v>
      </c>
      <c r="W3785" s="98" t="s">
        <v>400</v>
      </c>
      <c r="X3785" s="98" t="s">
        <v>400</v>
      </c>
      <c r="Y3785" s="98">
        <v>0</v>
      </c>
      <c r="Z3785" s="98" t="s">
        <v>400</v>
      </c>
      <c r="AA3785" s="98" t="s">
        <v>400</v>
      </c>
      <c r="AB3785" s="98">
        <v>0</v>
      </c>
      <c r="AC3785" s="98">
        <v>0</v>
      </c>
      <c r="AD3785" s="98" t="s">
        <v>400</v>
      </c>
      <c r="AE3785" s="98">
        <v>0</v>
      </c>
      <c r="AF3785" s="98">
        <v>0</v>
      </c>
      <c r="AG3785" s="98">
        <v>0</v>
      </c>
      <c r="AH3785" s="98">
        <v>0</v>
      </c>
      <c r="AI3785" s="98">
        <v>0</v>
      </c>
      <c r="AJ3785" s="98">
        <v>0</v>
      </c>
      <c r="AK3785" s="98">
        <v>0</v>
      </c>
      <c r="AL3785" s="98">
        <v>0</v>
      </c>
      <c r="AM3785" s="98" t="s">
        <v>400</v>
      </c>
      <c r="AN3785" s="98" t="s">
        <v>400</v>
      </c>
      <c r="AO3785" s="98" t="s">
        <v>400</v>
      </c>
      <c r="AP3785" s="98">
        <v>0</v>
      </c>
      <c r="AQ3785" s="98">
        <v>0</v>
      </c>
      <c r="AR3785" s="98" t="s">
        <v>400</v>
      </c>
      <c r="AS3785" s="98" t="s">
        <v>400</v>
      </c>
      <c r="AT3785" s="98" t="s">
        <v>400</v>
      </c>
      <c r="AU3785" s="98" t="s">
        <v>400</v>
      </c>
      <c r="AV3785" s="98" t="s">
        <v>400</v>
      </c>
      <c r="AW3785" s="98" t="s">
        <v>400</v>
      </c>
      <c r="AX3785" s="98"/>
      <c r="AY3785" s="98"/>
      <c r="AZ3785" s="98"/>
      <c r="BA3785" s="98"/>
      <c r="BB3785" s="107">
        <v>45884</v>
      </c>
    </row>
    <row r="3786" spans="1:54" s="8" customFormat="1" ht="13.95" customHeight="1" x14ac:dyDescent="0.25">
      <c r="A3786" s="219" t="s">
        <v>8434</v>
      </c>
      <c r="B3786" s="220" t="s">
        <v>6395</v>
      </c>
      <c r="C3786" s="98" t="s">
        <v>8435</v>
      </c>
      <c r="D3786" s="98" t="s">
        <v>21409</v>
      </c>
      <c r="E3786" s="141">
        <v>2008</v>
      </c>
      <c r="F3786" s="141">
        <v>2701</v>
      </c>
      <c r="G3786" s="98" t="s">
        <v>8</v>
      </c>
      <c r="H3786" s="98">
        <v>0</v>
      </c>
      <c r="I3786" s="98">
        <v>0</v>
      </c>
      <c r="J3786" s="98" t="s">
        <v>400</v>
      </c>
      <c r="K3786" s="98" t="s">
        <v>400</v>
      </c>
      <c r="L3786" s="98" t="s">
        <v>400</v>
      </c>
      <c r="M3786" s="98" t="s">
        <v>400</v>
      </c>
      <c r="N3786" s="98" t="s">
        <v>400</v>
      </c>
      <c r="O3786" s="98" t="s">
        <v>400</v>
      </c>
      <c r="P3786" s="98" t="s">
        <v>400</v>
      </c>
      <c r="Q3786" s="98" t="s">
        <v>400</v>
      </c>
      <c r="R3786" s="98" t="s">
        <v>400</v>
      </c>
      <c r="S3786" s="98" t="s">
        <v>400</v>
      </c>
      <c r="T3786" s="98" t="s">
        <v>400</v>
      </c>
      <c r="U3786" s="98">
        <v>0</v>
      </c>
      <c r="V3786" s="98">
        <v>0</v>
      </c>
      <c r="W3786" s="98" t="s">
        <v>400</v>
      </c>
      <c r="X3786" s="98" t="s">
        <v>400</v>
      </c>
      <c r="Y3786" s="98">
        <v>0</v>
      </c>
      <c r="Z3786" s="98" t="s">
        <v>400</v>
      </c>
      <c r="AA3786" s="98" t="s">
        <v>400</v>
      </c>
      <c r="AB3786" s="98">
        <v>0</v>
      </c>
      <c r="AC3786" s="98">
        <v>0</v>
      </c>
      <c r="AD3786" s="98" t="s">
        <v>400</v>
      </c>
      <c r="AE3786" s="98">
        <v>0</v>
      </c>
      <c r="AF3786" s="98">
        <v>0</v>
      </c>
      <c r="AG3786" s="98">
        <v>0</v>
      </c>
      <c r="AH3786" s="98">
        <v>0</v>
      </c>
      <c r="AI3786" s="98">
        <v>0</v>
      </c>
      <c r="AJ3786" s="98">
        <v>0</v>
      </c>
      <c r="AK3786" s="98">
        <v>0</v>
      </c>
      <c r="AL3786" s="98">
        <v>0</v>
      </c>
      <c r="AM3786" s="98" t="s">
        <v>400</v>
      </c>
      <c r="AN3786" s="98" t="s">
        <v>400</v>
      </c>
      <c r="AO3786" s="98" t="s">
        <v>400</v>
      </c>
      <c r="AP3786" s="98">
        <v>0</v>
      </c>
      <c r="AQ3786" s="98">
        <v>0</v>
      </c>
      <c r="AR3786" s="98" t="s">
        <v>400</v>
      </c>
      <c r="AS3786" s="98" t="s">
        <v>400</v>
      </c>
      <c r="AT3786" s="98" t="s">
        <v>400</v>
      </c>
      <c r="AU3786" s="98" t="s">
        <v>400</v>
      </c>
      <c r="AV3786" s="98" t="s">
        <v>400</v>
      </c>
      <c r="AW3786" s="98" t="s">
        <v>400</v>
      </c>
      <c r="AX3786" s="98"/>
      <c r="AY3786" s="98"/>
      <c r="AZ3786" s="98"/>
      <c r="BA3786" s="98"/>
      <c r="BB3786" s="107">
        <v>45884</v>
      </c>
    </row>
    <row r="3787" spans="1:54" s="8" customFormat="1" ht="13.95" customHeight="1" x14ac:dyDescent="0.25">
      <c r="A3787" s="219" t="s">
        <v>8436</v>
      </c>
      <c r="B3787" s="220" t="s">
        <v>6395</v>
      </c>
      <c r="C3787" s="98" t="s">
        <v>8437</v>
      </c>
      <c r="D3787" s="98" t="s">
        <v>21410</v>
      </c>
      <c r="E3787" s="141">
        <v>2007</v>
      </c>
      <c r="F3787" s="141">
        <v>590</v>
      </c>
      <c r="G3787" s="98" t="s">
        <v>8</v>
      </c>
      <c r="H3787" s="98">
        <v>0</v>
      </c>
      <c r="I3787" s="98">
        <v>0</v>
      </c>
      <c r="J3787" s="98" t="s">
        <v>400</v>
      </c>
      <c r="K3787" s="98" t="s">
        <v>400</v>
      </c>
      <c r="L3787" s="98" t="s">
        <v>400</v>
      </c>
      <c r="M3787" s="98" t="s">
        <v>400</v>
      </c>
      <c r="N3787" s="98" t="s">
        <v>400</v>
      </c>
      <c r="O3787" s="98" t="s">
        <v>400</v>
      </c>
      <c r="P3787" s="98" t="s">
        <v>400</v>
      </c>
      <c r="Q3787" s="98" t="s">
        <v>400</v>
      </c>
      <c r="R3787" s="98" t="s">
        <v>400</v>
      </c>
      <c r="S3787" s="98" t="s">
        <v>400</v>
      </c>
      <c r="T3787" s="98" t="s">
        <v>400</v>
      </c>
      <c r="U3787" s="98">
        <v>0</v>
      </c>
      <c r="V3787" s="98">
        <v>0</v>
      </c>
      <c r="W3787" s="98" t="s">
        <v>400</v>
      </c>
      <c r="X3787" s="98" t="s">
        <v>400</v>
      </c>
      <c r="Y3787" s="98">
        <v>0</v>
      </c>
      <c r="Z3787" s="98" t="s">
        <v>400</v>
      </c>
      <c r="AA3787" s="98" t="s">
        <v>400</v>
      </c>
      <c r="AB3787" s="98">
        <v>0</v>
      </c>
      <c r="AC3787" s="98">
        <v>0</v>
      </c>
      <c r="AD3787" s="98" t="s">
        <v>400</v>
      </c>
      <c r="AE3787" s="98">
        <v>0</v>
      </c>
      <c r="AF3787" s="98">
        <v>0</v>
      </c>
      <c r="AG3787" s="98">
        <v>0</v>
      </c>
      <c r="AH3787" s="98">
        <v>0</v>
      </c>
      <c r="AI3787" s="98">
        <v>0</v>
      </c>
      <c r="AJ3787" s="98">
        <v>0</v>
      </c>
      <c r="AK3787" s="98">
        <v>0</v>
      </c>
      <c r="AL3787" s="98">
        <v>0</v>
      </c>
      <c r="AM3787" s="98" t="s">
        <v>400</v>
      </c>
      <c r="AN3787" s="98" t="s">
        <v>400</v>
      </c>
      <c r="AO3787" s="98" t="s">
        <v>400</v>
      </c>
      <c r="AP3787" s="98">
        <v>0</v>
      </c>
      <c r="AQ3787" s="98">
        <v>0</v>
      </c>
      <c r="AR3787" s="98" t="s">
        <v>400</v>
      </c>
      <c r="AS3787" s="98" t="s">
        <v>400</v>
      </c>
      <c r="AT3787" s="98" t="s">
        <v>400</v>
      </c>
      <c r="AU3787" s="98" t="s">
        <v>400</v>
      </c>
      <c r="AV3787" s="98" t="s">
        <v>400</v>
      </c>
      <c r="AW3787" s="98" t="s">
        <v>400</v>
      </c>
      <c r="AX3787" s="98"/>
      <c r="AY3787" s="98"/>
      <c r="AZ3787" s="98"/>
      <c r="BA3787" s="98"/>
      <c r="BB3787" s="107">
        <v>45884</v>
      </c>
    </row>
    <row r="3788" spans="1:54" s="8" customFormat="1" ht="13.95" customHeight="1" x14ac:dyDescent="0.25">
      <c r="A3788" s="219" t="s">
        <v>8438</v>
      </c>
      <c r="B3788" s="220" t="s">
        <v>6395</v>
      </c>
      <c r="C3788" s="98" t="s">
        <v>8439</v>
      </c>
      <c r="D3788" s="98" t="s">
        <v>21411</v>
      </c>
      <c r="E3788" s="141">
        <v>2009</v>
      </c>
      <c r="F3788" s="141">
        <v>175</v>
      </c>
      <c r="G3788" s="98" t="s">
        <v>8</v>
      </c>
      <c r="H3788" s="98">
        <v>0</v>
      </c>
      <c r="I3788" s="98">
        <v>0</v>
      </c>
      <c r="J3788" s="98" t="s">
        <v>400</v>
      </c>
      <c r="K3788" s="98" t="s">
        <v>400</v>
      </c>
      <c r="L3788" s="98" t="s">
        <v>400</v>
      </c>
      <c r="M3788" s="98" t="s">
        <v>400</v>
      </c>
      <c r="N3788" s="98" t="s">
        <v>400</v>
      </c>
      <c r="O3788" s="98" t="s">
        <v>400</v>
      </c>
      <c r="P3788" s="98" t="s">
        <v>400</v>
      </c>
      <c r="Q3788" s="98" t="s">
        <v>400</v>
      </c>
      <c r="R3788" s="98" t="s">
        <v>400</v>
      </c>
      <c r="S3788" s="98" t="s">
        <v>400</v>
      </c>
      <c r="T3788" s="98" t="s">
        <v>400</v>
      </c>
      <c r="U3788" s="98">
        <v>0</v>
      </c>
      <c r="V3788" s="98">
        <v>0</v>
      </c>
      <c r="W3788" s="98" t="s">
        <v>400</v>
      </c>
      <c r="X3788" s="98" t="s">
        <v>400</v>
      </c>
      <c r="Y3788" s="98">
        <v>0</v>
      </c>
      <c r="Z3788" s="98" t="s">
        <v>400</v>
      </c>
      <c r="AA3788" s="98" t="s">
        <v>400</v>
      </c>
      <c r="AB3788" s="98">
        <v>0</v>
      </c>
      <c r="AC3788" s="98">
        <v>0</v>
      </c>
      <c r="AD3788" s="98" t="s">
        <v>400</v>
      </c>
      <c r="AE3788" s="98">
        <v>0</v>
      </c>
      <c r="AF3788" s="98">
        <v>0</v>
      </c>
      <c r="AG3788" s="98">
        <v>0</v>
      </c>
      <c r="AH3788" s="98">
        <v>0</v>
      </c>
      <c r="AI3788" s="98">
        <v>0</v>
      </c>
      <c r="AJ3788" s="98">
        <v>0</v>
      </c>
      <c r="AK3788" s="98">
        <v>0</v>
      </c>
      <c r="AL3788" s="98">
        <v>0</v>
      </c>
      <c r="AM3788" s="98" t="s">
        <v>400</v>
      </c>
      <c r="AN3788" s="98" t="s">
        <v>400</v>
      </c>
      <c r="AO3788" s="98" t="s">
        <v>400</v>
      </c>
      <c r="AP3788" s="98">
        <v>0</v>
      </c>
      <c r="AQ3788" s="98">
        <v>0</v>
      </c>
      <c r="AR3788" s="98" t="s">
        <v>400</v>
      </c>
      <c r="AS3788" s="98" t="s">
        <v>400</v>
      </c>
      <c r="AT3788" s="98" t="s">
        <v>400</v>
      </c>
      <c r="AU3788" s="98" t="s">
        <v>400</v>
      </c>
      <c r="AV3788" s="98" t="s">
        <v>400</v>
      </c>
      <c r="AW3788" s="98" t="s">
        <v>400</v>
      </c>
      <c r="AX3788" s="98"/>
      <c r="AY3788" s="98"/>
      <c r="AZ3788" s="98"/>
      <c r="BA3788" s="98"/>
      <c r="BB3788" s="107">
        <v>45884</v>
      </c>
    </row>
    <row r="3789" spans="1:54" s="8" customFormat="1" ht="13.95" customHeight="1" x14ac:dyDescent="0.25">
      <c r="A3789" s="219" t="s">
        <v>8440</v>
      </c>
      <c r="B3789" s="220" t="s">
        <v>6395</v>
      </c>
      <c r="C3789" s="98" t="s">
        <v>8441</v>
      </c>
      <c r="D3789" s="98" t="s">
        <v>21412</v>
      </c>
      <c r="E3789" s="141">
        <v>2014</v>
      </c>
      <c r="F3789" s="141">
        <v>15548</v>
      </c>
      <c r="G3789" s="98" t="s">
        <v>8</v>
      </c>
      <c r="H3789" s="98">
        <v>0</v>
      </c>
      <c r="I3789" s="98">
        <v>0</v>
      </c>
      <c r="J3789" s="98" t="s">
        <v>400</v>
      </c>
      <c r="K3789" s="98" t="s">
        <v>400</v>
      </c>
      <c r="L3789" s="98" t="s">
        <v>400</v>
      </c>
      <c r="M3789" s="98" t="s">
        <v>400</v>
      </c>
      <c r="N3789" s="98" t="s">
        <v>400</v>
      </c>
      <c r="O3789" s="98" t="s">
        <v>400</v>
      </c>
      <c r="P3789" s="98" t="s">
        <v>400</v>
      </c>
      <c r="Q3789" s="98" t="s">
        <v>400</v>
      </c>
      <c r="R3789" s="98" t="s">
        <v>400</v>
      </c>
      <c r="S3789" s="98" t="s">
        <v>400</v>
      </c>
      <c r="T3789" s="98" t="s">
        <v>400</v>
      </c>
      <c r="U3789" s="98">
        <v>0</v>
      </c>
      <c r="V3789" s="98">
        <v>0</v>
      </c>
      <c r="W3789" s="98" t="s">
        <v>400</v>
      </c>
      <c r="X3789" s="98" t="s">
        <v>400</v>
      </c>
      <c r="Y3789" s="98">
        <v>0</v>
      </c>
      <c r="Z3789" s="98" t="s">
        <v>400</v>
      </c>
      <c r="AA3789" s="98" t="s">
        <v>400</v>
      </c>
      <c r="AB3789" s="98">
        <v>0</v>
      </c>
      <c r="AC3789" s="98">
        <v>0</v>
      </c>
      <c r="AD3789" s="98" t="s">
        <v>400</v>
      </c>
      <c r="AE3789" s="98">
        <v>0</v>
      </c>
      <c r="AF3789" s="98">
        <v>0</v>
      </c>
      <c r="AG3789" s="98">
        <v>0</v>
      </c>
      <c r="AH3789" s="98">
        <v>0</v>
      </c>
      <c r="AI3789" s="98">
        <v>0</v>
      </c>
      <c r="AJ3789" s="98">
        <v>0</v>
      </c>
      <c r="AK3789" s="98">
        <v>0</v>
      </c>
      <c r="AL3789" s="98">
        <v>0</v>
      </c>
      <c r="AM3789" s="98" t="s">
        <v>400</v>
      </c>
      <c r="AN3789" s="98" t="s">
        <v>400</v>
      </c>
      <c r="AO3789" s="98" t="s">
        <v>400</v>
      </c>
      <c r="AP3789" s="98">
        <v>0</v>
      </c>
      <c r="AQ3789" s="98">
        <v>0</v>
      </c>
      <c r="AR3789" s="98" t="s">
        <v>400</v>
      </c>
      <c r="AS3789" s="98" t="s">
        <v>400</v>
      </c>
      <c r="AT3789" s="98" t="s">
        <v>400</v>
      </c>
      <c r="AU3789" s="98" t="s">
        <v>400</v>
      </c>
      <c r="AV3789" s="98" t="s">
        <v>400</v>
      </c>
      <c r="AW3789" s="98" t="s">
        <v>400</v>
      </c>
      <c r="AX3789" s="98"/>
      <c r="AY3789" s="98"/>
      <c r="AZ3789" s="98"/>
      <c r="BA3789" s="98"/>
      <c r="BB3789" s="107">
        <v>45884</v>
      </c>
    </row>
    <row r="3790" spans="1:54" s="8" customFormat="1" ht="13.95" customHeight="1" x14ac:dyDescent="0.25">
      <c r="A3790" s="219" t="s">
        <v>8442</v>
      </c>
      <c r="B3790" s="220" t="s">
        <v>6395</v>
      </c>
      <c r="C3790" s="98" t="s">
        <v>8443</v>
      </c>
      <c r="D3790" s="98" t="s">
        <v>21413</v>
      </c>
      <c r="E3790" s="141">
        <v>2010</v>
      </c>
      <c r="F3790" s="141">
        <v>480</v>
      </c>
      <c r="G3790" s="98" t="s">
        <v>8</v>
      </c>
      <c r="H3790" s="98">
        <v>0</v>
      </c>
      <c r="I3790" s="98">
        <v>0</v>
      </c>
      <c r="J3790" s="98" t="s">
        <v>400</v>
      </c>
      <c r="K3790" s="98" t="s">
        <v>400</v>
      </c>
      <c r="L3790" s="98" t="s">
        <v>400</v>
      </c>
      <c r="M3790" s="98" t="s">
        <v>400</v>
      </c>
      <c r="N3790" s="98" t="s">
        <v>400</v>
      </c>
      <c r="O3790" s="98" t="s">
        <v>400</v>
      </c>
      <c r="P3790" s="98" t="s">
        <v>400</v>
      </c>
      <c r="Q3790" s="98" t="s">
        <v>400</v>
      </c>
      <c r="R3790" s="98" t="s">
        <v>400</v>
      </c>
      <c r="S3790" s="98" t="s">
        <v>400</v>
      </c>
      <c r="T3790" s="98" t="s">
        <v>400</v>
      </c>
      <c r="U3790" s="98">
        <v>0</v>
      </c>
      <c r="V3790" s="98">
        <v>0</v>
      </c>
      <c r="W3790" s="98" t="s">
        <v>400</v>
      </c>
      <c r="X3790" s="98" t="s">
        <v>400</v>
      </c>
      <c r="Y3790" s="98">
        <v>0</v>
      </c>
      <c r="Z3790" s="98" t="s">
        <v>400</v>
      </c>
      <c r="AA3790" s="98" t="s">
        <v>400</v>
      </c>
      <c r="AB3790" s="98">
        <v>0</v>
      </c>
      <c r="AC3790" s="98">
        <v>0</v>
      </c>
      <c r="AD3790" s="98" t="s">
        <v>400</v>
      </c>
      <c r="AE3790" s="98">
        <v>0</v>
      </c>
      <c r="AF3790" s="98">
        <v>0</v>
      </c>
      <c r="AG3790" s="98">
        <v>0</v>
      </c>
      <c r="AH3790" s="98">
        <v>0</v>
      </c>
      <c r="AI3790" s="98">
        <v>0</v>
      </c>
      <c r="AJ3790" s="98">
        <v>0</v>
      </c>
      <c r="AK3790" s="98">
        <v>0</v>
      </c>
      <c r="AL3790" s="98">
        <v>0</v>
      </c>
      <c r="AM3790" s="98" t="s">
        <v>400</v>
      </c>
      <c r="AN3790" s="98" t="s">
        <v>400</v>
      </c>
      <c r="AO3790" s="98" t="s">
        <v>400</v>
      </c>
      <c r="AP3790" s="98">
        <v>0</v>
      </c>
      <c r="AQ3790" s="98">
        <v>0</v>
      </c>
      <c r="AR3790" s="98" t="s">
        <v>400</v>
      </c>
      <c r="AS3790" s="98" t="s">
        <v>400</v>
      </c>
      <c r="AT3790" s="98" t="s">
        <v>400</v>
      </c>
      <c r="AU3790" s="98" t="s">
        <v>400</v>
      </c>
      <c r="AV3790" s="98" t="s">
        <v>400</v>
      </c>
      <c r="AW3790" s="98" t="s">
        <v>400</v>
      </c>
      <c r="AX3790" s="98"/>
      <c r="AY3790" s="98"/>
      <c r="AZ3790" s="98"/>
      <c r="BA3790" s="98"/>
      <c r="BB3790" s="107">
        <v>45884</v>
      </c>
    </row>
    <row r="3791" spans="1:54" s="8" customFormat="1" ht="13.95" customHeight="1" x14ac:dyDescent="0.25">
      <c r="A3791" s="219" t="s">
        <v>8444</v>
      </c>
      <c r="B3791" s="220" t="s">
        <v>6395</v>
      </c>
      <c r="C3791" s="98" t="s">
        <v>8445</v>
      </c>
      <c r="D3791" s="98" t="s">
        <v>21414</v>
      </c>
      <c r="E3791" s="141">
        <v>2012</v>
      </c>
      <c r="F3791" s="141">
        <v>298</v>
      </c>
      <c r="G3791" s="98" t="s">
        <v>8</v>
      </c>
      <c r="H3791" s="98">
        <v>0</v>
      </c>
      <c r="I3791" s="98">
        <v>0</v>
      </c>
      <c r="J3791" s="98" t="s">
        <v>400</v>
      </c>
      <c r="K3791" s="98" t="s">
        <v>400</v>
      </c>
      <c r="L3791" s="98" t="s">
        <v>400</v>
      </c>
      <c r="M3791" s="98" t="s">
        <v>400</v>
      </c>
      <c r="N3791" s="98" t="s">
        <v>400</v>
      </c>
      <c r="O3791" s="98" t="s">
        <v>400</v>
      </c>
      <c r="P3791" s="98" t="s">
        <v>400</v>
      </c>
      <c r="Q3791" s="98" t="s">
        <v>400</v>
      </c>
      <c r="R3791" s="98" t="s">
        <v>400</v>
      </c>
      <c r="S3791" s="98" t="s">
        <v>400</v>
      </c>
      <c r="T3791" s="98" t="s">
        <v>400</v>
      </c>
      <c r="U3791" s="98">
        <v>0</v>
      </c>
      <c r="V3791" s="98">
        <v>0</v>
      </c>
      <c r="W3791" s="98" t="s">
        <v>400</v>
      </c>
      <c r="X3791" s="98" t="s">
        <v>400</v>
      </c>
      <c r="Y3791" s="98">
        <v>0</v>
      </c>
      <c r="Z3791" s="98" t="s">
        <v>400</v>
      </c>
      <c r="AA3791" s="98" t="s">
        <v>400</v>
      </c>
      <c r="AB3791" s="98">
        <v>0</v>
      </c>
      <c r="AC3791" s="98">
        <v>0</v>
      </c>
      <c r="AD3791" s="98" t="s">
        <v>400</v>
      </c>
      <c r="AE3791" s="98">
        <v>0</v>
      </c>
      <c r="AF3791" s="98">
        <v>0</v>
      </c>
      <c r="AG3791" s="98">
        <v>0</v>
      </c>
      <c r="AH3791" s="98">
        <v>0</v>
      </c>
      <c r="AI3791" s="98">
        <v>0</v>
      </c>
      <c r="AJ3791" s="98">
        <v>0</v>
      </c>
      <c r="AK3791" s="98">
        <v>0</v>
      </c>
      <c r="AL3791" s="98">
        <v>0</v>
      </c>
      <c r="AM3791" s="98" t="s">
        <v>400</v>
      </c>
      <c r="AN3791" s="98" t="s">
        <v>400</v>
      </c>
      <c r="AO3791" s="98" t="s">
        <v>400</v>
      </c>
      <c r="AP3791" s="98">
        <v>0</v>
      </c>
      <c r="AQ3791" s="98">
        <v>0</v>
      </c>
      <c r="AR3791" s="98" t="s">
        <v>400</v>
      </c>
      <c r="AS3791" s="98" t="s">
        <v>400</v>
      </c>
      <c r="AT3791" s="98" t="s">
        <v>400</v>
      </c>
      <c r="AU3791" s="98" t="s">
        <v>400</v>
      </c>
      <c r="AV3791" s="98" t="s">
        <v>400</v>
      </c>
      <c r="AW3791" s="98" t="s">
        <v>400</v>
      </c>
      <c r="AX3791" s="98"/>
      <c r="AY3791" s="98"/>
      <c r="AZ3791" s="98"/>
      <c r="BA3791" s="98"/>
      <c r="BB3791" s="107">
        <v>45884</v>
      </c>
    </row>
    <row r="3792" spans="1:54" s="8" customFormat="1" ht="13.95" customHeight="1" x14ac:dyDescent="0.25">
      <c r="A3792" s="219" t="s">
        <v>8446</v>
      </c>
      <c r="B3792" s="220" t="s">
        <v>6395</v>
      </c>
      <c r="C3792" s="98" t="s">
        <v>8447</v>
      </c>
      <c r="D3792" s="98" t="s">
        <v>21415</v>
      </c>
      <c r="E3792" s="141">
        <v>2012</v>
      </c>
      <c r="F3792" s="141">
        <v>4473</v>
      </c>
      <c r="G3792" s="98" t="s">
        <v>8</v>
      </c>
      <c r="H3792" s="98">
        <v>0</v>
      </c>
      <c r="I3792" s="98">
        <v>0</v>
      </c>
      <c r="J3792" s="98" t="s">
        <v>400</v>
      </c>
      <c r="K3792" s="98" t="s">
        <v>400</v>
      </c>
      <c r="L3792" s="98" t="s">
        <v>400</v>
      </c>
      <c r="M3792" s="98" t="s">
        <v>400</v>
      </c>
      <c r="N3792" s="98" t="s">
        <v>400</v>
      </c>
      <c r="O3792" s="98" t="s">
        <v>400</v>
      </c>
      <c r="P3792" s="98" t="s">
        <v>400</v>
      </c>
      <c r="Q3792" s="98" t="s">
        <v>400</v>
      </c>
      <c r="R3792" s="98" t="s">
        <v>400</v>
      </c>
      <c r="S3792" s="98" t="s">
        <v>400</v>
      </c>
      <c r="T3792" s="98" t="s">
        <v>400</v>
      </c>
      <c r="U3792" s="98">
        <v>0</v>
      </c>
      <c r="V3792" s="98">
        <v>0</v>
      </c>
      <c r="W3792" s="98" t="s">
        <v>400</v>
      </c>
      <c r="X3792" s="98" t="s">
        <v>400</v>
      </c>
      <c r="Y3792" s="98">
        <v>0</v>
      </c>
      <c r="Z3792" s="98" t="s">
        <v>400</v>
      </c>
      <c r="AA3792" s="98" t="s">
        <v>400</v>
      </c>
      <c r="AB3792" s="98">
        <v>0</v>
      </c>
      <c r="AC3792" s="98">
        <v>0</v>
      </c>
      <c r="AD3792" s="98" t="s">
        <v>400</v>
      </c>
      <c r="AE3792" s="98">
        <v>0</v>
      </c>
      <c r="AF3792" s="98">
        <v>0</v>
      </c>
      <c r="AG3792" s="98">
        <v>0</v>
      </c>
      <c r="AH3792" s="98">
        <v>0</v>
      </c>
      <c r="AI3792" s="98">
        <v>0</v>
      </c>
      <c r="AJ3792" s="98">
        <v>0</v>
      </c>
      <c r="AK3792" s="98">
        <v>0</v>
      </c>
      <c r="AL3792" s="98">
        <v>0</v>
      </c>
      <c r="AM3792" s="98" t="s">
        <v>400</v>
      </c>
      <c r="AN3792" s="98" t="s">
        <v>400</v>
      </c>
      <c r="AO3792" s="98" t="s">
        <v>400</v>
      </c>
      <c r="AP3792" s="98">
        <v>0</v>
      </c>
      <c r="AQ3792" s="98">
        <v>0</v>
      </c>
      <c r="AR3792" s="98" t="s">
        <v>400</v>
      </c>
      <c r="AS3792" s="98" t="s">
        <v>400</v>
      </c>
      <c r="AT3792" s="98" t="s">
        <v>400</v>
      </c>
      <c r="AU3792" s="98" t="s">
        <v>400</v>
      </c>
      <c r="AV3792" s="98" t="s">
        <v>400</v>
      </c>
      <c r="AW3792" s="98" t="s">
        <v>400</v>
      </c>
      <c r="AX3792" s="98"/>
      <c r="AY3792" s="98"/>
      <c r="AZ3792" s="98"/>
      <c r="BA3792" s="98"/>
      <c r="BB3792" s="107">
        <v>45884</v>
      </c>
    </row>
    <row r="3793" spans="1:54" s="8" customFormat="1" ht="13.95" customHeight="1" x14ac:dyDescent="0.25">
      <c r="A3793" s="219" t="s">
        <v>8448</v>
      </c>
      <c r="B3793" s="220" t="s">
        <v>6395</v>
      </c>
      <c r="C3793" s="98" t="s">
        <v>8449</v>
      </c>
      <c r="D3793" s="98" t="s">
        <v>21416</v>
      </c>
      <c r="E3793" s="141">
        <v>2014</v>
      </c>
      <c r="F3793" s="141">
        <v>258</v>
      </c>
      <c r="G3793" s="98" t="s">
        <v>8</v>
      </c>
      <c r="H3793" s="98">
        <v>0</v>
      </c>
      <c r="I3793" s="98">
        <v>0</v>
      </c>
      <c r="J3793" s="98" t="s">
        <v>400</v>
      </c>
      <c r="K3793" s="98" t="s">
        <v>400</v>
      </c>
      <c r="L3793" s="98" t="s">
        <v>400</v>
      </c>
      <c r="M3793" s="98" t="s">
        <v>400</v>
      </c>
      <c r="N3793" s="98" t="s">
        <v>400</v>
      </c>
      <c r="O3793" s="98" t="s">
        <v>400</v>
      </c>
      <c r="P3793" s="98" t="s">
        <v>400</v>
      </c>
      <c r="Q3793" s="98" t="s">
        <v>400</v>
      </c>
      <c r="R3793" s="98" t="s">
        <v>400</v>
      </c>
      <c r="S3793" s="98" t="s">
        <v>400</v>
      </c>
      <c r="T3793" s="98" t="s">
        <v>400</v>
      </c>
      <c r="U3793" s="98">
        <v>0</v>
      </c>
      <c r="V3793" s="98">
        <v>0</v>
      </c>
      <c r="W3793" s="98" t="s">
        <v>400</v>
      </c>
      <c r="X3793" s="98" t="s">
        <v>400</v>
      </c>
      <c r="Y3793" s="98">
        <v>0</v>
      </c>
      <c r="Z3793" s="98" t="s">
        <v>400</v>
      </c>
      <c r="AA3793" s="98" t="s">
        <v>400</v>
      </c>
      <c r="AB3793" s="98">
        <v>0</v>
      </c>
      <c r="AC3793" s="98">
        <v>0</v>
      </c>
      <c r="AD3793" s="98" t="s">
        <v>400</v>
      </c>
      <c r="AE3793" s="98">
        <v>0</v>
      </c>
      <c r="AF3793" s="98">
        <v>0</v>
      </c>
      <c r="AG3793" s="98">
        <v>0</v>
      </c>
      <c r="AH3793" s="98">
        <v>0</v>
      </c>
      <c r="AI3793" s="98">
        <v>0</v>
      </c>
      <c r="AJ3793" s="98">
        <v>0</v>
      </c>
      <c r="AK3793" s="98">
        <v>0</v>
      </c>
      <c r="AL3793" s="98">
        <v>0</v>
      </c>
      <c r="AM3793" s="98" t="s">
        <v>400</v>
      </c>
      <c r="AN3793" s="98" t="s">
        <v>400</v>
      </c>
      <c r="AO3793" s="98" t="s">
        <v>400</v>
      </c>
      <c r="AP3793" s="98">
        <v>0</v>
      </c>
      <c r="AQ3793" s="98">
        <v>0</v>
      </c>
      <c r="AR3793" s="98" t="s">
        <v>400</v>
      </c>
      <c r="AS3793" s="98" t="s">
        <v>400</v>
      </c>
      <c r="AT3793" s="98" t="s">
        <v>400</v>
      </c>
      <c r="AU3793" s="98" t="s">
        <v>400</v>
      </c>
      <c r="AV3793" s="98" t="s">
        <v>400</v>
      </c>
      <c r="AW3793" s="98" t="s">
        <v>400</v>
      </c>
      <c r="AX3793" s="98"/>
      <c r="AY3793" s="98"/>
      <c r="AZ3793" s="98"/>
      <c r="BA3793" s="98"/>
      <c r="BB3793" s="107">
        <v>45884</v>
      </c>
    </row>
    <row r="3794" spans="1:54" s="8" customFormat="1" ht="13.95" customHeight="1" x14ac:dyDescent="0.25">
      <c r="A3794" s="219" t="s">
        <v>8450</v>
      </c>
      <c r="B3794" s="220" t="s">
        <v>6395</v>
      </c>
      <c r="C3794" s="98" t="s">
        <v>8451</v>
      </c>
      <c r="D3794" s="98" t="s">
        <v>21417</v>
      </c>
      <c r="E3794" s="141">
        <v>2002</v>
      </c>
      <c r="F3794" s="141">
        <v>135</v>
      </c>
      <c r="G3794" s="98" t="s">
        <v>8</v>
      </c>
      <c r="H3794" s="98">
        <v>0</v>
      </c>
      <c r="I3794" s="98">
        <v>0</v>
      </c>
      <c r="J3794" s="98" t="s">
        <v>400</v>
      </c>
      <c r="K3794" s="98" t="s">
        <v>400</v>
      </c>
      <c r="L3794" s="98" t="s">
        <v>400</v>
      </c>
      <c r="M3794" s="98" t="s">
        <v>400</v>
      </c>
      <c r="N3794" s="98" t="s">
        <v>400</v>
      </c>
      <c r="O3794" s="98" t="s">
        <v>400</v>
      </c>
      <c r="P3794" s="98" t="s">
        <v>400</v>
      </c>
      <c r="Q3794" s="98" t="s">
        <v>400</v>
      </c>
      <c r="R3794" s="98" t="s">
        <v>400</v>
      </c>
      <c r="S3794" s="98" t="s">
        <v>400</v>
      </c>
      <c r="T3794" s="98" t="s">
        <v>400</v>
      </c>
      <c r="U3794" s="98">
        <v>0</v>
      </c>
      <c r="V3794" s="98">
        <v>0</v>
      </c>
      <c r="W3794" s="98" t="s">
        <v>400</v>
      </c>
      <c r="X3794" s="98" t="s">
        <v>400</v>
      </c>
      <c r="Y3794" s="98">
        <v>0</v>
      </c>
      <c r="Z3794" s="98" t="s">
        <v>400</v>
      </c>
      <c r="AA3794" s="98" t="s">
        <v>400</v>
      </c>
      <c r="AB3794" s="98">
        <v>0</v>
      </c>
      <c r="AC3794" s="98">
        <v>0</v>
      </c>
      <c r="AD3794" s="98" t="s">
        <v>400</v>
      </c>
      <c r="AE3794" s="98">
        <v>0</v>
      </c>
      <c r="AF3794" s="98">
        <v>0</v>
      </c>
      <c r="AG3794" s="98">
        <v>0</v>
      </c>
      <c r="AH3794" s="98">
        <v>0</v>
      </c>
      <c r="AI3794" s="98">
        <v>0</v>
      </c>
      <c r="AJ3794" s="98">
        <v>0</v>
      </c>
      <c r="AK3794" s="98">
        <v>0</v>
      </c>
      <c r="AL3794" s="98">
        <v>0</v>
      </c>
      <c r="AM3794" s="98" t="s">
        <v>400</v>
      </c>
      <c r="AN3794" s="98" t="s">
        <v>400</v>
      </c>
      <c r="AO3794" s="98" t="s">
        <v>400</v>
      </c>
      <c r="AP3794" s="98">
        <v>0</v>
      </c>
      <c r="AQ3794" s="98">
        <v>0</v>
      </c>
      <c r="AR3794" s="98" t="s">
        <v>400</v>
      </c>
      <c r="AS3794" s="98" t="s">
        <v>400</v>
      </c>
      <c r="AT3794" s="98" t="s">
        <v>400</v>
      </c>
      <c r="AU3794" s="98" t="s">
        <v>400</v>
      </c>
      <c r="AV3794" s="98" t="s">
        <v>400</v>
      </c>
      <c r="AW3794" s="98" t="s">
        <v>400</v>
      </c>
      <c r="AX3794" s="98"/>
      <c r="AY3794" s="98"/>
      <c r="AZ3794" s="98"/>
      <c r="BA3794" s="98"/>
      <c r="BB3794" s="107">
        <v>45884</v>
      </c>
    </row>
    <row r="3795" spans="1:54" s="8" customFormat="1" ht="13.95" customHeight="1" x14ac:dyDescent="0.25">
      <c r="A3795" s="219" t="s">
        <v>8452</v>
      </c>
      <c r="B3795" s="220" t="s">
        <v>6395</v>
      </c>
      <c r="C3795" s="98" t="s">
        <v>8453</v>
      </c>
      <c r="D3795" s="98" t="s">
        <v>21418</v>
      </c>
      <c r="E3795" s="141">
        <v>2002</v>
      </c>
      <c r="F3795" s="141">
        <v>224</v>
      </c>
      <c r="G3795" s="98" t="s">
        <v>8</v>
      </c>
      <c r="H3795" s="98">
        <v>0</v>
      </c>
      <c r="I3795" s="98">
        <v>0</v>
      </c>
      <c r="J3795" s="98" t="s">
        <v>400</v>
      </c>
      <c r="K3795" s="98" t="s">
        <v>400</v>
      </c>
      <c r="L3795" s="98" t="s">
        <v>400</v>
      </c>
      <c r="M3795" s="98" t="s">
        <v>400</v>
      </c>
      <c r="N3795" s="98" t="s">
        <v>400</v>
      </c>
      <c r="O3795" s="98" t="s">
        <v>400</v>
      </c>
      <c r="P3795" s="98" t="s">
        <v>400</v>
      </c>
      <c r="Q3795" s="98" t="s">
        <v>400</v>
      </c>
      <c r="R3795" s="98" t="s">
        <v>400</v>
      </c>
      <c r="S3795" s="98" t="s">
        <v>400</v>
      </c>
      <c r="T3795" s="98" t="s">
        <v>400</v>
      </c>
      <c r="U3795" s="98">
        <v>0</v>
      </c>
      <c r="V3795" s="98">
        <v>0</v>
      </c>
      <c r="W3795" s="98" t="s">
        <v>400</v>
      </c>
      <c r="X3795" s="98" t="s">
        <v>400</v>
      </c>
      <c r="Y3795" s="98">
        <v>0</v>
      </c>
      <c r="Z3795" s="98" t="s">
        <v>400</v>
      </c>
      <c r="AA3795" s="98" t="s">
        <v>400</v>
      </c>
      <c r="AB3795" s="98">
        <v>0</v>
      </c>
      <c r="AC3795" s="98">
        <v>0</v>
      </c>
      <c r="AD3795" s="98" t="s">
        <v>400</v>
      </c>
      <c r="AE3795" s="98">
        <v>0</v>
      </c>
      <c r="AF3795" s="98">
        <v>0</v>
      </c>
      <c r="AG3795" s="98">
        <v>0</v>
      </c>
      <c r="AH3795" s="98">
        <v>0</v>
      </c>
      <c r="AI3795" s="98">
        <v>0</v>
      </c>
      <c r="AJ3795" s="98">
        <v>0</v>
      </c>
      <c r="AK3795" s="98">
        <v>0</v>
      </c>
      <c r="AL3795" s="98">
        <v>0</v>
      </c>
      <c r="AM3795" s="98" t="s">
        <v>400</v>
      </c>
      <c r="AN3795" s="98" t="s">
        <v>400</v>
      </c>
      <c r="AO3795" s="98" t="s">
        <v>400</v>
      </c>
      <c r="AP3795" s="98">
        <v>0</v>
      </c>
      <c r="AQ3795" s="98">
        <v>0</v>
      </c>
      <c r="AR3795" s="98" t="s">
        <v>400</v>
      </c>
      <c r="AS3795" s="98" t="s">
        <v>400</v>
      </c>
      <c r="AT3795" s="98" t="s">
        <v>400</v>
      </c>
      <c r="AU3795" s="98" t="s">
        <v>400</v>
      </c>
      <c r="AV3795" s="98" t="s">
        <v>400</v>
      </c>
      <c r="AW3795" s="98" t="s">
        <v>400</v>
      </c>
      <c r="AX3795" s="98"/>
      <c r="AY3795" s="98"/>
      <c r="AZ3795" s="98"/>
      <c r="BA3795" s="98"/>
      <c r="BB3795" s="107">
        <v>45884</v>
      </c>
    </row>
    <row r="3796" spans="1:54" s="8" customFormat="1" ht="13.95" customHeight="1" x14ac:dyDescent="0.25">
      <c r="A3796" s="219" t="s">
        <v>8454</v>
      </c>
      <c r="B3796" s="220" t="s">
        <v>6395</v>
      </c>
      <c r="C3796" s="98" t="s">
        <v>8455</v>
      </c>
      <c r="D3796" s="98" t="s">
        <v>21419</v>
      </c>
      <c r="E3796" s="141">
        <v>2002</v>
      </c>
      <c r="F3796" s="141">
        <v>459</v>
      </c>
      <c r="G3796" s="98" t="s">
        <v>8</v>
      </c>
      <c r="H3796" s="98">
        <v>0</v>
      </c>
      <c r="I3796" s="98">
        <v>0</v>
      </c>
      <c r="J3796" s="98" t="s">
        <v>400</v>
      </c>
      <c r="K3796" s="98" t="s">
        <v>400</v>
      </c>
      <c r="L3796" s="98" t="s">
        <v>400</v>
      </c>
      <c r="M3796" s="98" t="s">
        <v>400</v>
      </c>
      <c r="N3796" s="98" t="s">
        <v>400</v>
      </c>
      <c r="O3796" s="98" t="s">
        <v>400</v>
      </c>
      <c r="P3796" s="98" t="s">
        <v>400</v>
      </c>
      <c r="Q3796" s="98" t="s">
        <v>400</v>
      </c>
      <c r="R3796" s="98" t="s">
        <v>400</v>
      </c>
      <c r="S3796" s="98" t="s">
        <v>400</v>
      </c>
      <c r="T3796" s="98" t="s">
        <v>400</v>
      </c>
      <c r="U3796" s="98">
        <v>0</v>
      </c>
      <c r="V3796" s="98">
        <v>0</v>
      </c>
      <c r="W3796" s="98" t="s">
        <v>400</v>
      </c>
      <c r="X3796" s="98" t="s">
        <v>400</v>
      </c>
      <c r="Y3796" s="98">
        <v>0</v>
      </c>
      <c r="Z3796" s="98" t="s">
        <v>400</v>
      </c>
      <c r="AA3796" s="98" t="s">
        <v>400</v>
      </c>
      <c r="AB3796" s="98">
        <v>0</v>
      </c>
      <c r="AC3796" s="98">
        <v>0</v>
      </c>
      <c r="AD3796" s="98" t="s">
        <v>400</v>
      </c>
      <c r="AE3796" s="98">
        <v>0</v>
      </c>
      <c r="AF3796" s="98">
        <v>0</v>
      </c>
      <c r="AG3796" s="98">
        <v>0</v>
      </c>
      <c r="AH3796" s="98">
        <v>0</v>
      </c>
      <c r="AI3796" s="98">
        <v>0</v>
      </c>
      <c r="AJ3796" s="98">
        <v>0</v>
      </c>
      <c r="AK3796" s="98">
        <v>0</v>
      </c>
      <c r="AL3796" s="98">
        <v>0</v>
      </c>
      <c r="AM3796" s="98" t="s">
        <v>400</v>
      </c>
      <c r="AN3796" s="98" t="s">
        <v>400</v>
      </c>
      <c r="AO3796" s="98" t="s">
        <v>400</v>
      </c>
      <c r="AP3796" s="98">
        <v>0</v>
      </c>
      <c r="AQ3796" s="98">
        <v>0</v>
      </c>
      <c r="AR3796" s="98" t="s">
        <v>400</v>
      </c>
      <c r="AS3796" s="98" t="s">
        <v>400</v>
      </c>
      <c r="AT3796" s="98" t="s">
        <v>400</v>
      </c>
      <c r="AU3796" s="98" t="s">
        <v>400</v>
      </c>
      <c r="AV3796" s="98" t="s">
        <v>400</v>
      </c>
      <c r="AW3796" s="98" t="s">
        <v>400</v>
      </c>
      <c r="AX3796" s="98"/>
      <c r="AY3796" s="98"/>
      <c r="AZ3796" s="98"/>
      <c r="BA3796" s="98"/>
      <c r="BB3796" s="107">
        <v>45884</v>
      </c>
    </row>
    <row r="3797" spans="1:54" s="8" customFormat="1" ht="13.95" customHeight="1" x14ac:dyDescent="0.25">
      <c r="A3797" s="219" t="s">
        <v>8456</v>
      </c>
      <c r="B3797" s="220" t="s">
        <v>6395</v>
      </c>
      <c r="C3797" s="98" t="s">
        <v>8457</v>
      </c>
      <c r="D3797" s="98" t="s">
        <v>21420</v>
      </c>
      <c r="E3797" s="141">
        <v>2004</v>
      </c>
      <c r="F3797" s="141">
        <v>501</v>
      </c>
      <c r="G3797" s="98" t="s">
        <v>8</v>
      </c>
      <c r="H3797" s="98">
        <v>0</v>
      </c>
      <c r="I3797" s="98">
        <v>0</v>
      </c>
      <c r="J3797" s="98" t="s">
        <v>400</v>
      </c>
      <c r="K3797" s="98" t="s">
        <v>400</v>
      </c>
      <c r="L3797" s="98" t="s">
        <v>400</v>
      </c>
      <c r="M3797" s="98" t="s">
        <v>400</v>
      </c>
      <c r="N3797" s="98" t="s">
        <v>400</v>
      </c>
      <c r="O3797" s="98" t="s">
        <v>400</v>
      </c>
      <c r="P3797" s="98" t="s">
        <v>400</v>
      </c>
      <c r="Q3797" s="98" t="s">
        <v>400</v>
      </c>
      <c r="R3797" s="98" t="s">
        <v>400</v>
      </c>
      <c r="S3797" s="98" t="s">
        <v>400</v>
      </c>
      <c r="T3797" s="98" t="s">
        <v>400</v>
      </c>
      <c r="U3797" s="98">
        <v>0</v>
      </c>
      <c r="V3797" s="98">
        <v>0</v>
      </c>
      <c r="W3797" s="98" t="s">
        <v>400</v>
      </c>
      <c r="X3797" s="98" t="s">
        <v>400</v>
      </c>
      <c r="Y3797" s="98">
        <v>0</v>
      </c>
      <c r="Z3797" s="98" t="s">
        <v>400</v>
      </c>
      <c r="AA3797" s="98" t="s">
        <v>400</v>
      </c>
      <c r="AB3797" s="98">
        <v>0</v>
      </c>
      <c r="AC3797" s="98">
        <v>0</v>
      </c>
      <c r="AD3797" s="98" t="s">
        <v>400</v>
      </c>
      <c r="AE3797" s="98">
        <v>0</v>
      </c>
      <c r="AF3797" s="98">
        <v>0</v>
      </c>
      <c r="AG3797" s="98">
        <v>0</v>
      </c>
      <c r="AH3797" s="98">
        <v>0</v>
      </c>
      <c r="AI3797" s="98">
        <v>0</v>
      </c>
      <c r="AJ3797" s="98">
        <v>0</v>
      </c>
      <c r="AK3797" s="98">
        <v>0</v>
      </c>
      <c r="AL3797" s="98">
        <v>0</v>
      </c>
      <c r="AM3797" s="98" t="s">
        <v>400</v>
      </c>
      <c r="AN3797" s="98" t="s">
        <v>400</v>
      </c>
      <c r="AO3797" s="98" t="s">
        <v>400</v>
      </c>
      <c r="AP3797" s="98">
        <v>0</v>
      </c>
      <c r="AQ3797" s="98">
        <v>0</v>
      </c>
      <c r="AR3797" s="98" t="s">
        <v>400</v>
      </c>
      <c r="AS3797" s="98" t="s">
        <v>400</v>
      </c>
      <c r="AT3797" s="98" t="s">
        <v>400</v>
      </c>
      <c r="AU3797" s="98" t="s">
        <v>400</v>
      </c>
      <c r="AV3797" s="98" t="s">
        <v>400</v>
      </c>
      <c r="AW3797" s="98" t="s">
        <v>400</v>
      </c>
      <c r="AX3797" s="98"/>
      <c r="AY3797" s="98"/>
      <c r="AZ3797" s="98"/>
      <c r="BA3797" s="98"/>
      <c r="BB3797" s="107">
        <v>45884</v>
      </c>
    </row>
    <row r="3798" spans="1:54" s="8" customFormat="1" ht="13.95" customHeight="1" x14ac:dyDescent="0.25">
      <c r="A3798" s="219" t="s">
        <v>8458</v>
      </c>
      <c r="B3798" s="220" t="s">
        <v>6395</v>
      </c>
      <c r="C3798" s="98" t="s">
        <v>8459</v>
      </c>
      <c r="D3798" s="98" t="s">
        <v>21421</v>
      </c>
      <c r="E3798" s="141">
        <v>2004</v>
      </c>
      <c r="F3798" s="141">
        <v>1965</v>
      </c>
      <c r="G3798" s="98" t="s">
        <v>8</v>
      </c>
      <c r="H3798" s="98">
        <v>0</v>
      </c>
      <c r="I3798" s="98">
        <v>0</v>
      </c>
      <c r="J3798" s="98" t="s">
        <v>400</v>
      </c>
      <c r="K3798" s="98" t="s">
        <v>400</v>
      </c>
      <c r="L3798" s="98" t="s">
        <v>400</v>
      </c>
      <c r="M3798" s="98" t="s">
        <v>400</v>
      </c>
      <c r="N3798" s="98" t="s">
        <v>400</v>
      </c>
      <c r="O3798" s="98" t="s">
        <v>400</v>
      </c>
      <c r="P3798" s="98" t="s">
        <v>400</v>
      </c>
      <c r="Q3798" s="98" t="s">
        <v>400</v>
      </c>
      <c r="R3798" s="98" t="s">
        <v>400</v>
      </c>
      <c r="S3798" s="98" t="s">
        <v>400</v>
      </c>
      <c r="T3798" s="98" t="s">
        <v>400</v>
      </c>
      <c r="U3798" s="98">
        <v>0</v>
      </c>
      <c r="V3798" s="98">
        <v>0</v>
      </c>
      <c r="W3798" s="98" t="s">
        <v>400</v>
      </c>
      <c r="X3798" s="98" t="s">
        <v>400</v>
      </c>
      <c r="Y3798" s="98">
        <v>0</v>
      </c>
      <c r="Z3798" s="98" t="s">
        <v>400</v>
      </c>
      <c r="AA3798" s="98" t="s">
        <v>400</v>
      </c>
      <c r="AB3798" s="98">
        <v>0</v>
      </c>
      <c r="AC3798" s="98">
        <v>0</v>
      </c>
      <c r="AD3798" s="98" t="s">
        <v>400</v>
      </c>
      <c r="AE3798" s="98">
        <v>0</v>
      </c>
      <c r="AF3798" s="98">
        <v>0</v>
      </c>
      <c r="AG3798" s="98">
        <v>0</v>
      </c>
      <c r="AH3798" s="98">
        <v>0</v>
      </c>
      <c r="AI3798" s="98">
        <v>0</v>
      </c>
      <c r="AJ3798" s="98">
        <v>0</v>
      </c>
      <c r="AK3798" s="98">
        <v>0</v>
      </c>
      <c r="AL3798" s="98">
        <v>0</v>
      </c>
      <c r="AM3798" s="98" t="s">
        <v>400</v>
      </c>
      <c r="AN3798" s="98" t="s">
        <v>400</v>
      </c>
      <c r="AO3798" s="98" t="s">
        <v>400</v>
      </c>
      <c r="AP3798" s="98">
        <v>0</v>
      </c>
      <c r="AQ3798" s="98">
        <v>0</v>
      </c>
      <c r="AR3798" s="98" t="s">
        <v>400</v>
      </c>
      <c r="AS3798" s="98" t="s">
        <v>400</v>
      </c>
      <c r="AT3798" s="98" t="s">
        <v>400</v>
      </c>
      <c r="AU3798" s="98" t="s">
        <v>400</v>
      </c>
      <c r="AV3798" s="98" t="s">
        <v>400</v>
      </c>
      <c r="AW3798" s="98" t="s">
        <v>400</v>
      </c>
      <c r="AX3798" s="98"/>
      <c r="AY3798" s="98"/>
      <c r="AZ3798" s="98"/>
      <c r="BA3798" s="98"/>
      <c r="BB3798" s="107">
        <v>45884</v>
      </c>
    </row>
    <row r="3799" spans="1:54" s="8" customFormat="1" ht="13.95" customHeight="1" x14ac:dyDescent="0.25">
      <c r="A3799" s="219" t="s">
        <v>8460</v>
      </c>
      <c r="B3799" s="220" t="s">
        <v>6395</v>
      </c>
      <c r="C3799" s="98" t="s">
        <v>8461</v>
      </c>
      <c r="D3799" s="98" t="s">
        <v>21422</v>
      </c>
      <c r="E3799" s="141">
        <v>2004</v>
      </c>
      <c r="F3799" s="141">
        <v>200</v>
      </c>
      <c r="G3799" s="98" t="s">
        <v>8</v>
      </c>
      <c r="H3799" s="98">
        <v>0</v>
      </c>
      <c r="I3799" s="98">
        <v>0</v>
      </c>
      <c r="J3799" s="98" t="s">
        <v>400</v>
      </c>
      <c r="K3799" s="98" t="s">
        <v>400</v>
      </c>
      <c r="L3799" s="98" t="s">
        <v>400</v>
      </c>
      <c r="M3799" s="98" t="s">
        <v>400</v>
      </c>
      <c r="N3799" s="98" t="s">
        <v>400</v>
      </c>
      <c r="O3799" s="98" t="s">
        <v>400</v>
      </c>
      <c r="P3799" s="98" t="s">
        <v>400</v>
      </c>
      <c r="Q3799" s="98" t="s">
        <v>400</v>
      </c>
      <c r="R3799" s="98" t="s">
        <v>400</v>
      </c>
      <c r="S3799" s="98" t="s">
        <v>400</v>
      </c>
      <c r="T3799" s="98" t="s">
        <v>400</v>
      </c>
      <c r="U3799" s="98">
        <v>0</v>
      </c>
      <c r="V3799" s="98">
        <v>0</v>
      </c>
      <c r="W3799" s="98" t="s">
        <v>400</v>
      </c>
      <c r="X3799" s="98" t="s">
        <v>400</v>
      </c>
      <c r="Y3799" s="98">
        <v>0</v>
      </c>
      <c r="Z3799" s="98" t="s">
        <v>400</v>
      </c>
      <c r="AA3799" s="98" t="s">
        <v>400</v>
      </c>
      <c r="AB3799" s="98">
        <v>0</v>
      </c>
      <c r="AC3799" s="98">
        <v>0</v>
      </c>
      <c r="AD3799" s="98" t="s">
        <v>400</v>
      </c>
      <c r="AE3799" s="98">
        <v>0</v>
      </c>
      <c r="AF3799" s="98">
        <v>0</v>
      </c>
      <c r="AG3799" s="98">
        <v>0</v>
      </c>
      <c r="AH3799" s="98">
        <v>0</v>
      </c>
      <c r="AI3799" s="98">
        <v>0</v>
      </c>
      <c r="AJ3799" s="98">
        <v>0</v>
      </c>
      <c r="AK3799" s="98">
        <v>0</v>
      </c>
      <c r="AL3799" s="98">
        <v>0</v>
      </c>
      <c r="AM3799" s="98" t="s">
        <v>400</v>
      </c>
      <c r="AN3799" s="98" t="s">
        <v>400</v>
      </c>
      <c r="AO3799" s="98" t="s">
        <v>400</v>
      </c>
      <c r="AP3799" s="98">
        <v>0</v>
      </c>
      <c r="AQ3799" s="98">
        <v>0</v>
      </c>
      <c r="AR3799" s="98" t="s">
        <v>400</v>
      </c>
      <c r="AS3799" s="98" t="s">
        <v>400</v>
      </c>
      <c r="AT3799" s="98" t="s">
        <v>400</v>
      </c>
      <c r="AU3799" s="98" t="s">
        <v>400</v>
      </c>
      <c r="AV3799" s="98" t="s">
        <v>400</v>
      </c>
      <c r="AW3799" s="98" t="s">
        <v>400</v>
      </c>
      <c r="AX3799" s="98"/>
      <c r="AY3799" s="98"/>
      <c r="AZ3799" s="98"/>
      <c r="BA3799" s="98"/>
      <c r="BB3799" s="107">
        <v>45884</v>
      </c>
    </row>
    <row r="3800" spans="1:54" s="8" customFormat="1" ht="13.95" customHeight="1" x14ac:dyDescent="0.25">
      <c r="A3800" s="219" t="s">
        <v>8462</v>
      </c>
      <c r="B3800" s="220" t="s">
        <v>6395</v>
      </c>
      <c r="C3800" s="98" t="s">
        <v>8463</v>
      </c>
      <c r="D3800" s="98" t="s">
        <v>21423</v>
      </c>
      <c r="E3800" s="141">
        <v>2007</v>
      </c>
      <c r="F3800" s="141">
        <v>266</v>
      </c>
      <c r="G3800" s="98" t="s">
        <v>8</v>
      </c>
      <c r="H3800" s="98">
        <v>0</v>
      </c>
      <c r="I3800" s="98">
        <v>0</v>
      </c>
      <c r="J3800" s="98" t="s">
        <v>400</v>
      </c>
      <c r="K3800" s="98" t="s">
        <v>400</v>
      </c>
      <c r="L3800" s="98" t="s">
        <v>400</v>
      </c>
      <c r="M3800" s="98" t="s">
        <v>400</v>
      </c>
      <c r="N3800" s="98" t="s">
        <v>400</v>
      </c>
      <c r="O3800" s="98" t="s">
        <v>400</v>
      </c>
      <c r="P3800" s="98" t="s">
        <v>400</v>
      </c>
      <c r="Q3800" s="98" t="s">
        <v>400</v>
      </c>
      <c r="R3800" s="98" t="s">
        <v>400</v>
      </c>
      <c r="S3800" s="98" t="s">
        <v>400</v>
      </c>
      <c r="T3800" s="98" t="s">
        <v>400</v>
      </c>
      <c r="U3800" s="98">
        <v>0</v>
      </c>
      <c r="V3800" s="98">
        <v>0</v>
      </c>
      <c r="W3800" s="98" t="s">
        <v>400</v>
      </c>
      <c r="X3800" s="98" t="s">
        <v>400</v>
      </c>
      <c r="Y3800" s="98">
        <v>0</v>
      </c>
      <c r="Z3800" s="98" t="s">
        <v>400</v>
      </c>
      <c r="AA3800" s="98" t="s">
        <v>400</v>
      </c>
      <c r="AB3800" s="98">
        <v>0</v>
      </c>
      <c r="AC3800" s="98">
        <v>0</v>
      </c>
      <c r="AD3800" s="98" t="s">
        <v>400</v>
      </c>
      <c r="AE3800" s="98">
        <v>0</v>
      </c>
      <c r="AF3800" s="98">
        <v>0</v>
      </c>
      <c r="AG3800" s="98">
        <v>0</v>
      </c>
      <c r="AH3800" s="98">
        <v>0</v>
      </c>
      <c r="AI3800" s="98">
        <v>0</v>
      </c>
      <c r="AJ3800" s="98">
        <v>0</v>
      </c>
      <c r="AK3800" s="98">
        <v>0</v>
      </c>
      <c r="AL3800" s="98">
        <v>0</v>
      </c>
      <c r="AM3800" s="98" t="s">
        <v>400</v>
      </c>
      <c r="AN3800" s="98" t="s">
        <v>400</v>
      </c>
      <c r="AO3800" s="98" t="s">
        <v>400</v>
      </c>
      <c r="AP3800" s="98">
        <v>0</v>
      </c>
      <c r="AQ3800" s="98">
        <v>0</v>
      </c>
      <c r="AR3800" s="98" t="s">
        <v>400</v>
      </c>
      <c r="AS3800" s="98" t="s">
        <v>400</v>
      </c>
      <c r="AT3800" s="98" t="s">
        <v>400</v>
      </c>
      <c r="AU3800" s="98" t="s">
        <v>400</v>
      </c>
      <c r="AV3800" s="98" t="s">
        <v>400</v>
      </c>
      <c r="AW3800" s="98" t="s">
        <v>400</v>
      </c>
      <c r="AX3800" s="98"/>
      <c r="AY3800" s="98"/>
      <c r="AZ3800" s="98"/>
      <c r="BA3800" s="98"/>
      <c r="BB3800" s="107">
        <v>45884</v>
      </c>
    </row>
    <row r="3801" spans="1:54" s="8" customFormat="1" ht="13.95" customHeight="1" x14ac:dyDescent="0.25">
      <c r="A3801" s="97" t="s">
        <v>8464</v>
      </c>
      <c r="B3801" s="220" t="s">
        <v>6395</v>
      </c>
      <c r="C3801" s="223" t="s">
        <v>24519</v>
      </c>
      <c r="D3801" s="98" t="s">
        <v>21424</v>
      </c>
      <c r="E3801" s="141">
        <v>2008</v>
      </c>
      <c r="F3801" s="222">
        <v>3059</v>
      </c>
      <c r="G3801" s="224" t="s">
        <v>10</v>
      </c>
      <c r="H3801" s="98">
        <v>0</v>
      </c>
      <c r="I3801" s="98">
        <v>0</v>
      </c>
      <c r="J3801" s="98" t="s">
        <v>400</v>
      </c>
      <c r="K3801" s="98" t="s">
        <v>400</v>
      </c>
      <c r="L3801" s="98" t="s">
        <v>400</v>
      </c>
      <c r="M3801" s="98" t="s">
        <v>400</v>
      </c>
      <c r="N3801" s="98" t="s">
        <v>400</v>
      </c>
      <c r="O3801" s="98" t="s">
        <v>400</v>
      </c>
      <c r="P3801" s="98" t="s">
        <v>400</v>
      </c>
      <c r="Q3801" s="98" t="s">
        <v>400</v>
      </c>
      <c r="R3801" s="98" t="s">
        <v>400</v>
      </c>
      <c r="S3801" s="98" t="s">
        <v>400</v>
      </c>
      <c r="T3801" s="98" t="s">
        <v>400</v>
      </c>
      <c r="U3801" s="98">
        <v>0</v>
      </c>
      <c r="V3801" s="98">
        <v>0</v>
      </c>
      <c r="W3801" s="98" t="s">
        <v>400</v>
      </c>
      <c r="X3801" s="98" t="s">
        <v>400</v>
      </c>
      <c r="Y3801" s="98">
        <v>0</v>
      </c>
      <c r="Z3801" s="98" t="s">
        <v>400</v>
      </c>
      <c r="AA3801" s="98" t="s">
        <v>400</v>
      </c>
      <c r="AB3801" s="98">
        <v>0</v>
      </c>
      <c r="AC3801" s="98">
        <v>0</v>
      </c>
      <c r="AD3801" s="98" t="s">
        <v>400</v>
      </c>
      <c r="AE3801" s="98">
        <v>0</v>
      </c>
      <c r="AF3801" s="98">
        <v>0</v>
      </c>
      <c r="AG3801" s="98">
        <v>0</v>
      </c>
      <c r="AH3801" s="98">
        <v>0</v>
      </c>
      <c r="AI3801" s="98">
        <v>0</v>
      </c>
      <c r="AJ3801" s="98">
        <v>0</v>
      </c>
      <c r="AK3801" s="98">
        <v>0</v>
      </c>
      <c r="AL3801" s="98">
        <v>0</v>
      </c>
      <c r="AM3801" s="98" t="s">
        <v>400</v>
      </c>
      <c r="AN3801" s="98" t="s">
        <v>400</v>
      </c>
      <c r="AO3801" s="98" t="s">
        <v>400</v>
      </c>
      <c r="AP3801" s="98">
        <v>0</v>
      </c>
      <c r="AQ3801" s="98">
        <v>0</v>
      </c>
      <c r="AR3801" s="98" t="s">
        <v>400</v>
      </c>
      <c r="AS3801" s="98" t="s">
        <v>400</v>
      </c>
      <c r="AT3801" s="98" t="s">
        <v>400</v>
      </c>
      <c r="AU3801" s="98" t="s">
        <v>400</v>
      </c>
      <c r="AV3801" s="98" t="s">
        <v>400</v>
      </c>
      <c r="AW3801" s="98" t="s">
        <v>400</v>
      </c>
      <c r="AX3801" s="98"/>
      <c r="AY3801" s="98"/>
      <c r="AZ3801" s="98"/>
      <c r="BA3801" s="98"/>
      <c r="BB3801" s="107">
        <v>45884</v>
      </c>
    </row>
    <row r="3802" spans="1:54" s="8" customFormat="1" ht="13.95" customHeight="1" x14ac:dyDescent="0.25">
      <c r="A3802" s="219" t="s">
        <v>8465</v>
      </c>
      <c r="B3802" s="220" t="s">
        <v>6395</v>
      </c>
      <c r="C3802" s="98" t="s">
        <v>8466</v>
      </c>
      <c r="D3802" s="98" t="s">
        <v>21425</v>
      </c>
      <c r="E3802" s="141">
        <v>2010</v>
      </c>
      <c r="F3802" s="141">
        <v>265</v>
      </c>
      <c r="G3802" s="98" t="s">
        <v>8</v>
      </c>
      <c r="H3802" s="98">
        <v>0</v>
      </c>
      <c r="I3802" s="98">
        <v>0</v>
      </c>
      <c r="J3802" s="98" t="s">
        <v>400</v>
      </c>
      <c r="K3802" s="98" t="s">
        <v>400</v>
      </c>
      <c r="L3802" s="98" t="s">
        <v>400</v>
      </c>
      <c r="M3802" s="98" t="s">
        <v>400</v>
      </c>
      <c r="N3802" s="98" t="s">
        <v>400</v>
      </c>
      <c r="O3802" s="98" t="s">
        <v>400</v>
      </c>
      <c r="P3802" s="98" t="s">
        <v>400</v>
      </c>
      <c r="Q3802" s="98" t="s">
        <v>400</v>
      </c>
      <c r="R3802" s="98" t="s">
        <v>400</v>
      </c>
      <c r="S3802" s="98" t="s">
        <v>400</v>
      </c>
      <c r="T3802" s="98" t="s">
        <v>400</v>
      </c>
      <c r="U3802" s="98">
        <v>0</v>
      </c>
      <c r="V3802" s="98">
        <v>0</v>
      </c>
      <c r="W3802" s="98" t="s">
        <v>400</v>
      </c>
      <c r="X3802" s="98" t="s">
        <v>400</v>
      </c>
      <c r="Y3802" s="98">
        <v>0</v>
      </c>
      <c r="Z3802" s="98" t="s">
        <v>400</v>
      </c>
      <c r="AA3802" s="98" t="s">
        <v>400</v>
      </c>
      <c r="AB3802" s="98">
        <v>0</v>
      </c>
      <c r="AC3802" s="98">
        <v>0</v>
      </c>
      <c r="AD3802" s="98" t="s">
        <v>400</v>
      </c>
      <c r="AE3802" s="98">
        <v>0</v>
      </c>
      <c r="AF3802" s="98">
        <v>0</v>
      </c>
      <c r="AG3802" s="98">
        <v>0</v>
      </c>
      <c r="AH3802" s="98">
        <v>0</v>
      </c>
      <c r="AI3802" s="98">
        <v>0</v>
      </c>
      <c r="AJ3802" s="98">
        <v>0</v>
      </c>
      <c r="AK3802" s="98">
        <v>0</v>
      </c>
      <c r="AL3802" s="98">
        <v>0</v>
      </c>
      <c r="AM3802" s="98" t="s">
        <v>400</v>
      </c>
      <c r="AN3802" s="98" t="s">
        <v>400</v>
      </c>
      <c r="AO3802" s="98" t="s">
        <v>400</v>
      </c>
      <c r="AP3802" s="98">
        <v>0</v>
      </c>
      <c r="AQ3802" s="98">
        <v>0</v>
      </c>
      <c r="AR3802" s="98" t="s">
        <v>400</v>
      </c>
      <c r="AS3802" s="98" t="s">
        <v>400</v>
      </c>
      <c r="AT3802" s="98" t="s">
        <v>400</v>
      </c>
      <c r="AU3802" s="98" t="s">
        <v>400</v>
      </c>
      <c r="AV3802" s="98" t="s">
        <v>400</v>
      </c>
      <c r="AW3802" s="98" t="s">
        <v>400</v>
      </c>
      <c r="AX3802" s="98"/>
      <c r="AY3802" s="98"/>
      <c r="AZ3802" s="98"/>
      <c r="BA3802" s="98"/>
      <c r="BB3802" s="107">
        <v>45884</v>
      </c>
    </row>
    <row r="3803" spans="1:54" s="8" customFormat="1" ht="13.95" customHeight="1" x14ac:dyDescent="0.25">
      <c r="A3803" s="219" t="s">
        <v>8467</v>
      </c>
      <c r="B3803" s="220" t="s">
        <v>6395</v>
      </c>
      <c r="C3803" s="98" t="s">
        <v>8468</v>
      </c>
      <c r="D3803" s="98" t="s">
        <v>21426</v>
      </c>
      <c r="E3803" s="141">
        <v>2010</v>
      </c>
      <c r="F3803" s="141">
        <v>151</v>
      </c>
      <c r="G3803" s="98" t="s">
        <v>8</v>
      </c>
      <c r="H3803" s="98">
        <v>0</v>
      </c>
      <c r="I3803" s="98">
        <v>0</v>
      </c>
      <c r="J3803" s="98" t="s">
        <v>400</v>
      </c>
      <c r="K3803" s="98" t="s">
        <v>400</v>
      </c>
      <c r="L3803" s="98" t="s">
        <v>400</v>
      </c>
      <c r="M3803" s="98" t="s">
        <v>400</v>
      </c>
      <c r="N3803" s="98" t="s">
        <v>400</v>
      </c>
      <c r="O3803" s="98" t="s">
        <v>400</v>
      </c>
      <c r="P3803" s="98" t="s">
        <v>400</v>
      </c>
      <c r="Q3803" s="98" t="s">
        <v>400</v>
      </c>
      <c r="R3803" s="98" t="s">
        <v>400</v>
      </c>
      <c r="S3803" s="98" t="s">
        <v>400</v>
      </c>
      <c r="T3803" s="98" t="s">
        <v>400</v>
      </c>
      <c r="U3803" s="98">
        <v>0</v>
      </c>
      <c r="V3803" s="98">
        <v>0</v>
      </c>
      <c r="W3803" s="98" t="s">
        <v>400</v>
      </c>
      <c r="X3803" s="98" t="s">
        <v>400</v>
      </c>
      <c r="Y3803" s="98">
        <v>0</v>
      </c>
      <c r="Z3803" s="98" t="s">
        <v>400</v>
      </c>
      <c r="AA3803" s="98" t="s">
        <v>400</v>
      </c>
      <c r="AB3803" s="98">
        <v>0</v>
      </c>
      <c r="AC3803" s="98">
        <v>0</v>
      </c>
      <c r="AD3803" s="98" t="s">
        <v>400</v>
      </c>
      <c r="AE3803" s="98">
        <v>0</v>
      </c>
      <c r="AF3803" s="98">
        <v>0</v>
      </c>
      <c r="AG3803" s="98">
        <v>0</v>
      </c>
      <c r="AH3803" s="98">
        <v>0</v>
      </c>
      <c r="AI3803" s="98">
        <v>0</v>
      </c>
      <c r="AJ3803" s="98">
        <v>0</v>
      </c>
      <c r="AK3803" s="98">
        <v>0</v>
      </c>
      <c r="AL3803" s="98">
        <v>0</v>
      </c>
      <c r="AM3803" s="98" t="s">
        <v>400</v>
      </c>
      <c r="AN3803" s="98" t="s">
        <v>400</v>
      </c>
      <c r="AO3803" s="98" t="s">
        <v>400</v>
      </c>
      <c r="AP3803" s="98">
        <v>0</v>
      </c>
      <c r="AQ3803" s="98">
        <v>0</v>
      </c>
      <c r="AR3803" s="98" t="s">
        <v>400</v>
      </c>
      <c r="AS3803" s="98" t="s">
        <v>400</v>
      </c>
      <c r="AT3803" s="98" t="s">
        <v>400</v>
      </c>
      <c r="AU3803" s="98" t="s">
        <v>400</v>
      </c>
      <c r="AV3803" s="98" t="s">
        <v>400</v>
      </c>
      <c r="AW3803" s="98" t="s">
        <v>400</v>
      </c>
      <c r="AX3803" s="98"/>
      <c r="AY3803" s="98"/>
      <c r="AZ3803" s="98"/>
      <c r="BA3803" s="98"/>
      <c r="BB3803" s="107">
        <v>45884</v>
      </c>
    </row>
    <row r="3804" spans="1:54" s="8" customFormat="1" ht="13.95" customHeight="1" x14ac:dyDescent="0.25">
      <c r="A3804" s="219" t="s">
        <v>8469</v>
      </c>
      <c r="B3804" s="220" t="s">
        <v>6395</v>
      </c>
      <c r="C3804" s="98" t="s">
        <v>8470</v>
      </c>
      <c r="D3804" s="98" t="s">
        <v>21427</v>
      </c>
      <c r="E3804" s="141">
        <v>2013</v>
      </c>
      <c r="F3804" s="141">
        <v>358</v>
      </c>
      <c r="G3804" s="98" t="s">
        <v>8</v>
      </c>
      <c r="H3804" s="98">
        <v>0</v>
      </c>
      <c r="I3804" s="98">
        <v>0</v>
      </c>
      <c r="J3804" s="98" t="s">
        <v>400</v>
      </c>
      <c r="K3804" s="98" t="s">
        <v>400</v>
      </c>
      <c r="L3804" s="98" t="s">
        <v>400</v>
      </c>
      <c r="M3804" s="98" t="s">
        <v>400</v>
      </c>
      <c r="N3804" s="98" t="s">
        <v>400</v>
      </c>
      <c r="O3804" s="98" t="s">
        <v>400</v>
      </c>
      <c r="P3804" s="98" t="s">
        <v>400</v>
      </c>
      <c r="Q3804" s="98" t="s">
        <v>400</v>
      </c>
      <c r="R3804" s="98" t="s">
        <v>400</v>
      </c>
      <c r="S3804" s="98" t="s">
        <v>400</v>
      </c>
      <c r="T3804" s="98" t="s">
        <v>400</v>
      </c>
      <c r="U3804" s="98">
        <v>0</v>
      </c>
      <c r="V3804" s="98">
        <v>0</v>
      </c>
      <c r="W3804" s="98" t="s">
        <v>400</v>
      </c>
      <c r="X3804" s="98" t="s">
        <v>400</v>
      </c>
      <c r="Y3804" s="98">
        <v>0</v>
      </c>
      <c r="Z3804" s="98" t="s">
        <v>400</v>
      </c>
      <c r="AA3804" s="98" t="s">
        <v>400</v>
      </c>
      <c r="AB3804" s="98">
        <v>0</v>
      </c>
      <c r="AC3804" s="98">
        <v>0</v>
      </c>
      <c r="AD3804" s="98" t="s">
        <v>400</v>
      </c>
      <c r="AE3804" s="98">
        <v>0</v>
      </c>
      <c r="AF3804" s="98">
        <v>0</v>
      </c>
      <c r="AG3804" s="98">
        <v>0</v>
      </c>
      <c r="AH3804" s="98">
        <v>0</v>
      </c>
      <c r="AI3804" s="98">
        <v>0</v>
      </c>
      <c r="AJ3804" s="98">
        <v>0</v>
      </c>
      <c r="AK3804" s="98">
        <v>0</v>
      </c>
      <c r="AL3804" s="98">
        <v>0</v>
      </c>
      <c r="AM3804" s="98" t="s">
        <v>400</v>
      </c>
      <c r="AN3804" s="98" t="s">
        <v>400</v>
      </c>
      <c r="AO3804" s="98" t="s">
        <v>400</v>
      </c>
      <c r="AP3804" s="98">
        <v>0</v>
      </c>
      <c r="AQ3804" s="98">
        <v>0</v>
      </c>
      <c r="AR3804" s="98" t="s">
        <v>400</v>
      </c>
      <c r="AS3804" s="98" t="s">
        <v>400</v>
      </c>
      <c r="AT3804" s="98" t="s">
        <v>400</v>
      </c>
      <c r="AU3804" s="98" t="s">
        <v>400</v>
      </c>
      <c r="AV3804" s="98" t="s">
        <v>400</v>
      </c>
      <c r="AW3804" s="98" t="s">
        <v>400</v>
      </c>
      <c r="AX3804" s="98"/>
      <c r="AY3804" s="98"/>
      <c r="AZ3804" s="98"/>
      <c r="BA3804" s="98"/>
      <c r="BB3804" s="107">
        <v>45884</v>
      </c>
    </row>
    <row r="3805" spans="1:54" s="8" customFormat="1" ht="13.95" customHeight="1" x14ac:dyDescent="0.25">
      <c r="A3805" s="219" t="s">
        <v>8471</v>
      </c>
      <c r="B3805" s="220" t="s">
        <v>6395</v>
      </c>
      <c r="C3805" s="98" t="s">
        <v>8472</v>
      </c>
      <c r="D3805" s="98" t="s">
        <v>21428</v>
      </c>
      <c r="E3805" s="141">
        <v>2006</v>
      </c>
      <c r="F3805" s="141">
        <v>959</v>
      </c>
      <c r="G3805" s="98" t="s">
        <v>8</v>
      </c>
      <c r="H3805" s="98">
        <v>0</v>
      </c>
      <c r="I3805" s="98">
        <v>0</v>
      </c>
      <c r="J3805" s="98" t="s">
        <v>400</v>
      </c>
      <c r="K3805" s="98" t="s">
        <v>400</v>
      </c>
      <c r="L3805" s="98" t="s">
        <v>400</v>
      </c>
      <c r="M3805" s="98" t="s">
        <v>400</v>
      </c>
      <c r="N3805" s="98" t="s">
        <v>400</v>
      </c>
      <c r="O3805" s="98" t="s">
        <v>400</v>
      </c>
      <c r="P3805" s="98" t="s">
        <v>400</v>
      </c>
      <c r="Q3805" s="98" t="s">
        <v>400</v>
      </c>
      <c r="R3805" s="98" t="s">
        <v>400</v>
      </c>
      <c r="S3805" s="98" t="s">
        <v>400</v>
      </c>
      <c r="T3805" s="98" t="s">
        <v>400</v>
      </c>
      <c r="U3805" s="98">
        <v>0</v>
      </c>
      <c r="V3805" s="98">
        <v>0</v>
      </c>
      <c r="W3805" s="98" t="s">
        <v>400</v>
      </c>
      <c r="X3805" s="98" t="s">
        <v>400</v>
      </c>
      <c r="Y3805" s="98">
        <v>0</v>
      </c>
      <c r="Z3805" s="98" t="s">
        <v>400</v>
      </c>
      <c r="AA3805" s="98" t="s">
        <v>400</v>
      </c>
      <c r="AB3805" s="98">
        <v>0</v>
      </c>
      <c r="AC3805" s="98">
        <v>0</v>
      </c>
      <c r="AD3805" s="98" t="s">
        <v>400</v>
      </c>
      <c r="AE3805" s="98">
        <v>0</v>
      </c>
      <c r="AF3805" s="98">
        <v>0</v>
      </c>
      <c r="AG3805" s="98">
        <v>0</v>
      </c>
      <c r="AH3805" s="98">
        <v>0</v>
      </c>
      <c r="AI3805" s="98">
        <v>0</v>
      </c>
      <c r="AJ3805" s="98">
        <v>0</v>
      </c>
      <c r="AK3805" s="98">
        <v>0</v>
      </c>
      <c r="AL3805" s="98">
        <v>0</v>
      </c>
      <c r="AM3805" s="98" t="s">
        <v>400</v>
      </c>
      <c r="AN3805" s="98" t="s">
        <v>400</v>
      </c>
      <c r="AO3805" s="98" t="s">
        <v>400</v>
      </c>
      <c r="AP3805" s="98">
        <v>0</v>
      </c>
      <c r="AQ3805" s="98">
        <v>0</v>
      </c>
      <c r="AR3805" s="98" t="s">
        <v>400</v>
      </c>
      <c r="AS3805" s="98" t="s">
        <v>400</v>
      </c>
      <c r="AT3805" s="98" t="s">
        <v>400</v>
      </c>
      <c r="AU3805" s="98" t="s">
        <v>400</v>
      </c>
      <c r="AV3805" s="98" t="s">
        <v>400</v>
      </c>
      <c r="AW3805" s="98" t="s">
        <v>400</v>
      </c>
      <c r="AX3805" s="98"/>
      <c r="AY3805" s="98"/>
      <c r="AZ3805" s="98"/>
      <c r="BA3805" s="98"/>
      <c r="BB3805" s="107">
        <v>45884</v>
      </c>
    </row>
    <row r="3806" spans="1:54" s="8" customFormat="1" ht="13.95" customHeight="1" x14ac:dyDescent="0.25">
      <c r="A3806" s="219" t="s">
        <v>8473</v>
      </c>
      <c r="B3806" s="220" t="s">
        <v>6395</v>
      </c>
      <c r="C3806" s="98" t="s">
        <v>8474</v>
      </c>
      <c r="D3806" s="98" t="s">
        <v>21429</v>
      </c>
      <c r="E3806" s="141">
        <v>2007</v>
      </c>
      <c r="F3806" s="141">
        <v>399</v>
      </c>
      <c r="G3806" s="98" t="s">
        <v>8</v>
      </c>
      <c r="H3806" s="98">
        <v>0</v>
      </c>
      <c r="I3806" s="98">
        <v>0</v>
      </c>
      <c r="J3806" s="98" t="s">
        <v>400</v>
      </c>
      <c r="K3806" s="98" t="s">
        <v>400</v>
      </c>
      <c r="L3806" s="98" t="s">
        <v>400</v>
      </c>
      <c r="M3806" s="98" t="s">
        <v>400</v>
      </c>
      <c r="N3806" s="98" t="s">
        <v>400</v>
      </c>
      <c r="O3806" s="98" t="s">
        <v>400</v>
      </c>
      <c r="P3806" s="98" t="s">
        <v>400</v>
      </c>
      <c r="Q3806" s="98" t="s">
        <v>400</v>
      </c>
      <c r="R3806" s="98" t="s">
        <v>400</v>
      </c>
      <c r="S3806" s="98" t="s">
        <v>400</v>
      </c>
      <c r="T3806" s="98" t="s">
        <v>400</v>
      </c>
      <c r="U3806" s="98">
        <v>0</v>
      </c>
      <c r="V3806" s="98">
        <v>0</v>
      </c>
      <c r="W3806" s="98" t="s">
        <v>400</v>
      </c>
      <c r="X3806" s="98" t="s">
        <v>400</v>
      </c>
      <c r="Y3806" s="98">
        <v>0</v>
      </c>
      <c r="Z3806" s="98" t="s">
        <v>400</v>
      </c>
      <c r="AA3806" s="98" t="s">
        <v>400</v>
      </c>
      <c r="AB3806" s="98">
        <v>0</v>
      </c>
      <c r="AC3806" s="98">
        <v>0</v>
      </c>
      <c r="AD3806" s="98" t="s">
        <v>400</v>
      </c>
      <c r="AE3806" s="98">
        <v>0</v>
      </c>
      <c r="AF3806" s="98">
        <v>0</v>
      </c>
      <c r="AG3806" s="98">
        <v>0</v>
      </c>
      <c r="AH3806" s="98">
        <v>0</v>
      </c>
      <c r="AI3806" s="98">
        <v>0</v>
      </c>
      <c r="AJ3806" s="98">
        <v>0</v>
      </c>
      <c r="AK3806" s="98">
        <v>0</v>
      </c>
      <c r="AL3806" s="98">
        <v>0</v>
      </c>
      <c r="AM3806" s="98" t="s">
        <v>400</v>
      </c>
      <c r="AN3806" s="98" t="s">
        <v>400</v>
      </c>
      <c r="AO3806" s="98" t="s">
        <v>400</v>
      </c>
      <c r="AP3806" s="98">
        <v>0</v>
      </c>
      <c r="AQ3806" s="98">
        <v>0</v>
      </c>
      <c r="AR3806" s="98" t="s">
        <v>400</v>
      </c>
      <c r="AS3806" s="98" t="s">
        <v>400</v>
      </c>
      <c r="AT3806" s="98" t="s">
        <v>400</v>
      </c>
      <c r="AU3806" s="98" t="s">
        <v>400</v>
      </c>
      <c r="AV3806" s="98" t="s">
        <v>400</v>
      </c>
      <c r="AW3806" s="98" t="s">
        <v>400</v>
      </c>
      <c r="AX3806" s="98"/>
      <c r="AY3806" s="98"/>
      <c r="AZ3806" s="98"/>
      <c r="BA3806" s="98"/>
      <c r="BB3806" s="107">
        <v>45884</v>
      </c>
    </row>
    <row r="3807" spans="1:54" s="8" customFormat="1" ht="13.95" customHeight="1" x14ac:dyDescent="0.25">
      <c r="A3807" s="219" t="s">
        <v>8475</v>
      </c>
      <c r="B3807" s="220" t="s">
        <v>6395</v>
      </c>
      <c r="C3807" s="98" t="s">
        <v>8476</v>
      </c>
      <c r="D3807" s="98" t="s">
        <v>21430</v>
      </c>
      <c r="E3807" s="141">
        <v>2013</v>
      </c>
      <c r="F3807" s="141">
        <v>470</v>
      </c>
      <c r="G3807" s="98" t="s">
        <v>8</v>
      </c>
      <c r="H3807" s="98">
        <v>0</v>
      </c>
      <c r="I3807" s="98">
        <v>0</v>
      </c>
      <c r="J3807" s="98" t="s">
        <v>400</v>
      </c>
      <c r="K3807" s="98" t="s">
        <v>400</v>
      </c>
      <c r="L3807" s="98" t="s">
        <v>400</v>
      </c>
      <c r="M3807" s="98" t="s">
        <v>400</v>
      </c>
      <c r="N3807" s="98" t="s">
        <v>400</v>
      </c>
      <c r="O3807" s="98" t="s">
        <v>400</v>
      </c>
      <c r="P3807" s="98" t="s">
        <v>400</v>
      </c>
      <c r="Q3807" s="98" t="s">
        <v>400</v>
      </c>
      <c r="R3807" s="98" t="s">
        <v>400</v>
      </c>
      <c r="S3807" s="98" t="s">
        <v>400</v>
      </c>
      <c r="T3807" s="98" t="s">
        <v>400</v>
      </c>
      <c r="U3807" s="98">
        <v>0</v>
      </c>
      <c r="V3807" s="98">
        <v>0</v>
      </c>
      <c r="W3807" s="98" t="s">
        <v>400</v>
      </c>
      <c r="X3807" s="98" t="s">
        <v>400</v>
      </c>
      <c r="Y3807" s="98">
        <v>0</v>
      </c>
      <c r="Z3807" s="98" t="s">
        <v>400</v>
      </c>
      <c r="AA3807" s="98" t="s">
        <v>400</v>
      </c>
      <c r="AB3807" s="98">
        <v>0</v>
      </c>
      <c r="AC3807" s="98">
        <v>0</v>
      </c>
      <c r="AD3807" s="98" t="s">
        <v>400</v>
      </c>
      <c r="AE3807" s="98">
        <v>0</v>
      </c>
      <c r="AF3807" s="98">
        <v>0</v>
      </c>
      <c r="AG3807" s="98">
        <v>0</v>
      </c>
      <c r="AH3807" s="98">
        <v>0</v>
      </c>
      <c r="AI3807" s="98">
        <v>0</v>
      </c>
      <c r="AJ3807" s="98">
        <v>0</v>
      </c>
      <c r="AK3807" s="98">
        <v>0</v>
      </c>
      <c r="AL3807" s="98">
        <v>0</v>
      </c>
      <c r="AM3807" s="98" t="s">
        <v>400</v>
      </c>
      <c r="AN3807" s="98" t="s">
        <v>400</v>
      </c>
      <c r="AO3807" s="98" t="s">
        <v>400</v>
      </c>
      <c r="AP3807" s="98">
        <v>0</v>
      </c>
      <c r="AQ3807" s="98">
        <v>0</v>
      </c>
      <c r="AR3807" s="98" t="s">
        <v>400</v>
      </c>
      <c r="AS3807" s="98" t="s">
        <v>400</v>
      </c>
      <c r="AT3807" s="98" t="s">
        <v>400</v>
      </c>
      <c r="AU3807" s="98" t="s">
        <v>400</v>
      </c>
      <c r="AV3807" s="98" t="s">
        <v>400</v>
      </c>
      <c r="AW3807" s="98" t="s">
        <v>400</v>
      </c>
      <c r="AX3807" s="98"/>
      <c r="AY3807" s="98"/>
      <c r="AZ3807" s="98"/>
      <c r="BA3807" s="98"/>
      <c r="BB3807" s="107">
        <v>45884</v>
      </c>
    </row>
    <row r="3808" spans="1:54" s="8" customFormat="1" ht="13.95" customHeight="1" x14ac:dyDescent="0.25">
      <c r="A3808" s="219" t="s">
        <v>8477</v>
      </c>
      <c r="B3808" s="220" t="s">
        <v>6395</v>
      </c>
      <c r="C3808" s="98" t="s">
        <v>8478</v>
      </c>
      <c r="D3808" s="98" t="s">
        <v>8479</v>
      </c>
      <c r="E3808" s="141">
        <v>1977</v>
      </c>
      <c r="F3808" s="141">
        <v>1170</v>
      </c>
      <c r="G3808" s="98" t="s">
        <v>8</v>
      </c>
      <c r="H3808" s="98">
        <v>0</v>
      </c>
      <c r="I3808" s="98">
        <v>0</v>
      </c>
      <c r="J3808" s="98" t="s">
        <v>400</v>
      </c>
      <c r="K3808" s="98" t="s">
        <v>400</v>
      </c>
      <c r="L3808" s="98" t="s">
        <v>400</v>
      </c>
      <c r="M3808" s="98" t="s">
        <v>400</v>
      </c>
      <c r="N3808" s="98" t="s">
        <v>400</v>
      </c>
      <c r="O3808" s="98" t="s">
        <v>400</v>
      </c>
      <c r="P3808" s="98" t="s">
        <v>400</v>
      </c>
      <c r="Q3808" s="98" t="s">
        <v>400</v>
      </c>
      <c r="R3808" s="98" t="s">
        <v>400</v>
      </c>
      <c r="S3808" s="98" t="s">
        <v>400</v>
      </c>
      <c r="T3808" s="98" t="s">
        <v>400</v>
      </c>
      <c r="U3808" s="98">
        <v>0</v>
      </c>
      <c r="V3808" s="98">
        <v>0</v>
      </c>
      <c r="W3808" s="98" t="s">
        <v>400</v>
      </c>
      <c r="X3808" s="98" t="s">
        <v>400</v>
      </c>
      <c r="Y3808" s="98">
        <v>0</v>
      </c>
      <c r="Z3808" s="98" t="s">
        <v>400</v>
      </c>
      <c r="AA3808" s="98" t="s">
        <v>400</v>
      </c>
      <c r="AB3808" s="98">
        <v>0</v>
      </c>
      <c r="AC3808" s="98">
        <v>0</v>
      </c>
      <c r="AD3808" s="98" t="s">
        <v>400</v>
      </c>
      <c r="AE3808" s="98">
        <v>0</v>
      </c>
      <c r="AF3808" s="98">
        <v>0</v>
      </c>
      <c r="AG3808" s="98">
        <v>0</v>
      </c>
      <c r="AH3808" s="98">
        <v>0</v>
      </c>
      <c r="AI3808" s="98">
        <v>0</v>
      </c>
      <c r="AJ3808" s="98">
        <v>0</v>
      </c>
      <c r="AK3808" s="98">
        <v>0</v>
      </c>
      <c r="AL3808" s="98">
        <v>0</v>
      </c>
      <c r="AM3808" s="98" t="s">
        <v>400</v>
      </c>
      <c r="AN3808" s="98" t="s">
        <v>400</v>
      </c>
      <c r="AO3808" s="98" t="s">
        <v>400</v>
      </c>
      <c r="AP3808" s="98">
        <v>0</v>
      </c>
      <c r="AQ3808" s="98">
        <v>0</v>
      </c>
      <c r="AR3808" s="98" t="s">
        <v>400</v>
      </c>
      <c r="AS3808" s="98" t="s">
        <v>400</v>
      </c>
      <c r="AT3808" s="98" t="s">
        <v>400</v>
      </c>
      <c r="AU3808" s="98" t="s">
        <v>400</v>
      </c>
      <c r="AV3808" s="98" t="s">
        <v>400</v>
      </c>
      <c r="AW3808" s="98" t="s">
        <v>400</v>
      </c>
      <c r="AX3808" s="98"/>
      <c r="AY3808" s="98"/>
      <c r="AZ3808" s="98"/>
      <c r="BA3808" s="98"/>
      <c r="BB3808" s="107">
        <v>45884</v>
      </c>
    </row>
    <row r="3809" spans="1:54" s="8" customFormat="1" ht="13.95" customHeight="1" x14ac:dyDescent="0.25">
      <c r="A3809" s="219" t="s">
        <v>8480</v>
      </c>
      <c r="B3809" s="220" t="s">
        <v>6395</v>
      </c>
      <c r="C3809" s="98" t="s">
        <v>8481</v>
      </c>
      <c r="D3809" s="98" t="s">
        <v>21431</v>
      </c>
      <c r="E3809" s="141">
        <v>1979</v>
      </c>
      <c r="F3809" s="141">
        <v>1106</v>
      </c>
      <c r="G3809" s="98" t="s">
        <v>8</v>
      </c>
      <c r="H3809" s="98">
        <v>0</v>
      </c>
      <c r="I3809" s="98">
        <v>0</v>
      </c>
      <c r="J3809" s="98" t="s">
        <v>400</v>
      </c>
      <c r="K3809" s="98" t="s">
        <v>400</v>
      </c>
      <c r="L3809" s="98" t="s">
        <v>400</v>
      </c>
      <c r="M3809" s="98" t="s">
        <v>400</v>
      </c>
      <c r="N3809" s="98" t="s">
        <v>400</v>
      </c>
      <c r="O3809" s="98" t="s">
        <v>400</v>
      </c>
      <c r="P3809" s="98" t="s">
        <v>400</v>
      </c>
      <c r="Q3809" s="98" t="s">
        <v>400</v>
      </c>
      <c r="R3809" s="98" t="s">
        <v>400</v>
      </c>
      <c r="S3809" s="98" t="s">
        <v>400</v>
      </c>
      <c r="T3809" s="98" t="s">
        <v>400</v>
      </c>
      <c r="U3809" s="98">
        <v>0</v>
      </c>
      <c r="V3809" s="98">
        <v>0</v>
      </c>
      <c r="W3809" s="98" t="s">
        <v>400</v>
      </c>
      <c r="X3809" s="98" t="s">
        <v>400</v>
      </c>
      <c r="Y3809" s="98">
        <v>0</v>
      </c>
      <c r="Z3809" s="98" t="s">
        <v>400</v>
      </c>
      <c r="AA3809" s="98" t="s">
        <v>400</v>
      </c>
      <c r="AB3809" s="98">
        <v>0</v>
      </c>
      <c r="AC3809" s="98">
        <v>0</v>
      </c>
      <c r="AD3809" s="98" t="s">
        <v>400</v>
      </c>
      <c r="AE3809" s="98">
        <v>0</v>
      </c>
      <c r="AF3809" s="98">
        <v>0</v>
      </c>
      <c r="AG3809" s="98">
        <v>0</v>
      </c>
      <c r="AH3809" s="98">
        <v>0</v>
      </c>
      <c r="AI3809" s="98">
        <v>0</v>
      </c>
      <c r="AJ3809" s="98">
        <v>0</v>
      </c>
      <c r="AK3809" s="98">
        <v>0</v>
      </c>
      <c r="AL3809" s="98">
        <v>0</v>
      </c>
      <c r="AM3809" s="98" t="s">
        <v>400</v>
      </c>
      <c r="AN3809" s="98" t="s">
        <v>400</v>
      </c>
      <c r="AO3809" s="98" t="s">
        <v>400</v>
      </c>
      <c r="AP3809" s="98">
        <v>0</v>
      </c>
      <c r="AQ3809" s="98">
        <v>0</v>
      </c>
      <c r="AR3809" s="98" t="s">
        <v>400</v>
      </c>
      <c r="AS3809" s="98" t="s">
        <v>400</v>
      </c>
      <c r="AT3809" s="98" t="s">
        <v>400</v>
      </c>
      <c r="AU3809" s="98" t="s">
        <v>400</v>
      </c>
      <c r="AV3809" s="98" t="s">
        <v>400</v>
      </c>
      <c r="AW3809" s="98" t="s">
        <v>400</v>
      </c>
      <c r="AX3809" s="98"/>
      <c r="AY3809" s="98"/>
      <c r="AZ3809" s="98"/>
      <c r="BA3809" s="98"/>
      <c r="BB3809" s="107">
        <v>45884</v>
      </c>
    </row>
    <row r="3810" spans="1:54" s="8" customFormat="1" ht="13.95" customHeight="1" x14ac:dyDescent="0.25">
      <c r="A3810" s="219" t="s">
        <v>8482</v>
      </c>
      <c r="B3810" s="220" t="s">
        <v>6395</v>
      </c>
      <c r="C3810" s="98" t="s">
        <v>8483</v>
      </c>
      <c r="D3810" s="98" t="s">
        <v>21778</v>
      </c>
      <c r="E3810" s="141">
        <v>1980</v>
      </c>
      <c r="F3810" s="141">
        <v>2418</v>
      </c>
      <c r="G3810" s="98" t="s">
        <v>8</v>
      </c>
      <c r="H3810" s="98">
        <v>0</v>
      </c>
      <c r="I3810" s="98">
        <v>0</v>
      </c>
      <c r="J3810" s="98" t="s">
        <v>400</v>
      </c>
      <c r="K3810" s="98" t="s">
        <v>400</v>
      </c>
      <c r="L3810" s="98" t="s">
        <v>400</v>
      </c>
      <c r="M3810" s="98" t="s">
        <v>400</v>
      </c>
      <c r="N3810" s="98" t="s">
        <v>400</v>
      </c>
      <c r="O3810" s="98" t="s">
        <v>400</v>
      </c>
      <c r="P3810" s="98" t="s">
        <v>400</v>
      </c>
      <c r="Q3810" s="98" t="s">
        <v>400</v>
      </c>
      <c r="R3810" s="98" t="s">
        <v>400</v>
      </c>
      <c r="S3810" s="98" t="s">
        <v>400</v>
      </c>
      <c r="T3810" s="98" t="s">
        <v>400</v>
      </c>
      <c r="U3810" s="98">
        <v>0</v>
      </c>
      <c r="V3810" s="98">
        <v>0</v>
      </c>
      <c r="W3810" s="98" t="s">
        <v>400</v>
      </c>
      <c r="X3810" s="98" t="s">
        <v>400</v>
      </c>
      <c r="Y3810" s="98">
        <v>0</v>
      </c>
      <c r="Z3810" s="98" t="s">
        <v>400</v>
      </c>
      <c r="AA3810" s="98" t="s">
        <v>400</v>
      </c>
      <c r="AB3810" s="98">
        <v>0</v>
      </c>
      <c r="AC3810" s="98">
        <v>0</v>
      </c>
      <c r="AD3810" s="98" t="s">
        <v>400</v>
      </c>
      <c r="AE3810" s="98">
        <v>0</v>
      </c>
      <c r="AF3810" s="98">
        <v>0</v>
      </c>
      <c r="AG3810" s="98">
        <v>0</v>
      </c>
      <c r="AH3810" s="98">
        <v>0</v>
      </c>
      <c r="AI3810" s="98">
        <v>0</v>
      </c>
      <c r="AJ3810" s="98">
        <v>0</v>
      </c>
      <c r="AK3810" s="98">
        <v>0</v>
      </c>
      <c r="AL3810" s="98">
        <v>0</v>
      </c>
      <c r="AM3810" s="98" t="s">
        <v>400</v>
      </c>
      <c r="AN3810" s="98" t="s">
        <v>400</v>
      </c>
      <c r="AO3810" s="98" t="s">
        <v>400</v>
      </c>
      <c r="AP3810" s="98">
        <v>0</v>
      </c>
      <c r="AQ3810" s="98">
        <v>0</v>
      </c>
      <c r="AR3810" s="98" t="s">
        <v>400</v>
      </c>
      <c r="AS3810" s="98" t="s">
        <v>400</v>
      </c>
      <c r="AT3810" s="98" t="s">
        <v>400</v>
      </c>
      <c r="AU3810" s="98" t="s">
        <v>400</v>
      </c>
      <c r="AV3810" s="98" t="s">
        <v>400</v>
      </c>
      <c r="AW3810" s="98" t="s">
        <v>400</v>
      </c>
      <c r="AX3810" s="98"/>
      <c r="AY3810" s="98"/>
      <c r="AZ3810" s="98"/>
      <c r="BA3810" s="98"/>
      <c r="BB3810" s="107">
        <v>45884</v>
      </c>
    </row>
    <row r="3811" spans="1:54" s="8" customFormat="1" ht="13.95" customHeight="1" x14ac:dyDescent="0.25">
      <c r="A3811" s="219" t="s">
        <v>8484</v>
      </c>
      <c r="B3811" s="220" t="s">
        <v>6395</v>
      </c>
      <c r="C3811" s="98" t="s">
        <v>8485</v>
      </c>
      <c r="D3811" s="98" t="s">
        <v>21432</v>
      </c>
      <c r="E3811" s="141">
        <v>2012</v>
      </c>
      <c r="F3811" s="141">
        <v>24</v>
      </c>
      <c r="G3811" s="98" t="s">
        <v>8</v>
      </c>
      <c r="H3811" s="98">
        <v>0</v>
      </c>
      <c r="I3811" s="98">
        <v>0</v>
      </c>
      <c r="J3811" s="98" t="s">
        <v>400</v>
      </c>
      <c r="K3811" s="98" t="s">
        <v>400</v>
      </c>
      <c r="L3811" s="98" t="s">
        <v>400</v>
      </c>
      <c r="M3811" s="98" t="s">
        <v>400</v>
      </c>
      <c r="N3811" s="98" t="s">
        <v>400</v>
      </c>
      <c r="O3811" s="98" t="s">
        <v>400</v>
      </c>
      <c r="P3811" s="98" t="s">
        <v>400</v>
      </c>
      <c r="Q3811" s="98" t="s">
        <v>400</v>
      </c>
      <c r="R3811" s="98" t="s">
        <v>400</v>
      </c>
      <c r="S3811" s="98" t="s">
        <v>400</v>
      </c>
      <c r="T3811" s="98" t="s">
        <v>400</v>
      </c>
      <c r="U3811" s="98">
        <v>0</v>
      </c>
      <c r="V3811" s="98">
        <v>0</v>
      </c>
      <c r="W3811" s="98" t="s">
        <v>400</v>
      </c>
      <c r="X3811" s="98" t="s">
        <v>400</v>
      </c>
      <c r="Y3811" s="98">
        <v>0</v>
      </c>
      <c r="Z3811" s="98" t="s">
        <v>400</v>
      </c>
      <c r="AA3811" s="98" t="s">
        <v>400</v>
      </c>
      <c r="AB3811" s="98">
        <v>0</v>
      </c>
      <c r="AC3811" s="98">
        <v>0</v>
      </c>
      <c r="AD3811" s="98" t="s">
        <v>400</v>
      </c>
      <c r="AE3811" s="98">
        <v>0</v>
      </c>
      <c r="AF3811" s="98">
        <v>0</v>
      </c>
      <c r="AG3811" s="98">
        <v>0</v>
      </c>
      <c r="AH3811" s="98">
        <v>0</v>
      </c>
      <c r="AI3811" s="98">
        <v>0</v>
      </c>
      <c r="AJ3811" s="98">
        <v>0</v>
      </c>
      <c r="AK3811" s="98">
        <v>0</v>
      </c>
      <c r="AL3811" s="98">
        <v>0</v>
      </c>
      <c r="AM3811" s="98" t="s">
        <v>400</v>
      </c>
      <c r="AN3811" s="98" t="s">
        <v>400</v>
      </c>
      <c r="AO3811" s="98" t="s">
        <v>400</v>
      </c>
      <c r="AP3811" s="98">
        <v>0</v>
      </c>
      <c r="AQ3811" s="98">
        <v>0</v>
      </c>
      <c r="AR3811" s="98" t="s">
        <v>400</v>
      </c>
      <c r="AS3811" s="98" t="s">
        <v>400</v>
      </c>
      <c r="AT3811" s="98" t="s">
        <v>400</v>
      </c>
      <c r="AU3811" s="98" t="s">
        <v>400</v>
      </c>
      <c r="AV3811" s="98" t="s">
        <v>400</v>
      </c>
      <c r="AW3811" s="98" t="s">
        <v>400</v>
      </c>
      <c r="AX3811" s="98"/>
      <c r="AY3811" s="98"/>
      <c r="AZ3811" s="98"/>
      <c r="BA3811" s="98"/>
      <c r="BB3811" s="107">
        <v>45884</v>
      </c>
    </row>
    <row r="3812" spans="1:54" s="8" customFormat="1" ht="13.95" customHeight="1" x14ac:dyDescent="0.25">
      <c r="A3812" s="219" t="s">
        <v>8486</v>
      </c>
      <c r="B3812" s="220" t="s">
        <v>6395</v>
      </c>
      <c r="C3812" s="98" t="s">
        <v>22196</v>
      </c>
      <c r="D3812" s="98" t="s">
        <v>21779</v>
      </c>
      <c r="E3812" s="141">
        <v>1987</v>
      </c>
      <c r="F3812" s="141">
        <v>133</v>
      </c>
      <c r="G3812" s="98" t="s">
        <v>8</v>
      </c>
      <c r="H3812" s="98">
        <v>0</v>
      </c>
      <c r="I3812" s="98">
        <v>0</v>
      </c>
      <c r="J3812" s="98" t="s">
        <v>400</v>
      </c>
      <c r="K3812" s="98" t="s">
        <v>400</v>
      </c>
      <c r="L3812" s="98" t="s">
        <v>400</v>
      </c>
      <c r="M3812" s="98" t="s">
        <v>400</v>
      </c>
      <c r="N3812" s="98" t="s">
        <v>400</v>
      </c>
      <c r="O3812" s="98" t="s">
        <v>400</v>
      </c>
      <c r="P3812" s="98" t="s">
        <v>400</v>
      </c>
      <c r="Q3812" s="98" t="s">
        <v>400</v>
      </c>
      <c r="R3812" s="98" t="s">
        <v>400</v>
      </c>
      <c r="S3812" s="98" t="s">
        <v>400</v>
      </c>
      <c r="T3812" s="98" t="s">
        <v>400</v>
      </c>
      <c r="U3812" s="98">
        <v>0</v>
      </c>
      <c r="V3812" s="98">
        <v>0</v>
      </c>
      <c r="W3812" s="98" t="s">
        <v>400</v>
      </c>
      <c r="X3812" s="98" t="s">
        <v>400</v>
      </c>
      <c r="Y3812" s="98">
        <v>0</v>
      </c>
      <c r="Z3812" s="98" t="s">
        <v>400</v>
      </c>
      <c r="AA3812" s="98" t="s">
        <v>400</v>
      </c>
      <c r="AB3812" s="98">
        <v>0</v>
      </c>
      <c r="AC3812" s="98">
        <v>0</v>
      </c>
      <c r="AD3812" s="98" t="s">
        <v>400</v>
      </c>
      <c r="AE3812" s="98">
        <v>0</v>
      </c>
      <c r="AF3812" s="98">
        <v>0</v>
      </c>
      <c r="AG3812" s="98">
        <v>0</v>
      </c>
      <c r="AH3812" s="98">
        <v>0</v>
      </c>
      <c r="AI3812" s="98">
        <v>0</v>
      </c>
      <c r="AJ3812" s="98">
        <v>0</v>
      </c>
      <c r="AK3812" s="98">
        <v>0</v>
      </c>
      <c r="AL3812" s="98">
        <v>0</v>
      </c>
      <c r="AM3812" s="98" t="s">
        <v>400</v>
      </c>
      <c r="AN3812" s="98" t="s">
        <v>400</v>
      </c>
      <c r="AO3812" s="98" t="s">
        <v>400</v>
      </c>
      <c r="AP3812" s="98">
        <v>0</v>
      </c>
      <c r="AQ3812" s="98">
        <v>0</v>
      </c>
      <c r="AR3812" s="98" t="s">
        <v>400</v>
      </c>
      <c r="AS3812" s="98" t="s">
        <v>400</v>
      </c>
      <c r="AT3812" s="98" t="s">
        <v>400</v>
      </c>
      <c r="AU3812" s="98" t="s">
        <v>400</v>
      </c>
      <c r="AV3812" s="98" t="s">
        <v>400</v>
      </c>
      <c r="AW3812" s="98" t="s">
        <v>400</v>
      </c>
      <c r="AX3812" s="98"/>
      <c r="AY3812" s="98"/>
      <c r="AZ3812" s="98"/>
      <c r="BA3812" s="98"/>
      <c r="BB3812" s="107">
        <v>45884</v>
      </c>
    </row>
    <row r="3813" spans="1:54" s="8" customFormat="1" ht="13.95" customHeight="1" x14ac:dyDescent="0.25">
      <c r="A3813" s="219" t="s">
        <v>8487</v>
      </c>
      <c r="B3813" s="220" t="s">
        <v>6395</v>
      </c>
      <c r="C3813" s="98" t="s">
        <v>8488</v>
      </c>
      <c r="D3813" s="98" t="s">
        <v>8489</v>
      </c>
      <c r="E3813" s="141">
        <v>1987</v>
      </c>
      <c r="F3813" s="141">
        <v>1668</v>
      </c>
      <c r="G3813" s="98" t="s">
        <v>8</v>
      </c>
      <c r="H3813" s="98">
        <v>0</v>
      </c>
      <c r="I3813" s="98">
        <v>0</v>
      </c>
      <c r="J3813" s="98" t="s">
        <v>400</v>
      </c>
      <c r="K3813" s="98" t="s">
        <v>400</v>
      </c>
      <c r="L3813" s="98" t="s">
        <v>400</v>
      </c>
      <c r="M3813" s="98" t="s">
        <v>400</v>
      </c>
      <c r="N3813" s="98" t="s">
        <v>400</v>
      </c>
      <c r="O3813" s="98" t="s">
        <v>400</v>
      </c>
      <c r="P3813" s="98" t="s">
        <v>400</v>
      </c>
      <c r="Q3813" s="98" t="s">
        <v>400</v>
      </c>
      <c r="R3813" s="98" t="s">
        <v>400</v>
      </c>
      <c r="S3813" s="98" t="s">
        <v>400</v>
      </c>
      <c r="T3813" s="98" t="s">
        <v>400</v>
      </c>
      <c r="U3813" s="98">
        <v>0</v>
      </c>
      <c r="V3813" s="98">
        <v>0</v>
      </c>
      <c r="W3813" s="98" t="s">
        <v>400</v>
      </c>
      <c r="X3813" s="98" t="s">
        <v>400</v>
      </c>
      <c r="Y3813" s="98">
        <v>0</v>
      </c>
      <c r="Z3813" s="98" t="s">
        <v>400</v>
      </c>
      <c r="AA3813" s="98" t="s">
        <v>400</v>
      </c>
      <c r="AB3813" s="98">
        <v>0</v>
      </c>
      <c r="AC3813" s="98">
        <v>0</v>
      </c>
      <c r="AD3813" s="98" t="s">
        <v>400</v>
      </c>
      <c r="AE3813" s="98">
        <v>0</v>
      </c>
      <c r="AF3813" s="98">
        <v>0</v>
      </c>
      <c r="AG3813" s="98">
        <v>0</v>
      </c>
      <c r="AH3813" s="98">
        <v>0</v>
      </c>
      <c r="AI3813" s="98">
        <v>0</v>
      </c>
      <c r="AJ3813" s="98">
        <v>0</v>
      </c>
      <c r="AK3813" s="98">
        <v>0</v>
      </c>
      <c r="AL3813" s="98">
        <v>0</v>
      </c>
      <c r="AM3813" s="98" t="s">
        <v>400</v>
      </c>
      <c r="AN3813" s="98" t="s">
        <v>400</v>
      </c>
      <c r="AO3813" s="98" t="s">
        <v>400</v>
      </c>
      <c r="AP3813" s="98">
        <v>0</v>
      </c>
      <c r="AQ3813" s="98">
        <v>0</v>
      </c>
      <c r="AR3813" s="98" t="s">
        <v>400</v>
      </c>
      <c r="AS3813" s="98" t="s">
        <v>400</v>
      </c>
      <c r="AT3813" s="98" t="s">
        <v>400</v>
      </c>
      <c r="AU3813" s="98" t="s">
        <v>400</v>
      </c>
      <c r="AV3813" s="98" t="s">
        <v>400</v>
      </c>
      <c r="AW3813" s="98" t="s">
        <v>400</v>
      </c>
      <c r="AX3813" s="98"/>
      <c r="AY3813" s="98"/>
      <c r="AZ3813" s="98"/>
      <c r="BA3813" s="98"/>
      <c r="BB3813" s="107">
        <v>45884</v>
      </c>
    </row>
    <row r="3814" spans="1:54" s="8" customFormat="1" ht="13.95" customHeight="1" x14ac:dyDescent="0.25">
      <c r="A3814" s="219" t="s">
        <v>8490</v>
      </c>
      <c r="B3814" s="220" t="s">
        <v>6395</v>
      </c>
      <c r="C3814" s="98" t="s">
        <v>8491</v>
      </c>
      <c r="D3814" s="98" t="s">
        <v>21433</v>
      </c>
      <c r="E3814" s="141">
        <v>1987</v>
      </c>
      <c r="F3814" s="141">
        <v>261</v>
      </c>
      <c r="G3814" s="98" t="s">
        <v>8</v>
      </c>
      <c r="H3814" s="98">
        <v>0</v>
      </c>
      <c r="I3814" s="98">
        <v>0</v>
      </c>
      <c r="J3814" s="98" t="s">
        <v>400</v>
      </c>
      <c r="K3814" s="98" t="s">
        <v>400</v>
      </c>
      <c r="L3814" s="98" t="s">
        <v>400</v>
      </c>
      <c r="M3814" s="98" t="s">
        <v>400</v>
      </c>
      <c r="N3814" s="98" t="s">
        <v>400</v>
      </c>
      <c r="O3814" s="98" t="s">
        <v>400</v>
      </c>
      <c r="P3814" s="98" t="s">
        <v>400</v>
      </c>
      <c r="Q3814" s="98" t="s">
        <v>400</v>
      </c>
      <c r="R3814" s="98" t="s">
        <v>400</v>
      </c>
      <c r="S3814" s="98" t="s">
        <v>400</v>
      </c>
      <c r="T3814" s="98" t="s">
        <v>400</v>
      </c>
      <c r="U3814" s="98">
        <v>0</v>
      </c>
      <c r="V3814" s="98">
        <v>0</v>
      </c>
      <c r="W3814" s="98" t="s">
        <v>400</v>
      </c>
      <c r="X3814" s="98" t="s">
        <v>400</v>
      </c>
      <c r="Y3814" s="98">
        <v>0</v>
      </c>
      <c r="Z3814" s="98" t="s">
        <v>400</v>
      </c>
      <c r="AA3814" s="98" t="s">
        <v>400</v>
      </c>
      <c r="AB3814" s="98">
        <v>0</v>
      </c>
      <c r="AC3814" s="98">
        <v>0</v>
      </c>
      <c r="AD3814" s="98" t="s">
        <v>400</v>
      </c>
      <c r="AE3814" s="98">
        <v>0</v>
      </c>
      <c r="AF3814" s="98">
        <v>0</v>
      </c>
      <c r="AG3814" s="98">
        <v>0</v>
      </c>
      <c r="AH3814" s="98">
        <v>0</v>
      </c>
      <c r="AI3814" s="98">
        <v>0</v>
      </c>
      <c r="AJ3814" s="98">
        <v>0</v>
      </c>
      <c r="AK3814" s="98">
        <v>0</v>
      </c>
      <c r="AL3814" s="98">
        <v>0</v>
      </c>
      <c r="AM3814" s="98" t="s">
        <v>400</v>
      </c>
      <c r="AN3814" s="98" t="s">
        <v>400</v>
      </c>
      <c r="AO3814" s="98" t="s">
        <v>400</v>
      </c>
      <c r="AP3814" s="98">
        <v>0</v>
      </c>
      <c r="AQ3814" s="98">
        <v>0</v>
      </c>
      <c r="AR3814" s="98" t="s">
        <v>400</v>
      </c>
      <c r="AS3814" s="98" t="s">
        <v>400</v>
      </c>
      <c r="AT3814" s="98" t="s">
        <v>400</v>
      </c>
      <c r="AU3814" s="98" t="s">
        <v>400</v>
      </c>
      <c r="AV3814" s="98" t="s">
        <v>400</v>
      </c>
      <c r="AW3814" s="98" t="s">
        <v>400</v>
      </c>
      <c r="AX3814" s="98"/>
      <c r="AY3814" s="98"/>
      <c r="AZ3814" s="98"/>
      <c r="BA3814" s="98"/>
      <c r="BB3814" s="107">
        <v>45884</v>
      </c>
    </row>
    <row r="3815" spans="1:54" s="8" customFormat="1" ht="13.95" customHeight="1" x14ac:dyDescent="0.25">
      <c r="A3815" s="219" t="s">
        <v>8492</v>
      </c>
      <c r="B3815" s="220" t="s">
        <v>6395</v>
      </c>
      <c r="C3815" s="98" t="s">
        <v>8493</v>
      </c>
      <c r="D3815" s="98" t="s">
        <v>21434</v>
      </c>
      <c r="E3815" s="141">
        <v>1999</v>
      </c>
      <c r="F3815" s="141">
        <v>423</v>
      </c>
      <c r="G3815" s="98" t="s">
        <v>8</v>
      </c>
      <c r="H3815" s="98">
        <v>0</v>
      </c>
      <c r="I3815" s="98">
        <v>0</v>
      </c>
      <c r="J3815" s="98" t="s">
        <v>400</v>
      </c>
      <c r="K3815" s="98" t="s">
        <v>400</v>
      </c>
      <c r="L3815" s="98" t="s">
        <v>400</v>
      </c>
      <c r="M3815" s="98" t="s">
        <v>400</v>
      </c>
      <c r="N3815" s="98" t="s">
        <v>400</v>
      </c>
      <c r="O3815" s="98" t="s">
        <v>400</v>
      </c>
      <c r="P3815" s="98" t="s">
        <v>400</v>
      </c>
      <c r="Q3815" s="98" t="s">
        <v>400</v>
      </c>
      <c r="R3815" s="98" t="s">
        <v>400</v>
      </c>
      <c r="S3815" s="98" t="s">
        <v>400</v>
      </c>
      <c r="T3815" s="98" t="s">
        <v>400</v>
      </c>
      <c r="U3815" s="98">
        <v>0</v>
      </c>
      <c r="V3815" s="98">
        <v>0</v>
      </c>
      <c r="W3815" s="98" t="s">
        <v>400</v>
      </c>
      <c r="X3815" s="98" t="s">
        <v>400</v>
      </c>
      <c r="Y3815" s="98">
        <v>0</v>
      </c>
      <c r="Z3815" s="98" t="s">
        <v>400</v>
      </c>
      <c r="AA3815" s="98" t="s">
        <v>400</v>
      </c>
      <c r="AB3815" s="98">
        <v>0</v>
      </c>
      <c r="AC3815" s="98">
        <v>0</v>
      </c>
      <c r="AD3815" s="98" t="s">
        <v>400</v>
      </c>
      <c r="AE3815" s="98">
        <v>0</v>
      </c>
      <c r="AF3815" s="98">
        <v>0</v>
      </c>
      <c r="AG3815" s="98">
        <v>0</v>
      </c>
      <c r="AH3815" s="98">
        <v>0</v>
      </c>
      <c r="AI3815" s="98">
        <v>0</v>
      </c>
      <c r="AJ3815" s="98">
        <v>0</v>
      </c>
      <c r="AK3815" s="98">
        <v>0</v>
      </c>
      <c r="AL3815" s="98">
        <v>0</v>
      </c>
      <c r="AM3815" s="98" t="s">
        <v>400</v>
      </c>
      <c r="AN3815" s="98" t="s">
        <v>400</v>
      </c>
      <c r="AO3815" s="98" t="s">
        <v>400</v>
      </c>
      <c r="AP3815" s="98">
        <v>0</v>
      </c>
      <c r="AQ3815" s="98">
        <v>0</v>
      </c>
      <c r="AR3815" s="98" t="s">
        <v>400</v>
      </c>
      <c r="AS3815" s="98" t="s">
        <v>400</v>
      </c>
      <c r="AT3815" s="98" t="s">
        <v>400</v>
      </c>
      <c r="AU3815" s="98" t="s">
        <v>400</v>
      </c>
      <c r="AV3815" s="98" t="s">
        <v>400</v>
      </c>
      <c r="AW3815" s="98" t="s">
        <v>400</v>
      </c>
      <c r="AX3815" s="98"/>
      <c r="AY3815" s="98"/>
      <c r="AZ3815" s="98"/>
      <c r="BA3815" s="98"/>
      <c r="BB3815" s="107">
        <v>45884</v>
      </c>
    </row>
    <row r="3816" spans="1:54" s="8" customFormat="1" ht="13.95" customHeight="1" x14ac:dyDescent="0.25">
      <c r="A3816" s="219" t="s">
        <v>8494</v>
      </c>
      <c r="B3816" s="220" t="s">
        <v>6395</v>
      </c>
      <c r="C3816" s="98" t="s">
        <v>8495</v>
      </c>
      <c r="D3816" s="98" t="s">
        <v>21780</v>
      </c>
      <c r="E3816" s="141">
        <v>2004</v>
      </c>
      <c r="F3816" s="141">
        <v>646</v>
      </c>
      <c r="G3816" s="98" t="s">
        <v>8</v>
      </c>
      <c r="H3816" s="98">
        <v>0</v>
      </c>
      <c r="I3816" s="98">
        <v>0</v>
      </c>
      <c r="J3816" s="98" t="s">
        <v>400</v>
      </c>
      <c r="K3816" s="98" t="s">
        <v>400</v>
      </c>
      <c r="L3816" s="98" t="s">
        <v>400</v>
      </c>
      <c r="M3816" s="98" t="s">
        <v>400</v>
      </c>
      <c r="N3816" s="98" t="s">
        <v>400</v>
      </c>
      <c r="O3816" s="98" t="s">
        <v>400</v>
      </c>
      <c r="P3816" s="98" t="s">
        <v>400</v>
      </c>
      <c r="Q3816" s="98" t="s">
        <v>400</v>
      </c>
      <c r="R3816" s="98" t="s">
        <v>400</v>
      </c>
      <c r="S3816" s="98" t="s">
        <v>400</v>
      </c>
      <c r="T3816" s="98" t="s">
        <v>400</v>
      </c>
      <c r="U3816" s="98">
        <v>0</v>
      </c>
      <c r="V3816" s="98">
        <v>0</v>
      </c>
      <c r="W3816" s="98" t="s">
        <v>400</v>
      </c>
      <c r="X3816" s="98" t="s">
        <v>400</v>
      </c>
      <c r="Y3816" s="98">
        <v>0</v>
      </c>
      <c r="Z3816" s="98" t="s">
        <v>400</v>
      </c>
      <c r="AA3816" s="98" t="s">
        <v>400</v>
      </c>
      <c r="AB3816" s="98">
        <v>0</v>
      </c>
      <c r="AC3816" s="98">
        <v>0</v>
      </c>
      <c r="AD3816" s="98" t="s">
        <v>400</v>
      </c>
      <c r="AE3816" s="98">
        <v>0</v>
      </c>
      <c r="AF3816" s="98">
        <v>0</v>
      </c>
      <c r="AG3816" s="98">
        <v>0</v>
      </c>
      <c r="AH3816" s="98">
        <v>0</v>
      </c>
      <c r="AI3816" s="98">
        <v>0</v>
      </c>
      <c r="AJ3816" s="98">
        <v>0</v>
      </c>
      <c r="AK3816" s="98">
        <v>0</v>
      </c>
      <c r="AL3816" s="98">
        <v>0</v>
      </c>
      <c r="AM3816" s="98" t="s">
        <v>400</v>
      </c>
      <c r="AN3816" s="98" t="s">
        <v>400</v>
      </c>
      <c r="AO3816" s="98" t="s">
        <v>400</v>
      </c>
      <c r="AP3816" s="98">
        <v>0</v>
      </c>
      <c r="AQ3816" s="98">
        <v>0</v>
      </c>
      <c r="AR3816" s="98" t="s">
        <v>400</v>
      </c>
      <c r="AS3816" s="98" t="s">
        <v>400</v>
      </c>
      <c r="AT3816" s="98" t="s">
        <v>400</v>
      </c>
      <c r="AU3816" s="98" t="s">
        <v>400</v>
      </c>
      <c r="AV3816" s="98" t="s">
        <v>400</v>
      </c>
      <c r="AW3816" s="98" t="s">
        <v>400</v>
      </c>
      <c r="AX3816" s="98"/>
      <c r="AY3816" s="98"/>
      <c r="AZ3816" s="98"/>
      <c r="BA3816" s="98"/>
      <c r="BB3816" s="107">
        <v>45884</v>
      </c>
    </row>
    <row r="3817" spans="1:54" s="8" customFormat="1" ht="13.95" customHeight="1" x14ac:dyDescent="0.25">
      <c r="A3817" s="219" t="s">
        <v>8496</v>
      </c>
      <c r="B3817" s="220" t="s">
        <v>6395</v>
      </c>
      <c r="C3817" s="98" t="s">
        <v>8497</v>
      </c>
      <c r="D3817" s="98" t="s">
        <v>21435</v>
      </c>
      <c r="E3817" s="141">
        <v>1977</v>
      </c>
      <c r="F3817" s="141">
        <v>669</v>
      </c>
      <c r="G3817" s="98" t="s">
        <v>8</v>
      </c>
      <c r="H3817" s="98">
        <v>0</v>
      </c>
      <c r="I3817" s="98">
        <v>0</v>
      </c>
      <c r="J3817" s="98" t="s">
        <v>400</v>
      </c>
      <c r="K3817" s="98" t="s">
        <v>400</v>
      </c>
      <c r="L3817" s="98" t="s">
        <v>400</v>
      </c>
      <c r="M3817" s="98" t="s">
        <v>400</v>
      </c>
      <c r="N3817" s="98" t="s">
        <v>400</v>
      </c>
      <c r="O3817" s="98" t="s">
        <v>400</v>
      </c>
      <c r="P3817" s="98" t="s">
        <v>400</v>
      </c>
      <c r="Q3817" s="98" t="s">
        <v>400</v>
      </c>
      <c r="R3817" s="98" t="s">
        <v>400</v>
      </c>
      <c r="S3817" s="98" t="s">
        <v>400</v>
      </c>
      <c r="T3817" s="98" t="s">
        <v>400</v>
      </c>
      <c r="U3817" s="98">
        <v>0</v>
      </c>
      <c r="V3817" s="98">
        <v>0</v>
      </c>
      <c r="W3817" s="98" t="s">
        <v>400</v>
      </c>
      <c r="X3817" s="98" t="s">
        <v>400</v>
      </c>
      <c r="Y3817" s="98">
        <v>0</v>
      </c>
      <c r="Z3817" s="98" t="s">
        <v>400</v>
      </c>
      <c r="AA3817" s="98" t="s">
        <v>400</v>
      </c>
      <c r="AB3817" s="98">
        <v>0</v>
      </c>
      <c r="AC3817" s="98">
        <v>0</v>
      </c>
      <c r="AD3817" s="98" t="s">
        <v>400</v>
      </c>
      <c r="AE3817" s="98">
        <v>0</v>
      </c>
      <c r="AF3817" s="98">
        <v>0</v>
      </c>
      <c r="AG3817" s="98">
        <v>0</v>
      </c>
      <c r="AH3817" s="98">
        <v>0</v>
      </c>
      <c r="AI3817" s="98">
        <v>0</v>
      </c>
      <c r="AJ3817" s="98">
        <v>0</v>
      </c>
      <c r="AK3817" s="98">
        <v>0</v>
      </c>
      <c r="AL3817" s="98">
        <v>0</v>
      </c>
      <c r="AM3817" s="98" t="s">
        <v>400</v>
      </c>
      <c r="AN3817" s="98" t="s">
        <v>400</v>
      </c>
      <c r="AO3817" s="98" t="s">
        <v>400</v>
      </c>
      <c r="AP3817" s="98">
        <v>0</v>
      </c>
      <c r="AQ3817" s="98">
        <v>0</v>
      </c>
      <c r="AR3817" s="98" t="s">
        <v>400</v>
      </c>
      <c r="AS3817" s="98" t="s">
        <v>400</v>
      </c>
      <c r="AT3817" s="98" t="s">
        <v>400</v>
      </c>
      <c r="AU3817" s="98" t="s">
        <v>400</v>
      </c>
      <c r="AV3817" s="98" t="s">
        <v>400</v>
      </c>
      <c r="AW3817" s="98" t="s">
        <v>400</v>
      </c>
      <c r="AX3817" s="98"/>
      <c r="AY3817" s="98"/>
      <c r="AZ3817" s="98"/>
      <c r="BA3817" s="98"/>
      <c r="BB3817" s="107">
        <v>45884</v>
      </c>
    </row>
    <row r="3818" spans="1:54" s="8" customFormat="1" ht="13.95" customHeight="1" x14ac:dyDescent="0.25">
      <c r="A3818" s="219" t="s">
        <v>8498</v>
      </c>
      <c r="B3818" s="220" t="s">
        <v>6395</v>
      </c>
      <c r="C3818" s="98" t="s">
        <v>8499</v>
      </c>
      <c r="D3818" s="98" t="s">
        <v>8500</v>
      </c>
      <c r="E3818" s="141">
        <v>1979</v>
      </c>
      <c r="F3818" s="141">
        <v>1587</v>
      </c>
      <c r="G3818" s="98" t="s">
        <v>8</v>
      </c>
      <c r="H3818" s="98">
        <v>0</v>
      </c>
      <c r="I3818" s="98">
        <v>0</v>
      </c>
      <c r="J3818" s="98" t="s">
        <v>400</v>
      </c>
      <c r="K3818" s="98" t="s">
        <v>400</v>
      </c>
      <c r="L3818" s="98" t="s">
        <v>400</v>
      </c>
      <c r="M3818" s="98" t="s">
        <v>400</v>
      </c>
      <c r="N3818" s="98" t="s">
        <v>400</v>
      </c>
      <c r="O3818" s="98" t="s">
        <v>400</v>
      </c>
      <c r="P3818" s="98" t="s">
        <v>400</v>
      </c>
      <c r="Q3818" s="98" t="s">
        <v>400</v>
      </c>
      <c r="R3818" s="98" t="s">
        <v>400</v>
      </c>
      <c r="S3818" s="98" t="s">
        <v>400</v>
      </c>
      <c r="T3818" s="98" t="s">
        <v>400</v>
      </c>
      <c r="U3818" s="98">
        <v>0</v>
      </c>
      <c r="V3818" s="98">
        <v>0</v>
      </c>
      <c r="W3818" s="98" t="s">
        <v>400</v>
      </c>
      <c r="X3818" s="98" t="s">
        <v>400</v>
      </c>
      <c r="Y3818" s="98">
        <v>0</v>
      </c>
      <c r="Z3818" s="98" t="s">
        <v>400</v>
      </c>
      <c r="AA3818" s="98" t="s">
        <v>400</v>
      </c>
      <c r="AB3818" s="98">
        <v>0</v>
      </c>
      <c r="AC3818" s="98">
        <v>0</v>
      </c>
      <c r="AD3818" s="98" t="s">
        <v>400</v>
      </c>
      <c r="AE3818" s="98">
        <v>0</v>
      </c>
      <c r="AF3818" s="98">
        <v>0</v>
      </c>
      <c r="AG3818" s="98">
        <v>0</v>
      </c>
      <c r="AH3818" s="98">
        <v>0</v>
      </c>
      <c r="AI3818" s="98">
        <v>0</v>
      </c>
      <c r="AJ3818" s="98">
        <v>0</v>
      </c>
      <c r="AK3818" s="98">
        <v>0</v>
      </c>
      <c r="AL3818" s="98">
        <v>0</v>
      </c>
      <c r="AM3818" s="98" t="s">
        <v>400</v>
      </c>
      <c r="AN3818" s="98" t="s">
        <v>400</v>
      </c>
      <c r="AO3818" s="98" t="s">
        <v>400</v>
      </c>
      <c r="AP3818" s="98">
        <v>0</v>
      </c>
      <c r="AQ3818" s="98">
        <v>0</v>
      </c>
      <c r="AR3818" s="98" t="s">
        <v>400</v>
      </c>
      <c r="AS3818" s="98" t="s">
        <v>400</v>
      </c>
      <c r="AT3818" s="98" t="s">
        <v>400</v>
      </c>
      <c r="AU3818" s="98" t="s">
        <v>400</v>
      </c>
      <c r="AV3818" s="98" t="s">
        <v>400</v>
      </c>
      <c r="AW3818" s="98" t="s">
        <v>400</v>
      </c>
      <c r="AX3818" s="98"/>
      <c r="AY3818" s="98"/>
      <c r="AZ3818" s="98"/>
      <c r="BA3818" s="98"/>
      <c r="BB3818" s="107">
        <v>45884</v>
      </c>
    </row>
    <row r="3819" spans="1:54" s="8" customFormat="1" ht="13.95" customHeight="1" x14ac:dyDescent="0.25">
      <c r="A3819" s="219" t="s">
        <v>8501</v>
      </c>
      <c r="B3819" s="220" t="s">
        <v>6395</v>
      </c>
      <c r="C3819" s="98" t="s">
        <v>8502</v>
      </c>
      <c r="D3819" s="98" t="s">
        <v>8503</v>
      </c>
      <c r="E3819" s="141">
        <v>1977</v>
      </c>
      <c r="F3819" s="141">
        <v>2225</v>
      </c>
      <c r="G3819" s="98" t="s">
        <v>11</v>
      </c>
      <c r="H3819" s="98">
        <v>0</v>
      </c>
      <c r="I3819" s="98">
        <v>0</v>
      </c>
      <c r="J3819" s="98" t="s">
        <v>400</v>
      </c>
      <c r="K3819" s="98" t="s">
        <v>400</v>
      </c>
      <c r="L3819" s="98" t="s">
        <v>400</v>
      </c>
      <c r="M3819" s="98" t="s">
        <v>400</v>
      </c>
      <c r="N3819" s="98" t="s">
        <v>400</v>
      </c>
      <c r="O3819" s="98" t="s">
        <v>400</v>
      </c>
      <c r="P3819" s="98" t="s">
        <v>400</v>
      </c>
      <c r="Q3819" s="98" t="s">
        <v>400</v>
      </c>
      <c r="R3819" s="98" t="s">
        <v>400</v>
      </c>
      <c r="S3819" s="98" t="s">
        <v>400</v>
      </c>
      <c r="T3819" s="98" t="s">
        <v>400</v>
      </c>
      <c r="U3819" s="98">
        <v>0</v>
      </c>
      <c r="V3819" s="98">
        <v>0</v>
      </c>
      <c r="W3819" s="98" t="s">
        <v>400</v>
      </c>
      <c r="X3819" s="98" t="s">
        <v>400</v>
      </c>
      <c r="Y3819" s="98">
        <v>0</v>
      </c>
      <c r="Z3819" s="98" t="s">
        <v>400</v>
      </c>
      <c r="AA3819" s="98" t="s">
        <v>400</v>
      </c>
      <c r="AB3819" s="98">
        <v>0</v>
      </c>
      <c r="AC3819" s="98">
        <v>0</v>
      </c>
      <c r="AD3819" s="98" t="s">
        <v>400</v>
      </c>
      <c r="AE3819" s="98">
        <v>0</v>
      </c>
      <c r="AF3819" s="98">
        <v>0</v>
      </c>
      <c r="AG3819" s="98">
        <v>0</v>
      </c>
      <c r="AH3819" s="98">
        <v>0</v>
      </c>
      <c r="AI3819" s="98">
        <v>0</v>
      </c>
      <c r="AJ3819" s="98">
        <v>0</v>
      </c>
      <c r="AK3819" s="98">
        <v>0</v>
      </c>
      <c r="AL3819" s="98">
        <v>0</v>
      </c>
      <c r="AM3819" s="98" t="s">
        <v>400</v>
      </c>
      <c r="AN3819" s="98" t="s">
        <v>400</v>
      </c>
      <c r="AO3819" s="98" t="s">
        <v>400</v>
      </c>
      <c r="AP3819" s="98">
        <v>0</v>
      </c>
      <c r="AQ3819" s="98">
        <v>0</v>
      </c>
      <c r="AR3819" s="98" t="s">
        <v>400</v>
      </c>
      <c r="AS3819" s="98" t="s">
        <v>400</v>
      </c>
      <c r="AT3819" s="98" t="s">
        <v>400</v>
      </c>
      <c r="AU3819" s="98" t="s">
        <v>400</v>
      </c>
      <c r="AV3819" s="98" t="s">
        <v>400</v>
      </c>
      <c r="AW3819" s="98" t="s">
        <v>400</v>
      </c>
      <c r="AX3819" s="98"/>
      <c r="AY3819" s="98"/>
      <c r="AZ3819" s="98"/>
      <c r="BA3819" s="98"/>
      <c r="BB3819" s="107">
        <v>45884</v>
      </c>
    </row>
    <row r="3820" spans="1:54" s="8" customFormat="1" ht="13.95" customHeight="1" x14ac:dyDescent="0.25">
      <c r="A3820" s="219" t="s">
        <v>8504</v>
      </c>
      <c r="B3820" s="220" t="s">
        <v>6395</v>
      </c>
      <c r="C3820" s="98" t="s">
        <v>8505</v>
      </c>
      <c r="D3820" s="98" t="s">
        <v>8506</v>
      </c>
      <c r="E3820" s="141">
        <v>1981</v>
      </c>
      <c r="F3820" s="141">
        <v>2640</v>
      </c>
      <c r="G3820" s="98" t="s">
        <v>11</v>
      </c>
      <c r="H3820" s="98">
        <v>1</v>
      </c>
      <c r="I3820" s="98">
        <v>0</v>
      </c>
      <c r="J3820" s="98" t="s">
        <v>400</v>
      </c>
      <c r="K3820" s="98" t="s">
        <v>400</v>
      </c>
      <c r="L3820" s="98" t="s">
        <v>400</v>
      </c>
      <c r="M3820" s="98" t="s">
        <v>400</v>
      </c>
      <c r="N3820" s="98" t="s">
        <v>400</v>
      </c>
      <c r="O3820" s="98" t="s">
        <v>400</v>
      </c>
      <c r="P3820" s="98" t="s">
        <v>400</v>
      </c>
      <c r="Q3820" s="98" t="s">
        <v>400</v>
      </c>
      <c r="R3820" s="98" t="s">
        <v>400</v>
      </c>
      <c r="S3820" s="98" t="s">
        <v>400</v>
      </c>
      <c r="T3820" s="98" t="s">
        <v>400</v>
      </c>
      <c r="U3820" s="98">
        <v>0</v>
      </c>
      <c r="V3820" s="98">
        <v>0</v>
      </c>
      <c r="W3820" s="98" t="s">
        <v>400</v>
      </c>
      <c r="X3820" s="98" t="s">
        <v>400</v>
      </c>
      <c r="Y3820" s="98">
        <v>0</v>
      </c>
      <c r="Z3820" s="98" t="s">
        <v>400</v>
      </c>
      <c r="AA3820" s="98" t="s">
        <v>400</v>
      </c>
      <c r="AB3820" s="98">
        <v>0</v>
      </c>
      <c r="AC3820" s="98">
        <v>0</v>
      </c>
      <c r="AD3820" s="98" t="s">
        <v>400</v>
      </c>
      <c r="AE3820" s="98">
        <v>0</v>
      </c>
      <c r="AF3820" s="98">
        <v>0</v>
      </c>
      <c r="AG3820" s="98">
        <v>0</v>
      </c>
      <c r="AH3820" s="98">
        <v>0</v>
      </c>
      <c r="AI3820" s="98">
        <v>0</v>
      </c>
      <c r="AJ3820" s="98">
        <v>0</v>
      </c>
      <c r="AK3820" s="98">
        <v>0</v>
      </c>
      <c r="AL3820" s="98">
        <v>0</v>
      </c>
      <c r="AM3820" s="98" t="s">
        <v>400</v>
      </c>
      <c r="AN3820" s="98" t="s">
        <v>400</v>
      </c>
      <c r="AO3820" s="98" t="s">
        <v>400</v>
      </c>
      <c r="AP3820" s="98">
        <v>0</v>
      </c>
      <c r="AQ3820" s="98">
        <v>0</v>
      </c>
      <c r="AR3820" s="98" t="s">
        <v>400</v>
      </c>
      <c r="AS3820" s="98" t="s">
        <v>400</v>
      </c>
      <c r="AT3820" s="98" t="s">
        <v>400</v>
      </c>
      <c r="AU3820" s="98" t="s">
        <v>400</v>
      </c>
      <c r="AV3820" s="98" t="s">
        <v>400</v>
      </c>
      <c r="AW3820" s="98" t="s">
        <v>400</v>
      </c>
      <c r="AX3820" s="98"/>
      <c r="AY3820" s="98"/>
      <c r="AZ3820" s="98"/>
      <c r="BA3820" s="98"/>
      <c r="BB3820" s="107">
        <v>45884</v>
      </c>
    </row>
    <row r="3821" spans="1:54" s="8" customFormat="1" ht="13.95" customHeight="1" x14ac:dyDescent="0.25">
      <c r="A3821" s="219" t="s">
        <v>8507</v>
      </c>
      <c r="B3821" s="220" t="s">
        <v>6395</v>
      </c>
      <c r="C3821" s="98" t="s">
        <v>8508</v>
      </c>
      <c r="D3821" s="98" t="s">
        <v>21436</v>
      </c>
      <c r="E3821" s="141">
        <v>1972</v>
      </c>
      <c r="F3821" s="141">
        <v>4175</v>
      </c>
      <c r="G3821" s="98" t="s">
        <v>11</v>
      </c>
      <c r="H3821" s="98">
        <v>0</v>
      </c>
      <c r="I3821" s="98">
        <v>0</v>
      </c>
      <c r="J3821" s="98" t="s">
        <v>400</v>
      </c>
      <c r="K3821" s="98" t="s">
        <v>400</v>
      </c>
      <c r="L3821" s="98" t="s">
        <v>400</v>
      </c>
      <c r="M3821" s="98" t="s">
        <v>400</v>
      </c>
      <c r="N3821" s="98" t="s">
        <v>400</v>
      </c>
      <c r="O3821" s="98" t="s">
        <v>400</v>
      </c>
      <c r="P3821" s="98" t="s">
        <v>400</v>
      </c>
      <c r="Q3821" s="98" t="s">
        <v>400</v>
      </c>
      <c r="R3821" s="98" t="s">
        <v>400</v>
      </c>
      <c r="S3821" s="98" t="s">
        <v>400</v>
      </c>
      <c r="T3821" s="98" t="s">
        <v>400</v>
      </c>
      <c r="U3821" s="98">
        <v>0</v>
      </c>
      <c r="V3821" s="98">
        <v>0</v>
      </c>
      <c r="W3821" s="98" t="s">
        <v>400</v>
      </c>
      <c r="X3821" s="98" t="s">
        <v>400</v>
      </c>
      <c r="Y3821" s="98">
        <v>0</v>
      </c>
      <c r="Z3821" s="98" t="s">
        <v>400</v>
      </c>
      <c r="AA3821" s="98" t="s">
        <v>400</v>
      </c>
      <c r="AB3821" s="98">
        <v>0</v>
      </c>
      <c r="AC3821" s="98">
        <v>0</v>
      </c>
      <c r="AD3821" s="98" t="s">
        <v>400</v>
      </c>
      <c r="AE3821" s="98">
        <v>0</v>
      </c>
      <c r="AF3821" s="98">
        <v>0</v>
      </c>
      <c r="AG3821" s="98">
        <v>0</v>
      </c>
      <c r="AH3821" s="98">
        <v>0</v>
      </c>
      <c r="AI3821" s="98">
        <v>0</v>
      </c>
      <c r="AJ3821" s="98">
        <v>0</v>
      </c>
      <c r="AK3821" s="98">
        <v>0</v>
      </c>
      <c r="AL3821" s="98">
        <v>0</v>
      </c>
      <c r="AM3821" s="98" t="s">
        <v>400</v>
      </c>
      <c r="AN3821" s="98" t="s">
        <v>400</v>
      </c>
      <c r="AO3821" s="98" t="s">
        <v>400</v>
      </c>
      <c r="AP3821" s="98">
        <v>0</v>
      </c>
      <c r="AQ3821" s="98">
        <v>0</v>
      </c>
      <c r="AR3821" s="98" t="s">
        <v>400</v>
      </c>
      <c r="AS3821" s="98" t="s">
        <v>400</v>
      </c>
      <c r="AT3821" s="98" t="s">
        <v>400</v>
      </c>
      <c r="AU3821" s="98" t="s">
        <v>400</v>
      </c>
      <c r="AV3821" s="98" t="s">
        <v>400</v>
      </c>
      <c r="AW3821" s="98" t="s">
        <v>400</v>
      </c>
      <c r="AX3821" s="98"/>
      <c r="AY3821" s="98"/>
      <c r="AZ3821" s="98"/>
      <c r="BA3821" s="98"/>
      <c r="BB3821" s="107">
        <v>45884</v>
      </c>
    </row>
    <row r="3822" spans="1:54" s="8" customFormat="1" ht="13.95" customHeight="1" x14ac:dyDescent="0.25">
      <c r="A3822" s="219" t="s">
        <v>8509</v>
      </c>
      <c r="B3822" s="220" t="s">
        <v>6395</v>
      </c>
      <c r="C3822" s="98" t="s">
        <v>22197</v>
      </c>
      <c r="D3822" s="98" t="s">
        <v>8510</v>
      </c>
      <c r="E3822" s="141">
        <v>1977</v>
      </c>
      <c r="F3822" s="141">
        <v>902</v>
      </c>
      <c r="G3822" s="98" t="s">
        <v>11</v>
      </c>
      <c r="H3822" s="98">
        <v>0</v>
      </c>
      <c r="I3822" s="98">
        <v>0</v>
      </c>
      <c r="J3822" s="98" t="s">
        <v>400</v>
      </c>
      <c r="K3822" s="98" t="s">
        <v>400</v>
      </c>
      <c r="L3822" s="98" t="s">
        <v>400</v>
      </c>
      <c r="M3822" s="98" t="s">
        <v>400</v>
      </c>
      <c r="N3822" s="98" t="s">
        <v>400</v>
      </c>
      <c r="O3822" s="98" t="s">
        <v>400</v>
      </c>
      <c r="P3822" s="98" t="s">
        <v>400</v>
      </c>
      <c r="Q3822" s="98" t="s">
        <v>400</v>
      </c>
      <c r="R3822" s="98" t="s">
        <v>400</v>
      </c>
      <c r="S3822" s="98" t="s">
        <v>400</v>
      </c>
      <c r="T3822" s="98" t="s">
        <v>400</v>
      </c>
      <c r="U3822" s="98">
        <v>0</v>
      </c>
      <c r="V3822" s="98">
        <v>0</v>
      </c>
      <c r="W3822" s="98" t="s">
        <v>400</v>
      </c>
      <c r="X3822" s="98" t="s">
        <v>400</v>
      </c>
      <c r="Y3822" s="98">
        <v>0</v>
      </c>
      <c r="Z3822" s="98" t="s">
        <v>400</v>
      </c>
      <c r="AA3822" s="98" t="s">
        <v>400</v>
      </c>
      <c r="AB3822" s="98">
        <v>0</v>
      </c>
      <c r="AC3822" s="98">
        <v>0</v>
      </c>
      <c r="AD3822" s="98" t="s">
        <v>400</v>
      </c>
      <c r="AE3822" s="98">
        <v>0</v>
      </c>
      <c r="AF3822" s="98">
        <v>0</v>
      </c>
      <c r="AG3822" s="98">
        <v>0</v>
      </c>
      <c r="AH3822" s="98">
        <v>0</v>
      </c>
      <c r="AI3822" s="98">
        <v>0</v>
      </c>
      <c r="AJ3822" s="98">
        <v>0</v>
      </c>
      <c r="AK3822" s="98">
        <v>0</v>
      </c>
      <c r="AL3822" s="98">
        <v>0</v>
      </c>
      <c r="AM3822" s="98" t="s">
        <v>400</v>
      </c>
      <c r="AN3822" s="98" t="s">
        <v>400</v>
      </c>
      <c r="AO3822" s="98" t="s">
        <v>400</v>
      </c>
      <c r="AP3822" s="98">
        <v>0</v>
      </c>
      <c r="AQ3822" s="98">
        <v>0</v>
      </c>
      <c r="AR3822" s="98" t="s">
        <v>400</v>
      </c>
      <c r="AS3822" s="98" t="s">
        <v>400</v>
      </c>
      <c r="AT3822" s="98" t="s">
        <v>400</v>
      </c>
      <c r="AU3822" s="98" t="s">
        <v>400</v>
      </c>
      <c r="AV3822" s="98" t="s">
        <v>400</v>
      </c>
      <c r="AW3822" s="98" t="s">
        <v>400</v>
      </c>
      <c r="AX3822" s="98"/>
      <c r="AY3822" s="98"/>
      <c r="AZ3822" s="98"/>
      <c r="BA3822" s="98"/>
      <c r="BB3822" s="107">
        <v>45884</v>
      </c>
    </row>
    <row r="3823" spans="1:54" s="8" customFormat="1" ht="13.95" customHeight="1" x14ac:dyDescent="0.25">
      <c r="A3823" s="219" t="s">
        <v>8511</v>
      </c>
      <c r="B3823" s="220" t="s">
        <v>6395</v>
      </c>
      <c r="C3823" s="98" t="s">
        <v>8512</v>
      </c>
      <c r="D3823" s="98" t="s">
        <v>21781</v>
      </c>
      <c r="E3823" s="141">
        <v>2008</v>
      </c>
      <c r="F3823" s="141">
        <v>86660</v>
      </c>
      <c r="G3823" s="98" t="s">
        <v>9</v>
      </c>
      <c r="H3823" s="98">
        <v>0</v>
      </c>
      <c r="I3823" s="98">
        <v>0</v>
      </c>
      <c r="J3823" s="98" t="s">
        <v>400</v>
      </c>
      <c r="K3823" s="98" t="s">
        <v>400</v>
      </c>
      <c r="L3823" s="98" t="s">
        <v>400</v>
      </c>
      <c r="M3823" s="98" t="s">
        <v>400</v>
      </c>
      <c r="N3823" s="98" t="s">
        <v>400</v>
      </c>
      <c r="O3823" s="98" t="s">
        <v>400</v>
      </c>
      <c r="P3823" s="98" t="s">
        <v>400</v>
      </c>
      <c r="Q3823" s="98" t="s">
        <v>400</v>
      </c>
      <c r="R3823" s="98" t="s">
        <v>400</v>
      </c>
      <c r="S3823" s="98" t="s">
        <v>400</v>
      </c>
      <c r="T3823" s="98" t="s">
        <v>400</v>
      </c>
      <c r="U3823" s="98">
        <v>0</v>
      </c>
      <c r="V3823" s="98">
        <v>0</v>
      </c>
      <c r="W3823" s="98" t="s">
        <v>400</v>
      </c>
      <c r="X3823" s="98" t="s">
        <v>400</v>
      </c>
      <c r="Y3823" s="98">
        <v>0</v>
      </c>
      <c r="Z3823" s="98" t="s">
        <v>400</v>
      </c>
      <c r="AA3823" s="98" t="s">
        <v>400</v>
      </c>
      <c r="AB3823" s="98">
        <v>0</v>
      </c>
      <c r="AC3823" s="98">
        <v>0</v>
      </c>
      <c r="AD3823" s="98" t="s">
        <v>400</v>
      </c>
      <c r="AE3823" s="98">
        <v>0</v>
      </c>
      <c r="AF3823" s="98">
        <v>0</v>
      </c>
      <c r="AG3823" s="98">
        <v>0</v>
      </c>
      <c r="AH3823" s="98">
        <v>0</v>
      </c>
      <c r="AI3823" s="98">
        <v>0</v>
      </c>
      <c r="AJ3823" s="98">
        <v>0</v>
      </c>
      <c r="AK3823" s="98">
        <v>0</v>
      </c>
      <c r="AL3823" s="98">
        <v>0</v>
      </c>
      <c r="AM3823" s="98" t="s">
        <v>400</v>
      </c>
      <c r="AN3823" s="98" t="s">
        <v>400</v>
      </c>
      <c r="AO3823" s="98" t="s">
        <v>400</v>
      </c>
      <c r="AP3823" s="98">
        <v>0</v>
      </c>
      <c r="AQ3823" s="98">
        <v>0</v>
      </c>
      <c r="AR3823" s="98" t="s">
        <v>400</v>
      </c>
      <c r="AS3823" s="98" t="s">
        <v>400</v>
      </c>
      <c r="AT3823" s="98" t="s">
        <v>400</v>
      </c>
      <c r="AU3823" s="98" t="s">
        <v>400</v>
      </c>
      <c r="AV3823" s="98" t="s">
        <v>400</v>
      </c>
      <c r="AW3823" s="98" t="s">
        <v>400</v>
      </c>
      <c r="AX3823" s="98"/>
      <c r="AY3823" s="98"/>
      <c r="AZ3823" s="98"/>
      <c r="BA3823" s="98"/>
      <c r="BB3823" s="107">
        <v>45884</v>
      </c>
    </row>
    <row r="3824" spans="1:54" s="8" customFormat="1" ht="13.95" customHeight="1" x14ac:dyDescent="0.25">
      <c r="A3824" s="219" t="s">
        <v>8513</v>
      </c>
      <c r="B3824" s="220" t="s">
        <v>6395</v>
      </c>
      <c r="C3824" s="98" t="s">
        <v>22198</v>
      </c>
      <c r="D3824" s="98" t="s">
        <v>21437</v>
      </c>
      <c r="E3824" s="141">
        <v>2009</v>
      </c>
      <c r="F3824" s="141">
        <v>9186</v>
      </c>
      <c r="G3824" s="98" t="s">
        <v>9</v>
      </c>
      <c r="H3824" s="98">
        <v>0</v>
      </c>
      <c r="I3824" s="98">
        <v>0</v>
      </c>
      <c r="J3824" s="98" t="s">
        <v>400</v>
      </c>
      <c r="K3824" s="98" t="s">
        <v>400</v>
      </c>
      <c r="L3824" s="98" t="s">
        <v>400</v>
      </c>
      <c r="M3824" s="98" t="s">
        <v>400</v>
      </c>
      <c r="N3824" s="98" t="s">
        <v>400</v>
      </c>
      <c r="O3824" s="98" t="s">
        <v>400</v>
      </c>
      <c r="P3824" s="98" t="s">
        <v>400</v>
      </c>
      <c r="Q3824" s="98" t="s">
        <v>400</v>
      </c>
      <c r="R3824" s="98" t="s">
        <v>400</v>
      </c>
      <c r="S3824" s="98" t="s">
        <v>400</v>
      </c>
      <c r="T3824" s="98" t="s">
        <v>400</v>
      </c>
      <c r="U3824" s="98">
        <v>0</v>
      </c>
      <c r="V3824" s="98">
        <v>0</v>
      </c>
      <c r="W3824" s="98" t="s">
        <v>400</v>
      </c>
      <c r="X3824" s="98" t="s">
        <v>400</v>
      </c>
      <c r="Y3824" s="98">
        <v>0</v>
      </c>
      <c r="Z3824" s="98" t="s">
        <v>400</v>
      </c>
      <c r="AA3824" s="98" t="s">
        <v>400</v>
      </c>
      <c r="AB3824" s="98">
        <v>0</v>
      </c>
      <c r="AC3824" s="98">
        <v>0</v>
      </c>
      <c r="AD3824" s="98" t="s">
        <v>400</v>
      </c>
      <c r="AE3824" s="98">
        <v>0</v>
      </c>
      <c r="AF3824" s="98">
        <v>0</v>
      </c>
      <c r="AG3824" s="98">
        <v>0</v>
      </c>
      <c r="AH3824" s="98">
        <v>0</v>
      </c>
      <c r="AI3824" s="98">
        <v>0</v>
      </c>
      <c r="AJ3824" s="98">
        <v>0</v>
      </c>
      <c r="AK3824" s="98">
        <v>0</v>
      </c>
      <c r="AL3824" s="98">
        <v>0</v>
      </c>
      <c r="AM3824" s="98" t="s">
        <v>400</v>
      </c>
      <c r="AN3824" s="98" t="s">
        <v>400</v>
      </c>
      <c r="AO3824" s="98" t="s">
        <v>400</v>
      </c>
      <c r="AP3824" s="98">
        <v>0</v>
      </c>
      <c r="AQ3824" s="98">
        <v>0</v>
      </c>
      <c r="AR3824" s="98" t="s">
        <v>400</v>
      </c>
      <c r="AS3824" s="98" t="s">
        <v>400</v>
      </c>
      <c r="AT3824" s="98" t="s">
        <v>400</v>
      </c>
      <c r="AU3824" s="98" t="s">
        <v>400</v>
      </c>
      <c r="AV3824" s="98" t="s">
        <v>400</v>
      </c>
      <c r="AW3824" s="98" t="s">
        <v>400</v>
      </c>
      <c r="AX3824" s="98"/>
      <c r="AY3824" s="98"/>
      <c r="AZ3824" s="98"/>
      <c r="BA3824" s="98"/>
      <c r="BB3824" s="107">
        <v>45884</v>
      </c>
    </row>
    <row r="3825" spans="1:54" s="8" customFormat="1" ht="13.95" customHeight="1" x14ac:dyDescent="0.25">
      <c r="A3825" s="219" t="s">
        <v>8514</v>
      </c>
      <c r="B3825" s="220" t="s">
        <v>6395</v>
      </c>
      <c r="C3825" s="98" t="s">
        <v>8515</v>
      </c>
      <c r="D3825" s="98" t="s">
        <v>21438</v>
      </c>
      <c r="E3825" s="141">
        <v>2009</v>
      </c>
      <c r="F3825" s="141">
        <v>8039</v>
      </c>
      <c r="G3825" s="98" t="s">
        <v>9</v>
      </c>
      <c r="H3825" s="98">
        <v>0</v>
      </c>
      <c r="I3825" s="98">
        <v>0</v>
      </c>
      <c r="J3825" s="98" t="s">
        <v>400</v>
      </c>
      <c r="K3825" s="98" t="s">
        <v>400</v>
      </c>
      <c r="L3825" s="98" t="s">
        <v>400</v>
      </c>
      <c r="M3825" s="98" t="s">
        <v>400</v>
      </c>
      <c r="N3825" s="98" t="s">
        <v>400</v>
      </c>
      <c r="O3825" s="98" t="s">
        <v>400</v>
      </c>
      <c r="P3825" s="98" t="s">
        <v>400</v>
      </c>
      <c r="Q3825" s="98" t="s">
        <v>400</v>
      </c>
      <c r="R3825" s="98" t="s">
        <v>400</v>
      </c>
      <c r="S3825" s="98" t="s">
        <v>400</v>
      </c>
      <c r="T3825" s="98" t="s">
        <v>400</v>
      </c>
      <c r="U3825" s="98">
        <v>0</v>
      </c>
      <c r="V3825" s="98">
        <v>0</v>
      </c>
      <c r="W3825" s="98" t="s">
        <v>400</v>
      </c>
      <c r="X3825" s="98" t="s">
        <v>400</v>
      </c>
      <c r="Y3825" s="98">
        <v>0</v>
      </c>
      <c r="Z3825" s="98" t="s">
        <v>400</v>
      </c>
      <c r="AA3825" s="98" t="s">
        <v>400</v>
      </c>
      <c r="AB3825" s="98">
        <v>0</v>
      </c>
      <c r="AC3825" s="98">
        <v>0</v>
      </c>
      <c r="AD3825" s="98" t="s">
        <v>400</v>
      </c>
      <c r="AE3825" s="98">
        <v>0</v>
      </c>
      <c r="AF3825" s="98">
        <v>0</v>
      </c>
      <c r="AG3825" s="98">
        <v>0</v>
      </c>
      <c r="AH3825" s="98">
        <v>0</v>
      </c>
      <c r="AI3825" s="98">
        <v>0</v>
      </c>
      <c r="AJ3825" s="98">
        <v>0</v>
      </c>
      <c r="AK3825" s="98">
        <v>0</v>
      </c>
      <c r="AL3825" s="98">
        <v>0</v>
      </c>
      <c r="AM3825" s="98" t="s">
        <v>400</v>
      </c>
      <c r="AN3825" s="98" t="s">
        <v>400</v>
      </c>
      <c r="AO3825" s="98" t="s">
        <v>400</v>
      </c>
      <c r="AP3825" s="98">
        <v>0</v>
      </c>
      <c r="AQ3825" s="98">
        <v>0</v>
      </c>
      <c r="AR3825" s="98" t="s">
        <v>400</v>
      </c>
      <c r="AS3825" s="98" t="s">
        <v>400</v>
      </c>
      <c r="AT3825" s="98" t="s">
        <v>400</v>
      </c>
      <c r="AU3825" s="98" t="s">
        <v>400</v>
      </c>
      <c r="AV3825" s="98" t="s">
        <v>400</v>
      </c>
      <c r="AW3825" s="98" t="s">
        <v>400</v>
      </c>
      <c r="AX3825" s="98"/>
      <c r="AY3825" s="98"/>
      <c r="AZ3825" s="98"/>
      <c r="BA3825" s="98"/>
      <c r="BB3825" s="107">
        <v>45884</v>
      </c>
    </row>
    <row r="3826" spans="1:54" s="8" customFormat="1" ht="13.95" customHeight="1" x14ac:dyDescent="0.25">
      <c r="A3826" s="219" t="s">
        <v>8516</v>
      </c>
      <c r="B3826" s="220" t="s">
        <v>6395</v>
      </c>
      <c r="C3826" s="98" t="s">
        <v>8517</v>
      </c>
      <c r="D3826" s="98" t="s">
        <v>21439</v>
      </c>
      <c r="E3826" s="141">
        <v>2015</v>
      </c>
      <c r="F3826" s="141">
        <v>14168</v>
      </c>
      <c r="G3826" s="98" t="s">
        <v>9</v>
      </c>
      <c r="H3826" s="98">
        <v>0</v>
      </c>
      <c r="I3826" s="98">
        <v>0</v>
      </c>
      <c r="J3826" s="98" t="s">
        <v>400</v>
      </c>
      <c r="K3826" s="98" t="s">
        <v>400</v>
      </c>
      <c r="L3826" s="98" t="s">
        <v>400</v>
      </c>
      <c r="M3826" s="98" t="s">
        <v>400</v>
      </c>
      <c r="N3826" s="98" t="s">
        <v>400</v>
      </c>
      <c r="O3826" s="98" t="s">
        <v>400</v>
      </c>
      <c r="P3826" s="98" t="s">
        <v>400</v>
      </c>
      <c r="Q3826" s="98" t="s">
        <v>400</v>
      </c>
      <c r="R3826" s="98" t="s">
        <v>400</v>
      </c>
      <c r="S3826" s="98" t="s">
        <v>400</v>
      </c>
      <c r="T3826" s="98" t="s">
        <v>400</v>
      </c>
      <c r="U3826" s="98">
        <v>0</v>
      </c>
      <c r="V3826" s="98">
        <v>0</v>
      </c>
      <c r="W3826" s="98" t="s">
        <v>400</v>
      </c>
      <c r="X3826" s="98" t="s">
        <v>400</v>
      </c>
      <c r="Y3826" s="98">
        <v>0</v>
      </c>
      <c r="Z3826" s="98" t="s">
        <v>400</v>
      </c>
      <c r="AA3826" s="98" t="s">
        <v>400</v>
      </c>
      <c r="AB3826" s="98">
        <v>0</v>
      </c>
      <c r="AC3826" s="98">
        <v>0</v>
      </c>
      <c r="AD3826" s="98" t="s">
        <v>400</v>
      </c>
      <c r="AE3826" s="98">
        <v>0</v>
      </c>
      <c r="AF3826" s="98">
        <v>0</v>
      </c>
      <c r="AG3826" s="98">
        <v>0</v>
      </c>
      <c r="AH3826" s="98">
        <v>0</v>
      </c>
      <c r="AI3826" s="98">
        <v>0</v>
      </c>
      <c r="AJ3826" s="98">
        <v>0</v>
      </c>
      <c r="AK3826" s="98">
        <v>0</v>
      </c>
      <c r="AL3826" s="98">
        <v>0</v>
      </c>
      <c r="AM3826" s="98" t="s">
        <v>400</v>
      </c>
      <c r="AN3826" s="98" t="s">
        <v>400</v>
      </c>
      <c r="AO3826" s="98" t="s">
        <v>400</v>
      </c>
      <c r="AP3826" s="98">
        <v>0</v>
      </c>
      <c r="AQ3826" s="98">
        <v>0</v>
      </c>
      <c r="AR3826" s="98" t="s">
        <v>400</v>
      </c>
      <c r="AS3826" s="98" t="s">
        <v>400</v>
      </c>
      <c r="AT3826" s="98" t="s">
        <v>400</v>
      </c>
      <c r="AU3826" s="98" t="s">
        <v>400</v>
      </c>
      <c r="AV3826" s="98" t="s">
        <v>400</v>
      </c>
      <c r="AW3826" s="98" t="s">
        <v>400</v>
      </c>
      <c r="AX3826" s="98"/>
      <c r="AY3826" s="98"/>
      <c r="AZ3826" s="98"/>
      <c r="BA3826" s="98"/>
      <c r="BB3826" s="107">
        <v>45884</v>
      </c>
    </row>
    <row r="3827" spans="1:54" s="8" customFormat="1" ht="13.95" customHeight="1" x14ac:dyDescent="0.25">
      <c r="A3827" s="219" t="s">
        <v>8518</v>
      </c>
      <c r="B3827" s="220" t="s">
        <v>6395</v>
      </c>
      <c r="C3827" s="98" t="s">
        <v>8519</v>
      </c>
      <c r="D3827" s="98" t="s">
        <v>21440</v>
      </c>
      <c r="E3827" s="141">
        <v>2012</v>
      </c>
      <c r="F3827" s="141">
        <v>19255</v>
      </c>
      <c r="G3827" s="98" t="s">
        <v>9</v>
      </c>
      <c r="H3827" s="98">
        <v>0</v>
      </c>
      <c r="I3827" s="98">
        <v>0</v>
      </c>
      <c r="J3827" s="98" t="s">
        <v>400</v>
      </c>
      <c r="K3827" s="98" t="s">
        <v>400</v>
      </c>
      <c r="L3827" s="98" t="s">
        <v>400</v>
      </c>
      <c r="M3827" s="98" t="s">
        <v>400</v>
      </c>
      <c r="N3827" s="98" t="s">
        <v>400</v>
      </c>
      <c r="O3827" s="98" t="s">
        <v>400</v>
      </c>
      <c r="P3827" s="98" t="s">
        <v>400</v>
      </c>
      <c r="Q3827" s="98" t="s">
        <v>400</v>
      </c>
      <c r="R3827" s="98" t="s">
        <v>400</v>
      </c>
      <c r="S3827" s="98" t="s">
        <v>400</v>
      </c>
      <c r="T3827" s="98" t="s">
        <v>400</v>
      </c>
      <c r="U3827" s="98">
        <v>0</v>
      </c>
      <c r="V3827" s="98">
        <v>0</v>
      </c>
      <c r="W3827" s="98" t="s">
        <v>400</v>
      </c>
      <c r="X3827" s="98" t="s">
        <v>400</v>
      </c>
      <c r="Y3827" s="98">
        <v>0</v>
      </c>
      <c r="Z3827" s="98" t="s">
        <v>400</v>
      </c>
      <c r="AA3827" s="98" t="s">
        <v>400</v>
      </c>
      <c r="AB3827" s="98">
        <v>0</v>
      </c>
      <c r="AC3827" s="98">
        <v>0</v>
      </c>
      <c r="AD3827" s="98" t="s">
        <v>400</v>
      </c>
      <c r="AE3827" s="98">
        <v>0</v>
      </c>
      <c r="AF3827" s="98">
        <v>0</v>
      </c>
      <c r="AG3827" s="98">
        <v>0</v>
      </c>
      <c r="AH3827" s="98">
        <v>0</v>
      </c>
      <c r="AI3827" s="98">
        <v>0</v>
      </c>
      <c r="AJ3827" s="98">
        <v>0</v>
      </c>
      <c r="AK3827" s="98">
        <v>0</v>
      </c>
      <c r="AL3827" s="98">
        <v>0</v>
      </c>
      <c r="AM3827" s="98" t="s">
        <v>400</v>
      </c>
      <c r="AN3827" s="98" t="s">
        <v>400</v>
      </c>
      <c r="AO3827" s="98" t="s">
        <v>400</v>
      </c>
      <c r="AP3827" s="98">
        <v>0</v>
      </c>
      <c r="AQ3827" s="98">
        <v>0</v>
      </c>
      <c r="AR3827" s="98" t="s">
        <v>400</v>
      </c>
      <c r="AS3827" s="98" t="s">
        <v>400</v>
      </c>
      <c r="AT3827" s="98" t="s">
        <v>400</v>
      </c>
      <c r="AU3827" s="98" t="s">
        <v>400</v>
      </c>
      <c r="AV3827" s="98" t="s">
        <v>400</v>
      </c>
      <c r="AW3827" s="98" t="s">
        <v>400</v>
      </c>
      <c r="AX3827" s="98"/>
      <c r="AY3827" s="98"/>
      <c r="AZ3827" s="98"/>
      <c r="BA3827" s="98"/>
      <c r="BB3827" s="107">
        <v>45884</v>
      </c>
    </row>
    <row r="3828" spans="1:54" s="8" customFormat="1" ht="13.95" customHeight="1" x14ac:dyDescent="0.25">
      <c r="A3828" s="219" t="s">
        <v>8520</v>
      </c>
      <c r="B3828" s="220" t="s">
        <v>6395</v>
      </c>
      <c r="C3828" s="98" t="s">
        <v>22199</v>
      </c>
      <c r="D3828" s="98" t="s">
        <v>21441</v>
      </c>
      <c r="E3828" s="141">
        <v>2002</v>
      </c>
      <c r="F3828" s="141">
        <v>6436</v>
      </c>
      <c r="G3828" s="98" t="s">
        <v>9</v>
      </c>
      <c r="H3828" s="98">
        <v>0</v>
      </c>
      <c r="I3828" s="98">
        <v>0</v>
      </c>
      <c r="J3828" s="98" t="s">
        <v>400</v>
      </c>
      <c r="K3828" s="98" t="s">
        <v>400</v>
      </c>
      <c r="L3828" s="98" t="s">
        <v>400</v>
      </c>
      <c r="M3828" s="98" t="s">
        <v>400</v>
      </c>
      <c r="N3828" s="98" t="s">
        <v>400</v>
      </c>
      <c r="O3828" s="98" t="s">
        <v>400</v>
      </c>
      <c r="P3828" s="98" t="s">
        <v>400</v>
      </c>
      <c r="Q3828" s="98" t="s">
        <v>400</v>
      </c>
      <c r="R3828" s="98" t="s">
        <v>400</v>
      </c>
      <c r="S3828" s="98" t="s">
        <v>400</v>
      </c>
      <c r="T3828" s="98" t="s">
        <v>400</v>
      </c>
      <c r="U3828" s="98">
        <v>0</v>
      </c>
      <c r="V3828" s="98">
        <v>0</v>
      </c>
      <c r="W3828" s="98" t="s">
        <v>400</v>
      </c>
      <c r="X3828" s="98" t="s">
        <v>400</v>
      </c>
      <c r="Y3828" s="98">
        <v>0</v>
      </c>
      <c r="Z3828" s="98" t="s">
        <v>400</v>
      </c>
      <c r="AA3828" s="98" t="s">
        <v>400</v>
      </c>
      <c r="AB3828" s="98">
        <v>0</v>
      </c>
      <c r="AC3828" s="98">
        <v>0</v>
      </c>
      <c r="AD3828" s="98" t="s">
        <v>400</v>
      </c>
      <c r="AE3828" s="98">
        <v>0</v>
      </c>
      <c r="AF3828" s="98">
        <v>0</v>
      </c>
      <c r="AG3828" s="98">
        <v>0</v>
      </c>
      <c r="AH3828" s="98">
        <v>0</v>
      </c>
      <c r="AI3828" s="98">
        <v>0</v>
      </c>
      <c r="AJ3828" s="98">
        <v>0</v>
      </c>
      <c r="AK3828" s="98">
        <v>0</v>
      </c>
      <c r="AL3828" s="98">
        <v>0</v>
      </c>
      <c r="AM3828" s="98" t="s">
        <v>400</v>
      </c>
      <c r="AN3828" s="98" t="s">
        <v>400</v>
      </c>
      <c r="AO3828" s="98" t="s">
        <v>400</v>
      </c>
      <c r="AP3828" s="98">
        <v>0</v>
      </c>
      <c r="AQ3828" s="98">
        <v>0</v>
      </c>
      <c r="AR3828" s="98" t="s">
        <v>400</v>
      </c>
      <c r="AS3828" s="98" t="s">
        <v>400</v>
      </c>
      <c r="AT3828" s="98" t="s">
        <v>400</v>
      </c>
      <c r="AU3828" s="98" t="s">
        <v>400</v>
      </c>
      <c r="AV3828" s="98" t="s">
        <v>400</v>
      </c>
      <c r="AW3828" s="98" t="s">
        <v>400</v>
      </c>
      <c r="AX3828" s="98"/>
      <c r="AY3828" s="98"/>
      <c r="AZ3828" s="98"/>
      <c r="BA3828" s="98"/>
      <c r="BB3828" s="107">
        <v>45884</v>
      </c>
    </row>
    <row r="3829" spans="1:54" s="8" customFormat="1" ht="13.95" customHeight="1" x14ac:dyDescent="0.25">
      <c r="A3829" s="219" t="s">
        <v>8521</v>
      </c>
      <c r="B3829" s="220" t="s">
        <v>6395</v>
      </c>
      <c r="C3829" s="98" t="s">
        <v>8522</v>
      </c>
      <c r="D3829" s="98" t="s">
        <v>21442</v>
      </c>
      <c r="E3829" s="141">
        <v>2009</v>
      </c>
      <c r="F3829" s="141">
        <v>9134</v>
      </c>
      <c r="G3829" s="98" t="s">
        <v>9</v>
      </c>
      <c r="H3829" s="98">
        <v>0</v>
      </c>
      <c r="I3829" s="98">
        <v>0</v>
      </c>
      <c r="J3829" s="98" t="s">
        <v>400</v>
      </c>
      <c r="K3829" s="98" t="s">
        <v>400</v>
      </c>
      <c r="L3829" s="98" t="s">
        <v>400</v>
      </c>
      <c r="M3829" s="98" t="s">
        <v>400</v>
      </c>
      <c r="N3829" s="98" t="s">
        <v>400</v>
      </c>
      <c r="O3829" s="98" t="s">
        <v>400</v>
      </c>
      <c r="P3829" s="98" t="s">
        <v>400</v>
      </c>
      <c r="Q3829" s="98" t="s">
        <v>400</v>
      </c>
      <c r="R3829" s="98" t="s">
        <v>400</v>
      </c>
      <c r="S3829" s="98" t="s">
        <v>400</v>
      </c>
      <c r="T3829" s="98" t="s">
        <v>400</v>
      </c>
      <c r="U3829" s="98">
        <v>0</v>
      </c>
      <c r="V3829" s="98">
        <v>0</v>
      </c>
      <c r="W3829" s="98" t="s">
        <v>400</v>
      </c>
      <c r="X3829" s="98" t="s">
        <v>400</v>
      </c>
      <c r="Y3829" s="98">
        <v>0</v>
      </c>
      <c r="Z3829" s="98" t="s">
        <v>400</v>
      </c>
      <c r="AA3829" s="98" t="s">
        <v>400</v>
      </c>
      <c r="AB3829" s="98">
        <v>0</v>
      </c>
      <c r="AC3829" s="98">
        <v>0</v>
      </c>
      <c r="AD3829" s="98" t="s">
        <v>400</v>
      </c>
      <c r="AE3829" s="98">
        <v>0</v>
      </c>
      <c r="AF3829" s="98">
        <v>0</v>
      </c>
      <c r="AG3829" s="98">
        <v>0</v>
      </c>
      <c r="AH3829" s="98">
        <v>0</v>
      </c>
      <c r="AI3829" s="98">
        <v>0</v>
      </c>
      <c r="AJ3829" s="98">
        <v>0</v>
      </c>
      <c r="AK3829" s="98">
        <v>0</v>
      </c>
      <c r="AL3829" s="98">
        <v>0</v>
      </c>
      <c r="AM3829" s="98" t="s">
        <v>400</v>
      </c>
      <c r="AN3829" s="98" t="s">
        <v>400</v>
      </c>
      <c r="AO3829" s="98" t="s">
        <v>400</v>
      </c>
      <c r="AP3829" s="98">
        <v>0</v>
      </c>
      <c r="AQ3829" s="98">
        <v>0</v>
      </c>
      <c r="AR3829" s="98" t="s">
        <v>400</v>
      </c>
      <c r="AS3829" s="98" t="s">
        <v>400</v>
      </c>
      <c r="AT3829" s="98" t="s">
        <v>400</v>
      </c>
      <c r="AU3829" s="98" t="s">
        <v>400</v>
      </c>
      <c r="AV3829" s="98" t="s">
        <v>400</v>
      </c>
      <c r="AW3829" s="98" t="s">
        <v>400</v>
      </c>
      <c r="AX3829" s="98"/>
      <c r="AY3829" s="98"/>
      <c r="AZ3829" s="98"/>
      <c r="BA3829" s="98"/>
      <c r="BB3829" s="107">
        <v>45884</v>
      </c>
    </row>
    <row r="3830" spans="1:54" s="8" customFormat="1" ht="13.95" customHeight="1" x14ac:dyDescent="0.25">
      <c r="A3830" s="219" t="s">
        <v>8523</v>
      </c>
      <c r="B3830" s="220" t="s">
        <v>6395</v>
      </c>
      <c r="C3830" s="98" t="s">
        <v>8524</v>
      </c>
      <c r="D3830" s="98" t="s">
        <v>21782</v>
      </c>
      <c r="E3830" s="141">
        <v>2012</v>
      </c>
      <c r="F3830" s="141">
        <v>2160</v>
      </c>
      <c r="G3830" s="98" t="s">
        <v>9</v>
      </c>
      <c r="H3830" s="98">
        <v>0</v>
      </c>
      <c r="I3830" s="98">
        <v>0</v>
      </c>
      <c r="J3830" s="98" t="s">
        <v>400</v>
      </c>
      <c r="K3830" s="98" t="s">
        <v>400</v>
      </c>
      <c r="L3830" s="98" t="s">
        <v>400</v>
      </c>
      <c r="M3830" s="98" t="s">
        <v>400</v>
      </c>
      <c r="N3830" s="98" t="s">
        <v>400</v>
      </c>
      <c r="O3830" s="98" t="s">
        <v>400</v>
      </c>
      <c r="P3830" s="98" t="s">
        <v>400</v>
      </c>
      <c r="Q3830" s="98" t="s">
        <v>400</v>
      </c>
      <c r="R3830" s="98" t="s">
        <v>400</v>
      </c>
      <c r="S3830" s="98" t="s">
        <v>400</v>
      </c>
      <c r="T3830" s="98" t="s">
        <v>400</v>
      </c>
      <c r="U3830" s="98">
        <v>0</v>
      </c>
      <c r="V3830" s="98">
        <v>0</v>
      </c>
      <c r="W3830" s="98" t="s">
        <v>400</v>
      </c>
      <c r="X3830" s="98" t="s">
        <v>400</v>
      </c>
      <c r="Y3830" s="98">
        <v>0</v>
      </c>
      <c r="Z3830" s="98" t="s">
        <v>400</v>
      </c>
      <c r="AA3830" s="98" t="s">
        <v>400</v>
      </c>
      <c r="AB3830" s="98">
        <v>0</v>
      </c>
      <c r="AC3830" s="98">
        <v>0</v>
      </c>
      <c r="AD3830" s="98" t="s">
        <v>400</v>
      </c>
      <c r="AE3830" s="98">
        <v>0</v>
      </c>
      <c r="AF3830" s="98">
        <v>0</v>
      </c>
      <c r="AG3830" s="98">
        <v>0</v>
      </c>
      <c r="AH3830" s="98">
        <v>0</v>
      </c>
      <c r="AI3830" s="98">
        <v>0</v>
      </c>
      <c r="AJ3830" s="98">
        <v>0</v>
      </c>
      <c r="AK3830" s="98">
        <v>0</v>
      </c>
      <c r="AL3830" s="98">
        <v>0</v>
      </c>
      <c r="AM3830" s="98" t="s">
        <v>400</v>
      </c>
      <c r="AN3830" s="98" t="s">
        <v>400</v>
      </c>
      <c r="AO3830" s="98" t="s">
        <v>400</v>
      </c>
      <c r="AP3830" s="98">
        <v>0</v>
      </c>
      <c r="AQ3830" s="98">
        <v>0</v>
      </c>
      <c r="AR3830" s="98" t="s">
        <v>400</v>
      </c>
      <c r="AS3830" s="98" t="s">
        <v>400</v>
      </c>
      <c r="AT3830" s="98" t="s">
        <v>400</v>
      </c>
      <c r="AU3830" s="98" t="s">
        <v>400</v>
      </c>
      <c r="AV3830" s="98" t="s">
        <v>400</v>
      </c>
      <c r="AW3830" s="98" t="s">
        <v>400</v>
      </c>
      <c r="AX3830" s="98"/>
      <c r="AY3830" s="98"/>
      <c r="AZ3830" s="98"/>
      <c r="BA3830" s="98"/>
      <c r="BB3830" s="107">
        <v>45884</v>
      </c>
    </row>
    <row r="3831" spans="1:54" s="8" customFormat="1" ht="13.95" customHeight="1" x14ac:dyDescent="0.25">
      <c r="A3831" s="219" t="s">
        <v>8525</v>
      </c>
      <c r="B3831" s="220" t="s">
        <v>6395</v>
      </c>
      <c r="C3831" s="98" t="s">
        <v>8526</v>
      </c>
      <c r="D3831" s="98" t="s">
        <v>21443</v>
      </c>
      <c r="E3831" s="141">
        <v>2016</v>
      </c>
      <c r="F3831" s="141">
        <v>1812</v>
      </c>
      <c r="G3831" s="98" t="s">
        <v>9</v>
      </c>
      <c r="H3831" s="98">
        <v>0</v>
      </c>
      <c r="I3831" s="98">
        <v>0</v>
      </c>
      <c r="J3831" s="98" t="s">
        <v>400</v>
      </c>
      <c r="K3831" s="98" t="s">
        <v>400</v>
      </c>
      <c r="L3831" s="98" t="s">
        <v>400</v>
      </c>
      <c r="M3831" s="98" t="s">
        <v>400</v>
      </c>
      <c r="N3831" s="98" t="s">
        <v>400</v>
      </c>
      <c r="O3831" s="98" t="s">
        <v>400</v>
      </c>
      <c r="P3831" s="98" t="s">
        <v>400</v>
      </c>
      <c r="Q3831" s="98" t="s">
        <v>400</v>
      </c>
      <c r="R3831" s="98" t="s">
        <v>400</v>
      </c>
      <c r="S3831" s="98" t="s">
        <v>400</v>
      </c>
      <c r="T3831" s="98" t="s">
        <v>400</v>
      </c>
      <c r="U3831" s="98">
        <v>0</v>
      </c>
      <c r="V3831" s="98">
        <v>0</v>
      </c>
      <c r="W3831" s="98" t="s">
        <v>400</v>
      </c>
      <c r="X3831" s="98" t="s">
        <v>400</v>
      </c>
      <c r="Y3831" s="98">
        <v>0</v>
      </c>
      <c r="Z3831" s="98" t="s">
        <v>400</v>
      </c>
      <c r="AA3831" s="98" t="s">
        <v>400</v>
      </c>
      <c r="AB3831" s="98">
        <v>0</v>
      </c>
      <c r="AC3831" s="98">
        <v>0</v>
      </c>
      <c r="AD3831" s="98" t="s">
        <v>400</v>
      </c>
      <c r="AE3831" s="98">
        <v>0</v>
      </c>
      <c r="AF3831" s="98">
        <v>0</v>
      </c>
      <c r="AG3831" s="98">
        <v>0</v>
      </c>
      <c r="AH3831" s="98">
        <v>0</v>
      </c>
      <c r="AI3831" s="98">
        <v>0</v>
      </c>
      <c r="AJ3831" s="98">
        <v>0</v>
      </c>
      <c r="AK3831" s="98">
        <v>0</v>
      </c>
      <c r="AL3831" s="98">
        <v>0</v>
      </c>
      <c r="AM3831" s="98" t="s">
        <v>400</v>
      </c>
      <c r="AN3831" s="98" t="s">
        <v>400</v>
      </c>
      <c r="AO3831" s="98" t="s">
        <v>400</v>
      </c>
      <c r="AP3831" s="98">
        <v>0</v>
      </c>
      <c r="AQ3831" s="98">
        <v>0</v>
      </c>
      <c r="AR3831" s="98" t="s">
        <v>400</v>
      </c>
      <c r="AS3831" s="98" t="s">
        <v>400</v>
      </c>
      <c r="AT3831" s="98" t="s">
        <v>400</v>
      </c>
      <c r="AU3831" s="98" t="s">
        <v>400</v>
      </c>
      <c r="AV3831" s="98" t="s">
        <v>400</v>
      </c>
      <c r="AW3831" s="98" t="s">
        <v>400</v>
      </c>
      <c r="AX3831" s="98"/>
      <c r="AY3831" s="98"/>
      <c r="AZ3831" s="98"/>
      <c r="BA3831" s="98"/>
      <c r="BB3831" s="107">
        <v>45884</v>
      </c>
    </row>
    <row r="3832" spans="1:54" s="8" customFormat="1" ht="13.95" customHeight="1" x14ac:dyDescent="0.25">
      <c r="A3832" s="219" t="s">
        <v>8527</v>
      </c>
      <c r="B3832" s="220" t="s">
        <v>6395</v>
      </c>
      <c r="C3832" s="98" t="s">
        <v>8528</v>
      </c>
      <c r="D3832" s="98" t="s">
        <v>21444</v>
      </c>
      <c r="E3832" s="141">
        <v>2016</v>
      </c>
      <c r="F3832" s="141">
        <v>992</v>
      </c>
      <c r="G3832" s="98" t="s">
        <v>9</v>
      </c>
      <c r="H3832" s="98">
        <v>0</v>
      </c>
      <c r="I3832" s="98">
        <v>0</v>
      </c>
      <c r="J3832" s="98" t="s">
        <v>400</v>
      </c>
      <c r="K3832" s="98" t="s">
        <v>400</v>
      </c>
      <c r="L3832" s="98" t="s">
        <v>400</v>
      </c>
      <c r="M3832" s="98" t="s">
        <v>400</v>
      </c>
      <c r="N3832" s="98" t="s">
        <v>400</v>
      </c>
      <c r="O3832" s="98" t="s">
        <v>400</v>
      </c>
      <c r="P3832" s="98" t="s">
        <v>400</v>
      </c>
      <c r="Q3832" s="98" t="s">
        <v>400</v>
      </c>
      <c r="R3832" s="98" t="s">
        <v>400</v>
      </c>
      <c r="S3832" s="98" t="s">
        <v>400</v>
      </c>
      <c r="T3832" s="98" t="s">
        <v>400</v>
      </c>
      <c r="U3832" s="98">
        <v>0</v>
      </c>
      <c r="V3832" s="98">
        <v>0</v>
      </c>
      <c r="W3832" s="98" t="s">
        <v>400</v>
      </c>
      <c r="X3832" s="98" t="s">
        <v>400</v>
      </c>
      <c r="Y3832" s="98">
        <v>0</v>
      </c>
      <c r="Z3832" s="98" t="s">
        <v>400</v>
      </c>
      <c r="AA3832" s="98" t="s">
        <v>400</v>
      </c>
      <c r="AB3832" s="98">
        <v>0</v>
      </c>
      <c r="AC3832" s="98">
        <v>0</v>
      </c>
      <c r="AD3832" s="98" t="s">
        <v>400</v>
      </c>
      <c r="AE3832" s="98">
        <v>0</v>
      </c>
      <c r="AF3832" s="98">
        <v>0</v>
      </c>
      <c r="AG3832" s="98">
        <v>0</v>
      </c>
      <c r="AH3832" s="98">
        <v>0</v>
      </c>
      <c r="AI3832" s="98">
        <v>0</v>
      </c>
      <c r="AJ3832" s="98">
        <v>0</v>
      </c>
      <c r="AK3832" s="98">
        <v>0</v>
      </c>
      <c r="AL3832" s="98">
        <v>0</v>
      </c>
      <c r="AM3832" s="98" t="s">
        <v>400</v>
      </c>
      <c r="AN3832" s="98" t="s">
        <v>400</v>
      </c>
      <c r="AO3832" s="98" t="s">
        <v>400</v>
      </c>
      <c r="AP3832" s="98">
        <v>0</v>
      </c>
      <c r="AQ3832" s="98">
        <v>0</v>
      </c>
      <c r="AR3832" s="98" t="s">
        <v>400</v>
      </c>
      <c r="AS3832" s="98" t="s">
        <v>400</v>
      </c>
      <c r="AT3832" s="98" t="s">
        <v>400</v>
      </c>
      <c r="AU3832" s="98" t="s">
        <v>400</v>
      </c>
      <c r="AV3832" s="98" t="s">
        <v>400</v>
      </c>
      <c r="AW3832" s="98" t="s">
        <v>400</v>
      </c>
      <c r="AX3832" s="98"/>
      <c r="AY3832" s="98"/>
      <c r="AZ3832" s="98"/>
      <c r="BA3832" s="98"/>
      <c r="BB3832" s="107">
        <v>45884</v>
      </c>
    </row>
    <row r="3833" spans="1:54" s="8" customFormat="1" ht="13.95" customHeight="1" x14ac:dyDescent="0.25">
      <c r="A3833" s="219" t="s">
        <v>8529</v>
      </c>
      <c r="B3833" s="220" t="s">
        <v>6395</v>
      </c>
      <c r="C3833" s="98" t="s">
        <v>8530</v>
      </c>
      <c r="D3833" s="98" t="s">
        <v>21445</v>
      </c>
      <c r="E3833" s="141">
        <v>2016</v>
      </c>
      <c r="F3833" s="141">
        <v>12496</v>
      </c>
      <c r="G3833" s="98" t="s">
        <v>9</v>
      </c>
      <c r="H3833" s="98">
        <v>0</v>
      </c>
      <c r="I3833" s="98">
        <v>0</v>
      </c>
      <c r="J3833" s="98" t="s">
        <v>400</v>
      </c>
      <c r="K3833" s="98" t="s">
        <v>400</v>
      </c>
      <c r="L3833" s="98" t="s">
        <v>400</v>
      </c>
      <c r="M3833" s="98" t="s">
        <v>400</v>
      </c>
      <c r="N3833" s="98" t="s">
        <v>400</v>
      </c>
      <c r="O3833" s="98" t="s">
        <v>400</v>
      </c>
      <c r="P3833" s="98" t="s">
        <v>400</v>
      </c>
      <c r="Q3833" s="98" t="s">
        <v>400</v>
      </c>
      <c r="R3833" s="98" t="s">
        <v>400</v>
      </c>
      <c r="S3833" s="98" t="s">
        <v>400</v>
      </c>
      <c r="T3833" s="98" t="s">
        <v>400</v>
      </c>
      <c r="U3833" s="98">
        <v>0</v>
      </c>
      <c r="V3833" s="98">
        <v>0</v>
      </c>
      <c r="W3833" s="98" t="s">
        <v>400</v>
      </c>
      <c r="X3833" s="98" t="s">
        <v>400</v>
      </c>
      <c r="Y3833" s="98">
        <v>0</v>
      </c>
      <c r="Z3833" s="98" t="s">
        <v>400</v>
      </c>
      <c r="AA3833" s="98" t="s">
        <v>400</v>
      </c>
      <c r="AB3833" s="98">
        <v>0</v>
      </c>
      <c r="AC3833" s="98">
        <v>0</v>
      </c>
      <c r="AD3833" s="98" t="s">
        <v>400</v>
      </c>
      <c r="AE3833" s="98">
        <v>0</v>
      </c>
      <c r="AF3833" s="98">
        <v>0</v>
      </c>
      <c r="AG3833" s="98">
        <v>0</v>
      </c>
      <c r="AH3833" s="98">
        <v>0</v>
      </c>
      <c r="AI3833" s="98">
        <v>0</v>
      </c>
      <c r="AJ3833" s="98">
        <v>0</v>
      </c>
      <c r="AK3833" s="98">
        <v>0</v>
      </c>
      <c r="AL3833" s="98">
        <v>0</v>
      </c>
      <c r="AM3833" s="98" t="s">
        <v>400</v>
      </c>
      <c r="AN3833" s="98" t="s">
        <v>400</v>
      </c>
      <c r="AO3833" s="98" t="s">
        <v>400</v>
      </c>
      <c r="AP3833" s="98">
        <v>0</v>
      </c>
      <c r="AQ3833" s="98">
        <v>0</v>
      </c>
      <c r="AR3833" s="98" t="s">
        <v>400</v>
      </c>
      <c r="AS3833" s="98" t="s">
        <v>400</v>
      </c>
      <c r="AT3833" s="98" t="s">
        <v>400</v>
      </c>
      <c r="AU3833" s="98" t="s">
        <v>400</v>
      </c>
      <c r="AV3833" s="98" t="s">
        <v>400</v>
      </c>
      <c r="AW3833" s="98" t="s">
        <v>400</v>
      </c>
      <c r="AX3833" s="98"/>
      <c r="AY3833" s="98"/>
      <c r="AZ3833" s="98"/>
      <c r="BA3833" s="98"/>
      <c r="BB3833" s="107">
        <v>45884</v>
      </c>
    </row>
    <row r="3834" spans="1:54" s="8" customFormat="1" ht="13.95" customHeight="1" x14ac:dyDescent="0.25">
      <c r="A3834" s="219" t="s">
        <v>8531</v>
      </c>
      <c r="B3834" s="220" t="s">
        <v>6395</v>
      </c>
      <c r="C3834" s="98" t="s">
        <v>8532</v>
      </c>
      <c r="D3834" s="98" t="s">
        <v>8533</v>
      </c>
      <c r="E3834" s="141">
        <v>2016</v>
      </c>
      <c r="F3834" s="141">
        <v>4456</v>
      </c>
      <c r="G3834" s="98" t="s">
        <v>9</v>
      </c>
      <c r="H3834" s="98">
        <v>0</v>
      </c>
      <c r="I3834" s="98">
        <v>0</v>
      </c>
      <c r="J3834" s="98" t="s">
        <v>400</v>
      </c>
      <c r="K3834" s="98" t="s">
        <v>400</v>
      </c>
      <c r="L3834" s="98" t="s">
        <v>400</v>
      </c>
      <c r="M3834" s="98" t="s">
        <v>400</v>
      </c>
      <c r="N3834" s="98" t="s">
        <v>400</v>
      </c>
      <c r="O3834" s="98" t="s">
        <v>400</v>
      </c>
      <c r="P3834" s="98" t="s">
        <v>400</v>
      </c>
      <c r="Q3834" s="98" t="s">
        <v>400</v>
      </c>
      <c r="R3834" s="98" t="s">
        <v>400</v>
      </c>
      <c r="S3834" s="98" t="s">
        <v>400</v>
      </c>
      <c r="T3834" s="98" t="s">
        <v>400</v>
      </c>
      <c r="U3834" s="98">
        <v>0</v>
      </c>
      <c r="V3834" s="98">
        <v>0</v>
      </c>
      <c r="W3834" s="98" t="s">
        <v>400</v>
      </c>
      <c r="X3834" s="98" t="s">
        <v>400</v>
      </c>
      <c r="Y3834" s="98">
        <v>0</v>
      </c>
      <c r="Z3834" s="98" t="s">
        <v>400</v>
      </c>
      <c r="AA3834" s="98" t="s">
        <v>400</v>
      </c>
      <c r="AB3834" s="98">
        <v>0</v>
      </c>
      <c r="AC3834" s="98">
        <v>0</v>
      </c>
      <c r="AD3834" s="98" t="s">
        <v>400</v>
      </c>
      <c r="AE3834" s="98">
        <v>0</v>
      </c>
      <c r="AF3834" s="98">
        <v>0</v>
      </c>
      <c r="AG3834" s="98">
        <v>0</v>
      </c>
      <c r="AH3834" s="98">
        <v>0</v>
      </c>
      <c r="AI3834" s="98">
        <v>0</v>
      </c>
      <c r="AJ3834" s="98">
        <v>0</v>
      </c>
      <c r="AK3834" s="98">
        <v>0</v>
      </c>
      <c r="AL3834" s="98">
        <v>0</v>
      </c>
      <c r="AM3834" s="98" t="s">
        <v>400</v>
      </c>
      <c r="AN3834" s="98" t="s">
        <v>400</v>
      </c>
      <c r="AO3834" s="98" t="s">
        <v>400</v>
      </c>
      <c r="AP3834" s="98">
        <v>0</v>
      </c>
      <c r="AQ3834" s="98">
        <v>0</v>
      </c>
      <c r="AR3834" s="98" t="s">
        <v>400</v>
      </c>
      <c r="AS3834" s="98" t="s">
        <v>400</v>
      </c>
      <c r="AT3834" s="98" t="s">
        <v>400</v>
      </c>
      <c r="AU3834" s="98" t="s">
        <v>400</v>
      </c>
      <c r="AV3834" s="98" t="s">
        <v>400</v>
      </c>
      <c r="AW3834" s="98" t="s">
        <v>400</v>
      </c>
      <c r="AX3834" s="98"/>
      <c r="AY3834" s="98"/>
      <c r="AZ3834" s="98"/>
      <c r="BA3834" s="98"/>
      <c r="BB3834" s="107">
        <v>45884</v>
      </c>
    </row>
    <row r="3835" spans="1:54" s="8" customFormat="1" ht="13.95" customHeight="1" x14ac:dyDescent="0.25">
      <c r="A3835" s="219" t="s">
        <v>8534</v>
      </c>
      <c r="B3835" s="220" t="s">
        <v>6395</v>
      </c>
      <c r="C3835" s="98" t="s">
        <v>8535</v>
      </c>
      <c r="D3835" s="98" t="s">
        <v>21783</v>
      </c>
      <c r="E3835" s="141">
        <v>2016</v>
      </c>
      <c r="F3835" s="141">
        <v>71410</v>
      </c>
      <c r="G3835" s="98" t="s">
        <v>9</v>
      </c>
      <c r="H3835" s="98">
        <v>0</v>
      </c>
      <c r="I3835" s="98">
        <v>0</v>
      </c>
      <c r="J3835" s="98" t="s">
        <v>400</v>
      </c>
      <c r="K3835" s="98" t="s">
        <v>400</v>
      </c>
      <c r="L3835" s="98" t="s">
        <v>400</v>
      </c>
      <c r="M3835" s="98" t="s">
        <v>400</v>
      </c>
      <c r="N3835" s="98" t="s">
        <v>400</v>
      </c>
      <c r="O3835" s="98" t="s">
        <v>400</v>
      </c>
      <c r="P3835" s="98" t="s">
        <v>400</v>
      </c>
      <c r="Q3835" s="98" t="s">
        <v>400</v>
      </c>
      <c r="R3835" s="98" t="s">
        <v>400</v>
      </c>
      <c r="S3835" s="98" t="s">
        <v>400</v>
      </c>
      <c r="T3835" s="98" t="s">
        <v>400</v>
      </c>
      <c r="U3835" s="98">
        <v>0</v>
      </c>
      <c r="V3835" s="98">
        <v>0</v>
      </c>
      <c r="W3835" s="98" t="s">
        <v>400</v>
      </c>
      <c r="X3835" s="98" t="s">
        <v>400</v>
      </c>
      <c r="Y3835" s="98">
        <v>0</v>
      </c>
      <c r="Z3835" s="98" t="s">
        <v>400</v>
      </c>
      <c r="AA3835" s="98" t="s">
        <v>400</v>
      </c>
      <c r="AB3835" s="98">
        <v>0</v>
      </c>
      <c r="AC3835" s="98">
        <v>0</v>
      </c>
      <c r="AD3835" s="98" t="s">
        <v>400</v>
      </c>
      <c r="AE3835" s="98">
        <v>0</v>
      </c>
      <c r="AF3835" s="98">
        <v>0</v>
      </c>
      <c r="AG3835" s="98">
        <v>0</v>
      </c>
      <c r="AH3835" s="98">
        <v>0</v>
      </c>
      <c r="AI3835" s="98">
        <v>0</v>
      </c>
      <c r="AJ3835" s="98">
        <v>0</v>
      </c>
      <c r="AK3835" s="98">
        <v>0</v>
      </c>
      <c r="AL3835" s="98">
        <v>0</v>
      </c>
      <c r="AM3835" s="98" t="s">
        <v>400</v>
      </c>
      <c r="AN3835" s="98" t="s">
        <v>400</v>
      </c>
      <c r="AO3835" s="98" t="s">
        <v>400</v>
      </c>
      <c r="AP3835" s="98">
        <v>0</v>
      </c>
      <c r="AQ3835" s="98">
        <v>0</v>
      </c>
      <c r="AR3835" s="98" t="s">
        <v>400</v>
      </c>
      <c r="AS3835" s="98" t="s">
        <v>400</v>
      </c>
      <c r="AT3835" s="98" t="s">
        <v>400</v>
      </c>
      <c r="AU3835" s="98" t="s">
        <v>400</v>
      </c>
      <c r="AV3835" s="98" t="s">
        <v>400</v>
      </c>
      <c r="AW3835" s="98" t="s">
        <v>400</v>
      </c>
      <c r="AX3835" s="98"/>
      <c r="AY3835" s="98"/>
      <c r="AZ3835" s="98"/>
      <c r="BA3835" s="98"/>
      <c r="BB3835" s="107">
        <v>45884</v>
      </c>
    </row>
    <row r="3836" spans="1:54" s="8" customFormat="1" ht="13.95" customHeight="1" x14ac:dyDescent="0.25">
      <c r="A3836" s="219" t="s">
        <v>8536</v>
      </c>
      <c r="B3836" s="220" t="s">
        <v>6395</v>
      </c>
      <c r="C3836" s="98" t="s">
        <v>8537</v>
      </c>
      <c r="D3836" s="98" t="s">
        <v>8538</v>
      </c>
      <c r="E3836" s="141">
        <v>1986</v>
      </c>
      <c r="F3836" s="141">
        <v>11338</v>
      </c>
      <c r="G3836" s="98" t="s">
        <v>9</v>
      </c>
      <c r="H3836" s="98">
        <v>0</v>
      </c>
      <c r="I3836" s="98">
        <v>0</v>
      </c>
      <c r="J3836" s="98" t="s">
        <v>400</v>
      </c>
      <c r="K3836" s="98" t="s">
        <v>400</v>
      </c>
      <c r="L3836" s="98" t="s">
        <v>400</v>
      </c>
      <c r="M3836" s="98" t="s">
        <v>400</v>
      </c>
      <c r="N3836" s="98" t="s">
        <v>400</v>
      </c>
      <c r="O3836" s="98" t="s">
        <v>400</v>
      </c>
      <c r="P3836" s="98" t="s">
        <v>400</v>
      </c>
      <c r="Q3836" s="98" t="s">
        <v>400</v>
      </c>
      <c r="R3836" s="98" t="s">
        <v>400</v>
      </c>
      <c r="S3836" s="98" t="s">
        <v>400</v>
      </c>
      <c r="T3836" s="98" t="s">
        <v>400</v>
      </c>
      <c r="U3836" s="98">
        <v>0</v>
      </c>
      <c r="V3836" s="98">
        <v>0</v>
      </c>
      <c r="W3836" s="98" t="s">
        <v>400</v>
      </c>
      <c r="X3836" s="98" t="s">
        <v>400</v>
      </c>
      <c r="Y3836" s="98">
        <v>0</v>
      </c>
      <c r="Z3836" s="98" t="s">
        <v>400</v>
      </c>
      <c r="AA3836" s="98" t="s">
        <v>400</v>
      </c>
      <c r="AB3836" s="98">
        <v>0</v>
      </c>
      <c r="AC3836" s="98">
        <v>0</v>
      </c>
      <c r="AD3836" s="98" t="s">
        <v>400</v>
      </c>
      <c r="AE3836" s="98">
        <v>0</v>
      </c>
      <c r="AF3836" s="98">
        <v>0</v>
      </c>
      <c r="AG3836" s="98">
        <v>0</v>
      </c>
      <c r="AH3836" s="98">
        <v>0</v>
      </c>
      <c r="AI3836" s="98">
        <v>0</v>
      </c>
      <c r="AJ3836" s="98">
        <v>0</v>
      </c>
      <c r="AK3836" s="98">
        <v>0</v>
      </c>
      <c r="AL3836" s="98">
        <v>0</v>
      </c>
      <c r="AM3836" s="98" t="s">
        <v>400</v>
      </c>
      <c r="AN3836" s="98" t="s">
        <v>400</v>
      </c>
      <c r="AO3836" s="98" t="s">
        <v>400</v>
      </c>
      <c r="AP3836" s="98">
        <v>0</v>
      </c>
      <c r="AQ3836" s="98">
        <v>0</v>
      </c>
      <c r="AR3836" s="98" t="s">
        <v>400</v>
      </c>
      <c r="AS3836" s="98" t="s">
        <v>400</v>
      </c>
      <c r="AT3836" s="98" t="s">
        <v>400</v>
      </c>
      <c r="AU3836" s="98" t="s">
        <v>400</v>
      </c>
      <c r="AV3836" s="98" t="s">
        <v>400</v>
      </c>
      <c r="AW3836" s="98" t="s">
        <v>400</v>
      </c>
      <c r="AX3836" s="98"/>
      <c r="AY3836" s="98"/>
      <c r="AZ3836" s="98"/>
      <c r="BA3836" s="98"/>
      <c r="BB3836" s="107">
        <v>45884</v>
      </c>
    </row>
    <row r="3837" spans="1:54" s="8" customFormat="1" ht="13.95" customHeight="1" x14ac:dyDescent="0.25">
      <c r="A3837" s="219" t="s">
        <v>8539</v>
      </c>
      <c r="B3837" s="220" t="s">
        <v>6395</v>
      </c>
      <c r="C3837" s="98" t="s">
        <v>22200</v>
      </c>
      <c r="D3837" s="98" t="s">
        <v>21446</v>
      </c>
      <c r="E3837" s="141">
        <v>2002</v>
      </c>
      <c r="F3837" s="141">
        <v>3818</v>
      </c>
      <c r="G3837" s="98" t="s">
        <v>9</v>
      </c>
      <c r="H3837" s="98">
        <v>0</v>
      </c>
      <c r="I3837" s="98">
        <v>0</v>
      </c>
      <c r="J3837" s="98" t="s">
        <v>400</v>
      </c>
      <c r="K3837" s="98" t="s">
        <v>400</v>
      </c>
      <c r="L3837" s="98" t="s">
        <v>400</v>
      </c>
      <c r="M3837" s="98" t="s">
        <v>400</v>
      </c>
      <c r="N3837" s="98" t="s">
        <v>400</v>
      </c>
      <c r="O3837" s="98" t="s">
        <v>400</v>
      </c>
      <c r="P3837" s="98" t="s">
        <v>400</v>
      </c>
      <c r="Q3837" s="98" t="s">
        <v>400</v>
      </c>
      <c r="R3837" s="98" t="s">
        <v>400</v>
      </c>
      <c r="S3837" s="98" t="s">
        <v>400</v>
      </c>
      <c r="T3837" s="98" t="s">
        <v>400</v>
      </c>
      <c r="U3837" s="98">
        <v>0</v>
      </c>
      <c r="V3837" s="98">
        <v>0</v>
      </c>
      <c r="W3837" s="98" t="s">
        <v>400</v>
      </c>
      <c r="X3837" s="98" t="s">
        <v>400</v>
      </c>
      <c r="Y3837" s="98">
        <v>0</v>
      </c>
      <c r="Z3837" s="98" t="s">
        <v>400</v>
      </c>
      <c r="AA3837" s="98" t="s">
        <v>400</v>
      </c>
      <c r="AB3837" s="98">
        <v>0</v>
      </c>
      <c r="AC3837" s="98">
        <v>0</v>
      </c>
      <c r="AD3837" s="98" t="s">
        <v>400</v>
      </c>
      <c r="AE3837" s="98">
        <v>0</v>
      </c>
      <c r="AF3837" s="98">
        <v>0</v>
      </c>
      <c r="AG3837" s="98">
        <v>0</v>
      </c>
      <c r="AH3837" s="98">
        <v>0</v>
      </c>
      <c r="AI3837" s="98">
        <v>0</v>
      </c>
      <c r="AJ3837" s="98">
        <v>0</v>
      </c>
      <c r="AK3837" s="98">
        <v>0</v>
      </c>
      <c r="AL3837" s="98">
        <v>0</v>
      </c>
      <c r="AM3837" s="98" t="s">
        <v>400</v>
      </c>
      <c r="AN3837" s="98" t="s">
        <v>400</v>
      </c>
      <c r="AO3837" s="98" t="s">
        <v>400</v>
      </c>
      <c r="AP3837" s="98">
        <v>0</v>
      </c>
      <c r="AQ3837" s="98">
        <v>0</v>
      </c>
      <c r="AR3837" s="98" t="s">
        <v>400</v>
      </c>
      <c r="AS3837" s="98" t="s">
        <v>400</v>
      </c>
      <c r="AT3837" s="98" t="s">
        <v>400</v>
      </c>
      <c r="AU3837" s="98" t="s">
        <v>400</v>
      </c>
      <c r="AV3837" s="98" t="s">
        <v>400</v>
      </c>
      <c r="AW3837" s="98" t="s">
        <v>400</v>
      </c>
      <c r="AX3837" s="98"/>
      <c r="AY3837" s="98"/>
      <c r="AZ3837" s="98"/>
      <c r="BA3837" s="98"/>
      <c r="BB3837" s="107">
        <v>45884</v>
      </c>
    </row>
    <row r="3838" spans="1:54" s="8" customFormat="1" ht="13.95" customHeight="1" x14ac:dyDescent="0.25">
      <c r="A3838" s="219" t="s">
        <v>8540</v>
      </c>
      <c r="B3838" s="220" t="s">
        <v>6395</v>
      </c>
      <c r="C3838" s="98" t="s">
        <v>8541</v>
      </c>
      <c r="D3838" s="98" t="s">
        <v>21447</v>
      </c>
      <c r="E3838" s="141">
        <v>2002</v>
      </c>
      <c r="F3838" s="141">
        <v>3705</v>
      </c>
      <c r="G3838" s="98" t="s">
        <v>9</v>
      </c>
      <c r="H3838" s="98">
        <v>0</v>
      </c>
      <c r="I3838" s="98">
        <v>0</v>
      </c>
      <c r="J3838" s="98" t="s">
        <v>400</v>
      </c>
      <c r="K3838" s="98" t="s">
        <v>400</v>
      </c>
      <c r="L3838" s="98" t="s">
        <v>400</v>
      </c>
      <c r="M3838" s="98" t="s">
        <v>400</v>
      </c>
      <c r="N3838" s="98" t="s">
        <v>400</v>
      </c>
      <c r="O3838" s="98" t="s">
        <v>400</v>
      </c>
      <c r="P3838" s="98" t="s">
        <v>400</v>
      </c>
      <c r="Q3838" s="98" t="s">
        <v>400</v>
      </c>
      <c r="R3838" s="98" t="s">
        <v>400</v>
      </c>
      <c r="S3838" s="98" t="s">
        <v>400</v>
      </c>
      <c r="T3838" s="98" t="s">
        <v>400</v>
      </c>
      <c r="U3838" s="98">
        <v>0</v>
      </c>
      <c r="V3838" s="98">
        <v>0</v>
      </c>
      <c r="W3838" s="98" t="s">
        <v>400</v>
      </c>
      <c r="X3838" s="98" t="s">
        <v>400</v>
      </c>
      <c r="Y3838" s="98">
        <v>0</v>
      </c>
      <c r="Z3838" s="98" t="s">
        <v>400</v>
      </c>
      <c r="AA3838" s="98" t="s">
        <v>400</v>
      </c>
      <c r="AB3838" s="98">
        <v>0</v>
      </c>
      <c r="AC3838" s="98">
        <v>0</v>
      </c>
      <c r="AD3838" s="98" t="s">
        <v>400</v>
      </c>
      <c r="AE3838" s="98">
        <v>0</v>
      </c>
      <c r="AF3838" s="98">
        <v>0</v>
      </c>
      <c r="AG3838" s="98">
        <v>0</v>
      </c>
      <c r="AH3838" s="98">
        <v>0</v>
      </c>
      <c r="AI3838" s="98">
        <v>0</v>
      </c>
      <c r="AJ3838" s="98">
        <v>0</v>
      </c>
      <c r="AK3838" s="98">
        <v>0</v>
      </c>
      <c r="AL3838" s="98">
        <v>0</v>
      </c>
      <c r="AM3838" s="98" t="s">
        <v>400</v>
      </c>
      <c r="AN3838" s="98" t="s">
        <v>400</v>
      </c>
      <c r="AO3838" s="98" t="s">
        <v>400</v>
      </c>
      <c r="AP3838" s="98">
        <v>0</v>
      </c>
      <c r="AQ3838" s="98">
        <v>0</v>
      </c>
      <c r="AR3838" s="98" t="s">
        <v>400</v>
      </c>
      <c r="AS3838" s="98" t="s">
        <v>400</v>
      </c>
      <c r="AT3838" s="98" t="s">
        <v>400</v>
      </c>
      <c r="AU3838" s="98" t="s">
        <v>400</v>
      </c>
      <c r="AV3838" s="98" t="s">
        <v>400</v>
      </c>
      <c r="AW3838" s="98" t="s">
        <v>400</v>
      </c>
      <c r="AX3838" s="98"/>
      <c r="AY3838" s="98"/>
      <c r="AZ3838" s="98"/>
      <c r="BA3838" s="98"/>
      <c r="BB3838" s="107">
        <v>45884</v>
      </c>
    </row>
    <row r="3839" spans="1:54" s="8" customFormat="1" ht="13.95" customHeight="1" x14ac:dyDescent="0.25">
      <c r="A3839" s="219" t="s">
        <v>8542</v>
      </c>
      <c r="B3839" s="220" t="s">
        <v>6395</v>
      </c>
      <c r="C3839" s="98" t="s">
        <v>8543</v>
      </c>
      <c r="D3839" s="98" t="s">
        <v>21784</v>
      </c>
      <c r="E3839" s="141">
        <v>2002</v>
      </c>
      <c r="F3839" s="141">
        <v>8156</v>
      </c>
      <c r="G3839" s="98" t="s">
        <v>9</v>
      </c>
      <c r="H3839" s="98">
        <v>0</v>
      </c>
      <c r="I3839" s="98">
        <v>0</v>
      </c>
      <c r="J3839" s="98" t="s">
        <v>400</v>
      </c>
      <c r="K3839" s="98" t="s">
        <v>400</v>
      </c>
      <c r="L3839" s="98" t="s">
        <v>400</v>
      </c>
      <c r="M3839" s="98" t="s">
        <v>400</v>
      </c>
      <c r="N3839" s="98" t="s">
        <v>400</v>
      </c>
      <c r="O3839" s="98" t="s">
        <v>400</v>
      </c>
      <c r="P3839" s="98" t="s">
        <v>400</v>
      </c>
      <c r="Q3839" s="98" t="s">
        <v>400</v>
      </c>
      <c r="R3839" s="98" t="s">
        <v>400</v>
      </c>
      <c r="S3839" s="98" t="s">
        <v>400</v>
      </c>
      <c r="T3839" s="98" t="s">
        <v>400</v>
      </c>
      <c r="U3839" s="98">
        <v>0</v>
      </c>
      <c r="V3839" s="98">
        <v>0</v>
      </c>
      <c r="W3839" s="98" t="s">
        <v>400</v>
      </c>
      <c r="X3839" s="98" t="s">
        <v>400</v>
      </c>
      <c r="Y3839" s="98">
        <v>0</v>
      </c>
      <c r="Z3839" s="98" t="s">
        <v>400</v>
      </c>
      <c r="AA3839" s="98" t="s">
        <v>400</v>
      </c>
      <c r="AB3839" s="98">
        <v>0</v>
      </c>
      <c r="AC3839" s="98">
        <v>0</v>
      </c>
      <c r="AD3839" s="98" t="s">
        <v>400</v>
      </c>
      <c r="AE3839" s="98">
        <v>0</v>
      </c>
      <c r="AF3839" s="98">
        <v>0</v>
      </c>
      <c r="AG3839" s="98">
        <v>0</v>
      </c>
      <c r="AH3839" s="98">
        <v>0</v>
      </c>
      <c r="AI3839" s="98">
        <v>0</v>
      </c>
      <c r="AJ3839" s="98">
        <v>0</v>
      </c>
      <c r="AK3839" s="98">
        <v>0</v>
      </c>
      <c r="AL3839" s="98">
        <v>0</v>
      </c>
      <c r="AM3839" s="98" t="s">
        <v>400</v>
      </c>
      <c r="AN3839" s="98" t="s">
        <v>400</v>
      </c>
      <c r="AO3839" s="98" t="s">
        <v>400</v>
      </c>
      <c r="AP3839" s="98">
        <v>0</v>
      </c>
      <c r="AQ3839" s="98">
        <v>0</v>
      </c>
      <c r="AR3839" s="98" t="s">
        <v>400</v>
      </c>
      <c r="AS3839" s="98" t="s">
        <v>400</v>
      </c>
      <c r="AT3839" s="98" t="s">
        <v>400</v>
      </c>
      <c r="AU3839" s="98" t="s">
        <v>400</v>
      </c>
      <c r="AV3839" s="98" t="s">
        <v>400</v>
      </c>
      <c r="AW3839" s="98" t="s">
        <v>400</v>
      </c>
      <c r="AX3839" s="98"/>
      <c r="AY3839" s="98"/>
      <c r="AZ3839" s="98"/>
      <c r="BA3839" s="98"/>
      <c r="BB3839" s="107">
        <v>45884</v>
      </c>
    </row>
    <row r="3840" spans="1:54" s="8" customFormat="1" ht="13.95" customHeight="1" x14ac:dyDescent="0.25">
      <c r="A3840" s="219" t="s">
        <v>8544</v>
      </c>
      <c r="B3840" s="220" t="s">
        <v>6395</v>
      </c>
      <c r="C3840" s="98" t="s">
        <v>8545</v>
      </c>
      <c r="D3840" s="98" t="s">
        <v>21448</v>
      </c>
      <c r="E3840" s="141">
        <v>2013</v>
      </c>
      <c r="F3840" s="141">
        <v>20889</v>
      </c>
      <c r="G3840" s="98" t="s">
        <v>9</v>
      </c>
      <c r="H3840" s="98">
        <v>0</v>
      </c>
      <c r="I3840" s="98">
        <v>0</v>
      </c>
      <c r="J3840" s="98" t="s">
        <v>400</v>
      </c>
      <c r="K3840" s="98" t="s">
        <v>400</v>
      </c>
      <c r="L3840" s="98" t="s">
        <v>400</v>
      </c>
      <c r="M3840" s="98" t="s">
        <v>400</v>
      </c>
      <c r="N3840" s="98" t="s">
        <v>400</v>
      </c>
      <c r="O3840" s="98" t="s">
        <v>400</v>
      </c>
      <c r="P3840" s="98" t="s">
        <v>400</v>
      </c>
      <c r="Q3840" s="98" t="s">
        <v>400</v>
      </c>
      <c r="R3840" s="98" t="s">
        <v>400</v>
      </c>
      <c r="S3840" s="98" t="s">
        <v>400</v>
      </c>
      <c r="T3840" s="98" t="s">
        <v>400</v>
      </c>
      <c r="U3840" s="98">
        <v>0</v>
      </c>
      <c r="V3840" s="98">
        <v>0</v>
      </c>
      <c r="W3840" s="98" t="s">
        <v>400</v>
      </c>
      <c r="X3840" s="98" t="s">
        <v>400</v>
      </c>
      <c r="Y3840" s="98">
        <v>0</v>
      </c>
      <c r="Z3840" s="98" t="s">
        <v>400</v>
      </c>
      <c r="AA3840" s="98" t="s">
        <v>400</v>
      </c>
      <c r="AB3840" s="98">
        <v>0</v>
      </c>
      <c r="AC3840" s="98">
        <v>0</v>
      </c>
      <c r="AD3840" s="98" t="s">
        <v>400</v>
      </c>
      <c r="AE3840" s="98">
        <v>0</v>
      </c>
      <c r="AF3840" s="98">
        <v>0</v>
      </c>
      <c r="AG3840" s="98">
        <v>0</v>
      </c>
      <c r="AH3840" s="98">
        <v>0</v>
      </c>
      <c r="AI3840" s="98">
        <v>0</v>
      </c>
      <c r="AJ3840" s="98">
        <v>0</v>
      </c>
      <c r="AK3840" s="98">
        <v>0</v>
      </c>
      <c r="AL3840" s="98">
        <v>0</v>
      </c>
      <c r="AM3840" s="98" t="s">
        <v>400</v>
      </c>
      <c r="AN3840" s="98" t="s">
        <v>400</v>
      </c>
      <c r="AO3840" s="98" t="s">
        <v>400</v>
      </c>
      <c r="AP3840" s="98">
        <v>0</v>
      </c>
      <c r="AQ3840" s="98">
        <v>0</v>
      </c>
      <c r="AR3840" s="98" t="s">
        <v>400</v>
      </c>
      <c r="AS3840" s="98" t="s">
        <v>400</v>
      </c>
      <c r="AT3840" s="98" t="s">
        <v>400</v>
      </c>
      <c r="AU3840" s="98" t="s">
        <v>400</v>
      </c>
      <c r="AV3840" s="98" t="s">
        <v>400</v>
      </c>
      <c r="AW3840" s="98" t="s">
        <v>400</v>
      </c>
      <c r="AX3840" s="98"/>
      <c r="AY3840" s="98"/>
      <c r="AZ3840" s="98"/>
      <c r="BA3840" s="98"/>
      <c r="BB3840" s="107">
        <v>45884</v>
      </c>
    </row>
    <row r="3841" spans="1:54" s="8" customFormat="1" ht="13.95" customHeight="1" x14ac:dyDescent="0.25">
      <c r="A3841" s="219" t="s">
        <v>8546</v>
      </c>
      <c r="B3841" s="220" t="s">
        <v>6395</v>
      </c>
      <c r="C3841" s="98" t="s">
        <v>8547</v>
      </c>
      <c r="D3841" s="98" t="s">
        <v>21449</v>
      </c>
      <c r="E3841" s="141">
        <v>2016</v>
      </c>
      <c r="F3841" s="141">
        <v>5449</v>
      </c>
      <c r="G3841" s="98" t="s">
        <v>9</v>
      </c>
      <c r="H3841" s="98">
        <v>0</v>
      </c>
      <c r="I3841" s="98">
        <v>0</v>
      </c>
      <c r="J3841" s="98" t="s">
        <v>400</v>
      </c>
      <c r="K3841" s="98" t="s">
        <v>400</v>
      </c>
      <c r="L3841" s="98" t="s">
        <v>400</v>
      </c>
      <c r="M3841" s="98" t="s">
        <v>400</v>
      </c>
      <c r="N3841" s="98" t="s">
        <v>400</v>
      </c>
      <c r="O3841" s="98" t="s">
        <v>400</v>
      </c>
      <c r="P3841" s="98" t="s">
        <v>400</v>
      </c>
      <c r="Q3841" s="98" t="s">
        <v>400</v>
      </c>
      <c r="R3841" s="98" t="s">
        <v>400</v>
      </c>
      <c r="S3841" s="98" t="s">
        <v>400</v>
      </c>
      <c r="T3841" s="98" t="s">
        <v>400</v>
      </c>
      <c r="U3841" s="98">
        <v>0</v>
      </c>
      <c r="V3841" s="98">
        <v>0</v>
      </c>
      <c r="W3841" s="98" t="s">
        <v>400</v>
      </c>
      <c r="X3841" s="98" t="s">
        <v>400</v>
      </c>
      <c r="Y3841" s="98">
        <v>0</v>
      </c>
      <c r="Z3841" s="98" t="s">
        <v>400</v>
      </c>
      <c r="AA3841" s="98" t="s">
        <v>400</v>
      </c>
      <c r="AB3841" s="98">
        <v>0</v>
      </c>
      <c r="AC3841" s="98">
        <v>0</v>
      </c>
      <c r="AD3841" s="98" t="s">
        <v>400</v>
      </c>
      <c r="AE3841" s="98">
        <v>0</v>
      </c>
      <c r="AF3841" s="98">
        <v>0</v>
      </c>
      <c r="AG3841" s="98">
        <v>0</v>
      </c>
      <c r="AH3841" s="98">
        <v>0</v>
      </c>
      <c r="AI3841" s="98">
        <v>0</v>
      </c>
      <c r="AJ3841" s="98">
        <v>0</v>
      </c>
      <c r="AK3841" s="98">
        <v>0</v>
      </c>
      <c r="AL3841" s="98">
        <v>0</v>
      </c>
      <c r="AM3841" s="98" t="s">
        <v>400</v>
      </c>
      <c r="AN3841" s="98" t="s">
        <v>400</v>
      </c>
      <c r="AO3841" s="98" t="s">
        <v>400</v>
      </c>
      <c r="AP3841" s="98">
        <v>0</v>
      </c>
      <c r="AQ3841" s="98">
        <v>0</v>
      </c>
      <c r="AR3841" s="98" t="s">
        <v>400</v>
      </c>
      <c r="AS3841" s="98" t="s">
        <v>400</v>
      </c>
      <c r="AT3841" s="98" t="s">
        <v>400</v>
      </c>
      <c r="AU3841" s="98" t="s">
        <v>400</v>
      </c>
      <c r="AV3841" s="98" t="s">
        <v>400</v>
      </c>
      <c r="AW3841" s="98" t="s">
        <v>400</v>
      </c>
      <c r="AX3841" s="98"/>
      <c r="AY3841" s="98"/>
      <c r="AZ3841" s="98"/>
      <c r="BA3841" s="98"/>
      <c r="BB3841" s="107">
        <v>45884</v>
      </c>
    </row>
    <row r="3842" spans="1:54" s="8" customFormat="1" ht="13.95" customHeight="1" x14ac:dyDescent="0.25">
      <c r="A3842" s="219" t="s">
        <v>8548</v>
      </c>
      <c r="B3842" s="220" t="s">
        <v>6395</v>
      </c>
      <c r="C3842" s="98" t="s">
        <v>22201</v>
      </c>
      <c r="D3842" s="98" t="s">
        <v>21450</v>
      </c>
      <c r="E3842" s="141">
        <v>2003</v>
      </c>
      <c r="F3842" s="141">
        <v>59429</v>
      </c>
      <c r="G3842" s="98" t="s">
        <v>9</v>
      </c>
      <c r="H3842" s="98">
        <v>0</v>
      </c>
      <c r="I3842" s="98">
        <v>0</v>
      </c>
      <c r="J3842" s="98" t="s">
        <v>400</v>
      </c>
      <c r="K3842" s="98" t="s">
        <v>400</v>
      </c>
      <c r="L3842" s="98" t="s">
        <v>400</v>
      </c>
      <c r="M3842" s="98" t="s">
        <v>400</v>
      </c>
      <c r="N3842" s="98" t="s">
        <v>400</v>
      </c>
      <c r="O3842" s="98" t="s">
        <v>400</v>
      </c>
      <c r="P3842" s="98" t="s">
        <v>400</v>
      </c>
      <c r="Q3842" s="98" t="s">
        <v>400</v>
      </c>
      <c r="R3842" s="98" t="s">
        <v>400</v>
      </c>
      <c r="S3842" s="98" t="s">
        <v>400</v>
      </c>
      <c r="T3842" s="98" t="s">
        <v>400</v>
      </c>
      <c r="U3842" s="98">
        <v>0</v>
      </c>
      <c r="V3842" s="98">
        <v>0</v>
      </c>
      <c r="W3842" s="98" t="s">
        <v>400</v>
      </c>
      <c r="X3842" s="98" t="s">
        <v>400</v>
      </c>
      <c r="Y3842" s="98">
        <v>0</v>
      </c>
      <c r="Z3842" s="98" t="s">
        <v>400</v>
      </c>
      <c r="AA3842" s="98" t="s">
        <v>400</v>
      </c>
      <c r="AB3842" s="98">
        <v>0</v>
      </c>
      <c r="AC3842" s="98">
        <v>0</v>
      </c>
      <c r="AD3842" s="98" t="s">
        <v>400</v>
      </c>
      <c r="AE3842" s="98">
        <v>0</v>
      </c>
      <c r="AF3842" s="98">
        <v>0</v>
      </c>
      <c r="AG3842" s="98">
        <v>0</v>
      </c>
      <c r="AH3842" s="98">
        <v>0</v>
      </c>
      <c r="AI3842" s="98">
        <v>0</v>
      </c>
      <c r="AJ3842" s="98">
        <v>0</v>
      </c>
      <c r="AK3842" s="98">
        <v>0</v>
      </c>
      <c r="AL3842" s="98">
        <v>0</v>
      </c>
      <c r="AM3842" s="98" t="s">
        <v>400</v>
      </c>
      <c r="AN3842" s="98" t="s">
        <v>400</v>
      </c>
      <c r="AO3842" s="98" t="s">
        <v>400</v>
      </c>
      <c r="AP3842" s="98">
        <v>0</v>
      </c>
      <c r="AQ3842" s="98">
        <v>0</v>
      </c>
      <c r="AR3842" s="98" t="s">
        <v>400</v>
      </c>
      <c r="AS3842" s="98" t="s">
        <v>400</v>
      </c>
      <c r="AT3842" s="98" t="s">
        <v>400</v>
      </c>
      <c r="AU3842" s="98" t="s">
        <v>400</v>
      </c>
      <c r="AV3842" s="98" t="s">
        <v>400</v>
      </c>
      <c r="AW3842" s="98" t="s">
        <v>400</v>
      </c>
      <c r="AX3842" s="98"/>
      <c r="AY3842" s="98"/>
      <c r="AZ3842" s="98"/>
      <c r="BA3842" s="98"/>
      <c r="BB3842" s="107">
        <v>45884</v>
      </c>
    </row>
    <row r="3843" spans="1:54" s="8" customFormat="1" ht="13.95" customHeight="1" x14ac:dyDescent="0.25">
      <c r="A3843" s="219" t="s">
        <v>8549</v>
      </c>
      <c r="B3843" s="220" t="s">
        <v>6395</v>
      </c>
      <c r="C3843" s="98" t="s">
        <v>22202</v>
      </c>
      <c r="D3843" s="98" t="s">
        <v>21785</v>
      </c>
      <c r="E3843" s="141">
        <v>2002</v>
      </c>
      <c r="F3843" s="141">
        <v>2036</v>
      </c>
      <c r="G3843" s="98" t="s">
        <v>9</v>
      </c>
      <c r="H3843" s="98">
        <v>0</v>
      </c>
      <c r="I3843" s="98">
        <v>0</v>
      </c>
      <c r="J3843" s="98" t="s">
        <v>400</v>
      </c>
      <c r="K3843" s="98" t="s">
        <v>400</v>
      </c>
      <c r="L3843" s="98" t="s">
        <v>400</v>
      </c>
      <c r="M3843" s="98" t="s">
        <v>400</v>
      </c>
      <c r="N3843" s="98" t="s">
        <v>400</v>
      </c>
      <c r="O3843" s="98" t="s">
        <v>400</v>
      </c>
      <c r="P3843" s="98" t="s">
        <v>400</v>
      </c>
      <c r="Q3843" s="98" t="s">
        <v>400</v>
      </c>
      <c r="R3843" s="98" t="s">
        <v>400</v>
      </c>
      <c r="S3843" s="98" t="s">
        <v>400</v>
      </c>
      <c r="T3843" s="98" t="s">
        <v>400</v>
      </c>
      <c r="U3843" s="98">
        <v>0</v>
      </c>
      <c r="V3843" s="98">
        <v>0</v>
      </c>
      <c r="W3843" s="98" t="s">
        <v>400</v>
      </c>
      <c r="X3843" s="98" t="s">
        <v>400</v>
      </c>
      <c r="Y3843" s="98">
        <v>0</v>
      </c>
      <c r="Z3843" s="98" t="s">
        <v>400</v>
      </c>
      <c r="AA3843" s="98" t="s">
        <v>400</v>
      </c>
      <c r="AB3843" s="98">
        <v>0</v>
      </c>
      <c r="AC3843" s="98">
        <v>0</v>
      </c>
      <c r="AD3843" s="98" t="s">
        <v>400</v>
      </c>
      <c r="AE3843" s="98">
        <v>0</v>
      </c>
      <c r="AF3843" s="98">
        <v>0</v>
      </c>
      <c r="AG3843" s="98">
        <v>0</v>
      </c>
      <c r="AH3843" s="98">
        <v>0</v>
      </c>
      <c r="AI3843" s="98">
        <v>0</v>
      </c>
      <c r="AJ3843" s="98">
        <v>0</v>
      </c>
      <c r="AK3843" s="98">
        <v>0</v>
      </c>
      <c r="AL3843" s="98">
        <v>0</v>
      </c>
      <c r="AM3843" s="98" t="s">
        <v>400</v>
      </c>
      <c r="AN3843" s="98" t="s">
        <v>400</v>
      </c>
      <c r="AO3843" s="98" t="s">
        <v>400</v>
      </c>
      <c r="AP3843" s="98">
        <v>0</v>
      </c>
      <c r="AQ3843" s="98">
        <v>0</v>
      </c>
      <c r="AR3843" s="98" t="s">
        <v>400</v>
      </c>
      <c r="AS3843" s="98" t="s">
        <v>400</v>
      </c>
      <c r="AT3843" s="98" t="s">
        <v>400</v>
      </c>
      <c r="AU3843" s="98" t="s">
        <v>400</v>
      </c>
      <c r="AV3843" s="98" t="s">
        <v>400</v>
      </c>
      <c r="AW3843" s="98" t="s">
        <v>400</v>
      </c>
      <c r="AX3843" s="98"/>
      <c r="AY3843" s="98"/>
      <c r="AZ3843" s="98"/>
      <c r="BA3843" s="98"/>
      <c r="BB3843" s="107">
        <v>45884</v>
      </c>
    </row>
    <row r="3844" spans="1:54" s="8" customFormat="1" ht="13.95" customHeight="1" x14ac:dyDescent="0.25">
      <c r="A3844" s="219" t="s">
        <v>8550</v>
      </c>
      <c r="B3844" s="220" t="s">
        <v>6395</v>
      </c>
      <c r="C3844" s="98" t="s">
        <v>8551</v>
      </c>
      <c r="D3844" s="98" t="s">
        <v>21786</v>
      </c>
      <c r="E3844" s="141">
        <v>2002</v>
      </c>
      <c r="F3844" s="141">
        <v>4065</v>
      </c>
      <c r="G3844" s="98" t="s">
        <v>9</v>
      </c>
      <c r="H3844" s="98">
        <v>0</v>
      </c>
      <c r="I3844" s="98">
        <v>0</v>
      </c>
      <c r="J3844" s="98" t="s">
        <v>400</v>
      </c>
      <c r="K3844" s="98" t="s">
        <v>400</v>
      </c>
      <c r="L3844" s="98" t="s">
        <v>400</v>
      </c>
      <c r="M3844" s="98" t="s">
        <v>400</v>
      </c>
      <c r="N3844" s="98" t="s">
        <v>400</v>
      </c>
      <c r="O3844" s="98" t="s">
        <v>400</v>
      </c>
      <c r="P3844" s="98" t="s">
        <v>400</v>
      </c>
      <c r="Q3844" s="98" t="s">
        <v>400</v>
      </c>
      <c r="R3844" s="98" t="s">
        <v>400</v>
      </c>
      <c r="S3844" s="98" t="s">
        <v>400</v>
      </c>
      <c r="T3844" s="98" t="s">
        <v>400</v>
      </c>
      <c r="U3844" s="98">
        <v>0</v>
      </c>
      <c r="V3844" s="98">
        <v>0</v>
      </c>
      <c r="W3844" s="98" t="s">
        <v>400</v>
      </c>
      <c r="X3844" s="98" t="s">
        <v>400</v>
      </c>
      <c r="Y3844" s="98">
        <v>0</v>
      </c>
      <c r="Z3844" s="98" t="s">
        <v>400</v>
      </c>
      <c r="AA3844" s="98" t="s">
        <v>400</v>
      </c>
      <c r="AB3844" s="98">
        <v>0</v>
      </c>
      <c r="AC3844" s="98">
        <v>0</v>
      </c>
      <c r="AD3844" s="98" t="s">
        <v>400</v>
      </c>
      <c r="AE3844" s="98">
        <v>0</v>
      </c>
      <c r="AF3844" s="98">
        <v>0</v>
      </c>
      <c r="AG3844" s="98">
        <v>0</v>
      </c>
      <c r="AH3844" s="98">
        <v>0</v>
      </c>
      <c r="AI3844" s="98">
        <v>0</v>
      </c>
      <c r="AJ3844" s="98">
        <v>0</v>
      </c>
      <c r="AK3844" s="98">
        <v>0</v>
      </c>
      <c r="AL3844" s="98">
        <v>0</v>
      </c>
      <c r="AM3844" s="98" t="s">
        <v>400</v>
      </c>
      <c r="AN3844" s="98" t="s">
        <v>400</v>
      </c>
      <c r="AO3844" s="98" t="s">
        <v>400</v>
      </c>
      <c r="AP3844" s="98">
        <v>0</v>
      </c>
      <c r="AQ3844" s="98">
        <v>0</v>
      </c>
      <c r="AR3844" s="98" t="s">
        <v>400</v>
      </c>
      <c r="AS3844" s="98" t="s">
        <v>400</v>
      </c>
      <c r="AT3844" s="98" t="s">
        <v>400</v>
      </c>
      <c r="AU3844" s="98" t="s">
        <v>400</v>
      </c>
      <c r="AV3844" s="98" t="s">
        <v>400</v>
      </c>
      <c r="AW3844" s="98" t="s">
        <v>400</v>
      </c>
      <c r="AX3844" s="98"/>
      <c r="AY3844" s="98"/>
      <c r="AZ3844" s="98"/>
      <c r="BA3844" s="98"/>
      <c r="BB3844" s="107">
        <v>45884</v>
      </c>
    </row>
    <row r="3845" spans="1:54" s="8" customFormat="1" ht="13.95" customHeight="1" x14ac:dyDescent="0.25">
      <c r="A3845" s="219" t="s">
        <v>8552</v>
      </c>
      <c r="B3845" s="220" t="s">
        <v>6395</v>
      </c>
      <c r="C3845" s="98" t="s">
        <v>8553</v>
      </c>
      <c r="D3845" s="98" t="s">
        <v>21787</v>
      </c>
      <c r="E3845" s="141">
        <v>2009</v>
      </c>
      <c r="F3845" s="141">
        <v>11142</v>
      </c>
      <c r="G3845" s="98" t="s">
        <v>9</v>
      </c>
      <c r="H3845" s="98">
        <v>0</v>
      </c>
      <c r="I3845" s="98">
        <v>0</v>
      </c>
      <c r="J3845" s="98" t="s">
        <v>400</v>
      </c>
      <c r="K3845" s="98" t="s">
        <v>400</v>
      </c>
      <c r="L3845" s="98" t="s">
        <v>400</v>
      </c>
      <c r="M3845" s="98" t="s">
        <v>400</v>
      </c>
      <c r="N3845" s="98" t="s">
        <v>400</v>
      </c>
      <c r="O3845" s="98" t="s">
        <v>400</v>
      </c>
      <c r="P3845" s="98" t="s">
        <v>400</v>
      </c>
      <c r="Q3845" s="98" t="s">
        <v>400</v>
      </c>
      <c r="R3845" s="98" t="s">
        <v>400</v>
      </c>
      <c r="S3845" s="98" t="s">
        <v>400</v>
      </c>
      <c r="T3845" s="98" t="s">
        <v>400</v>
      </c>
      <c r="U3845" s="98">
        <v>0</v>
      </c>
      <c r="V3845" s="98">
        <v>0</v>
      </c>
      <c r="W3845" s="98" t="s">
        <v>400</v>
      </c>
      <c r="X3845" s="98" t="s">
        <v>400</v>
      </c>
      <c r="Y3845" s="98">
        <v>0</v>
      </c>
      <c r="Z3845" s="98" t="s">
        <v>400</v>
      </c>
      <c r="AA3845" s="98" t="s">
        <v>400</v>
      </c>
      <c r="AB3845" s="98">
        <v>0</v>
      </c>
      <c r="AC3845" s="98">
        <v>0</v>
      </c>
      <c r="AD3845" s="98" t="s">
        <v>400</v>
      </c>
      <c r="AE3845" s="98">
        <v>0</v>
      </c>
      <c r="AF3845" s="98">
        <v>0</v>
      </c>
      <c r="AG3845" s="98">
        <v>0</v>
      </c>
      <c r="AH3845" s="98">
        <v>0</v>
      </c>
      <c r="AI3845" s="98">
        <v>0</v>
      </c>
      <c r="AJ3845" s="98">
        <v>0</v>
      </c>
      <c r="AK3845" s="98">
        <v>0</v>
      </c>
      <c r="AL3845" s="98">
        <v>0</v>
      </c>
      <c r="AM3845" s="98" t="s">
        <v>400</v>
      </c>
      <c r="AN3845" s="98" t="s">
        <v>400</v>
      </c>
      <c r="AO3845" s="98" t="s">
        <v>400</v>
      </c>
      <c r="AP3845" s="98">
        <v>0</v>
      </c>
      <c r="AQ3845" s="98">
        <v>0</v>
      </c>
      <c r="AR3845" s="98" t="s">
        <v>400</v>
      </c>
      <c r="AS3845" s="98" t="s">
        <v>400</v>
      </c>
      <c r="AT3845" s="98" t="s">
        <v>400</v>
      </c>
      <c r="AU3845" s="98" t="s">
        <v>400</v>
      </c>
      <c r="AV3845" s="98" t="s">
        <v>400</v>
      </c>
      <c r="AW3845" s="98" t="s">
        <v>400</v>
      </c>
      <c r="AX3845" s="98"/>
      <c r="AY3845" s="98"/>
      <c r="AZ3845" s="98"/>
      <c r="BA3845" s="98"/>
      <c r="BB3845" s="107">
        <v>45884</v>
      </c>
    </row>
    <row r="3846" spans="1:54" s="8" customFormat="1" ht="13.95" customHeight="1" x14ac:dyDescent="0.25">
      <c r="A3846" s="219" t="s">
        <v>8554</v>
      </c>
      <c r="B3846" s="220" t="s">
        <v>6395</v>
      </c>
      <c r="C3846" s="98" t="s">
        <v>8555</v>
      </c>
      <c r="D3846" s="98" t="s">
        <v>21451</v>
      </c>
      <c r="E3846" s="141">
        <v>2013</v>
      </c>
      <c r="F3846" s="141">
        <v>18444</v>
      </c>
      <c r="G3846" s="98" t="s">
        <v>9</v>
      </c>
      <c r="H3846" s="98">
        <v>0</v>
      </c>
      <c r="I3846" s="98">
        <v>0</v>
      </c>
      <c r="J3846" s="98" t="s">
        <v>400</v>
      </c>
      <c r="K3846" s="98" t="s">
        <v>400</v>
      </c>
      <c r="L3846" s="98" t="s">
        <v>400</v>
      </c>
      <c r="M3846" s="98" t="s">
        <v>400</v>
      </c>
      <c r="N3846" s="98" t="s">
        <v>400</v>
      </c>
      <c r="O3846" s="98" t="s">
        <v>400</v>
      </c>
      <c r="P3846" s="98" t="s">
        <v>400</v>
      </c>
      <c r="Q3846" s="98" t="s">
        <v>400</v>
      </c>
      <c r="R3846" s="98" t="s">
        <v>400</v>
      </c>
      <c r="S3846" s="98" t="s">
        <v>400</v>
      </c>
      <c r="T3846" s="98" t="s">
        <v>400</v>
      </c>
      <c r="U3846" s="98">
        <v>0</v>
      </c>
      <c r="V3846" s="98">
        <v>0</v>
      </c>
      <c r="W3846" s="98" t="s">
        <v>400</v>
      </c>
      <c r="X3846" s="98" t="s">
        <v>400</v>
      </c>
      <c r="Y3846" s="98">
        <v>0</v>
      </c>
      <c r="Z3846" s="98" t="s">
        <v>400</v>
      </c>
      <c r="AA3846" s="98" t="s">
        <v>400</v>
      </c>
      <c r="AB3846" s="98">
        <v>0</v>
      </c>
      <c r="AC3846" s="98">
        <v>0</v>
      </c>
      <c r="AD3846" s="98" t="s">
        <v>400</v>
      </c>
      <c r="AE3846" s="98">
        <v>0</v>
      </c>
      <c r="AF3846" s="98">
        <v>0</v>
      </c>
      <c r="AG3846" s="98">
        <v>0</v>
      </c>
      <c r="AH3846" s="98">
        <v>0</v>
      </c>
      <c r="AI3846" s="98">
        <v>0</v>
      </c>
      <c r="AJ3846" s="98">
        <v>0</v>
      </c>
      <c r="AK3846" s="98">
        <v>0</v>
      </c>
      <c r="AL3846" s="98">
        <v>0</v>
      </c>
      <c r="AM3846" s="98" t="s">
        <v>400</v>
      </c>
      <c r="AN3846" s="98" t="s">
        <v>400</v>
      </c>
      <c r="AO3846" s="98" t="s">
        <v>400</v>
      </c>
      <c r="AP3846" s="98">
        <v>0</v>
      </c>
      <c r="AQ3846" s="98">
        <v>0</v>
      </c>
      <c r="AR3846" s="98" t="s">
        <v>400</v>
      </c>
      <c r="AS3846" s="98" t="s">
        <v>400</v>
      </c>
      <c r="AT3846" s="98" t="s">
        <v>400</v>
      </c>
      <c r="AU3846" s="98" t="s">
        <v>400</v>
      </c>
      <c r="AV3846" s="98" t="s">
        <v>400</v>
      </c>
      <c r="AW3846" s="98" t="s">
        <v>400</v>
      </c>
      <c r="AX3846" s="98"/>
      <c r="AY3846" s="98"/>
      <c r="AZ3846" s="98"/>
      <c r="BA3846" s="98"/>
      <c r="BB3846" s="107">
        <v>45884</v>
      </c>
    </row>
    <row r="3847" spans="1:54" s="8" customFormat="1" ht="13.95" customHeight="1" x14ac:dyDescent="0.25">
      <c r="A3847" s="219" t="s">
        <v>8556</v>
      </c>
      <c r="B3847" s="220" t="s">
        <v>6395</v>
      </c>
      <c r="C3847" s="98" t="s">
        <v>8557</v>
      </c>
      <c r="D3847" s="98" t="s">
        <v>21788</v>
      </c>
      <c r="E3847" s="141">
        <v>2005</v>
      </c>
      <c r="F3847" s="141">
        <v>1100</v>
      </c>
      <c r="G3847" s="98" t="s">
        <v>5</v>
      </c>
      <c r="H3847" s="98">
        <v>0</v>
      </c>
      <c r="I3847" s="98">
        <v>0</v>
      </c>
      <c r="J3847" s="98" t="s">
        <v>400</v>
      </c>
      <c r="K3847" s="98" t="s">
        <v>400</v>
      </c>
      <c r="L3847" s="98" t="s">
        <v>400</v>
      </c>
      <c r="M3847" s="98" t="s">
        <v>400</v>
      </c>
      <c r="N3847" s="98" t="s">
        <v>400</v>
      </c>
      <c r="O3847" s="98" t="s">
        <v>400</v>
      </c>
      <c r="P3847" s="98" t="s">
        <v>400</v>
      </c>
      <c r="Q3847" s="98" t="s">
        <v>400</v>
      </c>
      <c r="R3847" s="98" t="s">
        <v>400</v>
      </c>
      <c r="S3847" s="98" t="s">
        <v>400</v>
      </c>
      <c r="T3847" s="98" t="s">
        <v>400</v>
      </c>
      <c r="U3847" s="98">
        <v>0</v>
      </c>
      <c r="V3847" s="98">
        <v>0</v>
      </c>
      <c r="W3847" s="98"/>
      <c r="X3847" s="98"/>
      <c r="Y3847" s="98">
        <v>0</v>
      </c>
      <c r="Z3847" s="98"/>
      <c r="AA3847" s="98"/>
      <c r="AB3847" s="98">
        <v>0</v>
      </c>
      <c r="AC3847" s="98">
        <v>0</v>
      </c>
      <c r="AD3847" s="98"/>
      <c r="AE3847" s="98">
        <v>0</v>
      </c>
      <c r="AF3847" s="98">
        <v>0</v>
      </c>
      <c r="AG3847" s="98">
        <v>0</v>
      </c>
      <c r="AH3847" s="98">
        <v>0</v>
      </c>
      <c r="AI3847" s="98">
        <v>0</v>
      </c>
      <c r="AJ3847" s="98">
        <v>0</v>
      </c>
      <c r="AK3847" s="98">
        <v>0</v>
      </c>
      <c r="AL3847" s="98">
        <v>0</v>
      </c>
      <c r="AM3847" s="98"/>
      <c r="AN3847" s="98"/>
      <c r="AO3847" s="98"/>
      <c r="AP3847" s="98">
        <v>0</v>
      </c>
      <c r="AQ3847" s="98">
        <v>0</v>
      </c>
      <c r="AR3847" s="98"/>
      <c r="AS3847" s="98"/>
      <c r="AT3847" s="98"/>
      <c r="AU3847" s="98"/>
      <c r="AV3847" s="98"/>
      <c r="AW3847" s="98"/>
      <c r="AX3847" s="98"/>
      <c r="AY3847" s="98"/>
      <c r="AZ3847" s="98"/>
      <c r="BA3847" s="98"/>
      <c r="BB3847" s="107">
        <v>45884</v>
      </c>
    </row>
    <row r="3848" spans="1:54" s="8" customFormat="1" ht="13.95" customHeight="1" x14ac:dyDescent="0.25">
      <c r="A3848" s="219" t="s">
        <v>8558</v>
      </c>
      <c r="B3848" s="220" t="s">
        <v>6395</v>
      </c>
      <c r="C3848" s="98" t="s">
        <v>8559</v>
      </c>
      <c r="D3848" s="98" t="s">
        <v>21789</v>
      </c>
      <c r="E3848" s="141">
        <v>1966</v>
      </c>
      <c r="F3848" s="141">
        <v>10089</v>
      </c>
      <c r="G3848" s="98" t="s">
        <v>3</v>
      </c>
      <c r="H3848" s="98">
        <v>1</v>
      </c>
      <c r="I3848" s="98">
        <v>0</v>
      </c>
      <c r="J3848" s="98">
        <v>1</v>
      </c>
      <c r="K3848" s="98" t="s">
        <v>400</v>
      </c>
      <c r="L3848" s="98" t="s">
        <v>400</v>
      </c>
      <c r="M3848" s="98" t="s">
        <v>400</v>
      </c>
      <c r="N3848" s="98" t="s">
        <v>400</v>
      </c>
      <c r="O3848" s="98" t="s">
        <v>400</v>
      </c>
      <c r="P3848" s="98" t="s">
        <v>400</v>
      </c>
      <c r="Q3848" s="98" t="s">
        <v>400</v>
      </c>
      <c r="R3848" s="98" t="s">
        <v>400</v>
      </c>
      <c r="S3848" s="98" t="s">
        <v>400</v>
      </c>
      <c r="T3848" s="98" t="s">
        <v>400</v>
      </c>
      <c r="U3848" s="98">
        <v>0</v>
      </c>
      <c r="V3848" s="98">
        <v>0</v>
      </c>
      <c r="W3848" s="98" t="s">
        <v>400</v>
      </c>
      <c r="X3848" s="98" t="s">
        <v>400</v>
      </c>
      <c r="Y3848" s="98">
        <v>0</v>
      </c>
      <c r="Z3848" s="98">
        <v>0</v>
      </c>
      <c r="AA3848" s="98" t="s">
        <v>400</v>
      </c>
      <c r="AB3848" s="98">
        <v>0</v>
      </c>
      <c r="AC3848" s="98">
        <v>0</v>
      </c>
      <c r="AD3848" s="98">
        <v>0</v>
      </c>
      <c r="AE3848" s="98">
        <v>0</v>
      </c>
      <c r="AF3848" s="98">
        <v>0</v>
      </c>
      <c r="AG3848" s="98">
        <v>0</v>
      </c>
      <c r="AH3848" s="98">
        <v>0</v>
      </c>
      <c r="AI3848" s="98">
        <v>0</v>
      </c>
      <c r="AJ3848" s="98">
        <v>0</v>
      </c>
      <c r="AK3848" s="98">
        <v>0</v>
      </c>
      <c r="AL3848" s="98">
        <v>0</v>
      </c>
      <c r="AM3848" s="98">
        <v>0</v>
      </c>
      <c r="AN3848" s="98">
        <v>0</v>
      </c>
      <c r="AO3848" s="98">
        <v>0</v>
      </c>
      <c r="AP3848" s="98">
        <v>0</v>
      </c>
      <c r="AQ3848" s="98">
        <v>0</v>
      </c>
      <c r="AR3848" s="98" t="s">
        <v>400</v>
      </c>
      <c r="AS3848" s="98" t="s">
        <v>400</v>
      </c>
      <c r="AT3848" s="98" t="s">
        <v>400</v>
      </c>
      <c r="AU3848" s="98" t="s">
        <v>400</v>
      </c>
      <c r="AV3848" s="98" t="s">
        <v>400</v>
      </c>
      <c r="AW3848" s="98" t="s">
        <v>400</v>
      </c>
      <c r="AX3848" s="98"/>
      <c r="AY3848" s="98"/>
      <c r="AZ3848" s="98"/>
      <c r="BA3848" s="98"/>
      <c r="BB3848" s="107">
        <v>45884</v>
      </c>
    </row>
    <row r="3849" spans="1:54" s="8" customFormat="1" ht="13.95" customHeight="1" x14ac:dyDescent="0.25">
      <c r="A3849" s="219" t="s">
        <v>8560</v>
      </c>
      <c r="B3849" s="220" t="s">
        <v>6395</v>
      </c>
      <c r="C3849" s="98" t="s">
        <v>8561</v>
      </c>
      <c r="D3849" s="98" t="s">
        <v>21790</v>
      </c>
      <c r="E3849" s="141">
        <v>1978</v>
      </c>
      <c r="F3849" s="141">
        <v>10152</v>
      </c>
      <c r="G3849" s="98" t="s">
        <v>3</v>
      </c>
      <c r="H3849" s="98">
        <v>1</v>
      </c>
      <c r="I3849" s="98">
        <v>0</v>
      </c>
      <c r="J3849" s="98">
        <v>1</v>
      </c>
      <c r="K3849" s="98" t="s">
        <v>400</v>
      </c>
      <c r="L3849" s="98" t="s">
        <v>400</v>
      </c>
      <c r="M3849" s="98" t="s">
        <v>400</v>
      </c>
      <c r="N3849" s="98" t="s">
        <v>400</v>
      </c>
      <c r="O3849" s="98" t="s">
        <v>400</v>
      </c>
      <c r="P3849" s="98" t="s">
        <v>400</v>
      </c>
      <c r="Q3849" s="98" t="s">
        <v>400</v>
      </c>
      <c r="R3849" s="98" t="s">
        <v>400</v>
      </c>
      <c r="S3849" s="98" t="s">
        <v>400</v>
      </c>
      <c r="T3849" s="98" t="s">
        <v>400</v>
      </c>
      <c r="U3849" s="98">
        <v>0</v>
      </c>
      <c r="V3849" s="98">
        <v>0</v>
      </c>
      <c r="W3849" s="98" t="s">
        <v>400</v>
      </c>
      <c r="X3849" s="98" t="s">
        <v>400</v>
      </c>
      <c r="Y3849" s="98">
        <v>0</v>
      </c>
      <c r="Z3849" s="98">
        <v>1</v>
      </c>
      <c r="AA3849" s="98" t="s">
        <v>400</v>
      </c>
      <c r="AB3849" s="98">
        <v>1</v>
      </c>
      <c r="AC3849" s="98">
        <v>0</v>
      </c>
      <c r="AD3849" s="98">
        <v>0</v>
      </c>
      <c r="AE3849" s="98">
        <v>0</v>
      </c>
      <c r="AF3849" s="98">
        <v>0</v>
      </c>
      <c r="AG3849" s="98">
        <v>0</v>
      </c>
      <c r="AH3849" s="98">
        <v>0</v>
      </c>
      <c r="AI3849" s="98">
        <v>0</v>
      </c>
      <c r="AJ3849" s="98">
        <v>0</v>
      </c>
      <c r="AK3849" s="98">
        <v>0</v>
      </c>
      <c r="AL3849" s="98">
        <v>0</v>
      </c>
      <c r="AM3849" s="98">
        <v>0</v>
      </c>
      <c r="AN3849" s="98">
        <v>0</v>
      </c>
      <c r="AO3849" s="98">
        <v>0</v>
      </c>
      <c r="AP3849" s="98">
        <v>0</v>
      </c>
      <c r="AQ3849" s="98">
        <v>0</v>
      </c>
      <c r="AR3849" s="98" t="s">
        <v>400</v>
      </c>
      <c r="AS3849" s="98" t="s">
        <v>400</v>
      </c>
      <c r="AT3849" s="98" t="s">
        <v>400</v>
      </c>
      <c r="AU3849" s="98" t="s">
        <v>400</v>
      </c>
      <c r="AV3849" s="98" t="s">
        <v>400</v>
      </c>
      <c r="AW3849" s="98" t="s">
        <v>400</v>
      </c>
      <c r="AX3849" s="98"/>
      <c r="AY3849" s="98"/>
      <c r="AZ3849" s="98"/>
      <c r="BA3849" s="98"/>
      <c r="BB3849" s="107">
        <v>45884</v>
      </c>
    </row>
    <row r="3850" spans="1:54" s="8" customFormat="1" ht="13.95" customHeight="1" x14ac:dyDescent="0.25">
      <c r="A3850" s="219" t="s">
        <v>8562</v>
      </c>
      <c r="B3850" s="220" t="s">
        <v>6395</v>
      </c>
      <c r="C3850" s="98" t="s">
        <v>8563</v>
      </c>
      <c r="D3850" s="98" t="s">
        <v>21791</v>
      </c>
      <c r="E3850" s="141">
        <v>2009</v>
      </c>
      <c r="F3850" s="141">
        <v>10227</v>
      </c>
      <c r="G3850" s="98" t="s">
        <v>8</v>
      </c>
      <c r="H3850" s="98">
        <v>0</v>
      </c>
      <c r="I3850" s="98">
        <v>0</v>
      </c>
      <c r="J3850" s="98" t="s">
        <v>400</v>
      </c>
      <c r="K3850" s="98" t="s">
        <v>400</v>
      </c>
      <c r="L3850" s="98" t="s">
        <v>400</v>
      </c>
      <c r="M3850" s="98" t="s">
        <v>400</v>
      </c>
      <c r="N3850" s="98" t="s">
        <v>400</v>
      </c>
      <c r="O3850" s="98" t="s">
        <v>400</v>
      </c>
      <c r="P3850" s="98" t="s">
        <v>400</v>
      </c>
      <c r="Q3850" s="98" t="s">
        <v>400</v>
      </c>
      <c r="R3850" s="98" t="s">
        <v>400</v>
      </c>
      <c r="S3850" s="98" t="s">
        <v>400</v>
      </c>
      <c r="T3850" s="98" t="s">
        <v>400</v>
      </c>
      <c r="U3850" s="98">
        <v>0</v>
      </c>
      <c r="V3850" s="98">
        <v>0</v>
      </c>
      <c r="W3850" s="98" t="s">
        <v>400</v>
      </c>
      <c r="X3850" s="98" t="s">
        <v>400</v>
      </c>
      <c r="Y3850" s="98">
        <v>0</v>
      </c>
      <c r="Z3850" s="98" t="s">
        <v>400</v>
      </c>
      <c r="AA3850" s="98" t="s">
        <v>400</v>
      </c>
      <c r="AB3850" s="98">
        <v>0</v>
      </c>
      <c r="AC3850" s="98">
        <v>0</v>
      </c>
      <c r="AD3850" s="98" t="s">
        <v>400</v>
      </c>
      <c r="AE3850" s="98">
        <v>0</v>
      </c>
      <c r="AF3850" s="98">
        <v>0</v>
      </c>
      <c r="AG3850" s="98">
        <v>0</v>
      </c>
      <c r="AH3850" s="98">
        <v>0</v>
      </c>
      <c r="AI3850" s="98">
        <v>0</v>
      </c>
      <c r="AJ3850" s="98">
        <v>0</v>
      </c>
      <c r="AK3850" s="98">
        <v>0</v>
      </c>
      <c r="AL3850" s="98">
        <v>0</v>
      </c>
      <c r="AM3850" s="98" t="s">
        <v>400</v>
      </c>
      <c r="AN3850" s="98" t="s">
        <v>400</v>
      </c>
      <c r="AO3850" s="98" t="s">
        <v>400</v>
      </c>
      <c r="AP3850" s="98">
        <v>0</v>
      </c>
      <c r="AQ3850" s="98">
        <v>0</v>
      </c>
      <c r="AR3850" s="98" t="s">
        <v>400</v>
      </c>
      <c r="AS3850" s="98" t="s">
        <v>400</v>
      </c>
      <c r="AT3850" s="98" t="s">
        <v>400</v>
      </c>
      <c r="AU3850" s="98" t="s">
        <v>400</v>
      </c>
      <c r="AV3850" s="98" t="s">
        <v>400</v>
      </c>
      <c r="AW3850" s="98" t="s">
        <v>400</v>
      </c>
      <c r="AX3850" s="98"/>
      <c r="AY3850" s="98"/>
      <c r="AZ3850" s="98"/>
      <c r="BA3850" s="98"/>
      <c r="BB3850" s="107">
        <v>45884</v>
      </c>
    </row>
    <row r="3851" spans="1:54" s="8" customFormat="1" ht="13.95" customHeight="1" x14ac:dyDescent="0.25">
      <c r="A3851" s="219" t="s">
        <v>8564</v>
      </c>
      <c r="B3851" s="220" t="s">
        <v>6395</v>
      </c>
      <c r="C3851" s="98" t="s">
        <v>8565</v>
      </c>
      <c r="D3851" s="98" t="s">
        <v>21602</v>
      </c>
      <c r="E3851" s="141">
        <v>1999</v>
      </c>
      <c r="F3851" s="141">
        <v>10326</v>
      </c>
      <c r="G3851" s="98" t="s">
        <v>8</v>
      </c>
      <c r="H3851" s="98">
        <v>0</v>
      </c>
      <c r="I3851" s="98">
        <v>0</v>
      </c>
      <c r="J3851" s="98" t="s">
        <v>400</v>
      </c>
      <c r="K3851" s="98" t="s">
        <v>400</v>
      </c>
      <c r="L3851" s="98" t="s">
        <v>400</v>
      </c>
      <c r="M3851" s="98" t="s">
        <v>400</v>
      </c>
      <c r="N3851" s="98" t="s">
        <v>400</v>
      </c>
      <c r="O3851" s="98" t="s">
        <v>400</v>
      </c>
      <c r="P3851" s="98" t="s">
        <v>400</v>
      </c>
      <c r="Q3851" s="98" t="s">
        <v>400</v>
      </c>
      <c r="R3851" s="98" t="s">
        <v>400</v>
      </c>
      <c r="S3851" s="98" t="s">
        <v>400</v>
      </c>
      <c r="T3851" s="98" t="s">
        <v>400</v>
      </c>
      <c r="U3851" s="98">
        <v>0</v>
      </c>
      <c r="V3851" s="98">
        <v>0</v>
      </c>
      <c r="W3851" s="98" t="s">
        <v>400</v>
      </c>
      <c r="X3851" s="98" t="s">
        <v>400</v>
      </c>
      <c r="Y3851" s="98">
        <v>0</v>
      </c>
      <c r="Z3851" s="98" t="s">
        <v>400</v>
      </c>
      <c r="AA3851" s="98" t="s">
        <v>400</v>
      </c>
      <c r="AB3851" s="98">
        <v>0</v>
      </c>
      <c r="AC3851" s="98">
        <v>0</v>
      </c>
      <c r="AD3851" s="98" t="s">
        <v>400</v>
      </c>
      <c r="AE3851" s="98">
        <v>0</v>
      </c>
      <c r="AF3851" s="98">
        <v>0</v>
      </c>
      <c r="AG3851" s="98">
        <v>0</v>
      </c>
      <c r="AH3851" s="98">
        <v>0</v>
      </c>
      <c r="AI3851" s="98">
        <v>0</v>
      </c>
      <c r="AJ3851" s="98">
        <v>0</v>
      </c>
      <c r="AK3851" s="98">
        <v>0</v>
      </c>
      <c r="AL3851" s="98">
        <v>0</v>
      </c>
      <c r="AM3851" s="98" t="s">
        <v>400</v>
      </c>
      <c r="AN3851" s="98" t="s">
        <v>400</v>
      </c>
      <c r="AO3851" s="98" t="s">
        <v>400</v>
      </c>
      <c r="AP3851" s="98">
        <v>0</v>
      </c>
      <c r="AQ3851" s="98">
        <v>0</v>
      </c>
      <c r="AR3851" s="98" t="s">
        <v>400</v>
      </c>
      <c r="AS3851" s="98" t="s">
        <v>400</v>
      </c>
      <c r="AT3851" s="98" t="s">
        <v>400</v>
      </c>
      <c r="AU3851" s="98" t="s">
        <v>400</v>
      </c>
      <c r="AV3851" s="98" t="s">
        <v>400</v>
      </c>
      <c r="AW3851" s="98" t="s">
        <v>400</v>
      </c>
      <c r="AX3851" s="98"/>
      <c r="AY3851" s="98"/>
      <c r="AZ3851" s="98"/>
      <c r="BA3851" s="98"/>
      <c r="BB3851" s="107">
        <v>45884</v>
      </c>
    </row>
    <row r="3852" spans="1:54" s="8" customFormat="1" ht="13.95" customHeight="1" x14ac:dyDescent="0.25">
      <c r="A3852" s="219" t="s">
        <v>8566</v>
      </c>
      <c r="B3852" s="220" t="s">
        <v>6395</v>
      </c>
      <c r="C3852" s="98" t="s">
        <v>8567</v>
      </c>
      <c r="D3852" s="98" t="s">
        <v>21603</v>
      </c>
      <c r="E3852" s="141">
        <v>1986</v>
      </c>
      <c r="F3852" s="141">
        <v>11110</v>
      </c>
      <c r="G3852" s="98" t="s">
        <v>8</v>
      </c>
      <c r="H3852" s="98">
        <v>0</v>
      </c>
      <c r="I3852" s="98">
        <v>0</v>
      </c>
      <c r="J3852" s="98" t="s">
        <v>400</v>
      </c>
      <c r="K3852" s="98" t="s">
        <v>400</v>
      </c>
      <c r="L3852" s="98" t="s">
        <v>400</v>
      </c>
      <c r="M3852" s="98" t="s">
        <v>400</v>
      </c>
      <c r="N3852" s="98" t="s">
        <v>400</v>
      </c>
      <c r="O3852" s="98" t="s">
        <v>400</v>
      </c>
      <c r="P3852" s="98" t="s">
        <v>400</v>
      </c>
      <c r="Q3852" s="98" t="s">
        <v>400</v>
      </c>
      <c r="R3852" s="98" t="s">
        <v>400</v>
      </c>
      <c r="S3852" s="98" t="s">
        <v>400</v>
      </c>
      <c r="T3852" s="98" t="s">
        <v>400</v>
      </c>
      <c r="U3852" s="98">
        <v>0</v>
      </c>
      <c r="V3852" s="98">
        <v>0</v>
      </c>
      <c r="W3852" s="98" t="s">
        <v>400</v>
      </c>
      <c r="X3852" s="98" t="s">
        <v>400</v>
      </c>
      <c r="Y3852" s="98">
        <v>0</v>
      </c>
      <c r="Z3852" s="98" t="s">
        <v>400</v>
      </c>
      <c r="AA3852" s="98" t="s">
        <v>400</v>
      </c>
      <c r="AB3852" s="98">
        <v>0</v>
      </c>
      <c r="AC3852" s="98">
        <v>0</v>
      </c>
      <c r="AD3852" s="98" t="s">
        <v>400</v>
      </c>
      <c r="AE3852" s="98">
        <v>0</v>
      </c>
      <c r="AF3852" s="98">
        <v>0</v>
      </c>
      <c r="AG3852" s="98">
        <v>0</v>
      </c>
      <c r="AH3852" s="98">
        <v>0</v>
      </c>
      <c r="AI3852" s="98">
        <v>0</v>
      </c>
      <c r="AJ3852" s="98">
        <v>0</v>
      </c>
      <c r="AK3852" s="98">
        <v>0</v>
      </c>
      <c r="AL3852" s="98">
        <v>0</v>
      </c>
      <c r="AM3852" s="98" t="s">
        <v>400</v>
      </c>
      <c r="AN3852" s="98" t="s">
        <v>400</v>
      </c>
      <c r="AO3852" s="98" t="s">
        <v>400</v>
      </c>
      <c r="AP3852" s="98">
        <v>0</v>
      </c>
      <c r="AQ3852" s="98">
        <v>0</v>
      </c>
      <c r="AR3852" s="98" t="s">
        <v>400</v>
      </c>
      <c r="AS3852" s="98" t="s">
        <v>400</v>
      </c>
      <c r="AT3852" s="98" t="s">
        <v>400</v>
      </c>
      <c r="AU3852" s="98" t="s">
        <v>400</v>
      </c>
      <c r="AV3852" s="98" t="s">
        <v>400</v>
      </c>
      <c r="AW3852" s="98" t="s">
        <v>400</v>
      </c>
      <c r="AX3852" s="98"/>
      <c r="AY3852" s="98"/>
      <c r="AZ3852" s="98"/>
      <c r="BA3852" s="98"/>
      <c r="BB3852" s="107">
        <v>45884</v>
      </c>
    </row>
    <row r="3853" spans="1:54" s="8" customFormat="1" ht="13.95" customHeight="1" x14ac:dyDescent="0.25">
      <c r="A3853" s="219" t="s">
        <v>8568</v>
      </c>
      <c r="B3853" s="220" t="s">
        <v>6395</v>
      </c>
      <c r="C3853" s="98" t="s">
        <v>8569</v>
      </c>
      <c r="D3853" s="98" t="s">
        <v>21604</v>
      </c>
      <c r="E3853" s="141">
        <v>1984</v>
      </c>
      <c r="F3853" s="141">
        <v>11268</v>
      </c>
      <c r="G3853" s="98" t="s">
        <v>8</v>
      </c>
      <c r="H3853" s="98">
        <v>0</v>
      </c>
      <c r="I3853" s="98">
        <v>0</v>
      </c>
      <c r="J3853" s="98" t="s">
        <v>400</v>
      </c>
      <c r="K3853" s="98" t="s">
        <v>400</v>
      </c>
      <c r="L3853" s="98" t="s">
        <v>400</v>
      </c>
      <c r="M3853" s="98" t="s">
        <v>400</v>
      </c>
      <c r="N3853" s="98" t="s">
        <v>400</v>
      </c>
      <c r="O3853" s="98" t="s">
        <v>400</v>
      </c>
      <c r="P3853" s="98" t="s">
        <v>400</v>
      </c>
      <c r="Q3853" s="98" t="s">
        <v>400</v>
      </c>
      <c r="R3853" s="98" t="s">
        <v>400</v>
      </c>
      <c r="S3853" s="98" t="s">
        <v>400</v>
      </c>
      <c r="T3853" s="98" t="s">
        <v>400</v>
      </c>
      <c r="U3853" s="98">
        <v>0</v>
      </c>
      <c r="V3853" s="98">
        <v>0</v>
      </c>
      <c r="W3853" s="98" t="s">
        <v>400</v>
      </c>
      <c r="X3853" s="98" t="s">
        <v>400</v>
      </c>
      <c r="Y3853" s="98">
        <v>0</v>
      </c>
      <c r="Z3853" s="98" t="s">
        <v>400</v>
      </c>
      <c r="AA3853" s="98" t="s">
        <v>400</v>
      </c>
      <c r="AB3853" s="98">
        <v>0</v>
      </c>
      <c r="AC3853" s="98">
        <v>0</v>
      </c>
      <c r="AD3853" s="98" t="s">
        <v>400</v>
      </c>
      <c r="AE3853" s="98">
        <v>0</v>
      </c>
      <c r="AF3853" s="98">
        <v>0</v>
      </c>
      <c r="AG3853" s="98">
        <v>0</v>
      </c>
      <c r="AH3853" s="98">
        <v>0</v>
      </c>
      <c r="AI3853" s="98">
        <v>0</v>
      </c>
      <c r="AJ3853" s="98">
        <v>0</v>
      </c>
      <c r="AK3853" s="98">
        <v>0</v>
      </c>
      <c r="AL3853" s="98">
        <v>0</v>
      </c>
      <c r="AM3853" s="98" t="s">
        <v>400</v>
      </c>
      <c r="AN3853" s="98" t="s">
        <v>400</v>
      </c>
      <c r="AO3853" s="98" t="s">
        <v>400</v>
      </c>
      <c r="AP3853" s="98">
        <v>0</v>
      </c>
      <c r="AQ3853" s="98">
        <v>0</v>
      </c>
      <c r="AR3853" s="98" t="s">
        <v>400</v>
      </c>
      <c r="AS3853" s="98" t="s">
        <v>400</v>
      </c>
      <c r="AT3853" s="98" t="s">
        <v>400</v>
      </c>
      <c r="AU3853" s="98" t="s">
        <v>400</v>
      </c>
      <c r="AV3853" s="98" t="s">
        <v>400</v>
      </c>
      <c r="AW3853" s="98" t="s">
        <v>400</v>
      </c>
      <c r="AX3853" s="98"/>
      <c r="AY3853" s="98"/>
      <c r="AZ3853" s="98"/>
      <c r="BA3853" s="98"/>
      <c r="BB3853" s="107">
        <v>45884</v>
      </c>
    </row>
    <row r="3854" spans="1:54" s="8" customFormat="1" ht="13.95" customHeight="1" x14ac:dyDescent="0.25">
      <c r="A3854" s="219" t="s">
        <v>8570</v>
      </c>
      <c r="B3854" s="220" t="s">
        <v>6395</v>
      </c>
      <c r="C3854" s="98" t="s">
        <v>8571</v>
      </c>
      <c r="D3854" s="98" t="s">
        <v>21605</v>
      </c>
      <c r="E3854" s="141">
        <v>1984</v>
      </c>
      <c r="F3854" s="141">
        <v>11272</v>
      </c>
      <c r="G3854" s="98" t="s">
        <v>8</v>
      </c>
      <c r="H3854" s="98">
        <v>0</v>
      </c>
      <c r="I3854" s="98">
        <v>0</v>
      </c>
      <c r="J3854" s="98" t="s">
        <v>400</v>
      </c>
      <c r="K3854" s="98" t="s">
        <v>400</v>
      </c>
      <c r="L3854" s="98" t="s">
        <v>400</v>
      </c>
      <c r="M3854" s="98" t="s">
        <v>400</v>
      </c>
      <c r="N3854" s="98" t="s">
        <v>400</v>
      </c>
      <c r="O3854" s="98" t="s">
        <v>400</v>
      </c>
      <c r="P3854" s="98" t="s">
        <v>400</v>
      </c>
      <c r="Q3854" s="98" t="s">
        <v>400</v>
      </c>
      <c r="R3854" s="98" t="s">
        <v>400</v>
      </c>
      <c r="S3854" s="98" t="s">
        <v>400</v>
      </c>
      <c r="T3854" s="98" t="s">
        <v>400</v>
      </c>
      <c r="U3854" s="98">
        <v>0</v>
      </c>
      <c r="V3854" s="98">
        <v>0</v>
      </c>
      <c r="W3854" s="98" t="s">
        <v>400</v>
      </c>
      <c r="X3854" s="98" t="s">
        <v>400</v>
      </c>
      <c r="Y3854" s="98">
        <v>0</v>
      </c>
      <c r="Z3854" s="98" t="s">
        <v>400</v>
      </c>
      <c r="AA3854" s="98" t="s">
        <v>400</v>
      </c>
      <c r="AB3854" s="98">
        <v>0</v>
      </c>
      <c r="AC3854" s="98">
        <v>0</v>
      </c>
      <c r="AD3854" s="98" t="s">
        <v>400</v>
      </c>
      <c r="AE3854" s="98">
        <v>0</v>
      </c>
      <c r="AF3854" s="98">
        <v>0</v>
      </c>
      <c r="AG3854" s="98">
        <v>0</v>
      </c>
      <c r="AH3854" s="98">
        <v>0</v>
      </c>
      <c r="AI3854" s="98">
        <v>0</v>
      </c>
      <c r="AJ3854" s="98">
        <v>0</v>
      </c>
      <c r="AK3854" s="98">
        <v>0</v>
      </c>
      <c r="AL3854" s="98">
        <v>0</v>
      </c>
      <c r="AM3854" s="98" t="s">
        <v>400</v>
      </c>
      <c r="AN3854" s="98" t="s">
        <v>400</v>
      </c>
      <c r="AO3854" s="98" t="s">
        <v>400</v>
      </c>
      <c r="AP3854" s="98">
        <v>0</v>
      </c>
      <c r="AQ3854" s="98">
        <v>0</v>
      </c>
      <c r="AR3854" s="98" t="s">
        <v>400</v>
      </c>
      <c r="AS3854" s="98" t="s">
        <v>400</v>
      </c>
      <c r="AT3854" s="98" t="s">
        <v>400</v>
      </c>
      <c r="AU3854" s="98" t="s">
        <v>400</v>
      </c>
      <c r="AV3854" s="98" t="s">
        <v>400</v>
      </c>
      <c r="AW3854" s="98" t="s">
        <v>400</v>
      </c>
      <c r="AX3854" s="98"/>
      <c r="AY3854" s="98"/>
      <c r="AZ3854" s="98"/>
      <c r="BA3854" s="98"/>
      <c r="BB3854" s="107">
        <v>45884</v>
      </c>
    </row>
    <row r="3855" spans="1:54" s="8" customFormat="1" ht="13.95" customHeight="1" x14ac:dyDescent="0.25">
      <c r="A3855" s="219" t="s">
        <v>8572</v>
      </c>
      <c r="B3855" s="220" t="s">
        <v>6395</v>
      </c>
      <c r="C3855" s="98" t="s">
        <v>8573</v>
      </c>
      <c r="D3855" s="98" t="s">
        <v>21606</v>
      </c>
      <c r="E3855" s="141">
        <v>1984</v>
      </c>
      <c r="F3855" s="141">
        <v>11506</v>
      </c>
      <c r="G3855" s="98" t="s">
        <v>3</v>
      </c>
      <c r="H3855" s="98">
        <v>1</v>
      </c>
      <c r="I3855" s="98">
        <v>0</v>
      </c>
      <c r="J3855" s="98">
        <v>1</v>
      </c>
      <c r="K3855" s="98" t="s">
        <v>400</v>
      </c>
      <c r="L3855" s="98" t="s">
        <v>400</v>
      </c>
      <c r="M3855" s="98" t="s">
        <v>400</v>
      </c>
      <c r="N3855" s="98" t="s">
        <v>400</v>
      </c>
      <c r="O3855" s="98" t="s">
        <v>400</v>
      </c>
      <c r="P3855" s="98" t="s">
        <v>400</v>
      </c>
      <c r="Q3855" s="98" t="s">
        <v>400</v>
      </c>
      <c r="R3855" s="98" t="s">
        <v>400</v>
      </c>
      <c r="S3855" s="98" t="s">
        <v>400</v>
      </c>
      <c r="T3855" s="98" t="s">
        <v>400</v>
      </c>
      <c r="U3855" s="98">
        <v>0</v>
      </c>
      <c r="V3855" s="98">
        <v>0</v>
      </c>
      <c r="W3855" s="98" t="s">
        <v>400</v>
      </c>
      <c r="X3855" s="98" t="s">
        <v>400</v>
      </c>
      <c r="Y3855" s="98">
        <v>0</v>
      </c>
      <c r="Z3855" s="98">
        <v>0</v>
      </c>
      <c r="AA3855" s="98" t="s">
        <v>400</v>
      </c>
      <c r="AB3855" s="98">
        <v>0</v>
      </c>
      <c r="AC3855" s="98">
        <v>0</v>
      </c>
      <c r="AD3855" s="98">
        <v>0</v>
      </c>
      <c r="AE3855" s="98">
        <v>0</v>
      </c>
      <c r="AF3855" s="98">
        <v>0</v>
      </c>
      <c r="AG3855" s="98">
        <v>0</v>
      </c>
      <c r="AH3855" s="98">
        <v>0</v>
      </c>
      <c r="AI3855" s="98">
        <v>0</v>
      </c>
      <c r="AJ3855" s="98">
        <v>0</v>
      </c>
      <c r="AK3855" s="98">
        <v>0</v>
      </c>
      <c r="AL3855" s="98">
        <v>0</v>
      </c>
      <c r="AM3855" s="98">
        <v>0</v>
      </c>
      <c r="AN3855" s="98">
        <v>0</v>
      </c>
      <c r="AO3855" s="98">
        <v>0</v>
      </c>
      <c r="AP3855" s="98">
        <v>0</v>
      </c>
      <c r="AQ3855" s="98">
        <v>0</v>
      </c>
      <c r="AR3855" s="98" t="s">
        <v>400</v>
      </c>
      <c r="AS3855" s="98" t="s">
        <v>400</v>
      </c>
      <c r="AT3855" s="98" t="s">
        <v>400</v>
      </c>
      <c r="AU3855" s="98" t="s">
        <v>400</v>
      </c>
      <c r="AV3855" s="98" t="s">
        <v>400</v>
      </c>
      <c r="AW3855" s="98" t="s">
        <v>400</v>
      </c>
      <c r="AX3855" s="98"/>
      <c r="AY3855" s="98"/>
      <c r="AZ3855" s="98"/>
      <c r="BA3855" s="98"/>
      <c r="BB3855" s="107">
        <v>45884</v>
      </c>
    </row>
    <row r="3856" spans="1:54" s="8" customFormat="1" ht="13.95" customHeight="1" x14ac:dyDescent="0.25">
      <c r="A3856" s="219" t="s">
        <v>8574</v>
      </c>
      <c r="B3856" s="220" t="s">
        <v>6395</v>
      </c>
      <c r="C3856" s="98" t="s">
        <v>8575</v>
      </c>
      <c r="D3856" s="98" t="s">
        <v>21607</v>
      </c>
      <c r="E3856" s="141">
        <v>2006</v>
      </c>
      <c r="F3856" s="141">
        <v>11621</v>
      </c>
      <c r="G3856" s="98" t="s">
        <v>3</v>
      </c>
      <c r="H3856" s="98">
        <v>1</v>
      </c>
      <c r="I3856" s="98">
        <v>1</v>
      </c>
      <c r="J3856" s="98">
        <v>1</v>
      </c>
      <c r="K3856" s="98" t="s">
        <v>400</v>
      </c>
      <c r="L3856" s="98" t="s">
        <v>400</v>
      </c>
      <c r="M3856" s="98" t="s">
        <v>400</v>
      </c>
      <c r="N3856" s="98" t="s">
        <v>400</v>
      </c>
      <c r="O3856" s="98" t="s">
        <v>400</v>
      </c>
      <c r="P3856" s="98" t="s">
        <v>400</v>
      </c>
      <c r="Q3856" s="98" t="s">
        <v>400</v>
      </c>
      <c r="R3856" s="98" t="s">
        <v>400</v>
      </c>
      <c r="S3856" s="98" t="s">
        <v>400</v>
      </c>
      <c r="T3856" s="98" t="s">
        <v>400</v>
      </c>
      <c r="U3856" s="98">
        <v>0</v>
      </c>
      <c r="V3856" s="98">
        <v>0</v>
      </c>
      <c r="W3856" s="98" t="s">
        <v>400</v>
      </c>
      <c r="X3856" s="98" t="s">
        <v>400</v>
      </c>
      <c r="Y3856" s="98">
        <v>0</v>
      </c>
      <c r="Z3856" s="98">
        <v>0</v>
      </c>
      <c r="AA3856" s="98" t="s">
        <v>400</v>
      </c>
      <c r="AB3856" s="98">
        <v>0</v>
      </c>
      <c r="AC3856" s="98">
        <v>0</v>
      </c>
      <c r="AD3856" s="98">
        <v>0</v>
      </c>
      <c r="AE3856" s="98">
        <v>0</v>
      </c>
      <c r="AF3856" s="98">
        <v>0</v>
      </c>
      <c r="AG3856" s="98">
        <v>0</v>
      </c>
      <c r="AH3856" s="98">
        <v>0</v>
      </c>
      <c r="AI3856" s="98">
        <v>0</v>
      </c>
      <c r="AJ3856" s="98">
        <v>0</v>
      </c>
      <c r="AK3856" s="98">
        <v>0</v>
      </c>
      <c r="AL3856" s="98">
        <v>0</v>
      </c>
      <c r="AM3856" s="98">
        <v>0</v>
      </c>
      <c r="AN3856" s="98">
        <v>0</v>
      </c>
      <c r="AO3856" s="98">
        <v>0</v>
      </c>
      <c r="AP3856" s="98">
        <v>0</v>
      </c>
      <c r="AQ3856" s="98">
        <v>0</v>
      </c>
      <c r="AR3856" s="98" t="s">
        <v>400</v>
      </c>
      <c r="AS3856" s="98" t="s">
        <v>400</v>
      </c>
      <c r="AT3856" s="98" t="s">
        <v>400</v>
      </c>
      <c r="AU3856" s="98" t="s">
        <v>400</v>
      </c>
      <c r="AV3856" s="98" t="s">
        <v>400</v>
      </c>
      <c r="AW3856" s="98" t="s">
        <v>400</v>
      </c>
      <c r="AX3856" s="98"/>
      <c r="AY3856" s="98"/>
      <c r="AZ3856" s="98"/>
      <c r="BA3856" s="98"/>
      <c r="BB3856" s="107">
        <v>45884</v>
      </c>
    </row>
    <row r="3857" spans="1:54" s="8" customFormat="1" ht="13.95" customHeight="1" x14ac:dyDescent="0.25">
      <c r="A3857" s="219" t="s">
        <v>8576</v>
      </c>
      <c r="B3857" s="220" t="s">
        <v>6395</v>
      </c>
      <c r="C3857" s="98" t="s">
        <v>8577</v>
      </c>
      <c r="D3857" s="98" t="s">
        <v>21608</v>
      </c>
      <c r="E3857" s="141">
        <v>1981</v>
      </c>
      <c r="F3857" s="141">
        <v>11853</v>
      </c>
      <c r="G3857" s="98" t="s">
        <v>3</v>
      </c>
      <c r="H3857" s="98">
        <v>0</v>
      </c>
      <c r="I3857" s="98">
        <v>0</v>
      </c>
      <c r="J3857" s="98">
        <v>1</v>
      </c>
      <c r="K3857" s="98" t="s">
        <v>400</v>
      </c>
      <c r="L3857" s="98" t="s">
        <v>400</v>
      </c>
      <c r="M3857" s="98" t="s">
        <v>400</v>
      </c>
      <c r="N3857" s="98" t="s">
        <v>400</v>
      </c>
      <c r="O3857" s="98" t="s">
        <v>400</v>
      </c>
      <c r="P3857" s="98" t="s">
        <v>400</v>
      </c>
      <c r="Q3857" s="98" t="s">
        <v>400</v>
      </c>
      <c r="R3857" s="98" t="s">
        <v>400</v>
      </c>
      <c r="S3857" s="98" t="s">
        <v>400</v>
      </c>
      <c r="T3857" s="98" t="s">
        <v>400</v>
      </c>
      <c r="U3857" s="98">
        <v>0</v>
      </c>
      <c r="V3857" s="98">
        <v>0</v>
      </c>
      <c r="W3857" s="98" t="s">
        <v>400</v>
      </c>
      <c r="X3857" s="98" t="s">
        <v>400</v>
      </c>
      <c r="Y3857" s="98">
        <v>0</v>
      </c>
      <c r="Z3857" s="98">
        <v>0</v>
      </c>
      <c r="AA3857" s="98" t="s">
        <v>400</v>
      </c>
      <c r="AB3857" s="98">
        <v>0</v>
      </c>
      <c r="AC3857" s="98">
        <v>0</v>
      </c>
      <c r="AD3857" s="98">
        <v>0</v>
      </c>
      <c r="AE3857" s="98">
        <v>0</v>
      </c>
      <c r="AF3857" s="98">
        <v>0</v>
      </c>
      <c r="AG3857" s="98">
        <v>0</v>
      </c>
      <c r="AH3857" s="98">
        <v>0</v>
      </c>
      <c r="AI3857" s="98">
        <v>0</v>
      </c>
      <c r="AJ3857" s="98">
        <v>0</v>
      </c>
      <c r="AK3857" s="98">
        <v>0</v>
      </c>
      <c r="AL3857" s="98">
        <v>0</v>
      </c>
      <c r="AM3857" s="98">
        <v>0</v>
      </c>
      <c r="AN3857" s="98">
        <v>0</v>
      </c>
      <c r="AO3857" s="98">
        <v>0</v>
      </c>
      <c r="AP3857" s="98">
        <v>0</v>
      </c>
      <c r="AQ3857" s="98">
        <v>0</v>
      </c>
      <c r="AR3857" s="98" t="s">
        <v>400</v>
      </c>
      <c r="AS3857" s="98" t="s">
        <v>400</v>
      </c>
      <c r="AT3857" s="98" t="s">
        <v>400</v>
      </c>
      <c r="AU3857" s="98" t="s">
        <v>400</v>
      </c>
      <c r="AV3857" s="98" t="s">
        <v>400</v>
      </c>
      <c r="AW3857" s="98" t="s">
        <v>400</v>
      </c>
      <c r="AX3857" s="98"/>
      <c r="AY3857" s="98"/>
      <c r="AZ3857" s="98"/>
      <c r="BA3857" s="98"/>
      <c r="BB3857" s="107">
        <v>45884</v>
      </c>
    </row>
    <row r="3858" spans="1:54" s="8" customFormat="1" ht="13.95" customHeight="1" x14ac:dyDescent="0.25">
      <c r="A3858" s="219" t="s">
        <v>8578</v>
      </c>
      <c r="B3858" s="220" t="s">
        <v>6395</v>
      </c>
      <c r="C3858" s="98" t="s">
        <v>8579</v>
      </c>
      <c r="D3858" s="98" t="s">
        <v>21609</v>
      </c>
      <c r="E3858" s="141">
        <v>1983</v>
      </c>
      <c r="F3858" s="141">
        <v>11991</v>
      </c>
      <c r="G3858" s="98" t="s">
        <v>3</v>
      </c>
      <c r="H3858" s="98">
        <v>1</v>
      </c>
      <c r="I3858" s="98">
        <v>0</v>
      </c>
      <c r="J3858" s="98">
        <v>1</v>
      </c>
      <c r="K3858" s="98" t="s">
        <v>400</v>
      </c>
      <c r="L3858" s="98" t="s">
        <v>400</v>
      </c>
      <c r="M3858" s="98" t="s">
        <v>400</v>
      </c>
      <c r="N3858" s="98" t="s">
        <v>400</v>
      </c>
      <c r="O3858" s="98" t="s">
        <v>400</v>
      </c>
      <c r="P3858" s="98" t="s">
        <v>400</v>
      </c>
      <c r="Q3858" s="98" t="s">
        <v>400</v>
      </c>
      <c r="R3858" s="98" t="s">
        <v>400</v>
      </c>
      <c r="S3858" s="98" t="s">
        <v>400</v>
      </c>
      <c r="T3858" s="98" t="s">
        <v>400</v>
      </c>
      <c r="U3858" s="98">
        <v>0</v>
      </c>
      <c r="V3858" s="98">
        <v>0</v>
      </c>
      <c r="W3858" s="98" t="s">
        <v>400</v>
      </c>
      <c r="X3858" s="98" t="s">
        <v>400</v>
      </c>
      <c r="Y3858" s="98">
        <v>0</v>
      </c>
      <c r="Z3858" s="98">
        <v>0</v>
      </c>
      <c r="AA3858" s="98" t="s">
        <v>400</v>
      </c>
      <c r="AB3858" s="98">
        <v>1</v>
      </c>
      <c r="AC3858" s="98">
        <v>0</v>
      </c>
      <c r="AD3858" s="98">
        <v>0</v>
      </c>
      <c r="AE3858" s="98">
        <v>0</v>
      </c>
      <c r="AF3858" s="98">
        <v>0</v>
      </c>
      <c r="AG3858" s="98">
        <v>0</v>
      </c>
      <c r="AH3858" s="98">
        <v>0</v>
      </c>
      <c r="AI3858" s="98">
        <v>0</v>
      </c>
      <c r="AJ3858" s="98">
        <v>0</v>
      </c>
      <c r="AK3858" s="98">
        <v>0</v>
      </c>
      <c r="AL3858" s="98">
        <v>0</v>
      </c>
      <c r="AM3858" s="98">
        <v>0</v>
      </c>
      <c r="AN3858" s="98">
        <v>0</v>
      </c>
      <c r="AO3858" s="98">
        <v>0</v>
      </c>
      <c r="AP3858" s="98">
        <v>0</v>
      </c>
      <c r="AQ3858" s="98">
        <v>0</v>
      </c>
      <c r="AR3858" s="98" t="s">
        <v>400</v>
      </c>
      <c r="AS3858" s="98" t="s">
        <v>400</v>
      </c>
      <c r="AT3858" s="98" t="s">
        <v>400</v>
      </c>
      <c r="AU3858" s="98" t="s">
        <v>400</v>
      </c>
      <c r="AV3858" s="98" t="s">
        <v>400</v>
      </c>
      <c r="AW3858" s="98" t="s">
        <v>400</v>
      </c>
      <c r="AX3858" s="98"/>
      <c r="AY3858" s="98"/>
      <c r="AZ3858" s="98"/>
      <c r="BA3858" s="98"/>
      <c r="BB3858" s="107">
        <v>45884</v>
      </c>
    </row>
    <row r="3859" spans="1:54" s="8" customFormat="1" ht="13.95" customHeight="1" x14ac:dyDescent="0.25">
      <c r="A3859" s="219" t="s">
        <v>8580</v>
      </c>
      <c r="B3859" s="220" t="s">
        <v>6395</v>
      </c>
      <c r="C3859" s="98" t="s">
        <v>8581</v>
      </c>
      <c r="D3859" s="98" t="s">
        <v>21610</v>
      </c>
      <c r="E3859" s="141">
        <v>2009</v>
      </c>
      <c r="F3859" s="141">
        <v>12210</v>
      </c>
      <c r="G3859" s="98" t="s">
        <v>3</v>
      </c>
      <c r="H3859" s="98">
        <v>1</v>
      </c>
      <c r="I3859" s="98">
        <v>1</v>
      </c>
      <c r="J3859" s="98">
        <v>1</v>
      </c>
      <c r="K3859" s="98" t="s">
        <v>400</v>
      </c>
      <c r="L3859" s="98" t="s">
        <v>400</v>
      </c>
      <c r="M3859" s="98" t="s">
        <v>400</v>
      </c>
      <c r="N3859" s="98" t="s">
        <v>400</v>
      </c>
      <c r="O3859" s="98" t="s">
        <v>400</v>
      </c>
      <c r="P3859" s="98" t="s">
        <v>400</v>
      </c>
      <c r="Q3859" s="98" t="s">
        <v>400</v>
      </c>
      <c r="R3859" s="98" t="s">
        <v>400</v>
      </c>
      <c r="S3859" s="98" t="s">
        <v>400</v>
      </c>
      <c r="T3859" s="98" t="s">
        <v>400</v>
      </c>
      <c r="U3859" s="98">
        <v>0</v>
      </c>
      <c r="V3859" s="98">
        <v>0</v>
      </c>
      <c r="W3859" s="98" t="s">
        <v>400</v>
      </c>
      <c r="X3859" s="98" t="s">
        <v>400</v>
      </c>
      <c r="Y3859" s="98">
        <v>0</v>
      </c>
      <c r="Z3859" s="98">
        <v>0</v>
      </c>
      <c r="AA3859" s="98" t="s">
        <v>400</v>
      </c>
      <c r="AB3859" s="98">
        <v>0</v>
      </c>
      <c r="AC3859" s="98">
        <v>0</v>
      </c>
      <c r="AD3859" s="98">
        <v>0</v>
      </c>
      <c r="AE3859" s="98">
        <v>0</v>
      </c>
      <c r="AF3859" s="98">
        <v>0</v>
      </c>
      <c r="AG3859" s="98">
        <v>0</v>
      </c>
      <c r="AH3859" s="98">
        <v>0</v>
      </c>
      <c r="AI3859" s="98">
        <v>0</v>
      </c>
      <c r="AJ3859" s="98">
        <v>0</v>
      </c>
      <c r="AK3859" s="98">
        <v>0</v>
      </c>
      <c r="AL3859" s="98">
        <v>0</v>
      </c>
      <c r="AM3859" s="98">
        <v>0</v>
      </c>
      <c r="AN3859" s="98">
        <v>0</v>
      </c>
      <c r="AO3859" s="98">
        <v>0</v>
      </c>
      <c r="AP3859" s="98">
        <v>0</v>
      </c>
      <c r="AQ3859" s="98">
        <v>0</v>
      </c>
      <c r="AR3859" s="98" t="s">
        <v>400</v>
      </c>
      <c r="AS3859" s="98" t="s">
        <v>400</v>
      </c>
      <c r="AT3859" s="98" t="s">
        <v>400</v>
      </c>
      <c r="AU3859" s="98" t="s">
        <v>400</v>
      </c>
      <c r="AV3859" s="98" t="s">
        <v>400</v>
      </c>
      <c r="AW3859" s="98" t="s">
        <v>400</v>
      </c>
      <c r="AX3859" s="98"/>
      <c r="AY3859" s="98"/>
      <c r="AZ3859" s="98"/>
      <c r="BA3859" s="98"/>
      <c r="BB3859" s="107">
        <v>45884</v>
      </c>
    </row>
    <row r="3860" spans="1:54" s="8" customFormat="1" ht="13.95" customHeight="1" x14ac:dyDescent="0.25">
      <c r="A3860" s="219" t="s">
        <v>8582</v>
      </c>
      <c r="B3860" s="220" t="s">
        <v>6395</v>
      </c>
      <c r="C3860" s="98" t="s">
        <v>8583</v>
      </c>
      <c r="D3860" s="98" t="s">
        <v>21792</v>
      </c>
      <c r="E3860" s="141">
        <v>1979</v>
      </c>
      <c r="F3860" s="141">
        <v>12364</v>
      </c>
      <c r="G3860" s="98" t="s">
        <v>10</v>
      </c>
      <c r="H3860" s="98">
        <v>1</v>
      </c>
      <c r="I3860" s="98">
        <v>1</v>
      </c>
      <c r="J3860" s="98">
        <v>1</v>
      </c>
      <c r="K3860" s="98">
        <v>0</v>
      </c>
      <c r="L3860" s="98">
        <v>0</v>
      </c>
      <c r="M3860" s="98">
        <v>0</v>
      </c>
      <c r="N3860" s="98">
        <v>0</v>
      </c>
      <c r="O3860" s="98">
        <v>0</v>
      </c>
      <c r="P3860" s="98">
        <v>0</v>
      </c>
      <c r="Q3860" s="98">
        <v>0</v>
      </c>
      <c r="R3860" s="98">
        <v>0</v>
      </c>
      <c r="S3860" s="98">
        <v>0</v>
      </c>
      <c r="T3860" s="98">
        <v>0</v>
      </c>
      <c r="U3860" s="98">
        <v>0</v>
      </c>
      <c r="V3860" s="98">
        <v>0</v>
      </c>
      <c r="W3860" s="98">
        <v>0</v>
      </c>
      <c r="X3860" s="98">
        <v>0</v>
      </c>
      <c r="Y3860" s="98">
        <v>0</v>
      </c>
      <c r="Z3860" s="98">
        <v>0</v>
      </c>
      <c r="AA3860" s="98">
        <v>0</v>
      </c>
      <c r="AB3860" s="98">
        <v>0</v>
      </c>
      <c r="AC3860" s="98">
        <v>0</v>
      </c>
      <c r="AD3860" s="98">
        <v>0</v>
      </c>
      <c r="AE3860" s="98">
        <v>0</v>
      </c>
      <c r="AF3860" s="98">
        <v>0</v>
      </c>
      <c r="AG3860" s="98">
        <v>0</v>
      </c>
      <c r="AH3860" s="98">
        <v>0</v>
      </c>
      <c r="AI3860" s="98">
        <v>0</v>
      </c>
      <c r="AJ3860" s="98">
        <v>0</v>
      </c>
      <c r="AK3860" s="98">
        <v>0</v>
      </c>
      <c r="AL3860" s="98">
        <v>0</v>
      </c>
      <c r="AM3860" s="98">
        <v>0</v>
      </c>
      <c r="AN3860" s="98" t="s">
        <v>400</v>
      </c>
      <c r="AO3860" s="98">
        <v>1</v>
      </c>
      <c r="AP3860" s="98">
        <v>0</v>
      </c>
      <c r="AQ3860" s="98">
        <v>0</v>
      </c>
      <c r="AR3860" s="98">
        <v>0</v>
      </c>
      <c r="AS3860" s="98" t="s">
        <v>400</v>
      </c>
      <c r="AT3860" s="98" t="s">
        <v>400</v>
      </c>
      <c r="AU3860" s="98" t="s">
        <v>400</v>
      </c>
      <c r="AV3860" s="98" t="s">
        <v>400</v>
      </c>
      <c r="AW3860" s="98" t="s">
        <v>400</v>
      </c>
      <c r="AX3860" s="98"/>
      <c r="AY3860" s="98"/>
      <c r="AZ3860" s="98"/>
      <c r="BA3860" s="98"/>
      <c r="BB3860" s="107">
        <v>45884</v>
      </c>
    </row>
    <row r="3861" spans="1:54" s="8" customFormat="1" ht="13.95" customHeight="1" x14ac:dyDescent="0.25">
      <c r="A3861" s="219" t="s">
        <v>8584</v>
      </c>
      <c r="B3861" s="220" t="s">
        <v>6395</v>
      </c>
      <c r="C3861" s="98" t="s">
        <v>8585</v>
      </c>
      <c r="D3861" s="98" t="s">
        <v>21793</v>
      </c>
      <c r="E3861" s="141">
        <v>1974</v>
      </c>
      <c r="F3861" s="141">
        <v>12767</v>
      </c>
      <c r="G3861" s="98" t="s">
        <v>3</v>
      </c>
      <c r="H3861" s="98">
        <v>1</v>
      </c>
      <c r="I3861" s="98">
        <v>0</v>
      </c>
      <c r="J3861" s="98">
        <v>1</v>
      </c>
      <c r="K3861" s="98" t="s">
        <v>400</v>
      </c>
      <c r="L3861" s="98" t="s">
        <v>400</v>
      </c>
      <c r="M3861" s="98" t="s">
        <v>400</v>
      </c>
      <c r="N3861" s="98" t="s">
        <v>400</v>
      </c>
      <c r="O3861" s="98" t="s">
        <v>400</v>
      </c>
      <c r="P3861" s="98" t="s">
        <v>400</v>
      </c>
      <c r="Q3861" s="98" t="s">
        <v>400</v>
      </c>
      <c r="R3861" s="98" t="s">
        <v>400</v>
      </c>
      <c r="S3861" s="98" t="s">
        <v>400</v>
      </c>
      <c r="T3861" s="98" t="s">
        <v>400</v>
      </c>
      <c r="U3861" s="98">
        <v>0</v>
      </c>
      <c r="V3861" s="98">
        <v>0</v>
      </c>
      <c r="W3861" s="98" t="s">
        <v>400</v>
      </c>
      <c r="X3861" s="98" t="s">
        <v>400</v>
      </c>
      <c r="Y3861" s="98">
        <v>0</v>
      </c>
      <c r="Z3861" s="98">
        <v>0</v>
      </c>
      <c r="AA3861" s="98" t="s">
        <v>400</v>
      </c>
      <c r="AB3861" s="98">
        <v>1</v>
      </c>
      <c r="AC3861" s="98">
        <v>0</v>
      </c>
      <c r="AD3861" s="98">
        <v>0</v>
      </c>
      <c r="AE3861" s="98">
        <v>0</v>
      </c>
      <c r="AF3861" s="98">
        <v>0</v>
      </c>
      <c r="AG3861" s="98">
        <v>0</v>
      </c>
      <c r="AH3861" s="98">
        <v>0</v>
      </c>
      <c r="AI3861" s="98">
        <v>0</v>
      </c>
      <c r="AJ3861" s="98">
        <v>0</v>
      </c>
      <c r="AK3861" s="98">
        <v>0</v>
      </c>
      <c r="AL3861" s="98">
        <v>0</v>
      </c>
      <c r="AM3861" s="98">
        <v>0</v>
      </c>
      <c r="AN3861" s="98">
        <v>0</v>
      </c>
      <c r="AO3861" s="98">
        <v>0</v>
      </c>
      <c r="AP3861" s="98">
        <v>0</v>
      </c>
      <c r="AQ3861" s="98">
        <v>0</v>
      </c>
      <c r="AR3861" s="98" t="s">
        <v>400</v>
      </c>
      <c r="AS3861" s="98" t="s">
        <v>400</v>
      </c>
      <c r="AT3861" s="98" t="s">
        <v>400</v>
      </c>
      <c r="AU3861" s="98" t="s">
        <v>400</v>
      </c>
      <c r="AV3861" s="98" t="s">
        <v>400</v>
      </c>
      <c r="AW3861" s="98" t="s">
        <v>400</v>
      </c>
      <c r="AX3861" s="98"/>
      <c r="AY3861" s="98"/>
      <c r="AZ3861" s="98"/>
      <c r="BA3861" s="98"/>
      <c r="BB3861" s="107">
        <v>45884</v>
      </c>
    </row>
    <row r="3862" spans="1:54" s="8" customFormat="1" ht="13.95" customHeight="1" x14ac:dyDescent="0.25">
      <c r="A3862" s="219" t="s">
        <v>8586</v>
      </c>
      <c r="B3862" s="220" t="s">
        <v>6395</v>
      </c>
      <c r="C3862" s="98" t="s">
        <v>8587</v>
      </c>
      <c r="D3862" s="98" t="s">
        <v>21794</v>
      </c>
      <c r="E3862" s="141">
        <v>1974</v>
      </c>
      <c r="F3862" s="141">
        <v>13344</v>
      </c>
      <c r="G3862" s="98" t="s">
        <v>3</v>
      </c>
      <c r="H3862" s="98">
        <v>1</v>
      </c>
      <c r="I3862" s="98">
        <v>0</v>
      </c>
      <c r="J3862" s="98">
        <v>1</v>
      </c>
      <c r="K3862" s="98" t="s">
        <v>400</v>
      </c>
      <c r="L3862" s="98" t="s">
        <v>400</v>
      </c>
      <c r="M3862" s="98" t="s">
        <v>400</v>
      </c>
      <c r="N3862" s="98" t="s">
        <v>400</v>
      </c>
      <c r="O3862" s="98" t="s">
        <v>400</v>
      </c>
      <c r="P3862" s="98" t="s">
        <v>400</v>
      </c>
      <c r="Q3862" s="98" t="s">
        <v>400</v>
      </c>
      <c r="R3862" s="98" t="s">
        <v>400</v>
      </c>
      <c r="S3862" s="98" t="s">
        <v>400</v>
      </c>
      <c r="T3862" s="98" t="s">
        <v>400</v>
      </c>
      <c r="U3862" s="98">
        <v>0</v>
      </c>
      <c r="V3862" s="98">
        <v>0</v>
      </c>
      <c r="W3862" s="98" t="s">
        <v>400</v>
      </c>
      <c r="X3862" s="98" t="s">
        <v>400</v>
      </c>
      <c r="Y3862" s="98">
        <v>0</v>
      </c>
      <c r="Z3862" s="98">
        <v>0</v>
      </c>
      <c r="AA3862" s="98" t="s">
        <v>400</v>
      </c>
      <c r="AB3862" s="98">
        <v>0</v>
      </c>
      <c r="AC3862" s="98">
        <v>0</v>
      </c>
      <c r="AD3862" s="98">
        <v>0</v>
      </c>
      <c r="AE3862" s="98">
        <v>0</v>
      </c>
      <c r="AF3862" s="98">
        <v>0</v>
      </c>
      <c r="AG3862" s="98">
        <v>0</v>
      </c>
      <c r="AH3862" s="98">
        <v>0</v>
      </c>
      <c r="AI3862" s="98">
        <v>0</v>
      </c>
      <c r="AJ3862" s="98">
        <v>0</v>
      </c>
      <c r="AK3862" s="98">
        <v>0</v>
      </c>
      <c r="AL3862" s="98">
        <v>0</v>
      </c>
      <c r="AM3862" s="98">
        <v>0</v>
      </c>
      <c r="AN3862" s="98">
        <v>0</v>
      </c>
      <c r="AO3862" s="98">
        <v>1</v>
      </c>
      <c r="AP3862" s="98">
        <v>0</v>
      </c>
      <c r="AQ3862" s="98">
        <v>0</v>
      </c>
      <c r="AR3862" s="98" t="s">
        <v>400</v>
      </c>
      <c r="AS3862" s="98" t="s">
        <v>400</v>
      </c>
      <c r="AT3862" s="98" t="s">
        <v>400</v>
      </c>
      <c r="AU3862" s="98" t="s">
        <v>400</v>
      </c>
      <c r="AV3862" s="98" t="s">
        <v>400</v>
      </c>
      <c r="AW3862" s="98" t="s">
        <v>400</v>
      </c>
      <c r="AX3862" s="98"/>
      <c r="AY3862" s="98"/>
      <c r="AZ3862" s="98"/>
      <c r="BA3862" s="98"/>
      <c r="BB3862" s="107">
        <v>45884</v>
      </c>
    </row>
    <row r="3863" spans="1:54" s="8" customFormat="1" ht="13.95" customHeight="1" x14ac:dyDescent="0.25">
      <c r="A3863" s="219" t="s">
        <v>8588</v>
      </c>
      <c r="B3863" s="220" t="s">
        <v>6395</v>
      </c>
      <c r="C3863" s="98" t="s">
        <v>8589</v>
      </c>
      <c r="D3863" s="98" t="s">
        <v>21611</v>
      </c>
      <c r="E3863" s="141">
        <v>1988</v>
      </c>
      <c r="F3863" s="141">
        <v>13980</v>
      </c>
      <c r="G3863" s="98" t="s">
        <v>3</v>
      </c>
      <c r="H3863" s="98">
        <v>1</v>
      </c>
      <c r="I3863" s="98">
        <v>0</v>
      </c>
      <c r="J3863" s="98">
        <v>1</v>
      </c>
      <c r="K3863" s="98" t="s">
        <v>400</v>
      </c>
      <c r="L3863" s="98" t="s">
        <v>400</v>
      </c>
      <c r="M3863" s="98" t="s">
        <v>400</v>
      </c>
      <c r="N3863" s="98" t="s">
        <v>400</v>
      </c>
      <c r="O3863" s="98" t="s">
        <v>400</v>
      </c>
      <c r="P3863" s="98" t="s">
        <v>400</v>
      </c>
      <c r="Q3863" s="98" t="s">
        <v>400</v>
      </c>
      <c r="R3863" s="98" t="s">
        <v>400</v>
      </c>
      <c r="S3863" s="98" t="s">
        <v>400</v>
      </c>
      <c r="T3863" s="98" t="s">
        <v>400</v>
      </c>
      <c r="U3863" s="98">
        <v>0</v>
      </c>
      <c r="V3863" s="98">
        <v>0</v>
      </c>
      <c r="W3863" s="98" t="s">
        <v>400</v>
      </c>
      <c r="X3863" s="98" t="s">
        <v>400</v>
      </c>
      <c r="Y3863" s="98">
        <v>0</v>
      </c>
      <c r="Z3863" s="98">
        <v>0</v>
      </c>
      <c r="AA3863" s="98" t="s">
        <v>400</v>
      </c>
      <c r="AB3863" s="98">
        <v>0</v>
      </c>
      <c r="AC3863" s="98">
        <v>0</v>
      </c>
      <c r="AD3863" s="98">
        <v>0</v>
      </c>
      <c r="AE3863" s="98">
        <v>0</v>
      </c>
      <c r="AF3863" s="98">
        <v>0</v>
      </c>
      <c r="AG3863" s="98">
        <v>0</v>
      </c>
      <c r="AH3863" s="98">
        <v>0</v>
      </c>
      <c r="AI3863" s="98">
        <v>0</v>
      </c>
      <c r="AJ3863" s="98">
        <v>0</v>
      </c>
      <c r="AK3863" s="98">
        <v>0</v>
      </c>
      <c r="AL3863" s="98">
        <v>0</v>
      </c>
      <c r="AM3863" s="98">
        <v>0</v>
      </c>
      <c r="AN3863" s="98">
        <v>0</v>
      </c>
      <c r="AO3863" s="98">
        <v>0</v>
      </c>
      <c r="AP3863" s="98">
        <v>0</v>
      </c>
      <c r="AQ3863" s="98">
        <v>0</v>
      </c>
      <c r="AR3863" s="98" t="s">
        <v>400</v>
      </c>
      <c r="AS3863" s="98" t="s">
        <v>400</v>
      </c>
      <c r="AT3863" s="98" t="s">
        <v>400</v>
      </c>
      <c r="AU3863" s="98" t="s">
        <v>400</v>
      </c>
      <c r="AV3863" s="98" t="s">
        <v>400</v>
      </c>
      <c r="AW3863" s="98" t="s">
        <v>400</v>
      </c>
      <c r="AX3863" s="98"/>
      <c r="AY3863" s="98"/>
      <c r="AZ3863" s="98"/>
      <c r="BA3863" s="98"/>
      <c r="BB3863" s="107">
        <v>45884</v>
      </c>
    </row>
    <row r="3864" spans="1:54" s="8" customFormat="1" ht="13.95" customHeight="1" x14ac:dyDescent="0.25">
      <c r="A3864" s="219" t="s">
        <v>8590</v>
      </c>
      <c r="B3864" s="220" t="s">
        <v>6395</v>
      </c>
      <c r="C3864" s="98" t="s">
        <v>8591</v>
      </c>
      <c r="D3864" s="98" t="s">
        <v>21612</v>
      </c>
      <c r="E3864" s="141">
        <v>1963</v>
      </c>
      <c r="F3864" s="141">
        <v>14401</v>
      </c>
      <c r="G3864" s="98" t="s">
        <v>3</v>
      </c>
      <c r="H3864" s="98">
        <v>0</v>
      </c>
      <c r="I3864" s="98">
        <v>0</v>
      </c>
      <c r="J3864" s="98">
        <v>1</v>
      </c>
      <c r="K3864" s="98" t="s">
        <v>400</v>
      </c>
      <c r="L3864" s="98" t="s">
        <v>400</v>
      </c>
      <c r="M3864" s="98" t="s">
        <v>400</v>
      </c>
      <c r="N3864" s="98" t="s">
        <v>400</v>
      </c>
      <c r="O3864" s="98" t="s">
        <v>400</v>
      </c>
      <c r="P3864" s="98" t="s">
        <v>400</v>
      </c>
      <c r="Q3864" s="98" t="s">
        <v>400</v>
      </c>
      <c r="R3864" s="98" t="s">
        <v>400</v>
      </c>
      <c r="S3864" s="98" t="s">
        <v>400</v>
      </c>
      <c r="T3864" s="98" t="s">
        <v>400</v>
      </c>
      <c r="U3864" s="98">
        <v>0</v>
      </c>
      <c r="V3864" s="98">
        <v>0</v>
      </c>
      <c r="W3864" s="98" t="s">
        <v>400</v>
      </c>
      <c r="X3864" s="98" t="s">
        <v>400</v>
      </c>
      <c r="Y3864" s="98">
        <v>0</v>
      </c>
      <c r="Z3864" s="98">
        <v>1</v>
      </c>
      <c r="AA3864" s="98" t="s">
        <v>400</v>
      </c>
      <c r="AB3864" s="98">
        <v>0</v>
      </c>
      <c r="AC3864" s="98">
        <v>0</v>
      </c>
      <c r="AD3864" s="98">
        <v>0</v>
      </c>
      <c r="AE3864" s="98">
        <v>0</v>
      </c>
      <c r="AF3864" s="98">
        <v>0</v>
      </c>
      <c r="AG3864" s="98">
        <v>0</v>
      </c>
      <c r="AH3864" s="98">
        <v>0</v>
      </c>
      <c r="AI3864" s="98">
        <v>0</v>
      </c>
      <c r="AJ3864" s="98">
        <v>0</v>
      </c>
      <c r="AK3864" s="98">
        <v>0</v>
      </c>
      <c r="AL3864" s="98">
        <v>0</v>
      </c>
      <c r="AM3864" s="98">
        <v>0</v>
      </c>
      <c r="AN3864" s="98">
        <v>0</v>
      </c>
      <c r="AO3864" s="98">
        <v>0</v>
      </c>
      <c r="AP3864" s="98">
        <v>0</v>
      </c>
      <c r="AQ3864" s="98">
        <v>0</v>
      </c>
      <c r="AR3864" s="98" t="s">
        <v>400</v>
      </c>
      <c r="AS3864" s="98" t="s">
        <v>400</v>
      </c>
      <c r="AT3864" s="98" t="s">
        <v>400</v>
      </c>
      <c r="AU3864" s="98" t="s">
        <v>400</v>
      </c>
      <c r="AV3864" s="98" t="s">
        <v>400</v>
      </c>
      <c r="AW3864" s="98" t="s">
        <v>400</v>
      </c>
      <c r="AX3864" s="98"/>
      <c r="AY3864" s="98"/>
      <c r="AZ3864" s="98"/>
      <c r="BA3864" s="98"/>
      <c r="BB3864" s="107">
        <v>45884</v>
      </c>
    </row>
    <row r="3865" spans="1:54" s="8" customFormat="1" ht="13.95" customHeight="1" x14ac:dyDescent="0.25">
      <c r="A3865" s="219" t="s">
        <v>8592</v>
      </c>
      <c r="B3865" s="220" t="s">
        <v>6395</v>
      </c>
      <c r="C3865" s="98" t="s">
        <v>8593</v>
      </c>
      <c r="D3865" s="98" t="s">
        <v>21795</v>
      </c>
      <c r="E3865" s="141">
        <v>1984</v>
      </c>
      <c r="F3865" s="141">
        <v>14449</v>
      </c>
      <c r="G3865" s="98" t="s">
        <v>3</v>
      </c>
      <c r="H3865" s="98">
        <v>0</v>
      </c>
      <c r="I3865" s="98">
        <v>0</v>
      </c>
      <c r="J3865" s="98">
        <v>1</v>
      </c>
      <c r="K3865" s="98" t="s">
        <v>400</v>
      </c>
      <c r="L3865" s="98" t="s">
        <v>400</v>
      </c>
      <c r="M3865" s="98" t="s">
        <v>400</v>
      </c>
      <c r="N3865" s="98" t="s">
        <v>400</v>
      </c>
      <c r="O3865" s="98" t="s">
        <v>400</v>
      </c>
      <c r="P3865" s="98" t="s">
        <v>400</v>
      </c>
      <c r="Q3865" s="98" t="s">
        <v>400</v>
      </c>
      <c r="R3865" s="98" t="s">
        <v>400</v>
      </c>
      <c r="S3865" s="98" t="s">
        <v>400</v>
      </c>
      <c r="T3865" s="98" t="s">
        <v>400</v>
      </c>
      <c r="U3865" s="98">
        <v>0</v>
      </c>
      <c r="V3865" s="98">
        <v>0</v>
      </c>
      <c r="W3865" s="98" t="s">
        <v>400</v>
      </c>
      <c r="X3865" s="98" t="s">
        <v>400</v>
      </c>
      <c r="Y3865" s="98">
        <v>0</v>
      </c>
      <c r="Z3865" s="98">
        <v>0</v>
      </c>
      <c r="AA3865" s="98" t="s">
        <v>400</v>
      </c>
      <c r="AB3865" s="98">
        <v>0</v>
      </c>
      <c r="AC3865" s="98">
        <v>0</v>
      </c>
      <c r="AD3865" s="98">
        <v>0</v>
      </c>
      <c r="AE3865" s="98">
        <v>0</v>
      </c>
      <c r="AF3865" s="98">
        <v>0</v>
      </c>
      <c r="AG3865" s="98">
        <v>0</v>
      </c>
      <c r="AH3865" s="98">
        <v>0</v>
      </c>
      <c r="AI3865" s="98">
        <v>0</v>
      </c>
      <c r="AJ3865" s="98">
        <v>0</v>
      </c>
      <c r="AK3865" s="98">
        <v>0</v>
      </c>
      <c r="AL3865" s="98">
        <v>0</v>
      </c>
      <c r="AM3865" s="98">
        <v>0</v>
      </c>
      <c r="AN3865" s="98">
        <v>0</v>
      </c>
      <c r="AO3865" s="98">
        <v>0</v>
      </c>
      <c r="AP3865" s="98">
        <v>0</v>
      </c>
      <c r="AQ3865" s="98">
        <v>0</v>
      </c>
      <c r="AR3865" s="98" t="s">
        <v>400</v>
      </c>
      <c r="AS3865" s="98" t="s">
        <v>400</v>
      </c>
      <c r="AT3865" s="98" t="s">
        <v>400</v>
      </c>
      <c r="AU3865" s="98" t="s">
        <v>400</v>
      </c>
      <c r="AV3865" s="98" t="s">
        <v>400</v>
      </c>
      <c r="AW3865" s="98" t="s">
        <v>400</v>
      </c>
      <c r="AX3865" s="98"/>
      <c r="AY3865" s="98"/>
      <c r="AZ3865" s="98"/>
      <c r="BA3865" s="98"/>
      <c r="BB3865" s="107">
        <v>45884</v>
      </c>
    </row>
    <row r="3866" spans="1:54" s="8" customFormat="1" ht="13.95" customHeight="1" x14ac:dyDescent="0.25">
      <c r="A3866" s="219" t="s">
        <v>8594</v>
      </c>
      <c r="B3866" s="220" t="s">
        <v>6395</v>
      </c>
      <c r="C3866" s="98" t="s">
        <v>22203</v>
      </c>
      <c r="D3866" s="98" t="s">
        <v>21796</v>
      </c>
      <c r="E3866" s="141">
        <v>1976</v>
      </c>
      <c r="F3866" s="141">
        <v>14739</v>
      </c>
      <c r="G3866" s="98" t="s">
        <v>3</v>
      </c>
      <c r="H3866" s="98">
        <v>0</v>
      </c>
      <c r="I3866" s="98">
        <v>0</v>
      </c>
      <c r="J3866" s="98">
        <v>1</v>
      </c>
      <c r="K3866" s="98" t="s">
        <v>400</v>
      </c>
      <c r="L3866" s="98" t="s">
        <v>400</v>
      </c>
      <c r="M3866" s="98" t="s">
        <v>400</v>
      </c>
      <c r="N3866" s="98" t="s">
        <v>400</v>
      </c>
      <c r="O3866" s="98" t="s">
        <v>400</v>
      </c>
      <c r="P3866" s="98" t="s">
        <v>400</v>
      </c>
      <c r="Q3866" s="98" t="s">
        <v>400</v>
      </c>
      <c r="R3866" s="98" t="s">
        <v>400</v>
      </c>
      <c r="S3866" s="98" t="s">
        <v>400</v>
      </c>
      <c r="T3866" s="98" t="s">
        <v>400</v>
      </c>
      <c r="U3866" s="98">
        <v>0</v>
      </c>
      <c r="V3866" s="98">
        <v>0</v>
      </c>
      <c r="W3866" s="98" t="s">
        <v>400</v>
      </c>
      <c r="X3866" s="98" t="s">
        <v>400</v>
      </c>
      <c r="Y3866" s="98">
        <v>0</v>
      </c>
      <c r="Z3866" s="98">
        <v>0</v>
      </c>
      <c r="AA3866" s="98" t="s">
        <v>400</v>
      </c>
      <c r="AB3866" s="98">
        <v>1</v>
      </c>
      <c r="AC3866" s="98">
        <v>0</v>
      </c>
      <c r="AD3866" s="98">
        <v>0</v>
      </c>
      <c r="AE3866" s="98">
        <v>0</v>
      </c>
      <c r="AF3866" s="98">
        <v>0</v>
      </c>
      <c r="AG3866" s="98">
        <v>0</v>
      </c>
      <c r="AH3866" s="98">
        <v>0</v>
      </c>
      <c r="AI3866" s="98">
        <v>0</v>
      </c>
      <c r="AJ3866" s="98">
        <v>0</v>
      </c>
      <c r="AK3866" s="98">
        <v>0</v>
      </c>
      <c r="AL3866" s="98">
        <v>0</v>
      </c>
      <c r="AM3866" s="98">
        <v>0</v>
      </c>
      <c r="AN3866" s="98">
        <v>0</v>
      </c>
      <c r="AO3866" s="98">
        <v>0</v>
      </c>
      <c r="AP3866" s="98">
        <v>0</v>
      </c>
      <c r="AQ3866" s="98">
        <v>0</v>
      </c>
      <c r="AR3866" s="98" t="s">
        <v>400</v>
      </c>
      <c r="AS3866" s="98" t="s">
        <v>400</v>
      </c>
      <c r="AT3866" s="98" t="s">
        <v>400</v>
      </c>
      <c r="AU3866" s="98" t="s">
        <v>400</v>
      </c>
      <c r="AV3866" s="98" t="s">
        <v>400</v>
      </c>
      <c r="AW3866" s="98" t="s">
        <v>400</v>
      </c>
      <c r="AX3866" s="98"/>
      <c r="AY3866" s="98"/>
      <c r="AZ3866" s="98"/>
      <c r="BA3866" s="98"/>
      <c r="BB3866" s="107">
        <v>45884</v>
      </c>
    </row>
    <row r="3867" spans="1:54" s="8" customFormat="1" ht="13.95" customHeight="1" x14ac:dyDescent="0.25">
      <c r="A3867" s="219" t="s">
        <v>8595</v>
      </c>
      <c r="B3867" s="220" t="s">
        <v>6395</v>
      </c>
      <c r="C3867" s="98" t="s">
        <v>8596</v>
      </c>
      <c r="D3867" s="98" t="s">
        <v>21613</v>
      </c>
      <c r="E3867" s="141">
        <v>1977</v>
      </c>
      <c r="F3867" s="141">
        <v>15337</v>
      </c>
      <c r="G3867" s="98" t="s">
        <v>3</v>
      </c>
      <c r="H3867" s="98">
        <v>1</v>
      </c>
      <c r="I3867" s="98">
        <v>1</v>
      </c>
      <c r="J3867" s="98">
        <v>1</v>
      </c>
      <c r="K3867" s="98" t="s">
        <v>400</v>
      </c>
      <c r="L3867" s="98" t="s">
        <v>400</v>
      </c>
      <c r="M3867" s="98" t="s">
        <v>400</v>
      </c>
      <c r="N3867" s="98" t="s">
        <v>400</v>
      </c>
      <c r="O3867" s="98" t="s">
        <v>400</v>
      </c>
      <c r="P3867" s="98" t="s">
        <v>400</v>
      </c>
      <c r="Q3867" s="98" t="s">
        <v>400</v>
      </c>
      <c r="R3867" s="98" t="s">
        <v>400</v>
      </c>
      <c r="S3867" s="98" t="s">
        <v>400</v>
      </c>
      <c r="T3867" s="98" t="s">
        <v>400</v>
      </c>
      <c r="U3867" s="98">
        <v>0</v>
      </c>
      <c r="V3867" s="98">
        <v>0</v>
      </c>
      <c r="W3867" s="98" t="s">
        <v>400</v>
      </c>
      <c r="X3867" s="98" t="s">
        <v>400</v>
      </c>
      <c r="Y3867" s="98">
        <v>0</v>
      </c>
      <c r="Z3867" s="98">
        <v>0</v>
      </c>
      <c r="AA3867" s="98" t="s">
        <v>400</v>
      </c>
      <c r="AB3867" s="98">
        <v>0</v>
      </c>
      <c r="AC3867" s="98">
        <v>0</v>
      </c>
      <c r="AD3867" s="98">
        <v>0</v>
      </c>
      <c r="AE3867" s="98">
        <v>0</v>
      </c>
      <c r="AF3867" s="98">
        <v>0</v>
      </c>
      <c r="AG3867" s="98">
        <v>0</v>
      </c>
      <c r="AH3867" s="98">
        <v>0</v>
      </c>
      <c r="AI3867" s="98">
        <v>0</v>
      </c>
      <c r="AJ3867" s="98">
        <v>0</v>
      </c>
      <c r="AK3867" s="98">
        <v>0</v>
      </c>
      <c r="AL3867" s="98">
        <v>0</v>
      </c>
      <c r="AM3867" s="98">
        <v>0</v>
      </c>
      <c r="AN3867" s="98">
        <v>0</v>
      </c>
      <c r="AO3867" s="98">
        <v>0</v>
      </c>
      <c r="AP3867" s="98">
        <v>0</v>
      </c>
      <c r="AQ3867" s="98">
        <v>0</v>
      </c>
      <c r="AR3867" s="98" t="s">
        <v>400</v>
      </c>
      <c r="AS3867" s="98" t="s">
        <v>400</v>
      </c>
      <c r="AT3867" s="98" t="s">
        <v>400</v>
      </c>
      <c r="AU3867" s="98" t="s">
        <v>400</v>
      </c>
      <c r="AV3867" s="98" t="s">
        <v>400</v>
      </c>
      <c r="AW3867" s="98" t="s">
        <v>400</v>
      </c>
      <c r="AX3867" s="98"/>
      <c r="AY3867" s="98"/>
      <c r="AZ3867" s="98"/>
      <c r="BA3867" s="98"/>
      <c r="BB3867" s="107">
        <v>45884</v>
      </c>
    </row>
    <row r="3868" spans="1:54" s="8" customFormat="1" ht="13.95" customHeight="1" x14ac:dyDescent="0.25">
      <c r="A3868" s="219" t="s">
        <v>8597</v>
      </c>
      <c r="B3868" s="220" t="s">
        <v>6395</v>
      </c>
      <c r="C3868" s="98" t="s">
        <v>8598</v>
      </c>
      <c r="D3868" s="98" t="s">
        <v>8599</v>
      </c>
      <c r="E3868" s="141">
        <v>1957</v>
      </c>
      <c r="F3868" s="141">
        <v>15690</v>
      </c>
      <c r="G3868" s="98" t="s">
        <v>3</v>
      </c>
      <c r="H3868" s="98">
        <v>1</v>
      </c>
      <c r="I3868" s="98">
        <v>1</v>
      </c>
      <c r="J3868" s="98">
        <v>1</v>
      </c>
      <c r="K3868" s="98" t="s">
        <v>400</v>
      </c>
      <c r="L3868" s="98" t="s">
        <v>400</v>
      </c>
      <c r="M3868" s="98" t="s">
        <v>400</v>
      </c>
      <c r="N3868" s="98" t="s">
        <v>400</v>
      </c>
      <c r="O3868" s="98" t="s">
        <v>400</v>
      </c>
      <c r="P3868" s="98" t="s">
        <v>400</v>
      </c>
      <c r="Q3868" s="98" t="s">
        <v>400</v>
      </c>
      <c r="R3868" s="98" t="s">
        <v>400</v>
      </c>
      <c r="S3868" s="98" t="s">
        <v>400</v>
      </c>
      <c r="T3868" s="98" t="s">
        <v>400</v>
      </c>
      <c r="U3868" s="98">
        <v>0</v>
      </c>
      <c r="V3868" s="98">
        <v>0</v>
      </c>
      <c r="W3868" s="98" t="s">
        <v>400</v>
      </c>
      <c r="X3868" s="98" t="s">
        <v>400</v>
      </c>
      <c r="Y3868" s="98">
        <v>0</v>
      </c>
      <c r="Z3868" s="98">
        <v>0</v>
      </c>
      <c r="AA3868" s="98" t="s">
        <v>400</v>
      </c>
      <c r="AB3868" s="98">
        <v>0</v>
      </c>
      <c r="AC3868" s="98">
        <v>0</v>
      </c>
      <c r="AD3868" s="98">
        <v>0</v>
      </c>
      <c r="AE3868" s="98">
        <v>0</v>
      </c>
      <c r="AF3868" s="98">
        <v>1</v>
      </c>
      <c r="AG3868" s="98">
        <v>0</v>
      </c>
      <c r="AH3868" s="98">
        <v>0</v>
      </c>
      <c r="AI3868" s="98">
        <v>0</v>
      </c>
      <c r="AJ3868" s="98">
        <v>0</v>
      </c>
      <c r="AK3868" s="98">
        <v>0</v>
      </c>
      <c r="AL3868" s="98">
        <v>0</v>
      </c>
      <c r="AM3868" s="98">
        <v>0</v>
      </c>
      <c r="AN3868" s="98">
        <v>0</v>
      </c>
      <c r="AO3868" s="98">
        <v>0</v>
      </c>
      <c r="AP3868" s="98">
        <v>0</v>
      </c>
      <c r="AQ3868" s="98">
        <v>0</v>
      </c>
      <c r="AR3868" s="98" t="s">
        <v>400</v>
      </c>
      <c r="AS3868" s="98" t="s">
        <v>400</v>
      </c>
      <c r="AT3868" s="98" t="s">
        <v>400</v>
      </c>
      <c r="AU3868" s="98" t="s">
        <v>400</v>
      </c>
      <c r="AV3868" s="98" t="s">
        <v>400</v>
      </c>
      <c r="AW3868" s="98" t="s">
        <v>400</v>
      </c>
      <c r="AX3868" s="98"/>
      <c r="AY3868" s="98"/>
      <c r="AZ3868" s="98"/>
      <c r="BA3868" s="98"/>
      <c r="BB3868" s="107">
        <v>45884</v>
      </c>
    </row>
    <row r="3869" spans="1:54" s="8" customFormat="1" ht="13.95" customHeight="1" x14ac:dyDescent="0.25">
      <c r="A3869" s="219" t="s">
        <v>8600</v>
      </c>
      <c r="B3869" s="220" t="s">
        <v>6395</v>
      </c>
      <c r="C3869" s="98" t="s">
        <v>8601</v>
      </c>
      <c r="D3869" s="98" t="s">
        <v>21614</v>
      </c>
      <c r="E3869" s="141">
        <v>1984</v>
      </c>
      <c r="F3869" s="141">
        <v>16021</v>
      </c>
      <c r="G3869" s="98" t="s">
        <v>3</v>
      </c>
      <c r="H3869" s="98">
        <v>1</v>
      </c>
      <c r="I3869" s="98">
        <v>0</v>
      </c>
      <c r="J3869" s="98">
        <v>1</v>
      </c>
      <c r="K3869" s="98" t="s">
        <v>400</v>
      </c>
      <c r="L3869" s="98" t="s">
        <v>400</v>
      </c>
      <c r="M3869" s="98" t="s">
        <v>400</v>
      </c>
      <c r="N3869" s="98" t="s">
        <v>400</v>
      </c>
      <c r="O3869" s="98" t="s">
        <v>400</v>
      </c>
      <c r="P3869" s="98" t="s">
        <v>400</v>
      </c>
      <c r="Q3869" s="98" t="s">
        <v>400</v>
      </c>
      <c r="R3869" s="98" t="s">
        <v>400</v>
      </c>
      <c r="S3869" s="98" t="s">
        <v>400</v>
      </c>
      <c r="T3869" s="98" t="s">
        <v>400</v>
      </c>
      <c r="U3869" s="98">
        <v>0</v>
      </c>
      <c r="V3869" s="98">
        <v>0</v>
      </c>
      <c r="W3869" s="98" t="s">
        <v>400</v>
      </c>
      <c r="X3869" s="98" t="s">
        <v>400</v>
      </c>
      <c r="Y3869" s="98">
        <v>0</v>
      </c>
      <c r="Z3869" s="98">
        <v>0</v>
      </c>
      <c r="AA3869" s="98" t="s">
        <v>400</v>
      </c>
      <c r="AB3869" s="98">
        <v>0</v>
      </c>
      <c r="AC3869" s="98">
        <v>0</v>
      </c>
      <c r="AD3869" s="98">
        <v>0</v>
      </c>
      <c r="AE3869" s="98">
        <v>0</v>
      </c>
      <c r="AF3869" s="98">
        <v>0</v>
      </c>
      <c r="AG3869" s="98">
        <v>0</v>
      </c>
      <c r="AH3869" s="98">
        <v>0</v>
      </c>
      <c r="AI3869" s="98">
        <v>0</v>
      </c>
      <c r="AJ3869" s="98">
        <v>0</v>
      </c>
      <c r="AK3869" s="98">
        <v>0</v>
      </c>
      <c r="AL3869" s="98">
        <v>0</v>
      </c>
      <c r="AM3869" s="98">
        <v>0</v>
      </c>
      <c r="AN3869" s="98">
        <v>0</v>
      </c>
      <c r="AO3869" s="98">
        <v>0</v>
      </c>
      <c r="AP3869" s="98">
        <v>0</v>
      </c>
      <c r="AQ3869" s="98">
        <v>0</v>
      </c>
      <c r="AR3869" s="98" t="s">
        <v>400</v>
      </c>
      <c r="AS3869" s="98" t="s">
        <v>400</v>
      </c>
      <c r="AT3869" s="98" t="s">
        <v>400</v>
      </c>
      <c r="AU3869" s="98" t="s">
        <v>400</v>
      </c>
      <c r="AV3869" s="98" t="s">
        <v>400</v>
      </c>
      <c r="AW3869" s="98" t="s">
        <v>400</v>
      </c>
      <c r="AX3869" s="98"/>
      <c r="AY3869" s="98"/>
      <c r="AZ3869" s="98"/>
      <c r="BA3869" s="98"/>
      <c r="BB3869" s="107">
        <v>45884</v>
      </c>
    </row>
    <row r="3870" spans="1:54" s="8" customFormat="1" ht="13.95" customHeight="1" x14ac:dyDescent="0.25">
      <c r="A3870" s="219" t="s">
        <v>8602</v>
      </c>
      <c r="B3870" s="220" t="s">
        <v>6395</v>
      </c>
      <c r="C3870" s="98" t="s">
        <v>8603</v>
      </c>
      <c r="D3870" s="98" t="s">
        <v>21797</v>
      </c>
      <c r="E3870" s="141">
        <v>1987</v>
      </c>
      <c r="F3870" s="141">
        <v>16028</v>
      </c>
      <c r="G3870" s="98" t="s">
        <v>3</v>
      </c>
      <c r="H3870" s="98">
        <v>0</v>
      </c>
      <c r="I3870" s="98">
        <v>0</v>
      </c>
      <c r="J3870" s="98">
        <v>1</v>
      </c>
      <c r="K3870" s="98" t="s">
        <v>400</v>
      </c>
      <c r="L3870" s="98" t="s">
        <v>400</v>
      </c>
      <c r="M3870" s="98" t="s">
        <v>400</v>
      </c>
      <c r="N3870" s="98" t="s">
        <v>400</v>
      </c>
      <c r="O3870" s="98" t="s">
        <v>400</v>
      </c>
      <c r="P3870" s="98" t="s">
        <v>400</v>
      </c>
      <c r="Q3870" s="98" t="s">
        <v>400</v>
      </c>
      <c r="R3870" s="98" t="s">
        <v>400</v>
      </c>
      <c r="S3870" s="98" t="s">
        <v>400</v>
      </c>
      <c r="T3870" s="98" t="s">
        <v>400</v>
      </c>
      <c r="U3870" s="98">
        <v>0</v>
      </c>
      <c r="V3870" s="98">
        <v>0</v>
      </c>
      <c r="W3870" s="98" t="s">
        <v>400</v>
      </c>
      <c r="X3870" s="98" t="s">
        <v>400</v>
      </c>
      <c r="Y3870" s="98">
        <v>0</v>
      </c>
      <c r="Z3870" s="98">
        <v>0</v>
      </c>
      <c r="AA3870" s="98" t="s">
        <v>400</v>
      </c>
      <c r="AB3870" s="98">
        <v>0</v>
      </c>
      <c r="AC3870" s="98">
        <v>0</v>
      </c>
      <c r="AD3870" s="98">
        <v>0</v>
      </c>
      <c r="AE3870" s="98">
        <v>0</v>
      </c>
      <c r="AF3870" s="98">
        <v>0</v>
      </c>
      <c r="AG3870" s="98">
        <v>0</v>
      </c>
      <c r="AH3870" s="98">
        <v>0</v>
      </c>
      <c r="AI3870" s="98">
        <v>0</v>
      </c>
      <c r="AJ3870" s="98">
        <v>0</v>
      </c>
      <c r="AK3870" s="98">
        <v>0</v>
      </c>
      <c r="AL3870" s="98">
        <v>0</v>
      </c>
      <c r="AM3870" s="98">
        <v>0</v>
      </c>
      <c r="AN3870" s="98">
        <v>0</v>
      </c>
      <c r="AO3870" s="98">
        <v>0</v>
      </c>
      <c r="AP3870" s="98">
        <v>0</v>
      </c>
      <c r="AQ3870" s="98">
        <v>0</v>
      </c>
      <c r="AR3870" s="98" t="s">
        <v>400</v>
      </c>
      <c r="AS3870" s="98" t="s">
        <v>400</v>
      </c>
      <c r="AT3870" s="98" t="s">
        <v>400</v>
      </c>
      <c r="AU3870" s="98" t="s">
        <v>400</v>
      </c>
      <c r="AV3870" s="98" t="s">
        <v>400</v>
      </c>
      <c r="AW3870" s="98" t="s">
        <v>400</v>
      </c>
      <c r="AX3870" s="98"/>
      <c r="AY3870" s="98"/>
      <c r="AZ3870" s="98"/>
      <c r="BA3870" s="98"/>
      <c r="BB3870" s="107">
        <v>45884</v>
      </c>
    </row>
    <row r="3871" spans="1:54" s="8" customFormat="1" ht="13.95" customHeight="1" x14ac:dyDescent="0.25">
      <c r="A3871" s="219" t="s">
        <v>8604</v>
      </c>
      <c r="B3871" s="220" t="s">
        <v>6395</v>
      </c>
      <c r="C3871" s="98" t="s">
        <v>22204</v>
      </c>
      <c r="D3871" s="98" t="s">
        <v>8605</v>
      </c>
      <c r="E3871" s="141">
        <v>1976</v>
      </c>
      <c r="F3871" s="141">
        <v>17877</v>
      </c>
      <c r="G3871" s="98" t="s">
        <v>3</v>
      </c>
      <c r="H3871" s="98">
        <v>1</v>
      </c>
      <c r="I3871" s="98">
        <v>1</v>
      </c>
      <c r="J3871" s="98">
        <v>1</v>
      </c>
      <c r="K3871" s="98" t="s">
        <v>400</v>
      </c>
      <c r="L3871" s="98" t="s">
        <v>400</v>
      </c>
      <c r="M3871" s="98" t="s">
        <v>400</v>
      </c>
      <c r="N3871" s="98" t="s">
        <v>400</v>
      </c>
      <c r="O3871" s="98" t="s">
        <v>400</v>
      </c>
      <c r="P3871" s="98" t="s">
        <v>400</v>
      </c>
      <c r="Q3871" s="98" t="s">
        <v>400</v>
      </c>
      <c r="R3871" s="98" t="s">
        <v>400</v>
      </c>
      <c r="S3871" s="98" t="s">
        <v>400</v>
      </c>
      <c r="T3871" s="98" t="s">
        <v>400</v>
      </c>
      <c r="U3871" s="98">
        <v>0</v>
      </c>
      <c r="V3871" s="98">
        <v>0</v>
      </c>
      <c r="W3871" s="98" t="s">
        <v>400</v>
      </c>
      <c r="X3871" s="98" t="s">
        <v>400</v>
      </c>
      <c r="Y3871" s="98">
        <v>0</v>
      </c>
      <c r="Z3871" s="98">
        <v>0</v>
      </c>
      <c r="AA3871" s="98" t="s">
        <v>400</v>
      </c>
      <c r="AB3871" s="98">
        <v>0</v>
      </c>
      <c r="AC3871" s="98">
        <v>0</v>
      </c>
      <c r="AD3871" s="98">
        <v>0</v>
      </c>
      <c r="AE3871" s="98">
        <v>0</v>
      </c>
      <c r="AF3871" s="98">
        <v>0</v>
      </c>
      <c r="AG3871" s="98">
        <v>0</v>
      </c>
      <c r="AH3871" s="98">
        <v>0</v>
      </c>
      <c r="AI3871" s="98">
        <v>0</v>
      </c>
      <c r="AJ3871" s="98">
        <v>0</v>
      </c>
      <c r="AK3871" s="98">
        <v>0</v>
      </c>
      <c r="AL3871" s="98">
        <v>0</v>
      </c>
      <c r="AM3871" s="98">
        <v>0</v>
      </c>
      <c r="AN3871" s="98">
        <v>0</v>
      </c>
      <c r="AO3871" s="98">
        <v>1</v>
      </c>
      <c r="AP3871" s="98">
        <v>0</v>
      </c>
      <c r="AQ3871" s="98">
        <v>0</v>
      </c>
      <c r="AR3871" s="98" t="s">
        <v>400</v>
      </c>
      <c r="AS3871" s="98" t="s">
        <v>400</v>
      </c>
      <c r="AT3871" s="98" t="s">
        <v>400</v>
      </c>
      <c r="AU3871" s="98" t="s">
        <v>400</v>
      </c>
      <c r="AV3871" s="98" t="s">
        <v>400</v>
      </c>
      <c r="AW3871" s="98" t="s">
        <v>400</v>
      </c>
      <c r="AX3871" s="98"/>
      <c r="AY3871" s="98"/>
      <c r="AZ3871" s="98"/>
      <c r="BA3871" s="98"/>
      <c r="BB3871" s="107">
        <v>45884</v>
      </c>
    </row>
    <row r="3872" spans="1:54" s="8" customFormat="1" ht="13.95" customHeight="1" x14ac:dyDescent="0.25">
      <c r="A3872" s="219" t="s">
        <v>8606</v>
      </c>
      <c r="B3872" s="220" t="s">
        <v>6395</v>
      </c>
      <c r="C3872" s="98" t="s">
        <v>8607</v>
      </c>
      <c r="D3872" s="98" t="s">
        <v>21615</v>
      </c>
      <c r="E3872" s="141">
        <v>1981</v>
      </c>
      <c r="F3872" s="141">
        <v>17210</v>
      </c>
      <c r="G3872" s="98" t="s">
        <v>21798</v>
      </c>
      <c r="H3872" s="98">
        <v>0</v>
      </c>
      <c r="I3872" s="98">
        <v>0</v>
      </c>
      <c r="J3872" s="98" t="s">
        <v>400</v>
      </c>
      <c r="K3872" s="98" t="s">
        <v>400</v>
      </c>
      <c r="L3872" s="98" t="s">
        <v>400</v>
      </c>
      <c r="M3872" s="98" t="s">
        <v>400</v>
      </c>
      <c r="N3872" s="98" t="s">
        <v>400</v>
      </c>
      <c r="O3872" s="98" t="s">
        <v>400</v>
      </c>
      <c r="P3872" s="98" t="s">
        <v>400</v>
      </c>
      <c r="Q3872" s="98" t="s">
        <v>400</v>
      </c>
      <c r="R3872" s="98" t="s">
        <v>400</v>
      </c>
      <c r="S3872" s="98" t="s">
        <v>400</v>
      </c>
      <c r="T3872" s="98" t="s">
        <v>400</v>
      </c>
      <c r="U3872" s="98">
        <v>0</v>
      </c>
      <c r="V3872" s="98">
        <v>0</v>
      </c>
      <c r="W3872" s="98" t="s">
        <v>400</v>
      </c>
      <c r="X3872" s="98" t="s">
        <v>400</v>
      </c>
      <c r="Y3872" s="98">
        <v>0</v>
      </c>
      <c r="Z3872" s="98" t="s">
        <v>400</v>
      </c>
      <c r="AA3872" s="98" t="s">
        <v>400</v>
      </c>
      <c r="AB3872" s="98">
        <v>0</v>
      </c>
      <c r="AC3872" s="98">
        <v>0</v>
      </c>
      <c r="AD3872" s="98" t="s">
        <v>400</v>
      </c>
      <c r="AE3872" s="98">
        <v>0</v>
      </c>
      <c r="AF3872" s="98">
        <v>0</v>
      </c>
      <c r="AG3872" s="98">
        <v>0</v>
      </c>
      <c r="AH3872" s="98">
        <v>0</v>
      </c>
      <c r="AI3872" s="98">
        <v>0</v>
      </c>
      <c r="AJ3872" s="98">
        <v>0</v>
      </c>
      <c r="AK3872" s="98">
        <v>0</v>
      </c>
      <c r="AL3872" s="98">
        <v>0</v>
      </c>
      <c r="AM3872" s="98" t="s">
        <v>400</v>
      </c>
      <c r="AN3872" s="98" t="s">
        <v>400</v>
      </c>
      <c r="AO3872" s="98" t="s">
        <v>400</v>
      </c>
      <c r="AP3872" s="98">
        <v>0</v>
      </c>
      <c r="AQ3872" s="98">
        <v>0</v>
      </c>
      <c r="AR3872" s="98" t="s">
        <v>400</v>
      </c>
      <c r="AS3872" s="98" t="s">
        <v>400</v>
      </c>
      <c r="AT3872" s="98" t="s">
        <v>400</v>
      </c>
      <c r="AU3872" s="98" t="s">
        <v>400</v>
      </c>
      <c r="AV3872" s="98" t="s">
        <v>400</v>
      </c>
      <c r="AW3872" s="98" t="s">
        <v>400</v>
      </c>
      <c r="AX3872" s="98"/>
      <c r="AY3872" s="98"/>
      <c r="AZ3872" s="98"/>
      <c r="BA3872" s="98"/>
      <c r="BB3872" s="107">
        <v>45884</v>
      </c>
    </row>
    <row r="3873" spans="1:54" s="8" customFormat="1" ht="13.95" customHeight="1" x14ac:dyDescent="0.25">
      <c r="A3873" s="219" t="s">
        <v>8608</v>
      </c>
      <c r="B3873" s="220" t="s">
        <v>6395</v>
      </c>
      <c r="C3873" s="98" t="s">
        <v>8609</v>
      </c>
      <c r="D3873" s="98" t="s">
        <v>21799</v>
      </c>
      <c r="E3873" s="141">
        <v>1974</v>
      </c>
      <c r="F3873" s="141">
        <v>17994</v>
      </c>
      <c r="G3873" s="98" t="s">
        <v>3</v>
      </c>
      <c r="H3873" s="98">
        <v>1</v>
      </c>
      <c r="I3873" s="98">
        <v>0</v>
      </c>
      <c r="J3873" s="98">
        <v>1</v>
      </c>
      <c r="K3873" s="98" t="s">
        <v>400</v>
      </c>
      <c r="L3873" s="98" t="s">
        <v>400</v>
      </c>
      <c r="M3873" s="98" t="s">
        <v>400</v>
      </c>
      <c r="N3873" s="98" t="s">
        <v>400</v>
      </c>
      <c r="O3873" s="98" t="s">
        <v>400</v>
      </c>
      <c r="P3873" s="98" t="s">
        <v>400</v>
      </c>
      <c r="Q3873" s="98" t="s">
        <v>400</v>
      </c>
      <c r="R3873" s="98" t="s">
        <v>400</v>
      </c>
      <c r="S3873" s="98" t="s">
        <v>400</v>
      </c>
      <c r="T3873" s="98" t="s">
        <v>400</v>
      </c>
      <c r="U3873" s="98">
        <v>0</v>
      </c>
      <c r="V3873" s="98">
        <v>0</v>
      </c>
      <c r="W3873" s="98" t="s">
        <v>400</v>
      </c>
      <c r="X3873" s="98" t="s">
        <v>400</v>
      </c>
      <c r="Y3873" s="98">
        <v>0</v>
      </c>
      <c r="Z3873" s="98">
        <v>0</v>
      </c>
      <c r="AA3873" s="98" t="s">
        <v>400</v>
      </c>
      <c r="AB3873" s="98">
        <v>0</v>
      </c>
      <c r="AC3873" s="98">
        <v>0</v>
      </c>
      <c r="AD3873" s="98">
        <v>0</v>
      </c>
      <c r="AE3873" s="98">
        <v>0</v>
      </c>
      <c r="AF3873" s="98">
        <v>0</v>
      </c>
      <c r="AG3873" s="98">
        <v>0</v>
      </c>
      <c r="AH3873" s="98">
        <v>0</v>
      </c>
      <c r="AI3873" s="98">
        <v>0</v>
      </c>
      <c r="AJ3873" s="98">
        <v>0</v>
      </c>
      <c r="AK3873" s="98">
        <v>0</v>
      </c>
      <c r="AL3873" s="98">
        <v>0</v>
      </c>
      <c r="AM3873" s="98">
        <v>0</v>
      </c>
      <c r="AN3873" s="98">
        <v>0</v>
      </c>
      <c r="AO3873" s="98">
        <v>0</v>
      </c>
      <c r="AP3873" s="98">
        <v>0</v>
      </c>
      <c r="AQ3873" s="98">
        <v>0</v>
      </c>
      <c r="AR3873" s="98" t="s">
        <v>400</v>
      </c>
      <c r="AS3873" s="98" t="s">
        <v>400</v>
      </c>
      <c r="AT3873" s="98" t="s">
        <v>400</v>
      </c>
      <c r="AU3873" s="98" t="s">
        <v>400</v>
      </c>
      <c r="AV3873" s="98" t="s">
        <v>400</v>
      </c>
      <c r="AW3873" s="98" t="s">
        <v>400</v>
      </c>
      <c r="AX3873" s="98"/>
      <c r="AY3873" s="98"/>
      <c r="AZ3873" s="98"/>
      <c r="BA3873" s="98"/>
      <c r="BB3873" s="107">
        <v>45884</v>
      </c>
    </row>
    <row r="3874" spans="1:54" s="8" customFormat="1" ht="13.95" customHeight="1" x14ac:dyDescent="0.25">
      <c r="A3874" s="219" t="s">
        <v>8610</v>
      </c>
      <c r="B3874" s="220" t="s">
        <v>6395</v>
      </c>
      <c r="C3874" s="98" t="s">
        <v>8611</v>
      </c>
      <c r="D3874" s="98" t="s">
        <v>21800</v>
      </c>
      <c r="E3874" s="141">
        <v>1982</v>
      </c>
      <c r="F3874" s="141">
        <v>19242</v>
      </c>
      <c r="G3874" s="98" t="s">
        <v>20550</v>
      </c>
      <c r="H3874" s="98">
        <v>1</v>
      </c>
      <c r="I3874" s="98">
        <v>0</v>
      </c>
      <c r="J3874" s="98">
        <v>1</v>
      </c>
      <c r="K3874" s="98" t="s">
        <v>400</v>
      </c>
      <c r="L3874" s="98" t="s">
        <v>400</v>
      </c>
      <c r="M3874" s="98" t="s">
        <v>400</v>
      </c>
      <c r="N3874" s="98" t="s">
        <v>400</v>
      </c>
      <c r="O3874" s="98" t="s">
        <v>400</v>
      </c>
      <c r="P3874" s="98" t="s">
        <v>400</v>
      </c>
      <c r="Q3874" s="98" t="s">
        <v>400</v>
      </c>
      <c r="R3874" s="98" t="s">
        <v>400</v>
      </c>
      <c r="S3874" s="98" t="s">
        <v>400</v>
      </c>
      <c r="T3874" s="98" t="s">
        <v>400</v>
      </c>
      <c r="U3874" s="98">
        <v>0</v>
      </c>
      <c r="V3874" s="98">
        <v>0</v>
      </c>
      <c r="W3874" s="98" t="s">
        <v>400</v>
      </c>
      <c r="X3874" s="98" t="s">
        <v>400</v>
      </c>
      <c r="Y3874" s="98">
        <v>0</v>
      </c>
      <c r="Z3874" s="98">
        <v>1</v>
      </c>
      <c r="AA3874" s="98" t="s">
        <v>400</v>
      </c>
      <c r="AB3874" s="98">
        <v>1</v>
      </c>
      <c r="AC3874" s="98">
        <v>0</v>
      </c>
      <c r="AD3874" s="98">
        <v>0</v>
      </c>
      <c r="AE3874" s="98">
        <v>0</v>
      </c>
      <c r="AF3874" s="98">
        <v>0</v>
      </c>
      <c r="AG3874" s="98">
        <v>0</v>
      </c>
      <c r="AH3874" s="98">
        <v>0</v>
      </c>
      <c r="AI3874" s="98">
        <v>0</v>
      </c>
      <c r="AJ3874" s="98">
        <v>0</v>
      </c>
      <c r="AK3874" s="98">
        <v>0</v>
      </c>
      <c r="AL3874" s="98">
        <v>0</v>
      </c>
      <c r="AM3874" s="98">
        <v>0</v>
      </c>
      <c r="AN3874" s="98">
        <v>0</v>
      </c>
      <c r="AO3874" s="98">
        <v>1</v>
      </c>
      <c r="AP3874" s="98">
        <v>0</v>
      </c>
      <c r="AQ3874" s="98">
        <v>0</v>
      </c>
      <c r="AR3874" s="98" t="s">
        <v>400</v>
      </c>
      <c r="AS3874" s="98" t="s">
        <v>400</v>
      </c>
      <c r="AT3874" s="98" t="s">
        <v>400</v>
      </c>
      <c r="AU3874" s="98" t="s">
        <v>400</v>
      </c>
      <c r="AV3874" s="98" t="s">
        <v>400</v>
      </c>
      <c r="AW3874" s="98" t="s">
        <v>400</v>
      </c>
      <c r="AX3874" s="98"/>
      <c r="AY3874" s="98"/>
      <c r="AZ3874" s="98"/>
      <c r="BA3874" s="98"/>
      <c r="BB3874" s="107">
        <v>45884</v>
      </c>
    </row>
    <row r="3875" spans="1:54" s="8" customFormat="1" ht="13.95" customHeight="1" x14ac:dyDescent="0.25">
      <c r="A3875" s="219" t="s">
        <v>8612</v>
      </c>
      <c r="B3875" s="220" t="s">
        <v>6395</v>
      </c>
      <c r="C3875" s="98" t="s">
        <v>8613</v>
      </c>
      <c r="D3875" s="98" t="s">
        <v>21616</v>
      </c>
      <c r="E3875" s="141">
        <v>1976</v>
      </c>
      <c r="F3875" s="141">
        <v>19838</v>
      </c>
      <c r="G3875" s="98" t="s">
        <v>3</v>
      </c>
      <c r="H3875" s="98">
        <v>1</v>
      </c>
      <c r="I3875" s="98">
        <v>1</v>
      </c>
      <c r="J3875" s="98">
        <v>1</v>
      </c>
      <c r="K3875" s="98" t="s">
        <v>400</v>
      </c>
      <c r="L3875" s="98" t="s">
        <v>400</v>
      </c>
      <c r="M3875" s="98" t="s">
        <v>400</v>
      </c>
      <c r="N3875" s="98" t="s">
        <v>400</v>
      </c>
      <c r="O3875" s="98" t="s">
        <v>400</v>
      </c>
      <c r="P3875" s="98" t="s">
        <v>400</v>
      </c>
      <c r="Q3875" s="98" t="s">
        <v>400</v>
      </c>
      <c r="R3875" s="98" t="s">
        <v>400</v>
      </c>
      <c r="S3875" s="98" t="s">
        <v>400</v>
      </c>
      <c r="T3875" s="98" t="s">
        <v>400</v>
      </c>
      <c r="U3875" s="98">
        <v>0</v>
      </c>
      <c r="V3875" s="98">
        <v>0</v>
      </c>
      <c r="W3875" s="98" t="s">
        <v>400</v>
      </c>
      <c r="X3875" s="98" t="s">
        <v>400</v>
      </c>
      <c r="Y3875" s="98">
        <v>0</v>
      </c>
      <c r="Z3875" s="98">
        <v>0</v>
      </c>
      <c r="AA3875" s="98" t="s">
        <v>400</v>
      </c>
      <c r="AB3875" s="98">
        <v>1</v>
      </c>
      <c r="AC3875" s="98">
        <v>0</v>
      </c>
      <c r="AD3875" s="98">
        <v>0</v>
      </c>
      <c r="AE3875" s="98">
        <v>0</v>
      </c>
      <c r="AF3875" s="98">
        <v>0</v>
      </c>
      <c r="AG3875" s="98">
        <v>0</v>
      </c>
      <c r="AH3875" s="98">
        <v>0</v>
      </c>
      <c r="AI3875" s="98">
        <v>0</v>
      </c>
      <c r="AJ3875" s="98">
        <v>0</v>
      </c>
      <c r="AK3875" s="98">
        <v>0</v>
      </c>
      <c r="AL3875" s="98">
        <v>0</v>
      </c>
      <c r="AM3875" s="98">
        <v>0</v>
      </c>
      <c r="AN3875" s="98">
        <v>0</v>
      </c>
      <c r="AO3875" s="98">
        <v>0</v>
      </c>
      <c r="AP3875" s="98">
        <v>0</v>
      </c>
      <c r="AQ3875" s="98">
        <v>0</v>
      </c>
      <c r="AR3875" s="98" t="s">
        <v>400</v>
      </c>
      <c r="AS3875" s="98" t="s">
        <v>400</v>
      </c>
      <c r="AT3875" s="98" t="s">
        <v>400</v>
      </c>
      <c r="AU3875" s="98" t="s">
        <v>400</v>
      </c>
      <c r="AV3875" s="98" t="s">
        <v>400</v>
      </c>
      <c r="AW3875" s="98" t="s">
        <v>400</v>
      </c>
      <c r="AX3875" s="98"/>
      <c r="AY3875" s="98"/>
      <c r="AZ3875" s="98"/>
      <c r="BA3875" s="98"/>
      <c r="BB3875" s="107">
        <v>45884</v>
      </c>
    </row>
    <row r="3876" spans="1:54" s="8" customFormat="1" ht="13.95" customHeight="1" x14ac:dyDescent="0.25">
      <c r="A3876" s="219" t="s">
        <v>8614</v>
      </c>
      <c r="B3876" s="220" t="s">
        <v>6395</v>
      </c>
      <c r="C3876" s="98" t="s">
        <v>8615</v>
      </c>
      <c r="D3876" s="98" t="s">
        <v>21617</v>
      </c>
      <c r="E3876" s="141">
        <v>1971</v>
      </c>
      <c r="F3876" s="141">
        <v>19967</v>
      </c>
      <c r="G3876" s="98" t="s">
        <v>3</v>
      </c>
      <c r="H3876" s="98">
        <v>1</v>
      </c>
      <c r="I3876" s="98">
        <v>0</v>
      </c>
      <c r="J3876" s="98">
        <v>1</v>
      </c>
      <c r="K3876" s="98" t="s">
        <v>400</v>
      </c>
      <c r="L3876" s="98" t="s">
        <v>400</v>
      </c>
      <c r="M3876" s="98" t="s">
        <v>400</v>
      </c>
      <c r="N3876" s="98" t="s">
        <v>400</v>
      </c>
      <c r="O3876" s="98" t="s">
        <v>400</v>
      </c>
      <c r="P3876" s="98" t="s">
        <v>400</v>
      </c>
      <c r="Q3876" s="98" t="s">
        <v>400</v>
      </c>
      <c r="R3876" s="98" t="s">
        <v>400</v>
      </c>
      <c r="S3876" s="98" t="s">
        <v>400</v>
      </c>
      <c r="T3876" s="98" t="s">
        <v>400</v>
      </c>
      <c r="U3876" s="98">
        <v>0</v>
      </c>
      <c r="V3876" s="98">
        <v>0</v>
      </c>
      <c r="W3876" s="98" t="s">
        <v>400</v>
      </c>
      <c r="X3876" s="98" t="s">
        <v>400</v>
      </c>
      <c r="Y3876" s="98">
        <v>0</v>
      </c>
      <c r="Z3876" s="98">
        <v>0</v>
      </c>
      <c r="AA3876" s="98" t="s">
        <v>400</v>
      </c>
      <c r="AB3876" s="98">
        <v>1</v>
      </c>
      <c r="AC3876" s="98">
        <v>0</v>
      </c>
      <c r="AD3876" s="98">
        <v>0</v>
      </c>
      <c r="AE3876" s="98">
        <v>0</v>
      </c>
      <c r="AF3876" s="98">
        <v>0</v>
      </c>
      <c r="AG3876" s="98">
        <v>0</v>
      </c>
      <c r="AH3876" s="98">
        <v>0</v>
      </c>
      <c r="AI3876" s="98">
        <v>0</v>
      </c>
      <c r="AJ3876" s="98">
        <v>0</v>
      </c>
      <c r="AK3876" s="98">
        <v>0</v>
      </c>
      <c r="AL3876" s="98">
        <v>0</v>
      </c>
      <c r="AM3876" s="98">
        <v>0</v>
      </c>
      <c r="AN3876" s="98">
        <v>0</v>
      </c>
      <c r="AO3876" s="98">
        <v>0</v>
      </c>
      <c r="AP3876" s="98">
        <v>0</v>
      </c>
      <c r="AQ3876" s="98">
        <v>0</v>
      </c>
      <c r="AR3876" s="98" t="s">
        <v>400</v>
      </c>
      <c r="AS3876" s="98" t="s">
        <v>400</v>
      </c>
      <c r="AT3876" s="98" t="s">
        <v>400</v>
      </c>
      <c r="AU3876" s="98" t="s">
        <v>400</v>
      </c>
      <c r="AV3876" s="98" t="s">
        <v>400</v>
      </c>
      <c r="AW3876" s="98" t="s">
        <v>400</v>
      </c>
      <c r="AX3876" s="98"/>
      <c r="AY3876" s="98"/>
      <c r="AZ3876" s="98"/>
      <c r="BA3876" s="98"/>
      <c r="BB3876" s="107">
        <v>45884</v>
      </c>
    </row>
    <row r="3877" spans="1:54" s="8" customFormat="1" ht="13.95" customHeight="1" x14ac:dyDescent="0.25">
      <c r="A3877" s="219" t="s">
        <v>8616</v>
      </c>
      <c r="B3877" s="220" t="s">
        <v>6395</v>
      </c>
      <c r="C3877" s="98" t="s">
        <v>8617</v>
      </c>
      <c r="D3877" s="98" t="s">
        <v>21801</v>
      </c>
      <c r="E3877" s="141">
        <v>1985</v>
      </c>
      <c r="F3877" s="141">
        <v>20000</v>
      </c>
      <c r="G3877" s="98" t="s">
        <v>3</v>
      </c>
      <c r="H3877" s="98">
        <v>1</v>
      </c>
      <c r="I3877" s="98">
        <v>1</v>
      </c>
      <c r="J3877" s="98">
        <v>1</v>
      </c>
      <c r="K3877" s="98" t="s">
        <v>400</v>
      </c>
      <c r="L3877" s="98" t="s">
        <v>400</v>
      </c>
      <c r="M3877" s="98" t="s">
        <v>400</v>
      </c>
      <c r="N3877" s="98" t="s">
        <v>400</v>
      </c>
      <c r="O3877" s="98" t="s">
        <v>400</v>
      </c>
      <c r="P3877" s="98" t="s">
        <v>400</v>
      </c>
      <c r="Q3877" s="98" t="s">
        <v>400</v>
      </c>
      <c r="R3877" s="98" t="s">
        <v>400</v>
      </c>
      <c r="S3877" s="98" t="s">
        <v>400</v>
      </c>
      <c r="T3877" s="98" t="s">
        <v>400</v>
      </c>
      <c r="U3877" s="98">
        <v>0</v>
      </c>
      <c r="V3877" s="98">
        <v>0</v>
      </c>
      <c r="W3877" s="98" t="s">
        <v>400</v>
      </c>
      <c r="X3877" s="98" t="s">
        <v>400</v>
      </c>
      <c r="Y3877" s="98">
        <v>0</v>
      </c>
      <c r="Z3877" s="98">
        <v>1</v>
      </c>
      <c r="AA3877" s="98" t="s">
        <v>400</v>
      </c>
      <c r="AB3877" s="98">
        <v>1</v>
      </c>
      <c r="AC3877" s="98">
        <v>0</v>
      </c>
      <c r="AD3877" s="98">
        <v>0</v>
      </c>
      <c r="AE3877" s="98">
        <v>0</v>
      </c>
      <c r="AF3877" s="98">
        <v>0</v>
      </c>
      <c r="AG3877" s="98">
        <v>0</v>
      </c>
      <c r="AH3877" s="98">
        <v>0</v>
      </c>
      <c r="AI3877" s="98">
        <v>0</v>
      </c>
      <c r="AJ3877" s="98">
        <v>0</v>
      </c>
      <c r="AK3877" s="98">
        <v>0</v>
      </c>
      <c r="AL3877" s="98">
        <v>0</v>
      </c>
      <c r="AM3877" s="98">
        <v>0</v>
      </c>
      <c r="AN3877" s="98">
        <v>0</v>
      </c>
      <c r="AO3877" s="98">
        <v>0</v>
      </c>
      <c r="AP3877" s="98">
        <v>0</v>
      </c>
      <c r="AQ3877" s="98">
        <v>0</v>
      </c>
      <c r="AR3877" s="98" t="s">
        <v>400</v>
      </c>
      <c r="AS3877" s="98" t="s">
        <v>400</v>
      </c>
      <c r="AT3877" s="98">
        <v>1</v>
      </c>
      <c r="AU3877" s="98" t="s">
        <v>400</v>
      </c>
      <c r="AV3877" s="98" t="s">
        <v>400</v>
      </c>
      <c r="AW3877" s="98" t="s">
        <v>400</v>
      </c>
      <c r="AX3877" s="98"/>
      <c r="AY3877" s="98"/>
      <c r="AZ3877" s="98"/>
      <c r="BA3877" s="98"/>
      <c r="BB3877" s="107">
        <v>45884</v>
      </c>
    </row>
    <row r="3878" spans="1:54" s="8" customFormat="1" ht="13.95" customHeight="1" x14ac:dyDescent="0.25">
      <c r="A3878" s="219" t="s">
        <v>8618</v>
      </c>
      <c r="B3878" s="220" t="s">
        <v>6395</v>
      </c>
      <c r="C3878" s="98" t="s">
        <v>8619</v>
      </c>
      <c r="D3878" s="98" t="s">
        <v>21802</v>
      </c>
      <c r="E3878" s="141">
        <v>1983</v>
      </c>
      <c r="F3878" s="141">
        <v>20421</v>
      </c>
      <c r="G3878" s="98" t="s">
        <v>8</v>
      </c>
      <c r="H3878" s="98">
        <v>0</v>
      </c>
      <c r="I3878" s="98">
        <v>0</v>
      </c>
      <c r="J3878" s="98" t="s">
        <v>400</v>
      </c>
      <c r="K3878" s="98" t="s">
        <v>400</v>
      </c>
      <c r="L3878" s="98" t="s">
        <v>400</v>
      </c>
      <c r="M3878" s="98" t="s">
        <v>400</v>
      </c>
      <c r="N3878" s="98" t="s">
        <v>400</v>
      </c>
      <c r="O3878" s="98" t="s">
        <v>400</v>
      </c>
      <c r="P3878" s="98" t="s">
        <v>400</v>
      </c>
      <c r="Q3878" s="98" t="s">
        <v>400</v>
      </c>
      <c r="R3878" s="98" t="s">
        <v>400</v>
      </c>
      <c r="S3878" s="98" t="s">
        <v>400</v>
      </c>
      <c r="T3878" s="98" t="s">
        <v>400</v>
      </c>
      <c r="U3878" s="98">
        <v>0</v>
      </c>
      <c r="V3878" s="98">
        <v>0</v>
      </c>
      <c r="W3878" s="98" t="s">
        <v>400</v>
      </c>
      <c r="X3878" s="98" t="s">
        <v>400</v>
      </c>
      <c r="Y3878" s="98">
        <v>0</v>
      </c>
      <c r="Z3878" s="98" t="s">
        <v>400</v>
      </c>
      <c r="AA3878" s="98" t="s">
        <v>400</v>
      </c>
      <c r="AB3878" s="98">
        <v>0</v>
      </c>
      <c r="AC3878" s="98">
        <v>0</v>
      </c>
      <c r="AD3878" s="98" t="s">
        <v>400</v>
      </c>
      <c r="AE3878" s="98">
        <v>0</v>
      </c>
      <c r="AF3878" s="98">
        <v>0</v>
      </c>
      <c r="AG3878" s="98">
        <v>0</v>
      </c>
      <c r="AH3878" s="98">
        <v>0</v>
      </c>
      <c r="AI3878" s="98">
        <v>0</v>
      </c>
      <c r="AJ3878" s="98">
        <v>0</v>
      </c>
      <c r="AK3878" s="98">
        <v>0</v>
      </c>
      <c r="AL3878" s="98">
        <v>0</v>
      </c>
      <c r="AM3878" s="98" t="s">
        <v>400</v>
      </c>
      <c r="AN3878" s="98" t="s">
        <v>400</v>
      </c>
      <c r="AO3878" s="98" t="s">
        <v>400</v>
      </c>
      <c r="AP3878" s="98">
        <v>0</v>
      </c>
      <c r="AQ3878" s="98">
        <v>0</v>
      </c>
      <c r="AR3878" s="98" t="s">
        <v>400</v>
      </c>
      <c r="AS3878" s="98" t="s">
        <v>400</v>
      </c>
      <c r="AT3878" s="98" t="s">
        <v>400</v>
      </c>
      <c r="AU3878" s="98" t="s">
        <v>400</v>
      </c>
      <c r="AV3878" s="98" t="s">
        <v>400</v>
      </c>
      <c r="AW3878" s="98" t="s">
        <v>400</v>
      </c>
      <c r="AX3878" s="98"/>
      <c r="AY3878" s="98"/>
      <c r="AZ3878" s="98"/>
      <c r="BA3878" s="98"/>
      <c r="BB3878" s="107">
        <v>45884</v>
      </c>
    </row>
    <row r="3879" spans="1:54" s="8" customFormat="1" ht="13.95" customHeight="1" x14ac:dyDescent="0.25">
      <c r="A3879" s="219" t="s">
        <v>8620</v>
      </c>
      <c r="B3879" s="220" t="s">
        <v>6395</v>
      </c>
      <c r="C3879" s="98" t="s">
        <v>8621</v>
      </c>
      <c r="D3879" s="98" t="s">
        <v>21618</v>
      </c>
      <c r="E3879" s="141">
        <v>1974</v>
      </c>
      <c r="F3879" s="141">
        <v>20593</v>
      </c>
      <c r="G3879" s="98" t="s">
        <v>3</v>
      </c>
      <c r="H3879" s="98">
        <v>1</v>
      </c>
      <c r="I3879" s="98">
        <v>1</v>
      </c>
      <c r="J3879" s="98">
        <v>1</v>
      </c>
      <c r="K3879" s="98" t="s">
        <v>400</v>
      </c>
      <c r="L3879" s="98" t="s">
        <v>400</v>
      </c>
      <c r="M3879" s="98" t="s">
        <v>400</v>
      </c>
      <c r="N3879" s="98" t="s">
        <v>400</v>
      </c>
      <c r="O3879" s="98" t="s">
        <v>400</v>
      </c>
      <c r="P3879" s="98" t="s">
        <v>400</v>
      </c>
      <c r="Q3879" s="98" t="s">
        <v>400</v>
      </c>
      <c r="R3879" s="98" t="s">
        <v>400</v>
      </c>
      <c r="S3879" s="98" t="s">
        <v>400</v>
      </c>
      <c r="T3879" s="98" t="s">
        <v>400</v>
      </c>
      <c r="U3879" s="98">
        <v>0</v>
      </c>
      <c r="V3879" s="98">
        <v>0</v>
      </c>
      <c r="W3879" s="98" t="s">
        <v>400</v>
      </c>
      <c r="X3879" s="98" t="s">
        <v>400</v>
      </c>
      <c r="Y3879" s="98">
        <v>0</v>
      </c>
      <c r="Z3879" s="98">
        <v>0</v>
      </c>
      <c r="AA3879" s="98" t="s">
        <v>400</v>
      </c>
      <c r="AB3879" s="98">
        <v>1</v>
      </c>
      <c r="AC3879" s="98">
        <v>0</v>
      </c>
      <c r="AD3879" s="98">
        <v>0</v>
      </c>
      <c r="AE3879" s="98">
        <v>0</v>
      </c>
      <c r="AF3879" s="98">
        <v>0</v>
      </c>
      <c r="AG3879" s="98">
        <v>0</v>
      </c>
      <c r="AH3879" s="98">
        <v>0</v>
      </c>
      <c r="AI3879" s="98">
        <v>0</v>
      </c>
      <c r="AJ3879" s="98">
        <v>0</v>
      </c>
      <c r="AK3879" s="98">
        <v>0</v>
      </c>
      <c r="AL3879" s="98">
        <v>0</v>
      </c>
      <c r="AM3879" s="98">
        <v>0</v>
      </c>
      <c r="AN3879" s="98">
        <v>0</v>
      </c>
      <c r="AO3879" s="98">
        <v>0</v>
      </c>
      <c r="AP3879" s="98">
        <v>0</v>
      </c>
      <c r="AQ3879" s="98">
        <v>0</v>
      </c>
      <c r="AR3879" s="98" t="s">
        <v>400</v>
      </c>
      <c r="AS3879" s="98" t="s">
        <v>400</v>
      </c>
      <c r="AT3879" s="98" t="s">
        <v>400</v>
      </c>
      <c r="AU3879" s="98" t="s">
        <v>400</v>
      </c>
      <c r="AV3879" s="98" t="s">
        <v>400</v>
      </c>
      <c r="AW3879" s="98" t="s">
        <v>400</v>
      </c>
      <c r="AX3879" s="98"/>
      <c r="AY3879" s="98"/>
      <c r="AZ3879" s="98"/>
      <c r="BA3879" s="98"/>
      <c r="BB3879" s="107">
        <v>45884</v>
      </c>
    </row>
    <row r="3880" spans="1:54" s="8" customFormat="1" ht="13.95" customHeight="1" x14ac:dyDescent="0.25">
      <c r="A3880" s="219" t="s">
        <v>8622</v>
      </c>
      <c r="B3880" s="220" t="s">
        <v>6395</v>
      </c>
      <c r="C3880" s="98" t="s">
        <v>8623</v>
      </c>
      <c r="D3880" s="98" t="s">
        <v>21803</v>
      </c>
      <c r="E3880" s="141">
        <v>1957</v>
      </c>
      <c r="F3880" s="141">
        <v>21267</v>
      </c>
      <c r="G3880" s="98" t="s">
        <v>3</v>
      </c>
      <c r="H3880" s="98">
        <v>1</v>
      </c>
      <c r="I3880" s="98">
        <v>1</v>
      </c>
      <c r="J3880" s="98">
        <v>1</v>
      </c>
      <c r="K3880" s="98" t="s">
        <v>400</v>
      </c>
      <c r="L3880" s="98" t="s">
        <v>400</v>
      </c>
      <c r="M3880" s="98" t="s">
        <v>400</v>
      </c>
      <c r="N3880" s="98" t="s">
        <v>400</v>
      </c>
      <c r="O3880" s="98" t="s">
        <v>400</v>
      </c>
      <c r="P3880" s="98" t="s">
        <v>400</v>
      </c>
      <c r="Q3880" s="98" t="s">
        <v>400</v>
      </c>
      <c r="R3880" s="98" t="s">
        <v>400</v>
      </c>
      <c r="S3880" s="98" t="s">
        <v>400</v>
      </c>
      <c r="T3880" s="98" t="s">
        <v>400</v>
      </c>
      <c r="U3880" s="98">
        <v>0</v>
      </c>
      <c r="V3880" s="98">
        <v>0</v>
      </c>
      <c r="W3880" s="98" t="s">
        <v>400</v>
      </c>
      <c r="X3880" s="98" t="s">
        <v>400</v>
      </c>
      <c r="Y3880" s="98">
        <v>0</v>
      </c>
      <c r="Z3880" s="98">
        <v>0</v>
      </c>
      <c r="AA3880" s="98" t="s">
        <v>400</v>
      </c>
      <c r="AB3880" s="98">
        <v>0</v>
      </c>
      <c r="AC3880" s="98">
        <v>0</v>
      </c>
      <c r="AD3880" s="98">
        <v>0</v>
      </c>
      <c r="AE3880" s="98">
        <v>0</v>
      </c>
      <c r="AF3880" s="98">
        <v>0</v>
      </c>
      <c r="AG3880" s="98">
        <v>0</v>
      </c>
      <c r="AH3880" s="98">
        <v>0</v>
      </c>
      <c r="AI3880" s="98">
        <v>0</v>
      </c>
      <c r="AJ3880" s="98">
        <v>0</v>
      </c>
      <c r="AK3880" s="98">
        <v>0</v>
      </c>
      <c r="AL3880" s="98">
        <v>0</v>
      </c>
      <c r="AM3880" s="98">
        <v>0</v>
      </c>
      <c r="AN3880" s="98">
        <v>0</v>
      </c>
      <c r="AO3880" s="98">
        <v>0</v>
      </c>
      <c r="AP3880" s="98">
        <v>0</v>
      </c>
      <c r="AQ3880" s="98">
        <v>0</v>
      </c>
      <c r="AR3880" s="98" t="s">
        <v>400</v>
      </c>
      <c r="AS3880" s="98" t="s">
        <v>400</v>
      </c>
      <c r="AT3880" s="98" t="s">
        <v>400</v>
      </c>
      <c r="AU3880" s="98" t="s">
        <v>400</v>
      </c>
      <c r="AV3880" s="98" t="s">
        <v>400</v>
      </c>
      <c r="AW3880" s="98" t="s">
        <v>400</v>
      </c>
      <c r="AX3880" s="98"/>
      <c r="AY3880" s="98"/>
      <c r="AZ3880" s="98"/>
      <c r="BA3880" s="98"/>
      <c r="BB3880" s="107">
        <v>45884</v>
      </c>
    </row>
    <row r="3881" spans="1:54" s="8" customFormat="1" ht="13.95" customHeight="1" x14ac:dyDescent="0.25">
      <c r="A3881" s="219" t="s">
        <v>8624</v>
      </c>
      <c r="B3881" s="220" t="s">
        <v>6395</v>
      </c>
      <c r="C3881" s="98" t="s">
        <v>8625</v>
      </c>
      <c r="D3881" s="98" t="s">
        <v>21804</v>
      </c>
      <c r="E3881" s="141">
        <v>1981</v>
      </c>
      <c r="F3881" s="141">
        <v>21681</v>
      </c>
      <c r="G3881" s="98" t="s">
        <v>8</v>
      </c>
      <c r="H3881" s="98">
        <v>0</v>
      </c>
      <c r="I3881" s="98">
        <v>0</v>
      </c>
      <c r="J3881" s="98" t="s">
        <v>400</v>
      </c>
      <c r="K3881" s="98" t="s">
        <v>400</v>
      </c>
      <c r="L3881" s="98" t="s">
        <v>400</v>
      </c>
      <c r="M3881" s="98" t="s">
        <v>400</v>
      </c>
      <c r="N3881" s="98" t="s">
        <v>400</v>
      </c>
      <c r="O3881" s="98" t="s">
        <v>400</v>
      </c>
      <c r="P3881" s="98" t="s">
        <v>400</v>
      </c>
      <c r="Q3881" s="98" t="s">
        <v>400</v>
      </c>
      <c r="R3881" s="98" t="s">
        <v>400</v>
      </c>
      <c r="S3881" s="98" t="s">
        <v>400</v>
      </c>
      <c r="T3881" s="98" t="s">
        <v>400</v>
      </c>
      <c r="U3881" s="98">
        <v>0</v>
      </c>
      <c r="V3881" s="98">
        <v>0</v>
      </c>
      <c r="W3881" s="98" t="s">
        <v>400</v>
      </c>
      <c r="X3881" s="98" t="s">
        <v>400</v>
      </c>
      <c r="Y3881" s="98">
        <v>0</v>
      </c>
      <c r="Z3881" s="98" t="s">
        <v>400</v>
      </c>
      <c r="AA3881" s="98" t="s">
        <v>400</v>
      </c>
      <c r="AB3881" s="98">
        <v>0</v>
      </c>
      <c r="AC3881" s="98">
        <v>0</v>
      </c>
      <c r="AD3881" s="98" t="s">
        <v>400</v>
      </c>
      <c r="AE3881" s="98">
        <v>0</v>
      </c>
      <c r="AF3881" s="98">
        <v>0</v>
      </c>
      <c r="AG3881" s="98">
        <v>0</v>
      </c>
      <c r="AH3881" s="98">
        <v>0</v>
      </c>
      <c r="AI3881" s="98">
        <v>0</v>
      </c>
      <c r="AJ3881" s="98">
        <v>0</v>
      </c>
      <c r="AK3881" s="98">
        <v>0</v>
      </c>
      <c r="AL3881" s="98">
        <v>0</v>
      </c>
      <c r="AM3881" s="98" t="s">
        <v>400</v>
      </c>
      <c r="AN3881" s="98" t="s">
        <v>400</v>
      </c>
      <c r="AO3881" s="98" t="s">
        <v>400</v>
      </c>
      <c r="AP3881" s="98">
        <v>0</v>
      </c>
      <c r="AQ3881" s="98">
        <v>0</v>
      </c>
      <c r="AR3881" s="98" t="s">
        <v>400</v>
      </c>
      <c r="AS3881" s="98" t="s">
        <v>400</v>
      </c>
      <c r="AT3881" s="98" t="s">
        <v>400</v>
      </c>
      <c r="AU3881" s="98" t="s">
        <v>400</v>
      </c>
      <c r="AV3881" s="98" t="s">
        <v>400</v>
      </c>
      <c r="AW3881" s="98" t="s">
        <v>400</v>
      </c>
      <c r="AX3881" s="98"/>
      <c r="AY3881" s="98"/>
      <c r="AZ3881" s="98"/>
      <c r="BA3881" s="98"/>
      <c r="BB3881" s="107">
        <v>45884</v>
      </c>
    </row>
    <row r="3882" spans="1:54" s="8" customFormat="1" ht="13.95" customHeight="1" x14ac:dyDescent="0.25">
      <c r="A3882" s="219" t="s">
        <v>8626</v>
      </c>
      <c r="B3882" s="220" t="s">
        <v>6395</v>
      </c>
      <c r="C3882" s="98" t="s">
        <v>22205</v>
      </c>
      <c r="D3882" s="98" t="s">
        <v>8627</v>
      </c>
      <c r="E3882" s="141">
        <v>1977</v>
      </c>
      <c r="F3882" s="141">
        <v>21797</v>
      </c>
      <c r="G3882" s="98" t="s">
        <v>11</v>
      </c>
      <c r="H3882" s="98">
        <v>1</v>
      </c>
      <c r="I3882" s="98">
        <v>0</v>
      </c>
      <c r="J3882" s="98" t="s">
        <v>400</v>
      </c>
      <c r="K3882" s="98" t="s">
        <v>400</v>
      </c>
      <c r="L3882" s="98" t="s">
        <v>400</v>
      </c>
      <c r="M3882" s="98" t="s">
        <v>400</v>
      </c>
      <c r="N3882" s="98" t="s">
        <v>400</v>
      </c>
      <c r="O3882" s="98" t="s">
        <v>400</v>
      </c>
      <c r="P3882" s="98" t="s">
        <v>400</v>
      </c>
      <c r="Q3882" s="98" t="s">
        <v>400</v>
      </c>
      <c r="R3882" s="98" t="s">
        <v>400</v>
      </c>
      <c r="S3882" s="98" t="s">
        <v>400</v>
      </c>
      <c r="T3882" s="98" t="s">
        <v>400</v>
      </c>
      <c r="U3882" s="98">
        <v>0</v>
      </c>
      <c r="V3882" s="98">
        <v>0</v>
      </c>
      <c r="W3882" s="98" t="s">
        <v>400</v>
      </c>
      <c r="X3882" s="98" t="s">
        <v>400</v>
      </c>
      <c r="Y3882" s="98">
        <v>0</v>
      </c>
      <c r="Z3882" s="98" t="s">
        <v>400</v>
      </c>
      <c r="AA3882" s="98" t="s">
        <v>400</v>
      </c>
      <c r="AB3882" s="98">
        <v>0</v>
      </c>
      <c r="AC3882" s="98">
        <v>0</v>
      </c>
      <c r="AD3882" s="98" t="s">
        <v>400</v>
      </c>
      <c r="AE3882" s="98">
        <v>0</v>
      </c>
      <c r="AF3882" s="98">
        <v>0</v>
      </c>
      <c r="AG3882" s="98">
        <v>0</v>
      </c>
      <c r="AH3882" s="98">
        <v>0</v>
      </c>
      <c r="AI3882" s="98">
        <v>0</v>
      </c>
      <c r="AJ3882" s="98">
        <v>0</v>
      </c>
      <c r="AK3882" s="98">
        <v>0</v>
      </c>
      <c r="AL3882" s="98">
        <v>0</v>
      </c>
      <c r="AM3882" s="98" t="s">
        <v>400</v>
      </c>
      <c r="AN3882" s="98" t="s">
        <v>400</v>
      </c>
      <c r="AO3882" s="98" t="s">
        <v>400</v>
      </c>
      <c r="AP3882" s="98">
        <v>0</v>
      </c>
      <c r="AQ3882" s="98">
        <v>0</v>
      </c>
      <c r="AR3882" s="98" t="s">
        <v>400</v>
      </c>
      <c r="AS3882" s="98" t="s">
        <v>400</v>
      </c>
      <c r="AT3882" s="98" t="s">
        <v>400</v>
      </c>
      <c r="AU3882" s="98" t="s">
        <v>400</v>
      </c>
      <c r="AV3882" s="98" t="s">
        <v>400</v>
      </c>
      <c r="AW3882" s="98" t="s">
        <v>400</v>
      </c>
      <c r="AX3882" s="98"/>
      <c r="AY3882" s="98"/>
      <c r="AZ3882" s="98"/>
      <c r="BA3882" s="98"/>
      <c r="BB3882" s="107">
        <v>45884</v>
      </c>
    </row>
    <row r="3883" spans="1:54" s="8" customFormat="1" ht="13.95" customHeight="1" x14ac:dyDescent="0.25">
      <c r="A3883" s="219" t="s">
        <v>8628</v>
      </c>
      <c r="B3883" s="220" t="s">
        <v>6395</v>
      </c>
      <c r="C3883" s="98" t="s">
        <v>8629</v>
      </c>
      <c r="D3883" s="98" t="s">
        <v>21805</v>
      </c>
      <c r="E3883" s="141">
        <v>1972</v>
      </c>
      <c r="F3883" s="141">
        <v>22178</v>
      </c>
      <c r="G3883" s="98" t="s">
        <v>7</v>
      </c>
      <c r="H3883" s="98">
        <v>1</v>
      </c>
      <c r="I3883" s="98">
        <v>1</v>
      </c>
      <c r="J3883" s="98">
        <v>1</v>
      </c>
      <c r="K3883" s="98" t="s">
        <v>400</v>
      </c>
      <c r="L3883" s="98" t="s">
        <v>400</v>
      </c>
      <c r="M3883" s="98" t="s">
        <v>400</v>
      </c>
      <c r="N3883" s="98" t="s">
        <v>400</v>
      </c>
      <c r="O3883" s="98" t="s">
        <v>400</v>
      </c>
      <c r="P3883" s="98" t="s">
        <v>400</v>
      </c>
      <c r="Q3883" s="98" t="s">
        <v>400</v>
      </c>
      <c r="R3883" s="98" t="s">
        <v>400</v>
      </c>
      <c r="S3883" s="98" t="s">
        <v>400</v>
      </c>
      <c r="T3883" s="98" t="s">
        <v>400</v>
      </c>
      <c r="U3883" s="98">
        <v>0</v>
      </c>
      <c r="V3883" s="98">
        <v>0</v>
      </c>
      <c r="W3883" s="98" t="s">
        <v>400</v>
      </c>
      <c r="X3883" s="98">
        <v>0</v>
      </c>
      <c r="Y3883" s="98">
        <v>0</v>
      </c>
      <c r="Z3883" s="98">
        <v>0</v>
      </c>
      <c r="AA3883" s="98" t="s">
        <v>400</v>
      </c>
      <c r="AB3883" s="98">
        <v>1</v>
      </c>
      <c r="AC3883" s="98">
        <v>0</v>
      </c>
      <c r="AD3883" s="98">
        <v>0</v>
      </c>
      <c r="AE3883" s="98">
        <v>0</v>
      </c>
      <c r="AF3883" s="98">
        <v>1</v>
      </c>
      <c r="AG3883" s="98">
        <v>0</v>
      </c>
      <c r="AH3883" s="98">
        <v>0</v>
      </c>
      <c r="AI3883" s="98">
        <v>0</v>
      </c>
      <c r="AJ3883" s="98">
        <v>0</v>
      </c>
      <c r="AK3883" s="98">
        <v>0</v>
      </c>
      <c r="AL3883" s="98">
        <v>0</v>
      </c>
      <c r="AM3883" s="98">
        <v>0</v>
      </c>
      <c r="AN3883" s="98" t="s">
        <v>400</v>
      </c>
      <c r="AO3883" s="98">
        <v>1</v>
      </c>
      <c r="AP3883" s="98">
        <v>0</v>
      </c>
      <c r="AQ3883" s="98">
        <v>0</v>
      </c>
      <c r="AR3883" s="98">
        <v>0</v>
      </c>
      <c r="AS3883" s="98" t="s">
        <v>400</v>
      </c>
      <c r="AT3883" s="98">
        <v>1</v>
      </c>
      <c r="AU3883" s="98" t="s">
        <v>400</v>
      </c>
      <c r="AV3883" s="98" t="s">
        <v>400</v>
      </c>
      <c r="AW3883" s="98" t="s">
        <v>400</v>
      </c>
      <c r="AX3883" s="98"/>
      <c r="AY3883" s="98"/>
      <c r="AZ3883" s="98"/>
      <c r="BA3883" s="98"/>
      <c r="BB3883" s="107">
        <v>45884</v>
      </c>
    </row>
    <row r="3884" spans="1:54" s="8" customFormat="1" ht="13.95" customHeight="1" x14ac:dyDescent="0.25">
      <c r="A3884" s="219" t="s">
        <v>8630</v>
      </c>
      <c r="B3884" s="220" t="s">
        <v>6395</v>
      </c>
      <c r="C3884" s="98" t="s">
        <v>22206</v>
      </c>
      <c r="D3884" s="98" t="s">
        <v>21452</v>
      </c>
      <c r="E3884" s="141">
        <v>1969</v>
      </c>
      <c r="F3884" s="141">
        <v>22639</v>
      </c>
      <c r="G3884" s="98" t="s">
        <v>3</v>
      </c>
      <c r="H3884" s="98">
        <v>1</v>
      </c>
      <c r="I3884" s="98">
        <v>1</v>
      </c>
      <c r="J3884" s="98">
        <v>1</v>
      </c>
      <c r="K3884" s="98" t="s">
        <v>400</v>
      </c>
      <c r="L3884" s="98" t="s">
        <v>400</v>
      </c>
      <c r="M3884" s="98" t="s">
        <v>400</v>
      </c>
      <c r="N3884" s="98" t="s">
        <v>400</v>
      </c>
      <c r="O3884" s="98" t="s">
        <v>400</v>
      </c>
      <c r="P3884" s="98" t="s">
        <v>400</v>
      </c>
      <c r="Q3884" s="98" t="s">
        <v>400</v>
      </c>
      <c r="R3884" s="98" t="s">
        <v>400</v>
      </c>
      <c r="S3884" s="98" t="s">
        <v>400</v>
      </c>
      <c r="T3884" s="98" t="s">
        <v>400</v>
      </c>
      <c r="U3884" s="98">
        <v>0</v>
      </c>
      <c r="V3884" s="98">
        <v>0</v>
      </c>
      <c r="W3884" s="98" t="s">
        <v>400</v>
      </c>
      <c r="X3884" s="98" t="s">
        <v>400</v>
      </c>
      <c r="Y3884" s="98">
        <v>0</v>
      </c>
      <c r="Z3884" s="98">
        <v>0</v>
      </c>
      <c r="AA3884" s="98" t="s">
        <v>400</v>
      </c>
      <c r="AB3884" s="98">
        <v>0</v>
      </c>
      <c r="AC3884" s="98">
        <v>0</v>
      </c>
      <c r="AD3884" s="98">
        <v>0</v>
      </c>
      <c r="AE3884" s="98">
        <v>0</v>
      </c>
      <c r="AF3884" s="98">
        <v>0</v>
      </c>
      <c r="AG3884" s="98">
        <v>0</v>
      </c>
      <c r="AH3884" s="98">
        <v>0</v>
      </c>
      <c r="AI3884" s="98">
        <v>0</v>
      </c>
      <c r="AJ3884" s="98">
        <v>0</v>
      </c>
      <c r="AK3884" s="98">
        <v>0</v>
      </c>
      <c r="AL3884" s="98">
        <v>0</v>
      </c>
      <c r="AM3884" s="98">
        <v>0</v>
      </c>
      <c r="AN3884" s="98">
        <v>0</v>
      </c>
      <c r="AO3884" s="98">
        <v>0</v>
      </c>
      <c r="AP3884" s="98">
        <v>0</v>
      </c>
      <c r="AQ3884" s="98">
        <v>0</v>
      </c>
      <c r="AR3884" s="98" t="s">
        <v>400</v>
      </c>
      <c r="AS3884" s="98" t="s">
        <v>400</v>
      </c>
      <c r="AT3884" s="129" t="s">
        <v>400</v>
      </c>
      <c r="AU3884" s="98" t="s">
        <v>400</v>
      </c>
      <c r="AV3884" s="98" t="s">
        <v>400</v>
      </c>
      <c r="AW3884" s="98" t="s">
        <v>400</v>
      </c>
      <c r="AX3884" s="98"/>
      <c r="AY3884" s="98"/>
      <c r="AZ3884" s="98"/>
      <c r="BA3884" s="98"/>
      <c r="BB3884" s="107">
        <v>45884</v>
      </c>
    </row>
    <row r="3885" spans="1:54" s="8" customFormat="1" ht="13.95" customHeight="1" x14ac:dyDescent="0.25">
      <c r="A3885" s="219" t="s">
        <v>8631</v>
      </c>
      <c r="B3885" s="220" t="s">
        <v>6395</v>
      </c>
      <c r="C3885" s="98" t="s">
        <v>8632</v>
      </c>
      <c r="D3885" s="98" t="s">
        <v>21619</v>
      </c>
      <c r="E3885" s="141">
        <v>1957</v>
      </c>
      <c r="F3885" s="141">
        <v>23477</v>
      </c>
      <c r="G3885" s="98" t="s">
        <v>3</v>
      </c>
      <c r="H3885" s="98">
        <v>1</v>
      </c>
      <c r="I3885" s="98">
        <v>1</v>
      </c>
      <c r="J3885" s="98">
        <v>1</v>
      </c>
      <c r="K3885" s="98" t="s">
        <v>400</v>
      </c>
      <c r="L3885" s="98" t="s">
        <v>400</v>
      </c>
      <c r="M3885" s="98" t="s">
        <v>400</v>
      </c>
      <c r="N3885" s="98" t="s">
        <v>400</v>
      </c>
      <c r="O3885" s="98" t="s">
        <v>400</v>
      </c>
      <c r="P3885" s="98" t="s">
        <v>400</v>
      </c>
      <c r="Q3885" s="98" t="s">
        <v>400</v>
      </c>
      <c r="R3885" s="98" t="s">
        <v>400</v>
      </c>
      <c r="S3885" s="98" t="s">
        <v>400</v>
      </c>
      <c r="T3885" s="98" t="s">
        <v>400</v>
      </c>
      <c r="U3885" s="98">
        <v>0</v>
      </c>
      <c r="V3885" s="98">
        <v>0</v>
      </c>
      <c r="W3885" s="98" t="s">
        <v>400</v>
      </c>
      <c r="X3885" s="98">
        <v>1</v>
      </c>
      <c r="Y3885" s="98">
        <v>0</v>
      </c>
      <c r="Z3885" s="98">
        <v>0</v>
      </c>
      <c r="AA3885" s="98" t="s">
        <v>400</v>
      </c>
      <c r="AB3885" s="98">
        <v>1</v>
      </c>
      <c r="AC3885" s="98">
        <v>0</v>
      </c>
      <c r="AD3885" s="98">
        <v>0</v>
      </c>
      <c r="AE3885" s="98">
        <v>0</v>
      </c>
      <c r="AF3885" s="98">
        <v>0</v>
      </c>
      <c r="AG3885" s="98">
        <v>0</v>
      </c>
      <c r="AH3885" s="98">
        <v>0</v>
      </c>
      <c r="AI3885" s="98">
        <v>0</v>
      </c>
      <c r="AJ3885" s="98">
        <v>0</v>
      </c>
      <c r="AK3885" s="98">
        <v>0</v>
      </c>
      <c r="AL3885" s="98">
        <v>0</v>
      </c>
      <c r="AM3885" s="98">
        <v>0</v>
      </c>
      <c r="AN3885" s="98">
        <v>0</v>
      </c>
      <c r="AO3885" s="98">
        <v>0</v>
      </c>
      <c r="AP3885" s="98">
        <v>0</v>
      </c>
      <c r="AQ3885" s="98">
        <v>0</v>
      </c>
      <c r="AR3885" s="98" t="s">
        <v>400</v>
      </c>
      <c r="AS3885" s="98" t="s">
        <v>400</v>
      </c>
      <c r="AT3885" s="98">
        <v>1</v>
      </c>
      <c r="AU3885" s="98" t="s">
        <v>400</v>
      </c>
      <c r="AV3885" s="98" t="s">
        <v>400</v>
      </c>
      <c r="AW3885" s="98" t="s">
        <v>400</v>
      </c>
      <c r="AX3885" s="98"/>
      <c r="AY3885" s="98"/>
      <c r="AZ3885" s="98"/>
      <c r="BA3885" s="98"/>
      <c r="BB3885" s="107">
        <v>45884</v>
      </c>
    </row>
    <row r="3886" spans="1:54" s="8" customFormat="1" ht="13.95" customHeight="1" x14ac:dyDescent="0.25">
      <c r="A3886" s="219" t="s">
        <v>8633</v>
      </c>
      <c r="B3886" s="220" t="s">
        <v>6395</v>
      </c>
      <c r="C3886" s="98" t="s">
        <v>8634</v>
      </c>
      <c r="D3886" s="98" t="s">
        <v>21620</v>
      </c>
      <c r="E3886" s="141">
        <v>1957</v>
      </c>
      <c r="F3886" s="141">
        <v>28104</v>
      </c>
      <c r="G3886" s="98" t="s">
        <v>7</v>
      </c>
      <c r="H3886" s="98">
        <v>1</v>
      </c>
      <c r="I3886" s="98">
        <v>1</v>
      </c>
      <c r="J3886" s="98">
        <v>1</v>
      </c>
      <c r="K3886" s="98" t="s">
        <v>400</v>
      </c>
      <c r="L3886" s="98" t="s">
        <v>400</v>
      </c>
      <c r="M3886" s="98" t="s">
        <v>400</v>
      </c>
      <c r="N3886" s="98" t="s">
        <v>400</v>
      </c>
      <c r="O3886" s="98" t="s">
        <v>400</v>
      </c>
      <c r="P3886" s="98" t="s">
        <v>400</v>
      </c>
      <c r="Q3886" s="98" t="s">
        <v>400</v>
      </c>
      <c r="R3886" s="98" t="s">
        <v>400</v>
      </c>
      <c r="S3886" s="98" t="s">
        <v>400</v>
      </c>
      <c r="T3886" s="98" t="s">
        <v>400</v>
      </c>
      <c r="U3886" s="98">
        <v>0</v>
      </c>
      <c r="V3886" s="98">
        <v>0</v>
      </c>
      <c r="W3886" s="98" t="s">
        <v>400</v>
      </c>
      <c r="X3886" s="98">
        <v>0</v>
      </c>
      <c r="Y3886" s="98">
        <v>0</v>
      </c>
      <c r="Z3886" s="98">
        <v>0</v>
      </c>
      <c r="AA3886" s="98" t="s">
        <v>400</v>
      </c>
      <c r="AB3886" s="98">
        <v>1</v>
      </c>
      <c r="AC3886" s="98">
        <v>0</v>
      </c>
      <c r="AD3886" s="98">
        <v>0</v>
      </c>
      <c r="AE3886" s="98">
        <v>0</v>
      </c>
      <c r="AF3886" s="98">
        <v>0</v>
      </c>
      <c r="AG3886" s="98">
        <v>0</v>
      </c>
      <c r="AH3886" s="98">
        <v>0</v>
      </c>
      <c r="AI3886" s="98">
        <v>0</v>
      </c>
      <c r="AJ3886" s="98">
        <v>0</v>
      </c>
      <c r="AK3886" s="98">
        <v>0</v>
      </c>
      <c r="AL3886" s="98">
        <v>0</v>
      </c>
      <c r="AM3886" s="98">
        <v>0</v>
      </c>
      <c r="AN3886" s="98" t="s">
        <v>400</v>
      </c>
      <c r="AO3886" s="98">
        <v>0</v>
      </c>
      <c r="AP3886" s="98">
        <v>0</v>
      </c>
      <c r="AQ3886" s="98">
        <v>0</v>
      </c>
      <c r="AR3886" s="98">
        <v>0</v>
      </c>
      <c r="AS3886" s="98" t="s">
        <v>400</v>
      </c>
      <c r="AT3886" s="129" t="s">
        <v>400</v>
      </c>
      <c r="AU3886" s="98" t="s">
        <v>400</v>
      </c>
      <c r="AV3886" s="98" t="s">
        <v>400</v>
      </c>
      <c r="AW3886" s="98" t="s">
        <v>400</v>
      </c>
      <c r="AX3886" s="98"/>
      <c r="AY3886" s="98"/>
      <c r="AZ3886" s="98"/>
      <c r="BA3886" s="98"/>
      <c r="BB3886" s="107">
        <v>45884</v>
      </c>
    </row>
    <row r="3887" spans="1:54" s="8" customFormat="1" ht="13.95" customHeight="1" x14ac:dyDescent="0.25">
      <c r="A3887" s="219" t="s">
        <v>8635</v>
      </c>
      <c r="B3887" s="220" t="s">
        <v>6395</v>
      </c>
      <c r="C3887" s="98" t="s">
        <v>8636</v>
      </c>
      <c r="D3887" s="98" t="s">
        <v>21453</v>
      </c>
      <c r="E3887" s="141">
        <v>1981</v>
      </c>
      <c r="F3887" s="141">
        <v>28719</v>
      </c>
      <c r="G3887" s="98" t="s">
        <v>8</v>
      </c>
      <c r="H3887" s="98">
        <v>0</v>
      </c>
      <c r="I3887" s="98">
        <v>0</v>
      </c>
      <c r="J3887" s="98" t="s">
        <v>400</v>
      </c>
      <c r="K3887" s="98" t="s">
        <v>400</v>
      </c>
      <c r="L3887" s="98" t="s">
        <v>400</v>
      </c>
      <c r="M3887" s="98" t="s">
        <v>400</v>
      </c>
      <c r="N3887" s="98" t="s">
        <v>400</v>
      </c>
      <c r="O3887" s="98" t="s">
        <v>400</v>
      </c>
      <c r="P3887" s="98" t="s">
        <v>400</v>
      </c>
      <c r="Q3887" s="98" t="s">
        <v>400</v>
      </c>
      <c r="R3887" s="98" t="s">
        <v>400</v>
      </c>
      <c r="S3887" s="98" t="s">
        <v>400</v>
      </c>
      <c r="T3887" s="98" t="s">
        <v>400</v>
      </c>
      <c r="U3887" s="98">
        <v>0</v>
      </c>
      <c r="V3887" s="98">
        <v>0</v>
      </c>
      <c r="W3887" s="98" t="s">
        <v>400</v>
      </c>
      <c r="X3887" s="98" t="s">
        <v>400</v>
      </c>
      <c r="Y3887" s="98">
        <v>0</v>
      </c>
      <c r="Z3887" s="98" t="s">
        <v>400</v>
      </c>
      <c r="AA3887" s="98" t="s">
        <v>400</v>
      </c>
      <c r="AB3887" s="98">
        <v>0</v>
      </c>
      <c r="AC3887" s="98">
        <v>0</v>
      </c>
      <c r="AD3887" s="98" t="s">
        <v>400</v>
      </c>
      <c r="AE3887" s="98">
        <v>0</v>
      </c>
      <c r="AF3887" s="98">
        <v>0</v>
      </c>
      <c r="AG3887" s="98">
        <v>0</v>
      </c>
      <c r="AH3887" s="98">
        <v>0</v>
      </c>
      <c r="AI3887" s="98">
        <v>0</v>
      </c>
      <c r="AJ3887" s="98">
        <v>0</v>
      </c>
      <c r="AK3887" s="98">
        <v>0</v>
      </c>
      <c r="AL3887" s="98">
        <v>0</v>
      </c>
      <c r="AM3887" s="98" t="s">
        <v>400</v>
      </c>
      <c r="AN3887" s="98" t="s">
        <v>400</v>
      </c>
      <c r="AO3887" s="98" t="s">
        <v>400</v>
      </c>
      <c r="AP3887" s="98">
        <v>0</v>
      </c>
      <c r="AQ3887" s="98">
        <v>0</v>
      </c>
      <c r="AR3887" s="98" t="s">
        <v>400</v>
      </c>
      <c r="AS3887" s="98" t="s">
        <v>400</v>
      </c>
      <c r="AT3887" s="129" t="s">
        <v>400</v>
      </c>
      <c r="AU3887" s="98" t="s">
        <v>400</v>
      </c>
      <c r="AV3887" s="98" t="s">
        <v>400</v>
      </c>
      <c r="AW3887" s="98" t="s">
        <v>400</v>
      </c>
      <c r="AX3887" s="98"/>
      <c r="AY3887" s="98"/>
      <c r="AZ3887" s="98"/>
      <c r="BA3887" s="98"/>
      <c r="BB3887" s="107">
        <v>45884</v>
      </c>
    </row>
    <row r="3888" spans="1:54" s="8" customFormat="1" ht="13.95" customHeight="1" x14ac:dyDescent="0.25">
      <c r="A3888" s="219" t="s">
        <v>8637</v>
      </c>
      <c r="B3888" s="220" t="s">
        <v>6395</v>
      </c>
      <c r="C3888" s="98" t="s">
        <v>8638</v>
      </c>
      <c r="D3888" s="98" t="s">
        <v>8639</v>
      </c>
      <c r="E3888" s="141">
        <v>1982</v>
      </c>
      <c r="F3888" s="141">
        <v>29920</v>
      </c>
      <c r="G3888" s="98" t="s">
        <v>10</v>
      </c>
      <c r="H3888" s="98">
        <v>1</v>
      </c>
      <c r="I3888" s="98">
        <v>1</v>
      </c>
      <c r="J3888" s="98">
        <v>1</v>
      </c>
      <c r="K3888" s="98">
        <v>0</v>
      </c>
      <c r="L3888" s="98">
        <v>0</v>
      </c>
      <c r="M3888" s="98">
        <v>0</v>
      </c>
      <c r="N3888" s="98">
        <v>0</v>
      </c>
      <c r="O3888" s="98">
        <v>0</v>
      </c>
      <c r="P3888" s="98">
        <v>0</v>
      </c>
      <c r="Q3888" s="98">
        <v>0</v>
      </c>
      <c r="R3888" s="98">
        <v>0</v>
      </c>
      <c r="S3888" s="98">
        <v>0</v>
      </c>
      <c r="T3888" s="98">
        <v>0</v>
      </c>
      <c r="U3888" s="98">
        <v>0</v>
      </c>
      <c r="V3888" s="98">
        <v>0</v>
      </c>
      <c r="W3888" s="98">
        <v>0</v>
      </c>
      <c r="X3888" s="98">
        <v>0</v>
      </c>
      <c r="Y3888" s="98">
        <v>0</v>
      </c>
      <c r="Z3888" s="98">
        <v>0</v>
      </c>
      <c r="AA3888" s="98">
        <v>0</v>
      </c>
      <c r="AB3888" s="98">
        <v>0</v>
      </c>
      <c r="AC3888" s="98">
        <v>0</v>
      </c>
      <c r="AD3888" s="98">
        <v>0</v>
      </c>
      <c r="AE3888" s="98">
        <v>0</v>
      </c>
      <c r="AF3888" s="98">
        <v>0</v>
      </c>
      <c r="AG3888" s="98">
        <v>0</v>
      </c>
      <c r="AH3888" s="98">
        <v>0</v>
      </c>
      <c r="AI3888" s="98">
        <v>0</v>
      </c>
      <c r="AJ3888" s="98">
        <v>0</v>
      </c>
      <c r="AK3888" s="98">
        <v>0</v>
      </c>
      <c r="AL3888" s="98">
        <v>0</v>
      </c>
      <c r="AM3888" s="98">
        <v>0</v>
      </c>
      <c r="AN3888" s="98" t="s">
        <v>400</v>
      </c>
      <c r="AO3888" s="98">
        <v>1</v>
      </c>
      <c r="AP3888" s="98">
        <v>0</v>
      </c>
      <c r="AQ3888" s="98">
        <v>0</v>
      </c>
      <c r="AR3888" s="98">
        <v>0</v>
      </c>
      <c r="AS3888" s="98" t="s">
        <v>400</v>
      </c>
      <c r="AT3888" s="129" t="s">
        <v>400</v>
      </c>
      <c r="AU3888" s="98" t="s">
        <v>400</v>
      </c>
      <c r="AV3888" s="98" t="s">
        <v>400</v>
      </c>
      <c r="AW3888" s="98" t="s">
        <v>400</v>
      </c>
      <c r="AX3888" s="98"/>
      <c r="AY3888" s="98"/>
      <c r="AZ3888" s="98"/>
      <c r="BA3888" s="98"/>
      <c r="BB3888" s="107">
        <v>45884</v>
      </c>
    </row>
    <row r="3889" spans="1:54" s="8" customFormat="1" ht="13.95" customHeight="1" x14ac:dyDescent="0.25">
      <c r="A3889" s="219" t="s">
        <v>8640</v>
      </c>
      <c r="B3889" s="220" t="s">
        <v>6395</v>
      </c>
      <c r="C3889" s="98" t="s">
        <v>8641</v>
      </c>
      <c r="D3889" s="98" t="s">
        <v>21621</v>
      </c>
      <c r="E3889" s="141">
        <v>2009</v>
      </c>
      <c r="F3889" s="141">
        <v>29936</v>
      </c>
      <c r="G3889" s="98" t="s">
        <v>3</v>
      </c>
      <c r="H3889" s="98">
        <v>1</v>
      </c>
      <c r="I3889" s="98">
        <v>1</v>
      </c>
      <c r="J3889" s="98">
        <v>1</v>
      </c>
      <c r="K3889" s="98" t="s">
        <v>400</v>
      </c>
      <c r="L3889" s="98" t="s">
        <v>400</v>
      </c>
      <c r="M3889" s="98" t="s">
        <v>400</v>
      </c>
      <c r="N3889" s="98" t="s">
        <v>400</v>
      </c>
      <c r="O3889" s="98" t="s">
        <v>400</v>
      </c>
      <c r="P3889" s="98" t="s">
        <v>400</v>
      </c>
      <c r="Q3889" s="98" t="s">
        <v>400</v>
      </c>
      <c r="R3889" s="98" t="s">
        <v>400</v>
      </c>
      <c r="S3889" s="98" t="s">
        <v>400</v>
      </c>
      <c r="T3889" s="98" t="s">
        <v>400</v>
      </c>
      <c r="U3889" s="98">
        <v>0</v>
      </c>
      <c r="V3889" s="98">
        <v>0</v>
      </c>
      <c r="W3889" s="98" t="s">
        <v>400</v>
      </c>
      <c r="X3889" s="98" t="s">
        <v>400</v>
      </c>
      <c r="Y3889" s="98">
        <v>0</v>
      </c>
      <c r="Z3889" s="98">
        <v>0</v>
      </c>
      <c r="AA3889" s="98" t="s">
        <v>400</v>
      </c>
      <c r="AB3889" s="98">
        <v>0</v>
      </c>
      <c r="AC3889" s="98">
        <v>0</v>
      </c>
      <c r="AD3889" s="98">
        <v>0</v>
      </c>
      <c r="AE3889" s="98">
        <v>0</v>
      </c>
      <c r="AF3889" s="98">
        <v>0</v>
      </c>
      <c r="AG3889" s="98">
        <v>0</v>
      </c>
      <c r="AH3889" s="98">
        <v>0</v>
      </c>
      <c r="AI3889" s="98">
        <v>0</v>
      </c>
      <c r="AJ3889" s="98">
        <v>0</v>
      </c>
      <c r="AK3889" s="98">
        <v>0</v>
      </c>
      <c r="AL3889" s="98">
        <v>0</v>
      </c>
      <c r="AM3889" s="98">
        <v>0</v>
      </c>
      <c r="AN3889" s="98">
        <v>0</v>
      </c>
      <c r="AO3889" s="98">
        <v>0</v>
      </c>
      <c r="AP3889" s="98">
        <v>0</v>
      </c>
      <c r="AQ3889" s="98">
        <v>0</v>
      </c>
      <c r="AR3889" s="98" t="s">
        <v>400</v>
      </c>
      <c r="AS3889" s="98" t="s">
        <v>400</v>
      </c>
      <c r="AT3889" s="129" t="s">
        <v>400</v>
      </c>
      <c r="AU3889" s="98" t="s">
        <v>400</v>
      </c>
      <c r="AV3889" s="98" t="s">
        <v>400</v>
      </c>
      <c r="AW3889" s="98" t="s">
        <v>400</v>
      </c>
      <c r="AX3889" s="98"/>
      <c r="AY3889" s="98"/>
      <c r="AZ3889" s="98"/>
      <c r="BA3889" s="98"/>
      <c r="BB3889" s="107">
        <v>45884</v>
      </c>
    </row>
    <row r="3890" spans="1:54" s="8" customFormat="1" ht="13.95" customHeight="1" x14ac:dyDescent="0.25">
      <c r="A3890" s="219" t="s">
        <v>8642</v>
      </c>
      <c r="B3890" s="220" t="s">
        <v>6395</v>
      </c>
      <c r="C3890" s="98" t="s">
        <v>8643</v>
      </c>
      <c r="D3890" s="98" t="s">
        <v>8644</v>
      </c>
      <c r="E3890" s="141">
        <v>1957</v>
      </c>
      <c r="F3890" s="141">
        <v>30028</v>
      </c>
      <c r="G3890" s="98" t="s">
        <v>7</v>
      </c>
      <c r="H3890" s="98">
        <v>1</v>
      </c>
      <c r="I3890" s="98">
        <v>1</v>
      </c>
      <c r="J3890" s="98">
        <v>1</v>
      </c>
      <c r="K3890" s="98" t="s">
        <v>400</v>
      </c>
      <c r="L3890" s="98" t="s">
        <v>400</v>
      </c>
      <c r="M3890" s="98" t="s">
        <v>400</v>
      </c>
      <c r="N3890" s="98" t="s">
        <v>400</v>
      </c>
      <c r="O3890" s="98" t="s">
        <v>400</v>
      </c>
      <c r="P3890" s="98" t="s">
        <v>400</v>
      </c>
      <c r="Q3890" s="98" t="s">
        <v>400</v>
      </c>
      <c r="R3890" s="98" t="s">
        <v>400</v>
      </c>
      <c r="S3890" s="98" t="s">
        <v>400</v>
      </c>
      <c r="T3890" s="98" t="s">
        <v>400</v>
      </c>
      <c r="U3890" s="98">
        <v>0</v>
      </c>
      <c r="V3890" s="98">
        <v>0</v>
      </c>
      <c r="W3890" s="98" t="s">
        <v>400</v>
      </c>
      <c r="X3890" s="98">
        <v>0</v>
      </c>
      <c r="Y3890" s="98">
        <v>0</v>
      </c>
      <c r="Z3890" s="98">
        <v>0</v>
      </c>
      <c r="AA3890" s="98" t="s">
        <v>400</v>
      </c>
      <c r="AB3890" s="98">
        <v>1</v>
      </c>
      <c r="AC3890" s="98">
        <v>0</v>
      </c>
      <c r="AD3890" s="98">
        <v>0</v>
      </c>
      <c r="AE3890" s="98">
        <v>0</v>
      </c>
      <c r="AF3890" s="98">
        <v>0</v>
      </c>
      <c r="AG3890" s="98">
        <v>0</v>
      </c>
      <c r="AH3890" s="98">
        <v>0</v>
      </c>
      <c r="AI3890" s="98">
        <v>0</v>
      </c>
      <c r="AJ3890" s="98">
        <v>0</v>
      </c>
      <c r="AK3890" s="98">
        <v>0</v>
      </c>
      <c r="AL3890" s="98">
        <v>0</v>
      </c>
      <c r="AM3890" s="98">
        <v>0</v>
      </c>
      <c r="AN3890" s="98" t="s">
        <v>400</v>
      </c>
      <c r="AO3890" s="98">
        <v>1</v>
      </c>
      <c r="AP3890" s="98">
        <v>0</v>
      </c>
      <c r="AQ3890" s="98">
        <v>0</v>
      </c>
      <c r="AR3890" s="98">
        <v>0</v>
      </c>
      <c r="AS3890" s="98" t="s">
        <v>400</v>
      </c>
      <c r="AT3890" s="98">
        <v>1</v>
      </c>
      <c r="AU3890" s="98" t="s">
        <v>400</v>
      </c>
      <c r="AV3890" s="98" t="s">
        <v>400</v>
      </c>
      <c r="AW3890" s="98" t="s">
        <v>400</v>
      </c>
      <c r="AX3890" s="98"/>
      <c r="AY3890" s="98"/>
      <c r="AZ3890" s="98"/>
      <c r="BA3890" s="98"/>
      <c r="BB3890" s="107">
        <v>45884</v>
      </c>
    </row>
    <row r="3891" spans="1:54" s="8" customFormat="1" ht="13.95" customHeight="1" x14ac:dyDescent="0.25">
      <c r="A3891" s="219" t="s">
        <v>8645</v>
      </c>
      <c r="B3891" s="220" t="s">
        <v>6395</v>
      </c>
      <c r="C3891" s="98" t="s">
        <v>8646</v>
      </c>
      <c r="D3891" s="98" t="s">
        <v>21454</v>
      </c>
      <c r="E3891" s="141">
        <v>2006</v>
      </c>
      <c r="F3891" s="141">
        <v>31988</v>
      </c>
      <c r="G3891" s="98" t="s">
        <v>3</v>
      </c>
      <c r="H3891" s="98">
        <v>0</v>
      </c>
      <c r="I3891" s="98">
        <v>0</v>
      </c>
      <c r="J3891" s="98">
        <v>0</v>
      </c>
      <c r="K3891" s="98" t="s">
        <v>400</v>
      </c>
      <c r="L3891" s="98" t="s">
        <v>400</v>
      </c>
      <c r="M3891" s="98" t="s">
        <v>400</v>
      </c>
      <c r="N3891" s="98" t="s">
        <v>400</v>
      </c>
      <c r="O3891" s="98" t="s">
        <v>400</v>
      </c>
      <c r="P3891" s="98" t="s">
        <v>400</v>
      </c>
      <c r="Q3891" s="98" t="s">
        <v>400</v>
      </c>
      <c r="R3891" s="98" t="s">
        <v>400</v>
      </c>
      <c r="S3891" s="98" t="s">
        <v>400</v>
      </c>
      <c r="T3891" s="98" t="s">
        <v>400</v>
      </c>
      <c r="U3891" s="98">
        <v>0</v>
      </c>
      <c r="V3891" s="98">
        <v>0</v>
      </c>
      <c r="W3891" s="98" t="s">
        <v>400</v>
      </c>
      <c r="X3891" s="98" t="s">
        <v>400</v>
      </c>
      <c r="Y3891" s="98">
        <v>0</v>
      </c>
      <c r="Z3891" s="98">
        <v>0</v>
      </c>
      <c r="AA3891" s="98" t="s">
        <v>400</v>
      </c>
      <c r="AB3891" s="98">
        <v>0</v>
      </c>
      <c r="AC3891" s="98">
        <v>0</v>
      </c>
      <c r="AD3891" s="98">
        <v>0</v>
      </c>
      <c r="AE3891" s="98">
        <v>0</v>
      </c>
      <c r="AF3891" s="98">
        <v>0</v>
      </c>
      <c r="AG3891" s="98">
        <v>0</v>
      </c>
      <c r="AH3891" s="98">
        <v>0</v>
      </c>
      <c r="AI3891" s="98">
        <v>0</v>
      </c>
      <c r="AJ3891" s="98">
        <v>0</v>
      </c>
      <c r="AK3891" s="98">
        <v>0</v>
      </c>
      <c r="AL3891" s="98">
        <v>0</v>
      </c>
      <c r="AM3891" s="98">
        <v>0</v>
      </c>
      <c r="AN3891" s="98">
        <v>0</v>
      </c>
      <c r="AO3891" s="98">
        <v>0</v>
      </c>
      <c r="AP3891" s="98">
        <v>0</v>
      </c>
      <c r="AQ3891" s="98">
        <v>0</v>
      </c>
      <c r="AR3891" s="98" t="s">
        <v>400</v>
      </c>
      <c r="AS3891" s="98" t="s">
        <v>400</v>
      </c>
      <c r="AT3891" s="129" t="s">
        <v>400</v>
      </c>
      <c r="AU3891" s="98" t="s">
        <v>400</v>
      </c>
      <c r="AV3891" s="98" t="s">
        <v>400</v>
      </c>
      <c r="AW3891" s="98" t="s">
        <v>400</v>
      </c>
      <c r="AX3891" s="98"/>
      <c r="AY3891" s="98"/>
      <c r="AZ3891" s="98"/>
      <c r="BA3891" s="98"/>
      <c r="BB3891" s="107">
        <v>45884</v>
      </c>
    </row>
    <row r="3892" spans="1:54" s="8" customFormat="1" ht="13.95" customHeight="1" x14ac:dyDescent="0.25">
      <c r="A3892" s="219" t="s">
        <v>8647</v>
      </c>
      <c r="B3892" s="220" t="s">
        <v>6395</v>
      </c>
      <c r="C3892" s="98" t="s">
        <v>8648</v>
      </c>
      <c r="D3892" s="98" t="s">
        <v>21622</v>
      </c>
      <c r="E3892" s="141">
        <v>1981</v>
      </c>
      <c r="F3892" s="141">
        <v>36225</v>
      </c>
      <c r="G3892" s="98" t="s">
        <v>3</v>
      </c>
      <c r="H3892" s="98">
        <v>0</v>
      </c>
      <c r="I3892" s="98">
        <v>0</v>
      </c>
      <c r="J3892" s="98">
        <v>1</v>
      </c>
      <c r="K3892" s="98" t="s">
        <v>400</v>
      </c>
      <c r="L3892" s="98" t="s">
        <v>400</v>
      </c>
      <c r="M3892" s="98" t="s">
        <v>400</v>
      </c>
      <c r="N3892" s="98" t="s">
        <v>400</v>
      </c>
      <c r="O3892" s="98" t="s">
        <v>400</v>
      </c>
      <c r="P3892" s="98" t="s">
        <v>400</v>
      </c>
      <c r="Q3892" s="98" t="s">
        <v>400</v>
      </c>
      <c r="R3892" s="98" t="s">
        <v>400</v>
      </c>
      <c r="S3892" s="98" t="s">
        <v>400</v>
      </c>
      <c r="T3892" s="98" t="s">
        <v>400</v>
      </c>
      <c r="U3892" s="98">
        <v>0</v>
      </c>
      <c r="V3892" s="98">
        <v>0</v>
      </c>
      <c r="W3892" s="98" t="s">
        <v>400</v>
      </c>
      <c r="X3892" s="98" t="s">
        <v>400</v>
      </c>
      <c r="Y3892" s="98">
        <v>0</v>
      </c>
      <c r="Z3892" s="98">
        <v>0</v>
      </c>
      <c r="AA3892" s="98" t="s">
        <v>400</v>
      </c>
      <c r="AB3892" s="98">
        <v>0</v>
      </c>
      <c r="AC3892" s="98">
        <v>0</v>
      </c>
      <c r="AD3892" s="98">
        <v>0</v>
      </c>
      <c r="AE3892" s="98">
        <v>0</v>
      </c>
      <c r="AF3892" s="98">
        <v>0</v>
      </c>
      <c r="AG3892" s="98">
        <v>0</v>
      </c>
      <c r="AH3892" s="98">
        <v>0</v>
      </c>
      <c r="AI3892" s="98">
        <v>0</v>
      </c>
      <c r="AJ3892" s="98">
        <v>0</v>
      </c>
      <c r="AK3892" s="98">
        <v>0</v>
      </c>
      <c r="AL3892" s="98">
        <v>0</v>
      </c>
      <c r="AM3892" s="98">
        <v>0</v>
      </c>
      <c r="AN3892" s="98">
        <v>0</v>
      </c>
      <c r="AO3892" s="98">
        <v>0</v>
      </c>
      <c r="AP3892" s="98">
        <v>0</v>
      </c>
      <c r="AQ3892" s="98">
        <v>0</v>
      </c>
      <c r="AR3892" s="98" t="s">
        <v>400</v>
      </c>
      <c r="AS3892" s="98" t="s">
        <v>400</v>
      </c>
      <c r="AT3892" s="129" t="s">
        <v>400</v>
      </c>
      <c r="AU3892" s="98" t="s">
        <v>400</v>
      </c>
      <c r="AV3892" s="98" t="s">
        <v>400</v>
      </c>
      <c r="AW3892" s="98" t="s">
        <v>400</v>
      </c>
      <c r="AX3892" s="98"/>
      <c r="AY3892" s="98"/>
      <c r="AZ3892" s="98"/>
      <c r="BA3892" s="98"/>
      <c r="BB3892" s="107">
        <v>45884</v>
      </c>
    </row>
    <row r="3893" spans="1:54" s="8" customFormat="1" ht="13.95" customHeight="1" x14ac:dyDescent="0.25">
      <c r="A3893" s="219" t="s">
        <v>8649</v>
      </c>
      <c r="B3893" s="220" t="s">
        <v>6395</v>
      </c>
      <c r="C3893" s="98" t="s">
        <v>8650</v>
      </c>
      <c r="D3893" s="98" t="s">
        <v>21806</v>
      </c>
      <c r="E3893" s="141">
        <v>1983</v>
      </c>
      <c r="F3893" s="141">
        <v>40740</v>
      </c>
      <c r="G3893" s="98" t="s">
        <v>7</v>
      </c>
      <c r="H3893" s="98">
        <v>1</v>
      </c>
      <c r="I3893" s="98">
        <v>1</v>
      </c>
      <c r="J3893" s="98">
        <v>1</v>
      </c>
      <c r="K3893" s="98" t="s">
        <v>400</v>
      </c>
      <c r="L3893" s="98" t="s">
        <v>400</v>
      </c>
      <c r="M3893" s="98" t="s">
        <v>400</v>
      </c>
      <c r="N3893" s="98" t="s">
        <v>400</v>
      </c>
      <c r="O3893" s="98" t="s">
        <v>400</v>
      </c>
      <c r="P3893" s="98" t="s">
        <v>400</v>
      </c>
      <c r="Q3893" s="98" t="s">
        <v>400</v>
      </c>
      <c r="R3893" s="98" t="s">
        <v>400</v>
      </c>
      <c r="S3893" s="98" t="s">
        <v>400</v>
      </c>
      <c r="T3893" s="98" t="s">
        <v>400</v>
      </c>
      <c r="U3893" s="98">
        <v>0</v>
      </c>
      <c r="V3893" s="98">
        <v>0</v>
      </c>
      <c r="W3893" s="98" t="s">
        <v>400</v>
      </c>
      <c r="X3893" s="98">
        <v>0</v>
      </c>
      <c r="Y3893" s="98">
        <v>0</v>
      </c>
      <c r="Z3893" s="98">
        <v>0</v>
      </c>
      <c r="AA3893" s="98" t="s">
        <v>400</v>
      </c>
      <c r="AB3893" s="98">
        <v>0</v>
      </c>
      <c r="AC3893" s="98">
        <v>0</v>
      </c>
      <c r="AD3893" s="98">
        <v>0</v>
      </c>
      <c r="AE3893" s="98">
        <v>0</v>
      </c>
      <c r="AF3893" s="98">
        <v>0</v>
      </c>
      <c r="AG3893" s="98">
        <v>0</v>
      </c>
      <c r="AH3893" s="98">
        <v>0</v>
      </c>
      <c r="AI3893" s="98">
        <v>0</v>
      </c>
      <c r="AJ3893" s="98">
        <v>0</v>
      </c>
      <c r="AK3893" s="98">
        <v>0</v>
      </c>
      <c r="AL3893" s="98">
        <v>0</v>
      </c>
      <c r="AM3893" s="98">
        <v>0</v>
      </c>
      <c r="AN3893" s="98" t="s">
        <v>400</v>
      </c>
      <c r="AO3893" s="98">
        <v>1</v>
      </c>
      <c r="AP3893" s="98">
        <v>0</v>
      </c>
      <c r="AQ3893" s="98">
        <v>0</v>
      </c>
      <c r="AR3893" s="98">
        <v>0</v>
      </c>
      <c r="AS3893" s="98" t="s">
        <v>400</v>
      </c>
      <c r="AT3893" s="98">
        <v>1</v>
      </c>
      <c r="AU3893" s="98" t="s">
        <v>400</v>
      </c>
      <c r="AV3893" s="98" t="s">
        <v>400</v>
      </c>
      <c r="AW3893" s="98" t="s">
        <v>400</v>
      </c>
      <c r="AX3893" s="98"/>
      <c r="AY3893" s="98"/>
      <c r="AZ3893" s="98"/>
      <c r="BA3893" s="98"/>
      <c r="BB3893" s="107">
        <v>45884</v>
      </c>
    </row>
    <row r="3894" spans="1:54" s="8" customFormat="1" ht="13.95" customHeight="1" x14ac:dyDescent="0.25">
      <c r="A3894" s="219" t="s">
        <v>8651</v>
      </c>
      <c r="B3894" s="220" t="s">
        <v>6395</v>
      </c>
      <c r="C3894" s="98" t="s">
        <v>22207</v>
      </c>
      <c r="D3894" s="98" t="s">
        <v>8652</v>
      </c>
      <c r="E3894" s="141">
        <v>1990</v>
      </c>
      <c r="F3894" s="141">
        <v>44853</v>
      </c>
      <c r="G3894" s="98" t="s">
        <v>9</v>
      </c>
      <c r="H3894" s="98">
        <v>0</v>
      </c>
      <c r="I3894" s="98">
        <v>0</v>
      </c>
      <c r="J3894" s="98" t="s">
        <v>400</v>
      </c>
      <c r="K3894" s="98" t="s">
        <v>400</v>
      </c>
      <c r="L3894" s="98" t="s">
        <v>400</v>
      </c>
      <c r="M3894" s="98" t="s">
        <v>400</v>
      </c>
      <c r="N3894" s="98" t="s">
        <v>400</v>
      </c>
      <c r="O3894" s="98" t="s">
        <v>400</v>
      </c>
      <c r="P3894" s="98" t="s">
        <v>400</v>
      </c>
      <c r="Q3894" s="98" t="s">
        <v>400</v>
      </c>
      <c r="R3894" s="98" t="s">
        <v>400</v>
      </c>
      <c r="S3894" s="98" t="s">
        <v>400</v>
      </c>
      <c r="T3894" s="98" t="s">
        <v>400</v>
      </c>
      <c r="U3894" s="98">
        <v>0</v>
      </c>
      <c r="V3894" s="98">
        <v>0</v>
      </c>
      <c r="W3894" s="98" t="s">
        <v>400</v>
      </c>
      <c r="X3894" s="98" t="s">
        <v>400</v>
      </c>
      <c r="Y3894" s="98">
        <v>0</v>
      </c>
      <c r="Z3894" s="98" t="s">
        <v>400</v>
      </c>
      <c r="AA3894" s="98" t="s">
        <v>400</v>
      </c>
      <c r="AB3894" s="98">
        <v>0</v>
      </c>
      <c r="AC3894" s="98">
        <v>0</v>
      </c>
      <c r="AD3894" s="98" t="s">
        <v>400</v>
      </c>
      <c r="AE3894" s="98">
        <v>0</v>
      </c>
      <c r="AF3894" s="98">
        <v>0</v>
      </c>
      <c r="AG3894" s="98">
        <v>0</v>
      </c>
      <c r="AH3894" s="98">
        <v>0</v>
      </c>
      <c r="AI3894" s="98">
        <v>0</v>
      </c>
      <c r="AJ3894" s="98">
        <v>0</v>
      </c>
      <c r="AK3894" s="98">
        <v>0</v>
      </c>
      <c r="AL3894" s="98">
        <v>0</v>
      </c>
      <c r="AM3894" s="98" t="s">
        <v>400</v>
      </c>
      <c r="AN3894" s="98" t="s">
        <v>400</v>
      </c>
      <c r="AO3894" s="98" t="s">
        <v>400</v>
      </c>
      <c r="AP3894" s="98">
        <v>0</v>
      </c>
      <c r="AQ3894" s="98">
        <v>0</v>
      </c>
      <c r="AR3894" s="98" t="s">
        <v>400</v>
      </c>
      <c r="AS3894" s="98" t="s">
        <v>400</v>
      </c>
      <c r="AT3894" s="129" t="s">
        <v>400</v>
      </c>
      <c r="AU3894" s="98" t="s">
        <v>400</v>
      </c>
      <c r="AV3894" s="98" t="s">
        <v>400</v>
      </c>
      <c r="AW3894" s="98" t="s">
        <v>400</v>
      </c>
      <c r="AX3894" s="98"/>
      <c r="AY3894" s="98"/>
      <c r="AZ3894" s="98"/>
      <c r="BA3894" s="98"/>
      <c r="BB3894" s="107">
        <v>45884</v>
      </c>
    </row>
    <row r="3895" spans="1:54" s="8" customFormat="1" ht="13.95" customHeight="1" x14ac:dyDescent="0.25">
      <c r="A3895" s="219" t="s">
        <v>8653</v>
      </c>
      <c r="B3895" s="220" t="s">
        <v>6395</v>
      </c>
      <c r="C3895" s="98" t="s">
        <v>8654</v>
      </c>
      <c r="D3895" s="98" t="s">
        <v>21455</v>
      </c>
      <c r="E3895" s="141">
        <v>1986</v>
      </c>
      <c r="F3895" s="141">
        <v>54946</v>
      </c>
      <c r="G3895" s="98" t="s">
        <v>8</v>
      </c>
      <c r="H3895" s="98">
        <v>0</v>
      </c>
      <c r="I3895" s="98">
        <v>0</v>
      </c>
      <c r="J3895" s="98" t="s">
        <v>400</v>
      </c>
      <c r="K3895" s="98" t="s">
        <v>400</v>
      </c>
      <c r="L3895" s="98" t="s">
        <v>400</v>
      </c>
      <c r="M3895" s="98" t="s">
        <v>400</v>
      </c>
      <c r="N3895" s="98" t="s">
        <v>400</v>
      </c>
      <c r="O3895" s="98" t="s">
        <v>400</v>
      </c>
      <c r="P3895" s="98" t="s">
        <v>400</v>
      </c>
      <c r="Q3895" s="98" t="s">
        <v>400</v>
      </c>
      <c r="R3895" s="98" t="s">
        <v>400</v>
      </c>
      <c r="S3895" s="98" t="s">
        <v>400</v>
      </c>
      <c r="T3895" s="98" t="s">
        <v>400</v>
      </c>
      <c r="U3895" s="98">
        <v>0</v>
      </c>
      <c r="V3895" s="98">
        <v>0</v>
      </c>
      <c r="W3895" s="98" t="s">
        <v>400</v>
      </c>
      <c r="X3895" s="98" t="s">
        <v>400</v>
      </c>
      <c r="Y3895" s="98">
        <v>0</v>
      </c>
      <c r="Z3895" s="98" t="s">
        <v>400</v>
      </c>
      <c r="AA3895" s="98" t="s">
        <v>400</v>
      </c>
      <c r="AB3895" s="98">
        <v>0</v>
      </c>
      <c r="AC3895" s="98">
        <v>0</v>
      </c>
      <c r="AD3895" s="98" t="s">
        <v>400</v>
      </c>
      <c r="AE3895" s="98">
        <v>0</v>
      </c>
      <c r="AF3895" s="98">
        <v>0</v>
      </c>
      <c r="AG3895" s="98">
        <v>0</v>
      </c>
      <c r="AH3895" s="98">
        <v>0</v>
      </c>
      <c r="AI3895" s="98">
        <v>0</v>
      </c>
      <c r="AJ3895" s="98">
        <v>0</v>
      </c>
      <c r="AK3895" s="98">
        <v>0</v>
      </c>
      <c r="AL3895" s="98">
        <v>0</v>
      </c>
      <c r="AM3895" s="98" t="s">
        <v>400</v>
      </c>
      <c r="AN3895" s="98" t="s">
        <v>400</v>
      </c>
      <c r="AO3895" s="98" t="s">
        <v>400</v>
      </c>
      <c r="AP3895" s="98">
        <v>0</v>
      </c>
      <c r="AQ3895" s="98">
        <v>0</v>
      </c>
      <c r="AR3895" s="98" t="s">
        <v>400</v>
      </c>
      <c r="AS3895" s="98" t="s">
        <v>400</v>
      </c>
      <c r="AT3895" s="129" t="s">
        <v>400</v>
      </c>
      <c r="AU3895" s="98" t="s">
        <v>400</v>
      </c>
      <c r="AV3895" s="98" t="s">
        <v>400</v>
      </c>
      <c r="AW3895" s="98" t="s">
        <v>400</v>
      </c>
      <c r="AX3895" s="98"/>
      <c r="AY3895" s="98"/>
      <c r="AZ3895" s="98"/>
      <c r="BA3895" s="98"/>
      <c r="BB3895" s="107">
        <v>45884</v>
      </c>
    </row>
    <row r="3896" spans="1:54" s="8" customFormat="1" ht="13.95" customHeight="1" x14ac:dyDescent="0.25">
      <c r="A3896" s="219" t="s">
        <v>8655</v>
      </c>
      <c r="B3896" s="220" t="s">
        <v>6395</v>
      </c>
      <c r="C3896" s="98" t="s">
        <v>22208</v>
      </c>
      <c r="D3896" s="98" t="s">
        <v>21456</v>
      </c>
      <c r="E3896" s="141">
        <v>1987</v>
      </c>
      <c r="F3896" s="141">
        <v>64598</v>
      </c>
      <c r="G3896" s="98" t="s">
        <v>8</v>
      </c>
      <c r="H3896" s="98">
        <v>1</v>
      </c>
      <c r="I3896" s="98">
        <v>1</v>
      </c>
      <c r="J3896" s="98" t="s">
        <v>400</v>
      </c>
      <c r="K3896" s="98" t="s">
        <v>400</v>
      </c>
      <c r="L3896" s="98" t="s">
        <v>400</v>
      </c>
      <c r="M3896" s="98" t="s">
        <v>400</v>
      </c>
      <c r="N3896" s="98" t="s">
        <v>400</v>
      </c>
      <c r="O3896" s="98" t="s">
        <v>400</v>
      </c>
      <c r="P3896" s="98" t="s">
        <v>400</v>
      </c>
      <c r="Q3896" s="98" t="s">
        <v>400</v>
      </c>
      <c r="R3896" s="98" t="s">
        <v>400</v>
      </c>
      <c r="S3896" s="98" t="s">
        <v>400</v>
      </c>
      <c r="T3896" s="98" t="s">
        <v>400</v>
      </c>
      <c r="U3896" s="98">
        <v>0</v>
      </c>
      <c r="V3896" s="98">
        <v>0</v>
      </c>
      <c r="W3896" s="98" t="s">
        <v>400</v>
      </c>
      <c r="X3896" s="98" t="s">
        <v>400</v>
      </c>
      <c r="Y3896" s="98">
        <v>0</v>
      </c>
      <c r="Z3896" s="98" t="s">
        <v>400</v>
      </c>
      <c r="AA3896" s="98" t="s">
        <v>400</v>
      </c>
      <c r="AB3896" s="98">
        <v>0</v>
      </c>
      <c r="AC3896" s="98">
        <v>0</v>
      </c>
      <c r="AD3896" s="98" t="s">
        <v>400</v>
      </c>
      <c r="AE3896" s="98">
        <v>0</v>
      </c>
      <c r="AF3896" s="98">
        <v>0</v>
      </c>
      <c r="AG3896" s="98">
        <v>0</v>
      </c>
      <c r="AH3896" s="98">
        <v>0</v>
      </c>
      <c r="AI3896" s="98">
        <v>0</v>
      </c>
      <c r="AJ3896" s="98">
        <v>0</v>
      </c>
      <c r="AK3896" s="98">
        <v>0</v>
      </c>
      <c r="AL3896" s="98">
        <v>0</v>
      </c>
      <c r="AM3896" s="98" t="s">
        <v>400</v>
      </c>
      <c r="AN3896" s="98" t="s">
        <v>400</v>
      </c>
      <c r="AO3896" s="98" t="s">
        <v>400</v>
      </c>
      <c r="AP3896" s="98">
        <v>0</v>
      </c>
      <c r="AQ3896" s="98">
        <v>0</v>
      </c>
      <c r="AR3896" s="98" t="s">
        <v>400</v>
      </c>
      <c r="AS3896" s="98" t="s">
        <v>400</v>
      </c>
      <c r="AT3896" s="129" t="s">
        <v>400</v>
      </c>
      <c r="AU3896" s="98" t="s">
        <v>400</v>
      </c>
      <c r="AV3896" s="98" t="s">
        <v>400</v>
      </c>
      <c r="AW3896" s="98" t="s">
        <v>400</v>
      </c>
      <c r="AX3896" s="98"/>
      <c r="AY3896" s="98"/>
      <c r="AZ3896" s="98"/>
      <c r="BA3896" s="98"/>
      <c r="BB3896" s="107">
        <v>45884</v>
      </c>
    </row>
    <row r="3897" spans="1:54" s="8" customFormat="1" ht="13.95" customHeight="1" x14ac:dyDescent="0.25">
      <c r="A3897" s="219" t="s">
        <v>8656</v>
      </c>
      <c r="B3897" s="220" t="s">
        <v>6395</v>
      </c>
      <c r="C3897" s="98" t="s">
        <v>8657</v>
      </c>
      <c r="D3897" s="98" t="s">
        <v>8658</v>
      </c>
      <c r="E3897" s="141">
        <v>1957</v>
      </c>
      <c r="F3897" s="141">
        <v>87956</v>
      </c>
      <c r="G3897" s="98" t="s">
        <v>7</v>
      </c>
      <c r="H3897" s="98">
        <v>1</v>
      </c>
      <c r="I3897" s="98">
        <v>1</v>
      </c>
      <c r="J3897" s="98">
        <v>1</v>
      </c>
      <c r="K3897" s="98" t="s">
        <v>400</v>
      </c>
      <c r="L3897" s="98" t="s">
        <v>400</v>
      </c>
      <c r="M3897" s="98" t="s">
        <v>400</v>
      </c>
      <c r="N3897" s="98" t="s">
        <v>400</v>
      </c>
      <c r="O3897" s="98" t="s">
        <v>400</v>
      </c>
      <c r="P3897" s="98" t="s">
        <v>400</v>
      </c>
      <c r="Q3897" s="98" t="s">
        <v>400</v>
      </c>
      <c r="R3897" s="98" t="s">
        <v>400</v>
      </c>
      <c r="S3897" s="98" t="s">
        <v>400</v>
      </c>
      <c r="T3897" s="98" t="s">
        <v>400</v>
      </c>
      <c r="U3897" s="98">
        <v>0</v>
      </c>
      <c r="V3897" s="98">
        <v>0</v>
      </c>
      <c r="W3897" s="98">
        <v>1</v>
      </c>
      <c r="X3897" s="98">
        <v>0</v>
      </c>
      <c r="Y3897" s="98">
        <v>0</v>
      </c>
      <c r="Z3897" s="98">
        <v>1</v>
      </c>
      <c r="AA3897" s="98" t="s">
        <v>400</v>
      </c>
      <c r="AB3897" s="98">
        <v>1</v>
      </c>
      <c r="AC3897" s="98">
        <v>0</v>
      </c>
      <c r="AD3897" s="98">
        <v>0</v>
      </c>
      <c r="AE3897" s="98">
        <v>0</v>
      </c>
      <c r="AF3897" s="98">
        <v>1</v>
      </c>
      <c r="AG3897" s="98">
        <v>0</v>
      </c>
      <c r="AH3897" s="98">
        <v>0</v>
      </c>
      <c r="AI3897" s="98">
        <v>0</v>
      </c>
      <c r="AJ3897" s="98">
        <v>0</v>
      </c>
      <c r="AK3897" s="98">
        <v>0</v>
      </c>
      <c r="AL3897" s="98">
        <v>0</v>
      </c>
      <c r="AM3897" s="98">
        <v>0</v>
      </c>
      <c r="AN3897" s="98" t="s">
        <v>400</v>
      </c>
      <c r="AO3897" s="98">
        <v>1</v>
      </c>
      <c r="AP3897" s="98">
        <v>0</v>
      </c>
      <c r="AQ3897" s="98">
        <v>0</v>
      </c>
      <c r="AR3897" s="98">
        <v>0</v>
      </c>
      <c r="AS3897" s="98" t="s">
        <v>400</v>
      </c>
      <c r="AT3897" s="98">
        <v>1</v>
      </c>
      <c r="AU3897" s="98" t="s">
        <v>400</v>
      </c>
      <c r="AV3897" s="98" t="s">
        <v>400</v>
      </c>
      <c r="AW3897" s="98" t="s">
        <v>400</v>
      </c>
      <c r="AX3897" s="98"/>
      <c r="AY3897" s="98"/>
      <c r="AZ3897" s="98"/>
      <c r="BA3897" s="98"/>
      <c r="BB3897" s="107">
        <v>45884</v>
      </c>
    </row>
    <row r="3898" spans="1:54" s="8" customFormat="1" ht="13.95" customHeight="1" x14ac:dyDescent="0.25">
      <c r="A3898" s="219" t="s">
        <v>8659</v>
      </c>
      <c r="B3898" s="220" t="s">
        <v>6395</v>
      </c>
      <c r="C3898" s="98" t="s">
        <v>22209</v>
      </c>
      <c r="D3898" s="98" t="s">
        <v>21623</v>
      </c>
      <c r="E3898" s="141">
        <v>1991</v>
      </c>
      <c r="F3898" s="141">
        <v>104676</v>
      </c>
      <c r="G3898" s="98" t="s">
        <v>6</v>
      </c>
      <c r="H3898" s="98">
        <v>1</v>
      </c>
      <c r="I3898" s="98">
        <v>1</v>
      </c>
      <c r="J3898" s="98" t="s">
        <v>400</v>
      </c>
      <c r="K3898" s="98" t="s">
        <v>400</v>
      </c>
      <c r="L3898" s="98" t="s">
        <v>400</v>
      </c>
      <c r="M3898" s="98" t="s">
        <v>400</v>
      </c>
      <c r="N3898" s="98" t="s">
        <v>400</v>
      </c>
      <c r="O3898" s="98" t="s">
        <v>400</v>
      </c>
      <c r="P3898" s="98" t="s">
        <v>400</v>
      </c>
      <c r="Q3898" s="98" t="s">
        <v>400</v>
      </c>
      <c r="R3898" s="98" t="s">
        <v>400</v>
      </c>
      <c r="S3898" s="98" t="s">
        <v>400</v>
      </c>
      <c r="T3898" s="98" t="s">
        <v>400</v>
      </c>
      <c r="U3898" s="98">
        <v>0</v>
      </c>
      <c r="V3898" s="98">
        <v>0</v>
      </c>
      <c r="W3898" s="98">
        <v>1</v>
      </c>
      <c r="X3898" s="98">
        <v>0</v>
      </c>
      <c r="Y3898" s="98">
        <v>0</v>
      </c>
      <c r="Z3898" s="98">
        <v>0</v>
      </c>
      <c r="AA3898" s="98" t="s">
        <v>400</v>
      </c>
      <c r="AB3898" s="98">
        <v>0</v>
      </c>
      <c r="AC3898" s="98">
        <v>0</v>
      </c>
      <c r="AD3898" s="98">
        <v>0</v>
      </c>
      <c r="AE3898" s="98">
        <v>0</v>
      </c>
      <c r="AF3898" s="98">
        <v>0</v>
      </c>
      <c r="AG3898" s="98">
        <v>0</v>
      </c>
      <c r="AH3898" s="98">
        <v>0</v>
      </c>
      <c r="AI3898" s="98">
        <v>0</v>
      </c>
      <c r="AJ3898" s="98">
        <v>0</v>
      </c>
      <c r="AK3898" s="98">
        <v>0</v>
      </c>
      <c r="AL3898" s="98">
        <v>0</v>
      </c>
      <c r="AM3898" s="98" t="s">
        <v>400</v>
      </c>
      <c r="AN3898" s="98" t="s">
        <v>400</v>
      </c>
      <c r="AO3898" s="98">
        <v>1</v>
      </c>
      <c r="AP3898" s="98">
        <v>0</v>
      </c>
      <c r="AQ3898" s="98">
        <v>0</v>
      </c>
      <c r="AR3898" s="98">
        <v>0</v>
      </c>
      <c r="AS3898" s="98" t="s">
        <v>400</v>
      </c>
      <c r="AT3898" s="98">
        <v>1</v>
      </c>
      <c r="AU3898" s="98" t="s">
        <v>400</v>
      </c>
      <c r="AV3898" s="98">
        <v>1</v>
      </c>
      <c r="AW3898" s="98" t="s">
        <v>400</v>
      </c>
      <c r="AX3898" s="98"/>
      <c r="AY3898" s="98"/>
      <c r="AZ3898" s="98"/>
      <c r="BA3898" s="98"/>
      <c r="BB3898" s="107">
        <v>45884</v>
      </c>
    </row>
    <row r="3899" spans="1:54" s="8" customFormat="1" ht="13.95" customHeight="1" x14ac:dyDescent="0.25">
      <c r="A3899" s="219" t="s">
        <v>8660</v>
      </c>
      <c r="B3899" s="220" t="s">
        <v>6395</v>
      </c>
      <c r="C3899" s="98" t="s">
        <v>8661</v>
      </c>
      <c r="D3899" s="98" t="s">
        <v>8662</v>
      </c>
      <c r="E3899" s="141">
        <v>1957</v>
      </c>
      <c r="F3899" s="141">
        <v>132302</v>
      </c>
      <c r="G3899" s="98" t="s">
        <v>6</v>
      </c>
      <c r="H3899" s="98">
        <v>1</v>
      </c>
      <c r="I3899" s="98">
        <v>1</v>
      </c>
      <c r="J3899" s="98">
        <v>1</v>
      </c>
      <c r="K3899" s="98">
        <v>1</v>
      </c>
      <c r="L3899" s="98">
        <v>1</v>
      </c>
      <c r="M3899" s="98">
        <v>1</v>
      </c>
      <c r="N3899" s="98">
        <v>0</v>
      </c>
      <c r="O3899" s="98">
        <v>1</v>
      </c>
      <c r="P3899" s="98">
        <v>1</v>
      </c>
      <c r="Q3899" s="98">
        <v>0</v>
      </c>
      <c r="R3899" s="98">
        <v>1</v>
      </c>
      <c r="S3899" s="98">
        <v>0</v>
      </c>
      <c r="T3899" s="98">
        <v>0</v>
      </c>
      <c r="U3899" s="98">
        <v>0</v>
      </c>
      <c r="V3899" s="98">
        <v>0</v>
      </c>
      <c r="W3899" s="98">
        <v>1</v>
      </c>
      <c r="X3899" s="98">
        <v>0</v>
      </c>
      <c r="Y3899" s="98">
        <v>0</v>
      </c>
      <c r="Z3899" s="98">
        <v>1</v>
      </c>
      <c r="AA3899" s="98">
        <v>0</v>
      </c>
      <c r="AB3899" s="98">
        <v>1</v>
      </c>
      <c r="AC3899" s="98">
        <v>0</v>
      </c>
      <c r="AD3899" s="98">
        <v>0</v>
      </c>
      <c r="AE3899" s="98">
        <v>0</v>
      </c>
      <c r="AF3899" s="98">
        <v>0</v>
      </c>
      <c r="AG3899" s="98">
        <v>1</v>
      </c>
      <c r="AH3899" s="98">
        <v>0</v>
      </c>
      <c r="AI3899" s="98">
        <v>0</v>
      </c>
      <c r="AJ3899" s="98">
        <v>0</v>
      </c>
      <c r="AK3899" s="98">
        <v>0</v>
      </c>
      <c r="AL3899" s="98">
        <v>0</v>
      </c>
      <c r="AM3899" s="98">
        <v>0</v>
      </c>
      <c r="AN3899" s="98">
        <v>0</v>
      </c>
      <c r="AO3899" s="98">
        <v>1</v>
      </c>
      <c r="AP3899" s="98">
        <v>0</v>
      </c>
      <c r="AQ3899" s="98">
        <v>0</v>
      </c>
      <c r="AR3899" s="98">
        <v>0</v>
      </c>
      <c r="AS3899" s="98">
        <v>1</v>
      </c>
      <c r="AT3899" s="98">
        <v>1</v>
      </c>
      <c r="AU3899" s="98" t="s">
        <v>400</v>
      </c>
      <c r="AV3899" s="98">
        <v>1</v>
      </c>
      <c r="AW3899" s="98" t="s">
        <v>400</v>
      </c>
      <c r="AX3899" s="98"/>
      <c r="AY3899" s="98"/>
      <c r="AZ3899" s="98"/>
      <c r="BA3899" s="98"/>
      <c r="BB3899" s="107">
        <v>45884</v>
      </c>
    </row>
    <row r="3900" spans="1:54" s="8" customFormat="1" ht="13.95" customHeight="1" x14ac:dyDescent="0.25">
      <c r="A3900" s="219" t="s">
        <v>8663</v>
      </c>
      <c r="B3900" s="220" t="s">
        <v>6395</v>
      </c>
      <c r="C3900" s="98" t="s">
        <v>8664</v>
      </c>
      <c r="D3900" s="98" t="s">
        <v>8665</v>
      </c>
      <c r="E3900" s="141">
        <v>2004</v>
      </c>
      <c r="F3900" s="141">
        <v>130484</v>
      </c>
      <c r="G3900" s="98" t="s">
        <v>10</v>
      </c>
      <c r="H3900" s="98">
        <v>1</v>
      </c>
      <c r="I3900" s="98">
        <v>1</v>
      </c>
      <c r="J3900" s="98">
        <v>1</v>
      </c>
      <c r="K3900" s="98">
        <v>0</v>
      </c>
      <c r="L3900" s="98">
        <v>0</v>
      </c>
      <c r="M3900" s="98">
        <v>0</v>
      </c>
      <c r="N3900" s="98">
        <v>0</v>
      </c>
      <c r="O3900" s="98">
        <v>0</v>
      </c>
      <c r="P3900" s="98">
        <v>0</v>
      </c>
      <c r="Q3900" s="98">
        <v>0</v>
      </c>
      <c r="R3900" s="98">
        <v>0</v>
      </c>
      <c r="S3900" s="98">
        <v>0</v>
      </c>
      <c r="T3900" s="98">
        <v>0</v>
      </c>
      <c r="U3900" s="98">
        <v>0</v>
      </c>
      <c r="V3900" s="98">
        <v>0</v>
      </c>
      <c r="W3900" s="98">
        <v>0</v>
      </c>
      <c r="X3900" s="98">
        <v>0</v>
      </c>
      <c r="Y3900" s="98">
        <v>0</v>
      </c>
      <c r="Z3900" s="98">
        <v>0</v>
      </c>
      <c r="AA3900" s="98">
        <v>0</v>
      </c>
      <c r="AB3900" s="98">
        <v>0</v>
      </c>
      <c r="AC3900" s="98">
        <v>0</v>
      </c>
      <c r="AD3900" s="98">
        <v>0</v>
      </c>
      <c r="AE3900" s="98">
        <v>0</v>
      </c>
      <c r="AF3900" s="98">
        <v>0</v>
      </c>
      <c r="AG3900" s="98">
        <v>0</v>
      </c>
      <c r="AH3900" s="98">
        <v>0</v>
      </c>
      <c r="AI3900" s="98">
        <v>0</v>
      </c>
      <c r="AJ3900" s="98">
        <v>0</v>
      </c>
      <c r="AK3900" s="98">
        <v>0</v>
      </c>
      <c r="AL3900" s="98">
        <v>0</v>
      </c>
      <c r="AM3900" s="98">
        <v>0</v>
      </c>
      <c r="AN3900" s="98" t="s">
        <v>400</v>
      </c>
      <c r="AO3900" s="98">
        <v>1</v>
      </c>
      <c r="AP3900" s="98">
        <v>0</v>
      </c>
      <c r="AQ3900" s="98">
        <v>0</v>
      </c>
      <c r="AR3900" s="98">
        <v>0</v>
      </c>
      <c r="AS3900" s="98" t="s">
        <v>400</v>
      </c>
      <c r="AT3900" s="129" t="s">
        <v>400</v>
      </c>
      <c r="AU3900" s="98" t="s">
        <v>400</v>
      </c>
      <c r="AV3900" s="98" t="s">
        <v>400</v>
      </c>
      <c r="AW3900" s="98" t="s">
        <v>400</v>
      </c>
      <c r="AX3900" s="98"/>
      <c r="AY3900" s="98"/>
      <c r="AZ3900" s="98"/>
      <c r="BA3900" s="98"/>
      <c r="BB3900" s="107">
        <v>45884</v>
      </c>
    </row>
    <row r="3901" spans="1:54" s="8" customFormat="1" ht="13.95" customHeight="1" x14ac:dyDescent="0.25">
      <c r="A3901" s="219" t="s">
        <v>8666</v>
      </c>
      <c r="B3901" s="220" t="s">
        <v>6395</v>
      </c>
      <c r="C3901" s="98" t="s">
        <v>8667</v>
      </c>
      <c r="D3901" s="98" t="s">
        <v>21807</v>
      </c>
      <c r="E3901" s="141">
        <v>1965</v>
      </c>
      <c r="F3901" s="141">
        <v>365886</v>
      </c>
      <c r="G3901" s="98" t="s">
        <v>6</v>
      </c>
      <c r="H3901" s="98">
        <v>1</v>
      </c>
      <c r="I3901" s="98">
        <v>1</v>
      </c>
      <c r="J3901" s="98">
        <v>1</v>
      </c>
      <c r="K3901" s="98">
        <v>1</v>
      </c>
      <c r="L3901" s="98">
        <v>1</v>
      </c>
      <c r="M3901" s="98">
        <v>1</v>
      </c>
      <c r="N3901" s="98">
        <v>1</v>
      </c>
      <c r="O3901" s="98">
        <v>1</v>
      </c>
      <c r="P3901" s="98">
        <v>1</v>
      </c>
      <c r="Q3901" s="98" t="s">
        <v>400</v>
      </c>
      <c r="R3901" s="98">
        <v>1</v>
      </c>
      <c r="S3901" s="98" t="s">
        <v>400</v>
      </c>
      <c r="T3901" s="98" t="s">
        <v>400</v>
      </c>
      <c r="U3901" s="98">
        <v>0</v>
      </c>
      <c r="V3901" s="98">
        <v>0</v>
      </c>
      <c r="W3901" s="98">
        <v>0</v>
      </c>
      <c r="X3901" s="98">
        <v>0</v>
      </c>
      <c r="Y3901" s="98">
        <v>0</v>
      </c>
      <c r="Z3901" s="98">
        <v>1</v>
      </c>
      <c r="AA3901" s="98">
        <v>0</v>
      </c>
      <c r="AB3901" s="98">
        <v>1</v>
      </c>
      <c r="AC3901" s="98">
        <v>0</v>
      </c>
      <c r="AD3901" s="98">
        <v>1</v>
      </c>
      <c r="AE3901" s="98">
        <v>0</v>
      </c>
      <c r="AF3901" s="98">
        <v>0</v>
      </c>
      <c r="AG3901" s="98">
        <v>0</v>
      </c>
      <c r="AH3901" s="98">
        <v>1</v>
      </c>
      <c r="AI3901" s="98">
        <v>0</v>
      </c>
      <c r="AJ3901" s="98">
        <v>0</v>
      </c>
      <c r="AK3901" s="98">
        <v>0</v>
      </c>
      <c r="AL3901" s="98">
        <v>0</v>
      </c>
      <c r="AM3901" s="98" t="s">
        <v>400</v>
      </c>
      <c r="AN3901" s="98" t="s">
        <v>400</v>
      </c>
      <c r="AO3901" s="98">
        <v>1</v>
      </c>
      <c r="AP3901" s="98">
        <v>0</v>
      </c>
      <c r="AQ3901" s="98">
        <v>0</v>
      </c>
      <c r="AR3901" s="98">
        <v>0</v>
      </c>
      <c r="AS3901" s="98">
        <v>1</v>
      </c>
      <c r="AT3901" s="98">
        <v>1</v>
      </c>
      <c r="AU3901" s="98" t="s">
        <v>400</v>
      </c>
      <c r="AV3901" s="98">
        <v>1</v>
      </c>
      <c r="AW3901" s="98" t="s">
        <v>400</v>
      </c>
      <c r="AX3901" s="98"/>
      <c r="AY3901" s="98"/>
      <c r="AZ3901" s="98"/>
      <c r="BA3901" s="98"/>
      <c r="BB3901" s="107">
        <v>45884</v>
      </c>
    </row>
    <row r="3902" spans="1:54" s="8" customFormat="1" ht="13.95" customHeight="1" x14ac:dyDescent="0.25">
      <c r="A3902" s="219" t="s">
        <v>8668</v>
      </c>
      <c r="B3902" s="220" t="s">
        <v>6395</v>
      </c>
      <c r="C3902" s="98" t="s">
        <v>8669</v>
      </c>
      <c r="D3902" s="98" t="s">
        <v>8670</v>
      </c>
      <c r="E3902" s="141">
        <v>1957</v>
      </c>
      <c r="F3902" s="141">
        <v>1193455</v>
      </c>
      <c r="G3902" s="98" t="s">
        <v>6</v>
      </c>
      <c r="H3902" s="98">
        <v>1</v>
      </c>
      <c r="I3902" s="98">
        <v>1</v>
      </c>
      <c r="J3902" s="98">
        <v>1</v>
      </c>
      <c r="K3902" s="98">
        <v>1</v>
      </c>
      <c r="L3902" s="98">
        <v>1</v>
      </c>
      <c r="M3902" s="98">
        <v>1</v>
      </c>
      <c r="N3902" s="98">
        <v>1</v>
      </c>
      <c r="O3902" s="98">
        <v>1</v>
      </c>
      <c r="P3902" s="98">
        <v>1</v>
      </c>
      <c r="Q3902" s="98" t="s">
        <v>400</v>
      </c>
      <c r="R3902" s="98" t="s">
        <v>400</v>
      </c>
      <c r="S3902" s="98" t="s">
        <v>400</v>
      </c>
      <c r="T3902" s="98" t="s">
        <v>400</v>
      </c>
      <c r="U3902" s="98">
        <v>0</v>
      </c>
      <c r="V3902" s="98">
        <v>0</v>
      </c>
      <c r="W3902" s="98">
        <v>1</v>
      </c>
      <c r="X3902" s="98">
        <v>0</v>
      </c>
      <c r="Y3902" s="98">
        <v>0</v>
      </c>
      <c r="Z3902" s="98">
        <v>0</v>
      </c>
      <c r="AA3902" s="98">
        <v>0</v>
      </c>
      <c r="AB3902" s="98">
        <v>0</v>
      </c>
      <c r="AC3902" s="98">
        <v>0</v>
      </c>
      <c r="AD3902" s="98">
        <v>0</v>
      </c>
      <c r="AE3902" s="98">
        <v>0</v>
      </c>
      <c r="AF3902" s="98">
        <v>0</v>
      </c>
      <c r="AG3902" s="98">
        <v>0</v>
      </c>
      <c r="AH3902" s="98">
        <v>0</v>
      </c>
      <c r="AI3902" s="98">
        <v>0</v>
      </c>
      <c r="AJ3902" s="98">
        <v>0</v>
      </c>
      <c r="AK3902" s="98">
        <v>0</v>
      </c>
      <c r="AL3902" s="98">
        <v>0</v>
      </c>
      <c r="AM3902" s="98">
        <v>1</v>
      </c>
      <c r="AN3902" s="98">
        <v>1</v>
      </c>
      <c r="AO3902" s="98">
        <v>1</v>
      </c>
      <c r="AP3902" s="98">
        <v>0</v>
      </c>
      <c r="AQ3902" s="98">
        <v>0</v>
      </c>
      <c r="AR3902" s="98">
        <v>0</v>
      </c>
      <c r="AS3902" s="98">
        <v>1</v>
      </c>
      <c r="AT3902" s="98">
        <v>1</v>
      </c>
      <c r="AU3902" s="98" t="s">
        <v>400</v>
      </c>
      <c r="AV3902" s="98">
        <v>1</v>
      </c>
      <c r="AW3902" s="98" t="s">
        <v>400</v>
      </c>
      <c r="AX3902" s="98"/>
      <c r="AY3902" s="98"/>
      <c r="AZ3902" s="98"/>
      <c r="BA3902" s="98"/>
      <c r="BB3902" s="107">
        <v>45884</v>
      </c>
    </row>
    <row r="3903" spans="1:54" s="8" customFormat="1" ht="12" x14ac:dyDescent="0.25">
      <c r="A3903" s="219" t="s">
        <v>21808</v>
      </c>
      <c r="B3903" s="220" t="s">
        <v>6395</v>
      </c>
      <c r="C3903" s="98" t="s">
        <v>77</v>
      </c>
      <c r="D3903" s="98" t="s">
        <v>21809</v>
      </c>
      <c r="E3903" s="141">
        <v>1978</v>
      </c>
      <c r="F3903" s="141">
        <v>116984</v>
      </c>
      <c r="G3903" s="98" t="s">
        <v>10</v>
      </c>
      <c r="H3903" s="98">
        <v>1</v>
      </c>
      <c r="I3903" s="98">
        <v>1</v>
      </c>
      <c r="J3903" s="98">
        <v>1</v>
      </c>
      <c r="K3903" s="98" t="s">
        <v>400</v>
      </c>
      <c r="L3903" s="98" t="s">
        <v>400</v>
      </c>
      <c r="M3903" s="98" t="s">
        <v>400</v>
      </c>
      <c r="N3903" s="98" t="s">
        <v>400</v>
      </c>
      <c r="O3903" s="98" t="s">
        <v>400</v>
      </c>
      <c r="P3903" s="98" t="s">
        <v>400</v>
      </c>
      <c r="Q3903" s="98" t="s">
        <v>400</v>
      </c>
      <c r="R3903" s="98" t="s">
        <v>400</v>
      </c>
      <c r="S3903" s="98" t="s">
        <v>400</v>
      </c>
      <c r="T3903" s="98" t="s">
        <v>400</v>
      </c>
      <c r="U3903" s="98">
        <v>0</v>
      </c>
      <c r="V3903" s="98">
        <v>0</v>
      </c>
      <c r="W3903" s="98">
        <v>0</v>
      </c>
      <c r="X3903" s="98">
        <v>0</v>
      </c>
      <c r="Y3903" s="98">
        <v>0</v>
      </c>
      <c r="Z3903" s="98">
        <v>0</v>
      </c>
      <c r="AA3903" s="98">
        <v>0</v>
      </c>
      <c r="AB3903" s="98">
        <v>0</v>
      </c>
      <c r="AC3903" s="98">
        <v>0</v>
      </c>
      <c r="AD3903" s="98">
        <v>0</v>
      </c>
      <c r="AE3903" s="98">
        <v>0</v>
      </c>
      <c r="AF3903" s="98">
        <v>0</v>
      </c>
      <c r="AG3903" s="98">
        <v>0</v>
      </c>
      <c r="AH3903" s="98">
        <v>0</v>
      </c>
      <c r="AI3903" s="98">
        <v>0</v>
      </c>
      <c r="AJ3903" s="98">
        <v>0</v>
      </c>
      <c r="AK3903" s="98">
        <v>0</v>
      </c>
      <c r="AL3903" s="98">
        <v>0</v>
      </c>
      <c r="AM3903" s="98">
        <v>0</v>
      </c>
      <c r="AN3903" s="98" t="s">
        <v>400</v>
      </c>
      <c r="AO3903" s="98" t="s">
        <v>400</v>
      </c>
      <c r="AP3903" s="98">
        <v>0</v>
      </c>
      <c r="AQ3903" s="98">
        <v>0</v>
      </c>
      <c r="AR3903" s="98">
        <v>0</v>
      </c>
      <c r="AS3903" s="98" t="s">
        <v>400</v>
      </c>
      <c r="AT3903" s="129" t="s">
        <v>400</v>
      </c>
      <c r="AU3903" s="98" t="s">
        <v>400</v>
      </c>
      <c r="AV3903" s="98" t="s">
        <v>400</v>
      </c>
      <c r="AW3903" s="98" t="s">
        <v>400</v>
      </c>
      <c r="AX3903" s="98"/>
      <c r="AY3903" s="98"/>
      <c r="AZ3903" s="98"/>
      <c r="BA3903" s="98"/>
      <c r="BB3903" s="107">
        <v>45884</v>
      </c>
    </row>
    <row r="3904" spans="1:54" s="8" customFormat="1" ht="12" x14ac:dyDescent="0.25">
      <c r="A3904" s="219" t="s">
        <v>20357</v>
      </c>
      <c r="B3904" s="220" t="s">
        <v>6395</v>
      </c>
      <c r="C3904" s="98" t="s">
        <v>19802</v>
      </c>
      <c r="D3904" s="98" t="s">
        <v>21457</v>
      </c>
      <c r="E3904" s="141">
        <v>2015</v>
      </c>
      <c r="F3904" s="141">
        <v>699</v>
      </c>
      <c r="G3904" s="98" t="s">
        <v>1</v>
      </c>
      <c r="H3904" s="98">
        <v>0</v>
      </c>
      <c r="I3904" s="98">
        <v>0</v>
      </c>
      <c r="J3904" s="98" t="s">
        <v>400</v>
      </c>
      <c r="K3904" s="98" t="s">
        <v>400</v>
      </c>
      <c r="L3904" s="98" t="s">
        <v>400</v>
      </c>
      <c r="M3904" s="98" t="s">
        <v>400</v>
      </c>
      <c r="N3904" s="98" t="s">
        <v>400</v>
      </c>
      <c r="O3904" s="98" t="s">
        <v>400</v>
      </c>
      <c r="P3904" s="98" t="s">
        <v>400</v>
      </c>
      <c r="Q3904" s="98" t="s">
        <v>400</v>
      </c>
      <c r="R3904" s="98" t="s">
        <v>400</v>
      </c>
      <c r="S3904" s="98" t="s">
        <v>400</v>
      </c>
      <c r="T3904" s="98" t="s">
        <v>400</v>
      </c>
      <c r="U3904" s="128"/>
      <c r="V3904" s="128"/>
      <c r="W3904" s="128"/>
      <c r="X3904" s="128"/>
      <c r="Y3904" s="128"/>
      <c r="Z3904" s="128"/>
      <c r="AA3904" s="128"/>
      <c r="AB3904" s="128"/>
      <c r="AC3904" s="128"/>
      <c r="AD3904" s="128"/>
      <c r="AE3904" s="128"/>
      <c r="AF3904" s="128"/>
      <c r="AG3904" s="128"/>
      <c r="AH3904" s="128"/>
      <c r="AI3904" s="128"/>
      <c r="AJ3904" s="128"/>
      <c r="AK3904" s="128"/>
      <c r="AL3904" s="128"/>
      <c r="AM3904" s="128"/>
      <c r="AN3904" s="128"/>
      <c r="AO3904" s="128"/>
      <c r="AP3904" s="128"/>
      <c r="AQ3904" s="128"/>
      <c r="AR3904" s="128"/>
      <c r="AS3904" s="128"/>
      <c r="AT3904" s="128"/>
      <c r="AU3904" s="128"/>
      <c r="AV3904" s="128"/>
      <c r="AW3904" s="128"/>
      <c r="AX3904" s="128"/>
      <c r="AY3904" s="128"/>
      <c r="AZ3904" s="128"/>
      <c r="BA3904" s="128"/>
      <c r="BB3904" s="107">
        <v>45884</v>
      </c>
    </row>
    <row r="3905" spans="1:54" s="8" customFormat="1" ht="12" x14ac:dyDescent="0.25">
      <c r="A3905" s="219" t="s">
        <v>19824</v>
      </c>
      <c r="B3905" s="220" t="s">
        <v>6395</v>
      </c>
      <c r="C3905" s="98" t="s">
        <v>19803</v>
      </c>
      <c r="D3905" s="98" t="s">
        <v>21458</v>
      </c>
      <c r="E3905" s="141">
        <v>2015</v>
      </c>
      <c r="F3905" s="141">
        <v>1776</v>
      </c>
      <c r="G3905" s="98" t="s">
        <v>1</v>
      </c>
      <c r="H3905" s="98">
        <v>0</v>
      </c>
      <c r="I3905" s="98">
        <v>0</v>
      </c>
      <c r="J3905" s="98" t="s">
        <v>400</v>
      </c>
      <c r="K3905" s="98" t="s">
        <v>400</v>
      </c>
      <c r="L3905" s="98" t="s">
        <v>400</v>
      </c>
      <c r="M3905" s="98" t="s">
        <v>400</v>
      </c>
      <c r="N3905" s="98" t="s">
        <v>400</v>
      </c>
      <c r="O3905" s="98" t="s">
        <v>400</v>
      </c>
      <c r="P3905" s="98" t="s">
        <v>400</v>
      </c>
      <c r="Q3905" s="98" t="s">
        <v>400</v>
      </c>
      <c r="R3905" s="98" t="s">
        <v>400</v>
      </c>
      <c r="S3905" s="98" t="s">
        <v>400</v>
      </c>
      <c r="T3905" s="98" t="s">
        <v>400</v>
      </c>
      <c r="U3905" s="128"/>
      <c r="V3905" s="128"/>
      <c r="W3905" s="128"/>
      <c r="X3905" s="128"/>
      <c r="Y3905" s="128"/>
      <c r="Z3905" s="128"/>
      <c r="AA3905" s="128"/>
      <c r="AB3905" s="128"/>
      <c r="AC3905" s="128"/>
      <c r="AD3905" s="128"/>
      <c r="AE3905" s="128"/>
      <c r="AF3905" s="128"/>
      <c r="AG3905" s="128"/>
      <c r="AH3905" s="128"/>
      <c r="AI3905" s="128"/>
      <c r="AJ3905" s="128"/>
      <c r="AK3905" s="128"/>
      <c r="AL3905" s="128"/>
      <c r="AM3905" s="128"/>
      <c r="AN3905" s="128"/>
      <c r="AO3905" s="128"/>
      <c r="AP3905" s="128"/>
      <c r="AQ3905" s="128"/>
      <c r="AR3905" s="128"/>
      <c r="AS3905" s="128"/>
      <c r="AT3905" s="128"/>
      <c r="AU3905" s="128"/>
      <c r="AV3905" s="128"/>
      <c r="AW3905" s="128"/>
      <c r="AX3905" s="128"/>
      <c r="AY3905" s="128"/>
      <c r="AZ3905" s="128"/>
      <c r="BA3905" s="128"/>
      <c r="BB3905" s="107">
        <v>45884</v>
      </c>
    </row>
    <row r="3906" spans="1:54" s="8" customFormat="1" ht="12" x14ac:dyDescent="0.25">
      <c r="A3906" s="219" t="s">
        <v>19825</v>
      </c>
      <c r="B3906" s="220" t="s">
        <v>6395</v>
      </c>
      <c r="C3906" s="98" t="s">
        <v>19804</v>
      </c>
      <c r="D3906" s="98" t="s">
        <v>21459</v>
      </c>
      <c r="E3906" s="141">
        <v>2017</v>
      </c>
      <c r="F3906" s="141">
        <v>474</v>
      </c>
      <c r="G3906" s="98" t="s">
        <v>1</v>
      </c>
      <c r="H3906" s="98">
        <v>0</v>
      </c>
      <c r="I3906" s="98">
        <v>0</v>
      </c>
      <c r="J3906" s="98" t="s">
        <v>400</v>
      </c>
      <c r="K3906" s="98" t="s">
        <v>400</v>
      </c>
      <c r="L3906" s="98" t="s">
        <v>400</v>
      </c>
      <c r="M3906" s="98" t="s">
        <v>400</v>
      </c>
      <c r="N3906" s="98" t="s">
        <v>400</v>
      </c>
      <c r="O3906" s="98" t="s">
        <v>400</v>
      </c>
      <c r="P3906" s="98" t="s">
        <v>400</v>
      </c>
      <c r="Q3906" s="98" t="s">
        <v>400</v>
      </c>
      <c r="R3906" s="98" t="s">
        <v>400</v>
      </c>
      <c r="S3906" s="98" t="s">
        <v>400</v>
      </c>
      <c r="T3906" s="98" t="s">
        <v>400</v>
      </c>
      <c r="U3906" s="128"/>
      <c r="V3906" s="128"/>
      <c r="W3906" s="128"/>
      <c r="X3906" s="128"/>
      <c r="Y3906" s="128"/>
      <c r="Z3906" s="128"/>
      <c r="AA3906" s="128"/>
      <c r="AB3906" s="128"/>
      <c r="AC3906" s="128"/>
      <c r="AD3906" s="128"/>
      <c r="AE3906" s="128"/>
      <c r="AF3906" s="128"/>
      <c r="AG3906" s="128"/>
      <c r="AH3906" s="128"/>
      <c r="AI3906" s="128"/>
      <c r="AJ3906" s="128"/>
      <c r="AK3906" s="128"/>
      <c r="AL3906" s="128"/>
      <c r="AM3906" s="128"/>
      <c r="AN3906" s="128"/>
      <c r="AO3906" s="128"/>
      <c r="AP3906" s="128"/>
      <c r="AQ3906" s="128"/>
      <c r="AR3906" s="128"/>
      <c r="AS3906" s="128"/>
      <c r="AT3906" s="128"/>
      <c r="AU3906" s="128"/>
      <c r="AV3906" s="128"/>
      <c r="AW3906" s="128"/>
      <c r="AX3906" s="128"/>
      <c r="AY3906" s="128"/>
      <c r="AZ3906" s="128"/>
      <c r="BA3906" s="128"/>
      <c r="BB3906" s="107">
        <v>45884</v>
      </c>
    </row>
    <row r="3907" spans="1:54" s="8" customFormat="1" ht="12" x14ac:dyDescent="0.25">
      <c r="A3907" s="219" t="s">
        <v>19826</v>
      </c>
      <c r="B3907" s="220" t="s">
        <v>6395</v>
      </c>
      <c r="C3907" s="98" t="s">
        <v>19805</v>
      </c>
      <c r="D3907" s="98" t="s">
        <v>21460</v>
      </c>
      <c r="E3907" s="141">
        <v>2006</v>
      </c>
      <c r="F3907" s="141">
        <v>7939</v>
      </c>
      <c r="G3907" s="98" t="s">
        <v>9</v>
      </c>
      <c r="H3907" s="98">
        <v>0</v>
      </c>
      <c r="I3907" s="98">
        <v>0</v>
      </c>
      <c r="J3907" s="98" t="s">
        <v>400</v>
      </c>
      <c r="K3907" s="98" t="s">
        <v>400</v>
      </c>
      <c r="L3907" s="98" t="s">
        <v>400</v>
      </c>
      <c r="M3907" s="98" t="s">
        <v>400</v>
      </c>
      <c r="N3907" s="98" t="s">
        <v>400</v>
      </c>
      <c r="O3907" s="98" t="s">
        <v>400</v>
      </c>
      <c r="P3907" s="98" t="s">
        <v>400</v>
      </c>
      <c r="Q3907" s="98" t="s">
        <v>400</v>
      </c>
      <c r="R3907" s="98" t="s">
        <v>400</v>
      </c>
      <c r="S3907" s="98" t="s">
        <v>400</v>
      </c>
      <c r="T3907" s="98" t="s">
        <v>400</v>
      </c>
      <c r="U3907" s="98">
        <v>0</v>
      </c>
      <c r="V3907" s="98">
        <v>0</v>
      </c>
      <c r="W3907" s="98" t="s">
        <v>400</v>
      </c>
      <c r="X3907" s="98" t="s">
        <v>400</v>
      </c>
      <c r="Y3907" s="98">
        <v>0</v>
      </c>
      <c r="Z3907" s="98" t="s">
        <v>400</v>
      </c>
      <c r="AA3907" s="98" t="s">
        <v>400</v>
      </c>
      <c r="AB3907" s="98">
        <v>0</v>
      </c>
      <c r="AC3907" s="98">
        <v>0</v>
      </c>
      <c r="AD3907" s="98" t="s">
        <v>400</v>
      </c>
      <c r="AE3907" s="98">
        <v>0</v>
      </c>
      <c r="AF3907" s="98">
        <v>0</v>
      </c>
      <c r="AG3907" s="98">
        <v>0</v>
      </c>
      <c r="AH3907" s="98">
        <v>0</v>
      </c>
      <c r="AI3907" s="98">
        <v>0</v>
      </c>
      <c r="AJ3907" s="98">
        <v>0</v>
      </c>
      <c r="AK3907" s="98">
        <v>0</v>
      </c>
      <c r="AL3907" s="98">
        <v>0</v>
      </c>
      <c r="AM3907" s="98" t="s">
        <v>400</v>
      </c>
      <c r="AN3907" s="98" t="s">
        <v>400</v>
      </c>
      <c r="AO3907" s="98" t="s">
        <v>400</v>
      </c>
      <c r="AP3907" s="98">
        <v>0</v>
      </c>
      <c r="AQ3907" s="98">
        <v>0</v>
      </c>
      <c r="AR3907" s="98" t="s">
        <v>400</v>
      </c>
      <c r="AS3907" s="98" t="s">
        <v>400</v>
      </c>
      <c r="AT3907" s="98" t="s">
        <v>400</v>
      </c>
      <c r="AU3907" s="98" t="s">
        <v>400</v>
      </c>
      <c r="AV3907" s="98" t="s">
        <v>400</v>
      </c>
      <c r="AW3907" s="98" t="s">
        <v>400</v>
      </c>
      <c r="AX3907" s="98"/>
      <c r="AY3907" s="98"/>
      <c r="AZ3907" s="98"/>
      <c r="BA3907" s="98"/>
      <c r="BB3907" s="107">
        <v>45884</v>
      </c>
    </row>
    <row r="3908" spans="1:54" s="8" customFormat="1" ht="12" x14ac:dyDescent="0.25">
      <c r="A3908" s="219" t="s">
        <v>19827</v>
      </c>
      <c r="B3908" s="220" t="s">
        <v>6395</v>
      </c>
      <c r="C3908" s="98" t="s">
        <v>19806</v>
      </c>
      <c r="D3908" s="98" t="s">
        <v>21461</v>
      </c>
      <c r="E3908" s="141">
        <v>2017</v>
      </c>
      <c r="F3908" s="141">
        <v>3996</v>
      </c>
      <c r="G3908" s="98" t="s">
        <v>9</v>
      </c>
      <c r="H3908" s="98">
        <v>0</v>
      </c>
      <c r="I3908" s="98">
        <v>0</v>
      </c>
      <c r="J3908" s="98" t="s">
        <v>400</v>
      </c>
      <c r="K3908" s="98" t="s">
        <v>400</v>
      </c>
      <c r="L3908" s="98" t="s">
        <v>400</v>
      </c>
      <c r="M3908" s="98" t="s">
        <v>400</v>
      </c>
      <c r="N3908" s="98" t="s">
        <v>400</v>
      </c>
      <c r="O3908" s="98" t="s">
        <v>400</v>
      </c>
      <c r="P3908" s="98" t="s">
        <v>400</v>
      </c>
      <c r="Q3908" s="98" t="s">
        <v>400</v>
      </c>
      <c r="R3908" s="98" t="s">
        <v>400</v>
      </c>
      <c r="S3908" s="98" t="s">
        <v>400</v>
      </c>
      <c r="T3908" s="98" t="s">
        <v>400</v>
      </c>
      <c r="U3908" s="98">
        <v>0</v>
      </c>
      <c r="V3908" s="98">
        <v>0</v>
      </c>
      <c r="W3908" s="98" t="s">
        <v>400</v>
      </c>
      <c r="X3908" s="98" t="s">
        <v>400</v>
      </c>
      <c r="Y3908" s="98">
        <v>0</v>
      </c>
      <c r="Z3908" s="98" t="s">
        <v>400</v>
      </c>
      <c r="AA3908" s="98" t="s">
        <v>400</v>
      </c>
      <c r="AB3908" s="98">
        <v>0</v>
      </c>
      <c r="AC3908" s="98">
        <v>0</v>
      </c>
      <c r="AD3908" s="98" t="s">
        <v>400</v>
      </c>
      <c r="AE3908" s="98">
        <v>0</v>
      </c>
      <c r="AF3908" s="98">
        <v>0</v>
      </c>
      <c r="AG3908" s="98">
        <v>0</v>
      </c>
      <c r="AH3908" s="98">
        <v>0</v>
      </c>
      <c r="AI3908" s="98">
        <v>0</v>
      </c>
      <c r="AJ3908" s="98">
        <v>0</v>
      </c>
      <c r="AK3908" s="98">
        <v>0</v>
      </c>
      <c r="AL3908" s="98">
        <v>0</v>
      </c>
      <c r="AM3908" s="98" t="s">
        <v>400</v>
      </c>
      <c r="AN3908" s="98" t="s">
        <v>400</v>
      </c>
      <c r="AO3908" s="98" t="s">
        <v>400</v>
      </c>
      <c r="AP3908" s="98">
        <v>0</v>
      </c>
      <c r="AQ3908" s="98">
        <v>0</v>
      </c>
      <c r="AR3908" s="98" t="s">
        <v>400</v>
      </c>
      <c r="AS3908" s="98" t="s">
        <v>400</v>
      </c>
      <c r="AT3908" s="98" t="s">
        <v>400</v>
      </c>
      <c r="AU3908" s="98" t="s">
        <v>400</v>
      </c>
      <c r="AV3908" s="98" t="s">
        <v>400</v>
      </c>
      <c r="AW3908" s="98" t="s">
        <v>400</v>
      </c>
      <c r="AX3908" s="98"/>
      <c r="AY3908" s="98"/>
      <c r="AZ3908" s="98"/>
      <c r="BA3908" s="98"/>
      <c r="BB3908" s="107">
        <v>45884</v>
      </c>
    </row>
    <row r="3909" spans="1:54" s="8" customFormat="1" ht="12" x14ac:dyDescent="0.25">
      <c r="A3909" s="219" t="s">
        <v>19828</v>
      </c>
      <c r="B3909" s="220" t="s">
        <v>6395</v>
      </c>
      <c r="C3909" s="98" t="s">
        <v>19807</v>
      </c>
      <c r="D3909" s="98" t="s">
        <v>21462</v>
      </c>
      <c r="E3909" s="141">
        <v>2017</v>
      </c>
      <c r="F3909" s="141">
        <v>511</v>
      </c>
      <c r="G3909" s="98" t="s">
        <v>1</v>
      </c>
      <c r="H3909" s="98">
        <v>0</v>
      </c>
      <c r="I3909" s="98">
        <v>0</v>
      </c>
      <c r="J3909" s="98" t="s">
        <v>400</v>
      </c>
      <c r="K3909" s="98" t="s">
        <v>400</v>
      </c>
      <c r="L3909" s="98" t="s">
        <v>400</v>
      </c>
      <c r="M3909" s="98" t="s">
        <v>400</v>
      </c>
      <c r="N3909" s="98" t="s">
        <v>400</v>
      </c>
      <c r="O3909" s="98" t="s">
        <v>400</v>
      </c>
      <c r="P3909" s="98" t="s">
        <v>400</v>
      </c>
      <c r="Q3909" s="98" t="s">
        <v>400</v>
      </c>
      <c r="R3909" s="98" t="s">
        <v>400</v>
      </c>
      <c r="S3909" s="98" t="s">
        <v>400</v>
      </c>
      <c r="T3909" s="98" t="s">
        <v>400</v>
      </c>
      <c r="U3909" s="128"/>
      <c r="V3909" s="128"/>
      <c r="W3909" s="128"/>
      <c r="X3909" s="128"/>
      <c r="Y3909" s="128"/>
      <c r="Z3909" s="128"/>
      <c r="AA3909" s="128"/>
      <c r="AB3909" s="128"/>
      <c r="AC3909" s="128"/>
      <c r="AD3909" s="128"/>
      <c r="AE3909" s="128"/>
      <c r="AF3909" s="128"/>
      <c r="AG3909" s="128"/>
      <c r="AH3909" s="128"/>
      <c r="AI3909" s="128"/>
      <c r="AJ3909" s="128"/>
      <c r="AK3909" s="128"/>
      <c r="AL3909" s="128"/>
      <c r="AM3909" s="128"/>
      <c r="AN3909" s="128"/>
      <c r="AO3909" s="128"/>
      <c r="AP3909" s="128"/>
      <c r="AQ3909" s="128"/>
      <c r="AR3909" s="128"/>
      <c r="AS3909" s="128"/>
      <c r="AT3909" s="128"/>
      <c r="AU3909" s="128"/>
      <c r="AV3909" s="128"/>
      <c r="AW3909" s="128"/>
      <c r="AX3909" s="128"/>
      <c r="AY3909" s="128"/>
      <c r="AZ3909" s="128"/>
      <c r="BA3909" s="128"/>
      <c r="BB3909" s="107">
        <v>45884</v>
      </c>
    </row>
    <row r="3910" spans="1:54" s="8" customFormat="1" ht="12" x14ac:dyDescent="0.25">
      <c r="A3910" s="219" t="s">
        <v>19829</v>
      </c>
      <c r="B3910" s="220" t="s">
        <v>6395</v>
      </c>
      <c r="C3910" s="98" t="s">
        <v>19808</v>
      </c>
      <c r="D3910" s="98" t="s">
        <v>20488</v>
      </c>
      <c r="E3910" s="141">
        <v>2011</v>
      </c>
      <c r="F3910" s="141">
        <v>8915</v>
      </c>
      <c r="G3910" s="98" t="s">
        <v>9</v>
      </c>
      <c r="H3910" s="98">
        <v>0</v>
      </c>
      <c r="I3910" s="98">
        <v>0</v>
      </c>
      <c r="J3910" s="98" t="s">
        <v>400</v>
      </c>
      <c r="K3910" s="98" t="s">
        <v>400</v>
      </c>
      <c r="L3910" s="98" t="s">
        <v>400</v>
      </c>
      <c r="M3910" s="98" t="s">
        <v>400</v>
      </c>
      <c r="N3910" s="98" t="s">
        <v>400</v>
      </c>
      <c r="O3910" s="98" t="s">
        <v>400</v>
      </c>
      <c r="P3910" s="98" t="s">
        <v>400</v>
      </c>
      <c r="Q3910" s="98" t="s">
        <v>400</v>
      </c>
      <c r="R3910" s="98" t="s">
        <v>400</v>
      </c>
      <c r="S3910" s="98" t="s">
        <v>400</v>
      </c>
      <c r="T3910" s="98" t="s">
        <v>400</v>
      </c>
      <c r="U3910" s="98">
        <v>0</v>
      </c>
      <c r="V3910" s="98">
        <v>0</v>
      </c>
      <c r="W3910" s="98" t="s">
        <v>400</v>
      </c>
      <c r="X3910" s="98" t="s">
        <v>400</v>
      </c>
      <c r="Y3910" s="98">
        <v>0</v>
      </c>
      <c r="Z3910" s="98" t="s">
        <v>400</v>
      </c>
      <c r="AA3910" s="98" t="s">
        <v>400</v>
      </c>
      <c r="AB3910" s="98">
        <v>0</v>
      </c>
      <c r="AC3910" s="98">
        <v>0</v>
      </c>
      <c r="AD3910" s="98" t="s">
        <v>400</v>
      </c>
      <c r="AE3910" s="98">
        <v>0</v>
      </c>
      <c r="AF3910" s="98">
        <v>0</v>
      </c>
      <c r="AG3910" s="98">
        <v>0</v>
      </c>
      <c r="AH3910" s="98">
        <v>0</v>
      </c>
      <c r="AI3910" s="98">
        <v>0</v>
      </c>
      <c r="AJ3910" s="98">
        <v>0</v>
      </c>
      <c r="AK3910" s="98">
        <v>0</v>
      </c>
      <c r="AL3910" s="98">
        <v>0</v>
      </c>
      <c r="AM3910" s="98" t="s">
        <v>400</v>
      </c>
      <c r="AN3910" s="98" t="s">
        <v>400</v>
      </c>
      <c r="AO3910" s="98" t="s">
        <v>400</v>
      </c>
      <c r="AP3910" s="98">
        <v>0</v>
      </c>
      <c r="AQ3910" s="98">
        <v>0</v>
      </c>
      <c r="AR3910" s="98" t="s">
        <v>400</v>
      </c>
      <c r="AS3910" s="98" t="s">
        <v>400</v>
      </c>
      <c r="AT3910" s="98" t="s">
        <v>400</v>
      </c>
      <c r="AU3910" s="98" t="s">
        <v>400</v>
      </c>
      <c r="AV3910" s="98" t="s">
        <v>400</v>
      </c>
      <c r="AW3910" s="98" t="s">
        <v>400</v>
      </c>
      <c r="AX3910" s="98"/>
      <c r="AY3910" s="98"/>
      <c r="AZ3910" s="98"/>
      <c r="BA3910" s="98"/>
      <c r="BB3910" s="107">
        <v>45884</v>
      </c>
    </row>
    <row r="3911" spans="1:54" s="8" customFormat="1" ht="12" x14ac:dyDescent="0.25">
      <c r="A3911" s="219" t="s">
        <v>19830</v>
      </c>
      <c r="B3911" s="220" t="s">
        <v>6395</v>
      </c>
      <c r="C3911" s="98" t="s">
        <v>19809</v>
      </c>
      <c r="D3911" s="98" t="s">
        <v>21463</v>
      </c>
      <c r="E3911" s="141">
        <v>2017</v>
      </c>
      <c r="F3911" s="141">
        <v>105</v>
      </c>
      <c r="G3911" s="98" t="s">
        <v>1</v>
      </c>
      <c r="H3911" s="98">
        <v>0</v>
      </c>
      <c r="I3911" s="98">
        <v>0</v>
      </c>
      <c r="J3911" s="98" t="s">
        <v>400</v>
      </c>
      <c r="K3911" s="98" t="s">
        <v>400</v>
      </c>
      <c r="L3911" s="98" t="s">
        <v>400</v>
      </c>
      <c r="M3911" s="98" t="s">
        <v>400</v>
      </c>
      <c r="N3911" s="98" t="s">
        <v>400</v>
      </c>
      <c r="O3911" s="98" t="s">
        <v>400</v>
      </c>
      <c r="P3911" s="98" t="s">
        <v>400</v>
      </c>
      <c r="Q3911" s="98" t="s">
        <v>400</v>
      </c>
      <c r="R3911" s="98" t="s">
        <v>400</v>
      </c>
      <c r="S3911" s="98" t="s">
        <v>400</v>
      </c>
      <c r="T3911" s="98" t="s">
        <v>400</v>
      </c>
      <c r="U3911" s="128"/>
      <c r="V3911" s="128"/>
      <c r="W3911" s="128"/>
      <c r="X3911" s="128"/>
      <c r="Y3911" s="128"/>
      <c r="Z3911" s="128"/>
      <c r="AA3911" s="128"/>
      <c r="AB3911" s="128"/>
      <c r="AC3911" s="128"/>
      <c r="AD3911" s="128"/>
      <c r="AE3911" s="128"/>
      <c r="AF3911" s="128"/>
      <c r="AG3911" s="128"/>
      <c r="AH3911" s="128"/>
      <c r="AI3911" s="128"/>
      <c r="AJ3911" s="128"/>
      <c r="AK3911" s="128"/>
      <c r="AL3911" s="128"/>
      <c r="AM3911" s="128"/>
      <c r="AN3911" s="128"/>
      <c r="AO3911" s="128"/>
      <c r="AP3911" s="128"/>
      <c r="AQ3911" s="128"/>
      <c r="AR3911" s="128"/>
      <c r="AS3911" s="128"/>
      <c r="AT3911" s="128"/>
      <c r="AU3911" s="128"/>
      <c r="AV3911" s="128"/>
      <c r="AW3911" s="128"/>
      <c r="AX3911" s="128"/>
      <c r="AY3911" s="128"/>
      <c r="AZ3911" s="128"/>
      <c r="BA3911" s="128"/>
      <c r="BB3911" s="107">
        <v>45884</v>
      </c>
    </row>
    <row r="3912" spans="1:54" s="8" customFormat="1" ht="12" x14ac:dyDescent="0.25">
      <c r="A3912" s="219" t="s">
        <v>19831</v>
      </c>
      <c r="B3912" s="220" t="s">
        <v>6395</v>
      </c>
      <c r="C3912" s="98" t="s">
        <v>19810</v>
      </c>
      <c r="D3912" s="98" t="s">
        <v>21464</v>
      </c>
      <c r="E3912" s="141">
        <v>1992</v>
      </c>
      <c r="F3912" s="141">
        <v>14725</v>
      </c>
      <c r="G3912" s="98" t="s">
        <v>9</v>
      </c>
      <c r="H3912" s="98">
        <v>0</v>
      </c>
      <c r="I3912" s="98">
        <v>0</v>
      </c>
      <c r="J3912" s="98" t="s">
        <v>400</v>
      </c>
      <c r="K3912" s="98" t="s">
        <v>400</v>
      </c>
      <c r="L3912" s="98" t="s">
        <v>400</v>
      </c>
      <c r="M3912" s="98" t="s">
        <v>400</v>
      </c>
      <c r="N3912" s="98" t="s">
        <v>400</v>
      </c>
      <c r="O3912" s="98" t="s">
        <v>400</v>
      </c>
      <c r="P3912" s="98" t="s">
        <v>400</v>
      </c>
      <c r="Q3912" s="98" t="s">
        <v>400</v>
      </c>
      <c r="R3912" s="98" t="s">
        <v>400</v>
      </c>
      <c r="S3912" s="98" t="s">
        <v>400</v>
      </c>
      <c r="T3912" s="98" t="s">
        <v>400</v>
      </c>
      <c r="U3912" s="98">
        <v>0</v>
      </c>
      <c r="V3912" s="98">
        <v>0</v>
      </c>
      <c r="W3912" s="98" t="s">
        <v>400</v>
      </c>
      <c r="X3912" s="98" t="s">
        <v>400</v>
      </c>
      <c r="Y3912" s="98">
        <v>0</v>
      </c>
      <c r="Z3912" s="98" t="s">
        <v>400</v>
      </c>
      <c r="AA3912" s="98" t="s">
        <v>400</v>
      </c>
      <c r="AB3912" s="98">
        <v>0</v>
      </c>
      <c r="AC3912" s="98">
        <v>0</v>
      </c>
      <c r="AD3912" s="98" t="s">
        <v>400</v>
      </c>
      <c r="AE3912" s="98">
        <v>0</v>
      </c>
      <c r="AF3912" s="98">
        <v>0</v>
      </c>
      <c r="AG3912" s="98">
        <v>0</v>
      </c>
      <c r="AH3912" s="98">
        <v>0</v>
      </c>
      <c r="AI3912" s="98">
        <v>0</v>
      </c>
      <c r="AJ3912" s="98">
        <v>0</v>
      </c>
      <c r="AK3912" s="98">
        <v>0</v>
      </c>
      <c r="AL3912" s="98">
        <v>0</v>
      </c>
      <c r="AM3912" s="98" t="s">
        <v>400</v>
      </c>
      <c r="AN3912" s="98" t="s">
        <v>400</v>
      </c>
      <c r="AO3912" s="98" t="s">
        <v>400</v>
      </c>
      <c r="AP3912" s="98">
        <v>0</v>
      </c>
      <c r="AQ3912" s="98">
        <v>0</v>
      </c>
      <c r="AR3912" s="98" t="s">
        <v>400</v>
      </c>
      <c r="AS3912" s="98" t="s">
        <v>400</v>
      </c>
      <c r="AT3912" s="98" t="s">
        <v>400</v>
      </c>
      <c r="AU3912" s="98" t="s">
        <v>400</v>
      </c>
      <c r="AV3912" s="98" t="s">
        <v>400</v>
      </c>
      <c r="AW3912" s="98" t="s">
        <v>400</v>
      </c>
      <c r="AX3912" s="98"/>
      <c r="AY3912" s="98"/>
      <c r="AZ3912" s="98"/>
      <c r="BA3912" s="98"/>
      <c r="BB3912" s="107">
        <v>45884</v>
      </c>
    </row>
    <row r="3913" spans="1:54" s="8" customFormat="1" ht="12" x14ac:dyDescent="0.25">
      <c r="A3913" s="219" t="s">
        <v>19832</v>
      </c>
      <c r="B3913" s="220" t="s">
        <v>6395</v>
      </c>
      <c r="C3913" s="98" t="s">
        <v>19811</v>
      </c>
      <c r="D3913" s="98" t="s">
        <v>21465</v>
      </c>
      <c r="E3913" s="141">
        <v>2017</v>
      </c>
      <c r="F3913" s="141">
        <v>3984</v>
      </c>
      <c r="G3913" s="98" t="s">
        <v>9</v>
      </c>
      <c r="H3913" s="98">
        <v>0</v>
      </c>
      <c r="I3913" s="98">
        <v>0</v>
      </c>
      <c r="J3913" s="98" t="s">
        <v>400</v>
      </c>
      <c r="K3913" s="98" t="s">
        <v>400</v>
      </c>
      <c r="L3913" s="98" t="s">
        <v>400</v>
      </c>
      <c r="M3913" s="98" t="s">
        <v>400</v>
      </c>
      <c r="N3913" s="98" t="s">
        <v>400</v>
      </c>
      <c r="O3913" s="98" t="s">
        <v>400</v>
      </c>
      <c r="P3913" s="98" t="s">
        <v>400</v>
      </c>
      <c r="Q3913" s="98" t="s">
        <v>400</v>
      </c>
      <c r="R3913" s="98" t="s">
        <v>400</v>
      </c>
      <c r="S3913" s="98" t="s">
        <v>400</v>
      </c>
      <c r="T3913" s="98" t="s">
        <v>400</v>
      </c>
      <c r="U3913" s="98">
        <v>0</v>
      </c>
      <c r="V3913" s="98">
        <v>0</v>
      </c>
      <c r="W3913" s="98" t="s">
        <v>400</v>
      </c>
      <c r="X3913" s="98" t="s">
        <v>400</v>
      </c>
      <c r="Y3913" s="98">
        <v>0</v>
      </c>
      <c r="Z3913" s="98" t="s">
        <v>400</v>
      </c>
      <c r="AA3913" s="98" t="s">
        <v>400</v>
      </c>
      <c r="AB3913" s="98">
        <v>0</v>
      </c>
      <c r="AC3913" s="98">
        <v>0</v>
      </c>
      <c r="AD3913" s="98" t="s">
        <v>400</v>
      </c>
      <c r="AE3913" s="98">
        <v>0</v>
      </c>
      <c r="AF3913" s="98">
        <v>0</v>
      </c>
      <c r="AG3913" s="98">
        <v>0</v>
      </c>
      <c r="AH3913" s="98">
        <v>0</v>
      </c>
      <c r="AI3913" s="98">
        <v>0</v>
      </c>
      <c r="AJ3913" s="98">
        <v>0</v>
      </c>
      <c r="AK3913" s="98">
        <v>0</v>
      </c>
      <c r="AL3913" s="98">
        <v>0</v>
      </c>
      <c r="AM3913" s="98" t="s">
        <v>400</v>
      </c>
      <c r="AN3913" s="98" t="s">
        <v>400</v>
      </c>
      <c r="AO3913" s="98" t="s">
        <v>400</v>
      </c>
      <c r="AP3913" s="98">
        <v>0</v>
      </c>
      <c r="AQ3913" s="98">
        <v>0</v>
      </c>
      <c r="AR3913" s="98" t="s">
        <v>400</v>
      </c>
      <c r="AS3913" s="98" t="s">
        <v>400</v>
      </c>
      <c r="AT3913" s="98" t="s">
        <v>400</v>
      </c>
      <c r="AU3913" s="98" t="s">
        <v>400</v>
      </c>
      <c r="AV3913" s="98" t="s">
        <v>400</v>
      </c>
      <c r="AW3913" s="98" t="s">
        <v>400</v>
      </c>
      <c r="AX3913" s="98"/>
      <c r="AY3913" s="98"/>
      <c r="AZ3913" s="98"/>
      <c r="BA3913" s="98"/>
      <c r="BB3913" s="107">
        <v>45884</v>
      </c>
    </row>
    <row r="3914" spans="1:54" s="8" customFormat="1" ht="12" x14ac:dyDescent="0.25">
      <c r="A3914" s="219" t="s">
        <v>19833</v>
      </c>
      <c r="B3914" s="220" t="s">
        <v>6395</v>
      </c>
      <c r="C3914" s="98" t="s">
        <v>19812</v>
      </c>
      <c r="D3914" s="98" t="s">
        <v>21466</v>
      </c>
      <c r="E3914" s="141">
        <v>2017</v>
      </c>
      <c r="F3914" s="141">
        <v>90</v>
      </c>
      <c r="G3914" s="98" t="s">
        <v>1</v>
      </c>
      <c r="H3914" s="98">
        <v>0</v>
      </c>
      <c r="I3914" s="98">
        <v>0</v>
      </c>
      <c r="J3914" s="98" t="s">
        <v>400</v>
      </c>
      <c r="K3914" s="98" t="s">
        <v>400</v>
      </c>
      <c r="L3914" s="98" t="s">
        <v>400</v>
      </c>
      <c r="M3914" s="98" t="s">
        <v>400</v>
      </c>
      <c r="N3914" s="98" t="s">
        <v>400</v>
      </c>
      <c r="O3914" s="98" t="s">
        <v>400</v>
      </c>
      <c r="P3914" s="98" t="s">
        <v>400</v>
      </c>
      <c r="Q3914" s="98" t="s">
        <v>400</v>
      </c>
      <c r="R3914" s="98" t="s">
        <v>400</v>
      </c>
      <c r="S3914" s="98" t="s">
        <v>400</v>
      </c>
      <c r="T3914" s="98" t="s">
        <v>400</v>
      </c>
      <c r="U3914" s="128"/>
      <c r="V3914" s="128"/>
      <c r="W3914" s="128"/>
      <c r="X3914" s="128"/>
      <c r="Y3914" s="128"/>
      <c r="Z3914" s="128"/>
      <c r="AA3914" s="128"/>
      <c r="AB3914" s="128"/>
      <c r="AC3914" s="128"/>
      <c r="AD3914" s="128"/>
      <c r="AE3914" s="128"/>
      <c r="AF3914" s="128"/>
      <c r="AG3914" s="128"/>
      <c r="AH3914" s="128"/>
      <c r="AI3914" s="128"/>
      <c r="AJ3914" s="128"/>
      <c r="AK3914" s="128"/>
      <c r="AL3914" s="128"/>
      <c r="AM3914" s="128"/>
      <c r="AN3914" s="128"/>
      <c r="AO3914" s="128"/>
      <c r="AP3914" s="128"/>
      <c r="AQ3914" s="128"/>
      <c r="AR3914" s="128"/>
      <c r="AS3914" s="128"/>
      <c r="AT3914" s="128"/>
      <c r="AU3914" s="128"/>
      <c r="AV3914" s="128"/>
      <c r="AW3914" s="128"/>
      <c r="AX3914" s="128"/>
      <c r="AY3914" s="128"/>
      <c r="AZ3914" s="128"/>
      <c r="BA3914" s="128"/>
      <c r="BB3914" s="107">
        <v>45884</v>
      </c>
    </row>
    <row r="3915" spans="1:54" s="8" customFormat="1" ht="12" x14ac:dyDescent="0.25">
      <c r="A3915" s="97" t="s">
        <v>19834</v>
      </c>
      <c r="B3915" s="220" t="s">
        <v>6395</v>
      </c>
      <c r="C3915" s="98" t="s">
        <v>19813</v>
      </c>
      <c r="D3915" s="98" t="s">
        <v>20489</v>
      </c>
      <c r="E3915" s="141">
        <v>2016</v>
      </c>
      <c r="F3915" s="222">
        <v>2514</v>
      </c>
      <c r="G3915" s="98" t="s">
        <v>1</v>
      </c>
      <c r="H3915" s="98">
        <v>0</v>
      </c>
      <c r="I3915" s="98">
        <v>0</v>
      </c>
      <c r="J3915" s="98" t="s">
        <v>400</v>
      </c>
      <c r="K3915" s="98" t="s">
        <v>400</v>
      </c>
      <c r="L3915" s="98" t="s">
        <v>400</v>
      </c>
      <c r="M3915" s="98" t="s">
        <v>400</v>
      </c>
      <c r="N3915" s="98" t="s">
        <v>400</v>
      </c>
      <c r="O3915" s="98" t="s">
        <v>400</v>
      </c>
      <c r="P3915" s="98" t="s">
        <v>400</v>
      </c>
      <c r="Q3915" s="98" t="s">
        <v>400</v>
      </c>
      <c r="R3915" s="98" t="s">
        <v>400</v>
      </c>
      <c r="S3915" s="98" t="s">
        <v>400</v>
      </c>
      <c r="T3915" s="98" t="s">
        <v>400</v>
      </c>
      <c r="U3915" s="128"/>
      <c r="V3915" s="128"/>
      <c r="W3915" s="128"/>
      <c r="X3915" s="128"/>
      <c r="Y3915" s="128"/>
      <c r="Z3915" s="128"/>
      <c r="AA3915" s="128"/>
      <c r="AB3915" s="128"/>
      <c r="AC3915" s="128"/>
      <c r="AD3915" s="128"/>
      <c r="AE3915" s="128"/>
      <c r="AF3915" s="128"/>
      <c r="AG3915" s="128"/>
      <c r="AH3915" s="128"/>
      <c r="AI3915" s="128"/>
      <c r="AJ3915" s="128"/>
      <c r="AK3915" s="128"/>
      <c r="AL3915" s="128"/>
      <c r="AM3915" s="128"/>
      <c r="AN3915" s="128"/>
      <c r="AO3915" s="128"/>
      <c r="AP3915" s="128"/>
      <c r="AQ3915" s="128"/>
      <c r="AR3915" s="128"/>
      <c r="AS3915" s="128"/>
      <c r="AT3915" s="128"/>
      <c r="AU3915" s="128"/>
      <c r="AV3915" s="128"/>
      <c r="AW3915" s="128"/>
      <c r="AX3915" s="128"/>
      <c r="AY3915" s="128"/>
      <c r="AZ3915" s="128"/>
      <c r="BA3915" s="128"/>
      <c r="BB3915" s="107">
        <v>45884</v>
      </c>
    </row>
    <row r="3916" spans="1:54" s="8" customFormat="1" ht="12" x14ac:dyDescent="0.25">
      <c r="A3916" s="219" t="s">
        <v>19835</v>
      </c>
      <c r="B3916" s="220" t="s">
        <v>6395</v>
      </c>
      <c r="C3916" s="98" t="s">
        <v>19814</v>
      </c>
      <c r="D3916" s="98" t="s">
        <v>21467</v>
      </c>
      <c r="E3916" s="141">
        <v>1992</v>
      </c>
      <c r="F3916" s="141">
        <v>248</v>
      </c>
      <c r="G3916" s="98" t="s">
        <v>1</v>
      </c>
      <c r="H3916" s="98">
        <v>0</v>
      </c>
      <c r="I3916" s="98">
        <v>0</v>
      </c>
      <c r="J3916" s="98" t="s">
        <v>400</v>
      </c>
      <c r="K3916" s="98" t="s">
        <v>400</v>
      </c>
      <c r="L3916" s="98" t="s">
        <v>400</v>
      </c>
      <c r="M3916" s="98" t="s">
        <v>400</v>
      </c>
      <c r="N3916" s="98" t="s">
        <v>400</v>
      </c>
      <c r="O3916" s="98" t="s">
        <v>400</v>
      </c>
      <c r="P3916" s="98" t="s">
        <v>400</v>
      </c>
      <c r="Q3916" s="98" t="s">
        <v>400</v>
      </c>
      <c r="R3916" s="98" t="s">
        <v>400</v>
      </c>
      <c r="S3916" s="98" t="s">
        <v>400</v>
      </c>
      <c r="T3916" s="98" t="s">
        <v>400</v>
      </c>
      <c r="U3916" s="128"/>
      <c r="V3916" s="128"/>
      <c r="W3916" s="128"/>
      <c r="X3916" s="128"/>
      <c r="Y3916" s="128"/>
      <c r="Z3916" s="128"/>
      <c r="AA3916" s="128"/>
      <c r="AB3916" s="128"/>
      <c r="AC3916" s="128"/>
      <c r="AD3916" s="128"/>
      <c r="AE3916" s="128"/>
      <c r="AF3916" s="128"/>
      <c r="AG3916" s="128"/>
      <c r="AH3916" s="128"/>
      <c r="AI3916" s="128"/>
      <c r="AJ3916" s="128"/>
      <c r="AK3916" s="128"/>
      <c r="AL3916" s="128"/>
      <c r="AM3916" s="128"/>
      <c r="AN3916" s="128"/>
      <c r="AO3916" s="128"/>
      <c r="AP3916" s="128"/>
      <c r="AQ3916" s="128"/>
      <c r="AR3916" s="128"/>
      <c r="AS3916" s="128"/>
      <c r="AT3916" s="128"/>
      <c r="AU3916" s="128"/>
      <c r="AV3916" s="128"/>
      <c r="AW3916" s="128"/>
      <c r="AX3916" s="128"/>
      <c r="AY3916" s="128"/>
      <c r="AZ3916" s="128"/>
      <c r="BA3916" s="128"/>
      <c r="BB3916" s="107">
        <v>45884</v>
      </c>
    </row>
    <row r="3917" spans="1:54" s="8" customFormat="1" ht="12" x14ac:dyDescent="0.25">
      <c r="A3917" s="219" t="s">
        <v>19836</v>
      </c>
      <c r="B3917" s="220" t="s">
        <v>6395</v>
      </c>
      <c r="C3917" s="98" t="s">
        <v>19815</v>
      </c>
      <c r="D3917" s="98" t="s">
        <v>21468</v>
      </c>
      <c r="E3917" s="141">
        <v>2005</v>
      </c>
      <c r="F3917" s="141">
        <v>5484</v>
      </c>
      <c r="G3917" s="98" t="s">
        <v>9</v>
      </c>
      <c r="H3917" s="98">
        <v>0</v>
      </c>
      <c r="I3917" s="98">
        <v>0</v>
      </c>
      <c r="J3917" s="98" t="s">
        <v>400</v>
      </c>
      <c r="K3917" s="98" t="s">
        <v>400</v>
      </c>
      <c r="L3917" s="98" t="s">
        <v>400</v>
      </c>
      <c r="M3917" s="98" t="s">
        <v>400</v>
      </c>
      <c r="N3917" s="98" t="s">
        <v>400</v>
      </c>
      <c r="O3917" s="98" t="s">
        <v>400</v>
      </c>
      <c r="P3917" s="98" t="s">
        <v>400</v>
      </c>
      <c r="Q3917" s="98" t="s">
        <v>400</v>
      </c>
      <c r="R3917" s="98" t="s">
        <v>400</v>
      </c>
      <c r="S3917" s="98" t="s">
        <v>400</v>
      </c>
      <c r="T3917" s="98" t="s">
        <v>400</v>
      </c>
      <c r="U3917" s="98">
        <v>0</v>
      </c>
      <c r="V3917" s="98">
        <v>0</v>
      </c>
      <c r="W3917" s="98" t="s">
        <v>400</v>
      </c>
      <c r="X3917" s="98" t="s">
        <v>400</v>
      </c>
      <c r="Y3917" s="98">
        <v>0</v>
      </c>
      <c r="Z3917" s="98" t="s">
        <v>400</v>
      </c>
      <c r="AA3917" s="98" t="s">
        <v>400</v>
      </c>
      <c r="AB3917" s="98">
        <v>0</v>
      </c>
      <c r="AC3917" s="98">
        <v>0</v>
      </c>
      <c r="AD3917" s="98" t="s">
        <v>400</v>
      </c>
      <c r="AE3917" s="98">
        <v>0</v>
      </c>
      <c r="AF3917" s="98">
        <v>0</v>
      </c>
      <c r="AG3917" s="98">
        <v>0</v>
      </c>
      <c r="AH3917" s="98">
        <v>0</v>
      </c>
      <c r="AI3917" s="98">
        <v>0</v>
      </c>
      <c r="AJ3917" s="98">
        <v>0</v>
      </c>
      <c r="AK3917" s="98">
        <v>0</v>
      </c>
      <c r="AL3917" s="98">
        <v>0</v>
      </c>
      <c r="AM3917" s="98" t="s">
        <v>400</v>
      </c>
      <c r="AN3917" s="98" t="s">
        <v>400</v>
      </c>
      <c r="AO3917" s="98" t="s">
        <v>400</v>
      </c>
      <c r="AP3917" s="98">
        <v>0</v>
      </c>
      <c r="AQ3917" s="98">
        <v>0</v>
      </c>
      <c r="AR3917" s="98" t="s">
        <v>400</v>
      </c>
      <c r="AS3917" s="98" t="s">
        <v>400</v>
      </c>
      <c r="AT3917" s="98" t="s">
        <v>400</v>
      </c>
      <c r="AU3917" s="98" t="s">
        <v>400</v>
      </c>
      <c r="AV3917" s="98" t="s">
        <v>400</v>
      </c>
      <c r="AW3917" s="98" t="s">
        <v>400</v>
      </c>
      <c r="AX3917" s="98"/>
      <c r="AY3917" s="98"/>
      <c r="AZ3917" s="98"/>
      <c r="BA3917" s="98"/>
      <c r="BB3917" s="107">
        <v>45884</v>
      </c>
    </row>
    <row r="3918" spans="1:54" s="8" customFormat="1" ht="12" x14ac:dyDescent="0.25">
      <c r="A3918" s="219" t="s">
        <v>19837</v>
      </c>
      <c r="B3918" s="220" t="s">
        <v>6395</v>
      </c>
      <c r="C3918" s="98" t="s">
        <v>19816</v>
      </c>
      <c r="D3918" s="98" t="s">
        <v>20358</v>
      </c>
      <c r="E3918" s="141">
        <v>2005</v>
      </c>
      <c r="F3918" s="141">
        <v>27689</v>
      </c>
      <c r="G3918" s="98" t="s">
        <v>9</v>
      </c>
      <c r="H3918" s="98">
        <v>0</v>
      </c>
      <c r="I3918" s="98">
        <v>0</v>
      </c>
      <c r="J3918" s="98" t="s">
        <v>400</v>
      </c>
      <c r="K3918" s="98" t="s">
        <v>400</v>
      </c>
      <c r="L3918" s="98" t="s">
        <v>400</v>
      </c>
      <c r="M3918" s="98" t="s">
        <v>400</v>
      </c>
      <c r="N3918" s="98" t="s">
        <v>400</v>
      </c>
      <c r="O3918" s="98" t="s">
        <v>400</v>
      </c>
      <c r="P3918" s="98" t="s">
        <v>400</v>
      </c>
      <c r="Q3918" s="98" t="s">
        <v>400</v>
      </c>
      <c r="R3918" s="98" t="s">
        <v>400</v>
      </c>
      <c r="S3918" s="98" t="s">
        <v>400</v>
      </c>
      <c r="T3918" s="98" t="s">
        <v>400</v>
      </c>
      <c r="U3918" s="98">
        <v>0</v>
      </c>
      <c r="V3918" s="98">
        <v>0</v>
      </c>
      <c r="W3918" s="98" t="s">
        <v>400</v>
      </c>
      <c r="X3918" s="98" t="s">
        <v>400</v>
      </c>
      <c r="Y3918" s="98">
        <v>0</v>
      </c>
      <c r="Z3918" s="98" t="s">
        <v>400</v>
      </c>
      <c r="AA3918" s="98" t="s">
        <v>400</v>
      </c>
      <c r="AB3918" s="98">
        <v>0</v>
      </c>
      <c r="AC3918" s="98">
        <v>0</v>
      </c>
      <c r="AD3918" s="98" t="s">
        <v>400</v>
      </c>
      <c r="AE3918" s="98">
        <v>0</v>
      </c>
      <c r="AF3918" s="98">
        <v>0</v>
      </c>
      <c r="AG3918" s="98">
        <v>0</v>
      </c>
      <c r="AH3918" s="98">
        <v>0</v>
      </c>
      <c r="AI3918" s="98">
        <v>0</v>
      </c>
      <c r="AJ3918" s="98">
        <v>0</v>
      </c>
      <c r="AK3918" s="98">
        <v>0</v>
      </c>
      <c r="AL3918" s="98">
        <v>0</v>
      </c>
      <c r="AM3918" s="98" t="s">
        <v>400</v>
      </c>
      <c r="AN3918" s="98" t="s">
        <v>400</v>
      </c>
      <c r="AO3918" s="98" t="s">
        <v>400</v>
      </c>
      <c r="AP3918" s="98">
        <v>0</v>
      </c>
      <c r="AQ3918" s="98">
        <v>0</v>
      </c>
      <c r="AR3918" s="98" t="s">
        <v>400</v>
      </c>
      <c r="AS3918" s="98" t="s">
        <v>400</v>
      </c>
      <c r="AT3918" s="98" t="s">
        <v>400</v>
      </c>
      <c r="AU3918" s="98" t="s">
        <v>400</v>
      </c>
      <c r="AV3918" s="98" t="s">
        <v>400</v>
      </c>
      <c r="AW3918" s="98" t="s">
        <v>400</v>
      </c>
      <c r="AX3918" s="98"/>
      <c r="AY3918" s="98"/>
      <c r="AZ3918" s="98"/>
      <c r="BA3918" s="98"/>
      <c r="BB3918" s="107">
        <v>45884</v>
      </c>
    </row>
    <row r="3919" spans="1:54" s="8" customFormat="1" ht="12" x14ac:dyDescent="0.25">
      <c r="A3919" s="219" t="s">
        <v>19838</v>
      </c>
      <c r="B3919" s="220" t="s">
        <v>6395</v>
      </c>
      <c r="C3919" s="98" t="s">
        <v>19817</v>
      </c>
      <c r="D3919" s="98" t="s">
        <v>21469</v>
      </c>
      <c r="E3919" s="141">
        <v>2006</v>
      </c>
      <c r="F3919" s="141">
        <v>93578</v>
      </c>
      <c r="G3919" s="98" t="s">
        <v>9</v>
      </c>
      <c r="H3919" s="98">
        <v>0</v>
      </c>
      <c r="I3919" s="98">
        <v>0</v>
      </c>
      <c r="J3919" s="98" t="s">
        <v>400</v>
      </c>
      <c r="K3919" s="98" t="s">
        <v>400</v>
      </c>
      <c r="L3919" s="98" t="s">
        <v>400</v>
      </c>
      <c r="M3919" s="98" t="s">
        <v>400</v>
      </c>
      <c r="N3919" s="98" t="s">
        <v>400</v>
      </c>
      <c r="O3919" s="98" t="s">
        <v>400</v>
      </c>
      <c r="P3919" s="98" t="s">
        <v>400</v>
      </c>
      <c r="Q3919" s="98" t="s">
        <v>400</v>
      </c>
      <c r="R3919" s="98" t="s">
        <v>400</v>
      </c>
      <c r="S3919" s="98" t="s">
        <v>400</v>
      </c>
      <c r="T3919" s="98" t="s">
        <v>400</v>
      </c>
      <c r="U3919" s="98">
        <v>0</v>
      </c>
      <c r="V3919" s="98">
        <v>0</v>
      </c>
      <c r="W3919" s="98" t="s">
        <v>400</v>
      </c>
      <c r="X3919" s="98" t="s">
        <v>400</v>
      </c>
      <c r="Y3919" s="98">
        <v>0</v>
      </c>
      <c r="Z3919" s="98" t="s">
        <v>400</v>
      </c>
      <c r="AA3919" s="98" t="s">
        <v>400</v>
      </c>
      <c r="AB3919" s="98">
        <v>0</v>
      </c>
      <c r="AC3919" s="98">
        <v>0</v>
      </c>
      <c r="AD3919" s="98" t="s">
        <v>400</v>
      </c>
      <c r="AE3919" s="98">
        <v>0</v>
      </c>
      <c r="AF3919" s="98">
        <v>0</v>
      </c>
      <c r="AG3919" s="98">
        <v>0</v>
      </c>
      <c r="AH3919" s="98">
        <v>0</v>
      </c>
      <c r="AI3919" s="98">
        <v>0</v>
      </c>
      <c r="AJ3919" s="98">
        <v>0</v>
      </c>
      <c r="AK3919" s="98">
        <v>0</v>
      </c>
      <c r="AL3919" s="98">
        <v>0</v>
      </c>
      <c r="AM3919" s="98" t="s">
        <v>400</v>
      </c>
      <c r="AN3919" s="98" t="s">
        <v>400</v>
      </c>
      <c r="AO3919" s="98" t="s">
        <v>400</v>
      </c>
      <c r="AP3919" s="98">
        <v>0</v>
      </c>
      <c r="AQ3919" s="98">
        <v>0</v>
      </c>
      <c r="AR3919" s="98" t="s">
        <v>400</v>
      </c>
      <c r="AS3919" s="98" t="s">
        <v>400</v>
      </c>
      <c r="AT3919" s="98" t="s">
        <v>400</v>
      </c>
      <c r="AU3919" s="98" t="s">
        <v>400</v>
      </c>
      <c r="AV3919" s="98" t="s">
        <v>400</v>
      </c>
      <c r="AW3919" s="98" t="s">
        <v>400</v>
      </c>
      <c r="AX3919" s="98"/>
      <c r="AY3919" s="98"/>
      <c r="AZ3919" s="98"/>
      <c r="BA3919" s="98"/>
      <c r="BB3919" s="107">
        <v>45884</v>
      </c>
    </row>
    <row r="3920" spans="1:54" s="8" customFormat="1" ht="12" x14ac:dyDescent="0.25">
      <c r="A3920" s="219" t="s">
        <v>19839</v>
      </c>
      <c r="B3920" s="220" t="s">
        <v>6395</v>
      </c>
      <c r="C3920" s="98" t="s">
        <v>19818</v>
      </c>
      <c r="D3920" s="98" t="s">
        <v>21470</v>
      </c>
      <c r="E3920" s="141">
        <v>2010</v>
      </c>
      <c r="F3920" s="141">
        <v>8952</v>
      </c>
      <c r="G3920" s="98" t="s">
        <v>9</v>
      </c>
      <c r="H3920" s="98">
        <v>0</v>
      </c>
      <c r="I3920" s="98">
        <v>0</v>
      </c>
      <c r="J3920" s="98" t="s">
        <v>400</v>
      </c>
      <c r="K3920" s="98" t="s">
        <v>400</v>
      </c>
      <c r="L3920" s="98" t="s">
        <v>400</v>
      </c>
      <c r="M3920" s="98" t="s">
        <v>400</v>
      </c>
      <c r="N3920" s="98" t="s">
        <v>400</v>
      </c>
      <c r="O3920" s="98" t="s">
        <v>400</v>
      </c>
      <c r="P3920" s="98" t="s">
        <v>400</v>
      </c>
      <c r="Q3920" s="98" t="s">
        <v>400</v>
      </c>
      <c r="R3920" s="98" t="s">
        <v>400</v>
      </c>
      <c r="S3920" s="98" t="s">
        <v>400</v>
      </c>
      <c r="T3920" s="98" t="s">
        <v>400</v>
      </c>
      <c r="U3920" s="98">
        <v>0</v>
      </c>
      <c r="V3920" s="98">
        <v>0</v>
      </c>
      <c r="W3920" s="98" t="s">
        <v>400</v>
      </c>
      <c r="X3920" s="98" t="s">
        <v>400</v>
      </c>
      <c r="Y3920" s="98">
        <v>0</v>
      </c>
      <c r="Z3920" s="98" t="s">
        <v>400</v>
      </c>
      <c r="AA3920" s="98" t="s">
        <v>400</v>
      </c>
      <c r="AB3920" s="98">
        <v>0</v>
      </c>
      <c r="AC3920" s="98">
        <v>0</v>
      </c>
      <c r="AD3920" s="98" t="s">
        <v>400</v>
      </c>
      <c r="AE3920" s="98">
        <v>0</v>
      </c>
      <c r="AF3920" s="98">
        <v>0</v>
      </c>
      <c r="AG3920" s="98">
        <v>0</v>
      </c>
      <c r="AH3920" s="98">
        <v>0</v>
      </c>
      <c r="AI3920" s="98">
        <v>0</v>
      </c>
      <c r="AJ3920" s="98">
        <v>0</v>
      </c>
      <c r="AK3920" s="98">
        <v>0</v>
      </c>
      <c r="AL3920" s="98">
        <v>0</v>
      </c>
      <c r="AM3920" s="98" t="s">
        <v>400</v>
      </c>
      <c r="AN3920" s="98" t="s">
        <v>400</v>
      </c>
      <c r="AO3920" s="98" t="s">
        <v>400</v>
      </c>
      <c r="AP3920" s="98">
        <v>0</v>
      </c>
      <c r="AQ3920" s="98">
        <v>0</v>
      </c>
      <c r="AR3920" s="98" t="s">
        <v>400</v>
      </c>
      <c r="AS3920" s="98" t="s">
        <v>400</v>
      </c>
      <c r="AT3920" s="98" t="s">
        <v>400</v>
      </c>
      <c r="AU3920" s="98" t="s">
        <v>400</v>
      </c>
      <c r="AV3920" s="98" t="s">
        <v>400</v>
      </c>
      <c r="AW3920" s="98" t="s">
        <v>400</v>
      </c>
      <c r="AX3920" s="98"/>
      <c r="AY3920" s="98"/>
      <c r="AZ3920" s="98"/>
      <c r="BA3920" s="98"/>
      <c r="BB3920" s="107">
        <v>45884</v>
      </c>
    </row>
    <row r="3921" spans="1:54" s="8" customFormat="1" ht="12" x14ac:dyDescent="0.25">
      <c r="A3921" s="219" t="s">
        <v>19840</v>
      </c>
      <c r="B3921" s="220" t="s">
        <v>6395</v>
      </c>
      <c r="C3921" s="98" t="s">
        <v>19819</v>
      </c>
      <c r="D3921" s="98" t="s">
        <v>21471</v>
      </c>
      <c r="E3921" s="141">
        <v>2017</v>
      </c>
      <c r="F3921" s="141">
        <v>1965</v>
      </c>
      <c r="G3921" s="98" t="s">
        <v>9</v>
      </c>
      <c r="H3921" s="98">
        <v>0</v>
      </c>
      <c r="I3921" s="98">
        <v>0</v>
      </c>
      <c r="J3921" s="98" t="s">
        <v>400</v>
      </c>
      <c r="K3921" s="98" t="s">
        <v>400</v>
      </c>
      <c r="L3921" s="98" t="s">
        <v>400</v>
      </c>
      <c r="M3921" s="98" t="s">
        <v>400</v>
      </c>
      <c r="N3921" s="98" t="s">
        <v>400</v>
      </c>
      <c r="O3921" s="98" t="s">
        <v>400</v>
      </c>
      <c r="P3921" s="98" t="s">
        <v>400</v>
      </c>
      <c r="Q3921" s="98" t="s">
        <v>400</v>
      </c>
      <c r="R3921" s="98" t="s">
        <v>400</v>
      </c>
      <c r="S3921" s="98" t="s">
        <v>400</v>
      </c>
      <c r="T3921" s="98" t="s">
        <v>400</v>
      </c>
      <c r="U3921" s="98">
        <v>0</v>
      </c>
      <c r="V3921" s="98">
        <v>0</v>
      </c>
      <c r="W3921" s="98" t="s">
        <v>400</v>
      </c>
      <c r="X3921" s="98" t="s">
        <v>400</v>
      </c>
      <c r="Y3921" s="98">
        <v>0</v>
      </c>
      <c r="Z3921" s="98" t="s">
        <v>400</v>
      </c>
      <c r="AA3921" s="98" t="s">
        <v>400</v>
      </c>
      <c r="AB3921" s="98">
        <v>0</v>
      </c>
      <c r="AC3921" s="98">
        <v>0</v>
      </c>
      <c r="AD3921" s="98" t="s">
        <v>400</v>
      </c>
      <c r="AE3921" s="98">
        <v>0</v>
      </c>
      <c r="AF3921" s="98">
        <v>0</v>
      </c>
      <c r="AG3921" s="98">
        <v>0</v>
      </c>
      <c r="AH3921" s="98">
        <v>0</v>
      </c>
      <c r="AI3921" s="98">
        <v>0</v>
      </c>
      <c r="AJ3921" s="98">
        <v>0</v>
      </c>
      <c r="AK3921" s="98">
        <v>0</v>
      </c>
      <c r="AL3921" s="98">
        <v>0</v>
      </c>
      <c r="AM3921" s="98" t="s">
        <v>400</v>
      </c>
      <c r="AN3921" s="98" t="s">
        <v>400</v>
      </c>
      <c r="AO3921" s="98" t="s">
        <v>400</v>
      </c>
      <c r="AP3921" s="98">
        <v>0</v>
      </c>
      <c r="AQ3921" s="98">
        <v>0</v>
      </c>
      <c r="AR3921" s="98" t="s">
        <v>400</v>
      </c>
      <c r="AS3921" s="98" t="s">
        <v>400</v>
      </c>
      <c r="AT3921" s="98" t="s">
        <v>400</v>
      </c>
      <c r="AU3921" s="98" t="s">
        <v>400</v>
      </c>
      <c r="AV3921" s="98" t="s">
        <v>400</v>
      </c>
      <c r="AW3921" s="98" t="s">
        <v>400</v>
      </c>
      <c r="AX3921" s="98"/>
      <c r="AY3921" s="98"/>
      <c r="AZ3921" s="98"/>
      <c r="BA3921" s="98"/>
      <c r="BB3921" s="107">
        <v>45884</v>
      </c>
    </row>
    <row r="3922" spans="1:54" s="8" customFormat="1" ht="12" x14ac:dyDescent="0.25">
      <c r="A3922" s="219" t="s">
        <v>19841</v>
      </c>
      <c r="B3922" s="220" t="s">
        <v>6395</v>
      </c>
      <c r="C3922" s="98" t="s">
        <v>19820</v>
      </c>
      <c r="D3922" s="98" t="s">
        <v>21472</v>
      </c>
      <c r="E3922" s="141">
        <v>2017</v>
      </c>
      <c r="F3922" s="141">
        <v>3174</v>
      </c>
      <c r="G3922" s="98" t="s">
        <v>9</v>
      </c>
      <c r="H3922" s="98">
        <v>0</v>
      </c>
      <c r="I3922" s="98">
        <v>0</v>
      </c>
      <c r="J3922" s="98" t="s">
        <v>400</v>
      </c>
      <c r="K3922" s="98" t="s">
        <v>400</v>
      </c>
      <c r="L3922" s="98" t="s">
        <v>400</v>
      </c>
      <c r="M3922" s="98" t="s">
        <v>400</v>
      </c>
      <c r="N3922" s="98" t="s">
        <v>400</v>
      </c>
      <c r="O3922" s="98" t="s">
        <v>400</v>
      </c>
      <c r="P3922" s="98" t="s">
        <v>400</v>
      </c>
      <c r="Q3922" s="98" t="s">
        <v>400</v>
      </c>
      <c r="R3922" s="98" t="s">
        <v>400</v>
      </c>
      <c r="S3922" s="98" t="s">
        <v>400</v>
      </c>
      <c r="T3922" s="98" t="s">
        <v>400</v>
      </c>
      <c r="U3922" s="98">
        <v>0</v>
      </c>
      <c r="V3922" s="98">
        <v>0</v>
      </c>
      <c r="W3922" s="98" t="s">
        <v>400</v>
      </c>
      <c r="X3922" s="98" t="s">
        <v>400</v>
      </c>
      <c r="Y3922" s="98">
        <v>0</v>
      </c>
      <c r="Z3922" s="98" t="s">
        <v>400</v>
      </c>
      <c r="AA3922" s="98" t="s">
        <v>400</v>
      </c>
      <c r="AB3922" s="98">
        <v>0</v>
      </c>
      <c r="AC3922" s="98">
        <v>0</v>
      </c>
      <c r="AD3922" s="98" t="s">
        <v>400</v>
      </c>
      <c r="AE3922" s="98">
        <v>0</v>
      </c>
      <c r="AF3922" s="98">
        <v>0</v>
      </c>
      <c r="AG3922" s="98">
        <v>0</v>
      </c>
      <c r="AH3922" s="98">
        <v>0</v>
      </c>
      <c r="AI3922" s="98">
        <v>0</v>
      </c>
      <c r="AJ3922" s="98">
        <v>0</v>
      </c>
      <c r="AK3922" s="98">
        <v>0</v>
      </c>
      <c r="AL3922" s="98">
        <v>0</v>
      </c>
      <c r="AM3922" s="98" t="s">
        <v>400</v>
      </c>
      <c r="AN3922" s="98" t="s">
        <v>400</v>
      </c>
      <c r="AO3922" s="98" t="s">
        <v>400</v>
      </c>
      <c r="AP3922" s="98">
        <v>0</v>
      </c>
      <c r="AQ3922" s="98">
        <v>0</v>
      </c>
      <c r="AR3922" s="98" t="s">
        <v>400</v>
      </c>
      <c r="AS3922" s="98" t="s">
        <v>400</v>
      </c>
      <c r="AT3922" s="98" t="s">
        <v>400</v>
      </c>
      <c r="AU3922" s="98" t="s">
        <v>400</v>
      </c>
      <c r="AV3922" s="98" t="s">
        <v>400</v>
      </c>
      <c r="AW3922" s="98" t="s">
        <v>400</v>
      </c>
      <c r="AX3922" s="98"/>
      <c r="AY3922" s="98"/>
      <c r="AZ3922" s="98"/>
      <c r="BA3922" s="98"/>
      <c r="BB3922" s="107">
        <v>45884</v>
      </c>
    </row>
    <row r="3923" spans="1:54" s="8" customFormat="1" ht="12" x14ac:dyDescent="0.25">
      <c r="A3923" s="219" t="s">
        <v>19842</v>
      </c>
      <c r="B3923" s="220" t="s">
        <v>6395</v>
      </c>
      <c r="C3923" s="98" t="s">
        <v>19821</v>
      </c>
      <c r="D3923" s="98" t="s">
        <v>21473</v>
      </c>
      <c r="E3923" s="141">
        <v>2017</v>
      </c>
      <c r="F3923" s="141">
        <v>3303</v>
      </c>
      <c r="G3923" s="98" t="s">
        <v>9</v>
      </c>
      <c r="H3923" s="98">
        <v>0</v>
      </c>
      <c r="I3923" s="98">
        <v>0</v>
      </c>
      <c r="J3923" s="98" t="s">
        <v>400</v>
      </c>
      <c r="K3923" s="98" t="s">
        <v>400</v>
      </c>
      <c r="L3923" s="98" t="s">
        <v>400</v>
      </c>
      <c r="M3923" s="98" t="s">
        <v>400</v>
      </c>
      <c r="N3923" s="98" t="s">
        <v>400</v>
      </c>
      <c r="O3923" s="98" t="s">
        <v>400</v>
      </c>
      <c r="P3923" s="98" t="s">
        <v>400</v>
      </c>
      <c r="Q3923" s="98" t="s">
        <v>400</v>
      </c>
      <c r="R3923" s="98" t="s">
        <v>400</v>
      </c>
      <c r="S3923" s="98" t="s">
        <v>400</v>
      </c>
      <c r="T3923" s="98" t="s">
        <v>400</v>
      </c>
      <c r="U3923" s="98">
        <v>0</v>
      </c>
      <c r="V3923" s="98">
        <v>0</v>
      </c>
      <c r="W3923" s="98" t="s">
        <v>400</v>
      </c>
      <c r="X3923" s="98" t="s">
        <v>400</v>
      </c>
      <c r="Y3923" s="98">
        <v>0</v>
      </c>
      <c r="Z3923" s="98" t="s">
        <v>400</v>
      </c>
      <c r="AA3923" s="98" t="s">
        <v>400</v>
      </c>
      <c r="AB3923" s="98">
        <v>0</v>
      </c>
      <c r="AC3923" s="98">
        <v>0</v>
      </c>
      <c r="AD3923" s="98" t="s">
        <v>400</v>
      </c>
      <c r="AE3923" s="98">
        <v>0</v>
      </c>
      <c r="AF3923" s="98">
        <v>0</v>
      </c>
      <c r="AG3923" s="98">
        <v>0</v>
      </c>
      <c r="AH3923" s="98">
        <v>0</v>
      </c>
      <c r="AI3923" s="98">
        <v>0</v>
      </c>
      <c r="AJ3923" s="98">
        <v>0</v>
      </c>
      <c r="AK3923" s="98">
        <v>0</v>
      </c>
      <c r="AL3923" s="98">
        <v>0</v>
      </c>
      <c r="AM3923" s="98" t="s">
        <v>400</v>
      </c>
      <c r="AN3923" s="98" t="s">
        <v>400</v>
      </c>
      <c r="AO3923" s="98" t="s">
        <v>400</v>
      </c>
      <c r="AP3923" s="98">
        <v>0</v>
      </c>
      <c r="AQ3923" s="98">
        <v>0</v>
      </c>
      <c r="AR3923" s="98" t="s">
        <v>400</v>
      </c>
      <c r="AS3923" s="98" t="s">
        <v>400</v>
      </c>
      <c r="AT3923" s="98" t="s">
        <v>400</v>
      </c>
      <c r="AU3923" s="98" t="s">
        <v>400</v>
      </c>
      <c r="AV3923" s="98" t="s">
        <v>400</v>
      </c>
      <c r="AW3923" s="98" t="s">
        <v>400</v>
      </c>
      <c r="AX3923" s="98"/>
      <c r="AY3923" s="98"/>
      <c r="AZ3923" s="98"/>
      <c r="BA3923" s="98"/>
      <c r="BB3923" s="107">
        <v>45884</v>
      </c>
    </row>
    <row r="3924" spans="1:54" s="8" customFormat="1" ht="12" x14ac:dyDescent="0.25">
      <c r="A3924" s="219" t="s">
        <v>19843</v>
      </c>
      <c r="B3924" s="220" t="s">
        <v>6395</v>
      </c>
      <c r="C3924" s="98" t="s">
        <v>19822</v>
      </c>
      <c r="D3924" s="98" t="s">
        <v>20359</v>
      </c>
      <c r="E3924" s="141">
        <v>2008</v>
      </c>
      <c r="F3924" s="141">
        <v>73528</v>
      </c>
      <c r="G3924" s="98" t="s">
        <v>9</v>
      </c>
      <c r="H3924" s="98">
        <v>0</v>
      </c>
      <c r="I3924" s="98">
        <v>0</v>
      </c>
      <c r="J3924" s="98" t="s">
        <v>400</v>
      </c>
      <c r="K3924" s="98" t="s">
        <v>400</v>
      </c>
      <c r="L3924" s="98" t="s">
        <v>400</v>
      </c>
      <c r="M3924" s="98" t="s">
        <v>400</v>
      </c>
      <c r="N3924" s="98" t="s">
        <v>400</v>
      </c>
      <c r="O3924" s="98" t="s">
        <v>400</v>
      </c>
      <c r="P3924" s="98" t="s">
        <v>400</v>
      </c>
      <c r="Q3924" s="98" t="s">
        <v>400</v>
      </c>
      <c r="R3924" s="98" t="s">
        <v>400</v>
      </c>
      <c r="S3924" s="98" t="s">
        <v>400</v>
      </c>
      <c r="T3924" s="98" t="s">
        <v>400</v>
      </c>
      <c r="U3924" s="98">
        <v>0</v>
      </c>
      <c r="V3924" s="98">
        <v>0</v>
      </c>
      <c r="W3924" s="98" t="s">
        <v>400</v>
      </c>
      <c r="X3924" s="98" t="s">
        <v>400</v>
      </c>
      <c r="Y3924" s="98">
        <v>0</v>
      </c>
      <c r="Z3924" s="98" t="s">
        <v>400</v>
      </c>
      <c r="AA3924" s="98" t="s">
        <v>400</v>
      </c>
      <c r="AB3924" s="98">
        <v>0</v>
      </c>
      <c r="AC3924" s="98">
        <v>0</v>
      </c>
      <c r="AD3924" s="98" t="s">
        <v>400</v>
      </c>
      <c r="AE3924" s="98">
        <v>0</v>
      </c>
      <c r="AF3924" s="98">
        <v>0</v>
      </c>
      <c r="AG3924" s="98">
        <v>0</v>
      </c>
      <c r="AH3924" s="98">
        <v>0</v>
      </c>
      <c r="AI3924" s="98">
        <v>0</v>
      </c>
      <c r="AJ3924" s="98">
        <v>0</v>
      </c>
      <c r="AK3924" s="98">
        <v>0</v>
      </c>
      <c r="AL3924" s="98">
        <v>0</v>
      </c>
      <c r="AM3924" s="98" t="s">
        <v>400</v>
      </c>
      <c r="AN3924" s="98" t="s">
        <v>400</v>
      </c>
      <c r="AO3924" s="98" t="s">
        <v>400</v>
      </c>
      <c r="AP3924" s="98">
        <v>0</v>
      </c>
      <c r="AQ3924" s="98">
        <v>0</v>
      </c>
      <c r="AR3924" s="98" t="s">
        <v>400</v>
      </c>
      <c r="AS3924" s="98" t="s">
        <v>400</v>
      </c>
      <c r="AT3924" s="98" t="s">
        <v>400</v>
      </c>
      <c r="AU3924" s="98" t="s">
        <v>400</v>
      </c>
      <c r="AV3924" s="98" t="s">
        <v>400</v>
      </c>
      <c r="AW3924" s="98" t="s">
        <v>400</v>
      </c>
      <c r="AX3924" s="98"/>
      <c r="AY3924" s="98"/>
      <c r="AZ3924" s="98"/>
      <c r="BA3924" s="98"/>
      <c r="BB3924" s="107">
        <v>45884</v>
      </c>
    </row>
    <row r="3925" spans="1:54" s="8" customFormat="1" ht="12" x14ac:dyDescent="0.25">
      <c r="A3925" s="219" t="s">
        <v>19844</v>
      </c>
      <c r="B3925" s="220" t="s">
        <v>6395</v>
      </c>
      <c r="C3925" s="98" t="s">
        <v>19823</v>
      </c>
      <c r="D3925" s="98" t="s">
        <v>21474</v>
      </c>
      <c r="E3925" s="141">
        <v>1979</v>
      </c>
      <c r="F3925" s="141">
        <v>47308</v>
      </c>
      <c r="G3925" s="98" t="s">
        <v>9</v>
      </c>
      <c r="H3925" s="98">
        <v>0</v>
      </c>
      <c r="I3925" s="98">
        <v>0</v>
      </c>
      <c r="J3925" s="98" t="s">
        <v>400</v>
      </c>
      <c r="K3925" s="98" t="s">
        <v>400</v>
      </c>
      <c r="L3925" s="98" t="s">
        <v>400</v>
      </c>
      <c r="M3925" s="98" t="s">
        <v>400</v>
      </c>
      <c r="N3925" s="98" t="s">
        <v>400</v>
      </c>
      <c r="O3925" s="98" t="s">
        <v>400</v>
      </c>
      <c r="P3925" s="98" t="s">
        <v>400</v>
      </c>
      <c r="Q3925" s="98" t="s">
        <v>400</v>
      </c>
      <c r="R3925" s="98" t="s">
        <v>400</v>
      </c>
      <c r="S3925" s="98" t="s">
        <v>400</v>
      </c>
      <c r="T3925" s="98" t="s">
        <v>400</v>
      </c>
      <c r="U3925" s="98">
        <v>0</v>
      </c>
      <c r="V3925" s="98">
        <v>0</v>
      </c>
      <c r="W3925" s="98" t="s">
        <v>400</v>
      </c>
      <c r="X3925" s="98" t="s">
        <v>400</v>
      </c>
      <c r="Y3925" s="98">
        <v>0</v>
      </c>
      <c r="Z3925" s="98" t="s">
        <v>400</v>
      </c>
      <c r="AA3925" s="98" t="s">
        <v>400</v>
      </c>
      <c r="AB3925" s="98">
        <v>0</v>
      </c>
      <c r="AC3925" s="98">
        <v>0</v>
      </c>
      <c r="AD3925" s="98" t="s">
        <v>400</v>
      </c>
      <c r="AE3925" s="98">
        <v>0</v>
      </c>
      <c r="AF3925" s="98">
        <v>0</v>
      </c>
      <c r="AG3925" s="98">
        <v>0</v>
      </c>
      <c r="AH3925" s="98">
        <v>0</v>
      </c>
      <c r="AI3925" s="98">
        <v>0</v>
      </c>
      <c r="AJ3925" s="98">
        <v>0</v>
      </c>
      <c r="AK3925" s="98">
        <v>0</v>
      </c>
      <c r="AL3925" s="98">
        <v>0</v>
      </c>
      <c r="AM3925" s="98" t="s">
        <v>400</v>
      </c>
      <c r="AN3925" s="98" t="s">
        <v>400</v>
      </c>
      <c r="AO3925" s="98" t="s">
        <v>400</v>
      </c>
      <c r="AP3925" s="98">
        <v>0</v>
      </c>
      <c r="AQ3925" s="98">
        <v>0</v>
      </c>
      <c r="AR3925" s="98" t="s">
        <v>400</v>
      </c>
      <c r="AS3925" s="98" t="s">
        <v>400</v>
      </c>
      <c r="AT3925" s="98" t="s">
        <v>400</v>
      </c>
      <c r="AU3925" s="98" t="s">
        <v>400</v>
      </c>
      <c r="AV3925" s="98" t="s">
        <v>400</v>
      </c>
      <c r="AW3925" s="98" t="s">
        <v>400</v>
      </c>
      <c r="AX3925" s="98"/>
      <c r="AY3925" s="98"/>
      <c r="AZ3925" s="98"/>
      <c r="BA3925" s="98"/>
      <c r="BB3925" s="107">
        <v>45884</v>
      </c>
    </row>
    <row r="3926" spans="1:54" s="8" customFormat="1" ht="15.75" customHeight="1" x14ac:dyDescent="0.25">
      <c r="A3926" s="219" t="s">
        <v>20522</v>
      </c>
      <c r="B3926" s="220" t="s">
        <v>6395</v>
      </c>
      <c r="C3926" s="130" t="s">
        <v>20360</v>
      </c>
      <c r="D3926" s="130" t="s">
        <v>21475</v>
      </c>
      <c r="E3926" s="225">
        <v>2016</v>
      </c>
      <c r="F3926" s="225">
        <v>234</v>
      </c>
      <c r="G3926" s="130" t="s">
        <v>20277</v>
      </c>
      <c r="H3926" s="130">
        <v>0</v>
      </c>
      <c r="I3926" s="130">
        <v>0</v>
      </c>
      <c r="J3926" s="98" t="s">
        <v>400</v>
      </c>
      <c r="K3926" s="98" t="s">
        <v>400</v>
      </c>
      <c r="L3926" s="98" t="s">
        <v>400</v>
      </c>
      <c r="M3926" s="98" t="s">
        <v>400</v>
      </c>
      <c r="N3926" s="98" t="s">
        <v>400</v>
      </c>
      <c r="O3926" s="98" t="s">
        <v>400</v>
      </c>
      <c r="P3926" s="98" t="s">
        <v>400</v>
      </c>
      <c r="Q3926" s="98" t="s">
        <v>400</v>
      </c>
      <c r="R3926" s="98" t="s">
        <v>400</v>
      </c>
      <c r="S3926" s="98" t="s">
        <v>400</v>
      </c>
      <c r="T3926" s="98">
        <v>0</v>
      </c>
      <c r="U3926" s="128"/>
      <c r="V3926" s="128"/>
      <c r="W3926" s="128"/>
      <c r="X3926" s="128"/>
      <c r="Y3926" s="128"/>
      <c r="Z3926" s="128"/>
      <c r="AA3926" s="128"/>
      <c r="AB3926" s="128"/>
      <c r="AC3926" s="128"/>
      <c r="AD3926" s="128"/>
      <c r="AE3926" s="128"/>
      <c r="AF3926" s="128"/>
      <c r="AG3926" s="128"/>
      <c r="AH3926" s="128"/>
      <c r="AI3926" s="128"/>
      <c r="AJ3926" s="128"/>
      <c r="AK3926" s="128"/>
      <c r="AL3926" s="128"/>
      <c r="AM3926" s="128"/>
      <c r="AN3926" s="128"/>
      <c r="AO3926" s="128"/>
      <c r="AP3926" s="128"/>
      <c r="AQ3926" s="128"/>
      <c r="AR3926" s="128"/>
      <c r="AS3926" s="128"/>
      <c r="AT3926" s="128"/>
      <c r="AU3926" s="128"/>
      <c r="AV3926" s="128"/>
      <c r="AW3926" s="128"/>
      <c r="AX3926" s="128"/>
      <c r="AY3926" s="128"/>
      <c r="AZ3926" s="128"/>
      <c r="BA3926" s="128"/>
      <c r="BB3926" s="107">
        <v>45884</v>
      </c>
    </row>
    <row r="3927" spans="1:54" s="8" customFormat="1" ht="15.75" customHeight="1" x14ac:dyDescent="0.25">
      <c r="A3927" s="219" t="s">
        <v>20381</v>
      </c>
      <c r="B3927" s="220" t="s">
        <v>6395</v>
      </c>
      <c r="C3927" s="130" t="s">
        <v>20361</v>
      </c>
      <c r="D3927" s="130" t="s">
        <v>21476</v>
      </c>
      <c r="E3927" s="225">
        <v>2018</v>
      </c>
      <c r="F3927" s="225">
        <v>601</v>
      </c>
      <c r="G3927" s="130" t="s">
        <v>20277</v>
      </c>
      <c r="H3927" s="130">
        <v>0</v>
      </c>
      <c r="I3927" s="130">
        <v>0</v>
      </c>
      <c r="J3927" s="98">
        <v>1</v>
      </c>
      <c r="K3927" s="98">
        <v>1</v>
      </c>
      <c r="L3927" s="98">
        <v>0</v>
      </c>
      <c r="M3927" s="98">
        <v>0</v>
      </c>
      <c r="N3927" s="98">
        <v>0</v>
      </c>
      <c r="O3927" s="98">
        <v>0</v>
      </c>
      <c r="P3927" s="98">
        <v>1</v>
      </c>
      <c r="Q3927" s="98">
        <v>0</v>
      </c>
      <c r="R3927" s="98">
        <v>0</v>
      </c>
      <c r="S3927" s="98">
        <v>0</v>
      </c>
      <c r="T3927" s="98">
        <v>0</v>
      </c>
      <c r="U3927" s="128"/>
      <c r="V3927" s="128"/>
      <c r="W3927" s="128"/>
      <c r="X3927" s="128"/>
      <c r="Y3927" s="128"/>
      <c r="Z3927" s="128"/>
      <c r="AA3927" s="128"/>
      <c r="AB3927" s="128"/>
      <c r="AC3927" s="128"/>
      <c r="AD3927" s="128"/>
      <c r="AE3927" s="128"/>
      <c r="AF3927" s="128"/>
      <c r="AG3927" s="128"/>
      <c r="AH3927" s="128"/>
      <c r="AI3927" s="128"/>
      <c r="AJ3927" s="128"/>
      <c r="AK3927" s="128"/>
      <c r="AL3927" s="128"/>
      <c r="AM3927" s="128"/>
      <c r="AN3927" s="128"/>
      <c r="AO3927" s="128"/>
      <c r="AP3927" s="128"/>
      <c r="AQ3927" s="128"/>
      <c r="AR3927" s="128"/>
      <c r="AS3927" s="128"/>
      <c r="AT3927" s="128"/>
      <c r="AU3927" s="128"/>
      <c r="AV3927" s="128"/>
      <c r="AW3927" s="128"/>
      <c r="AX3927" s="128"/>
      <c r="AY3927" s="128"/>
      <c r="AZ3927" s="131"/>
      <c r="BA3927" s="131"/>
      <c r="BB3927" s="107">
        <v>45884</v>
      </c>
    </row>
    <row r="3928" spans="1:54" s="8" customFormat="1" ht="15.75" customHeight="1" x14ac:dyDescent="0.25">
      <c r="A3928" s="219" t="s">
        <v>20382</v>
      </c>
      <c r="B3928" s="226" t="s">
        <v>6395</v>
      </c>
      <c r="C3928" s="132" t="s">
        <v>20362</v>
      </c>
      <c r="D3928" s="132" t="s">
        <v>21477</v>
      </c>
      <c r="E3928" s="227">
        <v>2018</v>
      </c>
      <c r="F3928" s="227">
        <v>93</v>
      </c>
      <c r="G3928" s="132" t="s">
        <v>20277</v>
      </c>
      <c r="H3928" s="132">
        <v>0</v>
      </c>
      <c r="I3928" s="132">
        <v>0</v>
      </c>
      <c r="J3928" s="133" t="s">
        <v>400</v>
      </c>
      <c r="K3928" s="133" t="s">
        <v>400</v>
      </c>
      <c r="L3928" s="133" t="s">
        <v>400</v>
      </c>
      <c r="M3928" s="133" t="s">
        <v>400</v>
      </c>
      <c r="N3928" s="133" t="s">
        <v>400</v>
      </c>
      <c r="O3928" s="133" t="s">
        <v>400</v>
      </c>
      <c r="P3928" s="133" t="s">
        <v>400</v>
      </c>
      <c r="Q3928" s="133" t="s">
        <v>400</v>
      </c>
      <c r="R3928" s="133" t="s">
        <v>400</v>
      </c>
      <c r="S3928" s="133" t="s">
        <v>400</v>
      </c>
      <c r="T3928" s="133">
        <v>0</v>
      </c>
      <c r="U3928" s="134"/>
      <c r="V3928" s="134"/>
      <c r="W3928" s="134"/>
      <c r="X3928" s="134"/>
      <c r="Y3928" s="134"/>
      <c r="Z3928" s="134"/>
      <c r="AA3928" s="134"/>
      <c r="AB3928" s="134"/>
      <c r="AC3928" s="134"/>
      <c r="AD3928" s="134"/>
      <c r="AE3928" s="134"/>
      <c r="AF3928" s="134"/>
      <c r="AG3928" s="134"/>
      <c r="AH3928" s="134"/>
      <c r="AI3928" s="128"/>
      <c r="AJ3928" s="128"/>
      <c r="AK3928" s="128"/>
      <c r="AL3928" s="128"/>
      <c r="AM3928" s="134"/>
      <c r="AN3928" s="134"/>
      <c r="AO3928" s="134"/>
      <c r="AP3928" s="134"/>
      <c r="AQ3928" s="134"/>
      <c r="AR3928" s="134"/>
      <c r="AS3928" s="134"/>
      <c r="AT3928" s="134"/>
      <c r="AU3928" s="134"/>
      <c r="AV3928" s="134"/>
      <c r="AW3928" s="134"/>
      <c r="AX3928" s="134"/>
      <c r="AY3928" s="134"/>
      <c r="AZ3928" s="134"/>
      <c r="BA3928" s="134"/>
      <c r="BB3928" s="107">
        <v>45884</v>
      </c>
    </row>
    <row r="3929" spans="1:54" s="8" customFormat="1" ht="15.75" customHeight="1" x14ac:dyDescent="0.25">
      <c r="A3929" s="219" t="s">
        <v>20383</v>
      </c>
      <c r="B3929" s="220" t="s">
        <v>6395</v>
      </c>
      <c r="C3929" s="130" t="s">
        <v>20490</v>
      </c>
      <c r="D3929" s="130" t="s">
        <v>21478</v>
      </c>
      <c r="E3929" s="225">
        <v>2018</v>
      </c>
      <c r="F3929" s="225">
        <v>169</v>
      </c>
      <c r="G3929" s="130" t="s">
        <v>20277</v>
      </c>
      <c r="H3929" s="130">
        <v>0</v>
      </c>
      <c r="I3929" s="130">
        <v>0</v>
      </c>
      <c r="J3929" s="98" t="s">
        <v>400</v>
      </c>
      <c r="K3929" s="98" t="s">
        <v>400</v>
      </c>
      <c r="L3929" s="98" t="s">
        <v>400</v>
      </c>
      <c r="M3929" s="98" t="s">
        <v>400</v>
      </c>
      <c r="N3929" s="98" t="s">
        <v>400</v>
      </c>
      <c r="O3929" s="98" t="s">
        <v>400</v>
      </c>
      <c r="P3929" s="98" t="s">
        <v>400</v>
      </c>
      <c r="Q3929" s="98" t="s">
        <v>400</v>
      </c>
      <c r="R3929" s="98" t="s">
        <v>400</v>
      </c>
      <c r="S3929" s="98" t="s">
        <v>400</v>
      </c>
      <c r="T3929" s="98">
        <v>0</v>
      </c>
      <c r="U3929" s="128"/>
      <c r="V3929" s="128"/>
      <c r="W3929" s="128"/>
      <c r="X3929" s="128"/>
      <c r="Y3929" s="128"/>
      <c r="Z3929" s="128"/>
      <c r="AA3929" s="128"/>
      <c r="AB3929" s="128"/>
      <c r="AC3929" s="128"/>
      <c r="AD3929" s="128"/>
      <c r="AE3929" s="128"/>
      <c r="AF3929" s="128"/>
      <c r="AG3929" s="128"/>
      <c r="AH3929" s="128"/>
      <c r="AI3929" s="128"/>
      <c r="AJ3929" s="128"/>
      <c r="AK3929" s="128"/>
      <c r="AL3929" s="128"/>
      <c r="AM3929" s="128"/>
      <c r="AN3929" s="128"/>
      <c r="AO3929" s="128"/>
      <c r="AP3929" s="128"/>
      <c r="AQ3929" s="128"/>
      <c r="AR3929" s="128"/>
      <c r="AS3929" s="128"/>
      <c r="AT3929" s="128"/>
      <c r="AU3929" s="128"/>
      <c r="AV3929" s="128"/>
      <c r="AW3929" s="128"/>
      <c r="AX3929" s="128"/>
      <c r="AY3929" s="128"/>
      <c r="AZ3929" s="128"/>
      <c r="BA3929" s="128"/>
      <c r="BB3929" s="107">
        <v>45884</v>
      </c>
    </row>
    <row r="3930" spans="1:54" s="8" customFormat="1" ht="15.75" customHeight="1" x14ac:dyDescent="0.25">
      <c r="A3930" s="219" t="s">
        <v>20384</v>
      </c>
      <c r="B3930" s="220" t="s">
        <v>6395</v>
      </c>
      <c r="C3930" s="130" t="s">
        <v>20363</v>
      </c>
      <c r="D3930" s="130" t="s">
        <v>20364</v>
      </c>
      <c r="E3930" s="225">
        <v>2018</v>
      </c>
      <c r="F3930" s="225">
        <v>503</v>
      </c>
      <c r="G3930" s="130" t="s">
        <v>20277</v>
      </c>
      <c r="H3930" s="130">
        <v>0</v>
      </c>
      <c r="I3930" s="130">
        <v>0</v>
      </c>
      <c r="J3930" s="130">
        <v>1</v>
      </c>
      <c r="K3930" s="130">
        <v>0</v>
      </c>
      <c r="L3930" s="130">
        <v>0</v>
      </c>
      <c r="M3930" s="130">
        <v>0</v>
      </c>
      <c r="N3930" s="130">
        <v>0</v>
      </c>
      <c r="O3930" s="130">
        <v>0</v>
      </c>
      <c r="P3930" s="130">
        <v>0</v>
      </c>
      <c r="Q3930" s="130">
        <v>0</v>
      </c>
      <c r="R3930" s="130">
        <v>0</v>
      </c>
      <c r="S3930" s="130">
        <v>0</v>
      </c>
      <c r="T3930" s="130">
        <v>0</v>
      </c>
      <c r="U3930" s="135"/>
      <c r="V3930" s="135"/>
      <c r="W3930" s="135"/>
      <c r="X3930" s="135"/>
      <c r="Y3930" s="135"/>
      <c r="Z3930" s="135"/>
      <c r="AA3930" s="135"/>
      <c r="AB3930" s="135"/>
      <c r="AC3930" s="135"/>
      <c r="AD3930" s="135"/>
      <c r="AE3930" s="135"/>
      <c r="AF3930" s="135"/>
      <c r="AG3930" s="135"/>
      <c r="AH3930" s="135"/>
      <c r="AI3930" s="128"/>
      <c r="AJ3930" s="128"/>
      <c r="AK3930" s="128"/>
      <c r="AL3930" s="128"/>
      <c r="AM3930" s="135"/>
      <c r="AN3930" s="135"/>
      <c r="AO3930" s="135"/>
      <c r="AP3930" s="135"/>
      <c r="AQ3930" s="135"/>
      <c r="AR3930" s="135"/>
      <c r="AS3930" s="135"/>
      <c r="AT3930" s="135"/>
      <c r="AU3930" s="135"/>
      <c r="AV3930" s="135"/>
      <c r="AW3930" s="135"/>
      <c r="AX3930" s="135"/>
      <c r="AY3930" s="135"/>
      <c r="AZ3930" s="135"/>
      <c r="BA3930" s="135"/>
      <c r="BB3930" s="107">
        <v>45884</v>
      </c>
    </row>
    <row r="3931" spans="1:54" s="8" customFormat="1" ht="15.75" customHeight="1" x14ac:dyDescent="0.25">
      <c r="A3931" s="219" t="s">
        <v>20385</v>
      </c>
      <c r="B3931" s="220" t="s">
        <v>6395</v>
      </c>
      <c r="C3931" s="130" t="s">
        <v>20365</v>
      </c>
      <c r="D3931" s="130" t="s">
        <v>20366</v>
      </c>
      <c r="E3931" s="225">
        <v>2018</v>
      </c>
      <c r="F3931" s="225">
        <v>594</v>
      </c>
      <c r="G3931" s="130" t="s">
        <v>20277</v>
      </c>
      <c r="H3931" s="130">
        <v>0</v>
      </c>
      <c r="I3931" s="130">
        <v>0</v>
      </c>
      <c r="J3931" s="130">
        <v>0</v>
      </c>
      <c r="K3931" s="130">
        <v>0</v>
      </c>
      <c r="L3931" s="130">
        <v>0</v>
      </c>
      <c r="M3931" s="130">
        <v>0</v>
      </c>
      <c r="N3931" s="130">
        <v>1</v>
      </c>
      <c r="O3931" s="130">
        <v>0</v>
      </c>
      <c r="P3931" s="130">
        <v>0</v>
      </c>
      <c r="Q3931" s="130">
        <v>0</v>
      </c>
      <c r="R3931" s="130">
        <v>0</v>
      </c>
      <c r="S3931" s="130">
        <v>0</v>
      </c>
      <c r="T3931" s="130">
        <v>0</v>
      </c>
      <c r="U3931" s="135"/>
      <c r="V3931" s="135"/>
      <c r="W3931" s="135"/>
      <c r="X3931" s="135"/>
      <c r="Y3931" s="135"/>
      <c r="Z3931" s="135"/>
      <c r="AA3931" s="135"/>
      <c r="AB3931" s="135"/>
      <c r="AC3931" s="135"/>
      <c r="AD3931" s="135"/>
      <c r="AE3931" s="135"/>
      <c r="AF3931" s="135"/>
      <c r="AG3931" s="135"/>
      <c r="AH3931" s="135"/>
      <c r="AI3931" s="135"/>
      <c r="AJ3931" s="135"/>
      <c r="AK3931" s="135"/>
      <c r="AL3931" s="135"/>
      <c r="AM3931" s="135"/>
      <c r="AN3931" s="135"/>
      <c r="AO3931" s="135"/>
      <c r="AP3931" s="135"/>
      <c r="AQ3931" s="135"/>
      <c r="AR3931" s="135"/>
      <c r="AS3931" s="135"/>
      <c r="AT3931" s="135"/>
      <c r="AU3931" s="135"/>
      <c r="AV3931" s="135"/>
      <c r="AW3931" s="135"/>
      <c r="AX3931" s="135"/>
      <c r="AY3931" s="135"/>
      <c r="AZ3931" s="135"/>
      <c r="BA3931" s="135"/>
      <c r="BB3931" s="107">
        <v>45884</v>
      </c>
    </row>
    <row r="3932" spans="1:54" s="8" customFormat="1" ht="15.75" customHeight="1" x14ac:dyDescent="0.25">
      <c r="A3932" s="219" t="s">
        <v>20386</v>
      </c>
      <c r="B3932" s="220" t="s">
        <v>6395</v>
      </c>
      <c r="C3932" s="130" t="s">
        <v>20367</v>
      </c>
      <c r="D3932" s="130" t="s">
        <v>21479</v>
      </c>
      <c r="E3932" s="225">
        <v>2019</v>
      </c>
      <c r="F3932" s="225">
        <v>3105</v>
      </c>
      <c r="G3932" s="130" t="s">
        <v>20277</v>
      </c>
      <c r="H3932" s="130">
        <v>1</v>
      </c>
      <c r="I3932" s="130">
        <v>1</v>
      </c>
      <c r="J3932" s="130">
        <v>1</v>
      </c>
      <c r="K3932" s="130">
        <v>1</v>
      </c>
      <c r="L3932" s="130">
        <v>0</v>
      </c>
      <c r="M3932" s="130">
        <v>0</v>
      </c>
      <c r="N3932" s="130">
        <v>1</v>
      </c>
      <c r="O3932" s="130">
        <v>1</v>
      </c>
      <c r="P3932" s="130">
        <v>1</v>
      </c>
      <c r="Q3932" s="130">
        <v>0</v>
      </c>
      <c r="R3932" s="130">
        <v>1</v>
      </c>
      <c r="S3932" s="130">
        <v>0</v>
      </c>
      <c r="T3932" s="130">
        <v>0</v>
      </c>
      <c r="U3932" s="135"/>
      <c r="V3932" s="135"/>
      <c r="W3932" s="135"/>
      <c r="X3932" s="135"/>
      <c r="Y3932" s="135"/>
      <c r="Z3932" s="135"/>
      <c r="AA3932" s="135"/>
      <c r="AB3932" s="135"/>
      <c r="AC3932" s="135"/>
      <c r="AD3932" s="135"/>
      <c r="AE3932" s="135"/>
      <c r="AF3932" s="135"/>
      <c r="AG3932" s="135"/>
      <c r="AH3932" s="135"/>
      <c r="AI3932" s="135"/>
      <c r="AJ3932" s="135"/>
      <c r="AK3932" s="135"/>
      <c r="AL3932" s="135"/>
      <c r="AM3932" s="135"/>
      <c r="AN3932" s="135"/>
      <c r="AO3932" s="135"/>
      <c r="AP3932" s="135"/>
      <c r="AQ3932" s="135"/>
      <c r="AR3932" s="135"/>
      <c r="AS3932" s="135"/>
      <c r="AT3932" s="135"/>
      <c r="AU3932" s="135"/>
      <c r="AV3932" s="135"/>
      <c r="AW3932" s="135"/>
      <c r="AX3932" s="135"/>
      <c r="AY3932" s="135"/>
      <c r="AZ3932" s="135"/>
      <c r="BA3932" s="135"/>
      <c r="BB3932" s="107">
        <v>45884</v>
      </c>
    </row>
    <row r="3933" spans="1:54" s="8" customFormat="1" ht="15.75" customHeight="1" x14ac:dyDescent="0.25">
      <c r="A3933" s="219" t="s">
        <v>20387</v>
      </c>
      <c r="B3933" s="220" t="s">
        <v>6395</v>
      </c>
      <c r="C3933" s="130" t="s">
        <v>20368</v>
      </c>
      <c r="D3933" s="130" t="s">
        <v>21480</v>
      </c>
      <c r="E3933" s="225">
        <v>2018</v>
      </c>
      <c r="F3933" s="225">
        <v>273</v>
      </c>
      <c r="G3933" s="130" t="s">
        <v>20277</v>
      </c>
      <c r="H3933" s="130">
        <v>0</v>
      </c>
      <c r="I3933" s="130">
        <v>0</v>
      </c>
      <c r="J3933" s="130">
        <v>1</v>
      </c>
      <c r="K3933" s="130">
        <v>1</v>
      </c>
      <c r="L3933" s="130">
        <v>0</v>
      </c>
      <c r="M3933" s="130">
        <v>0</v>
      </c>
      <c r="N3933" s="130">
        <v>1</v>
      </c>
      <c r="O3933" s="130">
        <v>0</v>
      </c>
      <c r="P3933" s="130">
        <v>0</v>
      </c>
      <c r="Q3933" s="130">
        <v>1</v>
      </c>
      <c r="R3933" s="130">
        <v>0</v>
      </c>
      <c r="S3933" s="130">
        <v>0</v>
      </c>
      <c r="T3933" s="130">
        <v>0</v>
      </c>
      <c r="U3933" s="135"/>
      <c r="V3933" s="135"/>
      <c r="W3933" s="135"/>
      <c r="X3933" s="135"/>
      <c r="Y3933" s="135"/>
      <c r="Z3933" s="135"/>
      <c r="AA3933" s="135"/>
      <c r="AB3933" s="135"/>
      <c r="AC3933" s="135"/>
      <c r="AD3933" s="135"/>
      <c r="AE3933" s="135"/>
      <c r="AF3933" s="135"/>
      <c r="AG3933" s="135"/>
      <c r="AH3933" s="135"/>
      <c r="AI3933" s="135"/>
      <c r="AJ3933" s="135"/>
      <c r="AK3933" s="135"/>
      <c r="AL3933" s="135"/>
      <c r="AM3933" s="135"/>
      <c r="AN3933" s="135"/>
      <c r="AO3933" s="135"/>
      <c r="AP3933" s="135"/>
      <c r="AQ3933" s="135"/>
      <c r="AR3933" s="135"/>
      <c r="AS3933" s="135"/>
      <c r="AT3933" s="135"/>
      <c r="AU3933" s="135"/>
      <c r="AV3933" s="135"/>
      <c r="AW3933" s="135"/>
      <c r="AX3933" s="135"/>
      <c r="AY3933" s="135"/>
      <c r="AZ3933" s="135"/>
      <c r="BA3933" s="135"/>
      <c r="BB3933" s="107">
        <v>45884</v>
      </c>
    </row>
    <row r="3934" spans="1:54" s="8" customFormat="1" ht="15.75" customHeight="1" x14ac:dyDescent="0.25">
      <c r="A3934" s="219" t="s">
        <v>20388</v>
      </c>
      <c r="B3934" s="220" t="s">
        <v>6395</v>
      </c>
      <c r="C3934" s="130" t="s">
        <v>20369</v>
      </c>
      <c r="D3934" s="130" t="s">
        <v>21481</v>
      </c>
      <c r="E3934" s="225">
        <v>2018</v>
      </c>
      <c r="F3934" s="225">
        <v>306</v>
      </c>
      <c r="G3934" s="130" t="s">
        <v>20277</v>
      </c>
      <c r="H3934" s="130">
        <v>0</v>
      </c>
      <c r="I3934" s="130">
        <v>0</v>
      </c>
      <c r="J3934" s="130">
        <v>1</v>
      </c>
      <c r="K3934" s="130">
        <v>1</v>
      </c>
      <c r="L3934" s="130">
        <v>0</v>
      </c>
      <c r="M3934" s="130">
        <v>0</v>
      </c>
      <c r="N3934" s="130">
        <v>0</v>
      </c>
      <c r="O3934" s="130">
        <v>0</v>
      </c>
      <c r="P3934" s="130">
        <v>0</v>
      </c>
      <c r="Q3934" s="130">
        <v>0</v>
      </c>
      <c r="R3934" s="130">
        <v>0</v>
      </c>
      <c r="S3934" s="130">
        <v>0</v>
      </c>
      <c r="T3934" s="130">
        <v>0</v>
      </c>
      <c r="U3934" s="135"/>
      <c r="V3934" s="135"/>
      <c r="W3934" s="135"/>
      <c r="X3934" s="135"/>
      <c r="Y3934" s="135"/>
      <c r="Z3934" s="135"/>
      <c r="AA3934" s="135"/>
      <c r="AB3934" s="135"/>
      <c r="AC3934" s="135"/>
      <c r="AD3934" s="135"/>
      <c r="AE3934" s="135"/>
      <c r="AF3934" s="135"/>
      <c r="AG3934" s="135"/>
      <c r="AH3934" s="135"/>
      <c r="AI3934" s="135"/>
      <c r="AJ3934" s="135"/>
      <c r="AK3934" s="135"/>
      <c r="AL3934" s="135"/>
      <c r="AM3934" s="135"/>
      <c r="AN3934" s="135"/>
      <c r="AO3934" s="135"/>
      <c r="AP3934" s="135"/>
      <c r="AQ3934" s="135"/>
      <c r="AR3934" s="135"/>
      <c r="AS3934" s="135"/>
      <c r="AT3934" s="135"/>
      <c r="AU3934" s="135"/>
      <c r="AV3934" s="135"/>
      <c r="AW3934" s="135"/>
      <c r="AX3934" s="135"/>
      <c r="AY3934" s="135"/>
      <c r="AZ3934" s="135"/>
      <c r="BA3934" s="135"/>
      <c r="BB3934" s="107">
        <v>45884</v>
      </c>
    </row>
    <row r="3935" spans="1:54" s="8" customFormat="1" ht="15.75" customHeight="1" x14ac:dyDescent="0.25">
      <c r="A3935" s="219" t="s">
        <v>20389</v>
      </c>
      <c r="B3935" s="220" t="s">
        <v>6395</v>
      </c>
      <c r="C3935" s="130" t="s">
        <v>20370</v>
      </c>
      <c r="D3935" s="130" t="s">
        <v>21482</v>
      </c>
      <c r="E3935" s="225">
        <v>2018</v>
      </c>
      <c r="F3935" s="225">
        <v>356</v>
      </c>
      <c r="G3935" s="130" t="s">
        <v>20277</v>
      </c>
      <c r="H3935" s="130">
        <v>0</v>
      </c>
      <c r="I3935" s="130">
        <v>0</v>
      </c>
      <c r="J3935" s="130">
        <v>1</v>
      </c>
      <c r="K3935" s="130">
        <v>0</v>
      </c>
      <c r="L3935" s="130">
        <v>0</v>
      </c>
      <c r="M3935" s="130">
        <v>0</v>
      </c>
      <c r="N3935" s="130">
        <v>0</v>
      </c>
      <c r="O3935" s="130">
        <v>0</v>
      </c>
      <c r="P3935" s="130">
        <v>0</v>
      </c>
      <c r="Q3935" s="130">
        <v>0</v>
      </c>
      <c r="R3935" s="130">
        <v>0</v>
      </c>
      <c r="S3935" s="130">
        <v>0</v>
      </c>
      <c r="T3935" s="130">
        <v>0</v>
      </c>
      <c r="U3935" s="135"/>
      <c r="V3935" s="135"/>
      <c r="W3935" s="135"/>
      <c r="X3935" s="135"/>
      <c r="Y3935" s="135"/>
      <c r="Z3935" s="135"/>
      <c r="AA3935" s="135"/>
      <c r="AB3935" s="135"/>
      <c r="AC3935" s="135"/>
      <c r="AD3935" s="135"/>
      <c r="AE3935" s="135"/>
      <c r="AF3935" s="135"/>
      <c r="AG3935" s="135"/>
      <c r="AH3935" s="135"/>
      <c r="AI3935" s="135"/>
      <c r="AJ3935" s="135"/>
      <c r="AK3935" s="135"/>
      <c r="AL3935" s="135"/>
      <c r="AM3935" s="135"/>
      <c r="AN3935" s="135"/>
      <c r="AO3935" s="135"/>
      <c r="AP3935" s="135"/>
      <c r="AQ3935" s="135"/>
      <c r="AR3935" s="135"/>
      <c r="AS3935" s="135"/>
      <c r="AT3935" s="135"/>
      <c r="AU3935" s="135"/>
      <c r="AV3935" s="135"/>
      <c r="AW3935" s="135"/>
      <c r="AX3935" s="135"/>
      <c r="AY3935" s="135"/>
      <c r="AZ3935" s="135"/>
      <c r="BA3935" s="135"/>
      <c r="BB3935" s="107">
        <v>45884</v>
      </c>
    </row>
    <row r="3936" spans="1:54" s="8" customFormat="1" ht="15.75" customHeight="1" x14ac:dyDescent="0.25">
      <c r="A3936" s="219" t="s">
        <v>20390</v>
      </c>
      <c r="B3936" s="220" t="s">
        <v>6395</v>
      </c>
      <c r="C3936" s="130" t="s">
        <v>20371</v>
      </c>
      <c r="D3936" s="130" t="s">
        <v>20491</v>
      </c>
      <c r="E3936" s="225">
        <v>2019</v>
      </c>
      <c r="F3936" s="225">
        <v>2628</v>
      </c>
      <c r="G3936" s="130" t="s">
        <v>20372</v>
      </c>
      <c r="H3936" s="130">
        <v>0</v>
      </c>
      <c r="I3936" s="130">
        <v>0</v>
      </c>
      <c r="J3936" s="130">
        <v>0</v>
      </c>
      <c r="K3936" s="130">
        <v>0</v>
      </c>
      <c r="L3936" s="130">
        <v>0</v>
      </c>
      <c r="M3936" s="130">
        <v>0</v>
      </c>
      <c r="N3936" s="130">
        <v>0</v>
      </c>
      <c r="O3936" s="130">
        <v>0</v>
      </c>
      <c r="P3936" s="130">
        <v>0</v>
      </c>
      <c r="Q3936" s="130">
        <v>0</v>
      </c>
      <c r="R3936" s="130">
        <v>0</v>
      </c>
      <c r="S3936" s="130">
        <v>0</v>
      </c>
      <c r="T3936" s="130">
        <v>0</v>
      </c>
      <c r="U3936" s="130">
        <v>0</v>
      </c>
      <c r="V3936" s="130">
        <v>0</v>
      </c>
      <c r="W3936" s="130">
        <v>0</v>
      </c>
      <c r="X3936" s="130">
        <v>0</v>
      </c>
      <c r="Y3936" s="130">
        <v>0</v>
      </c>
      <c r="Z3936" s="130">
        <v>0</v>
      </c>
      <c r="AA3936" s="130">
        <v>0</v>
      </c>
      <c r="AB3936" s="130">
        <v>0</v>
      </c>
      <c r="AC3936" s="130">
        <v>0</v>
      </c>
      <c r="AD3936" s="130">
        <v>0</v>
      </c>
      <c r="AE3936" s="130">
        <v>0</v>
      </c>
      <c r="AF3936" s="130">
        <v>0</v>
      </c>
      <c r="AG3936" s="130">
        <v>0</v>
      </c>
      <c r="AH3936" s="130">
        <v>0</v>
      </c>
      <c r="AI3936" s="130">
        <v>0</v>
      </c>
      <c r="AJ3936" s="130">
        <v>0</v>
      </c>
      <c r="AK3936" s="130">
        <v>0</v>
      </c>
      <c r="AL3936" s="130">
        <v>0</v>
      </c>
      <c r="AM3936" s="130">
        <v>0</v>
      </c>
      <c r="AN3936" s="130">
        <v>0</v>
      </c>
      <c r="AO3936" s="130">
        <v>0</v>
      </c>
      <c r="AP3936" s="130">
        <v>0</v>
      </c>
      <c r="AQ3936" s="130">
        <v>0</v>
      </c>
      <c r="AR3936" s="130">
        <v>0</v>
      </c>
      <c r="AS3936" s="130">
        <v>0</v>
      </c>
      <c r="AT3936" s="130">
        <v>0</v>
      </c>
      <c r="AU3936" s="130">
        <v>0</v>
      </c>
      <c r="AV3936" s="130">
        <v>0</v>
      </c>
      <c r="AW3936" s="130">
        <v>0</v>
      </c>
      <c r="AX3936" s="130"/>
      <c r="AY3936" s="130"/>
      <c r="AZ3936" s="130"/>
      <c r="BA3936" s="130"/>
      <c r="BB3936" s="107">
        <v>45884</v>
      </c>
    </row>
    <row r="3937" spans="1:54" s="8" customFormat="1" ht="15.75" customHeight="1" x14ac:dyDescent="0.25">
      <c r="A3937" s="219" t="s">
        <v>20391</v>
      </c>
      <c r="B3937" s="220" t="s">
        <v>6395</v>
      </c>
      <c r="C3937" s="130" t="s">
        <v>20373</v>
      </c>
      <c r="D3937" s="130" t="s">
        <v>20374</v>
      </c>
      <c r="E3937" s="225">
        <v>2018</v>
      </c>
      <c r="F3937" s="225">
        <v>519</v>
      </c>
      <c r="G3937" s="130" t="s">
        <v>20277</v>
      </c>
      <c r="H3937" s="130">
        <v>0</v>
      </c>
      <c r="I3937" s="130">
        <v>0</v>
      </c>
      <c r="J3937" s="130">
        <v>1</v>
      </c>
      <c r="K3937" s="130">
        <v>1</v>
      </c>
      <c r="L3937" s="130">
        <v>0</v>
      </c>
      <c r="M3937" s="130">
        <v>0</v>
      </c>
      <c r="N3937" s="130">
        <v>0</v>
      </c>
      <c r="O3937" s="130">
        <v>0</v>
      </c>
      <c r="P3937" s="130">
        <v>1</v>
      </c>
      <c r="Q3937" s="130">
        <v>0</v>
      </c>
      <c r="R3937" s="130">
        <v>0</v>
      </c>
      <c r="S3937" s="130">
        <v>0</v>
      </c>
      <c r="T3937" s="130">
        <v>0</v>
      </c>
      <c r="U3937" s="135"/>
      <c r="V3937" s="135"/>
      <c r="W3937" s="135"/>
      <c r="X3937" s="135"/>
      <c r="Y3937" s="135"/>
      <c r="Z3937" s="135"/>
      <c r="AA3937" s="135"/>
      <c r="AB3937" s="135"/>
      <c r="AC3937" s="135"/>
      <c r="AD3937" s="135"/>
      <c r="AE3937" s="135"/>
      <c r="AF3937" s="135"/>
      <c r="AG3937" s="135"/>
      <c r="AH3937" s="135"/>
      <c r="AI3937" s="135"/>
      <c r="AJ3937" s="135"/>
      <c r="AK3937" s="135"/>
      <c r="AL3937" s="135"/>
      <c r="AM3937" s="135"/>
      <c r="AN3937" s="135"/>
      <c r="AO3937" s="135"/>
      <c r="AP3937" s="135"/>
      <c r="AQ3937" s="135"/>
      <c r="AR3937" s="135"/>
      <c r="AS3937" s="135"/>
      <c r="AT3937" s="135"/>
      <c r="AU3937" s="135"/>
      <c r="AV3937" s="135"/>
      <c r="AW3937" s="135"/>
      <c r="AX3937" s="135"/>
      <c r="AY3937" s="135"/>
      <c r="AZ3937" s="135"/>
      <c r="BA3937" s="135"/>
      <c r="BB3937" s="107">
        <v>45884</v>
      </c>
    </row>
    <row r="3938" spans="1:54" s="8" customFormat="1" ht="15.75" customHeight="1" x14ac:dyDescent="0.25">
      <c r="A3938" s="219" t="s">
        <v>20392</v>
      </c>
      <c r="B3938" s="220" t="s">
        <v>6395</v>
      </c>
      <c r="C3938" s="130" t="s">
        <v>20375</v>
      </c>
      <c r="D3938" s="130" t="s">
        <v>21483</v>
      </c>
      <c r="E3938" s="225">
        <v>2018</v>
      </c>
      <c r="F3938" s="225">
        <v>232</v>
      </c>
      <c r="G3938" s="130" t="s">
        <v>20376</v>
      </c>
      <c r="H3938" s="130">
        <v>0</v>
      </c>
      <c r="I3938" s="130">
        <v>0</v>
      </c>
      <c r="J3938" s="130">
        <v>0</v>
      </c>
      <c r="K3938" s="130">
        <v>0</v>
      </c>
      <c r="L3938" s="130">
        <v>0</v>
      </c>
      <c r="M3938" s="130">
        <v>0</v>
      </c>
      <c r="N3938" s="130">
        <v>0</v>
      </c>
      <c r="O3938" s="130">
        <v>0</v>
      </c>
      <c r="P3938" s="130">
        <v>0</v>
      </c>
      <c r="Q3938" s="130">
        <v>0</v>
      </c>
      <c r="R3938" s="130">
        <v>0</v>
      </c>
      <c r="S3938" s="130">
        <v>0</v>
      </c>
      <c r="T3938" s="130">
        <v>0</v>
      </c>
      <c r="U3938" s="130">
        <v>0</v>
      </c>
      <c r="V3938" s="130">
        <v>0</v>
      </c>
      <c r="W3938" s="130">
        <v>0</v>
      </c>
      <c r="X3938" s="130">
        <v>0</v>
      </c>
      <c r="Y3938" s="130">
        <v>0</v>
      </c>
      <c r="Z3938" s="130">
        <v>0</v>
      </c>
      <c r="AA3938" s="130">
        <v>0</v>
      </c>
      <c r="AB3938" s="130">
        <v>0</v>
      </c>
      <c r="AC3938" s="130">
        <v>0</v>
      </c>
      <c r="AD3938" s="130">
        <v>0</v>
      </c>
      <c r="AE3938" s="130">
        <v>0</v>
      </c>
      <c r="AF3938" s="130">
        <v>0</v>
      </c>
      <c r="AG3938" s="130">
        <v>0</v>
      </c>
      <c r="AH3938" s="130">
        <v>0</v>
      </c>
      <c r="AI3938" s="130">
        <v>0</v>
      </c>
      <c r="AJ3938" s="130">
        <v>0</v>
      </c>
      <c r="AK3938" s="130">
        <v>0</v>
      </c>
      <c r="AL3938" s="130">
        <v>0</v>
      </c>
      <c r="AM3938" s="130">
        <v>0</v>
      </c>
      <c r="AN3938" s="130">
        <v>0</v>
      </c>
      <c r="AO3938" s="130">
        <v>0</v>
      </c>
      <c r="AP3938" s="130">
        <v>0</v>
      </c>
      <c r="AQ3938" s="130">
        <v>0</v>
      </c>
      <c r="AR3938" s="130">
        <v>0</v>
      </c>
      <c r="AS3938" s="130">
        <v>0</v>
      </c>
      <c r="AT3938" s="130">
        <v>0</v>
      </c>
      <c r="AU3938" s="130">
        <v>0</v>
      </c>
      <c r="AV3938" s="130">
        <v>0</v>
      </c>
      <c r="AW3938" s="130">
        <v>0</v>
      </c>
      <c r="AX3938" s="130"/>
      <c r="AY3938" s="130"/>
      <c r="AZ3938" s="130"/>
      <c r="BA3938" s="130"/>
      <c r="BB3938" s="107">
        <v>45884</v>
      </c>
    </row>
    <row r="3939" spans="1:54" s="8" customFormat="1" ht="15.75" customHeight="1" x14ac:dyDescent="0.25">
      <c r="A3939" s="219" t="s">
        <v>20393</v>
      </c>
      <c r="B3939" s="220" t="s">
        <v>6395</v>
      </c>
      <c r="C3939" s="130" t="s">
        <v>20377</v>
      </c>
      <c r="D3939" s="130" t="s">
        <v>21484</v>
      </c>
      <c r="E3939" s="225">
        <v>2019</v>
      </c>
      <c r="F3939" s="225">
        <v>13219</v>
      </c>
      <c r="G3939" s="130" t="s">
        <v>20378</v>
      </c>
      <c r="H3939" s="130">
        <v>0</v>
      </c>
      <c r="I3939" s="130">
        <v>0</v>
      </c>
      <c r="J3939" s="130">
        <v>0</v>
      </c>
      <c r="K3939" s="130">
        <v>0</v>
      </c>
      <c r="L3939" s="130">
        <v>0</v>
      </c>
      <c r="M3939" s="130">
        <v>0</v>
      </c>
      <c r="N3939" s="130">
        <v>0</v>
      </c>
      <c r="O3939" s="130">
        <v>0</v>
      </c>
      <c r="P3939" s="130">
        <v>0</v>
      </c>
      <c r="Q3939" s="130">
        <v>0</v>
      </c>
      <c r="R3939" s="130">
        <v>0</v>
      </c>
      <c r="S3939" s="130">
        <v>0</v>
      </c>
      <c r="T3939" s="130">
        <v>0</v>
      </c>
      <c r="U3939" s="130">
        <v>0</v>
      </c>
      <c r="V3939" s="130">
        <v>0</v>
      </c>
      <c r="W3939" s="130">
        <v>0</v>
      </c>
      <c r="X3939" s="130">
        <v>0</v>
      </c>
      <c r="Y3939" s="130">
        <v>0</v>
      </c>
      <c r="Z3939" s="130">
        <v>0</v>
      </c>
      <c r="AA3939" s="130">
        <v>0</v>
      </c>
      <c r="AB3939" s="130">
        <v>0</v>
      </c>
      <c r="AC3939" s="130">
        <v>0</v>
      </c>
      <c r="AD3939" s="130">
        <v>0</v>
      </c>
      <c r="AE3939" s="130">
        <v>0</v>
      </c>
      <c r="AF3939" s="130">
        <v>0</v>
      </c>
      <c r="AG3939" s="130">
        <v>0</v>
      </c>
      <c r="AH3939" s="130">
        <v>0</v>
      </c>
      <c r="AI3939" s="130">
        <v>0</v>
      </c>
      <c r="AJ3939" s="130">
        <v>0</v>
      </c>
      <c r="AK3939" s="130">
        <v>0</v>
      </c>
      <c r="AL3939" s="130">
        <v>0</v>
      </c>
      <c r="AM3939" s="130">
        <v>0</v>
      </c>
      <c r="AN3939" s="130">
        <v>0</v>
      </c>
      <c r="AO3939" s="130">
        <v>0</v>
      </c>
      <c r="AP3939" s="130">
        <v>0</v>
      </c>
      <c r="AQ3939" s="130">
        <v>0</v>
      </c>
      <c r="AR3939" s="130">
        <v>0</v>
      </c>
      <c r="AS3939" s="130">
        <v>0</v>
      </c>
      <c r="AT3939" s="130">
        <v>0</v>
      </c>
      <c r="AU3939" s="130">
        <v>0</v>
      </c>
      <c r="AV3939" s="130">
        <v>0</v>
      </c>
      <c r="AW3939" s="130">
        <v>0</v>
      </c>
      <c r="AX3939" s="130"/>
      <c r="AY3939" s="130"/>
      <c r="AZ3939" s="130"/>
      <c r="BA3939" s="130"/>
      <c r="BB3939" s="107">
        <v>45884</v>
      </c>
    </row>
    <row r="3940" spans="1:54" s="8" customFormat="1" ht="15.75" customHeight="1" x14ac:dyDescent="0.25">
      <c r="A3940" s="219" t="s">
        <v>20394</v>
      </c>
      <c r="B3940" s="220" t="s">
        <v>6395</v>
      </c>
      <c r="C3940" s="130" t="s">
        <v>20379</v>
      </c>
      <c r="D3940" s="130" t="s">
        <v>20380</v>
      </c>
      <c r="E3940" s="225">
        <v>2019</v>
      </c>
      <c r="F3940" s="225">
        <v>3004</v>
      </c>
      <c r="G3940" s="130" t="s">
        <v>20372</v>
      </c>
      <c r="H3940" s="130">
        <v>0</v>
      </c>
      <c r="I3940" s="130">
        <v>0</v>
      </c>
      <c r="J3940" s="130">
        <v>0</v>
      </c>
      <c r="K3940" s="130">
        <v>0</v>
      </c>
      <c r="L3940" s="130">
        <v>0</v>
      </c>
      <c r="M3940" s="130">
        <v>0</v>
      </c>
      <c r="N3940" s="130">
        <v>0</v>
      </c>
      <c r="O3940" s="130">
        <v>0</v>
      </c>
      <c r="P3940" s="130">
        <v>0</v>
      </c>
      <c r="Q3940" s="130">
        <v>0</v>
      </c>
      <c r="R3940" s="130">
        <v>0</v>
      </c>
      <c r="S3940" s="130">
        <v>0</v>
      </c>
      <c r="T3940" s="130">
        <v>0</v>
      </c>
      <c r="U3940" s="130">
        <v>0</v>
      </c>
      <c r="V3940" s="130">
        <v>0</v>
      </c>
      <c r="W3940" s="130">
        <v>0</v>
      </c>
      <c r="X3940" s="130">
        <v>0</v>
      </c>
      <c r="Y3940" s="130">
        <v>0</v>
      </c>
      <c r="Z3940" s="130">
        <v>0</v>
      </c>
      <c r="AA3940" s="130">
        <v>0</v>
      </c>
      <c r="AB3940" s="130">
        <v>0</v>
      </c>
      <c r="AC3940" s="130">
        <v>0</v>
      </c>
      <c r="AD3940" s="130">
        <v>0</v>
      </c>
      <c r="AE3940" s="130">
        <v>0</v>
      </c>
      <c r="AF3940" s="130">
        <v>0</v>
      </c>
      <c r="AG3940" s="130">
        <v>0</v>
      </c>
      <c r="AH3940" s="130">
        <v>0</v>
      </c>
      <c r="AI3940" s="130">
        <v>0</v>
      </c>
      <c r="AJ3940" s="130">
        <v>0</v>
      </c>
      <c r="AK3940" s="130">
        <v>0</v>
      </c>
      <c r="AL3940" s="130">
        <v>0</v>
      </c>
      <c r="AM3940" s="130">
        <v>0</v>
      </c>
      <c r="AN3940" s="130">
        <v>0</v>
      </c>
      <c r="AO3940" s="130">
        <v>0</v>
      </c>
      <c r="AP3940" s="130">
        <v>0</v>
      </c>
      <c r="AQ3940" s="130">
        <v>0</v>
      </c>
      <c r="AR3940" s="130">
        <v>0</v>
      </c>
      <c r="AS3940" s="130">
        <v>0</v>
      </c>
      <c r="AT3940" s="130">
        <v>0</v>
      </c>
      <c r="AU3940" s="130">
        <v>0</v>
      </c>
      <c r="AV3940" s="130">
        <v>0</v>
      </c>
      <c r="AW3940" s="130">
        <v>0</v>
      </c>
      <c r="AX3940" s="130"/>
      <c r="AY3940" s="130"/>
      <c r="AZ3940" s="130"/>
      <c r="BA3940" s="130"/>
      <c r="BB3940" s="107">
        <v>45884</v>
      </c>
    </row>
    <row r="3941" spans="1:54" s="8" customFormat="1" ht="15.75" customHeight="1" x14ac:dyDescent="0.25">
      <c r="A3941" s="219" t="s">
        <v>20506</v>
      </c>
      <c r="B3941" s="228" t="s">
        <v>20492</v>
      </c>
      <c r="C3941" s="130" t="s">
        <v>20493</v>
      </c>
      <c r="D3941" s="130" t="s">
        <v>20494</v>
      </c>
      <c r="E3941" s="225">
        <v>2016</v>
      </c>
      <c r="F3941" s="225">
        <v>232</v>
      </c>
      <c r="G3941" s="130" t="s">
        <v>20277</v>
      </c>
      <c r="H3941" s="130" t="s">
        <v>174</v>
      </c>
      <c r="I3941" s="130" t="s">
        <v>174</v>
      </c>
      <c r="J3941" s="130" t="s">
        <v>174</v>
      </c>
      <c r="K3941" s="130" t="s">
        <v>174</v>
      </c>
      <c r="L3941" s="130" t="s">
        <v>174</v>
      </c>
      <c r="M3941" s="130" t="s">
        <v>174</v>
      </c>
      <c r="N3941" s="130" t="s">
        <v>174</v>
      </c>
      <c r="O3941" s="130" t="s">
        <v>174</v>
      </c>
      <c r="P3941" s="130" t="s">
        <v>174</v>
      </c>
      <c r="Q3941" s="130" t="s">
        <v>174</v>
      </c>
      <c r="R3941" s="130" t="s">
        <v>174</v>
      </c>
      <c r="S3941" s="130" t="s">
        <v>174</v>
      </c>
      <c r="T3941" s="130" t="s">
        <v>174</v>
      </c>
      <c r="U3941" s="135"/>
      <c r="V3941" s="135"/>
      <c r="W3941" s="135"/>
      <c r="X3941" s="135"/>
      <c r="Y3941" s="135"/>
      <c r="Z3941" s="135"/>
      <c r="AA3941" s="135"/>
      <c r="AB3941" s="135"/>
      <c r="AC3941" s="135"/>
      <c r="AD3941" s="135"/>
      <c r="AE3941" s="135"/>
      <c r="AF3941" s="135"/>
      <c r="AG3941" s="135"/>
      <c r="AH3941" s="135"/>
      <c r="AI3941" s="135"/>
      <c r="AJ3941" s="135"/>
      <c r="AK3941" s="135"/>
      <c r="AL3941" s="135"/>
      <c r="AM3941" s="135"/>
      <c r="AN3941" s="135"/>
      <c r="AO3941" s="135"/>
      <c r="AP3941" s="135"/>
      <c r="AQ3941" s="135"/>
      <c r="AR3941" s="135"/>
      <c r="AS3941" s="135"/>
      <c r="AT3941" s="135"/>
      <c r="AU3941" s="135"/>
      <c r="AV3941" s="135"/>
      <c r="AW3941" s="135"/>
      <c r="AX3941" s="135"/>
      <c r="AY3941" s="135"/>
      <c r="AZ3941" s="135"/>
      <c r="BA3941" s="135"/>
      <c r="BB3941" s="107">
        <v>45884</v>
      </c>
    </row>
    <row r="3942" spans="1:54" s="8" customFormat="1" ht="15.75" customHeight="1" x14ac:dyDescent="0.25">
      <c r="A3942" s="219" t="s">
        <v>20507</v>
      </c>
      <c r="B3942" s="228" t="s">
        <v>20492</v>
      </c>
      <c r="C3942" s="130" t="s">
        <v>21624</v>
      </c>
      <c r="D3942" s="130" t="s">
        <v>20495</v>
      </c>
      <c r="E3942" s="225">
        <v>2016</v>
      </c>
      <c r="F3942" s="225">
        <v>405</v>
      </c>
      <c r="G3942" s="130" t="s">
        <v>20277</v>
      </c>
      <c r="H3942" s="130" t="s">
        <v>174</v>
      </c>
      <c r="I3942" s="130" t="s">
        <v>174</v>
      </c>
      <c r="J3942" s="130" t="s">
        <v>174</v>
      </c>
      <c r="K3942" s="130" t="s">
        <v>174</v>
      </c>
      <c r="L3942" s="130" t="s">
        <v>174</v>
      </c>
      <c r="M3942" s="130" t="s">
        <v>174</v>
      </c>
      <c r="N3942" s="130" t="s">
        <v>174</v>
      </c>
      <c r="O3942" s="130" t="s">
        <v>174</v>
      </c>
      <c r="P3942" s="130" t="s">
        <v>174</v>
      </c>
      <c r="Q3942" s="130" t="s">
        <v>174</v>
      </c>
      <c r="R3942" s="130" t="s">
        <v>174</v>
      </c>
      <c r="S3942" s="130" t="s">
        <v>174</v>
      </c>
      <c r="T3942" s="130" t="s">
        <v>174</v>
      </c>
      <c r="U3942" s="135"/>
      <c r="V3942" s="135"/>
      <c r="W3942" s="135"/>
      <c r="X3942" s="135"/>
      <c r="Y3942" s="135"/>
      <c r="Z3942" s="135"/>
      <c r="AA3942" s="135"/>
      <c r="AB3942" s="135"/>
      <c r="AC3942" s="135"/>
      <c r="AD3942" s="135"/>
      <c r="AE3942" s="135"/>
      <c r="AF3942" s="135"/>
      <c r="AG3942" s="135"/>
      <c r="AH3942" s="135"/>
      <c r="AI3942" s="135"/>
      <c r="AJ3942" s="135"/>
      <c r="AK3942" s="135"/>
      <c r="AL3942" s="135"/>
      <c r="AM3942" s="135"/>
      <c r="AN3942" s="135"/>
      <c r="AO3942" s="135"/>
      <c r="AP3942" s="135"/>
      <c r="AQ3942" s="135"/>
      <c r="AR3942" s="135"/>
      <c r="AS3942" s="135"/>
      <c r="AT3942" s="135"/>
      <c r="AU3942" s="135"/>
      <c r="AV3942" s="135"/>
      <c r="AW3942" s="135"/>
      <c r="AX3942" s="135"/>
      <c r="AY3942" s="135"/>
      <c r="AZ3942" s="135"/>
      <c r="BA3942" s="135"/>
      <c r="BB3942" s="107">
        <v>45884</v>
      </c>
    </row>
    <row r="3943" spans="1:54" s="8" customFormat="1" ht="15.75" customHeight="1" x14ac:dyDescent="0.25">
      <c r="A3943" s="219" t="s">
        <v>20508</v>
      </c>
      <c r="B3943" s="228" t="s">
        <v>20492</v>
      </c>
      <c r="C3943" s="130" t="s">
        <v>20496</v>
      </c>
      <c r="D3943" s="130" t="s">
        <v>20497</v>
      </c>
      <c r="E3943" s="225">
        <v>2019</v>
      </c>
      <c r="F3943" s="225">
        <v>663</v>
      </c>
      <c r="G3943" s="130" t="s">
        <v>20277</v>
      </c>
      <c r="H3943" s="130" t="s">
        <v>174</v>
      </c>
      <c r="I3943" s="130" t="s">
        <v>174</v>
      </c>
      <c r="J3943" s="130" t="s">
        <v>174</v>
      </c>
      <c r="K3943" s="130" t="s">
        <v>174</v>
      </c>
      <c r="L3943" s="130" t="s">
        <v>174</v>
      </c>
      <c r="M3943" s="130" t="s">
        <v>174</v>
      </c>
      <c r="N3943" s="130" t="s">
        <v>174</v>
      </c>
      <c r="O3943" s="130" t="s">
        <v>174</v>
      </c>
      <c r="P3943" s="130" t="s">
        <v>174</v>
      </c>
      <c r="Q3943" s="130" t="s">
        <v>174</v>
      </c>
      <c r="R3943" s="130" t="s">
        <v>174</v>
      </c>
      <c r="S3943" s="130" t="s">
        <v>174</v>
      </c>
      <c r="T3943" s="130" t="s">
        <v>174</v>
      </c>
      <c r="U3943" s="135"/>
      <c r="V3943" s="135"/>
      <c r="W3943" s="135"/>
      <c r="X3943" s="135"/>
      <c r="Y3943" s="135"/>
      <c r="Z3943" s="135"/>
      <c r="AA3943" s="135"/>
      <c r="AB3943" s="135"/>
      <c r="AC3943" s="135"/>
      <c r="AD3943" s="135"/>
      <c r="AE3943" s="135"/>
      <c r="AF3943" s="135"/>
      <c r="AG3943" s="135"/>
      <c r="AH3943" s="135"/>
      <c r="AI3943" s="135"/>
      <c r="AJ3943" s="135"/>
      <c r="AK3943" s="135"/>
      <c r="AL3943" s="135"/>
      <c r="AM3943" s="135"/>
      <c r="AN3943" s="135"/>
      <c r="AO3943" s="135"/>
      <c r="AP3943" s="135"/>
      <c r="AQ3943" s="135"/>
      <c r="AR3943" s="135"/>
      <c r="AS3943" s="135"/>
      <c r="AT3943" s="135"/>
      <c r="AU3943" s="135"/>
      <c r="AV3943" s="135"/>
      <c r="AW3943" s="135"/>
      <c r="AX3943" s="135"/>
      <c r="AY3943" s="135"/>
      <c r="AZ3943" s="135"/>
      <c r="BA3943" s="135"/>
      <c r="BB3943" s="107">
        <v>45884</v>
      </c>
    </row>
    <row r="3944" spans="1:54" s="8" customFormat="1" ht="15.75" customHeight="1" x14ac:dyDescent="0.25">
      <c r="A3944" s="219" t="s">
        <v>20509</v>
      </c>
      <c r="B3944" s="228" t="s">
        <v>20492</v>
      </c>
      <c r="C3944" s="130" t="s">
        <v>20498</v>
      </c>
      <c r="D3944" s="130" t="s">
        <v>20499</v>
      </c>
      <c r="E3944" s="225">
        <v>2016</v>
      </c>
      <c r="F3944" s="225">
        <v>207</v>
      </c>
      <c r="G3944" s="130" t="s">
        <v>20277</v>
      </c>
      <c r="H3944" s="130" t="s">
        <v>174</v>
      </c>
      <c r="I3944" s="130" t="s">
        <v>174</v>
      </c>
      <c r="J3944" s="98" t="s">
        <v>400</v>
      </c>
      <c r="K3944" s="98" t="s">
        <v>400</v>
      </c>
      <c r="L3944" s="98" t="s">
        <v>400</v>
      </c>
      <c r="M3944" s="98" t="s">
        <v>400</v>
      </c>
      <c r="N3944" s="98" t="s">
        <v>400</v>
      </c>
      <c r="O3944" s="98" t="s">
        <v>400</v>
      </c>
      <c r="P3944" s="98" t="s">
        <v>400</v>
      </c>
      <c r="Q3944" s="98" t="s">
        <v>400</v>
      </c>
      <c r="R3944" s="98" t="s">
        <v>400</v>
      </c>
      <c r="S3944" s="98" t="s">
        <v>400</v>
      </c>
      <c r="T3944" s="98" t="s">
        <v>400</v>
      </c>
      <c r="U3944" s="135"/>
      <c r="V3944" s="135"/>
      <c r="W3944" s="135"/>
      <c r="X3944" s="135"/>
      <c r="Y3944" s="135"/>
      <c r="Z3944" s="135"/>
      <c r="AA3944" s="135"/>
      <c r="AB3944" s="135"/>
      <c r="AC3944" s="135"/>
      <c r="AD3944" s="135"/>
      <c r="AE3944" s="135"/>
      <c r="AF3944" s="135"/>
      <c r="AG3944" s="135"/>
      <c r="AH3944" s="135"/>
      <c r="AI3944" s="135"/>
      <c r="AJ3944" s="135"/>
      <c r="AK3944" s="135"/>
      <c r="AL3944" s="135"/>
      <c r="AM3944" s="135"/>
      <c r="AN3944" s="135"/>
      <c r="AO3944" s="135"/>
      <c r="AP3944" s="135"/>
      <c r="AQ3944" s="135"/>
      <c r="AR3944" s="135"/>
      <c r="AS3944" s="135"/>
      <c r="AT3944" s="135"/>
      <c r="AU3944" s="135"/>
      <c r="AV3944" s="135"/>
      <c r="AW3944" s="135"/>
      <c r="AX3944" s="135"/>
      <c r="AY3944" s="135"/>
      <c r="AZ3944" s="135"/>
      <c r="BA3944" s="135"/>
      <c r="BB3944" s="107">
        <v>45884</v>
      </c>
    </row>
    <row r="3945" spans="1:54" s="8" customFormat="1" ht="15.75" customHeight="1" x14ac:dyDescent="0.25">
      <c r="A3945" s="219" t="s">
        <v>20510</v>
      </c>
      <c r="B3945" s="228" t="s">
        <v>20492</v>
      </c>
      <c r="C3945" s="130" t="s">
        <v>21625</v>
      </c>
      <c r="D3945" s="130" t="s">
        <v>20500</v>
      </c>
      <c r="E3945" s="225">
        <v>2016</v>
      </c>
      <c r="F3945" s="225">
        <v>284</v>
      </c>
      <c r="G3945" s="130" t="s">
        <v>20277</v>
      </c>
      <c r="H3945" s="130" t="s">
        <v>174</v>
      </c>
      <c r="I3945" s="130" t="s">
        <v>174</v>
      </c>
      <c r="J3945" s="98" t="s">
        <v>400</v>
      </c>
      <c r="K3945" s="98" t="s">
        <v>400</v>
      </c>
      <c r="L3945" s="98" t="s">
        <v>400</v>
      </c>
      <c r="M3945" s="98" t="s">
        <v>400</v>
      </c>
      <c r="N3945" s="98" t="s">
        <v>400</v>
      </c>
      <c r="O3945" s="98" t="s">
        <v>400</v>
      </c>
      <c r="P3945" s="98" t="s">
        <v>400</v>
      </c>
      <c r="Q3945" s="98" t="s">
        <v>400</v>
      </c>
      <c r="R3945" s="98" t="s">
        <v>400</v>
      </c>
      <c r="S3945" s="98" t="s">
        <v>400</v>
      </c>
      <c r="T3945" s="98" t="s">
        <v>400</v>
      </c>
      <c r="U3945" s="135"/>
      <c r="V3945" s="135"/>
      <c r="W3945" s="135"/>
      <c r="X3945" s="135"/>
      <c r="Y3945" s="135"/>
      <c r="Z3945" s="135"/>
      <c r="AA3945" s="135"/>
      <c r="AB3945" s="135"/>
      <c r="AC3945" s="135"/>
      <c r="AD3945" s="135"/>
      <c r="AE3945" s="135"/>
      <c r="AF3945" s="135"/>
      <c r="AG3945" s="135"/>
      <c r="AH3945" s="135"/>
      <c r="AI3945" s="135"/>
      <c r="AJ3945" s="135"/>
      <c r="AK3945" s="135"/>
      <c r="AL3945" s="135"/>
      <c r="AM3945" s="135"/>
      <c r="AN3945" s="135"/>
      <c r="AO3945" s="135"/>
      <c r="AP3945" s="135"/>
      <c r="AQ3945" s="135"/>
      <c r="AR3945" s="135"/>
      <c r="AS3945" s="135"/>
      <c r="AT3945" s="135"/>
      <c r="AU3945" s="135"/>
      <c r="AV3945" s="135"/>
      <c r="AW3945" s="135"/>
      <c r="AX3945" s="135"/>
      <c r="AY3945" s="135"/>
      <c r="AZ3945" s="135"/>
      <c r="BA3945" s="135"/>
      <c r="BB3945" s="107">
        <v>45884</v>
      </c>
    </row>
    <row r="3946" spans="1:54" s="8" customFormat="1" ht="15.75" customHeight="1" x14ac:dyDescent="0.25">
      <c r="A3946" s="219" t="s">
        <v>20511</v>
      </c>
      <c r="B3946" s="228" t="s">
        <v>20492</v>
      </c>
      <c r="C3946" s="130" t="s">
        <v>21810</v>
      </c>
      <c r="D3946" s="130" t="s">
        <v>21626</v>
      </c>
      <c r="E3946" s="225">
        <v>2016</v>
      </c>
      <c r="F3946" s="225">
        <v>9598</v>
      </c>
      <c r="G3946" s="130" t="s">
        <v>20501</v>
      </c>
      <c r="H3946" s="130" t="s">
        <v>174</v>
      </c>
      <c r="I3946" s="130" t="s">
        <v>174</v>
      </c>
      <c r="J3946" s="98" t="s">
        <v>400</v>
      </c>
      <c r="K3946" s="98" t="s">
        <v>400</v>
      </c>
      <c r="L3946" s="98" t="s">
        <v>400</v>
      </c>
      <c r="M3946" s="98" t="s">
        <v>400</v>
      </c>
      <c r="N3946" s="98" t="s">
        <v>400</v>
      </c>
      <c r="O3946" s="98" t="s">
        <v>400</v>
      </c>
      <c r="P3946" s="98" t="s">
        <v>400</v>
      </c>
      <c r="Q3946" s="98" t="s">
        <v>400</v>
      </c>
      <c r="R3946" s="98" t="s">
        <v>400</v>
      </c>
      <c r="S3946" s="98" t="s">
        <v>400</v>
      </c>
      <c r="T3946" s="98" t="s">
        <v>400</v>
      </c>
      <c r="U3946" s="98">
        <v>0</v>
      </c>
      <c r="V3946" s="98">
        <v>0</v>
      </c>
      <c r="W3946" s="98" t="s">
        <v>400</v>
      </c>
      <c r="X3946" s="98" t="s">
        <v>400</v>
      </c>
      <c r="Y3946" s="98">
        <v>0</v>
      </c>
      <c r="Z3946" s="98" t="s">
        <v>400</v>
      </c>
      <c r="AA3946" s="98" t="s">
        <v>400</v>
      </c>
      <c r="AB3946" s="98">
        <v>0</v>
      </c>
      <c r="AC3946" s="98">
        <v>0</v>
      </c>
      <c r="AD3946" s="98" t="s">
        <v>400</v>
      </c>
      <c r="AE3946" s="98">
        <v>0</v>
      </c>
      <c r="AF3946" s="98">
        <v>0</v>
      </c>
      <c r="AG3946" s="98">
        <v>0</v>
      </c>
      <c r="AH3946" s="98">
        <v>0</v>
      </c>
      <c r="AI3946" s="98">
        <v>0</v>
      </c>
      <c r="AJ3946" s="98">
        <v>0</v>
      </c>
      <c r="AK3946" s="98">
        <v>0</v>
      </c>
      <c r="AL3946" s="98">
        <v>0</v>
      </c>
      <c r="AM3946" s="98" t="s">
        <v>400</v>
      </c>
      <c r="AN3946" s="98" t="s">
        <v>400</v>
      </c>
      <c r="AO3946" s="98" t="s">
        <v>400</v>
      </c>
      <c r="AP3946" s="98">
        <v>0</v>
      </c>
      <c r="AQ3946" s="98">
        <v>0</v>
      </c>
      <c r="AR3946" s="98" t="s">
        <v>400</v>
      </c>
      <c r="AS3946" s="98" t="s">
        <v>400</v>
      </c>
      <c r="AT3946" s="98" t="s">
        <v>400</v>
      </c>
      <c r="AU3946" s="98" t="s">
        <v>400</v>
      </c>
      <c r="AV3946" s="98" t="s">
        <v>400</v>
      </c>
      <c r="AW3946" s="98" t="s">
        <v>400</v>
      </c>
      <c r="AX3946" s="130"/>
      <c r="AY3946" s="130"/>
      <c r="AZ3946" s="130"/>
      <c r="BA3946" s="130"/>
      <c r="BB3946" s="107">
        <v>45884</v>
      </c>
    </row>
    <row r="3947" spans="1:54" s="8" customFormat="1" ht="15.75" customHeight="1" x14ac:dyDescent="0.25">
      <c r="A3947" s="219" t="s">
        <v>20512</v>
      </c>
      <c r="B3947" s="228" t="s">
        <v>20492</v>
      </c>
      <c r="C3947" s="130" t="s">
        <v>20502</v>
      </c>
      <c r="D3947" s="130" t="s">
        <v>20503</v>
      </c>
      <c r="E3947" s="225">
        <v>2019</v>
      </c>
      <c r="F3947" s="225">
        <v>276</v>
      </c>
      <c r="G3947" s="130" t="s">
        <v>20277</v>
      </c>
      <c r="H3947" s="130" t="s">
        <v>174</v>
      </c>
      <c r="I3947" s="130" t="s">
        <v>174</v>
      </c>
      <c r="J3947" s="98" t="s">
        <v>400</v>
      </c>
      <c r="K3947" s="98" t="s">
        <v>400</v>
      </c>
      <c r="L3947" s="98" t="s">
        <v>400</v>
      </c>
      <c r="M3947" s="98" t="s">
        <v>400</v>
      </c>
      <c r="N3947" s="98" t="s">
        <v>400</v>
      </c>
      <c r="O3947" s="98" t="s">
        <v>400</v>
      </c>
      <c r="P3947" s="98" t="s">
        <v>400</v>
      </c>
      <c r="Q3947" s="98" t="s">
        <v>400</v>
      </c>
      <c r="R3947" s="98" t="s">
        <v>400</v>
      </c>
      <c r="S3947" s="98" t="s">
        <v>400</v>
      </c>
      <c r="T3947" s="98" t="s">
        <v>400</v>
      </c>
      <c r="U3947" s="135"/>
      <c r="V3947" s="135"/>
      <c r="W3947" s="135"/>
      <c r="X3947" s="135"/>
      <c r="Y3947" s="135"/>
      <c r="Z3947" s="135"/>
      <c r="AA3947" s="135"/>
      <c r="AB3947" s="135"/>
      <c r="AC3947" s="135"/>
      <c r="AD3947" s="135"/>
      <c r="AE3947" s="135"/>
      <c r="AF3947" s="135"/>
      <c r="AG3947" s="135"/>
      <c r="AH3947" s="135"/>
      <c r="AI3947" s="135"/>
      <c r="AJ3947" s="135"/>
      <c r="AK3947" s="135"/>
      <c r="AL3947" s="135"/>
      <c r="AM3947" s="135"/>
      <c r="AN3947" s="135"/>
      <c r="AO3947" s="135"/>
      <c r="AP3947" s="135"/>
      <c r="AQ3947" s="135"/>
      <c r="AR3947" s="135"/>
      <c r="AS3947" s="135"/>
      <c r="AT3947" s="135"/>
      <c r="AU3947" s="135"/>
      <c r="AV3947" s="135"/>
      <c r="AW3947" s="135"/>
      <c r="AX3947" s="135"/>
      <c r="AY3947" s="135"/>
      <c r="AZ3947" s="135"/>
      <c r="BA3947" s="135"/>
      <c r="BB3947" s="107">
        <v>45884</v>
      </c>
    </row>
    <row r="3948" spans="1:54" s="8" customFormat="1" ht="15.75" customHeight="1" x14ac:dyDescent="0.25">
      <c r="A3948" s="219" t="s">
        <v>20513</v>
      </c>
      <c r="B3948" s="228" t="s">
        <v>20492</v>
      </c>
      <c r="C3948" s="130" t="s">
        <v>21811</v>
      </c>
      <c r="D3948" s="130" t="s">
        <v>20504</v>
      </c>
      <c r="E3948" s="225">
        <v>2016</v>
      </c>
      <c r="F3948" s="225">
        <v>100</v>
      </c>
      <c r="G3948" s="130" t="s">
        <v>20277</v>
      </c>
      <c r="H3948" s="130" t="s">
        <v>174</v>
      </c>
      <c r="I3948" s="130" t="s">
        <v>174</v>
      </c>
      <c r="J3948" s="98" t="s">
        <v>400</v>
      </c>
      <c r="K3948" s="98" t="s">
        <v>400</v>
      </c>
      <c r="L3948" s="98" t="s">
        <v>400</v>
      </c>
      <c r="M3948" s="98" t="s">
        <v>400</v>
      </c>
      <c r="N3948" s="98" t="s">
        <v>400</v>
      </c>
      <c r="O3948" s="98" t="s">
        <v>400</v>
      </c>
      <c r="P3948" s="98" t="s">
        <v>400</v>
      </c>
      <c r="Q3948" s="98" t="s">
        <v>400</v>
      </c>
      <c r="R3948" s="98" t="s">
        <v>400</v>
      </c>
      <c r="S3948" s="98" t="s">
        <v>400</v>
      </c>
      <c r="T3948" s="98" t="s">
        <v>400</v>
      </c>
      <c r="U3948" s="135"/>
      <c r="V3948" s="135"/>
      <c r="W3948" s="135"/>
      <c r="X3948" s="135"/>
      <c r="Y3948" s="135"/>
      <c r="Z3948" s="135"/>
      <c r="AA3948" s="135"/>
      <c r="AB3948" s="135"/>
      <c r="AC3948" s="135"/>
      <c r="AD3948" s="135"/>
      <c r="AE3948" s="135"/>
      <c r="AF3948" s="135"/>
      <c r="AG3948" s="135"/>
      <c r="AH3948" s="135"/>
      <c r="AI3948" s="135"/>
      <c r="AJ3948" s="135"/>
      <c r="AK3948" s="135"/>
      <c r="AL3948" s="135"/>
      <c r="AM3948" s="135"/>
      <c r="AN3948" s="135"/>
      <c r="AO3948" s="135"/>
      <c r="AP3948" s="135"/>
      <c r="AQ3948" s="135"/>
      <c r="AR3948" s="135"/>
      <c r="AS3948" s="135"/>
      <c r="AT3948" s="135"/>
      <c r="AU3948" s="135"/>
      <c r="AV3948" s="135"/>
      <c r="AW3948" s="135"/>
      <c r="AX3948" s="135"/>
      <c r="AY3948" s="135"/>
      <c r="AZ3948" s="135"/>
      <c r="BA3948" s="135"/>
      <c r="BB3948" s="107">
        <v>45884</v>
      </c>
    </row>
    <row r="3949" spans="1:54" s="8" customFormat="1" ht="12" x14ac:dyDescent="0.25">
      <c r="A3949" s="219" t="s">
        <v>20514</v>
      </c>
      <c r="B3949" s="228" t="s">
        <v>20492</v>
      </c>
      <c r="C3949" s="130" t="s">
        <v>21627</v>
      </c>
      <c r="D3949" s="130" t="s">
        <v>20505</v>
      </c>
      <c r="E3949" s="225">
        <v>2020</v>
      </c>
      <c r="F3949" s="225">
        <v>360</v>
      </c>
      <c r="G3949" s="130" t="s">
        <v>20277</v>
      </c>
      <c r="H3949" s="130" t="s">
        <v>174</v>
      </c>
      <c r="I3949" s="130" t="s">
        <v>174</v>
      </c>
      <c r="J3949" s="98" t="s">
        <v>400</v>
      </c>
      <c r="K3949" s="98" t="s">
        <v>400</v>
      </c>
      <c r="L3949" s="98" t="s">
        <v>400</v>
      </c>
      <c r="M3949" s="98" t="s">
        <v>400</v>
      </c>
      <c r="N3949" s="98" t="s">
        <v>400</v>
      </c>
      <c r="O3949" s="98" t="s">
        <v>400</v>
      </c>
      <c r="P3949" s="98" t="s">
        <v>400</v>
      </c>
      <c r="Q3949" s="98" t="s">
        <v>400</v>
      </c>
      <c r="R3949" s="98" t="s">
        <v>400</v>
      </c>
      <c r="S3949" s="98" t="s">
        <v>400</v>
      </c>
      <c r="T3949" s="98" t="s">
        <v>400</v>
      </c>
      <c r="U3949" s="135"/>
      <c r="V3949" s="135"/>
      <c r="W3949" s="135"/>
      <c r="X3949" s="135"/>
      <c r="Y3949" s="135"/>
      <c r="Z3949" s="135"/>
      <c r="AA3949" s="135"/>
      <c r="AB3949" s="135"/>
      <c r="AC3949" s="135"/>
      <c r="AD3949" s="135"/>
      <c r="AE3949" s="135"/>
      <c r="AF3949" s="135"/>
      <c r="AG3949" s="135"/>
      <c r="AH3949" s="135"/>
      <c r="AI3949" s="135"/>
      <c r="AJ3949" s="135"/>
      <c r="AK3949" s="135"/>
      <c r="AL3949" s="135"/>
      <c r="AM3949" s="135"/>
      <c r="AN3949" s="135"/>
      <c r="AO3949" s="135"/>
      <c r="AP3949" s="135"/>
      <c r="AQ3949" s="135"/>
      <c r="AR3949" s="135"/>
      <c r="AS3949" s="135"/>
      <c r="AT3949" s="135"/>
      <c r="AU3949" s="135"/>
      <c r="AV3949" s="135"/>
      <c r="AW3949" s="135"/>
      <c r="AX3949" s="135"/>
      <c r="AY3949" s="135"/>
      <c r="AZ3949" s="135"/>
      <c r="BA3949" s="135"/>
      <c r="BB3949" s="107">
        <v>45884</v>
      </c>
    </row>
    <row r="3950" spans="1:54" s="8" customFormat="1" ht="15.75" customHeight="1" x14ac:dyDescent="0.25">
      <c r="A3950" s="219" t="s">
        <v>21637</v>
      </c>
      <c r="B3950" s="228" t="s">
        <v>20492</v>
      </c>
      <c r="C3950" s="130" t="s">
        <v>21628</v>
      </c>
      <c r="D3950" s="130" t="s">
        <v>21812</v>
      </c>
      <c r="E3950" s="225">
        <v>2020</v>
      </c>
      <c r="F3950" s="225">
        <v>256</v>
      </c>
      <c r="G3950" s="130" t="s">
        <v>1</v>
      </c>
      <c r="H3950" s="130" t="s">
        <v>174</v>
      </c>
      <c r="I3950" s="130" t="s">
        <v>174</v>
      </c>
      <c r="J3950" s="98" t="s">
        <v>400</v>
      </c>
      <c r="K3950" s="98" t="s">
        <v>400</v>
      </c>
      <c r="L3950" s="98" t="s">
        <v>400</v>
      </c>
      <c r="M3950" s="98" t="s">
        <v>400</v>
      </c>
      <c r="N3950" s="98" t="s">
        <v>400</v>
      </c>
      <c r="O3950" s="98" t="s">
        <v>400</v>
      </c>
      <c r="P3950" s="98" t="s">
        <v>400</v>
      </c>
      <c r="Q3950" s="98" t="s">
        <v>400</v>
      </c>
      <c r="R3950" s="98" t="s">
        <v>400</v>
      </c>
      <c r="S3950" s="98" t="s">
        <v>400</v>
      </c>
      <c r="T3950" s="98" t="s">
        <v>400</v>
      </c>
      <c r="U3950" s="135"/>
      <c r="V3950" s="135"/>
      <c r="W3950" s="135"/>
      <c r="X3950" s="135"/>
      <c r="Y3950" s="135"/>
      <c r="Z3950" s="135"/>
      <c r="AA3950" s="135"/>
      <c r="AB3950" s="135"/>
      <c r="AC3950" s="135"/>
      <c r="AD3950" s="135"/>
      <c r="AE3950" s="135"/>
      <c r="AF3950" s="135"/>
      <c r="AG3950" s="135"/>
      <c r="AH3950" s="135"/>
      <c r="AI3950" s="135"/>
      <c r="AJ3950" s="135"/>
      <c r="AK3950" s="135"/>
      <c r="AL3950" s="135"/>
      <c r="AM3950" s="135"/>
      <c r="AN3950" s="135"/>
      <c r="AO3950" s="135"/>
      <c r="AP3950" s="135"/>
      <c r="AQ3950" s="135"/>
      <c r="AR3950" s="135"/>
      <c r="AS3950" s="135"/>
      <c r="AT3950" s="135"/>
      <c r="AU3950" s="135"/>
      <c r="AV3950" s="135"/>
      <c r="AW3950" s="135"/>
      <c r="AX3950" s="135"/>
      <c r="AY3950" s="135"/>
      <c r="AZ3950" s="135"/>
      <c r="BA3950" s="135"/>
      <c r="BB3950" s="107">
        <v>45884</v>
      </c>
    </row>
    <row r="3951" spans="1:54" s="8" customFormat="1" ht="15.75" customHeight="1" x14ac:dyDescent="0.25">
      <c r="A3951" s="219" t="s">
        <v>21638</v>
      </c>
      <c r="B3951" s="228" t="s">
        <v>20492</v>
      </c>
      <c r="C3951" s="130" t="s">
        <v>21813</v>
      </c>
      <c r="D3951" s="130" t="s">
        <v>21814</v>
      </c>
      <c r="E3951" s="225">
        <v>2020</v>
      </c>
      <c r="F3951" s="225">
        <v>237</v>
      </c>
      <c r="G3951" s="130" t="s">
        <v>1</v>
      </c>
      <c r="H3951" s="130" t="s">
        <v>174</v>
      </c>
      <c r="I3951" s="130" t="s">
        <v>174</v>
      </c>
      <c r="J3951" s="98" t="s">
        <v>400</v>
      </c>
      <c r="K3951" s="98" t="s">
        <v>400</v>
      </c>
      <c r="L3951" s="98" t="s">
        <v>400</v>
      </c>
      <c r="M3951" s="98" t="s">
        <v>400</v>
      </c>
      <c r="N3951" s="98" t="s">
        <v>400</v>
      </c>
      <c r="O3951" s="98" t="s">
        <v>400</v>
      </c>
      <c r="P3951" s="98" t="s">
        <v>400</v>
      </c>
      <c r="Q3951" s="98" t="s">
        <v>400</v>
      </c>
      <c r="R3951" s="98" t="s">
        <v>400</v>
      </c>
      <c r="S3951" s="98" t="s">
        <v>400</v>
      </c>
      <c r="T3951" s="98" t="s">
        <v>400</v>
      </c>
      <c r="U3951" s="135"/>
      <c r="V3951" s="135"/>
      <c r="W3951" s="135"/>
      <c r="X3951" s="135"/>
      <c r="Y3951" s="135"/>
      <c r="Z3951" s="135"/>
      <c r="AA3951" s="135"/>
      <c r="AB3951" s="135"/>
      <c r="AC3951" s="135"/>
      <c r="AD3951" s="135"/>
      <c r="AE3951" s="135"/>
      <c r="AF3951" s="135"/>
      <c r="AG3951" s="135"/>
      <c r="AH3951" s="135"/>
      <c r="AI3951" s="135"/>
      <c r="AJ3951" s="135"/>
      <c r="AK3951" s="135"/>
      <c r="AL3951" s="135"/>
      <c r="AM3951" s="135"/>
      <c r="AN3951" s="135"/>
      <c r="AO3951" s="135"/>
      <c r="AP3951" s="135"/>
      <c r="AQ3951" s="135"/>
      <c r="AR3951" s="135"/>
      <c r="AS3951" s="135"/>
      <c r="AT3951" s="135"/>
      <c r="AU3951" s="135"/>
      <c r="AV3951" s="135"/>
      <c r="AW3951" s="135"/>
      <c r="AX3951" s="135"/>
      <c r="AY3951" s="135"/>
      <c r="AZ3951" s="135"/>
      <c r="BA3951" s="135"/>
      <c r="BB3951" s="107">
        <v>45884</v>
      </c>
    </row>
    <row r="3952" spans="1:54" s="8" customFormat="1" ht="15.75" customHeight="1" x14ac:dyDescent="0.15">
      <c r="A3952" s="219" t="s">
        <v>21639</v>
      </c>
      <c r="B3952" s="228" t="s">
        <v>20492</v>
      </c>
      <c r="C3952" s="136" t="s" ph="1">
        <v>21629</v>
      </c>
      <c r="D3952" s="130" t="s">
        <v>21815</v>
      </c>
      <c r="E3952" s="225">
        <v>2020</v>
      </c>
      <c r="F3952" s="225">
        <v>298</v>
      </c>
      <c r="G3952" s="130" t="s">
        <v>1</v>
      </c>
      <c r="H3952" s="130" t="s">
        <v>174</v>
      </c>
      <c r="I3952" s="130" t="s">
        <v>174</v>
      </c>
      <c r="J3952" s="98" t="s">
        <v>400</v>
      </c>
      <c r="K3952" s="98" t="s">
        <v>400</v>
      </c>
      <c r="L3952" s="98" t="s">
        <v>400</v>
      </c>
      <c r="M3952" s="98" t="s">
        <v>400</v>
      </c>
      <c r="N3952" s="98" t="s">
        <v>400</v>
      </c>
      <c r="O3952" s="98" t="s">
        <v>400</v>
      </c>
      <c r="P3952" s="98" t="s">
        <v>400</v>
      </c>
      <c r="Q3952" s="98" t="s">
        <v>400</v>
      </c>
      <c r="R3952" s="98" t="s">
        <v>400</v>
      </c>
      <c r="S3952" s="98" t="s">
        <v>400</v>
      </c>
      <c r="T3952" s="98" t="s">
        <v>400</v>
      </c>
      <c r="U3952" s="135"/>
      <c r="V3952" s="135"/>
      <c r="W3952" s="135"/>
      <c r="X3952" s="135"/>
      <c r="Y3952" s="135"/>
      <c r="Z3952" s="135"/>
      <c r="AA3952" s="135"/>
      <c r="AB3952" s="135"/>
      <c r="AC3952" s="135"/>
      <c r="AD3952" s="135"/>
      <c r="AE3952" s="135"/>
      <c r="AF3952" s="135"/>
      <c r="AG3952" s="135"/>
      <c r="AH3952" s="135"/>
      <c r="AI3952" s="135"/>
      <c r="AJ3952" s="135"/>
      <c r="AK3952" s="135"/>
      <c r="AL3952" s="135"/>
      <c r="AM3952" s="135"/>
      <c r="AN3952" s="135"/>
      <c r="AO3952" s="135"/>
      <c r="AP3952" s="135"/>
      <c r="AQ3952" s="135"/>
      <c r="AR3952" s="135"/>
      <c r="AS3952" s="135"/>
      <c r="AT3952" s="135"/>
      <c r="AU3952" s="135"/>
      <c r="AV3952" s="135"/>
      <c r="AW3952" s="135"/>
      <c r="AX3952" s="135"/>
      <c r="AY3952" s="135"/>
      <c r="AZ3952" s="135"/>
      <c r="BA3952" s="135"/>
      <c r="BB3952" s="107">
        <v>45884</v>
      </c>
    </row>
    <row r="3953" spans="1:54" s="8" customFormat="1" ht="15.75" customHeight="1" x14ac:dyDescent="0.15">
      <c r="A3953" s="219" t="s">
        <v>21640</v>
      </c>
      <c r="B3953" s="228" t="s">
        <v>20492</v>
      </c>
      <c r="C3953" s="136" t="s" ph="1">
        <v>21630</v>
      </c>
      <c r="D3953" s="130" t="s">
        <v>21816</v>
      </c>
      <c r="E3953" s="225">
        <v>2021</v>
      </c>
      <c r="F3953" s="225">
        <v>676</v>
      </c>
      <c r="G3953" s="130" t="s">
        <v>1</v>
      </c>
      <c r="H3953" s="130" t="s">
        <v>174</v>
      </c>
      <c r="I3953" s="130" t="s">
        <v>174</v>
      </c>
      <c r="J3953" s="98" t="s">
        <v>400</v>
      </c>
      <c r="K3953" s="98" t="s">
        <v>400</v>
      </c>
      <c r="L3953" s="98" t="s">
        <v>400</v>
      </c>
      <c r="M3953" s="98" t="s">
        <v>400</v>
      </c>
      <c r="N3953" s="98" t="s">
        <v>400</v>
      </c>
      <c r="O3953" s="98" t="s">
        <v>400</v>
      </c>
      <c r="P3953" s="98" t="s">
        <v>400</v>
      </c>
      <c r="Q3953" s="98" t="s">
        <v>400</v>
      </c>
      <c r="R3953" s="98" t="s">
        <v>400</v>
      </c>
      <c r="S3953" s="98" t="s">
        <v>400</v>
      </c>
      <c r="T3953" s="98" t="s">
        <v>400</v>
      </c>
      <c r="U3953" s="135"/>
      <c r="V3953" s="135"/>
      <c r="W3953" s="135"/>
      <c r="X3953" s="135"/>
      <c r="Y3953" s="135"/>
      <c r="Z3953" s="135"/>
      <c r="AA3953" s="135"/>
      <c r="AB3953" s="135"/>
      <c r="AC3953" s="135"/>
      <c r="AD3953" s="135"/>
      <c r="AE3953" s="135"/>
      <c r="AF3953" s="135"/>
      <c r="AG3953" s="135"/>
      <c r="AH3953" s="135"/>
      <c r="AI3953" s="135"/>
      <c r="AJ3953" s="135"/>
      <c r="AK3953" s="135"/>
      <c r="AL3953" s="135"/>
      <c r="AM3953" s="135"/>
      <c r="AN3953" s="135"/>
      <c r="AO3953" s="135"/>
      <c r="AP3953" s="135"/>
      <c r="AQ3953" s="135"/>
      <c r="AR3953" s="135"/>
      <c r="AS3953" s="135"/>
      <c r="AT3953" s="135"/>
      <c r="AU3953" s="135"/>
      <c r="AV3953" s="135"/>
      <c r="AW3953" s="135"/>
      <c r="AX3953" s="135"/>
      <c r="AY3953" s="135"/>
      <c r="AZ3953" s="135"/>
      <c r="BA3953" s="135"/>
      <c r="BB3953" s="107">
        <v>45884</v>
      </c>
    </row>
    <row r="3954" spans="1:54" s="8" customFormat="1" ht="15.75" customHeight="1" x14ac:dyDescent="0.15">
      <c r="A3954" s="219" t="s">
        <v>21641</v>
      </c>
      <c r="B3954" s="228" t="s">
        <v>20492</v>
      </c>
      <c r="C3954" s="136" t="s" ph="1">
        <v>21631</v>
      </c>
      <c r="D3954" s="130" t="s">
        <v>21817</v>
      </c>
      <c r="E3954" s="225">
        <v>2021</v>
      </c>
      <c r="F3954" s="225">
        <v>339</v>
      </c>
      <c r="G3954" s="130" t="s">
        <v>1</v>
      </c>
      <c r="H3954" s="130" t="s">
        <v>174</v>
      </c>
      <c r="I3954" s="130" t="s">
        <v>174</v>
      </c>
      <c r="J3954" s="98" t="s">
        <v>400</v>
      </c>
      <c r="K3954" s="98" t="s">
        <v>400</v>
      </c>
      <c r="L3954" s="98" t="s">
        <v>400</v>
      </c>
      <c r="M3954" s="98" t="s">
        <v>400</v>
      </c>
      <c r="N3954" s="98" t="s">
        <v>400</v>
      </c>
      <c r="O3954" s="98" t="s">
        <v>400</v>
      </c>
      <c r="P3954" s="98" t="s">
        <v>400</v>
      </c>
      <c r="Q3954" s="98" t="s">
        <v>400</v>
      </c>
      <c r="R3954" s="98" t="s">
        <v>400</v>
      </c>
      <c r="S3954" s="98" t="s">
        <v>400</v>
      </c>
      <c r="T3954" s="98" t="s">
        <v>400</v>
      </c>
      <c r="U3954" s="135"/>
      <c r="V3954" s="135"/>
      <c r="W3954" s="135"/>
      <c r="X3954" s="135"/>
      <c r="Y3954" s="135"/>
      <c r="Z3954" s="135"/>
      <c r="AA3954" s="135"/>
      <c r="AB3954" s="135"/>
      <c r="AC3954" s="135"/>
      <c r="AD3954" s="135"/>
      <c r="AE3954" s="135"/>
      <c r="AF3954" s="135"/>
      <c r="AG3954" s="135"/>
      <c r="AH3954" s="135"/>
      <c r="AI3954" s="135"/>
      <c r="AJ3954" s="135"/>
      <c r="AK3954" s="135"/>
      <c r="AL3954" s="135"/>
      <c r="AM3954" s="135"/>
      <c r="AN3954" s="135"/>
      <c r="AO3954" s="135"/>
      <c r="AP3954" s="135"/>
      <c r="AQ3954" s="135"/>
      <c r="AR3954" s="135"/>
      <c r="AS3954" s="135"/>
      <c r="AT3954" s="135"/>
      <c r="AU3954" s="135"/>
      <c r="AV3954" s="135"/>
      <c r="AW3954" s="135"/>
      <c r="AX3954" s="135"/>
      <c r="AY3954" s="135"/>
      <c r="AZ3954" s="135"/>
      <c r="BA3954" s="135"/>
      <c r="BB3954" s="107">
        <v>45884</v>
      </c>
    </row>
    <row r="3955" spans="1:54" s="8" customFormat="1" ht="15.75" customHeight="1" x14ac:dyDescent="0.15">
      <c r="A3955" s="219" t="s">
        <v>21642</v>
      </c>
      <c r="B3955" s="228" t="s">
        <v>20492</v>
      </c>
      <c r="C3955" s="136" t="s" ph="1">
        <v>21632</v>
      </c>
      <c r="D3955" s="130" t="s">
        <v>21818</v>
      </c>
      <c r="E3955" s="225">
        <v>2021</v>
      </c>
      <c r="F3955" s="225">
        <v>462</v>
      </c>
      <c r="G3955" s="130" t="s">
        <v>8</v>
      </c>
      <c r="H3955" s="130" t="s">
        <v>174</v>
      </c>
      <c r="I3955" s="130" t="s">
        <v>174</v>
      </c>
      <c r="J3955" s="98" t="s">
        <v>400</v>
      </c>
      <c r="K3955" s="98" t="s">
        <v>400</v>
      </c>
      <c r="L3955" s="98" t="s">
        <v>400</v>
      </c>
      <c r="M3955" s="98" t="s">
        <v>400</v>
      </c>
      <c r="N3955" s="98" t="s">
        <v>400</v>
      </c>
      <c r="O3955" s="98" t="s">
        <v>400</v>
      </c>
      <c r="P3955" s="98" t="s">
        <v>400</v>
      </c>
      <c r="Q3955" s="98" t="s">
        <v>400</v>
      </c>
      <c r="R3955" s="98" t="s">
        <v>400</v>
      </c>
      <c r="S3955" s="98" t="s">
        <v>400</v>
      </c>
      <c r="T3955" s="98" t="s">
        <v>400</v>
      </c>
      <c r="U3955" s="130"/>
      <c r="V3955" s="130"/>
      <c r="W3955" s="130"/>
      <c r="X3955" s="130"/>
      <c r="Y3955" s="130"/>
      <c r="Z3955" s="130"/>
      <c r="AA3955" s="130"/>
      <c r="AB3955" s="130"/>
      <c r="AC3955" s="130"/>
      <c r="AD3955" s="130"/>
      <c r="AE3955" s="130"/>
      <c r="AF3955" s="130"/>
      <c r="AG3955" s="130"/>
      <c r="AH3955" s="130"/>
      <c r="AI3955" s="130"/>
      <c r="AJ3955" s="130"/>
      <c r="AK3955" s="130"/>
      <c r="AL3955" s="130"/>
      <c r="AM3955" s="130"/>
      <c r="AN3955" s="130"/>
      <c r="AO3955" s="130"/>
      <c r="AP3955" s="130"/>
      <c r="AQ3955" s="130"/>
      <c r="AR3955" s="130"/>
      <c r="AS3955" s="130"/>
      <c r="AT3955" s="130"/>
      <c r="AU3955" s="130"/>
      <c r="AV3955" s="130"/>
      <c r="AW3955" s="130"/>
      <c r="AX3955" s="130"/>
      <c r="AY3955" s="130"/>
      <c r="AZ3955" s="130"/>
      <c r="BA3955" s="130"/>
      <c r="BB3955" s="107">
        <v>45884</v>
      </c>
    </row>
    <row r="3956" spans="1:54" s="8" customFormat="1" ht="15.75" customHeight="1" x14ac:dyDescent="0.15">
      <c r="A3956" s="219" t="s">
        <v>21643</v>
      </c>
      <c r="B3956" s="228" t="s">
        <v>20492</v>
      </c>
      <c r="C3956" s="136" t="s" ph="1">
        <v>21633</v>
      </c>
      <c r="D3956" s="130" t="s">
        <v>21819</v>
      </c>
      <c r="E3956" s="225">
        <v>2021</v>
      </c>
      <c r="F3956" s="225">
        <v>670</v>
      </c>
      <c r="G3956" s="130" t="s">
        <v>8</v>
      </c>
      <c r="H3956" s="130" t="s">
        <v>174</v>
      </c>
      <c r="I3956" s="130" t="s">
        <v>174</v>
      </c>
      <c r="J3956" s="98" t="s">
        <v>400</v>
      </c>
      <c r="K3956" s="98" t="s">
        <v>400</v>
      </c>
      <c r="L3956" s="98" t="s">
        <v>400</v>
      </c>
      <c r="M3956" s="98" t="s">
        <v>400</v>
      </c>
      <c r="N3956" s="98" t="s">
        <v>400</v>
      </c>
      <c r="O3956" s="98" t="s">
        <v>400</v>
      </c>
      <c r="P3956" s="98" t="s">
        <v>400</v>
      </c>
      <c r="Q3956" s="98" t="s">
        <v>400</v>
      </c>
      <c r="R3956" s="98" t="s">
        <v>400</v>
      </c>
      <c r="S3956" s="98" t="s">
        <v>400</v>
      </c>
      <c r="T3956" s="98" t="s">
        <v>400</v>
      </c>
      <c r="U3956" s="130"/>
      <c r="V3956" s="130"/>
      <c r="W3956" s="130"/>
      <c r="X3956" s="130"/>
      <c r="Y3956" s="130"/>
      <c r="Z3956" s="130"/>
      <c r="AA3956" s="130"/>
      <c r="AB3956" s="130"/>
      <c r="AC3956" s="130"/>
      <c r="AD3956" s="130"/>
      <c r="AE3956" s="130"/>
      <c r="AF3956" s="130"/>
      <c r="AG3956" s="130"/>
      <c r="AH3956" s="130"/>
      <c r="AI3956" s="130"/>
      <c r="AJ3956" s="130"/>
      <c r="AK3956" s="130"/>
      <c r="AL3956" s="130"/>
      <c r="AM3956" s="130"/>
      <c r="AN3956" s="130"/>
      <c r="AO3956" s="130"/>
      <c r="AP3956" s="130"/>
      <c r="AQ3956" s="130"/>
      <c r="AR3956" s="130"/>
      <c r="AS3956" s="130"/>
      <c r="AT3956" s="130"/>
      <c r="AU3956" s="130"/>
      <c r="AV3956" s="130"/>
      <c r="AW3956" s="130"/>
      <c r="AX3956" s="130"/>
      <c r="AY3956" s="130"/>
      <c r="AZ3956" s="130"/>
      <c r="BA3956" s="130"/>
      <c r="BB3956" s="107">
        <v>45884</v>
      </c>
    </row>
    <row r="3957" spans="1:54" s="8" customFormat="1" ht="15.75" customHeight="1" x14ac:dyDescent="0.15">
      <c r="A3957" s="219" t="s">
        <v>21644</v>
      </c>
      <c r="B3957" s="228" t="s">
        <v>20492</v>
      </c>
      <c r="C3957" s="136" t="s" ph="1">
        <v>21634</v>
      </c>
      <c r="D3957" s="130" t="s">
        <v>21820</v>
      </c>
      <c r="E3957" s="225">
        <v>2021</v>
      </c>
      <c r="F3957" s="225">
        <v>459</v>
      </c>
      <c r="G3957" s="130" t="s">
        <v>1</v>
      </c>
      <c r="H3957" s="130" t="s">
        <v>174</v>
      </c>
      <c r="I3957" s="130" t="s">
        <v>174</v>
      </c>
      <c r="J3957" s="98" t="s">
        <v>400</v>
      </c>
      <c r="K3957" s="98" t="s">
        <v>400</v>
      </c>
      <c r="L3957" s="98" t="s">
        <v>400</v>
      </c>
      <c r="M3957" s="98" t="s">
        <v>400</v>
      </c>
      <c r="N3957" s="98" t="s">
        <v>400</v>
      </c>
      <c r="O3957" s="98" t="s">
        <v>400</v>
      </c>
      <c r="P3957" s="98" t="s">
        <v>400</v>
      </c>
      <c r="Q3957" s="98" t="s">
        <v>400</v>
      </c>
      <c r="R3957" s="98" t="s">
        <v>400</v>
      </c>
      <c r="S3957" s="98" t="s">
        <v>400</v>
      </c>
      <c r="T3957" s="98" t="s">
        <v>400</v>
      </c>
      <c r="U3957" s="135"/>
      <c r="V3957" s="135"/>
      <c r="W3957" s="135"/>
      <c r="X3957" s="135"/>
      <c r="Y3957" s="135"/>
      <c r="Z3957" s="135"/>
      <c r="AA3957" s="135"/>
      <c r="AB3957" s="135"/>
      <c r="AC3957" s="135"/>
      <c r="AD3957" s="135"/>
      <c r="AE3957" s="135"/>
      <c r="AF3957" s="135"/>
      <c r="AG3957" s="135"/>
      <c r="AH3957" s="135"/>
      <c r="AI3957" s="135"/>
      <c r="AJ3957" s="135"/>
      <c r="AK3957" s="135"/>
      <c r="AL3957" s="135"/>
      <c r="AM3957" s="135"/>
      <c r="AN3957" s="135"/>
      <c r="AO3957" s="135"/>
      <c r="AP3957" s="135"/>
      <c r="AQ3957" s="135"/>
      <c r="AR3957" s="135"/>
      <c r="AS3957" s="135"/>
      <c r="AT3957" s="135"/>
      <c r="AU3957" s="135"/>
      <c r="AV3957" s="135"/>
      <c r="AW3957" s="135"/>
      <c r="AX3957" s="135"/>
      <c r="AY3957" s="135"/>
      <c r="AZ3957" s="135"/>
      <c r="BA3957" s="135"/>
      <c r="BB3957" s="107">
        <v>45884</v>
      </c>
    </row>
    <row r="3958" spans="1:54" s="8" customFormat="1" ht="15.75" customHeight="1" x14ac:dyDescent="0.15">
      <c r="A3958" s="219" t="s">
        <v>21645</v>
      </c>
      <c r="B3958" s="228" t="s">
        <v>20492</v>
      </c>
      <c r="C3958" s="136" t="s" ph="1">
        <v>21635</v>
      </c>
      <c r="D3958" s="130" t="s">
        <v>21821</v>
      </c>
      <c r="E3958" s="225">
        <v>2021</v>
      </c>
      <c r="F3958" s="225">
        <v>452</v>
      </c>
      <c r="G3958" s="130" t="s">
        <v>1</v>
      </c>
      <c r="H3958" s="130" t="s">
        <v>174</v>
      </c>
      <c r="I3958" s="130" t="s">
        <v>174</v>
      </c>
      <c r="J3958" s="98" t="s">
        <v>400</v>
      </c>
      <c r="K3958" s="98" t="s">
        <v>400</v>
      </c>
      <c r="L3958" s="98" t="s">
        <v>400</v>
      </c>
      <c r="M3958" s="98" t="s">
        <v>400</v>
      </c>
      <c r="N3958" s="98" t="s">
        <v>400</v>
      </c>
      <c r="O3958" s="98" t="s">
        <v>400</v>
      </c>
      <c r="P3958" s="98" t="s">
        <v>400</v>
      </c>
      <c r="Q3958" s="98" t="s">
        <v>400</v>
      </c>
      <c r="R3958" s="98" t="s">
        <v>400</v>
      </c>
      <c r="S3958" s="98" t="s">
        <v>400</v>
      </c>
      <c r="T3958" s="98" t="s">
        <v>400</v>
      </c>
      <c r="U3958" s="135"/>
      <c r="V3958" s="135"/>
      <c r="W3958" s="135"/>
      <c r="X3958" s="135"/>
      <c r="Y3958" s="135"/>
      <c r="Z3958" s="135"/>
      <c r="AA3958" s="135"/>
      <c r="AB3958" s="135"/>
      <c r="AC3958" s="135"/>
      <c r="AD3958" s="135"/>
      <c r="AE3958" s="135"/>
      <c r="AF3958" s="135"/>
      <c r="AG3958" s="135"/>
      <c r="AH3958" s="135"/>
      <c r="AI3958" s="135"/>
      <c r="AJ3958" s="135"/>
      <c r="AK3958" s="135"/>
      <c r="AL3958" s="135"/>
      <c r="AM3958" s="135"/>
      <c r="AN3958" s="135"/>
      <c r="AO3958" s="135"/>
      <c r="AP3958" s="135"/>
      <c r="AQ3958" s="135"/>
      <c r="AR3958" s="135"/>
      <c r="AS3958" s="135"/>
      <c r="AT3958" s="135"/>
      <c r="AU3958" s="135"/>
      <c r="AV3958" s="135"/>
      <c r="AW3958" s="135"/>
      <c r="AX3958" s="135"/>
      <c r="AY3958" s="135"/>
      <c r="AZ3958" s="135"/>
      <c r="BA3958" s="135"/>
      <c r="BB3958" s="107">
        <v>45884</v>
      </c>
    </row>
    <row r="3959" spans="1:54" s="8" customFormat="1" ht="15.75" customHeight="1" x14ac:dyDescent="0.15">
      <c r="A3959" s="219" t="s">
        <v>21646</v>
      </c>
      <c r="B3959" s="228" t="s">
        <v>20492</v>
      </c>
      <c r="C3959" s="136" t="s" ph="1">
        <v>21636</v>
      </c>
      <c r="D3959" s="130" t="s">
        <v>21822</v>
      </c>
      <c r="E3959" s="225">
        <v>2021</v>
      </c>
      <c r="F3959" s="225">
        <v>1005</v>
      </c>
      <c r="G3959" s="130" t="s">
        <v>20277</v>
      </c>
      <c r="H3959" s="130" t="s">
        <v>174</v>
      </c>
      <c r="I3959" s="130" t="s">
        <v>174</v>
      </c>
      <c r="J3959" s="98" t="s">
        <v>400</v>
      </c>
      <c r="K3959" s="98" t="s">
        <v>400</v>
      </c>
      <c r="L3959" s="98" t="s">
        <v>400</v>
      </c>
      <c r="M3959" s="98" t="s">
        <v>400</v>
      </c>
      <c r="N3959" s="98" t="s">
        <v>400</v>
      </c>
      <c r="O3959" s="98" t="s">
        <v>400</v>
      </c>
      <c r="P3959" s="98" t="s">
        <v>400</v>
      </c>
      <c r="Q3959" s="98" t="s">
        <v>400</v>
      </c>
      <c r="R3959" s="98" t="s">
        <v>400</v>
      </c>
      <c r="S3959" s="98" t="s">
        <v>400</v>
      </c>
      <c r="T3959" s="98" t="s">
        <v>400</v>
      </c>
      <c r="U3959" s="135"/>
      <c r="V3959" s="135"/>
      <c r="W3959" s="135"/>
      <c r="X3959" s="135"/>
      <c r="Y3959" s="135"/>
      <c r="Z3959" s="135"/>
      <c r="AA3959" s="135"/>
      <c r="AB3959" s="135"/>
      <c r="AC3959" s="135"/>
      <c r="AD3959" s="135"/>
      <c r="AE3959" s="135"/>
      <c r="AF3959" s="135"/>
      <c r="AG3959" s="135"/>
      <c r="AH3959" s="135"/>
      <c r="AI3959" s="135"/>
      <c r="AJ3959" s="135"/>
      <c r="AK3959" s="135"/>
      <c r="AL3959" s="135"/>
      <c r="AM3959" s="135"/>
      <c r="AN3959" s="135"/>
      <c r="AO3959" s="135"/>
      <c r="AP3959" s="135"/>
      <c r="AQ3959" s="135"/>
      <c r="AR3959" s="135"/>
      <c r="AS3959" s="135"/>
      <c r="AT3959" s="135"/>
      <c r="AU3959" s="135"/>
      <c r="AV3959" s="135"/>
      <c r="AW3959" s="135"/>
      <c r="AX3959" s="135"/>
      <c r="AY3959" s="135"/>
      <c r="AZ3959" s="135"/>
      <c r="BA3959" s="135"/>
      <c r="BB3959" s="107">
        <v>45884</v>
      </c>
    </row>
    <row r="3960" spans="1:54" s="8" customFormat="1" ht="15.75" customHeight="1" x14ac:dyDescent="0.25">
      <c r="A3960" s="219" t="s">
        <v>21823</v>
      </c>
      <c r="B3960" s="228" t="s">
        <v>20492</v>
      </c>
      <c r="C3960" s="130" t="s">
        <v>21824</v>
      </c>
      <c r="D3960" s="130" t="s">
        <v>21825</v>
      </c>
      <c r="E3960" s="225">
        <v>2021</v>
      </c>
      <c r="F3960" s="225">
        <v>256</v>
      </c>
      <c r="G3960" s="130" t="s">
        <v>20277</v>
      </c>
      <c r="H3960" s="137" t="s">
        <v>174</v>
      </c>
      <c r="I3960" s="130" t="s">
        <v>174</v>
      </c>
      <c r="J3960" s="98" t="s">
        <v>400</v>
      </c>
      <c r="K3960" s="98" t="s">
        <v>400</v>
      </c>
      <c r="L3960" s="98" t="s">
        <v>400</v>
      </c>
      <c r="M3960" s="98" t="s">
        <v>400</v>
      </c>
      <c r="N3960" s="98" t="s">
        <v>400</v>
      </c>
      <c r="O3960" s="98" t="s">
        <v>400</v>
      </c>
      <c r="P3960" s="98" t="s">
        <v>400</v>
      </c>
      <c r="Q3960" s="98" t="s">
        <v>400</v>
      </c>
      <c r="R3960" s="98" t="s">
        <v>400</v>
      </c>
      <c r="S3960" s="98" t="s">
        <v>400</v>
      </c>
      <c r="T3960" s="98" t="s">
        <v>400</v>
      </c>
      <c r="U3960" s="135"/>
      <c r="V3960" s="135"/>
      <c r="W3960" s="135"/>
      <c r="X3960" s="135"/>
      <c r="Y3960" s="135"/>
      <c r="Z3960" s="135"/>
      <c r="AA3960" s="135"/>
      <c r="AB3960" s="135"/>
      <c r="AC3960" s="135"/>
      <c r="AD3960" s="135"/>
      <c r="AE3960" s="135"/>
      <c r="AF3960" s="135"/>
      <c r="AG3960" s="135"/>
      <c r="AH3960" s="135"/>
      <c r="AI3960" s="135"/>
      <c r="AJ3960" s="135"/>
      <c r="AK3960" s="135"/>
      <c r="AL3960" s="135"/>
      <c r="AM3960" s="135"/>
      <c r="AN3960" s="135"/>
      <c r="AO3960" s="135"/>
      <c r="AP3960" s="135"/>
      <c r="AQ3960" s="135"/>
      <c r="AR3960" s="135"/>
      <c r="AS3960" s="135"/>
      <c r="AT3960" s="135"/>
      <c r="AU3960" s="135"/>
      <c r="AV3960" s="135"/>
      <c r="AW3960" s="135"/>
      <c r="AX3960" s="135"/>
      <c r="AY3960" s="135"/>
      <c r="AZ3960" s="135"/>
      <c r="BA3960" s="135"/>
      <c r="BB3960" s="107">
        <v>45884</v>
      </c>
    </row>
    <row r="3961" spans="1:54" s="8" customFormat="1" ht="15.75" customHeight="1" x14ac:dyDescent="0.25">
      <c r="A3961" s="219" t="s">
        <v>21826</v>
      </c>
      <c r="B3961" s="228" t="s">
        <v>20492</v>
      </c>
      <c r="C3961" s="130" t="s">
        <v>21827</v>
      </c>
      <c r="D3961" s="130" t="s">
        <v>21828</v>
      </c>
      <c r="E3961" s="225">
        <v>2021</v>
      </c>
      <c r="F3961" s="225">
        <v>3820</v>
      </c>
      <c r="G3961" s="130" t="s">
        <v>20277</v>
      </c>
      <c r="H3961" s="130" t="s">
        <v>174</v>
      </c>
      <c r="I3961" s="130" t="s">
        <v>174</v>
      </c>
      <c r="J3961" s="130" t="s">
        <v>174</v>
      </c>
      <c r="K3961" s="130" t="s">
        <v>174</v>
      </c>
      <c r="L3961" s="130" t="s">
        <v>174</v>
      </c>
      <c r="M3961" s="130" t="s">
        <v>174</v>
      </c>
      <c r="N3961" s="130" t="s">
        <v>174</v>
      </c>
      <c r="O3961" s="130" t="s">
        <v>174</v>
      </c>
      <c r="P3961" s="130" t="s">
        <v>174</v>
      </c>
      <c r="Q3961" s="130" t="s">
        <v>174</v>
      </c>
      <c r="R3961" s="130" t="s">
        <v>174</v>
      </c>
      <c r="S3961" s="130" t="s">
        <v>174</v>
      </c>
      <c r="T3961" s="130" t="s">
        <v>174</v>
      </c>
      <c r="U3961" s="135"/>
      <c r="V3961" s="135"/>
      <c r="W3961" s="135"/>
      <c r="X3961" s="135"/>
      <c r="Y3961" s="135"/>
      <c r="Z3961" s="135"/>
      <c r="AA3961" s="135"/>
      <c r="AB3961" s="135"/>
      <c r="AC3961" s="135"/>
      <c r="AD3961" s="135"/>
      <c r="AE3961" s="135"/>
      <c r="AF3961" s="135"/>
      <c r="AG3961" s="135"/>
      <c r="AH3961" s="135"/>
      <c r="AI3961" s="135"/>
      <c r="AJ3961" s="135"/>
      <c r="AK3961" s="135"/>
      <c r="AL3961" s="135"/>
      <c r="AM3961" s="135"/>
      <c r="AN3961" s="135"/>
      <c r="AO3961" s="135"/>
      <c r="AP3961" s="135"/>
      <c r="AQ3961" s="135"/>
      <c r="AR3961" s="135"/>
      <c r="AS3961" s="135"/>
      <c r="AT3961" s="135"/>
      <c r="AU3961" s="135"/>
      <c r="AV3961" s="135"/>
      <c r="AW3961" s="135"/>
      <c r="AX3961" s="135"/>
      <c r="AY3961" s="135"/>
      <c r="AZ3961" s="135"/>
      <c r="BA3961" s="135"/>
      <c r="BB3961" s="107">
        <v>45884</v>
      </c>
    </row>
    <row r="3962" spans="1:54" s="8" customFormat="1" ht="15.75" customHeight="1" x14ac:dyDescent="0.25">
      <c r="A3962" s="219" t="s">
        <v>21829</v>
      </c>
      <c r="B3962" s="228" t="s">
        <v>20492</v>
      </c>
      <c r="C3962" s="130" t="s">
        <v>21830</v>
      </c>
      <c r="D3962" s="130" t="s">
        <v>21831</v>
      </c>
      <c r="E3962" s="225">
        <v>2021</v>
      </c>
      <c r="F3962" s="225">
        <v>915</v>
      </c>
      <c r="G3962" s="130" t="s">
        <v>20277</v>
      </c>
      <c r="H3962" s="130" t="s">
        <v>174</v>
      </c>
      <c r="I3962" s="130" t="s">
        <v>174</v>
      </c>
      <c r="J3962" s="130" t="s">
        <v>174</v>
      </c>
      <c r="K3962" s="130" t="s">
        <v>174</v>
      </c>
      <c r="L3962" s="130" t="s">
        <v>174</v>
      </c>
      <c r="M3962" s="130" t="s">
        <v>174</v>
      </c>
      <c r="N3962" s="130" t="s">
        <v>174</v>
      </c>
      <c r="O3962" s="130" t="s">
        <v>174</v>
      </c>
      <c r="P3962" s="130" t="s">
        <v>174</v>
      </c>
      <c r="Q3962" s="130" t="s">
        <v>174</v>
      </c>
      <c r="R3962" s="130" t="s">
        <v>174</v>
      </c>
      <c r="S3962" s="130" t="s">
        <v>174</v>
      </c>
      <c r="T3962" s="130" t="s">
        <v>174</v>
      </c>
      <c r="U3962" s="135"/>
      <c r="V3962" s="135"/>
      <c r="W3962" s="135"/>
      <c r="X3962" s="135"/>
      <c r="Y3962" s="135"/>
      <c r="Z3962" s="135"/>
      <c r="AA3962" s="135"/>
      <c r="AB3962" s="135"/>
      <c r="AC3962" s="135"/>
      <c r="AD3962" s="135"/>
      <c r="AE3962" s="135"/>
      <c r="AF3962" s="135"/>
      <c r="AG3962" s="135"/>
      <c r="AH3962" s="135"/>
      <c r="AI3962" s="135"/>
      <c r="AJ3962" s="135"/>
      <c r="AK3962" s="135"/>
      <c r="AL3962" s="135"/>
      <c r="AM3962" s="135"/>
      <c r="AN3962" s="135"/>
      <c r="AO3962" s="135"/>
      <c r="AP3962" s="135"/>
      <c r="AQ3962" s="135"/>
      <c r="AR3962" s="135"/>
      <c r="AS3962" s="135"/>
      <c r="AT3962" s="135"/>
      <c r="AU3962" s="135"/>
      <c r="AV3962" s="135"/>
      <c r="AW3962" s="135"/>
      <c r="AX3962" s="135"/>
      <c r="AY3962" s="135"/>
      <c r="AZ3962" s="135"/>
      <c r="BA3962" s="135"/>
      <c r="BB3962" s="107">
        <v>45884</v>
      </c>
    </row>
    <row r="3963" spans="1:54" s="8" customFormat="1" ht="15.75" customHeight="1" x14ac:dyDescent="0.25">
      <c r="A3963" s="219" t="s">
        <v>21832</v>
      </c>
      <c r="B3963" s="228" t="s">
        <v>20492</v>
      </c>
      <c r="C3963" s="130" t="s">
        <v>21833</v>
      </c>
      <c r="D3963" s="130" t="s">
        <v>21834</v>
      </c>
      <c r="E3963" s="225">
        <v>2021</v>
      </c>
      <c r="F3963" s="225">
        <v>1042</v>
      </c>
      <c r="G3963" s="130" t="s">
        <v>20277</v>
      </c>
      <c r="H3963" s="130" t="s">
        <v>174</v>
      </c>
      <c r="I3963" s="130" t="s">
        <v>174</v>
      </c>
      <c r="J3963" s="130" t="s">
        <v>174</v>
      </c>
      <c r="K3963" s="130" t="s">
        <v>174</v>
      </c>
      <c r="L3963" s="130" t="s">
        <v>174</v>
      </c>
      <c r="M3963" s="130" t="s">
        <v>174</v>
      </c>
      <c r="N3963" s="130" t="s">
        <v>174</v>
      </c>
      <c r="O3963" s="130" t="s">
        <v>174</v>
      </c>
      <c r="P3963" s="130" t="s">
        <v>174</v>
      </c>
      <c r="Q3963" s="130" t="s">
        <v>174</v>
      </c>
      <c r="R3963" s="130" t="s">
        <v>174</v>
      </c>
      <c r="S3963" s="130" t="s">
        <v>174</v>
      </c>
      <c r="T3963" s="130" t="s">
        <v>174</v>
      </c>
      <c r="U3963" s="135"/>
      <c r="V3963" s="135"/>
      <c r="W3963" s="135"/>
      <c r="X3963" s="135"/>
      <c r="Y3963" s="135"/>
      <c r="Z3963" s="135"/>
      <c r="AA3963" s="135"/>
      <c r="AB3963" s="135"/>
      <c r="AC3963" s="135"/>
      <c r="AD3963" s="135"/>
      <c r="AE3963" s="135"/>
      <c r="AF3963" s="135"/>
      <c r="AG3963" s="135"/>
      <c r="AH3963" s="135"/>
      <c r="AI3963" s="135"/>
      <c r="AJ3963" s="135"/>
      <c r="AK3963" s="135"/>
      <c r="AL3963" s="135"/>
      <c r="AM3963" s="135"/>
      <c r="AN3963" s="135"/>
      <c r="AO3963" s="135"/>
      <c r="AP3963" s="135"/>
      <c r="AQ3963" s="135"/>
      <c r="AR3963" s="135"/>
      <c r="AS3963" s="135"/>
      <c r="AT3963" s="135"/>
      <c r="AU3963" s="135"/>
      <c r="AV3963" s="135"/>
      <c r="AW3963" s="135"/>
      <c r="AX3963" s="135"/>
      <c r="AY3963" s="135"/>
      <c r="AZ3963" s="135"/>
      <c r="BA3963" s="135"/>
      <c r="BB3963" s="107">
        <v>45884</v>
      </c>
    </row>
    <row r="3964" spans="1:54" s="8" customFormat="1" ht="15.75" customHeight="1" x14ac:dyDescent="0.25">
      <c r="A3964" s="219" t="s">
        <v>21835</v>
      </c>
      <c r="B3964" s="228" t="s">
        <v>20492</v>
      </c>
      <c r="C3964" s="130" t="s">
        <v>21836</v>
      </c>
      <c r="D3964" s="130" t="s">
        <v>21837</v>
      </c>
      <c r="E3964" s="225">
        <v>2021</v>
      </c>
      <c r="F3964" s="225">
        <v>1676</v>
      </c>
      <c r="G3964" s="130" t="s">
        <v>20277</v>
      </c>
      <c r="H3964" s="130" t="s">
        <v>174</v>
      </c>
      <c r="I3964" s="130" t="s">
        <v>174</v>
      </c>
      <c r="J3964" s="130" t="s">
        <v>174</v>
      </c>
      <c r="K3964" s="130" t="s">
        <v>174</v>
      </c>
      <c r="L3964" s="130" t="s">
        <v>174</v>
      </c>
      <c r="M3964" s="130" t="s">
        <v>174</v>
      </c>
      <c r="N3964" s="130" t="s">
        <v>174</v>
      </c>
      <c r="O3964" s="130" t="s">
        <v>174</v>
      </c>
      <c r="P3964" s="130" t="s">
        <v>174</v>
      </c>
      <c r="Q3964" s="130" t="s">
        <v>174</v>
      </c>
      <c r="R3964" s="130" t="s">
        <v>174</v>
      </c>
      <c r="S3964" s="130" t="s">
        <v>174</v>
      </c>
      <c r="T3964" s="130" t="s">
        <v>174</v>
      </c>
      <c r="U3964" s="135"/>
      <c r="V3964" s="135"/>
      <c r="W3964" s="135"/>
      <c r="X3964" s="135"/>
      <c r="Y3964" s="135"/>
      <c r="Z3964" s="135"/>
      <c r="AA3964" s="135"/>
      <c r="AB3964" s="135"/>
      <c r="AC3964" s="135"/>
      <c r="AD3964" s="135"/>
      <c r="AE3964" s="135"/>
      <c r="AF3964" s="135"/>
      <c r="AG3964" s="135"/>
      <c r="AH3964" s="135"/>
      <c r="AI3964" s="135"/>
      <c r="AJ3964" s="135"/>
      <c r="AK3964" s="135"/>
      <c r="AL3964" s="135"/>
      <c r="AM3964" s="135"/>
      <c r="AN3964" s="135"/>
      <c r="AO3964" s="135"/>
      <c r="AP3964" s="135"/>
      <c r="AQ3964" s="135"/>
      <c r="AR3964" s="135"/>
      <c r="AS3964" s="135"/>
      <c r="AT3964" s="135"/>
      <c r="AU3964" s="135"/>
      <c r="AV3964" s="135"/>
      <c r="AW3964" s="135"/>
      <c r="AX3964" s="135"/>
      <c r="AY3964" s="135"/>
      <c r="AZ3964" s="135"/>
      <c r="BA3964" s="135"/>
      <c r="BB3964" s="107">
        <v>45884</v>
      </c>
    </row>
    <row r="3965" spans="1:54" s="8" customFormat="1" ht="15.75" customHeight="1" x14ac:dyDescent="0.25">
      <c r="A3965" s="219" t="s">
        <v>21838</v>
      </c>
      <c r="B3965" s="228" t="s">
        <v>20492</v>
      </c>
      <c r="C3965" s="130" t="s">
        <v>21839</v>
      </c>
      <c r="D3965" s="130" t="s">
        <v>21840</v>
      </c>
      <c r="E3965" s="225">
        <v>2021</v>
      </c>
      <c r="F3965" s="225">
        <v>1381</v>
      </c>
      <c r="G3965" s="130" t="s">
        <v>20277</v>
      </c>
      <c r="H3965" s="130" t="s">
        <v>174</v>
      </c>
      <c r="I3965" s="130" t="s">
        <v>174</v>
      </c>
      <c r="J3965" s="130" t="s">
        <v>174</v>
      </c>
      <c r="K3965" s="130" t="s">
        <v>174</v>
      </c>
      <c r="L3965" s="130" t="s">
        <v>174</v>
      </c>
      <c r="M3965" s="130" t="s">
        <v>174</v>
      </c>
      <c r="N3965" s="130" t="s">
        <v>174</v>
      </c>
      <c r="O3965" s="130" t="s">
        <v>174</v>
      </c>
      <c r="P3965" s="130" t="s">
        <v>174</v>
      </c>
      <c r="Q3965" s="130" t="s">
        <v>174</v>
      </c>
      <c r="R3965" s="130" t="s">
        <v>174</v>
      </c>
      <c r="S3965" s="130" t="s">
        <v>174</v>
      </c>
      <c r="T3965" s="130" t="s">
        <v>174</v>
      </c>
      <c r="U3965" s="135"/>
      <c r="V3965" s="135"/>
      <c r="W3965" s="135"/>
      <c r="X3965" s="135"/>
      <c r="Y3965" s="135"/>
      <c r="Z3965" s="135"/>
      <c r="AA3965" s="135"/>
      <c r="AB3965" s="135"/>
      <c r="AC3965" s="135"/>
      <c r="AD3965" s="135"/>
      <c r="AE3965" s="135"/>
      <c r="AF3965" s="135"/>
      <c r="AG3965" s="135"/>
      <c r="AH3965" s="135"/>
      <c r="AI3965" s="135"/>
      <c r="AJ3965" s="135"/>
      <c r="AK3965" s="135"/>
      <c r="AL3965" s="135"/>
      <c r="AM3965" s="135"/>
      <c r="AN3965" s="135"/>
      <c r="AO3965" s="135"/>
      <c r="AP3965" s="135"/>
      <c r="AQ3965" s="135"/>
      <c r="AR3965" s="135"/>
      <c r="AS3965" s="135"/>
      <c r="AT3965" s="135"/>
      <c r="AU3965" s="135"/>
      <c r="AV3965" s="135"/>
      <c r="AW3965" s="135"/>
      <c r="AX3965" s="135"/>
      <c r="AY3965" s="135"/>
      <c r="AZ3965" s="135"/>
      <c r="BA3965" s="135"/>
      <c r="BB3965" s="107">
        <v>45884</v>
      </c>
    </row>
    <row r="3966" spans="1:54" s="8" customFormat="1" ht="15.75" customHeight="1" x14ac:dyDescent="0.25">
      <c r="A3966" s="219" t="s">
        <v>21841</v>
      </c>
      <c r="B3966" s="228" t="s">
        <v>20492</v>
      </c>
      <c r="C3966" s="130" t="s">
        <v>21842</v>
      </c>
      <c r="D3966" s="130" t="s">
        <v>21843</v>
      </c>
      <c r="E3966" s="225">
        <v>2021</v>
      </c>
      <c r="F3966" s="225">
        <v>992</v>
      </c>
      <c r="G3966" s="130" t="s">
        <v>20277</v>
      </c>
      <c r="H3966" s="130" t="s">
        <v>174</v>
      </c>
      <c r="I3966" s="130" t="s">
        <v>174</v>
      </c>
      <c r="J3966" s="130" t="s">
        <v>174</v>
      </c>
      <c r="K3966" s="130" t="s">
        <v>174</v>
      </c>
      <c r="L3966" s="130" t="s">
        <v>174</v>
      </c>
      <c r="M3966" s="130" t="s">
        <v>174</v>
      </c>
      <c r="N3966" s="130" t="s">
        <v>174</v>
      </c>
      <c r="O3966" s="130" t="s">
        <v>174</v>
      </c>
      <c r="P3966" s="130" t="s">
        <v>174</v>
      </c>
      <c r="Q3966" s="130" t="s">
        <v>174</v>
      </c>
      <c r="R3966" s="130" t="s">
        <v>174</v>
      </c>
      <c r="S3966" s="130" t="s">
        <v>174</v>
      </c>
      <c r="T3966" s="130" t="s">
        <v>174</v>
      </c>
      <c r="U3966" s="135"/>
      <c r="V3966" s="135"/>
      <c r="W3966" s="135"/>
      <c r="X3966" s="135"/>
      <c r="Y3966" s="135"/>
      <c r="Z3966" s="135"/>
      <c r="AA3966" s="135"/>
      <c r="AB3966" s="135"/>
      <c r="AC3966" s="135"/>
      <c r="AD3966" s="135"/>
      <c r="AE3966" s="135"/>
      <c r="AF3966" s="135"/>
      <c r="AG3966" s="135"/>
      <c r="AH3966" s="135"/>
      <c r="AI3966" s="135"/>
      <c r="AJ3966" s="135"/>
      <c r="AK3966" s="135"/>
      <c r="AL3966" s="135"/>
      <c r="AM3966" s="135"/>
      <c r="AN3966" s="135"/>
      <c r="AO3966" s="135"/>
      <c r="AP3966" s="135"/>
      <c r="AQ3966" s="135"/>
      <c r="AR3966" s="135"/>
      <c r="AS3966" s="135"/>
      <c r="AT3966" s="135"/>
      <c r="AU3966" s="135"/>
      <c r="AV3966" s="135"/>
      <c r="AW3966" s="135"/>
      <c r="AX3966" s="135"/>
      <c r="AY3966" s="135"/>
      <c r="AZ3966" s="135"/>
      <c r="BA3966" s="135"/>
      <c r="BB3966" s="107">
        <v>45884</v>
      </c>
    </row>
    <row r="3967" spans="1:54" s="8" customFormat="1" ht="15.75" customHeight="1" x14ac:dyDescent="0.25">
      <c r="A3967" s="219" t="s">
        <v>21844</v>
      </c>
      <c r="B3967" s="228" t="s">
        <v>20492</v>
      </c>
      <c r="C3967" s="130" t="s">
        <v>21845</v>
      </c>
      <c r="D3967" s="130" t="s">
        <v>21846</v>
      </c>
      <c r="E3967" s="225">
        <v>2021</v>
      </c>
      <c r="F3967" s="225">
        <v>508</v>
      </c>
      <c r="G3967" s="130" t="s">
        <v>20277</v>
      </c>
      <c r="H3967" s="130" t="s">
        <v>174</v>
      </c>
      <c r="I3967" s="130" t="s">
        <v>174</v>
      </c>
      <c r="J3967" s="130" t="s">
        <v>174</v>
      </c>
      <c r="K3967" s="130" t="s">
        <v>174</v>
      </c>
      <c r="L3967" s="130" t="s">
        <v>174</v>
      </c>
      <c r="M3967" s="130" t="s">
        <v>174</v>
      </c>
      <c r="N3967" s="130" t="s">
        <v>174</v>
      </c>
      <c r="O3967" s="130" t="s">
        <v>174</v>
      </c>
      <c r="P3967" s="130" t="s">
        <v>174</v>
      </c>
      <c r="Q3967" s="130" t="s">
        <v>174</v>
      </c>
      <c r="R3967" s="130" t="s">
        <v>174</v>
      </c>
      <c r="S3967" s="130" t="s">
        <v>174</v>
      </c>
      <c r="T3967" s="130" t="s">
        <v>174</v>
      </c>
      <c r="U3967" s="135"/>
      <c r="V3967" s="135"/>
      <c r="W3967" s="135"/>
      <c r="X3967" s="135"/>
      <c r="Y3967" s="135"/>
      <c r="Z3967" s="135"/>
      <c r="AA3967" s="135"/>
      <c r="AB3967" s="135"/>
      <c r="AC3967" s="135"/>
      <c r="AD3967" s="135"/>
      <c r="AE3967" s="135"/>
      <c r="AF3967" s="135"/>
      <c r="AG3967" s="135"/>
      <c r="AH3967" s="135"/>
      <c r="AI3967" s="135"/>
      <c r="AJ3967" s="135"/>
      <c r="AK3967" s="135"/>
      <c r="AL3967" s="135"/>
      <c r="AM3967" s="135"/>
      <c r="AN3967" s="135"/>
      <c r="AO3967" s="135"/>
      <c r="AP3967" s="135"/>
      <c r="AQ3967" s="135"/>
      <c r="AR3967" s="135"/>
      <c r="AS3967" s="135"/>
      <c r="AT3967" s="135"/>
      <c r="AU3967" s="135"/>
      <c r="AV3967" s="135"/>
      <c r="AW3967" s="135"/>
      <c r="AX3967" s="135"/>
      <c r="AY3967" s="135"/>
      <c r="AZ3967" s="135"/>
      <c r="BA3967" s="135"/>
      <c r="BB3967" s="107">
        <v>45884</v>
      </c>
    </row>
    <row r="3968" spans="1:54" s="8" customFormat="1" ht="15.75" customHeight="1" x14ac:dyDescent="0.25">
      <c r="A3968" s="219" t="s">
        <v>21847</v>
      </c>
      <c r="B3968" s="228" t="s">
        <v>20492</v>
      </c>
      <c r="C3968" s="130" t="s">
        <v>21848</v>
      </c>
      <c r="D3968" s="130" t="s">
        <v>21849</v>
      </c>
      <c r="E3968" s="225">
        <v>2021</v>
      </c>
      <c r="F3968" s="225">
        <v>1000</v>
      </c>
      <c r="G3968" s="130" t="s">
        <v>20277</v>
      </c>
      <c r="H3968" s="130" t="s">
        <v>174</v>
      </c>
      <c r="I3968" s="130" t="s">
        <v>174</v>
      </c>
      <c r="J3968" s="130" t="s">
        <v>174</v>
      </c>
      <c r="K3968" s="130" t="s">
        <v>174</v>
      </c>
      <c r="L3968" s="130" t="s">
        <v>174</v>
      </c>
      <c r="M3968" s="130" t="s">
        <v>174</v>
      </c>
      <c r="N3968" s="130" t="s">
        <v>174</v>
      </c>
      <c r="O3968" s="130" t="s">
        <v>174</v>
      </c>
      <c r="P3968" s="130" t="s">
        <v>174</v>
      </c>
      <c r="Q3968" s="130" t="s">
        <v>174</v>
      </c>
      <c r="R3968" s="130" t="s">
        <v>174</v>
      </c>
      <c r="S3968" s="130" t="s">
        <v>174</v>
      </c>
      <c r="T3968" s="130" t="s">
        <v>174</v>
      </c>
      <c r="U3968" s="135"/>
      <c r="V3968" s="135"/>
      <c r="W3968" s="135"/>
      <c r="X3968" s="135"/>
      <c r="Y3968" s="135"/>
      <c r="Z3968" s="135"/>
      <c r="AA3968" s="135"/>
      <c r="AB3968" s="135"/>
      <c r="AC3968" s="135"/>
      <c r="AD3968" s="135"/>
      <c r="AE3968" s="135"/>
      <c r="AF3968" s="135"/>
      <c r="AG3968" s="135"/>
      <c r="AH3968" s="135"/>
      <c r="AI3968" s="135"/>
      <c r="AJ3968" s="135"/>
      <c r="AK3968" s="135"/>
      <c r="AL3968" s="135"/>
      <c r="AM3968" s="135"/>
      <c r="AN3968" s="135"/>
      <c r="AO3968" s="135"/>
      <c r="AP3968" s="135"/>
      <c r="AQ3968" s="135"/>
      <c r="AR3968" s="135"/>
      <c r="AS3968" s="135"/>
      <c r="AT3968" s="135"/>
      <c r="AU3968" s="135"/>
      <c r="AV3968" s="135"/>
      <c r="AW3968" s="135"/>
      <c r="AX3968" s="135"/>
      <c r="AY3968" s="135"/>
      <c r="AZ3968" s="135"/>
      <c r="BA3968" s="135"/>
      <c r="BB3968" s="107">
        <v>45884</v>
      </c>
    </row>
    <row r="3969" spans="1:54" s="8" customFormat="1" ht="15.75" customHeight="1" x14ac:dyDescent="0.25">
      <c r="A3969" s="219" t="s">
        <v>21850</v>
      </c>
      <c r="B3969" s="228" t="s">
        <v>20492</v>
      </c>
      <c r="C3969" s="130" t="s">
        <v>21851</v>
      </c>
      <c r="D3969" s="130" t="s">
        <v>21852</v>
      </c>
      <c r="E3969" s="225">
        <v>2021</v>
      </c>
      <c r="F3969" s="225">
        <v>1166</v>
      </c>
      <c r="G3969" s="130" t="s">
        <v>20277</v>
      </c>
      <c r="H3969" s="130" t="s">
        <v>174</v>
      </c>
      <c r="I3969" s="130" t="s">
        <v>174</v>
      </c>
      <c r="J3969" s="130" t="s">
        <v>174</v>
      </c>
      <c r="K3969" s="130" t="s">
        <v>174</v>
      </c>
      <c r="L3969" s="130" t="s">
        <v>174</v>
      </c>
      <c r="M3969" s="130" t="s">
        <v>174</v>
      </c>
      <c r="N3969" s="130" t="s">
        <v>174</v>
      </c>
      <c r="O3969" s="130" t="s">
        <v>174</v>
      </c>
      <c r="P3969" s="130" t="s">
        <v>174</v>
      </c>
      <c r="Q3969" s="130" t="s">
        <v>174</v>
      </c>
      <c r="R3969" s="130" t="s">
        <v>174</v>
      </c>
      <c r="S3969" s="130" t="s">
        <v>174</v>
      </c>
      <c r="T3969" s="130" t="s">
        <v>174</v>
      </c>
      <c r="U3969" s="135"/>
      <c r="V3969" s="135"/>
      <c r="W3969" s="135"/>
      <c r="X3969" s="135"/>
      <c r="Y3969" s="135"/>
      <c r="Z3969" s="135"/>
      <c r="AA3969" s="135"/>
      <c r="AB3969" s="135"/>
      <c r="AC3969" s="135"/>
      <c r="AD3969" s="135"/>
      <c r="AE3969" s="135"/>
      <c r="AF3969" s="135"/>
      <c r="AG3969" s="135"/>
      <c r="AH3969" s="135"/>
      <c r="AI3969" s="135"/>
      <c r="AJ3969" s="135"/>
      <c r="AK3969" s="135"/>
      <c r="AL3969" s="135"/>
      <c r="AM3969" s="135"/>
      <c r="AN3969" s="135"/>
      <c r="AO3969" s="135"/>
      <c r="AP3969" s="135"/>
      <c r="AQ3969" s="135"/>
      <c r="AR3969" s="135"/>
      <c r="AS3969" s="135"/>
      <c r="AT3969" s="135"/>
      <c r="AU3969" s="135"/>
      <c r="AV3969" s="135"/>
      <c r="AW3969" s="135"/>
      <c r="AX3969" s="135"/>
      <c r="AY3969" s="135"/>
      <c r="AZ3969" s="135"/>
      <c r="BA3969" s="135"/>
      <c r="BB3969" s="107">
        <v>45884</v>
      </c>
    </row>
    <row r="3970" spans="1:54" s="8" customFormat="1" ht="15.75" customHeight="1" x14ac:dyDescent="0.25">
      <c r="A3970" s="219" t="s">
        <v>21853</v>
      </c>
      <c r="B3970" s="228" t="s">
        <v>20492</v>
      </c>
      <c r="C3970" s="130" t="s">
        <v>21854</v>
      </c>
      <c r="D3970" s="130" t="s">
        <v>21855</v>
      </c>
      <c r="E3970" s="225">
        <v>2021</v>
      </c>
      <c r="F3970" s="225">
        <v>349</v>
      </c>
      <c r="G3970" s="130" t="s">
        <v>20277</v>
      </c>
      <c r="H3970" s="130" t="s">
        <v>174</v>
      </c>
      <c r="I3970" s="130" t="s">
        <v>174</v>
      </c>
      <c r="J3970" s="130" t="s">
        <v>174</v>
      </c>
      <c r="K3970" s="130" t="s">
        <v>174</v>
      </c>
      <c r="L3970" s="130" t="s">
        <v>174</v>
      </c>
      <c r="M3970" s="130" t="s">
        <v>174</v>
      </c>
      <c r="N3970" s="130" t="s">
        <v>174</v>
      </c>
      <c r="O3970" s="130" t="s">
        <v>174</v>
      </c>
      <c r="P3970" s="130" t="s">
        <v>174</v>
      </c>
      <c r="Q3970" s="130" t="s">
        <v>174</v>
      </c>
      <c r="R3970" s="130" t="s">
        <v>174</v>
      </c>
      <c r="S3970" s="130" t="s">
        <v>174</v>
      </c>
      <c r="T3970" s="130" t="s">
        <v>174</v>
      </c>
      <c r="U3970" s="135"/>
      <c r="V3970" s="135"/>
      <c r="W3970" s="135"/>
      <c r="X3970" s="135"/>
      <c r="Y3970" s="135"/>
      <c r="Z3970" s="135"/>
      <c r="AA3970" s="135"/>
      <c r="AB3970" s="135"/>
      <c r="AC3970" s="135"/>
      <c r="AD3970" s="135"/>
      <c r="AE3970" s="135"/>
      <c r="AF3970" s="135"/>
      <c r="AG3970" s="135"/>
      <c r="AH3970" s="135"/>
      <c r="AI3970" s="135"/>
      <c r="AJ3970" s="135"/>
      <c r="AK3970" s="135"/>
      <c r="AL3970" s="135"/>
      <c r="AM3970" s="135"/>
      <c r="AN3970" s="135"/>
      <c r="AO3970" s="135"/>
      <c r="AP3970" s="135"/>
      <c r="AQ3970" s="135"/>
      <c r="AR3970" s="135"/>
      <c r="AS3970" s="135"/>
      <c r="AT3970" s="135"/>
      <c r="AU3970" s="135"/>
      <c r="AV3970" s="135"/>
      <c r="AW3970" s="135"/>
      <c r="AX3970" s="135"/>
      <c r="AY3970" s="135"/>
      <c r="AZ3970" s="135"/>
      <c r="BA3970" s="135"/>
      <c r="BB3970" s="107">
        <v>45884</v>
      </c>
    </row>
    <row r="3971" spans="1:54" s="8" customFormat="1" ht="15.75" customHeight="1" x14ac:dyDescent="0.25">
      <c r="A3971" s="219" t="s">
        <v>21856</v>
      </c>
      <c r="B3971" s="228" t="s">
        <v>20492</v>
      </c>
      <c r="C3971" s="130" t="s">
        <v>21857</v>
      </c>
      <c r="D3971" s="130" t="s">
        <v>21858</v>
      </c>
      <c r="E3971" s="225">
        <v>2021</v>
      </c>
      <c r="F3971" s="225">
        <v>72</v>
      </c>
      <c r="G3971" s="130" t="s">
        <v>20277</v>
      </c>
      <c r="H3971" s="130" t="s">
        <v>174</v>
      </c>
      <c r="I3971" s="130" t="s">
        <v>174</v>
      </c>
      <c r="J3971" s="130" t="s">
        <v>174</v>
      </c>
      <c r="K3971" s="130" t="s">
        <v>174</v>
      </c>
      <c r="L3971" s="130" t="s">
        <v>174</v>
      </c>
      <c r="M3971" s="130" t="s">
        <v>174</v>
      </c>
      <c r="N3971" s="130" t="s">
        <v>174</v>
      </c>
      <c r="O3971" s="130" t="s">
        <v>174</v>
      </c>
      <c r="P3971" s="130" t="s">
        <v>174</v>
      </c>
      <c r="Q3971" s="130" t="s">
        <v>174</v>
      </c>
      <c r="R3971" s="130" t="s">
        <v>174</v>
      </c>
      <c r="S3971" s="130" t="s">
        <v>174</v>
      </c>
      <c r="T3971" s="130" t="s">
        <v>174</v>
      </c>
      <c r="U3971" s="135"/>
      <c r="V3971" s="135"/>
      <c r="W3971" s="135"/>
      <c r="X3971" s="135"/>
      <c r="Y3971" s="135"/>
      <c r="Z3971" s="135"/>
      <c r="AA3971" s="135"/>
      <c r="AB3971" s="135"/>
      <c r="AC3971" s="135"/>
      <c r="AD3971" s="135"/>
      <c r="AE3971" s="135"/>
      <c r="AF3971" s="135"/>
      <c r="AG3971" s="135"/>
      <c r="AH3971" s="135"/>
      <c r="AI3971" s="135"/>
      <c r="AJ3971" s="135"/>
      <c r="AK3971" s="135"/>
      <c r="AL3971" s="135"/>
      <c r="AM3971" s="135"/>
      <c r="AN3971" s="135"/>
      <c r="AO3971" s="135"/>
      <c r="AP3971" s="135"/>
      <c r="AQ3971" s="135"/>
      <c r="AR3971" s="135"/>
      <c r="AS3971" s="135"/>
      <c r="AT3971" s="135"/>
      <c r="AU3971" s="135"/>
      <c r="AV3971" s="135"/>
      <c r="AW3971" s="135"/>
      <c r="AX3971" s="135"/>
      <c r="AY3971" s="135"/>
      <c r="AZ3971" s="135"/>
      <c r="BA3971" s="135"/>
      <c r="BB3971" s="107">
        <v>45884</v>
      </c>
    </row>
    <row r="3972" spans="1:54" s="8" customFormat="1" ht="15.75" customHeight="1" x14ac:dyDescent="0.25">
      <c r="A3972" s="219" t="s">
        <v>21859</v>
      </c>
      <c r="B3972" s="228" t="s">
        <v>20492</v>
      </c>
      <c r="C3972" s="130" t="s">
        <v>21860</v>
      </c>
      <c r="D3972" s="130" t="s">
        <v>21861</v>
      </c>
      <c r="E3972" s="225">
        <v>2021</v>
      </c>
      <c r="F3972" s="225">
        <v>95</v>
      </c>
      <c r="G3972" s="130" t="s">
        <v>20277</v>
      </c>
      <c r="H3972" s="130" t="s">
        <v>174</v>
      </c>
      <c r="I3972" s="130" t="s">
        <v>174</v>
      </c>
      <c r="J3972" s="130" t="s">
        <v>174</v>
      </c>
      <c r="K3972" s="130" t="s">
        <v>174</v>
      </c>
      <c r="L3972" s="130" t="s">
        <v>174</v>
      </c>
      <c r="M3972" s="130" t="s">
        <v>174</v>
      </c>
      <c r="N3972" s="130" t="s">
        <v>174</v>
      </c>
      <c r="O3972" s="130" t="s">
        <v>174</v>
      </c>
      <c r="P3972" s="130" t="s">
        <v>174</v>
      </c>
      <c r="Q3972" s="130" t="s">
        <v>174</v>
      </c>
      <c r="R3972" s="130" t="s">
        <v>174</v>
      </c>
      <c r="S3972" s="130" t="s">
        <v>174</v>
      </c>
      <c r="T3972" s="130" t="s">
        <v>174</v>
      </c>
      <c r="U3972" s="135"/>
      <c r="V3972" s="135"/>
      <c r="W3972" s="135"/>
      <c r="X3972" s="135"/>
      <c r="Y3972" s="135"/>
      <c r="Z3972" s="135"/>
      <c r="AA3972" s="135"/>
      <c r="AB3972" s="135"/>
      <c r="AC3972" s="135"/>
      <c r="AD3972" s="135"/>
      <c r="AE3972" s="135"/>
      <c r="AF3972" s="135"/>
      <c r="AG3972" s="135"/>
      <c r="AH3972" s="135"/>
      <c r="AI3972" s="135"/>
      <c r="AJ3972" s="135"/>
      <c r="AK3972" s="135"/>
      <c r="AL3972" s="135"/>
      <c r="AM3972" s="135"/>
      <c r="AN3972" s="135"/>
      <c r="AO3972" s="135"/>
      <c r="AP3972" s="135"/>
      <c r="AQ3972" s="135"/>
      <c r="AR3972" s="135"/>
      <c r="AS3972" s="135"/>
      <c r="AT3972" s="135"/>
      <c r="AU3972" s="135"/>
      <c r="AV3972" s="135"/>
      <c r="AW3972" s="135"/>
      <c r="AX3972" s="135"/>
      <c r="AY3972" s="135"/>
      <c r="AZ3972" s="135"/>
      <c r="BA3972" s="135"/>
      <c r="BB3972" s="107">
        <v>45884</v>
      </c>
    </row>
    <row r="3973" spans="1:54" s="8" customFormat="1" ht="15.75" customHeight="1" x14ac:dyDescent="0.25">
      <c r="A3973" s="229" t="s">
        <v>22012</v>
      </c>
      <c r="B3973" s="230" t="s">
        <v>20492</v>
      </c>
      <c r="C3973" s="138" t="s">
        <v>21990</v>
      </c>
      <c r="D3973" s="138" t="s">
        <v>21991</v>
      </c>
      <c r="E3973" s="139">
        <v>2022</v>
      </c>
      <c r="F3973" s="139">
        <v>529</v>
      </c>
      <c r="G3973" s="138" t="s">
        <v>20277</v>
      </c>
      <c r="H3973" s="140" t="s">
        <v>174</v>
      </c>
      <c r="I3973" s="140" t="s">
        <v>174</v>
      </c>
      <c r="J3973" s="140" t="s">
        <v>174</v>
      </c>
      <c r="K3973" s="140" t="s">
        <v>174</v>
      </c>
      <c r="L3973" s="140" t="s">
        <v>174</v>
      </c>
      <c r="M3973" s="140" t="s">
        <v>174</v>
      </c>
      <c r="N3973" s="140" t="s">
        <v>174</v>
      </c>
      <c r="O3973" s="140" t="s">
        <v>174</v>
      </c>
      <c r="P3973" s="140" t="s">
        <v>174</v>
      </c>
      <c r="Q3973" s="140" t="s">
        <v>174</v>
      </c>
      <c r="R3973" s="140" t="s">
        <v>174</v>
      </c>
      <c r="S3973" s="140" t="s">
        <v>174</v>
      </c>
      <c r="T3973" s="140" t="s">
        <v>174</v>
      </c>
      <c r="U3973" s="135"/>
      <c r="V3973" s="135"/>
      <c r="W3973" s="135"/>
      <c r="X3973" s="135"/>
      <c r="Y3973" s="135"/>
      <c r="Z3973" s="135"/>
      <c r="AA3973" s="135"/>
      <c r="AB3973" s="135"/>
      <c r="AC3973" s="135"/>
      <c r="AD3973" s="135"/>
      <c r="AE3973" s="135"/>
      <c r="AF3973" s="135"/>
      <c r="AG3973" s="135"/>
      <c r="AH3973" s="135"/>
      <c r="AI3973" s="135"/>
      <c r="AJ3973" s="135"/>
      <c r="AK3973" s="135"/>
      <c r="AL3973" s="135"/>
      <c r="AM3973" s="135"/>
      <c r="AN3973" s="135"/>
      <c r="AO3973" s="135"/>
      <c r="AP3973" s="135"/>
      <c r="AQ3973" s="135"/>
      <c r="AR3973" s="135"/>
      <c r="AS3973" s="135"/>
      <c r="AT3973" s="135"/>
      <c r="AU3973" s="135"/>
      <c r="AV3973" s="135"/>
      <c r="AW3973" s="135"/>
      <c r="AX3973" s="135"/>
      <c r="AY3973" s="135"/>
      <c r="AZ3973" s="135"/>
      <c r="BA3973" s="135"/>
      <c r="BB3973" s="107">
        <v>45884</v>
      </c>
    </row>
    <row r="3974" spans="1:54" s="8" customFormat="1" ht="15.75" customHeight="1" x14ac:dyDescent="0.25">
      <c r="A3974" s="229" t="s">
        <v>22013</v>
      </c>
      <c r="B3974" s="230" t="s">
        <v>20492</v>
      </c>
      <c r="C3974" s="138" t="s">
        <v>21992</v>
      </c>
      <c r="D3974" s="138" t="s">
        <v>21993</v>
      </c>
      <c r="E3974" s="139">
        <v>2022</v>
      </c>
      <c r="F3974" s="139">
        <v>113</v>
      </c>
      <c r="G3974" s="138" t="s">
        <v>20277</v>
      </c>
      <c r="H3974" s="140" t="s">
        <v>400</v>
      </c>
      <c r="I3974" s="140" t="s">
        <v>400</v>
      </c>
      <c r="J3974" s="140" t="s">
        <v>400</v>
      </c>
      <c r="K3974" s="140" t="s">
        <v>400</v>
      </c>
      <c r="L3974" s="140" t="s">
        <v>400</v>
      </c>
      <c r="M3974" s="140" t="s">
        <v>400</v>
      </c>
      <c r="N3974" s="140" t="s">
        <v>400</v>
      </c>
      <c r="O3974" s="140" t="s">
        <v>400</v>
      </c>
      <c r="P3974" s="140" t="s">
        <v>400</v>
      </c>
      <c r="Q3974" s="140" t="s">
        <v>400</v>
      </c>
      <c r="R3974" s="140" t="s">
        <v>400</v>
      </c>
      <c r="S3974" s="140" t="s">
        <v>400</v>
      </c>
      <c r="T3974" s="140" t="s">
        <v>400</v>
      </c>
      <c r="U3974" s="135"/>
      <c r="V3974" s="135"/>
      <c r="W3974" s="135"/>
      <c r="X3974" s="135"/>
      <c r="Y3974" s="135"/>
      <c r="Z3974" s="135"/>
      <c r="AA3974" s="135"/>
      <c r="AB3974" s="135"/>
      <c r="AC3974" s="135"/>
      <c r="AD3974" s="135"/>
      <c r="AE3974" s="135"/>
      <c r="AF3974" s="135"/>
      <c r="AG3974" s="135"/>
      <c r="AH3974" s="135"/>
      <c r="AI3974" s="135"/>
      <c r="AJ3974" s="135"/>
      <c r="AK3974" s="135"/>
      <c r="AL3974" s="135"/>
      <c r="AM3974" s="135"/>
      <c r="AN3974" s="135"/>
      <c r="AO3974" s="135"/>
      <c r="AP3974" s="135"/>
      <c r="AQ3974" s="135"/>
      <c r="AR3974" s="135"/>
      <c r="AS3974" s="135"/>
      <c r="AT3974" s="135"/>
      <c r="AU3974" s="135"/>
      <c r="AV3974" s="135"/>
      <c r="AW3974" s="135"/>
      <c r="AX3974" s="135"/>
      <c r="AY3974" s="135"/>
      <c r="AZ3974" s="135"/>
      <c r="BA3974" s="135"/>
      <c r="BB3974" s="107">
        <v>45884</v>
      </c>
    </row>
    <row r="3975" spans="1:54" s="8" customFormat="1" ht="15.75" customHeight="1" x14ac:dyDescent="0.25">
      <c r="A3975" s="229" t="s">
        <v>22014</v>
      </c>
      <c r="B3975" s="230" t="s">
        <v>20492</v>
      </c>
      <c r="C3975" s="138" t="s">
        <v>21994</v>
      </c>
      <c r="D3975" s="138" t="s">
        <v>21995</v>
      </c>
      <c r="E3975" s="139">
        <v>2022</v>
      </c>
      <c r="F3975" s="139">
        <v>103</v>
      </c>
      <c r="G3975" s="138" t="s">
        <v>20277</v>
      </c>
      <c r="H3975" s="140" t="s">
        <v>174</v>
      </c>
      <c r="I3975" s="140" t="s">
        <v>174</v>
      </c>
      <c r="J3975" s="140" t="s">
        <v>174</v>
      </c>
      <c r="K3975" s="140" t="s">
        <v>174</v>
      </c>
      <c r="L3975" s="140" t="s">
        <v>174</v>
      </c>
      <c r="M3975" s="140" t="s">
        <v>174</v>
      </c>
      <c r="N3975" s="140" t="s">
        <v>174</v>
      </c>
      <c r="O3975" s="140" t="s">
        <v>174</v>
      </c>
      <c r="P3975" s="140" t="s">
        <v>174</v>
      </c>
      <c r="Q3975" s="140" t="s">
        <v>174</v>
      </c>
      <c r="R3975" s="140" t="s">
        <v>174</v>
      </c>
      <c r="S3975" s="140" t="s">
        <v>174</v>
      </c>
      <c r="T3975" s="140" t="s">
        <v>174</v>
      </c>
      <c r="U3975" s="135"/>
      <c r="V3975" s="135"/>
      <c r="W3975" s="135"/>
      <c r="X3975" s="135"/>
      <c r="Y3975" s="135"/>
      <c r="Z3975" s="135"/>
      <c r="AA3975" s="135"/>
      <c r="AB3975" s="135"/>
      <c r="AC3975" s="135"/>
      <c r="AD3975" s="135"/>
      <c r="AE3975" s="135"/>
      <c r="AF3975" s="135"/>
      <c r="AG3975" s="135"/>
      <c r="AH3975" s="135"/>
      <c r="AI3975" s="135"/>
      <c r="AJ3975" s="135"/>
      <c r="AK3975" s="135"/>
      <c r="AL3975" s="135"/>
      <c r="AM3975" s="135"/>
      <c r="AN3975" s="135"/>
      <c r="AO3975" s="135"/>
      <c r="AP3975" s="135"/>
      <c r="AQ3975" s="135"/>
      <c r="AR3975" s="135"/>
      <c r="AS3975" s="135"/>
      <c r="AT3975" s="135"/>
      <c r="AU3975" s="135"/>
      <c r="AV3975" s="135"/>
      <c r="AW3975" s="135"/>
      <c r="AX3975" s="135"/>
      <c r="AY3975" s="135"/>
      <c r="AZ3975" s="135"/>
      <c r="BA3975" s="135"/>
      <c r="BB3975" s="107">
        <v>45884</v>
      </c>
    </row>
    <row r="3976" spans="1:54" s="8" customFormat="1" ht="15.75" customHeight="1" x14ac:dyDescent="0.25">
      <c r="A3976" s="229" t="s">
        <v>22015</v>
      </c>
      <c r="B3976" s="230" t="s">
        <v>20492</v>
      </c>
      <c r="C3976" s="138" t="s">
        <v>21996</v>
      </c>
      <c r="D3976" s="138" t="s">
        <v>21997</v>
      </c>
      <c r="E3976" s="139">
        <v>2022</v>
      </c>
      <c r="F3976" s="139">
        <v>752</v>
      </c>
      <c r="G3976" s="138" t="s">
        <v>20277</v>
      </c>
      <c r="H3976" s="140" t="s">
        <v>174</v>
      </c>
      <c r="I3976" s="140" t="s">
        <v>174</v>
      </c>
      <c r="J3976" s="140" t="s">
        <v>174</v>
      </c>
      <c r="K3976" s="140" t="s">
        <v>174</v>
      </c>
      <c r="L3976" s="140" t="s">
        <v>174</v>
      </c>
      <c r="M3976" s="140" t="s">
        <v>174</v>
      </c>
      <c r="N3976" s="140" t="s">
        <v>174</v>
      </c>
      <c r="O3976" s="140" t="s">
        <v>174</v>
      </c>
      <c r="P3976" s="140" t="s">
        <v>174</v>
      </c>
      <c r="Q3976" s="140" t="s">
        <v>174</v>
      </c>
      <c r="R3976" s="140" t="s">
        <v>174</v>
      </c>
      <c r="S3976" s="140" t="s">
        <v>174</v>
      </c>
      <c r="T3976" s="140" t="s">
        <v>174</v>
      </c>
      <c r="U3976" s="135"/>
      <c r="V3976" s="135"/>
      <c r="W3976" s="135"/>
      <c r="X3976" s="135"/>
      <c r="Y3976" s="135"/>
      <c r="Z3976" s="135"/>
      <c r="AA3976" s="135"/>
      <c r="AB3976" s="135"/>
      <c r="AC3976" s="135"/>
      <c r="AD3976" s="135"/>
      <c r="AE3976" s="135"/>
      <c r="AF3976" s="135"/>
      <c r="AG3976" s="135"/>
      <c r="AH3976" s="135"/>
      <c r="AI3976" s="135"/>
      <c r="AJ3976" s="135"/>
      <c r="AK3976" s="135"/>
      <c r="AL3976" s="135"/>
      <c r="AM3976" s="135"/>
      <c r="AN3976" s="135"/>
      <c r="AO3976" s="135"/>
      <c r="AP3976" s="135"/>
      <c r="AQ3976" s="135"/>
      <c r="AR3976" s="135"/>
      <c r="AS3976" s="135"/>
      <c r="AT3976" s="135"/>
      <c r="AU3976" s="135"/>
      <c r="AV3976" s="135"/>
      <c r="AW3976" s="135"/>
      <c r="AX3976" s="135"/>
      <c r="AY3976" s="135"/>
      <c r="AZ3976" s="135"/>
      <c r="BA3976" s="135"/>
      <c r="BB3976" s="107">
        <v>45884</v>
      </c>
    </row>
    <row r="3977" spans="1:54" s="8" customFormat="1" ht="15.75" customHeight="1" x14ac:dyDescent="0.25">
      <c r="A3977" s="229" t="s">
        <v>22016</v>
      </c>
      <c r="B3977" s="230" t="s">
        <v>20492</v>
      </c>
      <c r="C3977" s="138" t="s">
        <v>21998</v>
      </c>
      <c r="D3977" s="138" t="s">
        <v>21999</v>
      </c>
      <c r="E3977" s="139">
        <v>2022</v>
      </c>
      <c r="F3977" s="139">
        <v>147</v>
      </c>
      <c r="G3977" s="138" t="s">
        <v>20277</v>
      </c>
      <c r="H3977" s="140" t="s">
        <v>400</v>
      </c>
      <c r="I3977" s="140" t="s">
        <v>400</v>
      </c>
      <c r="J3977" s="140" t="s">
        <v>400</v>
      </c>
      <c r="K3977" s="140" t="s">
        <v>400</v>
      </c>
      <c r="L3977" s="140" t="s">
        <v>400</v>
      </c>
      <c r="M3977" s="140" t="s">
        <v>400</v>
      </c>
      <c r="N3977" s="140" t="s">
        <v>400</v>
      </c>
      <c r="O3977" s="140" t="s">
        <v>400</v>
      </c>
      <c r="P3977" s="140" t="s">
        <v>400</v>
      </c>
      <c r="Q3977" s="140" t="s">
        <v>400</v>
      </c>
      <c r="R3977" s="140" t="s">
        <v>400</v>
      </c>
      <c r="S3977" s="140" t="s">
        <v>400</v>
      </c>
      <c r="T3977" s="140" t="s">
        <v>400</v>
      </c>
      <c r="U3977" s="135"/>
      <c r="V3977" s="135"/>
      <c r="W3977" s="135"/>
      <c r="X3977" s="135"/>
      <c r="Y3977" s="135"/>
      <c r="Z3977" s="135"/>
      <c r="AA3977" s="135"/>
      <c r="AB3977" s="135"/>
      <c r="AC3977" s="135"/>
      <c r="AD3977" s="135"/>
      <c r="AE3977" s="135"/>
      <c r="AF3977" s="135"/>
      <c r="AG3977" s="135"/>
      <c r="AH3977" s="135"/>
      <c r="AI3977" s="135"/>
      <c r="AJ3977" s="135"/>
      <c r="AK3977" s="135"/>
      <c r="AL3977" s="135"/>
      <c r="AM3977" s="135"/>
      <c r="AN3977" s="135"/>
      <c r="AO3977" s="135"/>
      <c r="AP3977" s="135"/>
      <c r="AQ3977" s="135"/>
      <c r="AR3977" s="135"/>
      <c r="AS3977" s="135"/>
      <c r="AT3977" s="135"/>
      <c r="AU3977" s="135"/>
      <c r="AV3977" s="135"/>
      <c r="AW3977" s="135"/>
      <c r="AX3977" s="135"/>
      <c r="AY3977" s="135"/>
      <c r="AZ3977" s="135"/>
      <c r="BA3977" s="135"/>
      <c r="BB3977" s="107">
        <v>45884</v>
      </c>
    </row>
    <row r="3978" spans="1:54" s="8" customFormat="1" ht="15.75" customHeight="1" x14ac:dyDescent="0.25">
      <c r="A3978" s="229" t="s">
        <v>22017</v>
      </c>
      <c r="B3978" s="230" t="s">
        <v>20492</v>
      </c>
      <c r="C3978" s="138" t="s">
        <v>22000</v>
      </c>
      <c r="D3978" s="138" t="s">
        <v>22001</v>
      </c>
      <c r="E3978" s="139">
        <v>2022</v>
      </c>
      <c r="F3978" s="139">
        <v>206</v>
      </c>
      <c r="G3978" s="138" t="s">
        <v>20277</v>
      </c>
      <c r="H3978" s="140" t="s">
        <v>400</v>
      </c>
      <c r="I3978" s="140" t="s">
        <v>400</v>
      </c>
      <c r="J3978" s="140" t="s">
        <v>400</v>
      </c>
      <c r="K3978" s="140" t="s">
        <v>400</v>
      </c>
      <c r="L3978" s="140" t="s">
        <v>400</v>
      </c>
      <c r="M3978" s="140" t="s">
        <v>400</v>
      </c>
      <c r="N3978" s="140" t="s">
        <v>400</v>
      </c>
      <c r="O3978" s="140" t="s">
        <v>400</v>
      </c>
      <c r="P3978" s="140" t="s">
        <v>400</v>
      </c>
      <c r="Q3978" s="140" t="s">
        <v>400</v>
      </c>
      <c r="R3978" s="140" t="s">
        <v>400</v>
      </c>
      <c r="S3978" s="140" t="s">
        <v>400</v>
      </c>
      <c r="T3978" s="140" t="s">
        <v>400</v>
      </c>
      <c r="U3978" s="135"/>
      <c r="V3978" s="135"/>
      <c r="W3978" s="135"/>
      <c r="X3978" s="135"/>
      <c r="Y3978" s="135"/>
      <c r="Z3978" s="135"/>
      <c r="AA3978" s="135"/>
      <c r="AB3978" s="135"/>
      <c r="AC3978" s="135"/>
      <c r="AD3978" s="135"/>
      <c r="AE3978" s="135"/>
      <c r="AF3978" s="135"/>
      <c r="AG3978" s="135"/>
      <c r="AH3978" s="135"/>
      <c r="AI3978" s="135"/>
      <c r="AJ3978" s="135"/>
      <c r="AK3978" s="135"/>
      <c r="AL3978" s="135"/>
      <c r="AM3978" s="135"/>
      <c r="AN3978" s="135"/>
      <c r="AO3978" s="135"/>
      <c r="AP3978" s="135"/>
      <c r="AQ3978" s="135"/>
      <c r="AR3978" s="135"/>
      <c r="AS3978" s="135"/>
      <c r="AT3978" s="135"/>
      <c r="AU3978" s="135"/>
      <c r="AV3978" s="135"/>
      <c r="AW3978" s="135"/>
      <c r="AX3978" s="135"/>
      <c r="AY3978" s="135"/>
      <c r="AZ3978" s="135"/>
      <c r="BA3978" s="135"/>
      <c r="BB3978" s="107">
        <v>45884</v>
      </c>
    </row>
    <row r="3979" spans="1:54" s="8" customFormat="1" ht="15.75" customHeight="1" x14ac:dyDescent="0.25">
      <c r="A3979" s="229" t="s">
        <v>22018</v>
      </c>
      <c r="B3979" s="230" t="s">
        <v>20492</v>
      </c>
      <c r="C3979" s="138" t="s">
        <v>22002</v>
      </c>
      <c r="D3979" s="138" t="s">
        <v>22003</v>
      </c>
      <c r="E3979" s="139">
        <v>2022</v>
      </c>
      <c r="F3979" s="139">
        <v>762</v>
      </c>
      <c r="G3979" s="138" t="s">
        <v>20277</v>
      </c>
      <c r="H3979" s="140" t="s">
        <v>400</v>
      </c>
      <c r="I3979" s="140" t="s">
        <v>400</v>
      </c>
      <c r="J3979" s="140" t="s">
        <v>400</v>
      </c>
      <c r="K3979" s="140" t="s">
        <v>400</v>
      </c>
      <c r="L3979" s="140" t="s">
        <v>400</v>
      </c>
      <c r="M3979" s="140" t="s">
        <v>400</v>
      </c>
      <c r="N3979" s="140" t="s">
        <v>400</v>
      </c>
      <c r="O3979" s="140" t="s">
        <v>400</v>
      </c>
      <c r="P3979" s="140" t="s">
        <v>400</v>
      </c>
      <c r="Q3979" s="140" t="s">
        <v>400</v>
      </c>
      <c r="R3979" s="140" t="s">
        <v>400</v>
      </c>
      <c r="S3979" s="140" t="s">
        <v>400</v>
      </c>
      <c r="T3979" s="140" t="s">
        <v>400</v>
      </c>
      <c r="U3979" s="135"/>
      <c r="V3979" s="135"/>
      <c r="W3979" s="135"/>
      <c r="X3979" s="135"/>
      <c r="Y3979" s="135"/>
      <c r="Z3979" s="135"/>
      <c r="AA3979" s="135"/>
      <c r="AB3979" s="135"/>
      <c r="AC3979" s="135"/>
      <c r="AD3979" s="135"/>
      <c r="AE3979" s="135"/>
      <c r="AF3979" s="135"/>
      <c r="AG3979" s="135"/>
      <c r="AH3979" s="135"/>
      <c r="AI3979" s="135"/>
      <c r="AJ3979" s="135"/>
      <c r="AK3979" s="135"/>
      <c r="AL3979" s="135"/>
      <c r="AM3979" s="135"/>
      <c r="AN3979" s="135"/>
      <c r="AO3979" s="135"/>
      <c r="AP3979" s="135"/>
      <c r="AQ3979" s="135"/>
      <c r="AR3979" s="135"/>
      <c r="AS3979" s="135"/>
      <c r="AT3979" s="135"/>
      <c r="AU3979" s="135"/>
      <c r="AV3979" s="135"/>
      <c r="AW3979" s="135"/>
      <c r="AX3979" s="135"/>
      <c r="AY3979" s="135"/>
      <c r="AZ3979" s="135"/>
      <c r="BA3979" s="135"/>
      <c r="BB3979" s="107">
        <v>45884</v>
      </c>
    </row>
    <row r="3980" spans="1:54" s="8" customFormat="1" ht="15.75" customHeight="1" x14ac:dyDescent="0.25">
      <c r="A3980" s="229" t="s">
        <v>22019</v>
      </c>
      <c r="B3980" s="230" t="s">
        <v>20492</v>
      </c>
      <c r="C3980" s="138" t="s">
        <v>22004</v>
      </c>
      <c r="D3980" s="138" t="s">
        <v>22005</v>
      </c>
      <c r="E3980" s="139">
        <v>2022</v>
      </c>
      <c r="F3980" s="139">
        <v>374</v>
      </c>
      <c r="G3980" s="138" t="s">
        <v>20277</v>
      </c>
      <c r="H3980" s="140" t="s">
        <v>400</v>
      </c>
      <c r="I3980" s="140" t="s">
        <v>400</v>
      </c>
      <c r="J3980" s="140" t="s">
        <v>400</v>
      </c>
      <c r="K3980" s="140" t="s">
        <v>400</v>
      </c>
      <c r="L3980" s="140" t="s">
        <v>400</v>
      </c>
      <c r="M3980" s="140" t="s">
        <v>400</v>
      </c>
      <c r="N3980" s="140" t="s">
        <v>400</v>
      </c>
      <c r="O3980" s="140" t="s">
        <v>400</v>
      </c>
      <c r="P3980" s="140" t="s">
        <v>400</v>
      </c>
      <c r="Q3980" s="140" t="s">
        <v>400</v>
      </c>
      <c r="R3980" s="140" t="s">
        <v>400</v>
      </c>
      <c r="S3980" s="140" t="s">
        <v>400</v>
      </c>
      <c r="T3980" s="140" t="s">
        <v>400</v>
      </c>
      <c r="U3980" s="135"/>
      <c r="V3980" s="135"/>
      <c r="W3980" s="135"/>
      <c r="X3980" s="135"/>
      <c r="Y3980" s="135"/>
      <c r="Z3980" s="135"/>
      <c r="AA3980" s="135"/>
      <c r="AB3980" s="135"/>
      <c r="AC3980" s="135"/>
      <c r="AD3980" s="135"/>
      <c r="AE3980" s="135"/>
      <c r="AF3980" s="135"/>
      <c r="AG3980" s="135"/>
      <c r="AH3980" s="135"/>
      <c r="AI3980" s="135"/>
      <c r="AJ3980" s="135"/>
      <c r="AK3980" s="135"/>
      <c r="AL3980" s="135"/>
      <c r="AM3980" s="135"/>
      <c r="AN3980" s="135"/>
      <c r="AO3980" s="135"/>
      <c r="AP3980" s="135"/>
      <c r="AQ3980" s="135"/>
      <c r="AR3980" s="135"/>
      <c r="AS3980" s="135"/>
      <c r="AT3980" s="135"/>
      <c r="AU3980" s="135"/>
      <c r="AV3980" s="135"/>
      <c r="AW3980" s="135"/>
      <c r="AX3980" s="135"/>
      <c r="AY3980" s="135"/>
      <c r="AZ3980" s="135"/>
      <c r="BA3980" s="135"/>
      <c r="BB3980" s="107">
        <v>45884</v>
      </c>
    </row>
    <row r="3981" spans="1:54" s="8" customFormat="1" ht="15.75" customHeight="1" x14ac:dyDescent="0.25">
      <c r="A3981" s="229" t="s">
        <v>22020</v>
      </c>
      <c r="B3981" s="230" t="s">
        <v>20492</v>
      </c>
      <c r="C3981" s="138" t="s">
        <v>22006</v>
      </c>
      <c r="D3981" s="138" t="s">
        <v>22007</v>
      </c>
      <c r="E3981" s="139">
        <v>2022</v>
      </c>
      <c r="F3981" s="139">
        <v>142</v>
      </c>
      <c r="G3981" s="138" t="s">
        <v>20277</v>
      </c>
      <c r="H3981" s="140" t="s">
        <v>400</v>
      </c>
      <c r="I3981" s="140" t="s">
        <v>400</v>
      </c>
      <c r="J3981" s="140" t="s">
        <v>400</v>
      </c>
      <c r="K3981" s="140" t="s">
        <v>400</v>
      </c>
      <c r="L3981" s="140" t="s">
        <v>400</v>
      </c>
      <c r="M3981" s="140" t="s">
        <v>400</v>
      </c>
      <c r="N3981" s="140" t="s">
        <v>400</v>
      </c>
      <c r="O3981" s="140" t="s">
        <v>400</v>
      </c>
      <c r="P3981" s="140" t="s">
        <v>400</v>
      </c>
      <c r="Q3981" s="140" t="s">
        <v>400</v>
      </c>
      <c r="R3981" s="140" t="s">
        <v>400</v>
      </c>
      <c r="S3981" s="140" t="s">
        <v>400</v>
      </c>
      <c r="T3981" s="140" t="s">
        <v>400</v>
      </c>
      <c r="U3981" s="135"/>
      <c r="V3981" s="135"/>
      <c r="W3981" s="135"/>
      <c r="X3981" s="135"/>
      <c r="Y3981" s="135"/>
      <c r="Z3981" s="135"/>
      <c r="AA3981" s="135"/>
      <c r="AB3981" s="135"/>
      <c r="AC3981" s="135"/>
      <c r="AD3981" s="135"/>
      <c r="AE3981" s="135"/>
      <c r="AF3981" s="135"/>
      <c r="AG3981" s="135"/>
      <c r="AH3981" s="135"/>
      <c r="AI3981" s="135"/>
      <c r="AJ3981" s="135"/>
      <c r="AK3981" s="135"/>
      <c r="AL3981" s="135"/>
      <c r="AM3981" s="135"/>
      <c r="AN3981" s="135"/>
      <c r="AO3981" s="135"/>
      <c r="AP3981" s="135"/>
      <c r="AQ3981" s="135"/>
      <c r="AR3981" s="135"/>
      <c r="AS3981" s="135"/>
      <c r="AT3981" s="135"/>
      <c r="AU3981" s="135"/>
      <c r="AV3981" s="135"/>
      <c r="AW3981" s="135"/>
      <c r="AX3981" s="135"/>
      <c r="AY3981" s="135"/>
      <c r="AZ3981" s="135"/>
      <c r="BA3981" s="135"/>
      <c r="BB3981" s="107">
        <v>45884</v>
      </c>
    </row>
    <row r="3982" spans="1:54" s="8" customFormat="1" ht="15.75" customHeight="1" x14ac:dyDescent="0.25">
      <c r="A3982" s="229" t="s">
        <v>22021</v>
      </c>
      <c r="B3982" s="230" t="s">
        <v>20492</v>
      </c>
      <c r="C3982" s="138" t="s">
        <v>22008</v>
      </c>
      <c r="D3982" s="138" t="s">
        <v>22009</v>
      </c>
      <c r="E3982" s="139">
        <v>2022</v>
      </c>
      <c r="F3982" s="139">
        <v>112</v>
      </c>
      <c r="G3982" s="138" t="s">
        <v>20277</v>
      </c>
      <c r="H3982" s="140" t="s">
        <v>400</v>
      </c>
      <c r="I3982" s="140" t="s">
        <v>400</v>
      </c>
      <c r="J3982" s="140" t="s">
        <v>400</v>
      </c>
      <c r="K3982" s="140" t="s">
        <v>400</v>
      </c>
      <c r="L3982" s="140" t="s">
        <v>400</v>
      </c>
      <c r="M3982" s="140" t="s">
        <v>400</v>
      </c>
      <c r="N3982" s="140" t="s">
        <v>400</v>
      </c>
      <c r="O3982" s="140" t="s">
        <v>400</v>
      </c>
      <c r="P3982" s="140" t="s">
        <v>400</v>
      </c>
      <c r="Q3982" s="140" t="s">
        <v>400</v>
      </c>
      <c r="R3982" s="140" t="s">
        <v>400</v>
      </c>
      <c r="S3982" s="140" t="s">
        <v>400</v>
      </c>
      <c r="T3982" s="140" t="s">
        <v>400</v>
      </c>
      <c r="U3982" s="135"/>
      <c r="V3982" s="135"/>
      <c r="W3982" s="135"/>
      <c r="X3982" s="135"/>
      <c r="Y3982" s="135"/>
      <c r="Z3982" s="135"/>
      <c r="AA3982" s="135"/>
      <c r="AB3982" s="135"/>
      <c r="AC3982" s="135"/>
      <c r="AD3982" s="135"/>
      <c r="AE3982" s="135"/>
      <c r="AF3982" s="135"/>
      <c r="AG3982" s="135"/>
      <c r="AH3982" s="135"/>
      <c r="AI3982" s="135"/>
      <c r="AJ3982" s="135"/>
      <c r="AK3982" s="135"/>
      <c r="AL3982" s="135"/>
      <c r="AM3982" s="135"/>
      <c r="AN3982" s="135"/>
      <c r="AO3982" s="135"/>
      <c r="AP3982" s="135"/>
      <c r="AQ3982" s="135"/>
      <c r="AR3982" s="135"/>
      <c r="AS3982" s="135"/>
      <c r="AT3982" s="135"/>
      <c r="AU3982" s="135"/>
      <c r="AV3982" s="135"/>
      <c r="AW3982" s="135"/>
      <c r="AX3982" s="135"/>
      <c r="AY3982" s="135"/>
      <c r="AZ3982" s="135"/>
      <c r="BA3982" s="135"/>
      <c r="BB3982" s="107">
        <v>45884</v>
      </c>
    </row>
    <row r="3983" spans="1:54" s="8" customFormat="1" ht="15.75" customHeight="1" x14ac:dyDescent="0.25">
      <c r="A3983" s="229" t="s">
        <v>22022</v>
      </c>
      <c r="B3983" s="230" t="s">
        <v>20492</v>
      </c>
      <c r="C3983" s="138" t="s">
        <v>22010</v>
      </c>
      <c r="D3983" s="138" t="s">
        <v>22011</v>
      </c>
      <c r="E3983" s="139">
        <v>2022</v>
      </c>
      <c r="F3983" s="139">
        <v>189</v>
      </c>
      <c r="G3983" s="138" t="s">
        <v>20277</v>
      </c>
      <c r="H3983" s="140" t="s">
        <v>400</v>
      </c>
      <c r="I3983" s="140" t="s">
        <v>400</v>
      </c>
      <c r="J3983" s="140" t="s">
        <v>400</v>
      </c>
      <c r="K3983" s="140" t="s">
        <v>400</v>
      </c>
      <c r="L3983" s="140" t="s">
        <v>400</v>
      </c>
      <c r="M3983" s="140" t="s">
        <v>400</v>
      </c>
      <c r="N3983" s="140" t="s">
        <v>400</v>
      </c>
      <c r="O3983" s="140" t="s">
        <v>400</v>
      </c>
      <c r="P3983" s="140" t="s">
        <v>400</v>
      </c>
      <c r="Q3983" s="140" t="s">
        <v>400</v>
      </c>
      <c r="R3983" s="140" t="s">
        <v>400</v>
      </c>
      <c r="S3983" s="140" t="s">
        <v>400</v>
      </c>
      <c r="T3983" s="140" t="s">
        <v>400</v>
      </c>
      <c r="U3983" s="135"/>
      <c r="V3983" s="135"/>
      <c r="W3983" s="135"/>
      <c r="X3983" s="135"/>
      <c r="Y3983" s="135"/>
      <c r="Z3983" s="135"/>
      <c r="AA3983" s="135"/>
      <c r="AB3983" s="135"/>
      <c r="AC3983" s="135"/>
      <c r="AD3983" s="135"/>
      <c r="AE3983" s="135"/>
      <c r="AF3983" s="135"/>
      <c r="AG3983" s="135"/>
      <c r="AH3983" s="135"/>
      <c r="AI3983" s="135"/>
      <c r="AJ3983" s="135"/>
      <c r="AK3983" s="135"/>
      <c r="AL3983" s="135"/>
      <c r="AM3983" s="135"/>
      <c r="AN3983" s="135"/>
      <c r="AO3983" s="135"/>
      <c r="AP3983" s="135"/>
      <c r="AQ3983" s="135"/>
      <c r="AR3983" s="135"/>
      <c r="AS3983" s="135"/>
      <c r="AT3983" s="135"/>
      <c r="AU3983" s="135"/>
      <c r="AV3983" s="135"/>
      <c r="AW3983" s="135"/>
      <c r="AX3983" s="135"/>
      <c r="AY3983" s="135"/>
      <c r="AZ3983" s="135"/>
      <c r="BA3983" s="135"/>
      <c r="BB3983" s="107">
        <v>45884</v>
      </c>
    </row>
    <row r="3984" spans="1:54" s="8" customFormat="1" ht="15.75" customHeight="1" x14ac:dyDescent="0.25">
      <c r="A3984" s="231" t="s">
        <v>24177</v>
      </c>
      <c r="B3984" s="230" t="s">
        <v>20492</v>
      </c>
      <c r="C3984" s="138" t="s">
        <v>24143</v>
      </c>
      <c r="D3984" s="138" t="s">
        <v>24520</v>
      </c>
      <c r="E3984" s="139">
        <v>2023</v>
      </c>
      <c r="F3984" s="139">
        <v>261</v>
      </c>
      <c r="G3984" s="138" t="s">
        <v>1</v>
      </c>
      <c r="H3984" s="140" t="s">
        <v>400</v>
      </c>
      <c r="I3984" s="140" t="s">
        <v>400</v>
      </c>
      <c r="J3984" s="140" t="s">
        <v>400</v>
      </c>
      <c r="K3984" s="140" t="s">
        <v>400</v>
      </c>
      <c r="L3984" s="140" t="s">
        <v>400</v>
      </c>
      <c r="M3984" s="140" t="s">
        <v>400</v>
      </c>
      <c r="N3984" s="140" t="s">
        <v>400</v>
      </c>
      <c r="O3984" s="140" t="s">
        <v>400</v>
      </c>
      <c r="P3984" s="140" t="s">
        <v>400</v>
      </c>
      <c r="Q3984" s="140" t="s">
        <v>400</v>
      </c>
      <c r="R3984" s="140" t="s">
        <v>400</v>
      </c>
      <c r="S3984" s="140" t="s">
        <v>400</v>
      </c>
      <c r="T3984" s="140" t="s">
        <v>400</v>
      </c>
      <c r="U3984" s="135"/>
      <c r="V3984" s="135"/>
      <c r="W3984" s="135"/>
      <c r="X3984" s="135"/>
      <c r="Y3984" s="135"/>
      <c r="Z3984" s="135"/>
      <c r="AA3984" s="135"/>
      <c r="AB3984" s="135"/>
      <c r="AC3984" s="135"/>
      <c r="AD3984" s="135"/>
      <c r="AE3984" s="135"/>
      <c r="AF3984" s="135"/>
      <c r="AG3984" s="135"/>
      <c r="AH3984" s="135"/>
      <c r="AI3984" s="135"/>
      <c r="AJ3984" s="135"/>
      <c r="AK3984" s="135"/>
      <c r="AL3984" s="135"/>
      <c r="AM3984" s="135"/>
      <c r="AN3984" s="135"/>
      <c r="AO3984" s="135"/>
      <c r="AP3984" s="135"/>
      <c r="AQ3984" s="135"/>
      <c r="AR3984" s="135"/>
      <c r="AS3984" s="135"/>
      <c r="AT3984" s="135"/>
      <c r="AU3984" s="135"/>
      <c r="AV3984" s="135"/>
      <c r="AW3984" s="135"/>
      <c r="AX3984" s="135"/>
      <c r="AY3984" s="135"/>
      <c r="AZ3984" s="135"/>
      <c r="BA3984" s="135"/>
      <c r="BB3984" s="107">
        <v>45884</v>
      </c>
    </row>
    <row r="3985" spans="1:54" s="8" customFormat="1" ht="15.75" customHeight="1" x14ac:dyDescent="0.25">
      <c r="A3985" s="231" t="s">
        <v>24178</v>
      </c>
      <c r="B3985" s="230" t="s">
        <v>20492</v>
      </c>
      <c r="C3985" s="138" t="s">
        <v>24144</v>
      </c>
      <c r="D3985" s="138" t="s">
        <v>24521</v>
      </c>
      <c r="E3985" s="139">
        <v>2023</v>
      </c>
      <c r="F3985" s="139">
        <v>306</v>
      </c>
      <c r="G3985" s="138" t="s">
        <v>1</v>
      </c>
      <c r="H3985" s="140" t="s">
        <v>400</v>
      </c>
      <c r="I3985" s="140" t="s">
        <v>400</v>
      </c>
      <c r="J3985" s="140" t="s">
        <v>400</v>
      </c>
      <c r="K3985" s="140" t="s">
        <v>400</v>
      </c>
      <c r="L3985" s="140" t="s">
        <v>400</v>
      </c>
      <c r="M3985" s="140" t="s">
        <v>400</v>
      </c>
      <c r="N3985" s="140" t="s">
        <v>400</v>
      </c>
      <c r="O3985" s="140" t="s">
        <v>400</v>
      </c>
      <c r="P3985" s="140" t="s">
        <v>400</v>
      </c>
      <c r="Q3985" s="140" t="s">
        <v>400</v>
      </c>
      <c r="R3985" s="140" t="s">
        <v>400</v>
      </c>
      <c r="S3985" s="140" t="s">
        <v>400</v>
      </c>
      <c r="T3985" s="140" t="s">
        <v>400</v>
      </c>
      <c r="U3985" s="135"/>
      <c r="V3985" s="135"/>
      <c r="W3985" s="135"/>
      <c r="X3985" s="135"/>
      <c r="Y3985" s="135"/>
      <c r="Z3985" s="135"/>
      <c r="AA3985" s="135"/>
      <c r="AB3985" s="135"/>
      <c r="AC3985" s="135"/>
      <c r="AD3985" s="135"/>
      <c r="AE3985" s="135"/>
      <c r="AF3985" s="135"/>
      <c r="AG3985" s="135"/>
      <c r="AH3985" s="135"/>
      <c r="AI3985" s="135"/>
      <c r="AJ3985" s="135"/>
      <c r="AK3985" s="135"/>
      <c r="AL3985" s="135"/>
      <c r="AM3985" s="135"/>
      <c r="AN3985" s="135"/>
      <c r="AO3985" s="135"/>
      <c r="AP3985" s="135"/>
      <c r="AQ3985" s="135"/>
      <c r="AR3985" s="135"/>
      <c r="AS3985" s="135"/>
      <c r="AT3985" s="135"/>
      <c r="AU3985" s="135"/>
      <c r="AV3985" s="135"/>
      <c r="AW3985" s="135"/>
      <c r="AX3985" s="135"/>
      <c r="AY3985" s="135"/>
      <c r="AZ3985" s="135"/>
      <c r="BA3985" s="135"/>
      <c r="BB3985" s="107">
        <v>45884</v>
      </c>
    </row>
    <row r="3986" spans="1:54" s="8" customFormat="1" ht="16.5" customHeight="1" x14ac:dyDescent="0.25">
      <c r="A3986" s="231" t="s">
        <v>24179</v>
      </c>
      <c r="B3986" s="230" t="s">
        <v>20492</v>
      </c>
      <c r="C3986" s="140" t="s">
        <v>24145</v>
      </c>
      <c r="D3986" s="140" t="s">
        <v>24522</v>
      </c>
      <c r="E3986" s="139">
        <v>2023</v>
      </c>
      <c r="F3986" s="139">
        <v>1525</v>
      </c>
      <c r="G3986" s="138" t="s">
        <v>20277</v>
      </c>
      <c r="H3986" s="140" t="s">
        <v>400</v>
      </c>
      <c r="I3986" s="140" t="s">
        <v>400</v>
      </c>
      <c r="J3986" s="140" t="s">
        <v>400</v>
      </c>
      <c r="K3986" s="140" t="s">
        <v>400</v>
      </c>
      <c r="L3986" s="140" t="s">
        <v>400</v>
      </c>
      <c r="M3986" s="140" t="s">
        <v>400</v>
      </c>
      <c r="N3986" s="140" t="s">
        <v>400</v>
      </c>
      <c r="O3986" s="140" t="s">
        <v>400</v>
      </c>
      <c r="P3986" s="140" t="s">
        <v>400</v>
      </c>
      <c r="Q3986" s="140" t="s">
        <v>400</v>
      </c>
      <c r="R3986" s="140" t="s">
        <v>400</v>
      </c>
      <c r="S3986" s="140" t="s">
        <v>400</v>
      </c>
      <c r="T3986" s="140" t="s">
        <v>400</v>
      </c>
      <c r="U3986" s="135"/>
      <c r="V3986" s="135"/>
      <c r="W3986" s="135"/>
      <c r="X3986" s="135"/>
      <c r="Y3986" s="135"/>
      <c r="Z3986" s="135"/>
      <c r="AA3986" s="135"/>
      <c r="AB3986" s="135"/>
      <c r="AC3986" s="135"/>
      <c r="AD3986" s="135"/>
      <c r="AE3986" s="135"/>
      <c r="AF3986" s="135"/>
      <c r="AG3986" s="135"/>
      <c r="AH3986" s="135"/>
      <c r="AI3986" s="135"/>
      <c r="AJ3986" s="135"/>
      <c r="AK3986" s="135"/>
      <c r="AL3986" s="135"/>
      <c r="AM3986" s="135"/>
      <c r="AN3986" s="135"/>
      <c r="AO3986" s="135"/>
      <c r="AP3986" s="135"/>
      <c r="AQ3986" s="135"/>
      <c r="AR3986" s="135"/>
      <c r="AS3986" s="135"/>
      <c r="AT3986" s="135"/>
      <c r="AU3986" s="135"/>
      <c r="AV3986" s="135"/>
      <c r="AW3986" s="135"/>
      <c r="AX3986" s="135"/>
      <c r="AY3986" s="135"/>
      <c r="AZ3986" s="135"/>
      <c r="BA3986" s="135"/>
      <c r="BB3986" s="107">
        <v>45884</v>
      </c>
    </row>
    <row r="3987" spans="1:54" s="101" customFormat="1" ht="16.5" customHeight="1" x14ac:dyDescent="0.25">
      <c r="A3987" s="103" t="s">
        <v>24523</v>
      </c>
      <c r="B3987" s="232" t="s">
        <v>20492</v>
      </c>
      <c r="C3987" s="233" t="s">
        <v>24524</v>
      </c>
      <c r="D3987" s="233" t="s">
        <v>24525</v>
      </c>
      <c r="E3987" s="234">
        <v>2024</v>
      </c>
      <c r="F3987" s="234">
        <v>98</v>
      </c>
      <c r="G3987" s="235" t="s">
        <v>1</v>
      </c>
      <c r="H3987" s="233" t="s">
        <v>400</v>
      </c>
      <c r="I3987" s="233" t="s">
        <v>400</v>
      </c>
      <c r="J3987" s="233" t="s">
        <v>400</v>
      </c>
      <c r="K3987" s="233" t="s">
        <v>400</v>
      </c>
      <c r="L3987" s="233" t="s">
        <v>400</v>
      </c>
      <c r="M3987" s="233" t="s">
        <v>400</v>
      </c>
      <c r="N3987" s="233" t="s">
        <v>400</v>
      </c>
      <c r="O3987" s="233" t="s">
        <v>400</v>
      </c>
      <c r="P3987" s="233" t="s">
        <v>400</v>
      </c>
      <c r="Q3987" s="233" t="s">
        <v>400</v>
      </c>
      <c r="R3987" s="233" t="s">
        <v>400</v>
      </c>
      <c r="S3987" s="233" t="s">
        <v>400</v>
      </c>
      <c r="T3987" s="233" t="s">
        <v>400</v>
      </c>
      <c r="U3987" s="135"/>
      <c r="V3987" s="135"/>
      <c r="W3987" s="135"/>
      <c r="X3987" s="135"/>
      <c r="Y3987" s="135"/>
      <c r="Z3987" s="135"/>
      <c r="AA3987" s="135"/>
      <c r="AB3987" s="135"/>
      <c r="AC3987" s="135"/>
      <c r="AD3987" s="135"/>
      <c r="AE3987" s="135"/>
      <c r="AF3987" s="135"/>
      <c r="AG3987" s="135"/>
      <c r="AH3987" s="135"/>
      <c r="AI3987" s="135"/>
      <c r="AJ3987" s="135"/>
      <c r="AK3987" s="135"/>
      <c r="AL3987" s="135"/>
      <c r="AM3987" s="135"/>
      <c r="AN3987" s="135"/>
      <c r="AO3987" s="135"/>
      <c r="AP3987" s="135"/>
      <c r="AQ3987" s="135"/>
      <c r="AR3987" s="135"/>
      <c r="AS3987" s="135"/>
      <c r="AT3987" s="135"/>
      <c r="AU3987" s="135"/>
      <c r="AV3987" s="135"/>
      <c r="AW3987" s="135"/>
      <c r="AX3987" s="135"/>
      <c r="AY3987" s="135"/>
      <c r="AZ3987" s="135"/>
      <c r="BA3987" s="135"/>
      <c r="BB3987" s="107">
        <v>45884</v>
      </c>
    </row>
    <row r="3988" spans="1:54" s="101" customFormat="1" ht="16.5" customHeight="1" x14ac:dyDescent="0.25">
      <c r="A3988" s="103" t="s">
        <v>24526</v>
      </c>
      <c r="B3988" s="232" t="s">
        <v>20492</v>
      </c>
      <c r="C3988" s="233" t="s">
        <v>24527</v>
      </c>
      <c r="D3988" s="233" t="s">
        <v>24528</v>
      </c>
      <c r="E3988" s="234">
        <v>2024</v>
      </c>
      <c r="F3988" s="234">
        <v>302</v>
      </c>
      <c r="G3988" s="235" t="s">
        <v>1</v>
      </c>
      <c r="H3988" s="233" t="s">
        <v>400</v>
      </c>
      <c r="I3988" s="233" t="s">
        <v>400</v>
      </c>
      <c r="J3988" s="233" t="s">
        <v>400</v>
      </c>
      <c r="K3988" s="233" t="s">
        <v>400</v>
      </c>
      <c r="L3988" s="233" t="s">
        <v>400</v>
      </c>
      <c r="M3988" s="233" t="s">
        <v>400</v>
      </c>
      <c r="N3988" s="233" t="s">
        <v>400</v>
      </c>
      <c r="O3988" s="233" t="s">
        <v>400</v>
      </c>
      <c r="P3988" s="233" t="s">
        <v>400</v>
      </c>
      <c r="Q3988" s="233" t="s">
        <v>400</v>
      </c>
      <c r="R3988" s="233" t="s">
        <v>400</v>
      </c>
      <c r="S3988" s="233" t="s">
        <v>400</v>
      </c>
      <c r="T3988" s="233" t="s">
        <v>400</v>
      </c>
      <c r="U3988" s="135"/>
      <c r="V3988" s="135"/>
      <c r="W3988" s="135"/>
      <c r="X3988" s="135"/>
      <c r="Y3988" s="135"/>
      <c r="Z3988" s="135"/>
      <c r="AA3988" s="135"/>
      <c r="AB3988" s="135"/>
      <c r="AC3988" s="135"/>
      <c r="AD3988" s="135"/>
      <c r="AE3988" s="135"/>
      <c r="AF3988" s="135"/>
      <c r="AG3988" s="135"/>
      <c r="AH3988" s="135"/>
      <c r="AI3988" s="135"/>
      <c r="AJ3988" s="135"/>
      <c r="AK3988" s="135"/>
      <c r="AL3988" s="135"/>
      <c r="AM3988" s="135"/>
      <c r="AN3988" s="135"/>
      <c r="AO3988" s="135"/>
      <c r="AP3988" s="135"/>
      <c r="AQ3988" s="135"/>
      <c r="AR3988" s="135"/>
      <c r="AS3988" s="135"/>
      <c r="AT3988" s="135"/>
      <c r="AU3988" s="135"/>
      <c r="AV3988" s="135"/>
      <c r="AW3988" s="135"/>
      <c r="AX3988" s="135"/>
      <c r="AY3988" s="135"/>
      <c r="AZ3988" s="135"/>
      <c r="BA3988" s="135"/>
      <c r="BB3988" s="107">
        <v>45884</v>
      </c>
    </row>
    <row r="3989" spans="1:54" s="101" customFormat="1" ht="16.5" customHeight="1" x14ac:dyDescent="0.25">
      <c r="A3989" s="103" t="s">
        <v>24529</v>
      </c>
      <c r="B3989" s="232" t="s">
        <v>20492</v>
      </c>
      <c r="C3989" s="233" t="s">
        <v>24530</v>
      </c>
      <c r="D3989" s="233" t="s">
        <v>24531</v>
      </c>
      <c r="E3989" s="234">
        <v>2024</v>
      </c>
      <c r="F3989" s="234">
        <v>356</v>
      </c>
      <c r="G3989" s="235" t="s">
        <v>1</v>
      </c>
      <c r="H3989" s="233" t="s">
        <v>400</v>
      </c>
      <c r="I3989" s="233" t="s">
        <v>400</v>
      </c>
      <c r="J3989" s="233" t="s">
        <v>400</v>
      </c>
      <c r="K3989" s="233" t="s">
        <v>400</v>
      </c>
      <c r="L3989" s="233" t="s">
        <v>400</v>
      </c>
      <c r="M3989" s="233" t="s">
        <v>400</v>
      </c>
      <c r="N3989" s="233" t="s">
        <v>400</v>
      </c>
      <c r="O3989" s="233" t="s">
        <v>400</v>
      </c>
      <c r="P3989" s="233" t="s">
        <v>400</v>
      </c>
      <c r="Q3989" s="233" t="s">
        <v>400</v>
      </c>
      <c r="R3989" s="233" t="s">
        <v>400</v>
      </c>
      <c r="S3989" s="233" t="s">
        <v>400</v>
      </c>
      <c r="T3989" s="233" t="s">
        <v>400</v>
      </c>
      <c r="U3989" s="135"/>
      <c r="V3989" s="135"/>
      <c r="W3989" s="135"/>
      <c r="X3989" s="135"/>
      <c r="Y3989" s="135"/>
      <c r="Z3989" s="135"/>
      <c r="AA3989" s="135"/>
      <c r="AB3989" s="135"/>
      <c r="AC3989" s="135"/>
      <c r="AD3989" s="135"/>
      <c r="AE3989" s="135"/>
      <c r="AF3989" s="135"/>
      <c r="AG3989" s="135"/>
      <c r="AH3989" s="135"/>
      <c r="AI3989" s="135"/>
      <c r="AJ3989" s="135"/>
      <c r="AK3989" s="135"/>
      <c r="AL3989" s="135"/>
      <c r="AM3989" s="135"/>
      <c r="AN3989" s="135"/>
      <c r="AO3989" s="135"/>
      <c r="AP3989" s="135"/>
      <c r="AQ3989" s="135"/>
      <c r="AR3989" s="135"/>
      <c r="AS3989" s="135"/>
      <c r="AT3989" s="135"/>
      <c r="AU3989" s="135"/>
      <c r="AV3989" s="135"/>
      <c r="AW3989" s="135"/>
      <c r="AX3989" s="135"/>
      <c r="AY3989" s="135"/>
      <c r="AZ3989" s="135"/>
      <c r="BA3989" s="135"/>
      <c r="BB3989" s="107">
        <v>45884</v>
      </c>
    </row>
    <row r="3990" spans="1:54" s="101" customFormat="1" ht="16.5" customHeight="1" x14ac:dyDescent="0.25">
      <c r="A3990" s="103" t="s">
        <v>24532</v>
      </c>
      <c r="B3990" s="232" t="s">
        <v>20492</v>
      </c>
      <c r="C3990" s="233" t="s">
        <v>24533</v>
      </c>
      <c r="D3990" s="233" t="s">
        <v>24534</v>
      </c>
      <c r="E3990" s="234">
        <v>2024</v>
      </c>
      <c r="F3990" s="234">
        <v>24958</v>
      </c>
      <c r="G3990" s="235" t="s">
        <v>3</v>
      </c>
      <c r="H3990" s="233" t="s">
        <v>400</v>
      </c>
      <c r="I3990" s="233" t="s">
        <v>400</v>
      </c>
      <c r="J3990" s="233" t="s">
        <v>400</v>
      </c>
      <c r="K3990" s="233" t="s">
        <v>400</v>
      </c>
      <c r="L3990" s="233" t="s">
        <v>400</v>
      </c>
      <c r="M3990" s="233" t="s">
        <v>400</v>
      </c>
      <c r="N3990" s="233" t="s">
        <v>400</v>
      </c>
      <c r="O3990" s="233" t="s">
        <v>400</v>
      </c>
      <c r="P3990" s="233" t="s">
        <v>400</v>
      </c>
      <c r="Q3990" s="233" t="s">
        <v>400</v>
      </c>
      <c r="R3990" s="233" t="s">
        <v>400</v>
      </c>
      <c r="S3990" s="233" t="s">
        <v>400</v>
      </c>
      <c r="T3990" s="233" t="s">
        <v>400</v>
      </c>
      <c r="U3990" s="135"/>
      <c r="V3990" s="135"/>
      <c r="W3990" s="135"/>
      <c r="X3990" s="135"/>
      <c r="Y3990" s="135"/>
      <c r="Z3990" s="135"/>
      <c r="AA3990" s="135"/>
      <c r="AB3990" s="135"/>
      <c r="AC3990" s="135"/>
      <c r="AD3990" s="135"/>
      <c r="AE3990" s="135"/>
      <c r="AF3990" s="135"/>
      <c r="AG3990" s="135"/>
      <c r="AH3990" s="135"/>
      <c r="AI3990" s="135"/>
      <c r="AJ3990" s="135"/>
      <c r="AK3990" s="135"/>
      <c r="AL3990" s="135"/>
      <c r="AM3990" s="135"/>
      <c r="AN3990" s="135"/>
      <c r="AO3990" s="135"/>
      <c r="AP3990" s="135"/>
      <c r="AQ3990" s="135"/>
      <c r="AR3990" s="135"/>
      <c r="AS3990" s="135"/>
      <c r="AT3990" s="135"/>
      <c r="AU3990" s="135"/>
      <c r="AV3990" s="135"/>
      <c r="AW3990" s="135"/>
      <c r="AX3990" s="135"/>
      <c r="AY3990" s="135"/>
      <c r="AZ3990" s="135"/>
      <c r="BA3990" s="135"/>
      <c r="BB3990" s="107">
        <v>45884</v>
      </c>
    </row>
    <row r="3991" spans="1:54" s="101" customFormat="1" ht="16.5" customHeight="1" x14ac:dyDescent="0.25">
      <c r="A3991" s="103" t="s">
        <v>24535</v>
      </c>
      <c r="B3991" s="232" t="s">
        <v>20492</v>
      </c>
      <c r="C3991" s="233" t="s">
        <v>24536</v>
      </c>
      <c r="D3991" s="233" t="s">
        <v>24537</v>
      </c>
      <c r="E3991" s="234">
        <v>2024</v>
      </c>
      <c r="F3991" s="234">
        <v>976</v>
      </c>
      <c r="G3991" s="235" t="s">
        <v>11</v>
      </c>
      <c r="H3991" s="233" t="s">
        <v>400</v>
      </c>
      <c r="I3991" s="233" t="s">
        <v>400</v>
      </c>
      <c r="J3991" s="233" t="s">
        <v>400</v>
      </c>
      <c r="K3991" s="233" t="s">
        <v>400</v>
      </c>
      <c r="L3991" s="233" t="s">
        <v>400</v>
      </c>
      <c r="M3991" s="233" t="s">
        <v>400</v>
      </c>
      <c r="N3991" s="233" t="s">
        <v>400</v>
      </c>
      <c r="O3991" s="233" t="s">
        <v>400</v>
      </c>
      <c r="P3991" s="233" t="s">
        <v>400</v>
      </c>
      <c r="Q3991" s="233" t="s">
        <v>400</v>
      </c>
      <c r="R3991" s="233" t="s">
        <v>400</v>
      </c>
      <c r="S3991" s="233" t="s">
        <v>400</v>
      </c>
      <c r="T3991" s="233" t="s">
        <v>400</v>
      </c>
      <c r="U3991" s="135"/>
      <c r="V3991" s="135"/>
      <c r="W3991" s="135"/>
      <c r="X3991" s="135"/>
      <c r="Y3991" s="135"/>
      <c r="Z3991" s="135"/>
      <c r="AA3991" s="135"/>
      <c r="AB3991" s="135"/>
      <c r="AC3991" s="135"/>
      <c r="AD3991" s="135"/>
      <c r="AE3991" s="135"/>
      <c r="AF3991" s="135"/>
      <c r="AG3991" s="135"/>
      <c r="AH3991" s="135"/>
      <c r="AI3991" s="135"/>
      <c r="AJ3991" s="135"/>
      <c r="AK3991" s="135"/>
      <c r="AL3991" s="135"/>
      <c r="AM3991" s="135"/>
      <c r="AN3991" s="135"/>
      <c r="AO3991" s="135"/>
      <c r="AP3991" s="135"/>
      <c r="AQ3991" s="135"/>
      <c r="AR3991" s="135"/>
      <c r="AS3991" s="135"/>
      <c r="AT3991" s="135"/>
      <c r="AU3991" s="135"/>
      <c r="AV3991" s="135"/>
      <c r="AW3991" s="135"/>
      <c r="AX3991" s="135"/>
      <c r="AY3991" s="135"/>
      <c r="AZ3991" s="135"/>
      <c r="BA3991" s="135"/>
      <c r="BB3991" s="107">
        <v>45884</v>
      </c>
    </row>
    <row r="3992" spans="1:54" s="101" customFormat="1" ht="16.5" customHeight="1" x14ac:dyDescent="0.25">
      <c r="A3992" s="103" t="s">
        <v>24538</v>
      </c>
      <c r="B3992" s="232" t="s">
        <v>20492</v>
      </c>
      <c r="C3992" s="233" t="s">
        <v>24539</v>
      </c>
      <c r="D3992" s="233" t="s">
        <v>24540</v>
      </c>
      <c r="E3992" s="234">
        <v>2024</v>
      </c>
      <c r="F3992" s="234">
        <v>215</v>
      </c>
      <c r="G3992" s="235" t="s">
        <v>1</v>
      </c>
      <c r="H3992" s="233" t="s">
        <v>400</v>
      </c>
      <c r="I3992" s="233" t="s">
        <v>400</v>
      </c>
      <c r="J3992" s="233" t="s">
        <v>400</v>
      </c>
      <c r="K3992" s="233" t="s">
        <v>400</v>
      </c>
      <c r="L3992" s="233" t="s">
        <v>400</v>
      </c>
      <c r="M3992" s="233" t="s">
        <v>400</v>
      </c>
      <c r="N3992" s="233" t="s">
        <v>400</v>
      </c>
      <c r="O3992" s="233" t="s">
        <v>400</v>
      </c>
      <c r="P3992" s="233" t="s">
        <v>400</v>
      </c>
      <c r="Q3992" s="233" t="s">
        <v>400</v>
      </c>
      <c r="R3992" s="233" t="s">
        <v>400</v>
      </c>
      <c r="S3992" s="233" t="s">
        <v>400</v>
      </c>
      <c r="T3992" s="233" t="s">
        <v>400</v>
      </c>
      <c r="U3992" s="135"/>
      <c r="V3992" s="135"/>
      <c r="W3992" s="135"/>
      <c r="X3992" s="135"/>
      <c r="Y3992" s="135"/>
      <c r="Z3992" s="135"/>
      <c r="AA3992" s="135"/>
      <c r="AB3992" s="135"/>
      <c r="AC3992" s="135"/>
      <c r="AD3992" s="135"/>
      <c r="AE3992" s="135"/>
      <c r="AF3992" s="135"/>
      <c r="AG3992" s="135"/>
      <c r="AH3992" s="135"/>
      <c r="AI3992" s="135"/>
      <c r="AJ3992" s="135"/>
      <c r="AK3992" s="135"/>
      <c r="AL3992" s="135"/>
      <c r="AM3992" s="135"/>
      <c r="AN3992" s="135"/>
      <c r="AO3992" s="135"/>
      <c r="AP3992" s="135"/>
      <c r="AQ3992" s="135"/>
      <c r="AR3992" s="135"/>
      <c r="AS3992" s="135"/>
      <c r="AT3992" s="135"/>
      <c r="AU3992" s="135"/>
      <c r="AV3992" s="135"/>
      <c r="AW3992" s="135"/>
      <c r="AX3992" s="135"/>
      <c r="AY3992" s="135"/>
      <c r="AZ3992" s="135"/>
      <c r="BA3992" s="135"/>
      <c r="BB3992" s="107">
        <v>45884</v>
      </c>
    </row>
    <row r="3993" spans="1:54" s="101" customFormat="1" ht="16.5" customHeight="1" x14ac:dyDescent="0.25">
      <c r="A3993" s="103" t="s">
        <v>24541</v>
      </c>
      <c r="B3993" s="232" t="s">
        <v>20492</v>
      </c>
      <c r="C3993" s="233" t="s">
        <v>24542</v>
      </c>
      <c r="D3993" s="233" t="s">
        <v>24543</v>
      </c>
      <c r="E3993" s="234">
        <v>2024</v>
      </c>
      <c r="F3993" s="234">
        <v>1598</v>
      </c>
      <c r="G3993" s="235" t="s">
        <v>1</v>
      </c>
      <c r="H3993" s="233" t="s">
        <v>400</v>
      </c>
      <c r="I3993" s="233" t="s">
        <v>400</v>
      </c>
      <c r="J3993" s="233" t="s">
        <v>400</v>
      </c>
      <c r="K3993" s="233" t="s">
        <v>400</v>
      </c>
      <c r="L3993" s="233" t="s">
        <v>400</v>
      </c>
      <c r="M3993" s="233" t="s">
        <v>400</v>
      </c>
      <c r="N3993" s="233" t="s">
        <v>400</v>
      </c>
      <c r="O3993" s="233" t="s">
        <v>400</v>
      </c>
      <c r="P3993" s="233" t="s">
        <v>400</v>
      </c>
      <c r="Q3993" s="233" t="s">
        <v>400</v>
      </c>
      <c r="R3993" s="233" t="s">
        <v>400</v>
      </c>
      <c r="S3993" s="233" t="s">
        <v>400</v>
      </c>
      <c r="T3993" s="233" t="s">
        <v>400</v>
      </c>
      <c r="U3993" s="135"/>
      <c r="V3993" s="135"/>
      <c r="W3993" s="135"/>
      <c r="X3993" s="135"/>
      <c r="Y3993" s="135"/>
      <c r="Z3993" s="135"/>
      <c r="AA3993" s="135"/>
      <c r="AB3993" s="135"/>
      <c r="AC3993" s="135"/>
      <c r="AD3993" s="135"/>
      <c r="AE3993" s="135"/>
      <c r="AF3993" s="135"/>
      <c r="AG3993" s="135"/>
      <c r="AH3993" s="135"/>
      <c r="AI3993" s="135"/>
      <c r="AJ3993" s="135"/>
      <c r="AK3993" s="135"/>
      <c r="AL3993" s="135"/>
      <c r="AM3993" s="135"/>
      <c r="AN3993" s="135"/>
      <c r="AO3993" s="135"/>
      <c r="AP3993" s="135"/>
      <c r="AQ3993" s="135"/>
      <c r="AR3993" s="135"/>
      <c r="AS3993" s="135"/>
      <c r="AT3993" s="135"/>
      <c r="AU3993" s="135"/>
      <c r="AV3993" s="135"/>
      <c r="AW3993" s="135"/>
      <c r="AX3993" s="135"/>
      <c r="AY3993" s="135"/>
      <c r="AZ3993" s="135"/>
      <c r="BA3993" s="135"/>
      <c r="BB3993" s="107">
        <v>45884</v>
      </c>
    </row>
    <row r="3994" spans="1:54" s="238" customFormat="1" ht="13.95" customHeight="1" x14ac:dyDescent="0.25">
      <c r="A3994" s="236" t="s">
        <v>8671</v>
      </c>
      <c r="B3994" s="220" t="s">
        <v>8672</v>
      </c>
      <c r="C3994" s="190" t="s">
        <v>22023</v>
      </c>
      <c r="D3994" s="190" t="s">
        <v>8673</v>
      </c>
      <c r="E3994" s="237">
        <v>1985</v>
      </c>
      <c r="F3994" s="237">
        <v>100</v>
      </c>
      <c r="G3994" s="190" t="s">
        <v>1</v>
      </c>
      <c r="H3994" s="190">
        <v>0</v>
      </c>
      <c r="I3994" s="190">
        <v>0</v>
      </c>
      <c r="J3994" s="190">
        <v>0</v>
      </c>
      <c r="K3994" s="190">
        <v>0</v>
      </c>
      <c r="L3994" s="190">
        <v>1</v>
      </c>
      <c r="M3994" s="190">
        <v>0</v>
      </c>
      <c r="N3994" s="190">
        <v>0</v>
      </c>
      <c r="O3994" s="190">
        <v>0</v>
      </c>
      <c r="P3994" s="190">
        <v>0</v>
      </c>
      <c r="Q3994" s="190">
        <v>0</v>
      </c>
      <c r="R3994" s="190">
        <v>0</v>
      </c>
      <c r="S3994" s="190">
        <v>0</v>
      </c>
      <c r="T3994" s="190">
        <v>0</v>
      </c>
      <c r="U3994" s="99"/>
      <c r="V3994" s="99"/>
      <c r="W3994" s="99"/>
      <c r="X3994" s="99"/>
      <c r="Y3994" s="99"/>
      <c r="Z3994" s="99"/>
      <c r="AA3994" s="99"/>
      <c r="AB3994" s="99"/>
      <c r="AC3994" s="99"/>
      <c r="AD3994" s="99"/>
      <c r="AE3994" s="99"/>
      <c r="AF3994" s="99"/>
      <c r="AG3994" s="99"/>
      <c r="AH3994" s="99"/>
      <c r="AI3994" s="99"/>
      <c r="AJ3994" s="99"/>
      <c r="AK3994" s="99"/>
      <c r="AL3994" s="99"/>
      <c r="AM3994" s="99"/>
      <c r="AN3994" s="99"/>
      <c r="AO3994" s="99"/>
      <c r="AP3994" s="99"/>
      <c r="AQ3994" s="99"/>
      <c r="AR3994" s="99"/>
      <c r="AS3994" s="99"/>
      <c r="AT3994" s="99"/>
      <c r="AU3994" s="99"/>
      <c r="AV3994" s="99"/>
      <c r="AW3994" s="99"/>
      <c r="AX3994" s="99"/>
      <c r="AY3994" s="99"/>
      <c r="AZ3994" s="99"/>
      <c r="BA3994" s="99"/>
      <c r="BB3994" s="107">
        <v>45884</v>
      </c>
    </row>
    <row r="3995" spans="1:54" s="238" customFormat="1" ht="13.95" customHeight="1" x14ac:dyDescent="0.25">
      <c r="A3995" s="236" t="s">
        <v>8674</v>
      </c>
      <c r="B3995" s="220" t="s">
        <v>8672</v>
      </c>
      <c r="C3995" s="190" t="s">
        <v>8675</v>
      </c>
      <c r="D3995" s="190" t="s">
        <v>8676</v>
      </c>
      <c r="E3995" s="237">
        <v>1985</v>
      </c>
      <c r="F3995" s="237">
        <v>100</v>
      </c>
      <c r="G3995" s="190" t="s">
        <v>1</v>
      </c>
      <c r="H3995" s="190">
        <v>0</v>
      </c>
      <c r="I3995" s="190">
        <v>0</v>
      </c>
      <c r="J3995" s="190">
        <v>0</v>
      </c>
      <c r="K3995" s="190">
        <v>1</v>
      </c>
      <c r="L3995" s="190">
        <v>1</v>
      </c>
      <c r="M3995" s="190">
        <v>0</v>
      </c>
      <c r="N3995" s="190">
        <v>0</v>
      </c>
      <c r="O3995" s="190">
        <v>0</v>
      </c>
      <c r="P3995" s="190">
        <v>0</v>
      </c>
      <c r="Q3995" s="190">
        <v>0</v>
      </c>
      <c r="R3995" s="190">
        <v>0</v>
      </c>
      <c r="S3995" s="190">
        <v>0</v>
      </c>
      <c r="T3995" s="190">
        <v>0</v>
      </c>
      <c r="U3995" s="99"/>
      <c r="V3995" s="99"/>
      <c r="W3995" s="99"/>
      <c r="X3995" s="99"/>
      <c r="Y3995" s="99"/>
      <c r="Z3995" s="99"/>
      <c r="AA3995" s="99"/>
      <c r="AB3995" s="99"/>
      <c r="AC3995" s="99"/>
      <c r="AD3995" s="99"/>
      <c r="AE3995" s="99"/>
      <c r="AF3995" s="99"/>
      <c r="AG3995" s="99"/>
      <c r="AH3995" s="99"/>
      <c r="AI3995" s="99"/>
      <c r="AJ3995" s="99"/>
      <c r="AK3995" s="99"/>
      <c r="AL3995" s="99"/>
      <c r="AM3995" s="99"/>
      <c r="AN3995" s="99"/>
      <c r="AO3995" s="99"/>
      <c r="AP3995" s="99"/>
      <c r="AQ3995" s="99"/>
      <c r="AR3995" s="99"/>
      <c r="AS3995" s="99"/>
      <c r="AT3995" s="99"/>
      <c r="AU3995" s="99"/>
      <c r="AV3995" s="99"/>
      <c r="AW3995" s="99"/>
      <c r="AX3995" s="99"/>
      <c r="AY3995" s="99"/>
      <c r="AZ3995" s="99"/>
      <c r="BA3995" s="99"/>
      <c r="BB3995" s="107">
        <v>45884</v>
      </c>
    </row>
    <row r="3996" spans="1:54" s="238" customFormat="1" ht="13.95" customHeight="1" x14ac:dyDescent="0.25">
      <c r="A3996" s="236" t="s">
        <v>8677</v>
      </c>
      <c r="B3996" s="220" t="s">
        <v>8672</v>
      </c>
      <c r="C3996" s="190" t="s">
        <v>8678</v>
      </c>
      <c r="D3996" s="190" t="s">
        <v>8679</v>
      </c>
      <c r="E3996" s="237">
        <v>2004</v>
      </c>
      <c r="F3996" s="237">
        <v>100</v>
      </c>
      <c r="G3996" s="190" t="s">
        <v>1</v>
      </c>
      <c r="H3996" s="190">
        <v>0</v>
      </c>
      <c r="I3996" s="190">
        <v>0</v>
      </c>
      <c r="J3996" s="190">
        <v>0</v>
      </c>
      <c r="K3996" s="190">
        <v>1</v>
      </c>
      <c r="L3996" s="190">
        <v>0</v>
      </c>
      <c r="M3996" s="190">
        <v>0</v>
      </c>
      <c r="N3996" s="190">
        <v>0</v>
      </c>
      <c r="O3996" s="190">
        <v>0</v>
      </c>
      <c r="P3996" s="190">
        <v>1</v>
      </c>
      <c r="Q3996" s="190">
        <v>0</v>
      </c>
      <c r="R3996" s="190">
        <v>0</v>
      </c>
      <c r="S3996" s="190">
        <v>0</v>
      </c>
      <c r="T3996" s="190">
        <v>0</v>
      </c>
      <c r="U3996" s="99"/>
      <c r="V3996" s="99"/>
      <c r="W3996" s="99"/>
      <c r="X3996" s="99"/>
      <c r="Y3996" s="99"/>
      <c r="Z3996" s="99"/>
      <c r="AA3996" s="99"/>
      <c r="AB3996" s="99"/>
      <c r="AC3996" s="99"/>
      <c r="AD3996" s="99"/>
      <c r="AE3996" s="99"/>
      <c r="AF3996" s="99"/>
      <c r="AG3996" s="99"/>
      <c r="AH3996" s="99"/>
      <c r="AI3996" s="99"/>
      <c r="AJ3996" s="99"/>
      <c r="AK3996" s="99"/>
      <c r="AL3996" s="99"/>
      <c r="AM3996" s="99"/>
      <c r="AN3996" s="99"/>
      <c r="AO3996" s="99"/>
      <c r="AP3996" s="99"/>
      <c r="AQ3996" s="99"/>
      <c r="AR3996" s="99"/>
      <c r="AS3996" s="99"/>
      <c r="AT3996" s="99"/>
      <c r="AU3996" s="99"/>
      <c r="AV3996" s="99"/>
      <c r="AW3996" s="99"/>
      <c r="AX3996" s="99"/>
      <c r="AY3996" s="99"/>
      <c r="AZ3996" s="99"/>
      <c r="BA3996" s="99"/>
      <c r="BB3996" s="107">
        <v>45884</v>
      </c>
    </row>
    <row r="3997" spans="1:54" s="238" customFormat="1" ht="13.95" customHeight="1" x14ac:dyDescent="0.25">
      <c r="A3997" s="236" t="s">
        <v>8680</v>
      </c>
      <c r="B3997" s="220" t="s">
        <v>8672</v>
      </c>
      <c r="C3997" s="190" t="s">
        <v>8681</v>
      </c>
      <c r="D3997" s="190" t="s">
        <v>8682</v>
      </c>
      <c r="E3997" s="237">
        <v>2004</v>
      </c>
      <c r="F3997" s="237">
        <v>100</v>
      </c>
      <c r="G3997" s="190" t="s">
        <v>1</v>
      </c>
      <c r="H3997" s="190">
        <v>0</v>
      </c>
      <c r="I3997" s="190">
        <v>0</v>
      </c>
      <c r="J3997" s="190">
        <v>0</v>
      </c>
      <c r="K3997" s="190">
        <v>1</v>
      </c>
      <c r="L3997" s="190">
        <v>0</v>
      </c>
      <c r="M3997" s="190">
        <v>0</v>
      </c>
      <c r="N3997" s="190">
        <v>0</v>
      </c>
      <c r="O3997" s="190">
        <v>0</v>
      </c>
      <c r="P3997" s="190">
        <v>1</v>
      </c>
      <c r="Q3997" s="190">
        <v>0</v>
      </c>
      <c r="R3997" s="190">
        <v>0</v>
      </c>
      <c r="S3997" s="190">
        <v>0</v>
      </c>
      <c r="T3997" s="190">
        <v>0</v>
      </c>
      <c r="U3997" s="99"/>
      <c r="V3997" s="99"/>
      <c r="W3997" s="99"/>
      <c r="X3997" s="99"/>
      <c r="Y3997" s="99"/>
      <c r="Z3997" s="99"/>
      <c r="AA3997" s="99"/>
      <c r="AB3997" s="99"/>
      <c r="AC3997" s="99"/>
      <c r="AD3997" s="99"/>
      <c r="AE3997" s="99"/>
      <c r="AF3997" s="99"/>
      <c r="AG3997" s="99"/>
      <c r="AH3997" s="99"/>
      <c r="AI3997" s="99"/>
      <c r="AJ3997" s="99"/>
      <c r="AK3997" s="99"/>
      <c r="AL3997" s="99"/>
      <c r="AM3997" s="99"/>
      <c r="AN3997" s="99"/>
      <c r="AO3997" s="99"/>
      <c r="AP3997" s="99"/>
      <c r="AQ3997" s="99"/>
      <c r="AR3997" s="99"/>
      <c r="AS3997" s="99"/>
      <c r="AT3997" s="99"/>
      <c r="AU3997" s="99"/>
      <c r="AV3997" s="99"/>
      <c r="AW3997" s="99"/>
      <c r="AX3997" s="99"/>
      <c r="AY3997" s="99"/>
      <c r="AZ3997" s="99"/>
      <c r="BA3997" s="99"/>
      <c r="BB3997" s="107">
        <v>45884</v>
      </c>
    </row>
    <row r="3998" spans="1:54" s="238" customFormat="1" ht="13.95" customHeight="1" x14ac:dyDescent="0.25">
      <c r="A3998" s="236" t="s">
        <v>8683</v>
      </c>
      <c r="B3998" s="220" t="s">
        <v>8672</v>
      </c>
      <c r="C3998" s="190" t="s">
        <v>8684</v>
      </c>
      <c r="D3998" s="190" t="s">
        <v>8685</v>
      </c>
      <c r="E3998" s="237">
        <v>2007</v>
      </c>
      <c r="F3998" s="237">
        <v>100</v>
      </c>
      <c r="G3998" s="190" t="s">
        <v>1</v>
      </c>
      <c r="H3998" s="190">
        <v>0</v>
      </c>
      <c r="I3998" s="190">
        <v>0</v>
      </c>
      <c r="J3998" s="190">
        <v>0</v>
      </c>
      <c r="K3998" s="190">
        <v>0</v>
      </c>
      <c r="L3998" s="190">
        <v>0</v>
      </c>
      <c r="M3998" s="190">
        <v>0</v>
      </c>
      <c r="N3998" s="190">
        <v>0</v>
      </c>
      <c r="O3998" s="190">
        <v>0</v>
      </c>
      <c r="P3998" s="190">
        <v>0</v>
      </c>
      <c r="Q3998" s="190">
        <v>0</v>
      </c>
      <c r="R3998" s="190">
        <v>0</v>
      </c>
      <c r="S3998" s="190">
        <v>0</v>
      </c>
      <c r="T3998" s="190">
        <v>0</v>
      </c>
      <c r="U3998" s="99"/>
      <c r="V3998" s="99"/>
      <c r="W3998" s="99"/>
      <c r="X3998" s="99"/>
      <c r="Y3998" s="99"/>
      <c r="Z3998" s="99"/>
      <c r="AA3998" s="99"/>
      <c r="AB3998" s="99"/>
      <c r="AC3998" s="99"/>
      <c r="AD3998" s="99"/>
      <c r="AE3998" s="99"/>
      <c r="AF3998" s="99"/>
      <c r="AG3998" s="99"/>
      <c r="AH3998" s="99"/>
      <c r="AI3998" s="99"/>
      <c r="AJ3998" s="99"/>
      <c r="AK3998" s="99"/>
      <c r="AL3998" s="99"/>
      <c r="AM3998" s="99"/>
      <c r="AN3998" s="99"/>
      <c r="AO3998" s="99"/>
      <c r="AP3998" s="99"/>
      <c r="AQ3998" s="99"/>
      <c r="AR3998" s="99"/>
      <c r="AS3998" s="99"/>
      <c r="AT3998" s="99"/>
      <c r="AU3998" s="99"/>
      <c r="AV3998" s="99"/>
      <c r="AW3998" s="99"/>
      <c r="AX3998" s="99"/>
      <c r="AY3998" s="99"/>
      <c r="AZ3998" s="99"/>
      <c r="BA3998" s="99"/>
      <c r="BB3998" s="107">
        <v>45884</v>
      </c>
    </row>
    <row r="3999" spans="1:54" s="238" customFormat="1" ht="13.95" customHeight="1" x14ac:dyDescent="0.25">
      <c r="A3999" s="236" t="s">
        <v>8686</v>
      </c>
      <c r="B3999" s="220" t="s">
        <v>8672</v>
      </c>
      <c r="C3999" s="190" t="s">
        <v>8687</v>
      </c>
      <c r="D3999" s="190" t="s">
        <v>8688</v>
      </c>
      <c r="E3999" s="237">
        <v>1987</v>
      </c>
      <c r="F3999" s="237">
        <v>100</v>
      </c>
      <c r="G3999" s="190" t="s">
        <v>1</v>
      </c>
      <c r="H3999" s="190">
        <v>0</v>
      </c>
      <c r="I3999" s="190">
        <v>0</v>
      </c>
      <c r="J3999" s="190">
        <v>0</v>
      </c>
      <c r="K3999" s="190">
        <v>1</v>
      </c>
      <c r="L3999" s="190">
        <v>0</v>
      </c>
      <c r="M3999" s="190">
        <v>0</v>
      </c>
      <c r="N3999" s="190">
        <v>0</v>
      </c>
      <c r="O3999" s="190">
        <v>0</v>
      </c>
      <c r="P3999" s="190">
        <v>0</v>
      </c>
      <c r="Q3999" s="190">
        <v>0</v>
      </c>
      <c r="R3999" s="190">
        <v>0</v>
      </c>
      <c r="S3999" s="190">
        <v>0</v>
      </c>
      <c r="T3999" s="190">
        <v>0</v>
      </c>
      <c r="U3999" s="99"/>
      <c r="V3999" s="99"/>
      <c r="W3999" s="99"/>
      <c r="X3999" s="99"/>
      <c r="Y3999" s="99"/>
      <c r="Z3999" s="99"/>
      <c r="AA3999" s="99"/>
      <c r="AB3999" s="99"/>
      <c r="AC3999" s="99"/>
      <c r="AD3999" s="99"/>
      <c r="AE3999" s="99"/>
      <c r="AF3999" s="99"/>
      <c r="AG3999" s="99"/>
      <c r="AH3999" s="99"/>
      <c r="AI3999" s="99"/>
      <c r="AJ3999" s="99"/>
      <c r="AK3999" s="99"/>
      <c r="AL3999" s="99"/>
      <c r="AM3999" s="99"/>
      <c r="AN3999" s="99"/>
      <c r="AO3999" s="99"/>
      <c r="AP3999" s="99"/>
      <c r="AQ3999" s="99"/>
      <c r="AR3999" s="99"/>
      <c r="AS3999" s="99"/>
      <c r="AT3999" s="99"/>
      <c r="AU3999" s="99"/>
      <c r="AV3999" s="99"/>
      <c r="AW3999" s="99"/>
      <c r="AX3999" s="99"/>
      <c r="AY3999" s="99"/>
      <c r="AZ3999" s="99"/>
      <c r="BA3999" s="99"/>
      <c r="BB3999" s="107">
        <v>45884</v>
      </c>
    </row>
    <row r="4000" spans="1:54" s="238" customFormat="1" ht="13.95" customHeight="1" x14ac:dyDescent="0.25">
      <c r="A4000" s="236" t="s">
        <v>8689</v>
      </c>
      <c r="B4000" s="220" t="s">
        <v>8672</v>
      </c>
      <c r="C4000" s="190" t="s">
        <v>8690</v>
      </c>
      <c r="D4000" s="190" t="s">
        <v>8691</v>
      </c>
      <c r="E4000" s="237">
        <v>1988</v>
      </c>
      <c r="F4000" s="237">
        <v>100</v>
      </c>
      <c r="G4000" s="190" t="s">
        <v>1</v>
      </c>
      <c r="H4000" s="190">
        <v>0</v>
      </c>
      <c r="I4000" s="190">
        <v>0</v>
      </c>
      <c r="J4000" s="190">
        <v>0</v>
      </c>
      <c r="K4000" s="190">
        <v>1</v>
      </c>
      <c r="L4000" s="190">
        <v>0</v>
      </c>
      <c r="M4000" s="190">
        <v>0</v>
      </c>
      <c r="N4000" s="190">
        <v>0</v>
      </c>
      <c r="O4000" s="190">
        <v>0</v>
      </c>
      <c r="P4000" s="190">
        <v>0</v>
      </c>
      <c r="Q4000" s="190">
        <v>0</v>
      </c>
      <c r="R4000" s="190">
        <v>0</v>
      </c>
      <c r="S4000" s="190">
        <v>0</v>
      </c>
      <c r="T4000" s="190">
        <v>0</v>
      </c>
      <c r="U4000" s="99"/>
      <c r="V4000" s="99"/>
      <c r="W4000" s="99"/>
      <c r="X4000" s="99"/>
      <c r="Y4000" s="99"/>
      <c r="Z4000" s="99"/>
      <c r="AA4000" s="99"/>
      <c r="AB4000" s="99"/>
      <c r="AC4000" s="99"/>
      <c r="AD4000" s="99"/>
      <c r="AE4000" s="99"/>
      <c r="AF4000" s="99"/>
      <c r="AG4000" s="99"/>
      <c r="AH4000" s="99"/>
      <c r="AI4000" s="99"/>
      <c r="AJ4000" s="99"/>
      <c r="AK4000" s="99"/>
      <c r="AL4000" s="99"/>
      <c r="AM4000" s="99"/>
      <c r="AN4000" s="99"/>
      <c r="AO4000" s="99"/>
      <c r="AP4000" s="99"/>
      <c r="AQ4000" s="99"/>
      <c r="AR4000" s="99"/>
      <c r="AS4000" s="99"/>
      <c r="AT4000" s="99"/>
      <c r="AU4000" s="99"/>
      <c r="AV4000" s="99"/>
      <c r="AW4000" s="99"/>
      <c r="AX4000" s="99"/>
      <c r="AY4000" s="99"/>
      <c r="AZ4000" s="99"/>
      <c r="BA4000" s="99"/>
      <c r="BB4000" s="107">
        <v>45884</v>
      </c>
    </row>
    <row r="4001" spans="1:54" s="238" customFormat="1" ht="13.95" customHeight="1" x14ac:dyDescent="0.25">
      <c r="A4001" s="236" t="s">
        <v>8692</v>
      </c>
      <c r="B4001" s="220" t="s">
        <v>8672</v>
      </c>
      <c r="C4001" s="190" t="s">
        <v>8693</v>
      </c>
      <c r="D4001" s="190" t="s">
        <v>8694</v>
      </c>
      <c r="E4001" s="237">
        <v>1996</v>
      </c>
      <c r="F4001" s="237">
        <v>100</v>
      </c>
      <c r="G4001" s="190" t="s">
        <v>1</v>
      </c>
      <c r="H4001" s="190">
        <v>0</v>
      </c>
      <c r="I4001" s="190">
        <v>0</v>
      </c>
      <c r="J4001" s="190">
        <v>1</v>
      </c>
      <c r="K4001" s="190">
        <v>1</v>
      </c>
      <c r="L4001" s="190">
        <v>1</v>
      </c>
      <c r="M4001" s="190">
        <v>0</v>
      </c>
      <c r="N4001" s="190">
        <v>0</v>
      </c>
      <c r="O4001" s="190">
        <v>0</v>
      </c>
      <c r="P4001" s="190">
        <v>0</v>
      </c>
      <c r="Q4001" s="190">
        <v>0</v>
      </c>
      <c r="R4001" s="190">
        <v>0</v>
      </c>
      <c r="S4001" s="190">
        <v>0</v>
      </c>
      <c r="T4001" s="190">
        <v>0</v>
      </c>
      <c r="U4001" s="99"/>
      <c r="V4001" s="99"/>
      <c r="W4001" s="99"/>
      <c r="X4001" s="99"/>
      <c r="Y4001" s="99"/>
      <c r="Z4001" s="99"/>
      <c r="AA4001" s="99"/>
      <c r="AB4001" s="99"/>
      <c r="AC4001" s="99"/>
      <c r="AD4001" s="99"/>
      <c r="AE4001" s="99"/>
      <c r="AF4001" s="99"/>
      <c r="AG4001" s="99"/>
      <c r="AH4001" s="99"/>
      <c r="AI4001" s="99"/>
      <c r="AJ4001" s="99"/>
      <c r="AK4001" s="99"/>
      <c r="AL4001" s="99"/>
      <c r="AM4001" s="99"/>
      <c r="AN4001" s="99"/>
      <c r="AO4001" s="99"/>
      <c r="AP4001" s="99"/>
      <c r="AQ4001" s="99"/>
      <c r="AR4001" s="99"/>
      <c r="AS4001" s="99"/>
      <c r="AT4001" s="99"/>
      <c r="AU4001" s="99"/>
      <c r="AV4001" s="99"/>
      <c r="AW4001" s="99"/>
      <c r="AX4001" s="99"/>
      <c r="AY4001" s="99"/>
      <c r="AZ4001" s="99"/>
      <c r="BA4001" s="99"/>
      <c r="BB4001" s="107">
        <v>45884</v>
      </c>
    </row>
    <row r="4002" spans="1:54" s="238" customFormat="1" ht="13.95" customHeight="1" x14ac:dyDescent="0.25">
      <c r="A4002" s="236" t="s">
        <v>8695</v>
      </c>
      <c r="B4002" s="220" t="s">
        <v>8672</v>
      </c>
      <c r="C4002" s="190" t="s">
        <v>8696</v>
      </c>
      <c r="D4002" s="190" t="s">
        <v>8697</v>
      </c>
      <c r="E4002" s="237">
        <v>1996</v>
      </c>
      <c r="F4002" s="237">
        <v>100</v>
      </c>
      <c r="G4002" s="190" t="s">
        <v>1</v>
      </c>
      <c r="H4002" s="190">
        <v>0</v>
      </c>
      <c r="I4002" s="190">
        <v>0</v>
      </c>
      <c r="J4002" s="190">
        <v>1</v>
      </c>
      <c r="K4002" s="190">
        <v>1</v>
      </c>
      <c r="L4002" s="190">
        <v>1</v>
      </c>
      <c r="M4002" s="190">
        <v>0</v>
      </c>
      <c r="N4002" s="190">
        <v>0</v>
      </c>
      <c r="O4002" s="190">
        <v>0</v>
      </c>
      <c r="P4002" s="190">
        <v>1</v>
      </c>
      <c r="Q4002" s="190">
        <v>0</v>
      </c>
      <c r="R4002" s="190">
        <v>0</v>
      </c>
      <c r="S4002" s="190">
        <v>0</v>
      </c>
      <c r="T4002" s="190">
        <v>0</v>
      </c>
      <c r="U4002" s="99"/>
      <c r="V4002" s="99"/>
      <c r="W4002" s="99"/>
      <c r="X4002" s="99"/>
      <c r="Y4002" s="99"/>
      <c r="Z4002" s="99"/>
      <c r="AA4002" s="99"/>
      <c r="AB4002" s="99"/>
      <c r="AC4002" s="99"/>
      <c r="AD4002" s="99"/>
      <c r="AE4002" s="99"/>
      <c r="AF4002" s="99"/>
      <c r="AG4002" s="99"/>
      <c r="AH4002" s="99"/>
      <c r="AI4002" s="99"/>
      <c r="AJ4002" s="99"/>
      <c r="AK4002" s="99"/>
      <c r="AL4002" s="99"/>
      <c r="AM4002" s="99"/>
      <c r="AN4002" s="99"/>
      <c r="AO4002" s="99"/>
      <c r="AP4002" s="99"/>
      <c r="AQ4002" s="99"/>
      <c r="AR4002" s="99"/>
      <c r="AS4002" s="99"/>
      <c r="AT4002" s="99"/>
      <c r="AU4002" s="99"/>
      <c r="AV4002" s="99"/>
      <c r="AW4002" s="99"/>
      <c r="AX4002" s="99"/>
      <c r="AY4002" s="99"/>
      <c r="AZ4002" s="99"/>
      <c r="BA4002" s="99"/>
      <c r="BB4002" s="107">
        <v>45884</v>
      </c>
    </row>
    <row r="4003" spans="1:54" s="238" customFormat="1" ht="13.95" customHeight="1" x14ac:dyDescent="0.25">
      <c r="A4003" s="236" t="s">
        <v>8698</v>
      </c>
      <c r="B4003" s="220" t="s">
        <v>8672</v>
      </c>
      <c r="C4003" s="190" t="s">
        <v>8699</v>
      </c>
      <c r="D4003" s="190" t="s">
        <v>8700</v>
      </c>
      <c r="E4003" s="237">
        <v>1997</v>
      </c>
      <c r="F4003" s="237">
        <v>100</v>
      </c>
      <c r="G4003" s="190" t="s">
        <v>1</v>
      </c>
      <c r="H4003" s="190">
        <v>0</v>
      </c>
      <c r="I4003" s="190">
        <v>0</v>
      </c>
      <c r="J4003" s="190">
        <v>0</v>
      </c>
      <c r="K4003" s="190">
        <v>0</v>
      </c>
      <c r="L4003" s="190">
        <v>0</v>
      </c>
      <c r="M4003" s="190">
        <v>0</v>
      </c>
      <c r="N4003" s="190">
        <v>0</v>
      </c>
      <c r="O4003" s="190">
        <v>0</v>
      </c>
      <c r="P4003" s="190">
        <v>1</v>
      </c>
      <c r="Q4003" s="190">
        <v>0</v>
      </c>
      <c r="R4003" s="190">
        <v>0</v>
      </c>
      <c r="S4003" s="190">
        <v>0</v>
      </c>
      <c r="T4003" s="190">
        <v>0</v>
      </c>
      <c r="U4003" s="99"/>
      <c r="V4003" s="99"/>
      <c r="W4003" s="99"/>
      <c r="X4003" s="99"/>
      <c r="Y4003" s="99"/>
      <c r="Z4003" s="99"/>
      <c r="AA4003" s="99"/>
      <c r="AB4003" s="99"/>
      <c r="AC4003" s="99"/>
      <c r="AD4003" s="99"/>
      <c r="AE4003" s="99"/>
      <c r="AF4003" s="99"/>
      <c r="AG4003" s="99"/>
      <c r="AH4003" s="99"/>
      <c r="AI4003" s="99"/>
      <c r="AJ4003" s="99"/>
      <c r="AK4003" s="99"/>
      <c r="AL4003" s="99"/>
      <c r="AM4003" s="99"/>
      <c r="AN4003" s="99"/>
      <c r="AO4003" s="99"/>
      <c r="AP4003" s="99"/>
      <c r="AQ4003" s="99"/>
      <c r="AR4003" s="99"/>
      <c r="AS4003" s="99"/>
      <c r="AT4003" s="99"/>
      <c r="AU4003" s="99"/>
      <c r="AV4003" s="99"/>
      <c r="AW4003" s="99"/>
      <c r="AX4003" s="99"/>
      <c r="AY4003" s="99"/>
      <c r="AZ4003" s="99"/>
      <c r="BA4003" s="99"/>
      <c r="BB4003" s="107">
        <v>45884</v>
      </c>
    </row>
    <row r="4004" spans="1:54" s="238" customFormat="1" ht="13.95" customHeight="1" x14ac:dyDescent="0.25">
      <c r="A4004" s="236" t="s">
        <v>8701</v>
      </c>
      <c r="B4004" s="220" t="s">
        <v>8672</v>
      </c>
      <c r="C4004" s="190" t="s">
        <v>8702</v>
      </c>
      <c r="D4004" s="190" t="s">
        <v>8703</v>
      </c>
      <c r="E4004" s="237">
        <v>1999</v>
      </c>
      <c r="F4004" s="237">
        <v>100</v>
      </c>
      <c r="G4004" s="190" t="s">
        <v>1</v>
      </c>
      <c r="H4004" s="190">
        <v>0</v>
      </c>
      <c r="I4004" s="190">
        <v>0</v>
      </c>
      <c r="J4004" s="190">
        <v>0</v>
      </c>
      <c r="K4004" s="190">
        <v>1</v>
      </c>
      <c r="L4004" s="190">
        <v>0</v>
      </c>
      <c r="M4004" s="190">
        <v>0</v>
      </c>
      <c r="N4004" s="190">
        <v>0</v>
      </c>
      <c r="O4004" s="190">
        <v>0</v>
      </c>
      <c r="P4004" s="190">
        <v>0</v>
      </c>
      <c r="Q4004" s="190">
        <v>0</v>
      </c>
      <c r="R4004" s="190">
        <v>0</v>
      </c>
      <c r="S4004" s="190">
        <v>0</v>
      </c>
      <c r="T4004" s="190">
        <v>0</v>
      </c>
      <c r="U4004" s="99"/>
      <c r="V4004" s="99"/>
      <c r="W4004" s="99"/>
      <c r="X4004" s="99"/>
      <c r="Y4004" s="99"/>
      <c r="Z4004" s="99"/>
      <c r="AA4004" s="99"/>
      <c r="AB4004" s="99"/>
      <c r="AC4004" s="99"/>
      <c r="AD4004" s="99"/>
      <c r="AE4004" s="99"/>
      <c r="AF4004" s="99"/>
      <c r="AG4004" s="99"/>
      <c r="AH4004" s="99"/>
      <c r="AI4004" s="99"/>
      <c r="AJ4004" s="99"/>
      <c r="AK4004" s="99"/>
      <c r="AL4004" s="99"/>
      <c r="AM4004" s="99"/>
      <c r="AN4004" s="99"/>
      <c r="AO4004" s="99"/>
      <c r="AP4004" s="99"/>
      <c r="AQ4004" s="99"/>
      <c r="AR4004" s="99"/>
      <c r="AS4004" s="99"/>
      <c r="AT4004" s="99"/>
      <c r="AU4004" s="99"/>
      <c r="AV4004" s="99"/>
      <c r="AW4004" s="99"/>
      <c r="AX4004" s="99"/>
      <c r="AY4004" s="99"/>
      <c r="AZ4004" s="99"/>
      <c r="BA4004" s="99"/>
      <c r="BB4004" s="107">
        <v>45884</v>
      </c>
    </row>
    <row r="4005" spans="1:54" s="238" customFormat="1" ht="13.95" customHeight="1" x14ac:dyDescent="0.25">
      <c r="A4005" s="236" t="s">
        <v>8704</v>
      </c>
      <c r="B4005" s="220" t="s">
        <v>8672</v>
      </c>
      <c r="C4005" s="190" t="s">
        <v>8705</v>
      </c>
      <c r="D4005" s="190" t="s">
        <v>8706</v>
      </c>
      <c r="E4005" s="237">
        <v>1999</v>
      </c>
      <c r="F4005" s="237">
        <v>100</v>
      </c>
      <c r="G4005" s="190" t="s">
        <v>1</v>
      </c>
      <c r="H4005" s="190">
        <v>0</v>
      </c>
      <c r="I4005" s="190">
        <v>0</v>
      </c>
      <c r="J4005" s="190">
        <v>0</v>
      </c>
      <c r="K4005" s="190">
        <v>1</v>
      </c>
      <c r="L4005" s="190">
        <v>0</v>
      </c>
      <c r="M4005" s="190">
        <v>0</v>
      </c>
      <c r="N4005" s="190">
        <v>0</v>
      </c>
      <c r="O4005" s="190">
        <v>0</v>
      </c>
      <c r="P4005" s="190">
        <v>1</v>
      </c>
      <c r="Q4005" s="190">
        <v>0</v>
      </c>
      <c r="R4005" s="190">
        <v>0</v>
      </c>
      <c r="S4005" s="190">
        <v>0</v>
      </c>
      <c r="T4005" s="190">
        <v>0</v>
      </c>
      <c r="U4005" s="99"/>
      <c r="V4005" s="99"/>
      <c r="W4005" s="99"/>
      <c r="X4005" s="99"/>
      <c r="Y4005" s="99"/>
      <c r="Z4005" s="99"/>
      <c r="AA4005" s="99"/>
      <c r="AB4005" s="99"/>
      <c r="AC4005" s="99"/>
      <c r="AD4005" s="99"/>
      <c r="AE4005" s="99"/>
      <c r="AF4005" s="99"/>
      <c r="AG4005" s="99"/>
      <c r="AH4005" s="99"/>
      <c r="AI4005" s="99"/>
      <c r="AJ4005" s="99"/>
      <c r="AK4005" s="99"/>
      <c r="AL4005" s="99"/>
      <c r="AM4005" s="99"/>
      <c r="AN4005" s="99"/>
      <c r="AO4005" s="99"/>
      <c r="AP4005" s="99"/>
      <c r="AQ4005" s="99"/>
      <c r="AR4005" s="99"/>
      <c r="AS4005" s="99"/>
      <c r="AT4005" s="99"/>
      <c r="AU4005" s="99"/>
      <c r="AV4005" s="99"/>
      <c r="AW4005" s="99"/>
      <c r="AX4005" s="99"/>
      <c r="AY4005" s="99"/>
      <c r="AZ4005" s="99"/>
      <c r="BA4005" s="99"/>
      <c r="BB4005" s="107">
        <v>45884</v>
      </c>
    </row>
    <row r="4006" spans="1:54" s="238" customFormat="1" ht="13.95" customHeight="1" x14ac:dyDescent="0.25">
      <c r="A4006" s="236" t="s">
        <v>8707</v>
      </c>
      <c r="B4006" s="220" t="s">
        <v>8672</v>
      </c>
      <c r="C4006" s="190" t="s">
        <v>8708</v>
      </c>
      <c r="D4006" s="190" t="s">
        <v>8709</v>
      </c>
      <c r="E4006" s="237">
        <v>2009</v>
      </c>
      <c r="F4006" s="237">
        <v>100</v>
      </c>
      <c r="G4006" s="190" t="s">
        <v>1</v>
      </c>
      <c r="H4006" s="190">
        <v>0</v>
      </c>
      <c r="I4006" s="190">
        <v>0</v>
      </c>
      <c r="J4006" s="190">
        <v>0</v>
      </c>
      <c r="K4006" s="190">
        <v>1</v>
      </c>
      <c r="L4006" s="190">
        <v>0</v>
      </c>
      <c r="M4006" s="190">
        <v>0</v>
      </c>
      <c r="N4006" s="190">
        <v>0</v>
      </c>
      <c r="O4006" s="190">
        <v>0</v>
      </c>
      <c r="P4006" s="190">
        <v>0</v>
      </c>
      <c r="Q4006" s="190">
        <v>0</v>
      </c>
      <c r="R4006" s="190">
        <v>0</v>
      </c>
      <c r="S4006" s="190">
        <v>0</v>
      </c>
      <c r="T4006" s="190">
        <v>0</v>
      </c>
      <c r="U4006" s="99"/>
      <c r="V4006" s="99"/>
      <c r="W4006" s="99"/>
      <c r="X4006" s="99"/>
      <c r="Y4006" s="99"/>
      <c r="Z4006" s="99"/>
      <c r="AA4006" s="99"/>
      <c r="AB4006" s="99"/>
      <c r="AC4006" s="99"/>
      <c r="AD4006" s="99"/>
      <c r="AE4006" s="99"/>
      <c r="AF4006" s="99"/>
      <c r="AG4006" s="99"/>
      <c r="AH4006" s="99"/>
      <c r="AI4006" s="99"/>
      <c r="AJ4006" s="99"/>
      <c r="AK4006" s="99"/>
      <c r="AL4006" s="99"/>
      <c r="AM4006" s="99"/>
      <c r="AN4006" s="99"/>
      <c r="AO4006" s="99"/>
      <c r="AP4006" s="99"/>
      <c r="AQ4006" s="99"/>
      <c r="AR4006" s="99"/>
      <c r="AS4006" s="99"/>
      <c r="AT4006" s="99"/>
      <c r="AU4006" s="99"/>
      <c r="AV4006" s="99"/>
      <c r="AW4006" s="99"/>
      <c r="AX4006" s="99"/>
      <c r="AY4006" s="99"/>
      <c r="AZ4006" s="99"/>
      <c r="BA4006" s="99"/>
      <c r="BB4006" s="107">
        <v>45884</v>
      </c>
    </row>
    <row r="4007" spans="1:54" s="238" customFormat="1" ht="13.95" customHeight="1" x14ac:dyDescent="0.25">
      <c r="A4007" s="236" t="s">
        <v>8710</v>
      </c>
      <c r="B4007" s="220" t="s">
        <v>8672</v>
      </c>
      <c r="C4007" s="190" t="s">
        <v>8711</v>
      </c>
      <c r="D4007" s="190" t="s">
        <v>8712</v>
      </c>
      <c r="E4007" s="237">
        <v>1999</v>
      </c>
      <c r="F4007" s="237">
        <v>100</v>
      </c>
      <c r="G4007" s="190" t="s">
        <v>1</v>
      </c>
      <c r="H4007" s="190">
        <v>0</v>
      </c>
      <c r="I4007" s="190">
        <v>0</v>
      </c>
      <c r="J4007" s="190">
        <v>0</v>
      </c>
      <c r="K4007" s="190">
        <v>1</v>
      </c>
      <c r="L4007" s="190">
        <v>0</v>
      </c>
      <c r="M4007" s="190">
        <v>0</v>
      </c>
      <c r="N4007" s="190">
        <v>0</v>
      </c>
      <c r="O4007" s="190">
        <v>0</v>
      </c>
      <c r="P4007" s="190">
        <v>0</v>
      </c>
      <c r="Q4007" s="190">
        <v>0</v>
      </c>
      <c r="R4007" s="190">
        <v>0</v>
      </c>
      <c r="S4007" s="190">
        <v>0</v>
      </c>
      <c r="T4007" s="190">
        <v>0</v>
      </c>
      <c r="U4007" s="99"/>
      <c r="V4007" s="99"/>
      <c r="W4007" s="99"/>
      <c r="X4007" s="99"/>
      <c r="Y4007" s="99"/>
      <c r="Z4007" s="99"/>
      <c r="AA4007" s="99"/>
      <c r="AB4007" s="99"/>
      <c r="AC4007" s="99"/>
      <c r="AD4007" s="99"/>
      <c r="AE4007" s="99"/>
      <c r="AF4007" s="99"/>
      <c r="AG4007" s="99"/>
      <c r="AH4007" s="99"/>
      <c r="AI4007" s="99"/>
      <c r="AJ4007" s="99"/>
      <c r="AK4007" s="99"/>
      <c r="AL4007" s="99"/>
      <c r="AM4007" s="99"/>
      <c r="AN4007" s="99"/>
      <c r="AO4007" s="99"/>
      <c r="AP4007" s="99"/>
      <c r="AQ4007" s="99"/>
      <c r="AR4007" s="99"/>
      <c r="AS4007" s="99"/>
      <c r="AT4007" s="99"/>
      <c r="AU4007" s="99"/>
      <c r="AV4007" s="99"/>
      <c r="AW4007" s="99"/>
      <c r="AX4007" s="99"/>
      <c r="AY4007" s="99"/>
      <c r="AZ4007" s="99"/>
      <c r="BA4007" s="99"/>
      <c r="BB4007" s="107">
        <v>45884</v>
      </c>
    </row>
    <row r="4008" spans="1:54" s="238" customFormat="1" ht="13.95" customHeight="1" x14ac:dyDescent="0.25">
      <c r="A4008" s="236" t="s">
        <v>8713</v>
      </c>
      <c r="B4008" s="220" t="s">
        <v>8672</v>
      </c>
      <c r="C4008" s="190" t="s">
        <v>8714</v>
      </c>
      <c r="D4008" s="190" t="s">
        <v>8715</v>
      </c>
      <c r="E4008" s="237">
        <v>1999</v>
      </c>
      <c r="F4008" s="237">
        <v>100</v>
      </c>
      <c r="G4008" s="190" t="s">
        <v>1</v>
      </c>
      <c r="H4008" s="190">
        <v>0</v>
      </c>
      <c r="I4008" s="190">
        <v>0</v>
      </c>
      <c r="J4008" s="190">
        <v>0</v>
      </c>
      <c r="K4008" s="190">
        <v>1</v>
      </c>
      <c r="L4008" s="190">
        <v>0</v>
      </c>
      <c r="M4008" s="190">
        <v>0</v>
      </c>
      <c r="N4008" s="190">
        <v>0</v>
      </c>
      <c r="O4008" s="190">
        <v>0</v>
      </c>
      <c r="P4008" s="190">
        <v>0</v>
      </c>
      <c r="Q4008" s="190">
        <v>0</v>
      </c>
      <c r="R4008" s="190">
        <v>0</v>
      </c>
      <c r="S4008" s="190">
        <v>0</v>
      </c>
      <c r="T4008" s="190">
        <v>0</v>
      </c>
      <c r="U4008" s="99"/>
      <c r="V4008" s="99"/>
      <c r="W4008" s="99"/>
      <c r="X4008" s="99"/>
      <c r="Y4008" s="99"/>
      <c r="Z4008" s="99"/>
      <c r="AA4008" s="99"/>
      <c r="AB4008" s="99"/>
      <c r="AC4008" s="99"/>
      <c r="AD4008" s="99"/>
      <c r="AE4008" s="99"/>
      <c r="AF4008" s="99"/>
      <c r="AG4008" s="99"/>
      <c r="AH4008" s="99"/>
      <c r="AI4008" s="99"/>
      <c r="AJ4008" s="99"/>
      <c r="AK4008" s="99"/>
      <c r="AL4008" s="99"/>
      <c r="AM4008" s="99"/>
      <c r="AN4008" s="99"/>
      <c r="AO4008" s="99"/>
      <c r="AP4008" s="99"/>
      <c r="AQ4008" s="99"/>
      <c r="AR4008" s="99"/>
      <c r="AS4008" s="99"/>
      <c r="AT4008" s="99"/>
      <c r="AU4008" s="99"/>
      <c r="AV4008" s="99"/>
      <c r="AW4008" s="99"/>
      <c r="AX4008" s="99"/>
      <c r="AY4008" s="99"/>
      <c r="AZ4008" s="99"/>
      <c r="BA4008" s="99"/>
      <c r="BB4008" s="107">
        <v>45884</v>
      </c>
    </row>
    <row r="4009" spans="1:54" s="238" customFormat="1" ht="13.95" customHeight="1" x14ac:dyDescent="0.25">
      <c r="A4009" s="236" t="s">
        <v>8716</v>
      </c>
      <c r="B4009" s="220" t="s">
        <v>8672</v>
      </c>
      <c r="C4009" s="190" t="s">
        <v>8717</v>
      </c>
      <c r="D4009" s="190" t="s">
        <v>8718</v>
      </c>
      <c r="E4009" s="237">
        <v>1999</v>
      </c>
      <c r="F4009" s="237">
        <v>100</v>
      </c>
      <c r="G4009" s="190" t="s">
        <v>1</v>
      </c>
      <c r="H4009" s="190">
        <v>0</v>
      </c>
      <c r="I4009" s="190">
        <v>0</v>
      </c>
      <c r="J4009" s="190">
        <v>0</v>
      </c>
      <c r="K4009" s="190">
        <v>1</v>
      </c>
      <c r="L4009" s="190">
        <v>0</v>
      </c>
      <c r="M4009" s="190">
        <v>0</v>
      </c>
      <c r="N4009" s="190">
        <v>0</v>
      </c>
      <c r="O4009" s="190">
        <v>0</v>
      </c>
      <c r="P4009" s="190">
        <v>1</v>
      </c>
      <c r="Q4009" s="190">
        <v>0</v>
      </c>
      <c r="R4009" s="190">
        <v>0</v>
      </c>
      <c r="S4009" s="190">
        <v>0</v>
      </c>
      <c r="T4009" s="190">
        <v>0</v>
      </c>
      <c r="U4009" s="99"/>
      <c r="V4009" s="99"/>
      <c r="W4009" s="99"/>
      <c r="X4009" s="99"/>
      <c r="Y4009" s="99"/>
      <c r="Z4009" s="99"/>
      <c r="AA4009" s="99"/>
      <c r="AB4009" s="99"/>
      <c r="AC4009" s="99"/>
      <c r="AD4009" s="99"/>
      <c r="AE4009" s="99"/>
      <c r="AF4009" s="99"/>
      <c r="AG4009" s="99"/>
      <c r="AH4009" s="99"/>
      <c r="AI4009" s="99"/>
      <c r="AJ4009" s="99"/>
      <c r="AK4009" s="99"/>
      <c r="AL4009" s="99"/>
      <c r="AM4009" s="99"/>
      <c r="AN4009" s="99"/>
      <c r="AO4009" s="99"/>
      <c r="AP4009" s="99"/>
      <c r="AQ4009" s="99"/>
      <c r="AR4009" s="99"/>
      <c r="AS4009" s="99"/>
      <c r="AT4009" s="99"/>
      <c r="AU4009" s="99"/>
      <c r="AV4009" s="99"/>
      <c r="AW4009" s="99"/>
      <c r="AX4009" s="99"/>
      <c r="AY4009" s="99"/>
      <c r="AZ4009" s="99"/>
      <c r="BA4009" s="99"/>
      <c r="BB4009" s="107">
        <v>45884</v>
      </c>
    </row>
    <row r="4010" spans="1:54" s="238" customFormat="1" ht="13.95" customHeight="1" x14ac:dyDescent="0.25">
      <c r="A4010" s="236" t="s">
        <v>8719</v>
      </c>
      <c r="B4010" s="220" t="s">
        <v>8672</v>
      </c>
      <c r="C4010" s="190" t="s">
        <v>8720</v>
      </c>
      <c r="D4010" s="190" t="s">
        <v>8721</v>
      </c>
      <c r="E4010" s="237">
        <v>1999</v>
      </c>
      <c r="F4010" s="237">
        <v>100</v>
      </c>
      <c r="G4010" s="190" t="s">
        <v>1</v>
      </c>
      <c r="H4010" s="190">
        <v>0</v>
      </c>
      <c r="I4010" s="190">
        <v>0</v>
      </c>
      <c r="J4010" s="190">
        <v>0</v>
      </c>
      <c r="K4010" s="190">
        <v>1</v>
      </c>
      <c r="L4010" s="190">
        <v>0</v>
      </c>
      <c r="M4010" s="190">
        <v>0</v>
      </c>
      <c r="N4010" s="190">
        <v>0</v>
      </c>
      <c r="O4010" s="190">
        <v>0</v>
      </c>
      <c r="P4010" s="190">
        <v>1</v>
      </c>
      <c r="Q4010" s="190">
        <v>0</v>
      </c>
      <c r="R4010" s="190">
        <v>0</v>
      </c>
      <c r="S4010" s="190">
        <v>0</v>
      </c>
      <c r="T4010" s="190">
        <v>0</v>
      </c>
      <c r="U4010" s="99"/>
      <c r="V4010" s="99"/>
      <c r="W4010" s="99"/>
      <c r="X4010" s="99"/>
      <c r="Y4010" s="99"/>
      <c r="Z4010" s="99"/>
      <c r="AA4010" s="99"/>
      <c r="AB4010" s="99"/>
      <c r="AC4010" s="99"/>
      <c r="AD4010" s="99"/>
      <c r="AE4010" s="99"/>
      <c r="AF4010" s="99"/>
      <c r="AG4010" s="99"/>
      <c r="AH4010" s="99"/>
      <c r="AI4010" s="99"/>
      <c r="AJ4010" s="99"/>
      <c r="AK4010" s="99"/>
      <c r="AL4010" s="99"/>
      <c r="AM4010" s="99"/>
      <c r="AN4010" s="99"/>
      <c r="AO4010" s="99"/>
      <c r="AP4010" s="99"/>
      <c r="AQ4010" s="99"/>
      <c r="AR4010" s="99"/>
      <c r="AS4010" s="99"/>
      <c r="AT4010" s="99"/>
      <c r="AU4010" s="99"/>
      <c r="AV4010" s="99"/>
      <c r="AW4010" s="99"/>
      <c r="AX4010" s="99"/>
      <c r="AY4010" s="99"/>
      <c r="AZ4010" s="99"/>
      <c r="BA4010" s="99"/>
      <c r="BB4010" s="107">
        <v>45884</v>
      </c>
    </row>
    <row r="4011" spans="1:54" s="238" customFormat="1" ht="13.95" customHeight="1" x14ac:dyDescent="0.25">
      <c r="A4011" s="236" t="s">
        <v>8722</v>
      </c>
      <c r="B4011" s="220" t="s">
        <v>8672</v>
      </c>
      <c r="C4011" s="190" t="s">
        <v>8723</v>
      </c>
      <c r="D4011" s="190" t="s">
        <v>8724</v>
      </c>
      <c r="E4011" s="237">
        <v>2000</v>
      </c>
      <c r="F4011" s="237">
        <v>100</v>
      </c>
      <c r="G4011" s="190" t="s">
        <v>1</v>
      </c>
      <c r="H4011" s="190">
        <v>0</v>
      </c>
      <c r="I4011" s="190">
        <v>0</v>
      </c>
      <c r="J4011" s="190">
        <v>0</v>
      </c>
      <c r="K4011" s="190">
        <v>1</v>
      </c>
      <c r="L4011" s="190">
        <v>0</v>
      </c>
      <c r="M4011" s="190">
        <v>0</v>
      </c>
      <c r="N4011" s="190">
        <v>0</v>
      </c>
      <c r="O4011" s="190">
        <v>0</v>
      </c>
      <c r="P4011" s="190">
        <v>1</v>
      </c>
      <c r="Q4011" s="190">
        <v>0</v>
      </c>
      <c r="R4011" s="190">
        <v>0</v>
      </c>
      <c r="S4011" s="190">
        <v>0</v>
      </c>
      <c r="T4011" s="190">
        <v>0</v>
      </c>
      <c r="U4011" s="99"/>
      <c r="V4011" s="99"/>
      <c r="W4011" s="99"/>
      <c r="X4011" s="99"/>
      <c r="Y4011" s="99"/>
      <c r="Z4011" s="99"/>
      <c r="AA4011" s="99"/>
      <c r="AB4011" s="99"/>
      <c r="AC4011" s="99"/>
      <c r="AD4011" s="99"/>
      <c r="AE4011" s="99"/>
      <c r="AF4011" s="99"/>
      <c r="AG4011" s="99"/>
      <c r="AH4011" s="99"/>
      <c r="AI4011" s="99"/>
      <c r="AJ4011" s="99"/>
      <c r="AK4011" s="99"/>
      <c r="AL4011" s="99"/>
      <c r="AM4011" s="99"/>
      <c r="AN4011" s="99"/>
      <c r="AO4011" s="99"/>
      <c r="AP4011" s="99"/>
      <c r="AQ4011" s="99"/>
      <c r="AR4011" s="99"/>
      <c r="AS4011" s="99"/>
      <c r="AT4011" s="99"/>
      <c r="AU4011" s="99"/>
      <c r="AV4011" s="99"/>
      <c r="AW4011" s="99"/>
      <c r="AX4011" s="99"/>
      <c r="AY4011" s="99"/>
      <c r="AZ4011" s="99"/>
      <c r="BA4011" s="99"/>
      <c r="BB4011" s="107">
        <v>45884</v>
      </c>
    </row>
    <row r="4012" spans="1:54" s="238" customFormat="1" ht="13.95" customHeight="1" x14ac:dyDescent="0.25">
      <c r="A4012" s="236" t="s">
        <v>8725</v>
      </c>
      <c r="B4012" s="220" t="s">
        <v>8672</v>
      </c>
      <c r="C4012" s="190" t="s">
        <v>8726</v>
      </c>
      <c r="D4012" s="190" t="s">
        <v>8727</v>
      </c>
      <c r="E4012" s="237">
        <v>2002</v>
      </c>
      <c r="F4012" s="237">
        <v>100</v>
      </c>
      <c r="G4012" s="190" t="s">
        <v>1</v>
      </c>
      <c r="H4012" s="190">
        <v>0</v>
      </c>
      <c r="I4012" s="190">
        <v>0</v>
      </c>
      <c r="J4012" s="190">
        <v>0</v>
      </c>
      <c r="K4012" s="190">
        <v>1</v>
      </c>
      <c r="L4012" s="190">
        <v>0</v>
      </c>
      <c r="M4012" s="190">
        <v>0</v>
      </c>
      <c r="N4012" s="190">
        <v>0</v>
      </c>
      <c r="O4012" s="190">
        <v>0</v>
      </c>
      <c r="P4012" s="190">
        <v>1</v>
      </c>
      <c r="Q4012" s="190">
        <v>0</v>
      </c>
      <c r="R4012" s="190">
        <v>0</v>
      </c>
      <c r="S4012" s="190">
        <v>0</v>
      </c>
      <c r="T4012" s="190">
        <v>0</v>
      </c>
      <c r="U4012" s="99"/>
      <c r="V4012" s="99"/>
      <c r="W4012" s="99"/>
      <c r="X4012" s="99"/>
      <c r="Y4012" s="99"/>
      <c r="Z4012" s="99"/>
      <c r="AA4012" s="99"/>
      <c r="AB4012" s="99"/>
      <c r="AC4012" s="99"/>
      <c r="AD4012" s="99"/>
      <c r="AE4012" s="99"/>
      <c r="AF4012" s="99"/>
      <c r="AG4012" s="99"/>
      <c r="AH4012" s="99"/>
      <c r="AI4012" s="99"/>
      <c r="AJ4012" s="99"/>
      <c r="AK4012" s="99"/>
      <c r="AL4012" s="99"/>
      <c r="AM4012" s="99"/>
      <c r="AN4012" s="99"/>
      <c r="AO4012" s="99"/>
      <c r="AP4012" s="99"/>
      <c r="AQ4012" s="99"/>
      <c r="AR4012" s="99"/>
      <c r="AS4012" s="99"/>
      <c r="AT4012" s="99"/>
      <c r="AU4012" s="99"/>
      <c r="AV4012" s="99"/>
      <c r="AW4012" s="99"/>
      <c r="AX4012" s="99"/>
      <c r="AY4012" s="99"/>
      <c r="AZ4012" s="99"/>
      <c r="BA4012" s="99"/>
      <c r="BB4012" s="107">
        <v>45884</v>
      </c>
    </row>
    <row r="4013" spans="1:54" s="238" customFormat="1" ht="13.95" customHeight="1" x14ac:dyDescent="0.25">
      <c r="A4013" s="236" t="s">
        <v>8728</v>
      </c>
      <c r="B4013" s="220" t="s">
        <v>8672</v>
      </c>
      <c r="C4013" s="190" t="s">
        <v>8729</v>
      </c>
      <c r="D4013" s="190" t="s">
        <v>8730</v>
      </c>
      <c r="E4013" s="237">
        <v>1981</v>
      </c>
      <c r="F4013" s="237">
        <v>100</v>
      </c>
      <c r="G4013" s="190" t="s">
        <v>1</v>
      </c>
      <c r="H4013" s="190">
        <v>0</v>
      </c>
      <c r="I4013" s="190">
        <v>0</v>
      </c>
      <c r="J4013" s="190">
        <v>0</v>
      </c>
      <c r="K4013" s="190">
        <v>1</v>
      </c>
      <c r="L4013" s="190">
        <v>0</v>
      </c>
      <c r="M4013" s="190">
        <v>0</v>
      </c>
      <c r="N4013" s="190">
        <v>0</v>
      </c>
      <c r="O4013" s="190">
        <v>0</v>
      </c>
      <c r="P4013" s="190">
        <v>1</v>
      </c>
      <c r="Q4013" s="190">
        <v>0</v>
      </c>
      <c r="R4013" s="190">
        <v>0</v>
      </c>
      <c r="S4013" s="190">
        <v>0</v>
      </c>
      <c r="T4013" s="190">
        <v>0</v>
      </c>
      <c r="U4013" s="99"/>
      <c r="V4013" s="99"/>
      <c r="W4013" s="99"/>
      <c r="X4013" s="99"/>
      <c r="Y4013" s="99"/>
      <c r="Z4013" s="99"/>
      <c r="AA4013" s="99"/>
      <c r="AB4013" s="99"/>
      <c r="AC4013" s="99"/>
      <c r="AD4013" s="99"/>
      <c r="AE4013" s="99"/>
      <c r="AF4013" s="99"/>
      <c r="AG4013" s="99"/>
      <c r="AH4013" s="99"/>
      <c r="AI4013" s="99"/>
      <c r="AJ4013" s="99"/>
      <c r="AK4013" s="99"/>
      <c r="AL4013" s="99"/>
      <c r="AM4013" s="99"/>
      <c r="AN4013" s="99"/>
      <c r="AO4013" s="99"/>
      <c r="AP4013" s="99"/>
      <c r="AQ4013" s="99"/>
      <c r="AR4013" s="99"/>
      <c r="AS4013" s="99"/>
      <c r="AT4013" s="99"/>
      <c r="AU4013" s="99"/>
      <c r="AV4013" s="99"/>
      <c r="AW4013" s="99"/>
      <c r="AX4013" s="99"/>
      <c r="AY4013" s="99"/>
      <c r="AZ4013" s="99"/>
      <c r="BA4013" s="99"/>
      <c r="BB4013" s="107">
        <v>45884</v>
      </c>
    </row>
    <row r="4014" spans="1:54" s="238" customFormat="1" ht="13.95" customHeight="1" x14ac:dyDescent="0.25">
      <c r="A4014" s="236" t="s">
        <v>8731</v>
      </c>
      <c r="B4014" s="220" t="s">
        <v>8672</v>
      </c>
      <c r="C4014" s="190" t="s">
        <v>8732</v>
      </c>
      <c r="D4014" s="190" t="s">
        <v>8733</v>
      </c>
      <c r="E4014" s="237">
        <v>1981</v>
      </c>
      <c r="F4014" s="237">
        <v>100</v>
      </c>
      <c r="G4014" s="190" t="s">
        <v>1</v>
      </c>
      <c r="H4014" s="190">
        <v>0</v>
      </c>
      <c r="I4014" s="190">
        <v>0</v>
      </c>
      <c r="J4014" s="190">
        <v>0</v>
      </c>
      <c r="K4014" s="190">
        <v>1</v>
      </c>
      <c r="L4014" s="190">
        <v>0</v>
      </c>
      <c r="M4014" s="190">
        <v>0</v>
      </c>
      <c r="N4014" s="190">
        <v>0</v>
      </c>
      <c r="O4014" s="190">
        <v>0</v>
      </c>
      <c r="P4014" s="190">
        <v>0</v>
      </c>
      <c r="Q4014" s="190">
        <v>0</v>
      </c>
      <c r="R4014" s="190">
        <v>0</v>
      </c>
      <c r="S4014" s="190">
        <v>0</v>
      </c>
      <c r="T4014" s="190">
        <v>0</v>
      </c>
      <c r="U4014" s="99"/>
      <c r="V4014" s="99"/>
      <c r="W4014" s="99"/>
      <c r="X4014" s="99"/>
      <c r="Y4014" s="99"/>
      <c r="Z4014" s="99"/>
      <c r="AA4014" s="99"/>
      <c r="AB4014" s="99"/>
      <c r="AC4014" s="99"/>
      <c r="AD4014" s="99"/>
      <c r="AE4014" s="99"/>
      <c r="AF4014" s="99"/>
      <c r="AG4014" s="99"/>
      <c r="AH4014" s="99"/>
      <c r="AI4014" s="99"/>
      <c r="AJ4014" s="99"/>
      <c r="AK4014" s="99"/>
      <c r="AL4014" s="99"/>
      <c r="AM4014" s="99"/>
      <c r="AN4014" s="99"/>
      <c r="AO4014" s="99"/>
      <c r="AP4014" s="99"/>
      <c r="AQ4014" s="99"/>
      <c r="AR4014" s="99"/>
      <c r="AS4014" s="99"/>
      <c r="AT4014" s="99"/>
      <c r="AU4014" s="99"/>
      <c r="AV4014" s="99"/>
      <c r="AW4014" s="99"/>
      <c r="AX4014" s="99"/>
      <c r="AY4014" s="99"/>
      <c r="AZ4014" s="99"/>
      <c r="BA4014" s="99"/>
      <c r="BB4014" s="107">
        <v>45884</v>
      </c>
    </row>
    <row r="4015" spans="1:54" s="238" customFormat="1" ht="13.95" customHeight="1" x14ac:dyDescent="0.25">
      <c r="A4015" s="236" t="s">
        <v>8734</v>
      </c>
      <c r="B4015" s="220" t="s">
        <v>8672</v>
      </c>
      <c r="C4015" s="190" t="s">
        <v>8735</v>
      </c>
      <c r="D4015" s="190" t="s">
        <v>8736</v>
      </c>
      <c r="E4015" s="237">
        <v>2003</v>
      </c>
      <c r="F4015" s="237">
        <v>100</v>
      </c>
      <c r="G4015" s="190" t="s">
        <v>1</v>
      </c>
      <c r="H4015" s="190">
        <v>0</v>
      </c>
      <c r="I4015" s="190">
        <v>0</v>
      </c>
      <c r="J4015" s="190">
        <v>0</v>
      </c>
      <c r="K4015" s="190">
        <v>1</v>
      </c>
      <c r="L4015" s="190">
        <v>0</v>
      </c>
      <c r="M4015" s="190">
        <v>0</v>
      </c>
      <c r="N4015" s="190">
        <v>0</v>
      </c>
      <c r="O4015" s="190">
        <v>0</v>
      </c>
      <c r="P4015" s="190">
        <v>1</v>
      </c>
      <c r="Q4015" s="190">
        <v>0</v>
      </c>
      <c r="R4015" s="190">
        <v>0</v>
      </c>
      <c r="S4015" s="190">
        <v>0</v>
      </c>
      <c r="T4015" s="190">
        <v>0</v>
      </c>
      <c r="U4015" s="99"/>
      <c r="V4015" s="99"/>
      <c r="W4015" s="99"/>
      <c r="X4015" s="99"/>
      <c r="Y4015" s="99"/>
      <c r="Z4015" s="99"/>
      <c r="AA4015" s="99"/>
      <c r="AB4015" s="99"/>
      <c r="AC4015" s="99"/>
      <c r="AD4015" s="99"/>
      <c r="AE4015" s="99"/>
      <c r="AF4015" s="99"/>
      <c r="AG4015" s="99"/>
      <c r="AH4015" s="99"/>
      <c r="AI4015" s="99"/>
      <c r="AJ4015" s="99"/>
      <c r="AK4015" s="99"/>
      <c r="AL4015" s="99"/>
      <c r="AM4015" s="99"/>
      <c r="AN4015" s="99"/>
      <c r="AO4015" s="99"/>
      <c r="AP4015" s="99"/>
      <c r="AQ4015" s="99"/>
      <c r="AR4015" s="99"/>
      <c r="AS4015" s="99"/>
      <c r="AT4015" s="99"/>
      <c r="AU4015" s="99"/>
      <c r="AV4015" s="99"/>
      <c r="AW4015" s="99"/>
      <c r="AX4015" s="99"/>
      <c r="AY4015" s="99"/>
      <c r="AZ4015" s="99"/>
      <c r="BA4015" s="99"/>
      <c r="BB4015" s="107">
        <v>45884</v>
      </c>
    </row>
    <row r="4016" spans="1:54" s="238" customFormat="1" ht="13.95" customHeight="1" x14ac:dyDescent="0.25">
      <c r="A4016" s="236" t="s">
        <v>8737</v>
      </c>
      <c r="B4016" s="220" t="s">
        <v>8672</v>
      </c>
      <c r="C4016" s="190" t="s">
        <v>8738</v>
      </c>
      <c r="D4016" s="190" t="s">
        <v>8739</v>
      </c>
      <c r="E4016" s="237">
        <v>1982</v>
      </c>
      <c r="F4016" s="237">
        <v>100</v>
      </c>
      <c r="G4016" s="190" t="s">
        <v>1</v>
      </c>
      <c r="H4016" s="190">
        <v>0</v>
      </c>
      <c r="I4016" s="190">
        <v>0</v>
      </c>
      <c r="J4016" s="190">
        <v>0</v>
      </c>
      <c r="K4016" s="190">
        <v>1</v>
      </c>
      <c r="L4016" s="190">
        <v>0</v>
      </c>
      <c r="M4016" s="190">
        <v>0</v>
      </c>
      <c r="N4016" s="190">
        <v>0</v>
      </c>
      <c r="O4016" s="190">
        <v>0</v>
      </c>
      <c r="P4016" s="190">
        <v>0</v>
      </c>
      <c r="Q4016" s="190">
        <v>0</v>
      </c>
      <c r="R4016" s="190">
        <v>0</v>
      </c>
      <c r="S4016" s="190">
        <v>0</v>
      </c>
      <c r="T4016" s="190">
        <v>0</v>
      </c>
      <c r="U4016" s="99"/>
      <c r="V4016" s="99"/>
      <c r="W4016" s="99"/>
      <c r="X4016" s="99"/>
      <c r="Y4016" s="99"/>
      <c r="Z4016" s="99"/>
      <c r="AA4016" s="99"/>
      <c r="AB4016" s="99"/>
      <c r="AC4016" s="99"/>
      <c r="AD4016" s="99"/>
      <c r="AE4016" s="99"/>
      <c r="AF4016" s="99"/>
      <c r="AG4016" s="99"/>
      <c r="AH4016" s="99"/>
      <c r="AI4016" s="99"/>
      <c r="AJ4016" s="99"/>
      <c r="AK4016" s="99"/>
      <c r="AL4016" s="99"/>
      <c r="AM4016" s="99"/>
      <c r="AN4016" s="99"/>
      <c r="AO4016" s="99"/>
      <c r="AP4016" s="99"/>
      <c r="AQ4016" s="99"/>
      <c r="AR4016" s="99"/>
      <c r="AS4016" s="99"/>
      <c r="AT4016" s="99"/>
      <c r="AU4016" s="99"/>
      <c r="AV4016" s="99"/>
      <c r="AW4016" s="99"/>
      <c r="AX4016" s="99"/>
      <c r="AY4016" s="99"/>
      <c r="AZ4016" s="99"/>
      <c r="BA4016" s="99"/>
      <c r="BB4016" s="107">
        <v>45884</v>
      </c>
    </row>
    <row r="4017" spans="1:54" s="238" customFormat="1" ht="13.95" customHeight="1" x14ac:dyDescent="0.25">
      <c r="A4017" s="236" t="s">
        <v>8740</v>
      </c>
      <c r="B4017" s="220" t="s">
        <v>8672</v>
      </c>
      <c r="C4017" s="190" t="s">
        <v>8741</v>
      </c>
      <c r="D4017" s="190" t="s">
        <v>8742</v>
      </c>
      <c r="E4017" s="237">
        <v>1983</v>
      </c>
      <c r="F4017" s="237">
        <v>100</v>
      </c>
      <c r="G4017" s="190" t="s">
        <v>1</v>
      </c>
      <c r="H4017" s="190">
        <v>0</v>
      </c>
      <c r="I4017" s="190">
        <v>0</v>
      </c>
      <c r="J4017" s="190">
        <v>0</v>
      </c>
      <c r="K4017" s="190">
        <v>1</v>
      </c>
      <c r="L4017" s="190">
        <v>0</v>
      </c>
      <c r="M4017" s="190">
        <v>0</v>
      </c>
      <c r="N4017" s="190">
        <v>0</v>
      </c>
      <c r="O4017" s="190">
        <v>0</v>
      </c>
      <c r="P4017" s="190">
        <v>0</v>
      </c>
      <c r="Q4017" s="190">
        <v>0</v>
      </c>
      <c r="R4017" s="190">
        <v>0</v>
      </c>
      <c r="S4017" s="190">
        <v>0</v>
      </c>
      <c r="T4017" s="190">
        <v>0</v>
      </c>
      <c r="U4017" s="99"/>
      <c r="V4017" s="99"/>
      <c r="W4017" s="99"/>
      <c r="X4017" s="99"/>
      <c r="Y4017" s="99"/>
      <c r="Z4017" s="99"/>
      <c r="AA4017" s="99"/>
      <c r="AB4017" s="99"/>
      <c r="AC4017" s="99"/>
      <c r="AD4017" s="99"/>
      <c r="AE4017" s="99"/>
      <c r="AF4017" s="99"/>
      <c r="AG4017" s="99"/>
      <c r="AH4017" s="99"/>
      <c r="AI4017" s="99"/>
      <c r="AJ4017" s="99"/>
      <c r="AK4017" s="99"/>
      <c r="AL4017" s="99"/>
      <c r="AM4017" s="99"/>
      <c r="AN4017" s="99"/>
      <c r="AO4017" s="99"/>
      <c r="AP4017" s="99"/>
      <c r="AQ4017" s="99"/>
      <c r="AR4017" s="99"/>
      <c r="AS4017" s="99"/>
      <c r="AT4017" s="99"/>
      <c r="AU4017" s="99"/>
      <c r="AV4017" s="99"/>
      <c r="AW4017" s="99"/>
      <c r="AX4017" s="99"/>
      <c r="AY4017" s="99"/>
      <c r="AZ4017" s="99"/>
      <c r="BA4017" s="99"/>
      <c r="BB4017" s="107">
        <v>45884</v>
      </c>
    </row>
    <row r="4018" spans="1:54" s="238" customFormat="1" ht="13.95" customHeight="1" x14ac:dyDescent="0.25">
      <c r="A4018" s="236" t="s">
        <v>8743</v>
      </c>
      <c r="B4018" s="220" t="s">
        <v>8672</v>
      </c>
      <c r="C4018" s="190" t="s">
        <v>8744</v>
      </c>
      <c r="D4018" s="190" t="s">
        <v>8745</v>
      </c>
      <c r="E4018" s="237">
        <v>2010</v>
      </c>
      <c r="F4018" s="237">
        <v>100</v>
      </c>
      <c r="G4018" s="190" t="s">
        <v>1</v>
      </c>
      <c r="H4018" s="190">
        <v>0</v>
      </c>
      <c r="I4018" s="190">
        <v>0</v>
      </c>
      <c r="J4018" s="190">
        <v>1</v>
      </c>
      <c r="K4018" s="190">
        <v>0</v>
      </c>
      <c r="L4018" s="190">
        <v>0</v>
      </c>
      <c r="M4018" s="190">
        <v>0</v>
      </c>
      <c r="N4018" s="190">
        <v>0</v>
      </c>
      <c r="O4018" s="190">
        <v>1</v>
      </c>
      <c r="P4018" s="190">
        <v>0</v>
      </c>
      <c r="Q4018" s="190">
        <v>0</v>
      </c>
      <c r="R4018" s="190">
        <v>1</v>
      </c>
      <c r="S4018" s="190">
        <v>0</v>
      </c>
      <c r="T4018" s="190">
        <v>0</v>
      </c>
      <c r="U4018" s="99"/>
      <c r="V4018" s="99"/>
      <c r="W4018" s="99"/>
      <c r="X4018" s="99"/>
      <c r="Y4018" s="99"/>
      <c r="Z4018" s="99"/>
      <c r="AA4018" s="99"/>
      <c r="AB4018" s="99"/>
      <c r="AC4018" s="99"/>
      <c r="AD4018" s="99"/>
      <c r="AE4018" s="99"/>
      <c r="AF4018" s="99"/>
      <c r="AG4018" s="99"/>
      <c r="AH4018" s="99"/>
      <c r="AI4018" s="99"/>
      <c r="AJ4018" s="99"/>
      <c r="AK4018" s="99"/>
      <c r="AL4018" s="99"/>
      <c r="AM4018" s="99"/>
      <c r="AN4018" s="99"/>
      <c r="AO4018" s="99"/>
      <c r="AP4018" s="99"/>
      <c r="AQ4018" s="99"/>
      <c r="AR4018" s="99"/>
      <c r="AS4018" s="99"/>
      <c r="AT4018" s="99"/>
      <c r="AU4018" s="99"/>
      <c r="AV4018" s="99"/>
      <c r="AW4018" s="99"/>
      <c r="AX4018" s="99"/>
      <c r="AY4018" s="99"/>
      <c r="AZ4018" s="99"/>
      <c r="BA4018" s="99"/>
      <c r="BB4018" s="107">
        <v>45884</v>
      </c>
    </row>
    <row r="4019" spans="1:54" s="238" customFormat="1" ht="13.95" customHeight="1" x14ac:dyDescent="0.25">
      <c r="A4019" s="236" t="s">
        <v>8746</v>
      </c>
      <c r="B4019" s="220" t="s">
        <v>8672</v>
      </c>
      <c r="C4019" s="190" t="s">
        <v>8747</v>
      </c>
      <c r="D4019" s="190" t="s">
        <v>8748</v>
      </c>
      <c r="E4019" s="237">
        <v>2006</v>
      </c>
      <c r="F4019" s="237">
        <v>100</v>
      </c>
      <c r="G4019" s="190" t="s">
        <v>1</v>
      </c>
      <c r="H4019" s="190">
        <v>0</v>
      </c>
      <c r="I4019" s="190">
        <v>0</v>
      </c>
      <c r="J4019" s="190">
        <v>1</v>
      </c>
      <c r="K4019" s="190">
        <v>1</v>
      </c>
      <c r="L4019" s="190">
        <v>1</v>
      </c>
      <c r="M4019" s="190">
        <v>0</v>
      </c>
      <c r="N4019" s="190">
        <v>0</v>
      </c>
      <c r="O4019" s="190">
        <v>0</v>
      </c>
      <c r="P4019" s="190">
        <v>0</v>
      </c>
      <c r="Q4019" s="190">
        <v>0</v>
      </c>
      <c r="R4019" s="190">
        <v>0</v>
      </c>
      <c r="S4019" s="190">
        <v>0</v>
      </c>
      <c r="T4019" s="190">
        <v>0</v>
      </c>
      <c r="U4019" s="99"/>
      <c r="V4019" s="99"/>
      <c r="W4019" s="99"/>
      <c r="X4019" s="99"/>
      <c r="Y4019" s="99"/>
      <c r="Z4019" s="99"/>
      <c r="AA4019" s="99"/>
      <c r="AB4019" s="99"/>
      <c r="AC4019" s="99"/>
      <c r="AD4019" s="99"/>
      <c r="AE4019" s="99"/>
      <c r="AF4019" s="99"/>
      <c r="AG4019" s="99"/>
      <c r="AH4019" s="99"/>
      <c r="AI4019" s="99"/>
      <c r="AJ4019" s="99"/>
      <c r="AK4019" s="99"/>
      <c r="AL4019" s="99"/>
      <c r="AM4019" s="99"/>
      <c r="AN4019" s="99"/>
      <c r="AO4019" s="99"/>
      <c r="AP4019" s="99"/>
      <c r="AQ4019" s="99"/>
      <c r="AR4019" s="99"/>
      <c r="AS4019" s="99"/>
      <c r="AT4019" s="99"/>
      <c r="AU4019" s="99"/>
      <c r="AV4019" s="99"/>
      <c r="AW4019" s="99"/>
      <c r="AX4019" s="99"/>
      <c r="AY4019" s="99"/>
      <c r="AZ4019" s="99"/>
      <c r="BA4019" s="99"/>
      <c r="BB4019" s="107">
        <v>45884</v>
      </c>
    </row>
    <row r="4020" spans="1:54" s="238" customFormat="1" ht="13.95" customHeight="1" x14ac:dyDescent="0.25">
      <c r="A4020" s="236" t="s">
        <v>8749</v>
      </c>
      <c r="B4020" s="220" t="s">
        <v>8672</v>
      </c>
      <c r="C4020" s="190" t="s">
        <v>8750</v>
      </c>
      <c r="D4020" s="190" t="s">
        <v>8751</v>
      </c>
      <c r="E4020" s="237">
        <v>1990</v>
      </c>
      <c r="F4020" s="237">
        <v>100</v>
      </c>
      <c r="G4020" s="190" t="s">
        <v>1</v>
      </c>
      <c r="H4020" s="190">
        <v>0</v>
      </c>
      <c r="I4020" s="190">
        <v>0</v>
      </c>
      <c r="J4020" s="190">
        <v>0</v>
      </c>
      <c r="K4020" s="190">
        <v>1</v>
      </c>
      <c r="L4020" s="190">
        <v>0</v>
      </c>
      <c r="M4020" s="190">
        <v>0</v>
      </c>
      <c r="N4020" s="190">
        <v>0</v>
      </c>
      <c r="O4020" s="190">
        <v>0</v>
      </c>
      <c r="P4020" s="190">
        <v>1</v>
      </c>
      <c r="Q4020" s="190">
        <v>0</v>
      </c>
      <c r="R4020" s="190">
        <v>0</v>
      </c>
      <c r="S4020" s="190">
        <v>0</v>
      </c>
      <c r="T4020" s="190">
        <v>0</v>
      </c>
      <c r="U4020" s="99"/>
      <c r="V4020" s="99"/>
      <c r="W4020" s="99"/>
      <c r="X4020" s="99"/>
      <c r="Y4020" s="99"/>
      <c r="Z4020" s="99"/>
      <c r="AA4020" s="99"/>
      <c r="AB4020" s="99"/>
      <c r="AC4020" s="99"/>
      <c r="AD4020" s="99"/>
      <c r="AE4020" s="99"/>
      <c r="AF4020" s="99"/>
      <c r="AG4020" s="99"/>
      <c r="AH4020" s="99"/>
      <c r="AI4020" s="99"/>
      <c r="AJ4020" s="99"/>
      <c r="AK4020" s="99"/>
      <c r="AL4020" s="99"/>
      <c r="AM4020" s="99"/>
      <c r="AN4020" s="99"/>
      <c r="AO4020" s="99"/>
      <c r="AP4020" s="99"/>
      <c r="AQ4020" s="99"/>
      <c r="AR4020" s="99"/>
      <c r="AS4020" s="99"/>
      <c r="AT4020" s="99"/>
      <c r="AU4020" s="99"/>
      <c r="AV4020" s="99"/>
      <c r="AW4020" s="99"/>
      <c r="AX4020" s="99"/>
      <c r="AY4020" s="99"/>
      <c r="AZ4020" s="99"/>
      <c r="BA4020" s="99"/>
      <c r="BB4020" s="107">
        <v>45884</v>
      </c>
    </row>
    <row r="4021" spans="1:54" s="238" customFormat="1" ht="13.95" customHeight="1" x14ac:dyDescent="0.25">
      <c r="A4021" s="236" t="s">
        <v>8752</v>
      </c>
      <c r="B4021" s="220" t="s">
        <v>8672</v>
      </c>
      <c r="C4021" s="190" t="s">
        <v>8753</v>
      </c>
      <c r="D4021" s="190" t="s">
        <v>8754</v>
      </c>
      <c r="E4021" s="237">
        <v>2006</v>
      </c>
      <c r="F4021" s="237">
        <v>100</v>
      </c>
      <c r="G4021" s="190" t="s">
        <v>1</v>
      </c>
      <c r="H4021" s="190">
        <v>0</v>
      </c>
      <c r="I4021" s="190">
        <v>0</v>
      </c>
      <c r="J4021" s="190">
        <v>0</v>
      </c>
      <c r="K4021" s="190">
        <v>1</v>
      </c>
      <c r="L4021" s="190">
        <v>0</v>
      </c>
      <c r="M4021" s="190">
        <v>0</v>
      </c>
      <c r="N4021" s="190">
        <v>0</v>
      </c>
      <c r="O4021" s="190">
        <v>0</v>
      </c>
      <c r="P4021" s="190">
        <v>1</v>
      </c>
      <c r="Q4021" s="190">
        <v>0</v>
      </c>
      <c r="R4021" s="190">
        <v>0</v>
      </c>
      <c r="S4021" s="190">
        <v>0</v>
      </c>
      <c r="T4021" s="190">
        <v>0</v>
      </c>
      <c r="U4021" s="99"/>
      <c r="V4021" s="99"/>
      <c r="W4021" s="99"/>
      <c r="X4021" s="99"/>
      <c r="Y4021" s="99"/>
      <c r="Z4021" s="99"/>
      <c r="AA4021" s="99"/>
      <c r="AB4021" s="99"/>
      <c r="AC4021" s="99"/>
      <c r="AD4021" s="99"/>
      <c r="AE4021" s="99"/>
      <c r="AF4021" s="99"/>
      <c r="AG4021" s="99"/>
      <c r="AH4021" s="99"/>
      <c r="AI4021" s="99"/>
      <c r="AJ4021" s="99"/>
      <c r="AK4021" s="99"/>
      <c r="AL4021" s="99"/>
      <c r="AM4021" s="99"/>
      <c r="AN4021" s="99"/>
      <c r="AO4021" s="99"/>
      <c r="AP4021" s="99"/>
      <c r="AQ4021" s="99"/>
      <c r="AR4021" s="99"/>
      <c r="AS4021" s="99"/>
      <c r="AT4021" s="99"/>
      <c r="AU4021" s="99"/>
      <c r="AV4021" s="99"/>
      <c r="AW4021" s="99"/>
      <c r="AX4021" s="99"/>
      <c r="AY4021" s="99"/>
      <c r="AZ4021" s="99"/>
      <c r="BA4021" s="99"/>
      <c r="BB4021" s="107">
        <v>45884</v>
      </c>
    </row>
    <row r="4022" spans="1:54" s="238" customFormat="1" ht="13.95" customHeight="1" x14ac:dyDescent="0.25">
      <c r="A4022" s="236" t="s">
        <v>8755</v>
      </c>
      <c r="B4022" s="220" t="s">
        <v>8672</v>
      </c>
      <c r="C4022" s="190" t="s">
        <v>8756</v>
      </c>
      <c r="D4022" s="190" t="s">
        <v>8757</v>
      </c>
      <c r="E4022" s="237">
        <v>1994</v>
      </c>
      <c r="F4022" s="237">
        <v>100</v>
      </c>
      <c r="G4022" s="190" t="s">
        <v>1</v>
      </c>
      <c r="H4022" s="190">
        <v>0</v>
      </c>
      <c r="I4022" s="190">
        <v>0</v>
      </c>
      <c r="J4022" s="190">
        <v>1</v>
      </c>
      <c r="K4022" s="190">
        <v>1</v>
      </c>
      <c r="L4022" s="190">
        <v>1</v>
      </c>
      <c r="M4022" s="190">
        <v>0</v>
      </c>
      <c r="N4022" s="190">
        <v>0</v>
      </c>
      <c r="O4022" s="190">
        <v>0</v>
      </c>
      <c r="P4022" s="190">
        <v>0</v>
      </c>
      <c r="Q4022" s="190">
        <v>0</v>
      </c>
      <c r="R4022" s="190">
        <v>0</v>
      </c>
      <c r="S4022" s="190">
        <v>0</v>
      </c>
      <c r="T4022" s="190">
        <v>0</v>
      </c>
      <c r="U4022" s="99"/>
      <c r="V4022" s="99"/>
      <c r="W4022" s="99"/>
      <c r="X4022" s="99"/>
      <c r="Y4022" s="99"/>
      <c r="Z4022" s="99"/>
      <c r="AA4022" s="99"/>
      <c r="AB4022" s="99"/>
      <c r="AC4022" s="99"/>
      <c r="AD4022" s="99"/>
      <c r="AE4022" s="99"/>
      <c r="AF4022" s="99"/>
      <c r="AG4022" s="99"/>
      <c r="AH4022" s="99"/>
      <c r="AI4022" s="99"/>
      <c r="AJ4022" s="99"/>
      <c r="AK4022" s="99"/>
      <c r="AL4022" s="99"/>
      <c r="AM4022" s="99"/>
      <c r="AN4022" s="99"/>
      <c r="AO4022" s="99"/>
      <c r="AP4022" s="99"/>
      <c r="AQ4022" s="99"/>
      <c r="AR4022" s="99"/>
      <c r="AS4022" s="99"/>
      <c r="AT4022" s="99"/>
      <c r="AU4022" s="99"/>
      <c r="AV4022" s="99"/>
      <c r="AW4022" s="99"/>
      <c r="AX4022" s="99"/>
      <c r="AY4022" s="99"/>
      <c r="AZ4022" s="99"/>
      <c r="BA4022" s="99"/>
      <c r="BB4022" s="107">
        <v>45884</v>
      </c>
    </row>
    <row r="4023" spans="1:54" s="238" customFormat="1" ht="13.95" customHeight="1" x14ac:dyDescent="0.25">
      <c r="A4023" s="236" t="s">
        <v>8758</v>
      </c>
      <c r="B4023" s="220" t="s">
        <v>8672</v>
      </c>
      <c r="C4023" s="190" t="s">
        <v>8759</v>
      </c>
      <c r="D4023" s="190" t="s">
        <v>8760</v>
      </c>
      <c r="E4023" s="237">
        <v>2007</v>
      </c>
      <c r="F4023" s="237">
        <v>100</v>
      </c>
      <c r="G4023" s="190" t="s">
        <v>1</v>
      </c>
      <c r="H4023" s="190">
        <v>0</v>
      </c>
      <c r="I4023" s="190">
        <v>0</v>
      </c>
      <c r="J4023" s="190">
        <v>0</v>
      </c>
      <c r="K4023" s="190">
        <v>1</v>
      </c>
      <c r="L4023" s="190">
        <v>0</v>
      </c>
      <c r="M4023" s="190">
        <v>0</v>
      </c>
      <c r="N4023" s="190">
        <v>0</v>
      </c>
      <c r="O4023" s="190">
        <v>0</v>
      </c>
      <c r="P4023" s="190">
        <v>1</v>
      </c>
      <c r="Q4023" s="190">
        <v>0</v>
      </c>
      <c r="R4023" s="190">
        <v>0</v>
      </c>
      <c r="S4023" s="190">
        <v>0</v>
      </c>
      <c r="T4023" s="190">
        <v>0</v>
      </c>
      <c r="U4023" s="99"/>
      <c r="V4023" s="99"/>
      <c r="W4023" s="99"/>
      <c r="X4023" s="99"/>
      <c r="Y4023" s="99"/>
      <c r="Z4023" s="99"/>
      <c r="AA4023" s="99"/>
      <c r="AB4023" s="99"/>
      <c r="AC4023" s="99"/>
      <c r="AD4023" s="99"/>
      <c r="AE4023" s="99"/>
      <c r="AF4023" s="99"/>
      <c r="AG4023" s="99"/>
      <c r="AH4023" s="99"/>
      <c r="AI4023" s="99"/>
      <c r="AJ4023" s="99"/>
      <c r="AK4023" s="99"/>
      <c r="AL4023" s="99"/>
      <c r="AM4023" s="99"/>
      <c r="AN4023" s="99"/>
      <c r="AO4023" s="99"/>
      <c r="AP4023" s="99"/>
      <c r="AQ4023" s="99"/>
      <c r="AR4023" s="99"/>
      <c r="AS4023" s="99"/>
      <c r="AT4023" s="99"/>
      <c r="AU4023" s="99"/>
      <c r="AV4023" s="99"/>
      <c r="AW4023" s="99"/>
      <c r="AX4023" s="99"/>
      <c r="AY4023" s="99"/>
      <c r="AZ4023" s="99"/>
      <c r="BA4023" s="99"/>
      <c r="BB4023" s="107">
        <v>45884</v>
      </c>
    </row>
    <row r="4024" spans="1:54" s="238" customFormat="1" ht="13.95" customHeight="1" x14ac:dyDescent="0.25">
      <c r="A4024" s="236" t="s">
        <v>8761</v>
      </c>
      <c r="B4024" s="220" t="s">
        <v>8672</v>
      </c>
      <c r="C4024" s="190" t="s">
        <v>8762</v>
      </c>
      <c r="D4024" s="190" t="s">
        <v>8739</v>
      </c>
      <c r="E4024" s="237">
        <v>1997</v>
      </c>
      <c r="F4024" s="237">
        <v>100</v>
      </c>
      <c r="G4024" s="190" t="s">
        <v>1</v>
      </c>
      <c r="H4024" s="190">
        <v>0</v>
      </c>
      <c r="I4024" s="190">
        <v>0</v>
      </c>
      <c r="J4024" s="190">
        <v>0</v>
      </c>
      <c r="K4024" s="190">
        <v>1</v>
      </c>
      <c r="L4024" s="190">
        <v>0</v>
      </c>
      <c r="M4024" s="190">
        <v>0</v>
      </c>
      <c r="N4024" s="190">
        <v>0</v>
      </c>
      <c r="O4024" s="190">
        <v>0</v>
      </c>
      <c r="P4024" s="190">
        <v>0</v>
      </c>
      <c r="Q4024" s="190">
        <v>0</v>
      </c>
      <c r="R4024" s="190">
        <v>0</v>
      </c>
      <c r="S4024" s="190">
        <v>0</v>
      </c>
      <c r="T4024" s="190">
        <v>0</v>
      </c>
      <c r="U4024" s="99"/>
      <c r="V4024" s="99"/>
      <c r="W4024" s="99"/>
      <c r="X4024" s="99"/>
      <c r="Y4024" s="99"/>
      <c r="Z4024" s="99"/>
      <c r="AA4024" s="99"/>
      <c r="AB4024" s="99"/>
      <c r="AC4024" s="99"/>
      <c r="AD4024" s="99"/>
      <c r="AE4024" s="99"/>
      <c r="AF4024" s="99"/>
      <c r="AG4024" s="99"/>
      <c r="AH4024" s="99"/>
      <c r="AI4024" s="99"/>
      <c r="AJ4024" s="99"/>
      <c r="AK4024" s="99"/>
      <c r="AL4024" s="99"/>
      <c r="AM4024" s="99"/>
      <c r="AN4024" s="99"/>
      <c r="AO4024" s="99"/>
      <c r="AP4024" s="99"/>
      <c r="AQ4024" s="99"/>
      <c r="AR4024" s="99"/>
      <c r="AS4024" s="99"/>
      <c r="AT4024" s="99"/>
      <c r="AU4024" s="99"/>
      <c r="AV4024" s="99"/>
      <c r="AW4024" s="99"/>
      <c r="AX4024" s="99"/>
      <c r="AY4024" s="99"/>
      <c r="AZ4024" s="99"/>
      <c r="BA4024" s="99"/>
      <c r="BB4024" s="107">
        <v>45884</v>
      </c>
    </row>
    <row r="4025" spans="1:54" s="238" customFormat="1" ht="13.95" customHeight="1" x14ac:dyDescent="0.25">
      <c r="A4025" s="236" t="s">
        <v>8763</v>
      </c>
      <c r="B4025" s="220" t="s">
        <v>8672</v>
      </c>
      <c r="C4025" s="190" t="s">
        <v>8764</v>
      </c>
      <c r="D4025" s="190" t="s">
        <v>8765</v>
      </c>
      <c r="E4025" s="237">
        <v>1998</v>
      </c>
      <c r="F4025" s="237">
        <v>100</v>
      </c>
      <c r="G4025" s="190" t="s">
        <v>1</v>
      </c>
      <c r="H4025" s="190">
        <v>0</v>
      </c>
      <c r="I4025" s="190">
        <v>0</v>
      </c>
      <c r="J4025" s="190">
        <v>1</v>
      </c>
      <c r="K4025" s="190">
        <v>1</v>
      </c>
      <c r="L4025" s="190">
        <v>1</v>
      </c>
      <c r="M4025" s="190">
        <v>0</v>
      </c>
      <c r="N4025" s="190">
        <v>0</v>
      </c>
      <c r="O4025" s="190">
        <v>0</v>
      </c>
      <c r="P4025" s="190">
        <v>0</v>
      </c>
      <c r="Q4025" s="190">
        <v>0</v>
      </c>
      <c r="R4025" s="190">
        <v>0</v>
      </c>
      <c r="S4025" s="190">
        <v>0</v>
      </c>
      <c r="T4025" s="190">
        <v>0</v>
      </c>
      <c r="U4025" s="99"/>
      <c r="V4025" s="99"/>
      <c r="W4025" s="99"/>
      <c r="X4025" s="99"/>
      <c r="Y4025" s="99"/>
      <c r="Z4025" s="99"/>
      <c r="AA4025" s="99"/>
      <c r="AB4025" s="99"/>
      <c r="AC4025" s="99"/>
      <c r="AD4025" s="99"/>
      <c r="AE4025" s="99"/>
      <c r="AF4025" s="99"/>
      <c r="AG4025" s="99"/>
      <c r="AH4025" s="99"/>
      <c r="AI4025" s="99"/>
      <c r="AJ4025" s="99"/>
      <c r="AK4025" s="99"/>
      <c r="AL4025" s="99"/>
      <c r="AM4025" s="99"/>
      <c r="AN4025" s="99"/>
      <c r="AO4025" s="99"/>
      <c r="AP4025" s="99"/>
      <c r="AQ4025" s="99"/>
      <c r="AR4025" s="99"/>
      <c r="AS4025" s="99"/>
      <c r="AT4025" s="99"/>
      <c r="AU4025" s="99"/>
      <c r="AV4025" s="99"/>
      <c r="AW4025" s="99"/>
      <c r="AX4025" s="99"/>
      <c r="AY4025" s="99"/>
      <c r="AZ4025" s="99"/>
      <c r="BA4025" s="99"/>
      <c r="BB4025" s="107">
        <v>45884</v>
      </c>
    </row>
    <row r="4026" spans="1:54" s="238" customFormat="1" ht="13.95" customHeight="1" x14ac:dyDescent="0.25">
      <c r="A4026" s="236" t="s">
        <v>8766</v>
      </c>
      <c r="B4026" s="220" t="s">
        <v>8672</v>
      </c>
      <c r="C4026" s="190" t="s">
        <v>8767</v>
      </c>
      <c r="D4026" s="190" t="s">
        <v>8768</v>
      </c>
      <c r="E4026" s="237">
        <v>2000</v>
      </c>
      <c r="F4026" s="237">
        <v>100</v>
      </c>
      <c r="G4026" s="190" t="s">
        <v>1</v>
      </c>
      <c r="H4026" s="190">
        <v>0</v>
      </c>
      <c r="I4026" s="190">
        <v>0</v>
      </c>
      <c r="J4026" s="190">
        <v>0</v>
      </c>
      <c r="K4026" s="190">
        <v>1</v>
      </c>
      <c r="L4026" s="190">
        <v>0</v>
      </c>
      <c r="M4026" s="190">
        <v>0</v>
      </c>
      <c r="N4026" s="190">
        <v>0</v>
      </c>
      <c r="O4026" s="190">
        <v>0</v>
      </c>
      <c r="P4026" s="190">
        <v>1</v>
      </c>
      <c r="Q4026" s="190">
        <v>0</v>
      </c>
      <c r="R4026" s="190">
        <v>0</v>
      </c>
      <c r="S4026" s="190">
        <v>0</v>
      </c>
      <c r="T4026" s="190">
        <v>0</v>
      </c>
      <c r="U4026" s="99"/>
      <c r="V4026" s="99"/>
      <c r="W4026" s="99"/>
      <c r="X4026" s="99"/>
      <c r="Y4026" s="99"/>
      <c r="Z4026" s="99"/>
      <c r="AA4026" s="99"/>
      <c r="AB4026" s="99"/>
      <c r="AC4026" s="99"/>
      <c r="AD4026" s="99"/>
      <c r="AE4026" s="99"/>
      <c r="AF4026" s="99"/>
      <c r="AG4026" s="99"/>
      <c r="AH4026" s="99"/>
      <c r="AI4026" s="99"/>
      <c r="AJ4026" s="99"/>
      <c r="AK4026" s="99"/>
      <c r="AL4026" s="99"/>
      <c r="AM4026" s="99"/>
      <c r="AN4026" s="99"/>
      <c r="AO4026" s="99"/>
      <c r="AP4026" s="99"/>
      <c r="AQ4026" s="99"/>
      <c r="AR4026" s="99"/>
      <c r="AS4026" s="99"/>
      <c r="AT4026" s="99"/>
      <c r="AU4026" s="99"/>
      <c r="AV4026" s="99"/>
      <c r="AW4026" s="99"/>
      <c r="AX4026" s="99"/>
      <c r="AY4026" s="99"/>
      <c r="AZ4026" s="99"/>
      <c r="BA4026" s="99"/>
      <c r="BB4026" s="107">
        <v>45884</v>
      </c>
    </row>
    <row r="4027" spans="1:54" s="238" customFormat="1" ht="13.95" customHeight="1" x14ac:dyDescent="0.25">
      <c r="A4027" s="236" t="s">
        <v>8769</v>
      </c>
      <c r="B4027" s="220" t="s">
        <v>8672</v>
      </c>
      <c r="C4027" s="190" t="s">
        <v>8770</v>
      </c>
      <c r="D4027" s="190" t="s">
        <v>8771</v>
      </c>
      <c r="E4027" s="237">
        <v>2003</v>
      </c>
      <c r="F4027" s="237">
        <v>100</v>
      </c>
      <c r="G4027" s="190" t="s">
        <v>1</v>
      </c>
      <c r="H4027" s="190">
        <v>0</v>
      </c>
      <c r="I4027" s="190">
        <v>0</v>
      </c>
      <c r="J4027" s="190">
        <v>0</v>
      </c>
      <c r="K4027" s="190">
        <v>1</v>
      </c>
      <c r="L4027" s="190">
        <v>0</v>
      </c>
      <c r="M4027" s="190">
        <v>0</v>
      </c>
      <c r="N4027" s="190">
        <v>0</v>
      </c>
      <c r="O4027" s="190">
        <v>0</v>
      </c>
      <c r="P4027" s="190">
        <v>1</v>
      </c>
      <c r="Q4027" s="190">
        <v>0</v>
      </c>
      <c r="R4027" s="190">
        <v>0</v>
      </c>
      <c r="S4027" s="190">
        <v>0</v>
      </c>
      <c r="T4027" s="190">
        <v>0</v>
      </c>
      <c r="U4027" s="99"/>
      <c r="V4027" s="99"/>
      <c r="W4027" s="99"/>
      <c r="X4027" s="99"/>
      <c r="Y4027" s="99"/>
      <c r="Z4027" s="99"/>
      <c r="AA4027" s="99"/>
      <c r="AB4027" s="99"/>
      <c r="AC4027" s="99"/>
      <c r="AD4027" s="99"/>
      <c r="AE4027" s="99"/>
      <c r="AF4027" s="99"/>
      <c r="AG4027" s="99"/>
      <c r="AH4027" s="99"/>
      <c r="AI4027" s="99"/>
      <c r="AJ4027" s="99"/>
      <c r="AK4027" s="99"/>
      <c r="AL4027" s="99"/>
      <c r="AM4027" s="99"/>
      <c r="AN4027" s="99"/>
      <c r="AO4027" s="99"/>
      <c r="AP4027" s="99"/>
      <c r="AQ4027" s="99"/>
      <c r="AR4027" s="99"/>
      <c r="AS4027" s="99"/>
      <c r="AT4027" s="99"/>
      <c r="AU4027" s="99"/>
      <c r="AV4027" s="99"/>
      <c r="AW4027" s="99"/>
      <c r="AX4027" s="99"/>
      <c r="AY4027" s="99"/>
      <c r="AZ4027" s="99"/>
      <c r="BA4027" s="99"/>
      <c r="BB4027" s="107">
        <v>45884</v>
      </c>
    </row>
    <row r="4028" spans="1:54" s="238" customFormat="1" ht="13.95" customHeight="1" x14ac:dyDescent="0.25">
      <c r="A4028" s="236" t="s">
        <v>8772</v>
      </c>
      <c r="B4028" s="220" t="s">
        <v>8672</v>
      </c>
      <c r="C4028" s="190" t="s">
        <v>8773</v>
      </c>
      <c r="D4028" s="190" t="s">
        <v>8774</v>
      </c>
      <c r="E4028" s="237">
        <v>1975</v>
      </c>
      <c r="F4028" s="237">
        <v>100</v>
      </c>
      <c r="G4028" s="190" t="s">
        <v>1</v>
      </c>
      <c r="H4028" s="190">
        <v>0</v>
      </c>
      <c r="I4028" s="190">
        <v>0</v>
      </c>
      <c r="J4028" s="190">
        <v>0</v>
      </c>
      <c r="K4028" s="190">
        <v>1</v>
      </c>
      <c r="L4028" s="190">
        <v>0</v>
      </c>
      <c r="M4028" s="190">
        <v>0</v>
      </c>
      <c r="N4028" s="190">
        <v>0</v>
      </c>
      <c r="O4028" s="190">
        <v>0</v>
      </c>
      <c r="P4028" s="190">
        <v>0</v>
      </c>
      <c r="Q4028" s="190">
        <v>0</v>
      </c>
      <c r="R4028" s="190">
        <v>1</v>
      </c>
      <c r="S4028" s="190">
        <v>0</v>
      </c>
      <c r="T4028" s="190">
        <v>0</v>
      </c>
      <c r="U4028" s="99"/>
      <c r="V4028" s="99"/>
      <c r="W4028" s="99"/>
      <c r="X4028" s="99"/>
      <c r="Y4028" s="99"/>
      <c r="Z4028" s="99"/>
      <c r="AA4028" s="99"/>
      <c r="AB4028" s="99"/>
      <c r="AC4028" s="99"/>
      <c r="AD4028" s="99"/>
      <c r="AE4028" s="99"/>
      <c r="AF4028" s="99"/>
      <c r="AG4028" s="99"/>
      <c r="AH4028" s="99"/>
      <c r="AI4028" s="99"/>
      <c r="AJ4028" s="99"/>
      <c r="AK4028" s="99"/>
      <c r="AL4028" s="99"/>
      <c r="AM4028" s="99"/>
      <c r="AN4028" s="99"/>
      <c r="AO4028" s="99"/>
      <c r="AP4028" s="99"/>
      <c r="AQ4028" s="99"/>
      <c r="AR4028" s="99"/>
      <c r="AS4028" s="99"/>
      <c r="AT4028" s="99"/>
      <c r="AU4028" s="99"/>
      <c r="AV4028" s="99"/>
      <c r="AW4028" s="99"/>
      <c r="AX4028" s="99"/>
      <c r="AY4028" s="99"/>
      <c r="AZ4028" s="99"/>
      <c r="BA4028" s="99"/>
      <c r="BB4028" s="107">
        <v>45884</v>
      </c>
    </row>
    <row r="4029" spans="1:54" s="238" customFormat="1" ht="13.95" customHeight="1" x14ac:dyDescent="0.25">
      <c r="A4029" s="236" t="s">
        <v>8775</v>
      </c>
      <c r="B4029" s="220" t="s">
        <v>8672</v>
      </c>
      <c r="C4029" s="190" t="s">
        <v>8776</v>
      </c>
      <c r="D4029" s="190" t="s">
        <v>8777</v>
      </c>
      <c r="E4029" s="237">
        <v>2003</v>
      </c>
      <c r="F4029" s="237">
        <v>100</v>
      </c>
      <c r="G4029" s="190" t="s">
        <v>1</v>
      </c>
      <c r="H4029" s="190">
        <v>0</v>
      </c>
      <c r="I4029" s="190">
        <v>0</v>
      </c>
      <c r="J4029" s="190">
        <v>0</v>
      </c>
      <c r="K4029" s="190">
        <v>1</v>
      </c>
      <c r="L4029" s="190">
        <v>0</v>
      </c>
      <c r="M4029" s="190">
        <v>0</v>
      </c>
      <c r="N4029" s="190">
        <v>0</v>
      </c>
      <c r="O4029" s="190">
        <v>0</v>
      </c>
      <c r="P4029" s="190">
        <v>1</v>
      </c>
      <c r="Q4029" s="190">
        <v>0</v>
      </c>
      <c r="R4029" s="190">
        <v>0</v>
      </c>
      <c r="S4029" s="190">
        <v>0</v>
      </c>
      <c r="T4029" s="190">
        <v>0</v>
      </c>
      <c r="U4029" s="99"/>
      <c r="V4029" s="99"/>
      <c r="W4029" s="99"/>
      <c r="X4029" s="99"/>
      <c r="Y4029" s="99"/>
      <c r="Z4029" s="99"/>
      <c r="AA4029" s="99"/>
      <c r="AB4029" s="99"/>
      <c r="AC4029" s="99"/>
      <c r="AD4029" s="99"/>
      <c r="AE4029" s="99"/>
      <c r="AF4029" s="99"/>
      <c r="AG4029" s="99"/>
      <c r="AH4029" s="99"/>
      <c r="AI4029" s="99"/>
      <c r="AJ4029" s="99"/>
      <c r="AK4029" s="99"/>
      <c r="AL4029" s="99"/>
      <c r="AM4029" s="99"/>
      <c r="AN4029" s="99"/>
      <c r="AO4029" s="99"/>
      <c r="AP4029" s="99"/>
      <c r="AQ4029" s="99"/>
      <c r="AR4029" s="99"/>
      <c r="AS4029" s="99"/>
      <c r="AT4029" s="99"/>
      <c r="AU4029" s="99"/>
      <c r="AV4029" s="99"/>
      <c r="AW4029" s="99"/>
      <c r="AX4029" s="99"/>
      <c r="AY4029" s="99"/>
      <c r="AZ4029" s="99"/>
      <c r="BA4029" s="99"/>
      <c r="BB4029" s="107">
        <v>45884</v>
      </c>
    </row>
    <row r="4030" spans="1:54" s="238" customFormat="1" ht="13.95" customHeight="1" x14ac:dyDescent="0.25">
      <c r="A4030" s="236" t="s">
        <v>8778</v>
      </c>
      <c r="B4030" s="220" t="s">
        <v>8672</v>
      </c>
      <c r="C4030" s="190" t="s">
        <v>8779</v>
      </c>
      <c r="D4030" s="190" t="s">
        <v>8780</v>
      </c>
      <c r="E4030" s="237">
        <v>2012</v>
      </c>
      <c r="F4030" s="237">
        <v>100</v>
      </c>
      <c r="G4030" s="190" t="s">
        <v>1</v>
      </c>
      <c r="H4030" s="190">
        <v>0</v>
      </c>
      <c r="I4030" s="190">
        <v>0</v>
      </c>
      <c r="J4030" s="190">
        <v>0</v>
      </c>
      <c r="K4030" s="190">
        <v>1</v>
      </c>
      <c r="L4030" s="190">
        <v>0</v>
      </c>
      <c r="M4030" s="190">
        <v>0</v>
      </c>
      <c r="N4030" s="190">
        <v>0</v>
      </c>
      <c r="O4030" s="190">
        <v>0</v>
      </c>
      <c r="P4030" s="190">
        <v>1</v>
      </c>
      <c r="Q4030" s="190">
        <v>0</v>
      </c>
      <c r="R4030" s="190">
        <v>0</v>
      </c>
      <c r="S4030" s="190">
        <v>0</v>
      </c>
      <c r="T4030" s="190">
        <v>0</v>
      </c>
      <c r="U4030" s="99"/>
      <c r="V4030" s="99"/>
      <c r="W4030" s="99"/>
      <c r="X4030" s="99"/>
      <c r="Y4030" s="99"/>
      <c r="Z4030" s="99"/>
      <c r="AA4030" s="99"/>
      <c r="AB4030" s="99"/>
      <c r="AC4030" s="99"/>
      <c r="AD4030" s="99"/>
      <c r="AE4030" s="99"/>
      <c r="AF4030" s="99"/>
      <c r="AG4030" s="99"/>
      <c r="AH4030" s="99"/>
      <c r="AI4030" s="99"/>
      <c r="AJ4030" s="99"/>
      <c r="AK4030" s="99"/>
      <c r="AL4030" s="99"/>
      <c r="AM4030" s="99"/>
      <c r="AN4030" s="99"/>
      <c r="AO4030" s="99"/>
      <c r="AP4030" s="99"/>
      <c r="AQ4030" s="99"/>
      <c r="AR4030" s="99"/>
      <c r="AS4030" s="99"/>
      <c r="AT4030" s="99"/>
      <c r="AU4030" s="99"/>
      <c r="AV4030" s="99"/>
      <c r="AW4030" s="99"/>
      <c r="AX4030" s="99"/>
      <c r="AY4030" s="99"/>
      <c r="AZ4030" s="99"/>
      <c r="BA4030" s="99"/>
      <c r="BB4030" s="107">
        <v>45884</v>
      </c>
    </row>
    <row r="4031" spans="1:54" s="238" customFormat="1" ht="13.95" customHeight="1" x14ac:dyDescent="0.25">
      <c r="A4031" s="236" t="s">
        <v>8781</v>
      </c>
      <c r="B4031" s="220" t="s">
        <v>8672</v>
      </c>
      <c r="C4031" s="190" t="s">
        <v>8782</v>
      </c>
      <c r="D4031" s="190" t="s">
        <v>8783</v>
      </c>
      <c r="E4031" s="237">
        <v>2004</v>
      </c>
      <c r="F4031" s="237">
        <v>100</v>
      </c>
      <c r="G4031" s="190" t="s">
        <v>1</v>
      </c>
      <c r="H4031" s="190">
        <v>0</v>
      </c>
      <c r="I4031" s="190">
        <v>0</v>
      </c>
      <c r="J4031" s="190">
        <v>0</v>
      </c>
      <c r="K4031" s="190">
        <v>1</v>
      </c>
      <c r="L4031" s="190">
        <v>0</v>
      </c>
      <c r="M4031" s="190">
        <v>0</v>
      </c>
      <c r="N4031" s="190">
        <v>0</v>
      </c>
      <c r="O4031" s="190">
        <v>0</v>
      </c>
      <c r="P4031" s="190">
        <v>1</v>
      </c>
      <c r="Q4031" s="190">
        <v>0</v>
      </c>
      <c r="R4031" s="190">
        <v>0</v>
      </c>
      <c r="S4031" s="190">
        <v>0</v>
      </c>
      <c r="T4031" s="190">
        <v>0</v>
      </c>
      <c r="U4031" s="99"/>
      <c r="V4031" s="99"/>
      <c r="W4031" s="99"/>
      <c r="X4031" s="99"/>
      <c r="Y4031" s="99"/>
      <c r="Z4031" s="99"/>
      <c r="AA4031" s="99"/>
      <c r="AB4031" s="99"/>
      <c r="AC4031" s="99"/>
      <c r="AD4031" s="99"/>
      <c r="AE4031" s="99"/>
      <c r="AF4031" s="99"/>
      <c r="AG4031" s="99"/>
      <c r="AH4031" s="99"/>
      <c r="AI4031" s="99"/>
      <c r="AJ4031" s="99"/>
      <c r="AK4031" s="99"/>
      <c r="AL4031" s="99"/>
      <c r="AM4031" s="99"/>
      <c r="AN4031" s="99"/>
      <c r="AO4031" s="99"/>
      <c r="AP4031" s="99"/>
      <c r="AQ4031" s="99"/>
      <c r="AR4031" s="99"/>
      <c r="AS4031" s="99"/>
      <c r="AT4031" s="99"/>
      <c r="AU4031" s="99"/>
      <c r="AV4031" s="99"/>
      <c r="AW4031" s="99"/>
      <c r="AX4031" s="99"/>
      <c r="AY4031" s="99"/>
      <c r="AZ4031" s="99"/>
      <c r="BA4031" s="99"/>
      <c r="BB4031" s="107">
        <v>45884</v>
      </c>
    </row>
    <row r="4032" spans="1:54" s="238" customFormat="1" ht="13.95" customHeight="1" x14ac:dyDescent="0.25">
      <c r="A4032" s="236" t="s">
        <v>8784</v>
      </c>
      <c r="B4032" s="220" t="s">
        <v>8672</v>
      </c>
      <c r="C4032" s="190" t="s">
        <v>8785</v>
      </c>
      <c r="D4032" s="190" t="s">
        <v>8786</v>
      </c>
      <c r="E4032" s="237">
        <v>1975</v>
      </c>
      <c r="F4032" s="237">
        <v>200</v>
      </c>
      <c r="G4032" s="190" t="s">
        <v>1</v>
      </c>
      <c r="H4032" s="190">
        <v>0</v>
      </c>
      <c r="I4032" s="190">
        <v>0</v>
      </c>
      <c r="J4032" s="190">
        <v>0</v>
      </c>
      <c r="K4032" s="190">
        <v>0</v>
      </c>
      <c r="L4032" s="190">
        <v>1</v>
      </c>
      <c r="M4032" s="190">
        <v>0</v>
      </c>
      <c r="N4032" s="190">
        <v>0</v>
      </c>
      <c r="O4032" s="190">
        <v>1</v>
      </c>
      <c r="P4032" s="190">
        <v>0</v>
      </c>
      <c r="Q4032" s="190">
        <v>0</v>
      </c>
      <c r="R4032" s="190">
        <v>0</v>
      </c>
      <c r="S4032" s="190">
        <v>0</v>
      </c>
      <c r="T4032" s="190">
        <v>0</v>
      </c>
      <c r="U4032" s="99"/>
      <c r="V4032" s="99"/>
      <c r="W4032" s="99"/>
      <c r="X4032" s="99"/>
      <c r="Y4032" s="99"/>
      <c r="Z4032" s="99"/>
      <c r="AA4032" s="99"/>
      <c r="AB4032" s="99"/>
      <c r="AC4032" s="99"/>
      <c r="AD4032" s="99"/>
      <c r="AE4032" s="99"/>
      <c r="AF4032" s="99"/>
      <c r="AG4032" s="99"/>
      <c r="AH4032" s="99"/>
      <c r="AI4032" s="99"/>
      <c r="AJ4032" s="99"/>
      <c r="AK4032" s="99"/>
      <c r="AL4032" s="99"/>
      <c r="AM4032" s="99"/>
      <c r="AN4032" s="99"/>
      <c r="AO4032" s="99"/>
      <c r="AP4032" s="99"/>
      <c r="AQ4032" s="99"/>
      <c r="AR4032" s="99"/>
      <c r="AS4032" s="99"/>
      <c r="AT4032" s="99"/>
      <c r="AU4032" s="99"/>
      <c r="AV4032" s="99"/>
      <c r="AW4032" s="99"/>
      <c r="AX4032" s="99"/>
      <c r="AY4032" s="99"/>
      <c r="AZ4032" s="99"/>
      <c r="BA4032" s="99"/>
      <c r="BB4032" s="107">
        <v>45884</v>
      </c>
    </row>
    <row r="4033" spans="1:54" s="238" customFormat="1" ht="13.95" customHeight="1" x14ac:dyDescent="0.25">
      <c r="A4033" s="236" t="s">
        <v>8787</v>
      </c>
      <c r="B4033" s="220" t="s">
        <v>8672</v>
      </c>
      <c r="C4033" s="190" t="s">
        <v>8788</v>
      </c>
      <c r="D4033" s="190" t="s">
        <v>8789</v>
      </c>
      <c r="E4033" s="237">
        <v>1975</v>
      </c>
      <c r="F4033" s="237">
        <v>100</v>
      </c>
      <c r="G4033" s="190" t="s">
        <v>1</v>
      </c>
      <c r="H4033" s="190">
        <v>0</v>
      </c>
      <c r="I4033" s="190">
        <v>0</v>
      </c>
      <c r="J4033" s="190">
        <v>0</v>
      </c>
      <c r="K4033" s="190">
        <v>1</v>
      </c>
      <c r="L4033" s="190">
        <v>0</v>
      </c>
      <c r="M4033" s="190">
        <v>0</v>
      </c>
      <c r="N4033" s="190">
        <v>0</v>
      </c>
      <c r="O4033" s="190">
        <v>0</v>
      </c>
      <c r="P4033" s="190">
        <v>0</v>
      </c>
      <c r="Q4033" s="190">
        <v>0</v>
      </c>
      <c r="R4033" s="190">
        <v>0</v>
      </c>
      <c r="S4033" s="190">
        <v>0</v>
      </c>
      <c r="T4033" s="190">
        <v>0</v>
      </c>
      <c r="U4033" s="99"/>
      <c r="V4033" s="99"/>
      <c r="W4033" s="99"/>
      <c r="X4033" s="99"/>
      <c r="Y4033" s="99"/>
      <c r="Z4033" s="99"/>
      <c r="AA4033" s="99"/>
      <c r="AB4033" s="99"/>
      <c r="AC4033" s="99"/>
      <c r="AD4033" s="99"/>
      <c r="AE4033" s="99"/>
      <c r="AF4033" s="99"/>
      <c r="AG4033" s="99"/>
      <c r="AH4033" s="99"/>
      <c r="AI4033" s="99"/>
      <c r="AJ4033" s="99"/>
      <c r="AK4033" s="99"/>
      <c r="AL4033" s="99"/>
      <c r="AM4033" s="99"/>
      <c r="AN4033" s="99"/>
      <c r="AO4033" s="99"/>
      <c r="AP4033" s="99"/>
      <c r="AQ4033" s="99"/>
      <c r="AR4033" s="99"/>
      <c r="AS4033" s="99"/>
      <c r="AT4033" s="99"/>
      <c r="AU4033" s="99"/>
      <c r="AV4033" s="99"/>
      <c r="AW4033" s="99"/>
      <c r="AX4033" s="99"/>
      <c r="AY4033" s="99"/>
      <c r="AZ4033" s="99"/>
      <c r="BA4033" s="99"/>
      <c r="BB4033" s="107">
        <v>45884</v>
      </c>
    </row>
    <row r="4034" spans="1:54" s="238" customFormat="1" ht="13.95" customHeight="1" x14ac:dyDescent="0.25">
      <c r="A4034" s="236" t="s">
        <v>8790</v>
      </c>
      <c r="B4034" s="220" t="s">
        <v>8672</v>
      </c>
      <c r="C4034" s="190" t="s">
        <v>8791</v>
      </c>
      <c r="D4034" s="190" t="s">
        <v>8792</v>
      </c>
      <c r="E4034" s="237">
        <v>1975</v>
      </c>
      <c r="F4034" s="237">
        <v>100</v>
      </c>
      <c r="G4034" s="190" t="s">
        <v>1</v>
      </c>
      <c r="H4034" s="190">
        <v>0</v>
      </c>
      <c r="I4034" s="190">
        <v>0</v>
      </c>
      <c r="J4034" s="190">
        <v>0</v>
      </c>
      <c r="K4034" s="190">
        <v>0</v>
      </c>
      <c r="L4034" s="190">
        <v>0</v>
      </c>
      <c r="M4034" s="190">
        <v>0</v>
      </c>
      <c r="N4034" s="190">
        <v>0</v>
      </c>
      <c r="O4034" s="190">
        <v>0</v>
      </c>
      <c r="P4034" s="190">
        <v>0</v>
      </c>
      <c r="Q4034" s="190">
        <v>0</v>
      </c>
      <c r="R4034" s="190">
        <v>1</v>
      </c>
      <c r="S4034" s="190">
        <v>0</v>
      </c>
      <c r="T4034" s="190">
        <v>0</v>
      </c>
      <c r="U4034" s="99"/>
      <c r="V4034" s="99"/>
      <c r="W4034" s="99"/>
      <c r="X4034" s="99"/>
      <c r="Y4034" s="99"/>
      <c r="Z4034" s="99"/>
      <c r="AA4034" s="99"/>
      <c r="AB4034" s="99"/>
      <c r="AC4034" s="99"/>
      <c r="AD4034" s="99"/>
      <c r="AE4034" s="99"/>
      <c r="AF4034" s="99"/>
      <c r="AG4034" s="99"/>
      <c r="AH4034" s="99"/>
      <c r="AI4034" s="99"/>
      <c r="AJ4034" s="99"/>
      <c r="AK4034" s="99"/>
      <c r="AL4034" s="99"/>
      <c r="AM4034" s="99"/>
      <c r="AN4034" s="99"/>
      <c r="AO4034" s="99"/>
      <c r="AP4034" s="99"/>
      <c r="AQ4034" s="99"/>
      <c r="AR4034" s="99"/>
      <c r="AS4034" s="99"/>
      <c r="AT4034" s="99"/>
      <c r="AU4034" s="99"/>
      <c r="AV4034" s="99"/>
      <c r="AW4034" s="99"/>
      <c r="AX4034" s="99"/>
      <c r="AY4034" s="99"/>
      <c r="AZ4034" s="99"/>
      <c r="BA4034" s="99"/>
      <c r="BB4034" s="107">
        <v>45884</v>
      </c>
    </row>
    <row r="4035" spans="1:54" s="238" customFormat="1" ht="13.95" customHeight="1" x14ac:dyDescent="0.25">
      <c r="A4035" s="236" t="s">
        <v>8793</v>
      </c>
      <c r="B4035" s="220" t="s">
        <v>8672</v>
      </c>
      <c r="C4035" s="190" t="s">
        <v>8794</v>
      </c>
      <c r="D4035" s="190" t="s">
        <v>8795</v>
      </c>
      <c r="E4035" s="237">
        <v>2006</v>
      </c>
      <c r="F4035" s="237">
        <v>100</v>
      </c>
      <c r="G4035" s="190" t="s">
        <v>1</v>
      </c>
      <c r="H4035" s="190">
        <v>0</v>
      </c>
      <c r="I4035" s="190">
        <v>0</v>
      </c>
      <c r="J4035" s="190">
        <v>0</v>
      </c>
      <c r="K4035" s="190">
        <v>0</v>
      </c>
      <c r="L4035" s="190">
        <v>0</v>
      </c>
      <c r="M4035" s="190">
        <v>0</v>
      </c>
      <c r="N4035" s="190">
        <v>0</v>
      </c>
      <c r="O4035" s="190">
        <v>0</v>
      </c>
      <c r="P4035" s="190">
        <v>1</v>
      </c>
      <c r="Q4035" s="190">
        <v>0</v>
      </c>
      <c r="R4035" s="190">
        <v>0</v>
      </c>
      <c r="S4035" s="190">
        <v>0</v>
      </c>
      <c r="T4035" s="190">
        <v>0</v>
      </c>
      <c r="U4035" s="99"/>
      <c r="V4035" s="99"/>
      <c r="W4035" s="99"/>
      <c r="X4035" s="99"/>
      <c r="Y4035" s="99"/>
      <c r="Z4035" s="99"/>
      <c r="AA4035" s="99"/>
      <c r="AB4035" s="99"/>
      <c r="AC4035" s="99"/>
      <c r="AD4035" s="99"/>
      <c r="AE4035" s="99"/>
      <c r="AF4035" s="99"/>
      <c r="AG4035" s="99"/>
      <c r="AH4035" s="99"/>
      <c r="AI4035" s="99"/>
      <c r="AJ4035" s="99"/>
      <c r="AK4035" s="99"/>
      <c r="AL4035" s="99"/>
      <c r="AM4035" s="99"/>
      <c r="AN4035" s="99"/>
      <c r="AO4035" s="99"/>
      <c r="AP4035" s="99"/>
      <c r="AQ4035" s="99"/>
      <c r="AR4035" s="99"/>
      <c r="AS4035" s="99"/>
      <c r="AT4035" s="99"/>
      <c r="AU4035" s="99"/>
      <c r="AV4035" s="99"/>
      <c r="AW4035" s="99"/>
      <c r="AX4035" s="99"/>
      <c r="AY4035" s="99"/>
      <c r="AZ4035" s="99"/>
      <c r="BA4035" s="99"/>
      <c r="BB4035" s="107">
        <v>45884</v>
      </c>
    </row>
    <row r="4036" spans="1:54" s="238" customFormat="1" ht="13.95" customHeight="1" x14ac:dyDescent="0.25">
      <c r="A4036" s="236" t="s">
        <v>8796</v>
      </c>
      <c r="B4036" s="220" t="s">
        <v>8672</v>
      </c>
      <c r="C4036" s="190" t="s">
        <v>19740</v>
      </c>
      <c r="D4036" s="190" t="s">
        <v>8797</v>
      </c>
      <c r="E4036" s="237">
        <v>2006</v>
      </c>
      <c r="F4036" s="237">
        <v>100</v>
      </c>
      <c r="G4036" s="190" t="s">
        <v>1</v>
      </c>
      <c r="H4036" s="190">
        <v>0</v>
      </c>
      <c r="I4036" s="190">
        <v>0</v>
      </c>
      <c r="J4036" s="190">
        <v>0</v>
      </c>
      <c r="K4036" s="190">
        <v>0</v>
      </c>
      <c r="L4036" s="190">
        <v>0</v>
      </c>
      <c r="M4036" s="190">
        <v>0</v>
      </c>
      <c r="N4036" s="190">
        <v>0</v>
      </c>
      <c r="O4036" s="190">
        <v>0</v>
      </c>
      <c r="P4036" s="190">
        <v>0</v>
      </c>
      <c r="Q4036" s="190">
        <v>0</v>
      </c>
      <c r="R4036" s="190">
        <v>0</v>
      </c>
      <c r="S4036" s="190">
        <v>0</v>
      </c>
      <c r="T4036" s="190">
        <v>0</v>
      </c>
      <c r="U4036" s="99"/>
      <c r="V4036" s="99"/>
      <c r="W4036" s="99"/>
      <c r="X4036" s="99"/>
      <c r="Y4036" s="99"/>
      <c r="Z4036" s="99"/>
      <c r="AA4036" s="99"/>
      <c r="AB4036" s="99"/>
      <c r="AC4036" s="99"/>
      <c r="AD4036" s="99"/>
      <c r="AE4036" s="99"/>
      <c r="AF4036" s="99"/>
      <c r="AG4036" s="99"/>
      <c r="AH4036" s="99"/>
      <c r="AI4036" s="99"/>
      <c r="AJ4036" s="99"/>
      <c r="AK4036" s="99"/>
      <c r="AL4036" s="99"/>
      <c r="AM4036" s="99"/>
      <c r="AN4036" s="99"/>
      <c r="AO4036" s="99"/>
      <c r="AP4036" s="99"/>
      <c r="AQ4036" s="99"/>
      <c r="AR4036" s="99"/>
      <c r="AS4036" s="99"/>
      <c r="AT4036" s="99"/>
      <c r="AU4036" s="99"/>
      <c r="AV4036" s="99"/>
      <c r="AW4036" s="99"/>
      <c r="AX4036" s="99"/>
      <c r="AY4036" s="99"/>
      <c r="AZ4036" s="99"/>
      <c r="BA4036" s="99"/>
      <c r="BB4036" s="107">
        <v>45884</v>
      </c>
    </row>
    <row r="4037" spans="1:54" s="238" customFormat="1" ht="13.95" customHeight="1" x14ac:dyDescent="0.25">
      <c r="A4037" s="236" t="s">
        <v>8798</v>
      </c>
      <c r="B4037" s="220" t="s">
        <v>8672</v>
      </c>
      <c r="C4037" s="190" t="s">
        <v>8799</v>
      </c>
      <c r="D4037" s="190" t="s">
        <v>8800</v>
      </c>
      <c r="E4037" s="237">
        <v>2006</v>
      </c>
      <c r="F4037" s="237">
        <v>100</v>
      </c>
      <c r="G4037" s="190" t="s">
        <v>1</v>
      </c>
      <c r="H4037" s="190">
        <v>0</v>
      </c>
      <c r="I4037" s="190">
        <v>0</v>
      </c>
      <c r="J4037" s="190">
        <v>0</v>
      </c>
      <c r="K4037" s="190">
        <v>0</v>
      </c>
      <c r="L4037" s="190">
        <v>0</v>
      </c>
      <c r="M4037" s="190">
        <v>0</v>
      </c>
      <c r="N4037" s="190">
        <v>1</v>
      </c>
      <c r="O4037" s="190">
        <v>0</v>
      </c>
      <c r="P4037" s="190">
        <v>0</v>
      </c>
      <c r="Q4037" s="190">
        <v>0</v>
      </c>
      <c r="R4037" s="190">
        <v>0</v>
      </c>
      <c r="S4037" s="190">
        <v>0</v>
      </c>
      <c r="T4037" s="190">
        <v>0</v>
      </c>
      <c r="U4037" s="99"/>
      <c r="V4037" s="99"/>
      <c r="W4037" s="99"/>
      <c r="X4037" s="99"/>
      <c r="Y4037" s="99"/>
      <c r="Z4037" s="99"/>
      <c r="AA4037" s="99"/>
      <c r="AB4037" s="99"/>
      <c r="AC4037" s="99"/>
      <c r="AD4037" s="99"/>
      <c r="AE4037" s="99"/>
      <c r="AF4037" s="99"/>
      <c r="AG4037" s="99"/>
      <c r="AH4037" s="99"/>
      <c r="AI4037" s="99"/>
      <c r="AJ4037" s="99"/>
      <c r="AK4037" s="99"/>
      <c r="AL4037" s="99"/>
      <c r="AM4037" s="99"/>
      <c r="AN4037" s="99"/>
      <c r="AO4037" s="99"/>
      <c r="AP4037" s="99"/>
      <c r="AQ4037" s="99"/>
      <c r="AR4037" s="99"/>
      <c r="AS4037" s="99"/>
      <c r="AT4037" s="99"/>
      <c r="AU4037" s="99"/>
      <c r="AV4037" s="99"/>
      <c r="AW4037" s="99"/>
      <c r="AX4037" s="99"/>
      <c r="AY4037" s="99"/>
      <c r="AZ4037" s="99"/>
      <c r="BA4037" s="99"/>
      <c r="BB4037" s="107">
        <v>45884</v>
      </c>
    </row>
    <row r="4038" spans="1:54" s="238" customFormat="1" ht="13.95" customHeight="1" x14ac:dyDescent="0.25">
      <c r="A4038" s="236" t="s">
        <v>8801</v>
      </c>
      <c r="B4038" s="220" t="s">
        <v>8672</v>
      </c>
      <c r="C4038" s="190" t="s">
        <v>8802</v>
      </c>
      <c r="D4038" s="190" t="s">
        <v>8803</v>
      </c>
      <c r="E4038" s="237">
        <v>1975</v>
      </c>
      <c r="F4038" s="237">
        <v>100</v>
      </c>
      <c r="G4038" s="190" t="s">
        <v>1</v>
      </c>
      <c r="H4038" s="190">
        <v>0</v>
      </c>
      <c r="I4038" s="190">
        <v>0</v>
      </c>
      <c r="J4038" s="190">
        <v>0</v>
      </c>
      <c r="K4038" s="190">
        <v>0</v>
      </c>
      <c r="L4038" s="190">
        <v>1</v>
      </c>
      <c r="M4038" s="190">
        <v>0</v>
      </c>
      <c r="N4038" s="190">
        <v>0</v>
      </c>
      <c r="O4038" s="190">
        <v>0</v>
      </c>
      <c r="P4038" s="190">
        <v>0</v>
      </c>
      <c r="Q4038" s="190">
        <v>0</v>
      </c>
      <c r="R4038" s="190">
        <v>0</v>
      </c>
      <c r="S4038" s="190">
        <v>0</v>
      </c>
      <c r="T4038" s="190">
        <v>0</v>
      </c>
      <c r="U4038" s="99"/>
      <c r="V4038" s="99"/>
      <c r="W4038" s="99"/>
      <c r="X4038" s="99"/>
      <c r="Y4038" s="99"/>
      <c r="Z4038" s="99"/>
      <c r="AA4038" s="99"/>
      <c r="AB4038" s="99"/>
      <c r="AC4038" s="99"/>
      <c r="AD4038" s="99"/>
      <c r="AE4038" s="99"/>
      <c r="AF4038" s="99"/>
      <c r="AG4038" s="99"/>
      <c r="AH4038" s="99"/>
      <c r="AI4038" s="99"/>
      <c r="AJ4038" s="99"/>
      <c r="AK4038" s="99"/>
      <c r="AL4038" s="99"/>
      <c r="AM4038" s="99"/>
      <c r="AN4038" s="99"/>
      <c r="AO4038" s="99"/>
      <c r="AP4038" s="99"/>
      <c r="AQ4038" s="99"/>
      <c r="AR4038" s="99"/>
      <c r="AS4038" s="99"/>
      <c r="AT4038" s="99"/>
      <c r="AU4038" s="99"/>
      <c r="AV4038" s="99"/>
      <c r="AW4038" s="99"/>
      <c r="AX4038" s="99"/>
      <c r="AY4038" s="99"/>
      <c r="AZ4038" s="99"/>
      <c r="BA4038" s="99"/>
      <c r="BB4038" s="107">
        <v>45884</v>
      </c>
    </row>
    <row r="4039" spans="1:54" s="238" customFormat="1" ht="13.95" customHeight="1" x14ac:dyDescent="0.25">
      <c r="A4039" s="236" t="s">
        <v>8804</v>
      </c>
      <c r="B4039" s="220" t="s">
        <v>8672</v>
      </c>
      <c r="C4039" s="190" t="s">
        <v>8805</v>
      </c>
      <c r="D4039" s="190" t="s">
        <v>8806</v>
      </c>
      <c r="E4039" s="237">
        <v>2007</v>
      </c>
      <c r="F4039" s="237">
        <v>100</v>
      </c>
      <c r="G4039" s="190" t="s">
        <v>1</v>
      </c>
      <c r="H4039" s="190">
        <v>0</v>
      </c>
      <c r="I4039" s="190">
        <v>0</v>
      </c>
      <c r="J4039" s="190">
        <v>0</v>
      </c>
      <c r="K4039" s="190">
        <v>0</v>
      </c>
      <c r="L4039" s="190">
        <v>0</v>
      </c>
      <c r="M4039" s="190">
        <v>0</v>
      </c>
      <c r="N4039" s="190">
        <v>0</v>
      </c>
      <c r="O4039" s="190">
        <v>1</v>
      </c>
      <c r="P4039" s="190">
        <v>0</v>
      </c>
      <c r="Q4039" s="190">
        <v>0</v>
      </c>
      <c r="R4039" s="190">
        <v>1</v>
      </c>
      <c r="S4039" s="190">
        <v>0</v>
      </c>
      <c r="T4039" s="190">
        <v>0</v>
      </c>
      <c r="U4039" s="99"/>
      <c r="V4039" s="99"/>
      <c r="W4039" s="99"/>
      <c r="X4039" s="99"/>
      <c r="Y4039" s="99"/>
      <c r="Z4039" s="99"/>
      <c r="AA4039" s="99"/>
      <c r="AB4039" s="99"/>
      <c r="AC4039" s="99"/>
      <c r="AD4039" s="99"/>
      <c r="AE4039" s="99"/>
      <c r="AF4039" s="99"/>
      <c r="AG4039" s="99"/>
      <c r="AH4039" s="99"/>
      <c r="AI4039" s="99"/>
      <c r="AJ4039" s="99"/>
      <c r="AK4039" s="99"/>
      <c r="AL4039" s="99"/>
      <c r="AM4039" s="99"/>
      <c r="AN4039" s="99"/>
      <c r="AO4039" s="99"/>
      <c r="AP4039" s="99"/>
      <c r="AQ4039" s="99"/>
      <c r="AR4039" s="99"/>
      <c r="AS4039" s="99"/>
      <c r="AT4039" s="99"/>
      <c r="AU4039" s="99"/>
      <c r="AV4039" s="99"/>
      <c r="AW4039" s="99"/>
      <c r="AX4039" s="99"/>
      <c r="AY4039" s="99"/>
      <c r="AZ4039" s="99"/>
      <c r="BA4039" s="99"/>
      <c r="BB4039" s="107">
        <v>45884</v>
      </c>
    </row>
    <row r="4040" spans="1:54" s="238" customFormat="1" ht="13.95" customHeight="1" x14ac:dyDescent="0.25">
      <c r="A4040" s="236" t="s">
        <v>8807</v>
      </c>
      <c r="B4040" s="220" t="s">
        <v>8672</v>
      </c>
      <c r="C4040" s="190" t="s">
        <v>8808</v>
      </c>
      <c r="D4040" s="190" t="s">
        <v>8809</v>
      </c>
      <c r="E4040" s="237">
        <v>2007</v>
      </c>
      <c r="F4040" s="237">
        <v>100</v>
      </c>
      <c r="G4040" s="190" t="s">
        <v>1</v>
      </c>
      <c r="H4040" s="190">
        <v>0</v>
      </c>
      <c r="I4040" s="190">
        <v>0</v>
      </c>
      <c r="J4040" s="190">
        <v>0</v>
      </c>
      <c r="K4040" s="190">
        <v>0</v>
      </c>
      <c r="L4040" s="190">
        <v>0</v>
      </c>
      <c r="M4040" s="190">
        <v>0</v>
      </c>
      <c r="N4040" s="190">
        <v>0</v>
      </c>
      <c r="O4040" s="190">
        <v>0</v>
      </c>
      <c r="P4040" s="190">
        <v>1</v>
      </c>
      <c r="Q4040" s="190">
        <v>0</v>
      </c>
      <c r="R4040" s="190">
        <v>0</v>
      </c>
      <c r="S4040" s="190">
        <v>0</v>
      </c>
      <c r="T4040" s="190">
        <v>0</v>
      </c>
      <c r="U4040" s="99"/>
      <c r="V4040" s="99"/>
      <c r="W4040" s="99"/>
      <c r="X4040" s="99"/>
      <c r="Y4040" s="99"/>
      <c r="Z4040" s="99"/>
      <c r="AA4040" s="99"/>
      <c r="AB4040" s="99"/>
      <c r="AC4040" s="99"/>
      <c r="AD4040" s="99"/>
      <c r="AE4040" s="99"/>
      <c r="AF4040" s="99"/>
      <c r="AG4040" s="99"/>
      <c r="AH4040" s="99"/>
      <c r="AI4040" s="99"/>
      <c r="AJ4040" s="99"/>
      <c r="AK4040" s="99"/>
      <c r="AL4040" s="99"/>
      <c r="AM4040" s="99"/>
      <c r="AN4040" s="99"/>
      <c r="AO4040" s="99"/>
      <c r="AP4040" s="99"/>
      <c r="AQ4040" s="99"/>
      <c r="AR4040" s="99"/>
      <c r="AS4040" s="99"/>
      <c r="AT4040" s="99"/>
      <c r="AU4040" s="99"/>
      <c r="AV4040" s="99"/>
      <c r="AW4040" s="99"/>
      <c r="AX4040" s="99"/>
      <c r="AY4040" s="99"/>
      <c r="AZ4040" s="99"/>
      <c r="BA4040" s="99"/>
      <c r="BB4040" s="107">
        <v>45884</v>
      </c>
    </row>
    <row r="4041" spans="1:54" s="238" customFormat="1" ht="13.95" customHeight="1" x14ac:dyDescent="0.25">
      <c r="A4041" s="236" t="s">
        <v>8810</v>
      </c>
      <c r="B4041" s="220" t="s">
        <v>8672</v>
      </c>
      <c r="C4041" s="190" t="s">
        <v>8811</v>
      </c>
      <c r="D4041" s="190" t="s">
        <v>8812</v>
      </c>
      <c r="E4041" s="237">
        <v>2010</v>
      </c>
      <c r="F4041" s="237">
        <v>100</v>
      </c>
      <c r="G4041" s="190" t="s">
        <v>1</v>
      </c>
      <c r="H4041" s="190">
        <v>0</v>
      </c>
      <c r="I4041" s="190">
        <v>0</v>
      </c>
      <c r="J4041" s="190">
        <v>0</v>
      </c>
      <c r="K4041" s="190">
        <v>0</v>
      </c>
      <c r="L4041" s="190">
        <v>0</v>
      </c>
      <c r="M4041" s="190">
        <v>0</v>
      </c>
      <c r="N4041" s="190">
        <v>0</v>
      </c>
      <c r="O4041" s="190">
        <v>0</v>
      </c>
      <c r="P4041" s="190">
        <v>0</v>
      </c>
      <c r="Q4041" s="190">
        <v>0</v>
      </c>
      <c r="R4041" s="190">
        <v>0</v>
      </c>
      <c r="S4041" s="190">
        <v>0</v>
      </c>
      <c r="T4041" s="190">
        <v>0</v>
      </c>
      <c r="U4041" s="99"/>
      <c r="V4041" s="99"/>
      <c r="W4041" s="99"/>
      <c r="X4041" s="99"/>
      <c r="Y4041" s="99"/>
      <c r="Z4041" s="99"/>
      <c r="AA4041" s="99"/>
      <c r="AB4041" s="99"/>
      <c r="AC4041" s="99"/>
      <c r="AD4041" s="99"/>
      <c r="AE4041" s="99"/>
      <c r="AF4041" s="99"/>
      <c r="AG4041" s="99"/>
      <c r="AH4041" s="99"/>
      <c r="AI4041" s="99"/>
      <c r="AJ4041" s="99"/>
      <c r="AK4041" s="99"/>
      <c r="AL4041" s="99"/>
      <c r="AM4041" s="99"/>
      <c r="AN4041" s="99"/>
      <c r="AO4041" s="99"/>
      <c r="AP4041" s="99"/>
      <c r="AQ4041" s="99"/>
      <c r="AR4041" s="99"/>
      <c r="AS4041" s="99"/>
      <c r="AT4041" s="99"/>
      <c r="AU4041" s="99"/>
      <c r="AV4041" s="99"/>
      <c r="AW4041" s="99"/>
      <c r="AX4041" s="99"/>
      <c r="AY4041" s="99"/>
      <c r="AZ4041" s="99"/>
      <c r="BA4041" s="99"/>
      <c r="BB4041" s="107">
        <v>45884</v>
      </c>
    </row>
    <row r="4042" spans="1:54" s="238" customFormat="1" ht="13.95" customHeight="1" x14ac:dyDescent="0.25">
      <c r="A4042" s="236" t="s">
        <v>8813</v>
      </c>
      <c r="B4042" s="220" t="s">
        <v>8672</v>
      </c>
      <c r="C4042" s="190" t="s">
        <v>8814</v>
      </c>
      <c r="D4042" s="190" t="s">
        <v>8815</v>
      </c>
      <c r="E4042" s="237">
        <v>1980</v>
      </c>
      <c r="F4042" s="237">
        <v>100</v>
      </c>
      <c r="G4042" s="190" t="s">
        <v>1</v>
      </c>
      <c r="H4042" s="190">
        <v>0</v>
      </c>
      <c r="I4042" s="190">
        <v>0</v>
      </c>
      <c r="J4042" s="190">
        <v>0</v>
      </c>
      <c r="K4042" s="190">
        <v>1</v>
      </c>
      <c r="L4042" s="190">
        <v>1</v>
      </c>
      <c r="M4042" s="190">
        <v>0</v>
      </c>
      <c r="N4042" s="190">
        <v>0</v>
      </c>
      <c r="O4042" s="190">
        <v>0</v>
      </c>
      <c r="P4042" s="190">
        <v>0</v>
      </c>
      <c r="Q4042" s="190">
        <v>0</v>
      </c>
      <c r="R4042" s="190">
        <v>1</v>
      </c>
      <c r="S4042" s="190">
        <v>0</v>
      </c>
      <c r="T4042" s="190">
        <v>0</v>
      </c>
      <c r="U4042" s="99"/>
      <c r="V4042" s="99"/>
      <c r="W4042" s="99"/>
      <c r="X4042" s="99"/>
      <c r="Y4042" s="99"/>
      <c r="Z4042" s="99"/>
      <c r="AA4042" s="99"/>
      <c r="AB4042" s="99"/>
      <c r="AC4042" s="99"/>
      <c r="AD4042" s="99"/>
      <c r="AE4042" s="99"/>
      <c r="AF4042" s="99"/>
      <c r="AG4042" s="99"/>
      <c r="AH4042" s="99"/>
      <c r="AI4042" s="99"/>
      <c r="AJ4042" s="99"/>
      <c r="AK4042" s="99"/>
      <c r="AL4042" s="99"/>
      <c r="AM4042" s="99"/>
      <c r="AN4042" s="99"/>
      <c r="AO4042" s="99"/>
      <c r="AP4042" s="99"/>
      <c r="AQ4042" s="99"/>
      <c r="AR4042" s="99"/>
      <c r="AS4042" s="99"/>
      <c r="AT4042" s="99"/>
      <c r="AU4042" s="99"/>
      <c r="AV4042" s="99"/>
      <c r="AW4042" s="99"/>
      <c r="AX4042" s="99"/>
      <c r="AY4042" s="99"/>
      <c r="AZ4042" s="99"/>
      <c r="BA4042" s="99"/>
      <c r="BB4042" s="107">
        <v>45884</v>
      </c>
    </row>
    <row r="4043" spans="1:54" s="238" customFormat="1" ht="13.95" customHeight="1" x14ac:dyDescent="0.25">
      <c r="A4043" s="236" t="s">
        <v>8816</v>
      </c>
      <c r="B4043" s="220" t="s">
        <v>8672</v>
      </c>
      <c r="C4043" s="190" t="s">
        <v>8817</v>
      </c>
      <c r="D4043" s="190" t="s">
        <v>8818</v>
      </c>
      <c r="E4043" s="237">
        <v>2010</v>
      </c>
      <c r="F4043" s="237">
        <v>100</v>
      </c>
      <c r="G4043" s="190" t="s">
        <v>1</v>
      </c>
      <c r="H4043" s="190">
        <v>0</v>
      </c>
      <c r="I4043" s="190">
        <v>0</v>
      </c>
      <c r="J4043" s="190">
        <v>0</v>
      </c>
      <c r="K4043" s="190">
        <v>0</v>
      </c>
      <c r="L4043" s="190">
        <v>0</v>
      </c>
      <c r="M4043" s="190">
        <v>0</v>
      </c>
      <c r="N4043" s="190">
        <v>0</v>
      </c>
      <c r="O4043" s="190">
        <v>0</v>
      </c>
      <c r="P4043" s="190">
        <v>1</v>
      </c>
      <c r="Q4043" s="190">
        <v>0</v>
      </c>
      <c r="R4043" s="190">
        <v>0</v>
      </c>
      <c r="S4043" s="190">
        <v>0</v>
      </c>
      <c r="T4043" s="190">
        <v>0</v>
      </c>
      <c r="U4043" s="99"/>
      <c r="V4043" s="99"/>
      <c r="W4043" s="99"/>
      <c r="X4043" s="99"/>
      <c r="Y4043" s="99"/>
      <c r="Z4043" s="99"/>
      <c r="AA4043" s="99"/>
      <c r="AB4043" s="99"/>
      <c r="AC4043" s="99"/>
      <c r="AD4043" s="99"/>
      <c r="AE4043" s="99"/>
      <c r="AF4043" s="99"/>
      <c r="AG4043" s="99"/>
      <c r="AH4043" s="99"/>
      <c r="AI4043" s="99"/>
      <c r="AJ4043" s="99"/>
      <c r="AK4043" s="99"/>
      <c r="AL4043" s="99"/>
      <c r="AM4043" s="99"/>
      <c r="AN4043" s="99"/>
      <c r="AO4043" s="99"/>
      <c r="AP4043" s="99"/>
      <c r="AQ4043" s="99"/>
      <c r="AR4043" s="99"/>
      <c r="AS4043" s="99"/>
      <c r="AT4043" s="99"/>
      <c r="AU4043" s="99"/>
      <c r="AV4043" s="99"/>
      <c r="AW4043" s="99"/>
      <c r="AX4043" s="99"/>
      <c r="AY4043" s="99"/>
      <c r="AZ4043" s="99"/>
      <c r="BA4043" s="190" t="s">
        <v>8819</v>
      </c>
      <c r="BB4043" s="107">
        <v>45884</v>
      </c>
    </row>
    <row r="4044" spans="1:54" s="238" customFormat="1" ht="13.95" customHeight="1" x14ac:dyDescent="0.25">
      <c r="A4044" s="236" t="s">
        <v>8820</v>
      </c>
      <c r="B4044" s="220" t="s">
        <v>8672</v>
      </c>
      <c r="C4044" s="190" t="s">
        <v>8821</v>
      </c>
      <c r="D4044" s="190" t="s">
        <v>19916</v>
      </c>
      <c r="E4044" s="237">
        <v>1980</v>
      </c>
      <c r="F4044" s="237">
        <v>100</v>
      </c>
      <c r="G4044" s="190" t="s">
        <v>1</v>
      </c>
      <c r="H4044" s="190">
        <v>0</v>
      </c>
      <c r="I4044" s="190">
        <v>0</v>
      </c>
      <c r="J4044" s="190">
        <v>0</v>
      </c>
      <c r="K4044" s="190">
        <v>0</v>
      </c>
      <c r="L4044" s="190">
        <v>1</v>
      </c>
      <c r="M4044" s="190">
        <v>0</v>
      </c>
      <c r="N4044" s="190">
        <v>0</v>
      </c>
      <c r="O4044" s="190">
        <v>0</v>
      </c>
      <c r="P4044" s="190">
        <v>0</v>
      </c>
      <c r="Q4044" s="190">
        <v>0</v>
      </c>
      <c r="R4044" s="190">
        <v>1</v>
      </c>
      <c r="S4044" s="190">
        <v>0</v>
      </c>
      <c r="T4044" s="190">
        <v>0</v>
      </c>
      <c r="U4044" s="99"/>
      <c r="V4044" s="99"/>
      <c r="W4044" s="99"/>
      <c r="X4044" s="99"/>
      <c r="Y4044" s="99"/>
      <c r="Z4044" s="99"/>
      <c r="AA4044" s="99"/>
      <c r="AB4044" s="99"/>
      <c r="AC4044" s="99"/>
      <c r="AD4044" s="99"/>
      <c r="AE4044" s="99"/>
      <c r="AF4044" s="99"/>
      <c r="AG4044" s="99"/>
      <c r="AH4044" s="99"/>
      <c r="AI4044" s="99"/>
      <c r="AJ4044" s="99"/>
      <c r="AK4044" s="99"/>
      <c r="AL4044" s="99"/>
      <c r="AM4044" s="99"/>
      <c r="AN4044" s="99"/>
      <c r="AO4044" s="99"/>
      <c r="AP4044" s="99"/>
      <c r="AQ4044" s="99"/>
      <c r="AR4044" s="99"/>
      <c r="AS4044" s="99"/>
      <c r="AT4044" s="99"/>
      <c r="AU4044" s="99"/>
      <c r="AV4044" s="99"/>
      <c r="AW4044" s="99"/>
      <c r="AX4044" s="99"/>
      <c r="AY4044" s="99"/>
      <c r="AZ4044" s="99"/>
      <c r="BA4044" s="99"/>
      <c r="BB4044" s="107">
        <v>45884</v>
      </c>
    </row>
    <row r="4045" spans="1:54" s="238" customFormat="1" ht="13.95" customHeight="1" x14ac:dyDescent="0.25">
      <c r="A4045" s="236" t="s">
        <v>8822</v>
      </c>
      <c r="B4045" s="220" t="s">
        <v>8672</v>
      </c>
      <c r="C4045" s="190" t="s">
        <v>8823</v>
      </c>
      <c r="D4045" s="190" t="s">
        <v>19917</v>
      </c>
      <c r="E4045" s="237">
        <v>2010</v>
      </c>
      <c r="F4045" s="237">
        <v>100</v>
      </c>
      <c r="G4045" s="190" t="s">
        <v>1</v>
      </c>
      <c r="H4045" s="190">
        <v>0</v>
      </c>
      <c r="I4045" s="190">
        <v>0</v>
      </c>
      <c r="J4045" s="190">
        <v>0</v>
      </c>
      <c r="K4045" s="190">
        <v>0</v>
      </c>
      <c r="L4045" s="190">
        <v>1</v>
      </c>
      <c r="M4045" s="190">
        <v>0</v>
      </c>
      <c r="N4045" s="190">
        <v>0</v>
      </c>
      <c r="O4045" s="190">
        <v>1</v>
      </c>
      <c r="P4045" s="190">
        <v>0</v>
      </c>
      <c r="Q4045" s="190">
        <v>0</v>
      </c>
      <c r="R4045" s="190">
        <v>1</v>
      </c>
      <c r="S4045" s="190">
        <v>0</v>
      </c>
      <c r="T4045" s="190">
        <v>0</v>
      </c>
      <c r="U4045" s="99"/>
      <c r="V4045" s="99"/>
      <c r="W4045" s="99"/>
      <c r="X4045" s="99"/>
      <c r="Y4045" s="99"/>
      <c r="Z4045" s="99"/>
      <c r="AA4045" s="99"/>
      <c r="AB4045" s="99"/>
      <c r="AC4045" s="99"/>
      <c r="AD4045" s="99"/>
      <c r="AE4045" s="99"/>
      <c r="AF4045" s="99"/>
      <c r="AG4045" s="99"/>
      <c r="AH4045" s="99"/>
      <c r="AI4045" s="99"/>
      <c r="AJ4045" s="99"/>
      <c r="AK4045" s="99"/>
      <c r="AL4045" s="99"/>
      <c r="AM4045" s="99"/>
      <c r="AN4045" s="99"/>
      <c r="AO4045" s="99"/>
      <c r="AP4045" s="99"/>
      <c r="AQ4045" s="99"/>
      <c r="AR4045" s="99"/>
      <c r="AS4045" s="99"/>
      <c r="AT4045" s="99"/>
      <c r="AU4045" s="99"/>
      <c r="AV4045" s="99"/>
      <c r="AW4045" s="99"/>
      <c r="AX4045" s="99"/>
      <c r="AY4045" s="99"/>
      <c r="AZ4045" s="99"/>
      <c r="BA4045" s="99"/>
      <c r="BB4045" s="107">
        <v>45884</v>
      </c>
    </row>
    <row r="4046" spans="1:54" s="238" customFormat="1" ht="13.95" customHeight="1" x14ac:dyDescent="0.25">
      <c r="A4046" s="236" t="s">
        <v>8824</v>
      </c>
      <c r="B4046" s="220" t="s">
        <v>8672</v>
      </c>
      <c r="C4046" s="190" t="s">
        <v>8825</v>
      </c>
      <c r="D4046" s="190" t="s">
        <v>8826</v>
      </c>
      <c r="E4046" s="237">
        <v>2010</v>
      </c>
      <c r="F4046" s="237">
        <v>100</v>
      </c>
      <c r="G4046" s="190" t="s">
        <v>1</v>
      </c>
      <c r="H4046" s="190">
        <v>0</v>
      </c>
      <c r="I4046" s="190">
        <v>0</v>
      </c>
      <c r="J4046" s="190">
        <v>0</v>
      </c>
      <c r="K4046" s="190">
        <v>0</v>
      </c>
      <c r="L4046" s="190">
        <v>1</v>
      </c>
      <c r="M4046" s="190">
        <v>0</v>
      </c>
      <c r="N4046" s="190">
        <v>0</v>
      </c>
      <c r="O4046" s="190">
        <v>1</v>
      </c>
      <c r="P4046" s="190">
        <v>0</v>
      </c>
      <c r="Q4046" s="190">
        <v>0</v>
      </c>
      <c r="R4046" s="190">
        <v>1</v>
      </c>
      <c r="S4046" s="190">
        <v>0</v>
      </c>
      <c r="T4046" s="190">
        <v>0</v>
      </c>
      <c r="U4046" s="99"/>
      <c r="V4046" s="99"/>
      <c r="W4046" s="99"/>
      <c r="X4046" s="99"/>
      <c r="Y4046" s="99"/>
      <c r="Z4046" s="99"/>
      <c r="AA4046" s="99"/>
      <c r="AB4046" s="99"/>
      <c r="AC4046" s="99"/>
      <c r="AD4046" s="99"/>
      <c r="AE4046" s="99"/>
      <c r="AF4046" s="99"/>
      <c r="AG4046" s="99"/>
      <c r="AH4046" s="99"/>
      <c r="AI4046" s="99"/>
      <c r="AJ4046" s="99"/>
      <c r="AK4046" s="99"/>
      <c r="AL4046" s="99"/>
      <c r="AM4046" s="99"/>
      <c r="AN4046" s="99"/>
      <c r="AO4046" s="99"/>
      <c r="AP4046" s="99"/>
      <c r="AQ4046" s="99"/>
      <c r="AR4046" s="99"/>
      <c r="AS4046" s="99"/>
      <c r="AT4046" s="99"/>
      <c r="AU4046" s="99"/>
      <c r="AV4046" s="99"/>
      <c r="AW4046" s="99"/>
      <c r="AX4046" s="99"/>
      <c r="AY4046" s="99"/>
      <c r="AZ4046" s="99"/>
      <c r="BA4046" s="99"/>
      <c r="BB4046" s="107">
        <v>45884</v>
      </c>
    </row>
    <row r="4047" spans="1:54" s="238" customFormat="1" ht="13.95" customHeight="1" x14ac:dyDescent="0.25">
      <c r="A4047" s="236" t="s">
        <v>8827</v>
      </c>
      <c r="B4047" s="220" t="s">
        <v>8672</v>
      </c>
      <c r="C4047" s="190" t="s">
        <v>8828</v>
      </c>
      <c r="D4047" s="190" t="s">
        <v>8829</v>
      </c>
      <c r="E4047" s="237">
        <v>1986</v>
      </c>
      <c r="F4047" s="237">
        <v>100</v>
      </c>
      <c r="G4047" s="190" t="s">
        <v>1</v>
      </c>
      <c r="H4047" s="190">
        <v>0</v>
      </c>
      <c r="I4047" s="190">
        <v>0</v>
      </c>
      <c r="J4047" s="190">
        <v>0</v>
      </c>
      <c r="K4047" s="190">
        <v>1</v>
      </c>
      <c r="L4047" s="190">
        <v>0</v>
      </c>
      <c r="M4047" s="190">
        <v>0</v>
      </c>
      <c r="N4047" s="190">
        <v>0</v>
      </c>
      <c r="O4047" s="190">
        <v>0</v>
      </c>
      <c r="P4047" s="190">
        <v>0</v>
      </c>
      <c r="Q4047" s="190">
        <v>0</v>
      </c>
      <c r="R4047" s="190">
        <v>0</v>
      </c>
      <c r="S4047" s="190">
        <v>0</v>
      </c>
      <c r="T4047" s="190">
        <v>0</v>
      </c>
      <c r="U4047" s="99"/>
      <c r="V4047" s="99"/>
      <c r="W4047" s="99"/>
      <c r="X4047" s="99"/>
      <c r="Y4047" s="99"/>
      <c r="Z4047" s="99"/>
      <c r="AA4047" s="99"/>
      <c r="AB4047" s="99"/>
      <c r="AC4047" s="99"/>
      <c r="AD4047" s="99"/>
      <c r="AE4047" s="99"/>
      <c r="AF4047" s="99"/>
      <c r="AG4047" s="99"/>
      <c r="AH4047" s="99"/>
      <c r="AI4047" s="99"/>
      <c r="AJ4047" s="99"/>
      <c r="AK4047" s="99"/>
      <c r="AL4047" s="99"/>
      <c r="AM4047" s="99"/>
      <c r="AN4047" s="99"/>
      <c r="AO4047" s="99"/>
      <c r="AP4047" s="99"/>
      <c r="AQ4047" s="99"/>
      <c r="AR4047" s="99"/>
      <c r="AS4047" s="99"/>
      <c r="AT4047" s="99"/>
      <c r="AU4047" s="99"/>
      <c r="AV4047" s="99"/>
      <c r="AW4047" s="99"/>
      <c r="AX4047" s="99"/>
      <c r="AY4047" s="99"/>
      <c r="AZ4047" s="99"/>
      <c r="BA4047" s="99"/>
      <c r="BB4047" s="107">
        <v>45884</v>
      </c>
    </row>
    <row r="4048" spans="1:54" s="238" customFormat="1" ht="13.95" customHeight="1" x14ac:dyDescent="0.25">
      <c r="A4048" s="236" t="s">
        <v>8830</v>
      </c>
      <c r="B4048" s="220" t="s">
        <v>8672</v>
      </c>
      <c r="C4048" s="190" t="s">
        <v>8831</v>
      </c>
      <c r="D4048" s="190" t="s">
        <v>8832</v>
      </c>
      <c r="E4048" s="237">
        <v>1977</v>
      </c>
      <c r="F4048" s="237">
        <v>100</v>
      </c>
      <c r="G4048" s="190" t="s">
        <v>1</v>
      </c>
      <c r="H4048" s="190">
        <v>0</v>
      </c>
      <c r="I4048" s="190">
        <v>0</v>
      </c>
      <c r="J4048" s="190">
        <v>0</v>
      </c>
      <c r="K4048" s="190">
        <v>0</v>
      </c>
      <c r="L4048" s="190">
        <v>0</v>
      </c>
      <c r="M4048" s="190">
        <v>0</v>
      </c>
      <c r="N4048" s="190">
        <v>0</v>
      </c>
      <c r="O4048" s="190">
        <v>0</v>
      </c>
      <c r="P4048" s="190">
        <v>0</v>
      </c>
      <c r="Q4048" s="190">
        <v>0</v>
      </c>
      <c r="R4048" s="190">
        <v>0</v>
      </c>
      <c r="S4048" s="190">
        <v>0</v>
      </c>
      <c r="T4048" s="190">
        <v>0</v>
      </c>
      <c r="U4048" s="99"/>
      <c r="V4048" s="99"/>
      <c r="W4048" s="99"/>
      <c r="X4048" s="99"/>
      <c r="Y4048" s="99"/>
      <c r="Z4048" s="99"/>
      <c r="AA4048" s="99"/>
      <c r="AB4048" s="99"/>
      <c r="AC4048" s="99"/>
      <c r="AD4048" s="99"/>
      <c r="AE4048" s="99"/>
      <c r="AF4048" s="99"/>
      <c r="AG4048" s="99"/>
      <c r="AH4048" s="99"/>
      <c r="AI4048" s="99"/>
      <c r="AJ4048" s="99"/>
      <c r="AK4048" s="99"/>
      <c r="AL4048" s="99"/>
      <c r="AM4048" s="99"/>
      <c r="AN4048" s="99"/>
      <c r="AO4048" s="99"/>
      <c r="AP4048" s="99"/>
      <c r="AQ4048" s="99"/>
      <c r="AR4048" s="99"/>
      <c r="AS4048" s="99"/>
      <c r="AT4048" s="99"/>
      <c r="AU4048" s="99"/>
      <c r="AV4048" s="99"/>
      <c r="AW4048" s="99"/>
      <c r="AX4048" s="99"/>
      <c r="AY4048" s="99"/>
      <c r="AZ4048" s="99"/>
      <c r="BA4048" s="99"/>
      <c r="BB4048" s="107">
        <v>45884</v>
      </c>
    </row>
    <row r="4049" spans="1:54" s="238" customFormat="1" ht="13.95" customHeight="1" x14ac:dyDescent="0.25">
      <c r="A4049" s="236" t="s">
        <v>8833</v>
      </c>
      <c r="B4049" s="220" t="s">
        <v>8672</v>
      </c>
      <c r="C4049" s="190" t="s">
        <v>8834</v>
      </c>
      <c r="D4049" s="190" t="s">
        <v>8835</v>
      </c>
      <c r="E4049" s="237">
        <v>1987</v>
      </c>
      <c r="F4049" s="237">
        <v>100</v>
      </c>
      <c r="G4049" s="190" t="s">
        <v>1</v>
      </c>
      <c r="H4049" s="190">
        <v>0</v>
      </c>
      <c r="I4049" s="190">
        <v>0</v>
      </c>
      <c r="J4049" s="190">
        <v>0</v>
      </c>
      <c r="K4049" s="190">
        <v>1</v>
      </c>
      <c r="L4049" s="190">
        <v>1</v>
      </c>
      <c r="M4049" s="190">
        <v>0</v>
      </c>
      <c r="N4049" s="190">
        <v>0</v>
      </c>
      <c r="O4049" s="190">
        <v>0</v>
      </c>
      <c r="P4049" s="190">
        <v>0</v>
      </c>
      <c r="Q4049" s="190">
        <v>0</v>
      </c>
      <c r="R4049" s="190">
        <v>0</v>
      </c>
      <c r="S4049" s="190">
        <v>0</v>
      </c>
      <c r="T4049" s="190">
        <v>0</v>
      </c>
      <c r="U4049" s="99"/>
      <c r="V4049" s="99"/>
      <c r="W4049" s="99"/>
      <c r="X4049" s="99"/>
      <c r="Y4049" s="99"/>
      <c r="Z4049" s="99"/>
      <c r="AA4049" s="99"/>
      <c r="AB4049" s="99"/>
      <c r="AC4049" s="99"/>
      <c r="AD4049" s="99"/>
      <c r="AE4049" s="99"/>
      <c r="AF4049" s="99"/>
      <c r="AG4049" s="99"/>
      <c r="AH4049" s="99"/>
      <c r="AI4049" s="99"/>
      <c r="AJ4049" s="99"/>
      <c r="AK4049" s="99"/>
      <c r="AL4049" s="99"/>
      <c r="AM4049" s="99"/>
      <c r="AN4049" s="99"/>
      <c r="AO4049" s="99"/>
      <c r="AP4049" s="99"/>
      <c r="AQ4049" s="99"/>
      <c r="AR4049" s="99"/>
      <c r="AS4049" s="99"/>
      <c r="AT4049" s="99"/>
      <c r="AU4049" s="99"/>
      <c r="AV4049" s="99"/>
      <c r="AW4049" s="99"/>
      <c r="AX4049" s="99"/>
      <c r="AY4049" s="99"/>
      <c r="AZ4049" s="99"/>
      <c r="BA4049" s="99"/>
      <c r="BB4049" s="107">
        <v>45884</v>
      </c>
    </row>
    <row r="4050" spans="1:54" s="238" customFormat="1" ht="13.95" customHeight="1" x14ac:dyDescent="0.25">
      <c r="A4050" s="236" t="s">
        <v>8836</v>
      </c>
      <c r="B4050" s="220" t="s">
        <v>8672</v>
      </c>
      <c r="C4050" s="190" t="s">
        <v>8837</v>
      </c>
      <c r="D4050" s="190" t="s">
        <v>8838</v>
      </c>
      <c r="E4050" s="237">
        <v>1988</v>
      </c>
      <c r="F4050" s="237">
        <v>100</v>
      </c>
      <c r="G4050" s="190" t="s">
        <v>1</v>
      </c>
      <c r="H4050" s="190">
        <v>0</v>
      </c>
      <c r="I4050" s="190">
        <v>0</v>
      </c>
      <c r="J4050" s="190">
        <v>0</v>
      </c>
      <c r="K4050" s="190">
        <v>0</v>
      </c>
      <c r="L4050" s="190">
        <v>0</v>
      </c>
      <c r="M4050" s="190">
        <v>0</v>
      </c>
      <c r="N4050" s="190">
        <v>0</v>
      </c>
      <c r="O4050" s="190">
        <v>0</v>
      </c>
      <c r="P4050" s="190">
        <v>0</v>
      </c>
      <c r="Q4050" s="190">
        <v>0</v>
      </c>
      <c r="R4050" s="190">
        <v>0</v>
      </c>
      <c r="S4050" s="190">
        <v>0</v>
      </c>
      <c r="T4050" s="190">
        <v>0</v>
      </c>
      <c r="U4050" s="99"/>
      <c r="V4050" s="99"/>
      <c r="W4050" s="99"/>
      <c r="X4050" s="99"/>
      <c r="Y4050" s="99"/>
      <c r="Z4050" s="99"/>
      <c r="AA4050" s="99"/>
      <c r="AB4050" s="99"/>
      <c r="AC4050" s="99"/>
      <c r="AD4050" s="99"/>
      <c r="AE4050" s="99"/>
      <c r="AF4050" s="99"/>
      <c r="AG4050" s="99"/>
      <c r="AH4050" s="99"/>
      <c r="AI4050" s="99"/>
      <c r="AJ4050" s="99"/>
      <c r="AK4050" s="99"/>
      <c r="AL4050" s="99"/>
      <c r="AM4050" s="99"/>
      <c r="AN4050" s="99"/>
      <c r="AO4050" s="99"/>
      <c r="AP4050" s="99"/>
      <c r="AQ4050" s="99"/>
      <c r="AR4050" s="99"/>
      <c r="AS4050" s="99"/>
      <c r="AT4050" s="99"/>
      <c r="AU4050" s="99"/>
      <c r="AV4050" s="99"/>
      <c r="AW4050" s="99"/>
      <c r="AX4050" s="99"/>
      <c r="AY4050" s="99"/>
      <c r="AZ4050" s="99"/>
      <c r="BA4050" s="99"/>
      <c r="BB4050" s="107">
        <v>45884</v>
      </c>
    </row>
    <row r="4051" spans="1:54" s="238" customFormat="1" ht="13.95" customHeight="1" x14ac:dyDescent="0.25">
      <c r="A4051" s="236" t="s">
        <v>8839</v>
      </c>
      <c r="B4051" s="220" t="s">
        <v>8672</v>
      </c>
      <c r="C4051" s="190" t="s">
        <v>8840</v>
      </c>
      <c r="D4051" s="190" t="s">
        <v>8841</v>
      </c>
      <c r="E4051" s="237">
        <v>1977</v>
      </c>
      <c r="F4051" s="237">
        <v>100</v>
      </c>
      <c r="G4051" s="190" t="s">
        <v>1</v>
      </c>
      <c r="H4051" s="190">
        <v>0</v>
      </c>
      <c r="I4051" s="190">
        <v>0</v>
      </c>
      <c r="J4051" s="190">
        <v>0</v>
      </c>
      <c r="K4051" s="190">
        <v>0</v>
      </c>
      <c r="L4051" s="190">
        <v>1</v>
      </c>
      <c r="M4051" s="190">
        <v>0</v>
      </c>
      <c r="N4051" s="190">
        <v>0</v>
      </c>
      <c r="O4051" s="190">
        <v>0</v>
      </c>
      <c r="P4051" s="190">
        <v>0</v>
      </c>
      <c r="Q4051" s="190">
        <v>0</v>
      </c>
      <c r="R4051" s="190">
        <v>0</v>
      </c>
      <c r="S4051" s="190">
        <v>0</v>
      </c>
      <c r="T4051" s="190">
        <v>0</v>
      </c>
      <c r="U4051" s="99"/>
      <c r="V4051" s="99"/>
      <c r="W4051" s="99"/>
      <c r="X4051" s="99"/>
      <c r="Y4051" s="99"/>
      <c r="Z4051" s="99"/>
      <c r="AA4051" s="99"/>
      <c r="AB4051" s="99"/>
      <c r="AC4051" s="99"/>
      <c r="AD4051" s="99"/>
      <c r="AE4051" s="99"/>
      <c r="AF4051" s="99"/>
      <c r="AG4051" s="99"/>
      <c r="AH4051" s="99"/>
      <c r="AI4051" s="99"/>
      <c r="AJ4051" s="99"/>
      <c r="AK4051" s="99"/>
      <c r="AL4051" s="99"/>
      <c r="AM4051" s="99"/>
      <c r="AN4051" s="99"/>
      <c r="AO4051" s="99"/>
      <c r="AP4051" s="99"/>
      <c r="AQ4051" s="99"/>
      <c r="AR4051" s="99"/>
      <c r="AS4051" s="99"/>
      <c r="AT4051" s="99"/>
      <c r="AU4051" s="99"/>
      <c r="AV4051" s="99"/>
      <c r="AW4051" s="99"/>
      <c r="AX4051" s="99"/>
      <c r="AY4051" s="99"/>
      <c r="AZ4051" s="99"/>
      <c r="BA4051" s="99"/>
      <c r="BB4051" s="107">
        <v>45884</v>
      </c>
    </row>
    <row r="4052" spans="1:54" s="238" customFormat="1" ht="13.95" customHeight="1" x14ac:dyDescent="0.25">
      <c r="A4052" s="236" t="s">
        <v>8842</v>
      </c>
      <c r="B4052" s="220" t="s">
        <v>8672</v>
      </c>
      <c r="C4052" s="190" t="s">
        <v>8843</v>
      </c>
      <c r="D4052" s="190" t="s">
        <v>8844</v>
      </c>
      <c r="E4052" s="237">
        <v>1988</v>
      </c>
      <c r="F4052" s="237">
        <v>100</v>
      </c>
      <c r="G4052" s="190" t="s">
        <v>1</v>
      </c>
      <c r="H4052" s="190">
        <v>0</v>
      </c>
      <c r="I4052" s="190">
        <v>0</v>
      </c>
      <c r="J4052" s="190">
        <v>0</v>
      </c>
      <c r="K4052" s="190">
        <v>1</v>
      </c>
      <c r="L4052" s="190">
        <v>0</v>
      </c>
      <c r="M4052" s="190">
        <v>0</v>
      </c>
      <c r="N4052" s="190">
        <v>0</v>
      </c>
      <c r="O4052" s="190">
        <v>0</v>
      </c>
      <c r="P4052" s="190">
        <v>0</v>
      </c>
      <c r="Q4052" s="190">
        <v>0</v>
      </c>
      <c r="R4052" s="190">
        <v>0</v>
      </c>
      <c r="S4052" s="190">
        <v>0</v>
      </c>
      <c r="T4052" s="190">
        <v>0</v>
      </c>
      <c r="U4052" s="99"/>
      <c r="V4052" s="99"/>
      <c r="W4052" s="99"/>
      <c r="X4052" s="99"/>
      <c r="Y4052" s="99"/>
      <c r="Z4052" s="99"/>
      <c r="AA4052" s="99"/>
      <c r="AB4052" s="99"/>
      <c r="AC4052" s="99"/>
      <c r="AD4052" s="99"/>
      <c r="AE4052" s="99"/>
      <c r="AF4052" s="99"/>
      <c r="AG4052" s="99"/>
      <c r="AH4052" s="99"/>
      <c r="AI4052" s="99"/>
      <c r="AJ4052" s="99"/>
      <c r="AK4052" s="99"/>
      <c r="AL4052" s="99"/>
      <c r="AM4052" s="99"/>
      <c r="AN4052" s="99"/>
      <c r="AO4052" s="99"/>
      <c r="AP4052" s="99"/>
      <c r="AQ4052" s="99"/>
      <c r="AR4052" s="99"/>
      <c r="AS4052" s="99"/>
      <c r="AT4052" s="99"/>
      <c r="AU4052" s="99"/>
      <c r="AV4052" s="99"/>
      <c r="AW4052" s="99"/>
      <c r="AX4052" s="99"/>
      <c r="AY4052" s="99"/>
      <c r="AZ4052" s="99"/>
      <c r="BA4052" s="99"/>
      <c r="BB4052" s="107">
        <v>45884</v>
      </c>
    </row>
    <row r="4053" spans="1:54" s="238" customFormat="1" ht="13.95" customHeight="1" x14ac:dyDescent="0.25">
      <c r="A4053" s="236" t="s">
        <v>8845</v>
      </c>
      <c r="B4053" s="220" t="s">
        <v>8672</v>
      </c>
      <c r="C4053" s="190" t="s">
        <v>8846</v>
      </c>
      <c r="D4053" s="190" t="s">
        <v>8847</v>
      </c>
      <c r="E4053" s="237">
        <v>2011</v>
      </c>
      <c r="F4053" s="237">
        <v>100</v>
      </c>
      <c r="G4053" s="190" t="s">
        <v>1</v>
      </c>
      <c r="H4053" s="190">
        <v>0</v>
      </c>
      <c r="I4053" s="190">
        <v>0</v>
      </c>
      <c r="J4053" s="190">
        <v>0</v>
      </c>
      <c r="K4053" s="190">
        <v>1</v>
      </c>
      <c r="L4053" s="190">
        <v>0</v>
      </c>
      <c r="M4053" s="190">
        <v>0</v>
      </c>
      <c r="N4053" s="190">
        <v>0</v>
      </c>
      <c r="O4053" s="190">
        <v>0</v>
      </c>
      <c r="P4053" s="190">
        <v>1</v>
      </c>
      <c r="Q4053" s="190">
        <v>0</v>
      </c>
      <c r="R4053" s="190">
        <v>0</v>
      </c>
      <c r="S4053" s="190">
        <v>0</v>
      </c>
      <c r="T4053" s="190">
        <v>0</v>
      </c>
      <c r="U4053" s="99"/>
      <c r="V4053" s="99"/>
      <c r="W4053" s="99"/>
      <c r="X4053" s="99"/>
      <c r="Y4053" s="99"/>
      <c r="Z4053" s="99"/>
      <c r="AA4053" s="99"/>
      <c r="AB4053" s="99"/>
      <c r="AC4053" s="99"/>
      <c r="AD4053" s="99"/>
      <c r="AE4053" s="99"/>
      <c r="AF4053" s="99"/>
      <c r="AG4053" s="99"/>
      <c r="AH4053" s="99"/>
      <c r="AI4053" s="99"/>
      <c r="AJ4053" s="99"/>
      <c r="AK4053" s="99"/>
      <c r="AL4053" s="99"/>
      <c r="AM4053" s="99"/>
      <c r="AN4053" s="99"/>
      <c r="AO4053" s="99"/>
      <c r="AP4053" s="99"/>
      <c r="AQ4053" s="99"/>
      <c r="AR4053" s="99"/>
      <c r="AS4053" s="99"/>
      <c r="AT4053" s="99"/>
      <c r="AU4053" s="99"/>
      <c r="AV4053" s="99"/>
      <c r="AW4053" s="99"/>
      <c r="AX4053" s="99"/>
      <c r="AY4053" s="99"/>
      <c r="AZ4053" s="99"/>
      <c r="BA4053" s="99"/>
      <c r="BB4053" s="107">
        <v>45884</v>
      </c>
    </row>
    <row r="4054" spans="1:54" s="238" customFormat="1" ht="13.95" customHeight="1" x14ac:dyDescent="0.25">
      <c r="A4054" s="236" t="s">
        <v>8848</v>
      </c>
      <c r="B4054" s="220" t="s">
        <v>8672</v>
      </c>
      <c r="C4054" s="190" t="s">
        <v>8849</v>
      </c>
      <c r="D4054" s="190" t="s">
        <v>8850</v>
      </c>
      <c r="E4054" s="237">
        <v>1977</v>
      </c>
      <c r="F4054" s="237">
        <v>100</v>
      </c>
      <c r="G4054" s="190" t="s">
        <v>1</v>
      </c>
      <c r="H4054" s="190">
        <v>0</v>
      </c>
      <c r="I4054" s="190">
        <v>0</v>
      </c>
      <c r="J4054" s="190">
        <v>0</v>
      </c>
      <c r="K4054" s="190">
        <v>0</v>
      </c>
      <c r="L4054" s="190">
        <v>0</v>
      </c>
      <c r="M4054" s="190">
        <v>1</v>
      </c>
      <c r="N4054" s="190">
        <v>0</v>
      </c>
      <c r="O4054" s="190">
        <v>0</v>
      </c>
      <c r="P4054" s="190">
        <v>1</v>
      </c>
      <c r="Q4054" s="190">
        <v>0</v>
      </c>
      <c r="R4054" s="190">
        <v>1</v>
      </c>
      <c r="S4054" s="190">
        <v>0</v>
      </c>
      <c r="T4054" s="190">
        <v>0</v>
      </c>
      <c r="U4054" s="99"/>
      <c r="V4054" s="99"/>
      <c r="W4054" s="99"/>
      <c r="X4054" s="99"/>
      <c r="Y4054" s="99"/>
      <c r="Z4054" s="99"/>
      <c r="AA4054" s="99"/>
      <c r="AB4054" s="99"/>
      <c r="AC4054" s="99"/>
      <c r="AD4054" s="99"/>
      <c r="AE4054" s="99"/>
      <c r="AF4054" s="99"/>
      <c r="AG4054" s="99"/>
      <c r="AH4054" s="99"/>
      <c r="AI4054" s="99"/>
      <c r="AJ4054" s="99"/>
      <c r="AK4054" s="99"/>
      <c r="AL4054" s="99"/>
      <c r="AM4054" s="99"/>
      <c r="AN4054" s="99"/>
      <c r="AO4054" s="99"/>
      <c r="AP4054" s="99"/>
      <c r="AQ4054" s="99"/>
      <c r="AR4054" s="99"/>
      <c r="AS4054" s="99"/>
      <c r="AT4054" s="99"/>
      <c r="AU4054" s="99"/>
      <c r="AV4054" s="99"/>
      <c r="AW4054" s="99"/>
      <c r="AX4054" s="99"/>
      <c r="AY4054" s="99"/>
      <c r="AZ4054" s="99"/>
      <c r="BA4054" s="99"/>
      <c r="BB4054" s="107">
        <v>45884</v>
      </c>
    </row>
    <row r="4055" spans="1:54" s="238" customFormat="1" ht="13.95" customHeight="1" x14ac:dyDescent="0.25">
      <c r="A4055" s="236" t="s">
        <v>8851</v>
      </c>
      <c r="B4055" s="220" t="s">
        <v>8672</v>
      </c>
      <c r="C4055" s="190" t="s">
        <v>8852</v>
      </c>
      <c r="D4055" s="190" t="s">
        <v>8853</v>
      </c>
      <c r="E4055" s="237">
        <v>1977</v>
      </c>
      <c r="F4055" s="237">
        <v>100</v>
      </c>
      <c r="G4055" s="190" t="s">
        <v>1</v>
      </c>
      <c r="H4055" s="190">
        <v>0</v>
      </c>
      <c r="I4055" s="190">
        <v>0</v>
      </c>
      <c r="J4055" s="190">
        <v>0</v>
      </c>
      <c r="K4055" s="190">
        <v>0</v>
      </c>
      <c r="L4055" s="190">
        <v>0</v>
      </c>
      <c r="M4055" s="190">
        <v>0</v>
      </c>
      <c r="N4055" s="190">
        <v>0</v>
      </c>
      <c r="O4055" s="190">
        <v>0</v>
      </c>
      <c r="P4055" s="190">
        <v>0</v>
      </c>
      <c r="Q4055" s="190">
        <v>0</v>
      </c>
      <c r="R4055" s="190">
        <v>0</v>
      </c>
      <c r="S4055" s="190">
        <v>0</v>
      </c>
      <c r="T4055" s="190">
        <v>0</v>
      </c>
      <c r="U4055" s="99"/>
      <c r="V4055" s="99"/>
      <c r="W4055" s="99"/>
      <c r="X4055" s="99"/>
      <c r="Y4055" s="99"/>
      <c r="Z4055" s="99"/>
      <c r="AA4055" s="99"/>
      <c r="AB4055" s="99"/>
      <c r="AC4055" s="99"/>
      <c r="AD4055" s="99"/>
      <c r="AE4055" s="99"/>
      <c r="AF4055" s="99"/>
      <c r="AG4055" s="99"/>
      <c r="AH4055" s="99"/>
      <c r="AI4055" s="99"/>
      <c r="AJ4055" s="99"/>
      <c r="AK4055" s="99"/>
      <c r="AL4055" s="99"/>
      <c r="AM4055" s="99"/>
      <c r="AN4055" s="99"/>
      <c r="AO4055" s="99"/>
      <c r="AP4055" s="99"/>
      <c r="AQ4055" s="99"/>
      <c r="AR4055" s="99"/>
      <c r="AS4055" s="99"/>
      <c r="AT4055" s="99"/>
      <c r="AU4055" s="99"/>
      <c r="AV4055" s="99"/>
      <c r="AW4055" s="99"/>
      <c r="AX4055" s="99"/>
      <c r="AY4055" s="99"/>
      <c r="AZ4055" s="99"/>
      <c r="BA4055" s="99"/>
      <c r="BB4055" s="107">
        <v>45884</v>
      </c>
    </row>
    <row r="4056" spans="1:54" s="238" customFormat="1" ht="13.95" customHeight="1" x14ac:dyDescent="0.25">
      <c r="A4056" s="236" t="s">
        <v>8854</v>
      </c>
      <c r="B4056" s="220" t="s">
        <v>8672</v>
      </c>
      <c r="C4056" s="190" t="s">
        <v>8855</v>
      </c>
      <c r="D4056" s="190" t="s">
        <v>8856</v>
      </c>
      <c r="E4056" s="237">
        <v>1977</v>
      </c>
      <c r="F4056" s="237">
        <v>100</v>
      </c>
      <c r="G4056" s="190" t="s">
        <v>1</v>
      </c>
      <c r="H4056" s="190">
        <v>0</v>
      </c>
      <c r="I4056" s="190">
        <v>0</v>
      </c>
      <c r="J4056" s="190">
        <v>1</v>
      </c>
      <c r="K4056" s="190">
        <v>0</v>
      </c>
      <c r="L4056" s="190">
        <v>1</v>
      </c>
      <c r="M4056" s="190">
        <v>0</v>
      </c>
      <c r="N4056" s="190">
        <v>0</v>
      </c>
      <c r="O4056" s="190">
        <v>0</v>
      </c>
      <c r="P4056" s="190">
        <v>0</v>
      </c>
      <c r="Q4056" s="190">
        <v>0</v>
      </c>
      <c r="R4056" s="190">
        <v>0</v>
      </c>
      <c r="S4056" s="190">
        <v>0</v>
      </c>
      <c r="T4056" s="190">
        <v>0</v>
      </c>
      <c r="U4056" s="99"/>
      <c r="V4056" s="99"/>
      <c r="W4056" s="99"/>
      <c r="X4056" s="99"/>
      <c r="Y4056" s="99"/>
      <c r="Z4056" s="99"/>
      <c r="AA4056" s="99"/>
      <c r="AB4056" s="99"/>
      <c r="AC4056" s="99"/>
      <c r="AD4056" s="99"/>
      <c r="AE4056" s="99"/>
      <c r="AF4056" s="99"/>
      <c r="AG4056" s="99"/>
      <c r="AH4056" s="99"/>
      <c r="AI4056" s="99"/>
      <c r="AJ4056" s="99"/>
      <c r="AK4056" s="99"/>
      <c r="AL4056" s="99"/>
      <c r="AM4056" s="99"/>
      <c r="AN4056" s="99"/>
      <c r="AO4056" s="99"/>
      <c r="AP4056" s="99"/>
      <c r="AQ4056" s="99"/>
      <c r="AR4056" s="99"/>
      <c r="AS4056" s="99"/>
      <c r="AT4056" s="99"/>
      <c r="AU4056" s="99"/>
      <c r="AV4056" s="99"/>
      <c r="AW4056" s="99"/>
      <c r="AX4056" s="99"/>
      <c r="AY4056" s="99"/>
      <c r="AZ4056" s="99"/>
      <c r="BA4056" s="99"/>
      <c r="BB4056" s="107">
        <v>45884</v>
      </c>
    </row>
    <row r="4057" spans="1:54" s="238" customFormat="1" ht="13.95" customHeight="1" x14ac:dyDescent="0.25">
      <c r="A4057" s="236" t="s">
        <v>8857</v>
      </c>
      <c r="B4057" s="220" t="s">
        <v>8672</v>
      </c>
      <c r="C4057" s="190" t="s">
        <v>8858</v>
      </c>
      <c r="D4057" s="190" t="s">
        <v>8859</v>
      </c>
      <c r="E4057" s="237">
        <v>1977</v>
      </c>
      <c r="F4057" s="237">
        <v>100</v>
      </c>
      <c r="G4057" s="190" t="s">
        <v>1</v>
      </c>
      <c r="H4057" s="190">
        <v>0</v>
      </c>
      <c r="I4057" s="190">
        <v>0</v>
      </c>
      <c r="J4057" s="190">
        <v>0</v>
      </c>
      <c r="K4057" s="190">
        <v>0</v>
      </c>
      <c r="L4057" s="190">
        <v>1</v>
      </c>
      <c r="M4057" s="190">
        <v>0</v>
      </c>
      <c r="N4057" s="190">
        <v>0</v>
      </c>
      <c r="O4057" s="190">
        <v>0</v>
      </c>
      <c r="P4057" s="190">
        <v>0</v>
      </c>
      <c r="Q4057" s="190">
        <v>0</v>
      </c>
      <c r="R4057" s="190">
        <v>0</v>
      </c>
      <c r="S4057" s="190">
        <v>0</v>
      </c>
      <c r="T4057" s="190">
        <v>0</v>
      </c>
      <c r="U4057" s="99"/>
      <c r="V4057" s="99"/>
      <c r="W4057" s="99"/>
      <c r="X4057" s="99"/>
      <c r="Y4057" s="99"/>
      <c r="Z4057" s="99"/>
      <c r="AA4057" s="99"/>
      <c r="AB4057" s="99"/>
      <c r="AC4057" s="99"/>
      <c r="AD4057" s="99"/>
      <c r="AE4057" s="99"/>
      <c r="AF4057" s="99"/>
      <c r="AG4057" s="99"/>
      <c r="AH4057" s="99"/>
      <c r="AI4057" s="99"/>
      <c r="AJ4057" s="99"/>
      <c r="AK4057" s="99"/>
      <c r="AL4057" s="99"/>
      <c r="AM4057" s="99"/>
      <c r="AN4057" s="99"/>
      <c r="AO4057" s="99"/>
      <c r="AP4057" s="99"/>
      <c r="AQ4057" s="99"/>
      <c r="AR4057" s="99"/>
      <c r="AS4057" s="99"/>
      <c r="AT4057" s="99"/>
      <c r="AU4057" s="99"/>
      <c r="AV4057" s="99"/>
      <c r="AW4057" s="99"/>
      <c r="AX4057" s="99"/>
      <c r="AY4057" s="99"/>
      <c r="AZ4057" s="99"/>
      <c r="BA4057" s="99"/>
      <c r="BB4057" s="107">
        <v>45884</v>
      </c>
    </row>
    <row r="4058" spans="1:54" s="238" customFormat="1" ht="13.95" customHeight="1" x14ac:dyDescent="0.25">
      <c r="A4058" s="236" t="s">
        <v>8860</v>
      </c>
      <c r="B4058" s="220" t="s">
        <v>8672</v>
      </c>
      <c r="C4058" s="190" t="s">
        <v>8861</v>
      </c>
      <c r="D4058" s="190" t="s">
        <v>8862</v>
      </c>
      <c r="E4058" s="237">
        <v>1979</v>
      </c>
      <c r="F4058" s="237">
        <v>100</v>
      </c>
      <c r="G4058" s="190" t="s">
        <v>1</v>
      </c>
      <c r="H4058" s="190">
        <v>0</v>
      </c>
      <c r="I4058" s="190">
        <v>0</v>
      </c>
      <c r="J4058" s="190">
        <v>0</v>
      </c>
      <c r="K4058" s="190">
        <v>0</v>
      </c>
      <c r="L4058" s="190">
        <v>1</v>
      </c>
      <c r="M4058" s="190">
        <v>0</v>
      </c>
      <c r="N4058" s="190">
        <v>0</v>
      </c>
      <c r="O4058" s="190">
        <v>0</v>
      </c>
      <c r="P4058" s="190">
        <v>0</v>
      </c>
      <c r="Q4058" s="190">
        <v>0</v>
      </c>
      <c r="R4058" s="190">
        <v>0</v>
      </c>
      <c r="S4058" s="190">
        <v>0</v>
      </c>
      <c r="T4058" s="190">
        <v>0</v>
      </c>
      <c r="U4058" s="99"/>
      <c r="V4058" s="99"/>
      <c r="W4058" s="99"/>
      <c r="X4058" s="99"/>
      <c r="Y4058" s="99"/>
      <c r="Z4058" s="99"/>
      <c r="AA4058" s="99"/>
      <c r="AB4058" s="99"/>
      <c r="AC4058" s="99"/>
      <c r="AD4058" s="99"/>
      <c r="AE4058" s="99"/>
      <c r="AF4058" s="99"/>
      <c r="AG4058" s="99"/>
      <c r="AH4058" s="99"/>
      <c r="AI4058" s="99"/>
      <c r="AJ4058" s="99"/>
      <c r="AK4058" s="99"/>
      <c r="AL4058" s="99"/>
      <c r="AM4058" s="99"/>
      <c r="AN4058" s="99"/>
      <c r="AO4058" s="99"/>
      <c r="AP4058" s="99"/>
      <c r="AQ4058" s="99"/>
      <c r="AR4058" s="99"/>
      <c r="AS4058" s="99"/>
      <c r="AT4058" s="99"/>
      <c r="AU4058" s="99"/>
      <c r="AV4058" s="99"/>
      <c r="AW4058" s="99"/>
      <c r="AX4058" s="99"/>
      <c r="AY4058" s="99"/>
      <c r="AZ4058" s="99"/>
      <c r="BA4058" s="99"/>
      <c r="BB4058" s="107">
        <v>45884</v>
      </c>
    </row>
    <row r="4059" spans="1:54" s="238" customFormat="1" ht="13.95" customHeight="1" x14ac:dyDescent="0.25">
      <c r="A4059" s="236" t="s">
        <v>8863</v>
      </c>
      <c r="B4059" s="220" t="s">
        <v>8672</v>
      </c>
      <c r="C4059" s="190" t="s">
        <v>8864</v>
      </c>
      <c r="D4059" s="190" t="s">
        <v>8865</v>
      </c>
      <c r="E4059" s="237">
        <v>1979</v>
      </c>
      <c r="F4059" s="237">
        <v>100</v>
      </c>
      <c r="G4059" s="190" t="s">
        <v>1</v>
      </c>
      <c r="H4059" s="190">
        <v>0</v>
      </c>
      <c r="I4059" s="190">
        <v>0</v>
      </c>
      <c r="J4059" s="190">
        <v>0</v>
      </c>
      <c r="K4059" s="190">
        <v>0</v>
      </c>
      <c r="L4059" s="190">
        <v>1</v>
      </c>
      <c r="M4059" s="190">
        <v>0</v>
      </c>
      <c r="N4059" s="190">
        <v>0</v>
      </c>
      <c r="O4059" s="190">
        <v>0</v>
      </c>
      <c r="P4059" s="190">
        <v>1</v>
      </c>
      <c r="Q4059" s="190">
        <v>0</v>
      </c>
      <c r="R4059" s="190">
        <v>0</v>
      </c>
      <c r="S4059" s="190">
        <v>0</v>
      </c>
      <c r="T4059" s="190">
        <v>0</v>
      </c>
      <c r="U4059" s="99"/>
      <c r="V4059" s="99"/>
      <c r="W4059" s="99"/>
      <c r="X4059" s="99"/>
      <c r="Y4059" s="99"/>
      <c r="Z4059" s="99"/>
      <c r="AA4059" s="99"/>
      <c r="AB4059" s="99"/>
      <c r="AC4059" s="99"/>
      <c r="AD4059" s="99"/>
      <c r="AE4059" s="99"/>
      <c r="AF4059" s="99"/>
      <c r="AG4059" s="99"/>
      <c r="AH4059" s="99"/>
      <c r="AI4059" s="99"/>
      <c r="AJ4059" s="99"/>
      <c r="AK4059" s="99"/>
      <c r="AL4059" s="99"/>
      <c r="AM4059" s="99"/>
      <c r="AN4059" s="99"/>
      <c r="AO4059" s="99"/>
      <c r="AP4059" s="99"/>
      <c r="AQ4059" s="99"/>
      <c r="AR4059" s="99"/>
      <c r="AS4059" s="99"/>
      <c r="AT4059" s="99"/>
      <c r="AU4059" s="99"/>
      <c r="AV4059" s="99"/>
      <c r="AW4059" s="99"/>
      <c r="AX4059" s="99"/>
      <c r="AY4059" s="99"/>
      <c r="AZ4059" s="99"/>
      <c r="BA4059" s="99"/>
      <c r="BB4059" s="107">
        <v>45884</v>
      </c>
    </row>
    <row r="4060" spans="1:54" s="238" customFormat="1" ht="13.95" customHeight="1" x14ac:dyDescent="0.25">
      <c r="A4060" s="236" t="s">
        <v>8866</v>
      </c>
      <c r="B4060" s="220" t="s">
        <v>8672</v>
      </c>
      <c r="C4060" s="190" t="s">
        <v>8867</v>
      </c>
      <c r="D4060" s="190" t="s">
        <v>8868</v>
      </c>
      <c r="E4060" s="237">
        <v>1979</v>
      </c>
      <c r="F4060" s="237">
        <v>100</v>
      </c>
      <c r="G4060" s="190" t="s">
        <v>1</v>
      </c>
      <c r="H4060" s="190">
        <v>0</v>
      </c>
      <c r="I4060" s="190">
        <v>0</v>
      </c>
      <c r="J4060" s="190">
        <v>0</v>
      </c>
      <c r="K4060" s="190">
        <v>0</v>
      </c>
      <c r="L4060" s="190">
        <v>0</v>
      </c>
      <c r="M4060" s="190">
        <v>0</v>
      </c>
      <c r="N4060" s="190">
        <v>0</v>
      </c>
      <c r="O4060" s="190">
        <v>0</v>
      </c>
      <c r="P4060" s="190">
        <v>1</v>
      </c>
      <c r="Q4060" s="190">
        <v>0</v>
      </c>
      <c r="R4060" s="190">
        <v>0</v>
      </c>
      <c r="S4060" s="190">
        <v>0</v>
      </c>
      <c r="T4060" s="190">
        <v>0</v>
      </c>
      <c r="U4060" s="99"/>
      <c r="V4060" s="99"/>
      <c r="W4060" s="99"/>
      <c r="X4060" s="99"/>
      <c r="Y4060" s="99"/>
      <c r="Z4060" s="99"/>
      <c r="AA4060" s="99"/>
      <c r="AB4060" s="99"/>
      <c r="AC4060" s="99"/>
      <c r="AD4060" s="99"/>
      <c r="AE4060" s="99"/>
      <c r="AF4060" s="99"/>
      <c r="AG4060" s="99"/>
      <c r="AH4060" s="99"/>
      <c r="AI4060" s="99"/>
      <c r="AJ4060" s="99"/>
      <c r="AK4060" s="99"/>
      <c r="AL4060" s="99"/>
      <c r="AM4060" s="99"/>
      <c r="AN4060" s="99"/>
      <c r="AO4060" s="99"/>
      <c r="AP4060" s="99"/>
      <c r="AQ4060" s="99"/>
      <c r="AR4060" s="99"/>
      <c r="AS4060" s="99"/>
      <c r="AT4060" s="99"/>
      <c r="AU4060" s="99"/>
      <c r="AV4060" s="99"/>
      <c r="AW4060" s="99"/>
      <c r="AX4060" s="99"/>
      <c r="AY4060" s="99"/>
      <c r="AZ4060" s="99"/>
      <c r="BA4060" s="99"/>
      <c r="BB4060" s="107">
        <v>45884</v>
      </c>
    </row>
    <row r="4061" spans="1:54" s="238" customFormat="1" ht="13.95" customHeight="1" x14ac:dyDescent="0.25">
      <c r="A4061" s="236" t="s">
        <v>8869</v>
      </c>
      <c r="B4061" s="220" t="s">
        <v>8672</v>
      </c>
      <c r="C4061" s="190" t="s">
        <v>8870</v>
      </c>
      <c r="D4061" s="190" t="s">
        <v>8871</v>
      </c>
      <c r="E4061" s="237">
        <v>1996</v>
      </c>
      <c r="F4061" s="237">
        <v>100</v>
      </c>
      <c r="G4061" s="190" t="s">
        <v>1</v>
      </c>
      <c r="H4061" s="190">
        <v>0</v>
      </c>
      <c r="I4061" s="190">
        <v>0</v>
      </c>
      <c r="J4061" s="190">
        <v>0</v>
      </c>
      <c r="K4061" s="190">
        <v>1</v>
      </c>
      <c r="L4061" s="190">
        <v>0</v>
      </c>
      <c r="M4061" s="190">
        <v>0</v>
      </c>
      <c r="N4061" s="190">
        <v>0</v>
      </c>
      <c r="O4061" s="190">
        <v>0</v>
      </c>
      <c r="P4061" s="190">
        <v>1</v>
      </c>
      <c r="Q4061" s="190">
        <v>0</v>
      </c>
      <c r="R4061" s="190">
        <v>0</v>
      </c>
      <c r="S4061" s="190">
        <v>0</v>
      </c>
      <c r="T4061" s="190">
        <v>0</v>
      </c>
      <c r="U4061" s="99"/>
      <c r="V4061" s="99"/>
      <c r="W4061" s="99"/>
      <c r="X4061" s="99"/>
      <c r="Y4061" s="99"/>
      <c r="Z4061" s="99"/>
      <c r="AA4061" s="99"/>
      <c r="AB4061" s="99"/>
      <c r="AC4061" s="99"/>
      <c r="AD4061" s="99"/>
      <c r="AE4061" s="99"/>
      <c r="AF4061" s="99"/>
      <c r="AG4061" s="99"/>
      <c r="AH4061" s="99"/>
      <c r="AI4061" s="99"/>
      <c r="AJ4061" s="99"/>
      <c r="AK4061" s="99"/>
      <c r="AL4061" s="99"/>
      <c r="AM4061" s="99"/>
      <c r="AN4061" s="99"/>
      <c r="AO4061" s="99"/>
      <c r="AP4061" s="99"/>
      <c r="AQ4061" s="99"/>
      <c r="AR4061" s="99"/>
      <c r="AS4061" s="99"/>
      <c r="AT4061" s="99"/>
      <c r="AU4061" s="99"/>
      <c r="AV4061" s="99"/>
      <c r="AW4061" s="99"/>
      <c r="AX4061" s="99"/>
      <c r="AY4061" s="99"/>
      <c r="AZ4061" s="99"/>
      <c r="BA4061" s="99"/>
      <c r="BB4061" s="107">
        <v>45884</v>
      </c>
    </row>
    <row r="4062" spans="1:54" s="238" customFormat="1" ht="13.95" customHeight="1" x14ac:dyDescent="0.25">
      <c r="A4062" s="236" t="s">
        <v>8872</v>
      </c>
      <c r="B4062" s="220" t="s">
        <v>8672</v>
      </c>
      <c r="C4062" s="190" t="s">
        <v>8873</v>
      </c>
      <c r="D4062" s="190" t="s">
        <v>8874</v>
      </c>
      <c r="E4062" s="237">
        <v>1979</v>
      </c>
      <c r="F4062" s="237">
        <v>100</v>
      </c>
      <c r="G4062" s="190" t="s">
        <v>1</v>
      </c>
      <c r="H4062" s="190">
        <v>0</v>
      </c>
      <c r="I4062" s="190">
        <v>0</v>
      </c>
      <c r="J4062" s="190">
        <v>0</v>
      </c>
      <c r="K4062" s="190">
        <v>1</v>
      </c>
      <c r="L4062" s="190">
        <v>0</v>
      </c>
      <c r="M4062" s="190">
        <v>0</v>
      </c>
      <c r="N4062" s="190">
        <v>0</v>
      </c>
      <c r="O4062" s="190">
        <v>0</v>
      </c>
      <c r="P4062" s="190">
        <v>0</v>
      </c>
      <c r="Q4062" s="190">
        <v>0</v>
      </c>
      <c r="R4062" s="190">
        <v>1</v>
      </c>
      <c r="S4062" s="190">
        <v>0</v>
      </c>
      <c r="T4062" s="190">
        <v>0</v>
      </c>
      <c r="U4062" s="99"/>
      <c r="V4062" s="99"/>
      <c r="W4062" s="99"/>
      <c r="X4062" s="99"/>
      <c r="Y4062" s="99"/>
      <c r="Z4062" s="99"/>
      <c r="AA4062" s="99"/>
      <c r="AB4062" s="99"/>
      <c r="AC4062" s="99"/>
      <c r="AD4062" s="99"/>
      <c r="AE4062" s="99"/>
      <c r="AF4062" s="99"/>
      <c r="AG4062" s="99"/>
      <c r="AH4062" s="99"/>
      <c r="AI4062" s="99"/>
      <c r="AJ4062" s="99"/>
      <c r="AK4062" s="99"/>
      <c r="AL4062" s="99"/>
      <c r="AM4062" s="99"/>
      <c r="AN4062" s="99"/>
      <c r="AO4062" s="99"/>
      <c r="AP4062" s="99"/>
      <c r="AQ4062" s="99"/>
      <c r="AR4062" s="99"/>
      <c r="AS4062" s="99"/>
      <c r="AT4062" s="99"/>
      <c r="AU4062" s="99"/>
      <c r="AV4062" s="99"/>
      <c r="AW4062" s="99"/>
      <c r="AX4062" s="99"/>
      <c r="AY4062" s="99"/>
      <c r="AZ4062" s="99"/>
      <c r="BA4062" s="99"/>
      <c r="BB4062" s="107">
        <v>45884</v>
      </c>
    </row>
    <row r="4063" spans="1:54" s="238" customFormat="1" ht="13.95" customHeight="1" x14ac:dyDescent="0.25">
      <c r="A4063" s="236" t="s">
        <v>8875</v>
      </c>
      <c r="B4063" s="220" t="s">
        <v>8672</v>
      </c>
      <c r="C4063" s="190" t="s">
        <v>8876</v>
      </c>
      <c r="D4063" s="190" t="s">
        <v>8877</v>
      </c>
      <c r="E4063" s="237">
        <v>1979</v>
      </c>
      <c r="F4063" s="237">
        <v>100</v>
      </c>
      <c r="G4063" s="190" t="s">
        <v>1</v>
      </c>
      <c r="H4063" s="190">
        <v>0</v>
      </c>
      <c r="I4063" s="190">
        <v>0</v>
      </c>
      <c r="J4063" s="190">
        <v>0</v>
      </c>
      <c r="K4063" s="190">
        <v>0</v>
      </c>
      <c r="L4063" s="190">
        <v>0</v>
      </c>
      <c r="M4063" s="190">
        <v>0</v>
      </c>
      <c r="N4063" s="190">
        <v>0</v>
      </c>
      <c r="O4063" s="190">
        <v>0</v>
      </c>
      <c r="P4063" s="190">
        <v>1</v>
      </c>
      <c r="Q4063" s="190">
        <v>0</v>
      </c>
      <c r="R4063" s="190">
        <v>0</v>
      </c>
      <c r="S4063" s="190">
        <v>0</v>
      </c>
      <c r="T4063" s="190">
        <v>0</v>
      </c>
      <c r="U4063" s="99"/>
      <c r="V4063" s="99"/>
      <c r="W4063" s="99"/>
      <c r="X4063" s="99"/>
      <c r="Y4063" s="99"/>
      <c r="Z4063" s="99"/>
      <c r="AA4063" s="99"/>
      <c r="AB4063" s="99"/>
      <c r="AC4063" s="99"/>
      <c r="AD4063" s="99"/>
      <c r="AE4063" s="99"/>
      <c r="AF4063" s="99"/>
      <c r="AG4063" s="99"/>
      <c r="AH4063" s="99"/>
      <c r="AI4063" s="99"/>
      <c r="AJ4063" s="99"/>
      <c r="AK4063" s="99"/>
      <c r="AL4063" s="99"/>
      <c r="AM4063" s="99"/>
      <c r="AN4063" s="99"/>
      <c r="AO4063" s="99"/>
      <c r="AP4063" s="99"/>
      <c r="AQ4063" s="99"/>
      <c r="AR4063" s="99"/>
      <c r="AS4063" s="99"/>
      <c r="AT4063" s="99"/>
      <c r="AU4063" s="99"/>
      <c r="AV4063" s="99"/>
      <c r="AW4063" s="99"/>
      <c r="AX4063" s="99"/>
      <c r="AY4063" s="99"/>
      <c r="AZ4063" s="99"/>
      <c r="BA4063" s="190" t="s">
        <v>8878</v>
      </c>
      <c r="BB4063" s="107">
        <v>45884</v>
      </c>
    </row>
    <row r="4064" spans="1:54" s="238" customFormat="1" ht="13.95" customHeight="1" x14ac:dyDescent="0.25">
      <c r="A4064" s="236" t="s">
        <v>8879</v>
      </c>
      <c r="B4064" s="220" t="s">
        <v>8672</v>
      </c>
      <c r="C4064" s="190" t="s">
        <v>8880</v>
      </c>
      <c r="D4064" s="190" t="s">
        <v>8881</v>
      </c>
      <c r="E4064" s="237">
        <v>1979</v>
      </c>
      <c r="F4064" s="237">
        <v>100</v>
      </c>
      <c r="G4064" s="190" t="s">
        <v>1</v>
      </c>
      <c r="H4064" s="190">
        <v>0</v>
      </c>
      <c r="I4064" s="190">
        <v>0</v>
      </c>
      <c r="J4064" s="190">
        <v>0</v>
      </c>
      <c r="K4064" s="190">
        <v>0</v>
      </c>
      <c r="L4064" s="190">
        <v>0</v>
      </c>
      <c r="M4064" s="190">
        <v>0</v>
      </c>
      <c r="N4064" s="190">
        <v>0</v>
      </c>
      <c r="O4064" s="190">
        <v>0</v>
      </c>
      <c r="P4064" s="190">
        <v>0</v>
      </c>
      <c r="Q4064" s="190">
        <v>0</v>
      </c>
      <c r="R4064" s="190">
        <v>1</v>
      </c>
      <c r="S4064" s="190">
        <v>0</v>
      </c>
      <c r="T4064" s="190">
        <v>0</v>
      </c>
      <c r="U4064" s="99"/>
      <c r="V4064" s="99"/>
      <c r="W4064" s="99"/>
      <c r="X4064" s="99"/>
      <c r="Y4064" s="99"/>
      <c r="Z4064" s="99"/>
      <c r="AA4064" s="99"/>
      <c r="AB4064" s="99"/>
      <c r="AC4064" s="99"/>
      <c r="AD4064" s="99"/>
      <c r="AE4064" s="99"/>
      <c r="AF4064" s="99"/>
      <c r="AG4064" s="99"/>
      <c r="AH4064" s="99"/>
      <c r="AI4064" s="99"/>
      <c r="AJ4064" s="99"/>
      <c r="AK4064" s="99"/>
      <c r="AL4064" s="99"/>
      <c r="AM4064" s="99"/>
      <c r="AN4064" s="99"/>
      <c r="AO4064" s="99"/>
      <c r="AP4064" s="99"/>
      <c r="AQ4064" s="99"/>
      <c r="AR4064" s="99"/>
      <c r="AS4064" s="99"/>
      <c r="AT4064" s="99"/>
      <c r="AU4064" s="99"/>
      <c r="AV4064" s="99"/>
      <c r="AW4064" s="99"/>
      <c r="AX4064" s="99"/>
      <c r="AY4064" s="99"/>
      <c r="AZ4064" s="99"/>
      <c r="BA4064" s="99"/>
      <c r="BB4064" s="107">
        <v>45884</v>
      </c>
    </row>
    <row r="4065" spans="1:54" s="238" customFormat="1" ht="13.95" customHeight="1" x14ac:dyDescent="0.25">
      <c r="A4065" s="236" t="s">
        <v>8882</v>
      </c>
      <c r="B4065" s="220" t="s">
        <v>8672</v>
      </c>
      <c r="C4065" s="190" t="s">
        <v>8883</v>
      </c>
      <c r="D4065" s="190" t="s">
        <v>8884</v>
      </c>
      <c r="E4065" s="237">
        <v>1980</v>
      </c>
      <c r="F4065" s="237">
        <v>100</v>
      </c>
      <c r="G4065" s="190" t="s">
        <v>1</v>
      </c>
      <c r="H4065" s="190">
        <v>0</v>
      </c>
      <c r="I4065" s="190">
        <v>0</v>
      </c>
      <c r="J4065" s="190">
        <v>0</v>
      </c>
      <c r="K4065" s="190">
        <v>0</v>
      </c>
      <c r="L4065" s="190">
        <v>1</v>
      </c>
      <c r="M4065" s="190">
        <v>0</v>
      </c>
      <c r="N4065" s="190">
        <v>0</v>
      </c>
      <c r="O4065" s="190">
        <v>0</v>
      </c>
      <c r="P4065" s="190">
        <v>1</v>
      </c>
      <c r="Q4065" s="190">
        <v>0</v>
      </c>
      <c r="R4065" s="190">
        <v>0</v>
      </c>
      <c r="S4065" s="190">
        <v>0</v>
      </c>
      <c r="T4065" s="190">
        <v>0</v>
      </c>
      <c r="U4065" s="99"/>
      <c r="V4065" s="99"/>
      <c r="W4065" s="99"/>
      <c r="X4065" s="99"/>
      <c r="Y4065" s="99"/>
      <c r="Z4065" s="99"/>
      <c r="AA4065" s="99"/>
      <c r="AB4065" s="99"/>
      <c r="AC4065" s="99"/>
      <c r="AD4065" s="99"/>
      <c r="AE4065" s="99"/>
      <c r="AF4065" s="99"/>
      <c r="AG4065" s="99"/>
      <c r="AH4065" s="99"/>
      <c r="AI4065" s="99"/>
      <c r="AJ4065" s="99"/>
      <c r="AK4065" s="99"/>
      <c r="AL4065" s="99"/>
      <c r="AM4065" s="99"/>
      <c r="AN4065" s="99"/>
      <c r="AO4065" s="99"/>
      <c r="AP4065" s="99"/>
      <c r="AQ4065" s="99"/>
      <c r="AR4065" s="99"/>
      <c r="AS4065" s="99"/>
      <c r="AT4065" s="99"/>
      <c r="AU4065" s="99"/>
      <c r="AV4065" s="99"/>
      <c r="AW4065" s="99"/>
      <c r="AX4065" s="99"/>
      <c r="AY4065" s="99"/>
      <c r="AZ4065" s="99"/>
      <c r="BA4065" s="99"/>
      <c r="BB4065" s="107">
        <v>45884</v>
      </c>
    </row>
    <row r="4066" spans="1:54" s="238" customFormat="1" ht="13.95" customHeight="1" x14ac:dyDescent="0.25">
      <c r="A4066" s="236" t="s">
        <v>8885</v>
      </c>
      <c r="B4066" s="220" t="s">
        <v>8672</v>
      </c>
      <c r="C4066" s="190" t="s">
        <v>8886</v>
      </c>
      <c r="D4066" s="190" t="s">
        <v>8887</v>
      </c>
      <c r="E4066" s="237">
        <v>1998</v>
      </c>
      <c r="F4066" s="237">
        <v>100</v>
      </c>
      <c r="G4066" s="190" t="s">
        <v>1</v>
      </c>
      <c r="H4066" s="190">
        <v>0</v>
      </c>
      <c r="I4066" s="190">
        <v>0</v>
      </c>
      <c r="J4066" s="190">
        <v>0</v>
      </c>
      <c r="K4066" s="190">
        <v>1</v>
      </c>
      <c r="L4066" s="190">
        <v>0</v>
      </c>
      <c r="M4066" s="190">
        <v>0</v>
      </c>
      <c r="N4066" s="190">
        <v>0</v>
      </c>
      <c r="O4066" s="190">
        <v>0</v>
      </c>
      <c r="P4066" s="190">
        <v>1</v>
      </c>
      <c r="Q4066" s="190">
        <v>0</v>
      </c>
      <c r="R4066" s="190">
        <v>0</v>
      </c>
      <c r="S4066" s="190">
        <v>0</v>
      </c>
      <c r="T4066" s="190">
        <v>0</v>
      </c>
      <c r="U4066" s="99"/>
      <c r="V4066" s="99"/>
      <c r="W4066" s="99"/>
      <c r="X4066" s="99"/>
      <c r="Y4066" s="99"/>
      <c r="Z4066" s="99"/>
      <c r="AA4066" s="99"/>
      <c r="AB4066" s="99"/>
      <c r="AC4066" s="99"/>
      <c r="AD4066" s="99"/>
      <c r="AE4066" s="99"/>
      <c r="AF4066" s="99"/>
      <c r="AG4066" s="99"/>
      <c r="AH4066" s="99"/>
      <c r="AI4066" s="99"/>
      <c r="AJ4066" s="99"/>
      <c r="AK4066" s="99"/>
      <c r="AL4066" s="99"/>
      <c r="AM4066" s="99"/>
      <c r="AN4066" s="99"/>
      <c r="AO4066" s="99"/>
      <c r="AP4066" s="99"/>
      <c r="AQ4066" s="99"/>
      <c r="AR4066" s="99"/>
      <c r="AS4066" s="99"/>
      <c r="AT4066" s="99"/>
      <c r="AU4066" s="99"/>
      <c r="AV4066" s="99"/>
      <c r="AW4066" s="99"/>
      <c r="AX4066" s="99"/>
      <c r="AY4066" s="99"/>
      <c r="AZ4066" s="99"/>
      <c r="BA4066" s="99"/>
      <c r="BB4066" s="107">
        <v>45884</v>
      </c>
    </row>
    <row r="4067" spans="1:54" s="238" customFormat="1" ht="13.95" customHeight="1" x14ac:dyDescent="0.25">
      <c r="A4067" s="236" t="s">
        <v>8888</v>
      </c>
      <c r="B4067" s="220" t="s">
        <v>8672</v>
      </c>
      <c r="C4067" s="190" t="s">
        <v>4643</v>
      </c>
      <c r="D4067" s="190" t="s">
        <v>8889</v>
      </c>
      <c r="E4067" s="237">
        <v>1999</v>
      </c>
      <c r="F4067" s="237">
        <v>100</v>
      </c>
      <c r="G4067" s="190" t="s">
        <v>1</v>
      </c>
      <c r="H4067" s="190">
        <v>0</v>
      </c>
      <c r="I4067" s="190">
        <v>0</v>
      </c>
      <c r="J4067" s="190">
        <v>0</v>
      </c>
      <c r="K4067" s="190">
        <v>1</v>
      </c>
      <c r="L4067" s="190">
        <v>0</v>
      </c>
      <c r="M4067" s="190">
        <v>0</v>
      </c>
      <c r="N4067" s="190">
        <v>0</v>
      </c>
      <c r="O4067" s="190">
        <v>0</v>
      </c>
      <c r="P4067" s="190">
        <v>1</v>
      </c>
      <c r="Q4067" s="190">
        <v>0</v>
      </c>
      <c r="R4067" s="190">
        <v>0</v>
      </c>
      <c r="S4067" s="190">
        <v>0</v>
      </c>
      <c r="T4067" s="190">
        <v>0</v>
      </c>
      <c r="U4067" s="99"/>
      <c r="V4067" s="99"/>
      <c r="W4067" s="99"/>
      <c r="X4067" s="99"/>
      <c r="Y4067" s="99"/>
      <c r="Z4067" s="99"/>
      <c r="AA4067" s="99"/>
      <c r="AB4067" s="99"/>
      <c r="AC4067" s="99"/>
      <c r="AD4067" s="99"/>
      <c r="AE4067" s="99"/>
      <c r="AF4067" s="99"/>
      <c r="AG4067" s="99"/>
      <c r="AH4067" s="99"/>
      <c r="AI4067" s="99"/>
      <c r="AJ4067" s="99"/>
      <c r="AK4067" s="99"/>
      <c r="AL4067" s="99"/>
      <c r="AM4067" s="99"/>
      <c r="AN4067" s="99"/>
      <c r="AO4067" s="99"/>
      <c r="AP4067" s="99"/>
      <c r="AQ4067" s="99"/>
      <c r="AR4067" s="99"/>
      <c r="AS4067" s="99"/>
      <c r="AT4067" s="99"/>
      <c r="AU4067" s="99"/>
      <c r="AV4067" s="99"/>
      <c r="AW4067" s="99"/>
      <c r="AX4067" s="99"/>
      <c r="AY4067" s="99"/>
      <c r="AZ4067" s="99"/>
      <c r="BA4067" s="99"/>
      <c r="BB4067" s="107">
        <v>45884</v>
      </c>
    </row>
    <row r="4068" spans="1:54" s="238" customFormat="1" ht="13.95" customHeight="1" x14ac:dyDescent="0.25">
      <c r="A4068" s="236" t="s">
        <v>8890</v>
      </c>
      <c r="B4068" s="220" t="s">
        <v>8672</v>
      </c>
      <c r="C4068" s="190" t="s">
        <v>8891</v>
      </c>
      <c r="D4068" s="190" t="s">
        <v>8892</v>
      </c>
      <c r="E4068" s="237">
        <v>1999</v>
      </c>
      <c r="F4068" s="237">
        <v>100</v>
      </c>
      <c r="G4068" s="190" t="s">
        <v>1</v>
      </c>
      <c r="H4068" s="190">
        <v>0</v>
      </c>
      <c r="I4068" s="190">
        <v>0</v>
      </c>
      <c r="J4068" s="190">
        <v>0</v>
      </c>
      <c r="K4068" s="190">
        <v>1</v>
      </c>
      <c r="L4068" s="190">
        <v>0</v>
      </c>
      <c r="M4068" s="190">
        <v>0</v>
      </c>
      <c r="N4068" s="190">
        <v>0</v>
      </c>
      <c r="O4068" s="190">
        <v>0</v>
      </c>
      <c r="P4068" s="190">
        <v>1</v>
      </c>
      <c r="Q4068" s="190">
        <v>0</v>
      </c>
      <c r="R4068" s="190">
        <v>0</v>
      </c>
      <c r="S4068" s="190">
        <v>0</v>
      </c>
      <c r="T4068" s="190">
        <v>0</v>
      </c>
      <c r="U4068" s="99"/>
      <c r="V4068" s="99"/>
      <c r="W4068" s="99"/>
      <c r="X4068" s="99"/>
      <c r="Y4068" s="99"/>
      <c r="Z4068" s="99"/>
      <c r="AA4068" s="99"/>
      <c r="AB4068" s="99"/>
      <c r="AC4068" s="99"/>
      <c r="AD4068" s="99"/>
      <c r="AE4068" s="99"/>
      <c r="AF4068" s="99"/>
      <c r="AG4068" s="99"/>
      <c r="AH4068" s="99"/>
      <c r="AI4068" s="99"/>
      <c r="AJ4068" s="99"/>
      <c r="AK4068" s="99"/>
      <c r="AL4068" s="99"/>
      <c r="AM4068" s="99"/>
      <c r="AN4068" s="99"/>
      <c r="AO4068" s="99"/>
      <c r="AP4068" s="99"/>
      <c r="AQ4068" s="99"/>
      <c r="AR4068" s="99"/>
      <c r="AS4068" s="99"/>
      <c r="AT4068" s="99"/>
      <c r="AU4068" s="99"/>
      <c r="AV4068" s="99"/>
      <c r="AW4068" s="99"/>
      <c r="AX4068" s="99"/>
      <c r="AY4068" s="99"/>
      <c r="AZ4068" s="99"/>
      <c r="BA4068" s="99"/>
      <c r="BB4068" s="107">
        <v>45884</v>
      </c>
    </row>
    <row r="4069" spans="1:54" s="238" customFormat="1" ht="13.95" customHeight="1" x14ac:dyDescent="0.25">
      <c r="A4069" s="236" t="s">
        <v>8893</v>
      </c>
      <c r="B4069" s="220" t="s">
        <v>8672</v>
      </c>
      <c r="C4069" s="190" t="s">
        <v>8894</v>
      </c>
      <c r="D4069" s="190" t="s">
        <v>8895</v>
      </c>
      <c r="E4069" s="237">
        <v>1983</v>
      </c>
      <c r="F4069" s="237">
        <v>100</v>
      </c>
      <c r="G4069" s="190" t="s">
        <v>1</v>
      </c>
      <c r="H4069" s="190">
        <v>0</v>
      </c>
      <c r="I4069" s="190">
        <v>0</v>
      </c>
      <c r="J4069" s="190">
        <v>0</v>
      </c>
      <c r="K4069" s="190">
        <v>1</v>
      </c>
      <c r="L4069" s="190">
        <v>0</v>
      </c>
      <c r="M4069" s="190">
        <v>0</v>
      </c>
      <c r="N4069" s="190">
        <v>0</v>
      </c>
      <c r="O4069" s="190">
        <v>0</v>
      </c>
      <c r="P4069" s="190">
        <v>0</v>
      </c>
      <c r="Q4069" s="190">
        <v>0</v>
      </c>
      <c r="R4069" s="190">
        <v>0</v>
      </c>
      <c r="S4069" s="190">
        <v>0</v>
      </c>
      <c r="T4069" s="190">
        <v>0</v>
      </c>
      <c r="U4069" s="99"/>
      <c r="V4069" s="99"/>
      <c r="W4069" s="99"/>
      <c r="X4069" s="99"/>
      <c r="Y4069" s="99"/>
      <c r="Z4069" s="99"/>
      <c r="AA4069" s="99"/>
      <c r="AB4069" s="99"/>
      <c r="AC4069" s="99"/>
      <c r="AD4069" s="99"/>
      <c r="AE4069" s="99"/>
      <c r="AF4069" s="99"/>
      <c r="AG4069" s="99"/>
      <c r="AH4069" s="99"/>
      <c r="AI4069" s="99"/>
      <c r="AJ4069" s="99"/>
      <c r="AK4069" s="99"/>
      <c r="AL4069" s="99"/>
      <c r="AM4069" s="99"/>
      <c r="AN4069" s="99"/>
      <c r="AO4069" s="99"/>
      <c r="AP4069" s="99"/>
      <c r="AQ4069" s="99"/>
      <c r="AR4069" s="99"/>
      <c r="AS4069" s="99"/>
      <c r="AT4069" s="99"/>
      <c r="AU4069" s="99"/>
      <c r="AV4069" s="99"/>
      <c r="AW4069" s="99"/>
      <c r="AX4069" s="99"/>
      <c r="AY4069" s="99"/>
      <c r="AZ4069" s="99"/>
      <c r="BA4069" s="190" t="s">
        <v>21656</v>
      </c>
      <c r="BB4069" s="107">
        <v>45884</v>
      </c>
    </row>
    <row r="4070" spans="1:54" s="238" customFormat="1" ht="13.95" customHeight="1" x14ac:dyDescent="0.25">
      <c r="A4070" s="236" t="s">
        <v>8896</v>
      </c>
      <c r="B4070" s="220" t="s">
        <v>8672</v>
      </c>
      <c r="C4070" s="190" t="s">
        <v>8897</v>
      </c>
      <c r="D4070" s="190" t="s">
        <v>8898</v>
      </c>
      <c r="E4070" s="237">
        <v>2002</v>
      </c>
      <c r="F4070" s="237">
        <v>100</v>
      </c>
      <c r="G4070" s="190" t="s">
        <v>1</v>
      </c>
      <c r="H4070" s="190">
        <v>0</v>
      </c>
      <c r="I4070" s="190">
        <v>0</v>
      </c>
      <c r="J4070" s="190">
        <v>0</v>
      </c>
      <c r="K4070" s="190">
        <v>1</v>
      </c>
      <c r="L4070" s="190">
        <v>0</v>
      </c>
      <c r="M4070" s="190">
        <v>0</v>
      </c>
      <c r="N4070" s="190">
        <v>0</v>
      </c>
      <c r="O4070" s="190">
        <v>0</v>
      </c>
      <c r="P4070" s="190">
        <v>1</v>
      </c>
      <c r="Q4070" s="190">
        <v>0</v>
      </c>
      <c r="R4070" s="190">
        <v>0</v>
      </c>
      <c r="S4070" s="190">
        <v>0</v>
      </c>
      <c r="T4070" s="190">
        <v>0</v>
      </c>
      <c r="U4070" s="99"/>
      <c r="V4070" s="99"/>
      <c r="W4070" s="99"/>
      <c r="X4070" s="99"/>
      <c r="Y4070" s="99"/>
      <c r="Z4070" s="99"/>
      <c r="AA4070" s="99"/>
      <c r="AB4070" s="99"/>
      <c r="AC4070" s="99"/>
      <c r="AD4070" s="99"/>
      <c r="AE4070" s="99"/>
      <c r="AF4070" s="99"/>
      <c r="AG4070" s="99"/>
      <c r="AH4070" s="99"/>
      <c r="AI4070" s="99"/>
      <c r="AJ4070" s="99"/>
      <c r="AK4070" s="99"/>
      <c r="AL4070" s="99"/>
      <c r="AM4070" s="99"/>
      <c r="AN4070" s="99"/>
      <c r="AO4070" s="99"/>
      <c r="AP4070" s="99"/>
      <c r="AQ4070" s="99"/>
      <c r="AR4070" s="99"/>
      <c r="AS4070" s="99"/>
      <c r="AT4070" s="99"/>
      <c r="AU4070" s="99"/>
      <c r="AV4070" s="99"/>
      <c r="AW4070" s="99"/>
      <c r="AX4070" s="99"/>
      <c r="AY4070" s="99"/>
      <c r="AZ4070" s="99"/>
      <c r="BA4070" s="99"/>
      <c r="BB4070" s="107">
        <v>45884</v>
      </c>
    </row>
    <row r="4071" spans="1:54" s="238" customFormat="1" ht="13.95" customHeight="1" x14ac:dyDescent="0.25">
      <c r="A4071" s="236" t="s">
        <v>8899</v>
      </c>
      <c r="B4071" s="220" t="s">
        <v>8672</v>
      </c>
      <c r="C4071" s="190" t="s">
        <v>8900</v>
      </c>
      <c r="D4071" s="190" t="s">
        <v>8901</v>
      </c>
      <c r="E4071" s="237">
        <v>1983</v>
      </c>
      <c r="F4071" s="237">
        <v>100</v>
      </c>
      <c r="G4071" s="190" t="s">
        <v>1</v>
      </c>
      <c r="H4071" s="190">
        <v>0</v>
      </c>
      <c r="I4071" s="190">
        <v>0</v>
      </c>
      <c r="J4071" s="190">
        <v>0</v>
      </c>
      <c r="K4071" s="190">
        <v>0</v>
      </c>
      <c r="L4071" s="190">
        <v>0</v>
      </c>
      <c r="M4071" s="190">
        <v>0</v>
      </c>
      <c r="N4071" s="190">
        <v>0</v>
      </c>
      <c r="O4071" s="190">
        <v>0</v>
      </c>
      <c r="P4071" s="190">
        <v>1</v>
      </c>
      <c r="Q4071" s="190">
        <v>0</v>
      </c>
      <c r="R4071" s="190">
        <v>0</v>
      </c>
      <c r="S4071" s="190">
        <v>0</v>
      </c>
      <c r="T4071" s="190">
        <v>0</v>
      </c>
      <c r="U4071" s="99"/>
      <c r="V4071" s="99"/>
      <c r="W4071" s="99"/>
      <c r="X4071" s="99"/>
      <c r="Y4071" s="99"/>
      <c r="Z4071" s="99"/>
      <c r="AA4071" s="99"/>
      <c r="AB4071" s="99"/>
      <c r="AC4071" s="99"/>
      <c r="AD4071" s="99"/>
      <c r="AE4071" s="99"/>
      <c r="AF4071" s="99"/>
      <c r="AG4071" s="99"/>
      <c r="AH4071" s="99"/>
      <c r="AI4071" s="99"/>
      <c r="AJ4071" s="99"/>
      <c r="AK4071" s="99"/>
      <c r="AL4071" s="99"/>
      <c r="AM4071" s="99"/>
      <c r="AN4071" s="99"/>
      <c r="AO4071" s="99"/>
      <c r="AP4071" s="99"/>
      <c r="AQ4071" s="99"/>
      <c r="AR4071" s="99"/>
      <c r="AS4071" s="99"/>
      <c r="AT4071" s="99"/>
      <c r="AU4071" s="99"/>
      <c r="AV4071" s="99"/>
      <c r="AW4071" s="99"/>
      <c r="AX4071" s="99"/>
      <c r="AY4071" s="99"/>
      <c r="AZ4071" s="99"/>
      <c r="BA4071" s="99"/>
      <c r="BB4071" s="107">
        <v>45884</v>
      </c>
    </row>
    <row r="4072" spans="1:54" s="238" customFormat="1" ht="13.95" customHeight="1" x14ac:dyDescent="0.25">
      <c r="A4072" s="236" t="s">
        <v>8902</v>
      </c>
      <c r="B4072" s="220" t="s">
        <v>8672</v>
      </c>
      <c r="C4072" s="190" t="s">
        <v>8903</v>
      </c>
      <c r="D4072" s="190" t="s">
        <v>8904</v>
      </c>
      <c r="E4072" s="237">
        <v>1983</v>
      </c>
      <c r="F4072" s="237">
        <v>100</v>
      </c>
      <c r="G4072" s="190" t="s">
        <v>1</v>
      </c>
      <c r="H4072" s="190">
        <v>0</v>
      </c>
      <c r="I4072" s="190">
        <v>0</v>
      </c>
      <c r="J4072" s="190">
        <v>0</v>
      </c>
      <c r="K4072" s="190">
        <v>0</v>
      </c>
      <c r="L4072" s="190">
        <v>0</v>
      </c>
      <c r="M4072" s="190">
        <v>0</v>
      </c>
      <c r="N4072" s="190">
        <v>0</v>
      </c>
      <c r="O4072" s="190">
        <v>0</v>
      </c>
      <c r="P4072" s="190">
        <v>1</v>
      </c>
      <c r="Q4072" s="190">
        <v>0</v>
      </c>
      <c r="R4072" s="190">
        <v>0</v>
      </c>
      <c r="S4072" s="190">
        <v>0</v>
      </c>
      <c r="T4072" s="190">
        <v>0</v>
      </c>
      <c r="U4072" s="99"/>
      <c r="V4072" s="99"/>
      <c r="W4072" s="99"/>
      <c r="X4072" s="99"/>
      <c r="Y4072" s="99"/>
      <c r="Z4072" s="99"/>
      <c r="AA4072" s="99"/>
      <c r="AB4072" s="99"/>
      <c r="AC4072" s="99"/>
      <c r="AD4072" s="99"/>
      <c r="AE4072" s="99"/>
      <c r="AF4072" s="99"/>
      <c r="AG4072" s="99"/>
      <c r="AH4072" s="99"/>
      <c r="AI4072" s="99"/>
      <c r="AJ4072" s="99"/>
      <c r="AK4072" s="99"/>
      <c r="AL4072" s="99"/>
      <c r="AM4072" s="99"/>
      <c r="AN4072" s="99"/>
      <c r="AO4072" s="99"/>
      <c r="AP4072" s="99"/>
      <c r="AQ4072" s="99"/>
      <c r="AR4072" s="99"/>
      <c r="AS4072" s="99"/>
      <c r="AT4072" s="99"/>
      <c r="AU4072" s="99"/>
      <c r="AV4072" s="99"/>
      <c r="AW4072" s="99"/>
      <c r="AX4072" s="99"/>
      <c r="AY4072" s="99"/>
      <c r="AZ4072" s="99"/>
      <c r="BA4072" s="190" t="s">
        <v>8878</v>
      </c>
      <c r="BB4072" s="107">
        <v>45884</v>
      </c>
    </row>
    <row r="4073" spans="1:54" s="238" customFormat="1" ht="13.95" customHeight="1" x14ac:dyDescent="0.25">
      <c r="A4073" s="236" t="s">
        <v>8905</v>
      </c>
      <c r="B4073" s="220" t="s">
        <v>8672</v>
      </c>
      <c r="C4073" s="190" t="s">
        <v>8906</v>
      </c>
      <c r="D4073" s="190" t="s">
        <v>8907</v>
      </c>
      <c r="E4073" s="237">
        <v>1980</v>
      </c>
      <c r="F4073" s="237">
        <v>100</v>
      </c>
      <c r="G4073" s="190" t="s">
        <v>1</v>
      </c>
      <c r="H4073" s="190">
        <v>0</v>
      </c>
      <c r="I4073" s="190">
        <v>0</v>
      </c>
      <c r="J4073" s="190">
        <v>0</v>
      </c>
      <c r="K4073" s="190">
        <v>0</v>
      </c>
      <c r="L4073" s="190">
        <v>0</v>
      </c>
      <c r="M4073" s="190">
        <v>0</v>
      </c>
      <c r="N4073" s="190">
        <v>0</v>
      </c>
      <c r="O4073" s="190">
        <v>0</v>
      </c>
      <c r="P4073" s="190">
        <v>1</v>
      </c>
      <c r="Q4073" s="190">
        <v>0</v>
      </c>
      <c r="R4073" s="190">
        <v>0</v>
      </c>
      <c r="S4073" s="190">
        <v>0</v>
      </c>
      <c r="T4073" s="190">
        <v>0</v>
      </c>
      <c r="U4073" s="99"/>
      <c r="V4073" s="99"/>
      <c r="W4073" s="99"/>
      <c r="X4073" s="99"/>
      <c r="Y4073" s="99"/>
      <c r="Z4073" s="99"/>
      <c r="AA4073" s="99"/>
      <c r="AB4073" s="99"/>
      <c r="AC4073" s="99"/>
      <c r="AD4073" s="99"/>
      <c r="AE4073" s="99"/>
      <c r="AF4073" s="99"/>
      <c r="AG4073" s="99"/>
      <c r="AH4073" s="99"/>
      <c r="AI4073" s="99"/>
      <c r="AJ4073" s="99"/>
      <c r="AK4073" s="99"/>
      <c r="AL4073" s="99"/>
      <c r="AM4073" s="99"/>
      <c r="AN4073" s="99"/>
      <c r="AO4073" s="99"/>
      <c r="AP4073" s="99"/>
      <c r="AQ4073" s="99"/>
      <c r="AR4073" s="99"/>
      <c r="AS4073" s="99"/>
      <c r="AT4073" s="99"/>
      <c r="AU4073" s="99"/>
      <c r="AV4073" s="99"/>
      <c r="AW4073" s="99"/>
      <c r="AX4073" s="99"/>
      <c r="AY4073" s="99"/>
      <c r="AZ4073" s="99"/>
      <c r="BA4073" s="99"/>
      <c r="BB4073" s="107">
        <v>45884</v>
      </c>
    </row>
    <row r="4074" spans="1:54" s="238" customFormat="1" ht="13.95" customHeight="1" x14ac:dyDescent="0.25">
      <c r="A4074" s="236" t="s">
        <v>8908</v>
      </c>
      <c r="B4074" s="220" t="s">
        <v>8672</v>
      </c>
      <c r="C4074" s="190" t="s">
        <v>8909</v>
      </c>
      <c r="D4074" s="190" t="s">
        <v>8910</v>
      </c>
      <c r="E4074" s="237">
        <v>1984</v>
      </c>
      <c r="F4074" s="237">
        <v>1800</v>
      </c>
      <c r="G4074" s="190" t="s">
        <v>1</v>
      </c>
      <c r="H4074" s="190">
        <v>0</v>
      </c>
      <c r="I4074" s="190">
        <v>0</v>
      </c>
      <c r="J4074" s="190">
        <v>0</v>
      </c>
      <c r="K4074" s="190">
        <v>1</v>
      </c>
      <c r="L4074" s="190">
        <v>1</v>
      </c>
      <c r="M4074" s="190">
        <v>0</v>
      </c>
      <c r="N4074" s="190">
        <v>0</v>
      </c>
      <c r="O4074" s="190">
        <v>0</v>
      </c>
      <c r="P4074" s="190">
        <v>0</v>
      </c>
      <c r="Q4074" s="190">
        <v>0</v>
      </c>
      <c r="R4074" s="190">
        <v>0</v>
      </c>
      <c r="S4074" s="190">
        <v>0</v>
      </c>
      <c r="T4074" s="190">
        <v>0</v>
      </c>
      <c r="U4074" s="99"/>
      <c r="V4074" s="99"/>
      <c r="W4074" s="99"/>
      <c r="X4074" s="99"/>
      <c r="Y4074" s="99"/>
      <c r="Z4074" s="99"/>
      <c r="AA4074" s="99"/>
      <c r="AB4074" s="99"/>
      <c r="AC4074" s="99"/>
      <c r="AD4074" s="99"/>
      <c r="AE4074" s="99"/>
      <c r="AF4074" s="99"/>
      <c r="AG4074" s="99"/>
      <c r="AH4074" s="99"/>
      <c r="AI4074" s="99"/>
      <c r="AJ4074" s="99"/>
      <c r="AK4074" s="99"/>
      <c r="AL4074" s="99"/>
      <c r="AM4074" s="99"/>
      <c r="AN4074" s="99"/>
      <c r="AO4074" s="99"/>
      <c r="AP4074" s="99"/>
      <c r="AQ4074" s="99"/>
      <c r="AR4074" s="99"/>
      <c r="AS4074" s="99"/>
      <c r="AT4074" s="99"/>
      <c r="AU4074" s="99"/>
      <c r="AV4074" s="99"/>
      <c r="AW4074" s="99"/>
      <c r="AX4074" s="99"/>
      <c r="AY4074" s="99"/>
      <c r="AZ4074" s="99"/>
      <c r="BA4074" s="99"/>
      <c r="BB4074" s="107">
        <v>45884</v>
      </c>
    </row>
    <row r="4075" spans="1:54" s="238" customFormat="1" ht="13.95" customHeight="1" x14ac:dyDescent="0.25">
      <c r="A4075" s="236" t="s">
        <v>8911</v>
      </c>
      <c r="B4075" s="220" t="s">
        <v>8672</v>
      </c>
      <c r="C4075" s="190" t="s">
        <v>8912</v>
      </c>
      <c r="D4075" s="190" t="s">
        <v>8913</v>
      </c>
      <c r="E4075" s="237">
        <v>1985</v>
      </c>
      <c r="F4075" s="237">
        <v>200</v>
      </c>
      <c r="G4075" s="190" t="s">
        <v>1</v>
      </c>
      <c r="H4075" s="190">
        <v>0</v>
      </c>
      <c r="I4075" s="190">
        <v>0</v>
      </c>
      <c r="J4075" s="190">
        <v>0</v>
      </c>
      <c r="K4075" s="190">
        <v>0</v>
      </c>
      <c r="L4075" s="190">
        <v>1</v>
      </c>
      <c r="M4075" s="190">
        <v>0</v>
      </c>
      <c r="N4075" s="190">
        <v>0</v>
      </c>
      <c r="O4075" s="190">
        <v>0</v>
      </c>
      <c r="P4075" s="190">
        <v>1</v>
      </c>
      <c r="Q4075" s="190">
        <v>0</v>
      </c>
      <c r="R4075" s="190">
        <v>1</v>
      </c>
      <c r="S4075" s="190">
        <v>0</v>
      </c>
      <c r="T4075" s="190">
        <v>0</v>
      </c>
      <c r="U4075" s="99"/>
      <c r="V4075" s="99"/>
      <c r="W4075" s="99"/>
      <c r="X4075" s="99"/>
      <c r="Y4075" s="99"/>
      <c r="Z4075" s="99"/>
      <c r="AA4075" s="99"/>
      <c r="AB4075" s="99"/>
      <c r="AC4075" s="99"/>
      <c r="AD4075" s="99"/>
      <c r="AE4075" s="99"/>
      <c r="AF4075" s="99"/>
      <c r="AG4075" s="99"/>
      <c r="AH4075" s="99"/>
      <c r="AI4075" s="99"/>
      <c r="AJ4075" s="99"/>
      <c r="AK4075" s="99"/>
      <c r="AL4075" s="99"/>
      <c r="AM4075" s="99"/>
      <c r="AN4075" s="99"/>
      <c r="AO4075" s="99"/>
      <c r="AP4075" s="99"/>
      <c r="AQ4075" s="99"/>
      <c r="AR4075" s="99"/>
      <c r="AS4075" s="99"/>
      <c r="AT4075" s="99"/>
      <c r="AU4075" s="99"/>
      <c r="AV4075" s="99"/>
      <c r="AW4075" s="99"/>
      <c r="AX4075" s="99"/>
      <c r="AY4075" s="99"/>
      <c r="AZ4075" s="99"/>
      <c r="BA4075" s="99"/>
      <c r="BB4075" s="107">
        <v>45884</v>
      </c>
    </row>
    <row r="4076" spans="1:54" s="238" customFormat="1" ht="13.95" customHeight="1" x14ac:dyDescent="0.25">
      <c r="A4076" s="236" t="s">
        <v>8914</v>
      </c>
      <c r="B4076" s="220" t="s">
        <v>8672</v>
      </c>
      <c r="C4076" s="190" t="s">
        <v>8915</v>
      </c>
      <c r="D4076" s="190" t="s">
        <v>8703</v>
      </c>
      <c r="E4076" s="237">
        <v>1985</v>
      </c>
      <c r="F4076" s="237">
        <v>200</v>
      </c>
      <c r="G4076" s="190" t="s">
        <v>1</v>
      </c>
      <c r="H4076" s="190">
        <v>0</v>
      </c>
      <c r="I4076" s="190">
        <v>0</v>
      </c>
      <c r="J4076" s="190">
        <v>0</v>
      </c>
      <c r="K4076" s="190">
        <v>0</v>
      </c>
      <c r="L4076" s="190">
        <v>1</v>
      </c>
      <c r="M4076" s="190">
        <v>0</v>
      </c>
      <c r="N4076" s="190">
        <v>0</v>
      </c>
      <c r="O4076" s="190">
        <v>0</v>
      </c>
      <c r="P4076" s="190">
        <v>0</v>
      </c>
      <c r="Q4076" s="190">
        <v>0</v>
      </c>
      <c r="R4076" s="190">
        <v>0</v>
      </c>
      <c r="S4076" s="190">
        <v>0</v>
      </c>
      <c r="T4076" s="190">
        <v>0</v>
      </c>
      <c r="U4076" s="99"/>
      <c r="V4076" s="99"/>
      <c r="W4076" s="99"/>
      <c r="X4076" s="99"/>
      <c r="Y4076" s="99"/>
      <c r="Z4076" s="99"/>
      <c r="AA4076" s="99"/>
      <c r="AB4076" s="99"/>
      <c r="AC4076" s="99"/>
      <c r="AD4076" s="99"/>
      <c r="AE4076" s="99"/>
      <c r="AF4076" s="99"/>
      <c r="AG4076" s="99"/>
      <c r="AH4076" s="99"/>
      <c r="AI4076" s="99"/>
      <c r="AJ4076" s="99"/>
      <c r="AK4076" s="99"/>
      <c r="AL4076" s="99"/>
      <c r="AM4076" s="99"/>
      <c r="AN4076" s="99"/>
      <c r="AO4076" s="99"/>
      <c r="AP4076" s="99"/>
      <c r="AQ4076" s="99"/>
      <c r="AR4076" s="99"/>
      <c r="AS4076" s="99"/>
      <c r="AT4076" s="99"/>
      <c r="AU4076" s="99"/>
      <c r="AV4076" s="99"/>
      <c r="AW4076" s="99"/>
      <c r="AX4076" s="99"/>
      <c r="AY4076" s="99"/>
      <c r="AZ4076" s="99"/>
      <c r="BA4076" s="99"/>
      <c r="BB4076" s="107">
        <v>45884</v>
      </c>
    </row>
    <row r="4077" spans="1:54" s="238" customFormat="1" ht="13.95" customHeight="1" x14ac:dyDescent="0.25">
      <c r="A4077" s="236" t="s">
        <v>8916</v>
      </c>
      <c r="B4077" s="220" t="s">
        <v>8672</v>
      </c>
      <c r="C4077" s="190" t="s">
        <v>8917</v>
      </c>
      <c r="D4077" s="190" t="s">
        <v>8918</v>
      </c>
      <c r="E4077" s="237">
        <v>1983</v>
      </c>
      <c r="F4077" s="237">
        <v>200</v>
      </c>
      <c r="G4077" s="190" t="s">
        <v>1</v>
      </c>
      <c r="H4077" s="190">
        <v>0</v>
      </c>
      <c r="I4077" s="190">
        <v>0</v>
      </c>
      <c r="J4077" s="190">
        <v>0</v>
      </c>
      <c r="K4077" s="190">
        <v>0</v>
      </c>
      <c r="L4077" s="190">
        <v>1</v>
      </c>
      <c r="M4077" s="190">
        <v>0</v>
      </c>
      <c r="N4077" s="190">
        <v>0</v>
      </c>
      <c r="O4077" s="190">
        <v>0</v>
      </c>
      <c r="P4077" s="190">
        <v>1</v>
      </c>
      <c r="Q4077" s="190">
        <v>0</v>
      </c>
      <c r="R4077" s="190">
        <v>0</v>
      </c>
      <c r="S4077" s="190">
        <v>0</v>
      </c>
      <c r="T4077" s="190">
        <v>0</v>
      </c>
      <c r="U4077" s="99"/>
      <c r="V4077" s="99"/>
      <c r="W4077" s="99"/>
      <c r="X4077" s="99"/>
      <c r="Y4077" s="99"/>
      <c r="Z4077" s="99"/>
      <c r="AA4077" s="99"/>
      <c r="AB4077" s="99"/>
      <c r="AC4077" s="99"/>
      <c r="AD4077" s="99"/>
      <c r="AE4077" s="99"/>
      <c r="AF4077" s="99"/>
      <c r="AG4077" s="99"/>
      <c r="AH4077" s="99"/>
      <c r="AI4077" s="99"/>
      <c r="AJ4077" s="99"/>
      <c r="AK4077" s="99"/>
      <c r="AL4077" s="99"/>
      <c r="AM4077" s="99"/>
      <c r="AN4077" s="99"/>
      <c r="AO4077" s="99"/>
      <c r="AP4077" s="99"/>
      <c r="AQ4077" s="99"/>
      <c r="AR4077" s="99"/>
      <c r="AS4077" s="99"/>
      <c r="AT4077" s="99"/>
      <c r="AU4077" s="99"/>
      <c r="AV4077" s="99"/>
      <c r="AW4077" s="99"/>
      <c r="AX4077" s="99"/>
      <c r="AY4077" s="99"/>
      <c r="AZ4077" s="99"/>
      <c r="BA4077" s="99"/>
      <c r="BB4077" s="107">
        <v>45884</v>
      </c>
    </row>
    <row r="4078" spans="1:54" s="238" customFormat="1" ht="13.95" customHeight="1" x14ac:dyDescent="0.25">
      <c r="A4078" s="236" t="s">
        <v>8919</v>
      </c>
      <c r="B4078" s="220" t="s">
        <v>8672</v>
      </c>
      <c r="C4078" s="190" t="s">
        <v>8920</v>
      </c>
      <c r="D4078" s="190" t="s">
        <v>8921</v>
      </c>
      <c r="E4078" s="237">
        <v>2004</v>
      </c>
      <c r="F4078" s="237">
        <v>200</v>
      </c>
      <c r="G4078" s="190" t="s">
        <v>1</v>
      </c>
      <c r="H4078" s="190">
        <v>0</v>
      </c>
      <c r="I4078" s="190">
        <v>0</v>
      </c>
      <c r="J4078" s="190">
        <v>0</v>
      </c>
      <c r="K4078" s="190">
        <v>0</v>
      </c>
      <c r="L4078" s="190">
        <v>0</v>
      </c>
      <c r="M4078" s="190">
        <v>0</v>
      </c>
      <c r="N4078" s="190">
        <v>0</v>
      </c>
      <c r="O4078" s="190">
        <v>0</v>
      </c>
      <c r="P4078" s="190">
        <v>0</v>
      </c>
      <c r="Q4078" s="190">
        <v>0</v>
      </c>
      <c r="R4078" s="190">
        <v>0</v>
      </c>
      <c r="S4078" s="190">
        <v>0</v>
      </c>
      <c r="T4078" s="190">
        <v>0</v>
      </c>
      <c r="U4078" s="99"/>
      <c r="V4078" s="99"/>
      <c r="W4078" s="99"/>
      <c r="X4078" s="99"/>
      <c r="Y4078" s="99"/>
      <c r="Z4078" s="99"/>
      <c r="AA4078" s="99"/>
      <c r="AB4078" s="99"/>
      <c r="AC4078" s="99"/>
      <c r="AD4078" s="99"/>
      <c r="AE4078" s="99"/>
      <c r="AF4078" s="99"/>
      <c r="AG4078" s="99"/>
      <c r="AH4078" s="99"/>
      <c r="AI4078" s="99"/>
      <c r="AJ4078" s="99"/>
      <c r="AK4078" s="99"/>
      <c r="AL4078" s="99"/>
      <c r="AM4078" s="99"/>
      <c r="AN4078" s="99"/>
      <c r="AO4078" s="99"/>
      <c r="AP4078" s="99"/>
      <c r="AQ4078" s="99"/>
      <c r="AR4078" s="99"/>
      <c r="AS4078" s="99"/>
      <c r="AT4078" s="99"/>
      <c r="AU4078" s="99"/>
      <c r="AV4078" s="99"/>
      <c r="AW4078" s="99"/>
      <c r="AX4078" s="99"/>
      <c r="AY4078" s="99"/>
      <c r="AZ4078" s="99"/>
      <c r="BA4078" s="99"/>
      <c r="BB4078" s="107">
        <v>45884</v>
      </c>
    </row>
    <row r="4079" spans="1:54" s="238" customFormat="1" ht="13.95" customHeight="1" x14ac:dyDescent="0.25">
      <c r="A4079" s="236" t="s">
        <v>8922</v>
      </c>
      <c r="B4079" s="220" t="s">
        <v>8672</v>
      </c>
      <c r="C4079" s="190" t="s">
        <v>8923</v>
      </c>
      <c r="D4079" s="190" t="s">
        <v>8924</v>
      </c>
      <c r="E4079" s="237">
        <v>1986</v>
      </c>
      <c r="F4079" s="237">
        <v>200</v>
      </c>
      <c r="G4079" s="190" t="s">
        <v>1</v>
      </c>
      <c r="H4079" s="190">
        <v>0</v>
      </c>
      <c r="I4079" s="190">
        <v>0</v>
      </c>
      <c r="J4079" s="190">
        <v>0</v>
      </c>
      <c r="K4079" s="190">
        <v>1</v>
      </c>
      <c r="L4079" s="190">
        <v>0</v>
      </c>
      <c r="M4079" s="190">
        <v>0</v>
      </c>
      <c r="N4079" s="190">
        <v>0</v>
      </c>
      <c r="O4079" s="190">
        <v>0</v>
      </c>
      <c r="P4079" s="190">
        <v>0</v>
      </c>
      <c r="Q4079" s="190">
        <v>0</v>
      </c>
      <c r="R4079" s="190">
        <v>0</v>
      </c>
      <c r="S4079" s="190">
        <v>1</v>
      </c>
      <c r="T4079" s="190">
        <v>0</v>
      </c>
      <c r="U4079" s="99"/>
      <c r="V4079" s="99"/>
      <c r="W4079" s="99"/>
      <c r="X4079" s="99"/>
      <c r="Y4079" s="99"/>
      <c r="Z4079" s="99"/>
      <c r="AA4079" s="99"/>
      <c r="AB4079" s="99"/>
      <c r="AC4079" s="99"/>
      <c r="AD4079" s="99"/>
      <c r="AE4079" s="99"/>
      <c r="AF4079" s="99"/>
      <c r="AG4079" s="99"/>
      <c r="AH4079" s="99"/>
      <c r="AI4079" s="99"/>
      <c r="AJ4079" s="99"/>
      <c r="AK4079" s="99"/>
      <c r="AL4079" s="99"/>
      <c r="AM4079" s="99"/>
      <c r="AN4079" s="99"/>
      <c r="AO4079" s="99"/>
      <c r="AP4079" s="99"/>
      <c r="AQ4079" s="99"/>
      <c r="AR4079" s="99"/>
      <c r="AS4079" s="99"/>
      <c r="AT4079" s="99"/>
      <c r="AU4079" s="99"/>
      <c r="AV4079" s="99"/>
      <c r="AW4079" s="99"/>
      <c r="AX4079" s="99"/>
      <c r="AY4079" s="99"/>
      <c r="AZ4079" s="99"/>
      <c r="BA4079" s="99"/>
      <c r="BB4079" s="107">
        <v>45884</v>
      </c>
    </row>
    <row r="4080" spans="1:54" s="238" customFormat="1" ht="13.95" customHeight="1" x14ac:dyDescent="0.25">
      <c r="A4080" s="236" t="s">
        <v>8925</v>
      </c>
      <c r="B4080" s="220" t="s">
        <v>8672</v>
      </c>
      <c r="C4080" s="190" t="s">
        <v>8926</v>
      </c>
      <c r="D4080" s="190" t="s">
        <v>8927</v>
      </c>
      <c r="E4080" s="237">
        <v>1991</v>
      </c>
      <c r="F4080" s="237">
        <v>200</v>
      </c>
      <c r="G4080" s="190" t="s">
        <v>1</v>
      </c>
      <c r="H4080" s="190">
        <v>0</v>
      </c>
      <c r="I4080" s="190">
        <v>0</v>
      </c>
      <c r="J4080" s="190">
        <v>0</v>
      </c>
      <c r="K4080" s="190">
        <v>1</v>
      </c>
      <c r="L4080" s="190">
        <v>1</v>
      </c>
      <c r="M4080" s="190">
        <v>0</v>
      </c>
      <c r="N4080" s="190">
        <v>0</v>
      </c>
      <c r="O4080" s="190">
        <v>0</v>
      </c>
      <c r="P4080" s="190">
        <v>0</v>
      </c>
      <c r="Q4080" s="190">
        <v>0</v>
      </c>
      <c r="R4080" s="190">
        <v>0</v>
      </c>
      <c r="S4080" s="190">
        <v>0</v>
      </c>
      <c r="T4080" s="190">
        <v>0</v>
      </c>
      <c r="U4080" s="99"/>
      <c r="V4080" s="99"/>
      <c r="W4080" s="99"/>
      <c r="X4080" s="99"/>
      <c r="Y4080" s="99"/>
      <c r="Z4080" s="99"/>
      <c r="AA4080" s="99"/>
      <c r="AB4080" s="99"/>
      <c r="AC4080" s="99"/>
      <c r="AD4080" s="99"/>
      <c r="AE4080" s="99"/>
      <c r="AF4080" s="99"/>
      <c r="AG4080" s="99"/>
      <c r="AH4080" s="99"/>
      <c r="AI4080" s="99"/>
      <c r="AJ4080" s="99"/>
      <c r="AK4080" s="99"/>
      <c r="AL4080" s="99"/>
      <c r="AM4080" s="99"/>
      <c r="AN4080" s="99"/>
      <c r="AO4080" s="99"/>
      <c r="AP4080" s="99"/>
      <c r="AQ4080" s="99"/>
      <c r="AR4080" s="99"/>
      <c r="AS4080" s="99"/>
      <c r="AT4080" s="99"/>
      <c r="AU4080" s="99"/>
      <c r="AV4080" s="99"/>
      <c r="AW4080" s="99"/>
      <c r="AX4080" s="99"/>
      <c r="AY4080" s="99"/>
      <c r="AZ4080" s="99"/>
      <c r="BA4080" s="99"/>
      <c r="BB4080" s="107">
        <v>45884</v>
      </c>
    </row>
    <row r="4081" spans="1:54" s="238" customFormat="1" ht="13.95" customHeight="1" x14ac:dyDescent="0.25">
      <c r="A4081" s="236" t="s">
        <v>8928</v>
      </c>
      <c r="B4081" s="220" t="s">
        <v>8672</v>
      </c>
      <c r="C4081" s="190" t="s">
        <v>8929</v>
      </c>
      <c r="D4081" s="190" t="s">
        <v>8930</v>
      </c>
      <c r="E4081" s="237">
        <v>1995</v>
      </c>
      <c r="F4081" s="237">
        <v>200</v>
      </c>
      <c r="G4081" s="190" t="s">
        <v>1</v>
      </c>
      <c r="H4081" s="190">
        <v>0</v>
      </c>
      <c r="I4081" s="190">
        <v>0</v>
      </c>
      <c r="J4081" s="190">
        <v>1</v>
      </c>
      <c r="K4081" s="190">
        <v>1</v>
      </c>
      <c r="L4081" s="190">
        <v>1</v>
      </c>
      <c r="M4081" s="190">
        <v>1</v>
      </c>
      <c r="N4081" s="190">
        <v>0</v>
      </c>
      <c r="O4081" s="190">
        <v>1</v>
      </c>
      <c r="P4081" s="190">
        <v>0</v>
      </c>
      <c r="Q4081" s="190">
        <v>0</v>
      </c>
      <c r="R4081" s="190">
        <v>0</v>
      </c>
      <c r="S4081" s="190">
        <v>0</v>
      </c>
      <c r="T4081" s="190">
        <v>0</v>
      </c>
      <c r="U4081" s="99"/>
      <c r="V4081" s="99"/>
      <c r="W4081" s="99"/>
      <c r="X4081" s="99"/>
      <c r="Y4081" s="99"/>
      <c r="Z4081" s="99"/>
      <c r="AA4081" s="99"/>
      <c r="AB4081" s="99"/>
      <c r="AC4081" s="99"/>
      <c r="AD4081" s="99"/>
      <c r="AE4081" s="99"/>
      <c r="AF4081" s="99"/>
      <c r="AG4081" s="99"/>
      <c r="AH4081" s="99"/>
      <c r="AI4081" s="99"/>
      <c r="AJ4081" s="99"/>
      <c r="AK4081" s="99"/>
      <c r="AL4081" s="99"/>
      <c r="AM4081" s="99"/>
      <c r="AN4081" s="99"/>
      <c r="AO4081" s="99"/>
      <c r="AP4081" s="99"/>
      <c r="AQ4081" s="99"/>
      <c r="AR4081" s="99"/>
      <c r="AS4081" s="99"/>
      <c r="AT4081" s="99"/>
      <c r="AU4081" s="99"/>
      <c r="AV4081" s="99"/>
      <c r="AW4081" s="99"/>
      <c r="AX4081" s="99"/>
      <c r="AY4081" s="99"/>
      <c r="AZ4081" s="99"/>
      <c r="BA4081" s="99"/>
      <c r="BB4081" s="107">
        <v>45884</v>
      </c>
    </row>
    <row r="4082" spans="1:54" s="238" customFormat="1" ht="13.95" customHeight="1" x14ac:dyDescent="0.25">
      <c r="A4082" s="236" t="s">
        <v>8931</v>
      </c>
      <c r="B4082" s="220" t="s">
        <v>8672</v>
      </c>
      <c r="C4082" s="190" t="s">
        <v>8932</v>
      </c>
      <c r="D4082" s="190" t="s">
        <v>8933</v>
      </c>
      <c r="E4082" s="237">
        <v>1996</v>
      </c>
      <c r="F4082" s="237">
        <v>200</v>
      </c>
      <c r="G4082" s="190" t="s">
        <v>1</v>
      </c>
      <c r="H4082" s="190">
        <v>0</v>
      </c>
      <c r="I4082" s="190">
        <v>0</v>
      </c>
      <c r="J4082" s="190">
        <v>0</v>
      </c>
      <c r="K4082" s="190">
        <v>1</v>
      </c>
      <c r="L4082" s="190">
        <v>0</v>
      </c>
      <c r="M4082" s="190">
        <v>0</v>
      </c>
      <c r="N4082" s="190">
        <v>0</v>
      </c>
      <c r="O4082" s="190">
        <v>0</v>
      </c>
      <c r="P4082" s="190">
        <v>0</v>
      </c>
      <c r="Q4082" s="190">
        <v>0</v>
      </c>
      <c r="R4082" s="190">
        <v>0</v>
      </c>
      <c r="S4082" s="190">
        <v>0</v>
      </c>
      <c r="T4082" s="190">
        <v>0</v>
      </c>
      <c r="U4082" s="99"/>
      <c r="V4082" s="99"/>
      <c r="W4082" s="99"/>
      <c r="X4082" s="99"/>
      <c r="Y4082" s="99"/>
      <c r="Z4082" s="99"/>
      <c r="AA4082" s="99"/>
      <c r="AB4082" s="99"/>
      <c r="AC4082" s="99"/>
      <c r="AD4082" s="99"/>
      <c r="AE4082" s="99"/>
      <c r="AF4082" s="99"/>
      <c r="AG4082" s="99"/>
      <c r="AH4082" s="99"/>
      <c r="AI4082" s="99"/>
      <c r="AJ4082" s="99"/>
      <c r="AK4082" s="99"/>
      <c r="AL4082" s="99"/>
      <c r="AM4082" s="99"/>
      <c r="AN4082" s="99"/>
      <c r="AO4082" s="99"/>
      <c r="AP4082" s="99"/>
      <c r="AQ4082" s="99"/>
      <c r="AR4082" s="99"/>
      <c r="AS4082" s="99"/>
      <c r="AT4082" s="99"/>
      <c r="AU4082" s="99"/>
      <c r="AV4082" s="99"/>
      <c r="AW4082" s="99"/>
      <c r="AX4082" s="99"/>
      <c r="AY4082" s="99"/>
      <c r="AZ4082" s="99"/>
      <c r="BA4082" s="99"/>
      <c r="BB4082" s="107">
        <v>45884</v>
      </c>
    </row>
    <row r="4083" spans="1:54" s="238" customFormat="1" ht="13.95" customHeight="1" x14ac:dyDescent="0.25">
      <c r="A4083" s="236" t="s">
        <v>8934</v>
      </c>
      <c r="B4083" s="220" t="s">
        <v>8672</v>
      </c>
      <c r="C4083" s="190" t="s">
        <v>8935</v>
      </c>
      <c r="D4083" s="190" t="s">
        <v>8936</v>
      </c>
      <c r="E4083" s="237">
        <v>1997</v>
      </c>
      <c r="F4083" s="237">
        <v>200</v>
      </c>
      <c r="G4083" s="190" t="s">
        <v>1</v>
      </c>
      <c r="H4083" s="190">
        <v>0</v>
      </c>
      <c r="I4083" s="190">
        <v>0</v>
      </c>
      <c r="J4083" s="190">
        <v>0</v>
      </c>
      <c r="K4083" s="190">
        <v>1</v>
      </c>
      <c r="L4083" s="190">
        <v>0</v>
      </c>
      <c r="M4083" s="190">
        <v>1</v>
      </c>
      <c r="N4083" s="190">
        <v>0</v>
      </c>
      <c r="O4083" s="190">
        <v>0</v>
      </c>
      <c r="P4083" s="190">
        <v>0</v>
      </c>
      <c r="Q4083" s="190">
        <v>0</v>
      </c>
      <c r="R4083" s="190">
        <v>0</v>
      </c>
      <c r="S4083" s="190">
        <v>0</v>
      </c>
      <c r="T4083" s="190">
        <v>0</v>
      </c>
      <c r="U4083" s="99"/>
      <c r="V4083" s="99"/>
      <c r="W4083" s="99"/>
      <c r="X4083" s="99"/>
      <c r="Y4083" s="99"/>
      <c r="Z4083" s="99"/>
      <c r="AA4083" s="99"/>
      <c r="AB4083" s="99"/>
      <c r="AC4083" s="99"/>
      <c r="AD4083" s="99"/>
      <c r="AE4083" s="99"/>
      <c r="AF4083" s="99"/>
      <c r="AG4083" s="99"/>
      <c r="AH4083" s="99"/>
      <c r="AI4083" s="99"/>
      <c r="AJ4083" s="99"/>
      <c r="AK4083" s="99"/>
      <c r="AL4083" s="99"/>
      <c r="AM4083" s="99"/>
      <c r="AN4083" s="99"/>
      <c r="AO4083" s="99"/>
      <c r="AP4083" s="99"/>
      <c r="AQ4083" s="99"/>
      <c r="AR4083" s="99"/>
      <c r="AS4083" s="99"/>
      <c r="AT4083" s="99"/>
      <c r="AU4083" s="99"/>
      <c r="AV4083" s="99"/>
      <c r="AW4083" s="99"/>
      <c r="AX4083" s="99"/>
      <c r="AY4083" s="99"/>
      <c r="AZ4083" s="99"/>
      <c r="BA4083" s="99"/>
      <c r="BB4083" s="107">
        <v>45884</v>
      </c>
    </row>
    <row r="4084" spans="1:54" s="238" customFormat="1" ht="13.95" customHeight="1" x14ac:dyDescent="0.25">
      <c r="A4084" s="236" t="s">
        <v>8937</v>
      </c>
      <c r="B4084" s="220" t="s">
        <v>8672</v>
      </c>
      <c r="C4084" s="190" t="s">
        <v>8938</v>
      </c>
      <c r="D4084" s="190" t="s">
        <v>8939</v>
      </c>
      <c r="E4084" s="237">
        <v>2008</v>
      </c>
      <c r="F4084" s="237">
        <v>200</v>
      </c>
      <c r="G4084" s="190" t="s">
        <v>1</v>
      </c>
      <c r="H4084" s="190">
        <v>0</v>
      </c>
      <c r="I4084" s="190">
        <v>0</v>
      </c>
      <c r="J4084" s="190">
        <v>1</v>
      </c>
      <c r="K4084" s="190">
        <v>1</v>
      </c>
      <c r="L4084" s="190">
        <v>1</v>
      </c>
      <c r="M4084" s="190">
        <v>1</v>
      </c>
      <c r="N4084" s="190">
        <v>0</v>
      </c>
      <c r="O4084" s="190">
        <v>0</v>
      </c>
      <c r="P4084" s="190">
        <v>0</v>
      </c>
      <c r="Q4084" s="190">
        <v>0</v>
      </c>
      <c r="R4084" s="190">
        <v>0</v>
      </c>
      <c r="S4084" s="190">
        <v>0</v>
      </c>
      <c r="T4084" s="190">
        <v>0</v>
      </c>
      <c r="U4084" s="99"/>
      <c r="V4084" s="99"/>
      <c r="W4084" s="99"/>
      <c r="X4084" s="99"/>
      <c r="Y4084" s="99"/>
      <c r="Z4084" s="99"/>
      <c r="AA4084" s="99"/>
      <c r="AB4084" s="99"/>
      <c r="AC4084" s="99"/>
      <c r="AD4084" s="99"/>
      <c r="AE4084" s="99"/>
      <c r="AF4084" s="99"/>
      <c r="AG4084" s="99"/>
      <c r="AH4084" s="99"/>
      <c r="AI4084" s="99"/>
      <c r="AJ4084" s="99"/>
      <c r="AK4084" s="99"/>
      <c r="AL4084" s="99"/>
      <c r="AM4084" s="99"/>
      <c r="AN4084" s="99"/>
      <c r="AO4084" s="99"/>
      <c r="AP4084" s="99"/>
      <c r="AQ4084" s="99"/>
      <c r="AR4084" s="99"/>
      <c r="AS4084" s="99"/>
      <c r="AT4084" s="99"/>
      <c r="AU4084" s="99"/>
      <c r="AV4084" s="99"/>
      <c r="AW4084" s="99"/>
      <c r="AX4084" s="99"/>
      <c r="AY4084" s="99"/>
      <c r="AZ4084" s="99"/>
      <c r="BA4084" s="99"/>
      <c r="BB4084" s="107">
        <v>45884</v>
      </c>
    </row>
    <row r="4085" spans="1:54" s="238" customFormat="1" ht="13.95" customHeight="1" x14ac:dyDescent="0.25">
      <c r="A4085" s="236" t="s">
        <v>8940</v>
      </c>
      <c r="B4085" s="220" t="s">
        <v>8672</v>
      </c>
      <c r="C4085" s="190" t="s">
        <v>8941</v>
      </c>
      <c r="D4085" s="190" t="s">
        <v>8942</v>
      </c>
      <c r="E4085" s="237">
        <v>2008</v>
      </c>
      <c r="F4085" s="237">
        <v>200</v>
      </c>
      <c r="G4085" s="190" t="s">
        <v>1</v>
      </c>
      <c r="H4085" s="190">
        <v>0</v>
      </c>
      <c r="I4085" s="190">
        <v>0</v>
      </c>
      <c r="J4085" s="190">
        <v>0</v>
      </c>
      <c r="K4085" s="190">
        <v>0</v>
      </c>
      <c r="L4085" s="190">
        <v>0</v>
      </c>
      <c r="M4085" s="190">
        <v>0</v>
      </c>
      <c r="N4085" s="190">
        <v>0</v>
      </c>
      <c r="O4085" s="190">
        <v>0</v>
      </c>
      <c r="P4085" s="190">
        <v>0</v>
      </c>
      <c r="Q4085" s="190">
        <v>0</v>
      </c>
      <c r="R4085" s="190">
        <v>0</v>
      </c>
      <c r="S4085" s="190">
        <v>0</v>
      </c>
      <c r="T4085" s="190">
        <v>0</v>
      </c>
      <c r="U4085" s="99"/>
      <c r="V4085" s="99"/>
      <c r="W4085" s="99"/>
      <c r="X4085" s="99"/>
      <c r="Y4085" s="99"/>
      <c r="Z4085" s="99"/>
      <c r="AA4085" s="99"/>
      <c r="AB4085" s="99"/>
      <c r="AC4085" s="99"/>
      <c r="AD4085" s="99"/>
      <c r="AE4085" s="99"/>
      <c r="AF4085" s="99"/>
      <c r="AG4085" s="99"/>
      <c r="AH4085" s="99"/>
      <c r="AI4085" s="99"/>
      <c r="AJ4085" s="99"/>
      <c r="AK4085" s="99"/>
      <c r="AL4085" s="99"/>
      <c r="AM4085" s="99"/>
      <c r="AN4085" s="99"/>
      <c r="AO4085" s="99"/>
      <c r="AP4085" s="99"/>
      <c r="AQ4085" s="99"/>
      <c r="AR4085" s="99"/>
      <c r="AS4085" s="99"/>
      <c r="AT4085" s="99"/>
      <c r="AU4085" s="99"/>
      <c r="AV4085" s="99"/>
      <c r="AW4085" s="99"/>
      <c r="AX4085" s="99"/>
      <c r="AY4085" s="99"/>
      <c r="AZ4085" s="99"/>
      <c r="BA4085" s="99"/>
      <c r="BB4085" s="107">
        <v>45884</v>
      </c>
    </row>
    <row r="4086" spans="1:54" s="238" customFormat="1" ht="13.95" customHeight="1" x14ac:dyDescent="0.25">
      <c r="A4086" s="236" t="s">
        <v>8943</v>
      </c>
      <c r="B4086" s="220" t="s">
        <v>8672</v>
      </c>
      <c r="C4086" s="190" t="s">
        <v>8944</v>
      </c>
      <c r="D4086" s="190" t="s">
        <v>8945</v>
      </c>
      <c r="E4086" s="237">
        <v>1998</v>
      </c>
      <c r="F4086" s="237">
        <v>200</v>
      </c>
      <c r="G4086" s="190" t="s">
        <v>1</v>
      </c>
      <c r="H4086" s="190">
        <v>0</v>
      </c>
      <c r="I4086" s="190">
        <v>0</v>
      </c>
      <c r="J4086" s="190">
        <v>0</v>
      </c>
      <c r="K4086" s="190">
        <v>1</v>
      </c>
      <c r="L4086" s="190">
        <v>0</v>
      </c>
      <c r="M4086" s="190">
        <v>0</v>
      </c>
      <c r="N4086" s="190">
        <v>0</v>
      </c>
      <c r="O4086" s="190">
        <v>0</v>
      </c>
      <c r="P4086" s="190">
        <v>1</v>
      </c>
      <c r="Q4086" s="190">
        <v>0</v>
      </c>
      <c r="R4086" s="190">
        <v>1</v>
      </c>
      <c r="S4086" s="190">
        <v>0</v>
      </c>
      <c r="T4086" s="190">
        <v>0</v>
      </c>
      <c r="U4086" s="99"/>
      <c r="V4086" s="99"/>
      <c r="W4086" s="99"/>
      <c r="X4086" s="99"/>
      <c r="Y4086" s="99"/>
      <c r="Z4086" s="99"/>
      <c r="AA4086" s="99"/>
      <c r="AB4086" s="99"/>
      <c r="AC4086" s="99"/>
      <c r="AD4086" s="99"/>
      <c r="AE4086" s="99"/>
      <c r="AF4086" s="99"/>
      <c r="AG4086" s="99"/>
      <c r="AH4086" s="99"/>
      <c r="AI4086" s="99"/>
      <c r="AJ4086" s="99"/>
      <c r="AK4086" s="99"/>
      <c r="AL4086" s="99"/>
      <c r="AM4086" s="99"/>
      <c r="AN4086" s="99"/>
      <c r="AO4086" s="99"/>
      <c r="AP4086" s="99"/>
      <c r="AQ4086" s="99"/>
      <c r="AR4086" s="99"/>
      <c r="AS4086" s="99"/>
      <c r="AT4086" s="99"/>
      <c r="AU4086" s="99"/>
      <c r="AV4086" s="99"/>
      <c r="AW4086" s="99"/>
      <c r="AX4086" s="99"/>
      <c r="AY4086" s="99"/>
      <c r="AZ4086" s="99"/>
      <c r="BA4086" s="99"/>
      <c r="BB4086" s="107">
        <v>45884</v>
      </c>
    </row>
    <row r="4087" spans="1:54" s="238" customFormat="1" ht="13.95" customHeight="1" x14ac:dyDescent="0.25">
      <c r="A4087" s="236" t="s">
        <v>8946</v>
      </c>
      <c r="B4087" s="220" t="s">
        <v>8672</v>
      </c>
      <c r="C4087" s="190" t="s">
        <v>8947</v>
      </c>
      <c r="D4087" s="190" t="s">
        <v>8948</v>
      </c>
      <c r="E4087" s="237">
        <v>1999</v>
      </c>
      <c r="F4087" s="237">
        <v>200</v>
      </c>
      <c r="G4087" s="190" t="s">
        <v>1</v>
      </c>
      <c r="H4087" s="190">
        <v>0</v>
      </c>
      <c r="I4087" s="190">
        <v>0</v>
      </c>
      <c r="J4087" s="190">
        <v>0</v>
      </c>
      <c r="K4087" s="190">
        <v>1</v>
      </c>
      <c r="L4087" s="190">
        <v>0</v>
      </c>
      <c r="M4087" s="190">
        <v>0</v>
      </c>
      <c r="N4087" s="190">
        <v>0</v>
      </c>
      <c r="O4087" s="190">
        <v>0</v>
      </c>
      <c r="P4087" s="190">
        <v>1</v>
      </c>
      <c r="Q4087" s="190">
        <v>0</v>
      </c>
      <c r="R4087" s="190">
        <v>1</v>
      </c>
      <c r="S4087" s="190">
        <v>0</v>
      </c>
      <c r="T4087" s="190">
        <v>0</v>
      </c>
      <c r="U4087" s="99"/>
      <c r="V4087" s="99"/>
      <c r="W4087" s="99"/>
      <c r="X4087" s="99"/>
      <c r="Y4087" s="99"/>
      <c r="Z4087" s="99"/>
      <c r="AA4087" s="99"/>
      <c r="AB4087" s="99"/>
      <c r="AC4087" s="99"/>
      <c r="AD4087" s="99"/>
      <c r="AE4087" s="99"/>
      <c r="AF4087" s="99"/>
      <c r="AG4087" s="99"/>
      <c r="AH4087" s="99"/>
      <c r="AI4087" s="99"/>
      <c r="AJ4087" s="99"/>
      <c r="AK4087" s="99"/>
      <c r="AL4087" s="99"/>
      <c r="AM4087" s="99"/>
      <c r="AN4087" s="99"/>
      <c r="AO4087" s="99"/>
      <c r="AP4087" s="99"/>
      <c r="AQ4087" s="99"/>
      <c r="AR4087" s="99"/>
      <c r="AS4087" s="99"/>
      <c r="AT4087" s="99"/>
      <c r="AU4087" s="99"/>
      <c r="AV4087" s="99"/>
      <c r="AW4087" s="99"/>
      <c r="AX4087" s="99"/>
      <c r="AY4087" s="99"/>
      <c r="AZ4087" s="99"/>
      <c r="BA4087" s="99"/>
      <c r="BB4087" s="107">
        <v>45884</v>
      </c>
    </row>
    <row r="4088" spans="1:54" s="238" customFormat="1" ht="13.95" customHeight="1" x14ac:dyDescent="0.25">
      <c r="A4088" s="236" t="s">
        <v>8949</v>
      </c>
      <c r="B4088" s="220" t="s">
        <v>8672</v>
      </c>
      <c r="C4088" s="190" t="s">
        <v>8950</v>
      </c>
      <c r="D4088" s="190" t="s">
        <v>8951</v>
      </c>
      <c r="E4088" s="237">
        <v>2009</v>
      </c>
      <c r="F4088" s="237">
        <v>200</v>
      </c>
      <c r="G4088" s="190" t="s">
        <v>1</v>
      </c>
      <c r="H4088" s="190">
        <v>0</v>
      </c>
      <c r="I4088" s="190">
        <v>0</v>
      </c>
      <c r="J4088" s="190">
        <v>1</v>
      </c>
      <c r="K4088" s="190">
        <v>1</v>
      </c>
      <c r="L4088" s="190">
        <v>1</v>
      </c>
      <c r="M4088" s="190">
        <v>1</v>
      </c>
      <c r="N4088" s="190">
        <v>0</v>
      </c>
      <c r="O4088" s="190">
        <v>0</v>
      </c>
      <c r="P4088" s="190">
        <v>0</v>
      </c>
      <c r="Q4088" s="190">
        <v>0</v>
      </c>
      <c r="R4088" s="190">
        <v>0</v>
      </c>
      <c r="S4088" s="190">
        <v>0</v>
      </c>
      <c r="T4088" s="190">
        <v>0</v>
      </c>
      <c r="U4088" s="99"/>
      <c r="V4088" s="99"/>
      <c r="W4088" s="99"/>
      <c r="X4088" s="99"/>
      <c r="Y4088" s="99"/>
      <c r="Z4088" s="99"/>
      <c r="AA4088" s="99"/>
      <c r="AB4088" s="99"/>
      <c r="AC4088" s="99"/>
      <c r="AD4088" s="99"/>
      <c r="AE4088" s="99"/>
      <c r="AF4088" s="99"/>
      <c r="AG4088" s="99"/>
      <c r="AH4088" s="99"/>
      <c r="AI4088" s="99"/>
      <c r="AJ4088" s="99"/>
      <c r="AK4088" s="99"/>
      <c r="AL4088" s="99"/>
      <c r="AM4088" s="99"/>
      <c r="AN4088" s="99"/>
      <c r="AO4088" s="99"/>
      <c r="AP4088" s="99"/>
      <c r="AQ4088" s="99"/>
      <c r="AR4088" s="99"/>
      <c r="AS4088" s="99"/>
      <c r="AT4088" s="99"/>
      <c r="AU4088" s="99"/>
      <c r="AV4088" s="99"/>
      <c r="AW4088" s="99"/>
      <c r="AX4088" s="99"/>
      <c r="AY4088" s="99"/>
      <c r="AZ4088" s="99"/>
      <c r="BA4088" s="99"/>
      <c r="BB4088" s="107">
        <v>45884</v>
      </c>
    </row>
    <row r="4089" spans="1:54" s="238" customFormat="1" ht="13.95" customHeight="1" x14ac:dyDescent="0.25">
      <c r="A4089" s="236" t="s">
        <v>8952</v>
      </c>
      <c r="B4089" s="220" t="s">
        <v>8672</v>
      </c>
      <c r="C4089" s="190" t="s">
        <v>8953</v>
      </c>
      <c r="D4089" s="190" t="s">
        <v>8954</v>
      </c>
      <c r="E4089" s="237">
        <v>2000</v>
      </c>
      <c r="F4089" s="237">
        <v>200</v>
      </c>
      <c r="G4089" s="190" t="s">
        <v>1</v>
      </c>
      <c r="H4089" s="190">
        <v>0</v>
      </c>
      <c r="I4089" s="190">
        <v>0</v>
      </c>
      <c r="J4089" s="190">
        <v>0</v>
      </c>
      <c r="K4089" s="190">
        <v>0</v>
      </c>
      <c r="L4089" s="190">
        <v>0</v>
      </c>
      <c r="M4089" s="190">
        <v>0</v>
      </c>
      <c r="N4089" s="190">
        <v>0</v>
      </c>
      <c r="O4089" s="190">
        <v>0</v>
      </c>
      <c r="P4089" s="190">
        <v>0</v>
      </c>
      <c r="Q4089" s="190">
        <v>0</v>
      </c>
      <c r="R4089" s="190">
        <v>0</v>
      </c>
      <c r="S4089" s="190">
        <v>0</v>
      </c>
      <c r="T4089" s="190">
        <v>0</v>
      </c>
      <c r="U4089" s="99"/>
      <c r="V4089" s="99"/>
      <c r="W4089" s="99"/>
      <c r="X4089" s="99"/>
      <c r="Y4089" s="99"/>
      <c r="Z4089" s="99"/>
      <c r="AA4089" s="99"/>
      <c r="AB4089" s="99"/>
      <c r="AC4089" s="99"/>
      <c r="AD4089" s="99"/>
      <c r="AE4089" s="99"/>
      <c r="AF4089" s="99"/>
      <c r="AG4089" s="99"/>
      <c r="AH4089" s="99"/>
      <c r="AI4089" s="99"/>
      <c r="AJ4089" s="99"/>
      <c r="AK4089" s="99"/>
      <c r="AL4089" s="99"/>
      <c r="AM4089" s="99"/>
      <c r="AN4089" s="99"/>
      <c r="AO4089" s="99"/>
      <c r="AP4089" s="99"/>
      <c r="AQ4089" s="99"/>
      <c r="AR4089" s="99"/>
      <c r="AS4089" s="99"/>
      <c r="AT4089" s="99"/>
      <c r="AU4089" s="99"/>
      <c r="AV4089" s="99"/>
      <c r="AW4089" s="99"/>
      <c r="AX4089" s="99"/>
      <c r="AY4089" s="99"/>
      <c r="AZ4089" s="99"/>
      <c r="BA4089" s="99"/>
      <c r="BB4089" s="107">
        <v>45884</v>
      </c>
    </row>
    <row r="4090" spans="1:54" s="238" customFormat="1" ht="13.95" customHeight="1" x14ac:dyDescent="0.25">
      <c r="A4090" s="236" t="s">
        <v>8955</v>
      </c>
      <c r="B4090" s="220" t="s">
        <v>8672</v>
      </c>
      <c r="C4090" s="190" t="s">
        <v>8956</v>
      </c>
      <c r="D4090" s="190" t="s">
        <v>8957</v>
      </c>
      <c r="E4090" s="237">
        <v>2000</v>
      </c>
      <c r="F4090" s="237">
        <v>200</v>
      </c>
      <c r="G4090" s="190" t="s">
        <v>1</v>
      </c>
      <c r="H4090" s="190">
        <v>0</v>
      </c>
      <c r="I4090" s="190">
        <v>0</v>
      </c>
      <c r="J4090" s="190">
        <v>1</v>
      </c>
      <c r="K4090" s="190">
        <v>1</v>
      </c>
      <c r="L4090" s="190">
        <v>1</v>
      </c>
      <c r="M4090" s="190">
        <v>1</v>
      </c>
      <c r="N4090" s="190">
        <v>0</v>
      </c>
      <c r="O4090" s="190">
        <v>0</v>
      </c>
      <c r="P4090" s="190">
        <v>1</v>
      </c>
      <c r="Q4090" s="190">
        <v>0</v>
      </c>
      <c r="R4090" s="190">
        <v>0</v>
      </c>
      <c r="S4090" s="190">
        <v>0</v>
      </c>
      <c r="T4090" s="190">
        <v>0</v>
      </c>
      <c r="U4090" s="99"/>
      <c r="V4090" s="99"/>
      <c r="W4090" s="99"/>
      <c r="X4090" s="99"/>
      <c r="Y4090" s="99"/>
      <c r="Z4090" s="99"/>
      <c r="AA4090" s="99"/>
      <c r="AB4090" s="99"/>
      <c r="AC4090" s="99"/>
      <c r="AD4090" s="99"/>
      <c r="AE4090" s="99"/>
      <c r="AF4090" s="99"/>
      <c r="AG4090" s="99"/>
      <c r="AH4090" s="99"/>
      <c r="AI4090" s="99"/>
      <c r="AJ4090" s="99"/>
      <c r="AK4090" s="99"/>
      <c r="AL4090" s="99"/>
      <c r="AM4090" s="99"/>
      <c r="AN4090" s="99"/>
      <c r="AO4090" s="99"/>
      <c r="AP4090" s="99"/>
      <c r="AQ4090" s="99"/>
      <c r="AR4090" s="99"/>
      <c r="AS4090" s="99"/>
      <c r="AT4090" s="99"/>
      <c r="AU4090" s="99"/>
      <c r="AV4090" s="99"/>
      <c r="AW4090" s="99"/>
      <c r="AX4090" s="99"/>
      <c r="AY4090" s="99"/>
      <c r="AZ4090" s="99"/>
      <c r="BA4090" s="99"/>
      <c r="BB4090" s="107">
        <v>45884</v>
      </c>
    </row>
    <row r="4091" spans="1:54" s="238" customFormat="1" ht="13.95" customHeight="1" x14ac:dyDescent="0.25">
      <c r="A4091" s="236" t="s">
        <v>8958</v>
      </c>
      <c r="B4091" s="220" t="s">
        <v>8672</v>
      </c>
      <c r="C4091" s="190" t="s">
        <v>8959</v>
      </c>
      <c r="D4091" s="190" t="s">
        <v>8960</v>
      </c>
      <c r="E4091" s="237">
        <v>2002</v>
      </c>
      <c r="F4091" s="237">
        <v>200</v>
      </c>
      <c r="G4091" s="190" t="s">
        <v>1</v>
      </c>
      <c r="H4091" s="190">
        <v>0</v>
      </c>
      <c r="I4091" s="190">
        <v>0</v>
      </c>
      <c r="J4091" s="190">
        <v>0</v>
      </c>
      <c r="K4091" s="190">
        <v>1</v>
      </c>
      <c r="L4091" s="190">
        <v>0</v>
      </c>
      <c r="M4091" s="190">
        <v>0</v>
      </c>
      <c r="N4091" s="190">
        <v>0</v>
      </c>
      <c r="O4091" s="190">
        <v>0</v>
      </c>
      <c r="P4091" s="190">
        <v>1</v>
      </c>
      <c r="Q4091" s="190">
        <v>0</v>
      </c>
      <c r="R4091" s="190">
        <v>0</v>
      </c>
      <c r="S4091" s="190">
        <v>0</v>
      </c>
      <c r="T4091" s="190">
        <v>0</v>
      </c>
      <c r="U4091" s="99"/>
      <c r="V4091" s="99"/>
      <c r="W4091" s="99"/>
      <c r="X4091" s="99"/>
      <c r="Y4091" s="99"/>
      <c r="Z4091" s="99"/>
      <c r="AA4091" s="99"/>
      <c r="AB4091" s="99"/>
      <c r="AC4091" s="99"/>
      <c r="AD4091" s="99"/>
      <c r="AE4091" s="99"/>
      <c r="AF4091" s="99"/>
      <c r="AG4091" s="99"/>
      <c r="AH4091" s="99"/>
      <c r="AI4091" s="99"/>
      <c r="AJ4091" s="99"/>
      <c r="AK4091" s="99"/>
      <c r="AL4091" s="99"/>
      <c r="AM4091" s="99"/>
      <c r="AN4091" s="99"/>
      <c r="AO4091" s="99"/>
      <c r="AP4091" s="99"/>
      <c r="AQ4091" s="99"/>
      <c r="AR4091" s="99"/>
      <c r="AS4091" s="99"/>
      <c r="AT4091" s="99"/>
      <c r="AU4091" s="99"/>
      <c r="AV4091" s="99"/>
      <c r="AW4091" s="99"/>
      <c r="AX4091" s="99"/>
      <c r="AY4091" s="99"/>
      <c r="AZ4091" s="99"/>
      <c r="BA4091" s="99"/>
      <c r="BB4091" s="107">
        <v>45884</v>
      </c>
    </row>
    <row r="4092" spans="1:54" s="238" customFormat="1" ht="13.95" customHeight="1" x14ac:dyDescent="0.25">
      <c r="A4092" s="236" t="s">
        <v>8961</v>
      </c>
      <c r="B4092" s="220" t="s">
        <v>8672</v>
      </c>
      <c r="C4092" s="190" t="s">
        <v>8962</v>
      </c>
      <c r="D4092" s="190" t="s">
        <v>8963</v>
      </c>
      <c r="E4092" s="237">
        <v>1981</v>
      </c>
      <c r="F4092" s="237">
        <v>200</v>
      </c>
      <c r="G4092" s="190" t="s">
        <v>1</v>
      </c>
      <c r="H4092" s="190">
        <v>0</v>
      </c>
      <c r="I4092" s="190">
        <v>0</v>
      </c>
      <c r="J4092" s="190">
        <v>0</v>
      </c>
      <c r="K4092" s="190">
        <v>1</v>
      </c>
      <c r="L4092" s="190">
        <v>1</v>
      </c>
      <c r="M4092" s="190">
        <v>0</v>
      </c>
      <c r="N4092" s="190">
        <v>0</v>
      </c>
      <c r="O4092" s="190">
        <v>0</v>
      </c>
      <c r="P4092" s="190">
        <v>1</v>
      </c>
      <c r="Q4092" s="190">
        <v>0</v>
      </c>
      <c r="R4092" s="190">
        <v>0</v>
      </c>
      <c r="S4092" s="190">
        <v>0</v>
      </c>
      <c r="T4092" s="190">
        <v>0</v>
      </c>
      <c r="U4092" s="99"/>
      <c r="V4092" s="99"/>
      <c r="W4092" s="99"/>
      <c r="X4092" s="99"/>
      <c r="Y4092" s="99"/>
      <c r="Z4092" s="99"/>
      <c r="AA4092" s="99"/>
      <c r="AB4092" s="99"/>
      <c r="AC4092" s="99"/>
      <c r="AD4092" s="99"/>
      <c r="AE4092" s="99"/>
      <c r="AF4092" s="99"/>
      <c r="AG4092" s="99"/>
      <c r="AH4092" s="99"/>
      <c r="AI4092" s="99"/>
      <c r="AJ4092" s="99"/>
      <c r="AK4092" s="99"/>
      <c r="AL4092" s="99"/>
      <c r="AM4092" s="99"/>
      <c r="AN4092" s="99"/>
      <c r="AO4092" s="99"/>
      <c r="AP4092" s="99"/>
      <c r="AQ4092" s="99"/>
      <c r="AR4092" s="99"/>
      <c r="AS4092" s="99"/>
      <c r="AT4092" s="99"/>
      <c r="AU4092" s="99"/>
      <c r="AV4092" s="99"/>
      <c r="AW4092" s="99"/>
      <c r="AX4092" s="99"/>
      <c r="AY4092" s="99"/>
      <c r="AZ4092" s="99"/>
      <c r="BA4092" s="99"/>
      <c r="BB4092" s="107">
        <v>45884</v>
      </c>
    </row>
    <row r="4093" spans="1:54" s="238" customFormat="1" ht="13.95" customHeight="1" x14ac:dyDescent="0.25">
      <c r="A4093" s="236" t="s">
        <v>8964</v>
      </c>
      <c r="B4093" s="220" t="s">
        <v>8672</v>
      </c>
      <c r="C4093" s="190" t="s">
        <v>8965</v>
      </c>
      <c r="D4093" s="190" t="s">
        <v>8966</v>
      </c>
      <c r="E4093" s="237">
        <v>2002</v>
      </c>
      <c r="F4093" s="237">
        <v>200</v>
      </c>
      <c r="G4093" s="190" t="s">
        <v>1</v>
      </c>
      <c r="H4093" s="190">
        <v>0</v>
      </c>
      <c r="I4093" s="190">
        <v>0</v>
      </c>
      <c r="J4093" s="190">
        <v>1</v>
      </c>
      <c r="K4093" s="190">
        <v>1</v>
      </c>
      <c r="L4093" s="190">
        <v>1</v>
      </c>
      <c r="M4093" s="190">
        <v>1</v>
      </c>
      <c r="N4093" s="190">
        <v>0</v>
      </c>
      <c r="O4093" s="190">
        <v>0</v>
      </c>
      <c r="P4093" s="190">
        <v>0</v>
      </c>
      <c r="Q4093" s="190">
        <v>0</v>
      </c>
      <c r="R4093" s="190">
        <v>0</v>
      </c>
      <c r="S4093" s="190">
        <v>0</v>
      </c>
      <c r="T4093" s="190">
        <v>0</v>
      </c>
      <c r="U4093" s="99"/>
      <c r="V4093" s="99"/>
      <c r="W4093" s="99"/>
      <c r="X4093" s="99"/>
      <c r="Y4093" s="99"/>
      <c r="Z4093" s="99"/>
      <c r="AA4093" s="99"/>
      <c r="AB4093" s="99"/>
      <c r="AC4093" s="99"/>
      <c r="AD4093" s="99"/>
      <c r="AE4093" s="99"/>
      <c r="AF4093" s="99"/>
      <c r="AG4093" s="99"/>
      <c r="AH4093" s="99"/>
      <c r="AI4093" s="99"/>
      <c r="AJ4093" s="99"/>
      <c r="AK4093" s="99"/>
      <c r="AL4093" s="99"/>
      <c r="AM4093" s="99"/>
      <c r="AN4093" s="99"/>
      <c r="AO4093" s="99"/>
      <c r="AP4093" s="99"/>
      <c r="AQ4093" s="99"/>
      <c r="AR4093" s="99"/>
      <c r="AS4093" s="99"/>
      <c r="AT4093" s="99"/>
      <c r="AU4093" s="99"/>
      <c r="AV4093" s="99"/>
      <c r="AW4093" s="99"/>
      <c r="AX4093" s="99"/>
      <c r="AY4093" s="99"/>
      <c r="AZ4093" s="99"/>
      <c r="BA4093" s="99"/>
      <c r="BB4093" s="107">
        <v>45884</v>
      </c>
    </row>
    <row r="4094" spans="1:54" s="238" customFormat="1" ht="13.95" customHeight="1" x14ac:dyDescent="0.25">
      <c r="A4094" s="236" t="s">
        <v>8967</v>
      </c>
      <c r="B4094" s="220" t="s">
        <v>8672</v>
      </c>
      <c r="C4094" s="190" t="s">
        <v>8968</v>
      </c>
      <c r="D4094" s="190" t="s">
        <v>8969</v>
      </c>
      <c r="E4094" s="237">
        <v>1982</v>
      </c>
      <c r="F4094" s="237">
        <v>200</v>
      </c>
      <c r="G4094" s="190" t="s">
        <v>1</v>
      </c>
      <c r="H4094" s="190">
        <v>0</v>
      </c>
      <c r="I4094" s="190">
        <v>0</v>
      </c>
      <c r="J4094" s="190">
        <v>1</v>
      </c>
      <c r="K4094" s="190">
        <v>1</v>
      </c>
      <c r="L4094" s="190">
        <v>0</v>
      </c>
      <c r="M4094" s="190">
        <v>0</v>
      </c>
      <c r="N4094" s="190">
        <v>0</v>
      </c>
      <c r="O4094" s="190">
        <v>0</v>
      </c>
      <c r="P4094" s="190">
        <v>1</v>
      </c>
      <c r="Q4094" s="190">
        <v>0</v>
      </c>
      <c r="R4094" s="190">
        <v>0</v>
      </c>
      <c r="S4094" s="190">
        <v>1</v>
      </c>
      <c r="T4094" s="190">
        <v>0</v>
      </c>
      <c r="U4094" s="99"/>
      <c r="V4094" s="99"/>
      <c r="W4094" s="99"/>
      <c r="X4094" s="99"/>
      <c r="Y4094" s="99"/>
      <c r="Z4094" s="99"/>
      <c r="AA4094" s="99"/>
      <c r="AB4094" s="99"/>
      <c r="AC4094" s="99"/>
      <c r="AD4094" s="99"/>
      <c r="AE4094" s="99"/>
      <c r="AF4094" s="99"/>
      <c r="AG4094" s="99"/>
      <c r="AH4094" s="99"/>
      <c r="AI4094" s="99"/>
      <c r="AJ4094" s="99"/>
      <c r="AK4094" s="99"/>
      <c r="AL4094" s="99"/>
      <c r="AM4094" s="99"/>
      <c r="AN4094" s="99"/>
      <c r="AO4094" s="99"/>
      <c r="AP4094" s="99"/>
      <c r="AQ4094" s="99"/>
      <c r="AR4094" s="99"/>
      <c r="AS4094" s="99"/>
      <c r="AT4094" s="99"/>
      <c r="AU4094" s="99"/>
      <c r="AV4094" s="99"/>
      <c r="AW4094" s="99"/>
      <c r="AX4094" s="99"/>
      <c r="AY4094" s="99"/>
      <c r="AZ4094" s="99"/>
      <c r="BA4094" s="99"/>
      <c r="BB4094" s="107">
        <v>45884</v>
      </c>
    </row>
    <row r="4095" spans="1:54" s="238" customFormat="1" ht="13.95" customHeight="1" x14ac:dyDescent="0.25">
      <c r="A4095" s="236" t="s">
        <v>8970</v>
      </c>
      <c r="B4095" s="220" t="s">
        <v>8672</v>
      </c>
      <c r="C4095" s="190" t="s">
        <v>8971</v>
      </c>
      <c r="D4095" s="190" t="s">
        <v>8972</v>
      </c>
      <c r="E4095" s="237">
        <v>2004</v>
      </c>
      <c r="F4095" s="237">
        <v>200</v>
      </c>
      <c r="G4095" s="190" t="s">
        <v>1</v>
      </c>
      <c r="H4095" s="190">
        <v>0</v>
      </c>
      <c r="I4095" s="190">
        <v>0</v>
      </c>
      <c r="J4095" s="190">
        <v>0</v>
      </c>
      <c r="K4095" s="190">
        <v>1</v>
      </c>
      <c r="L4095" s="190">
        <v>0</v>
      </c>
      <c r="M4095" s="190">
        <v>0</v>
      </c>
      <c r="N4095" s="190">
        <v>0</v>
      </c>
      <c r="O4095" s="190">
        <v>0</v>
      </c>
      <c r="P4095" s="190">
        <v>1</v>
      </c>
      <c r="Q4095" s="190">
        <v>0</v>
      </c>
      <c r="R4095" s="190">
        <v>0</v>
      </c>
      <c r="S4095" s="190">
        <v>0</v>
      </c>
      <c r="T4095" s="190">
        <v>0</v>
      </c>
      <c r="U4095" s="99"/>
      <c r="V4095" s="99"/>
      <c r="W4095" s="99"/>
      <c r="X4095" s="99"/>
      <c r="Y4095" s="99"/>
      <c r="Z4095" s="99"/>
      <c r="AA4095" s="99"/>
      <c r="AB4095" s="99"/>
      <c r="AC4095" s="99"/>
      <c r="AD4095" s="99"/>
      <c r="AE4095" s="99"/>
      <c r="AF4095" s="99"/>
      <c r="AG4095" s="99"/>
      <c r="AH4095" s="99"/>
      <c r="AI4095" s="99"/>
      <c r="AJ4095" s="99"/>
      <c r="AK4095" s="99"/>
      <c r="AL4095" s="99"/>
      <c r="AM4095" s="99"/>
      <c r="AN4095" s="99"/>
      <c r="AO4095" s="99"/>
      <c r="AP4095" s="99"/>
      <c r="AQ4095" s="99"/>
      <c r="AR4095" s="99"/>
      <c r="AS4095" s="99"/>
      <c r="AT4095" s="99"/>
      <c r="AU4095" s="99"/>
      <c r="AV4095" s="99"/>
      <c r="AW4095" s="99"/>
      <c r="AX4095" s="99"/>
      <c r="AY4095" s="99"/>
      <c r="AZ4095" s="99"/>
      <c r="BA4095" s="99"/>
      <c r="BB4095" s="107">
        <v>45884</v>
      </c>
    </row>
    <row r="4096" spans="1:54" s="238" customFormat="1" ht="13.95" customHeight="1" x14ac:dyDescent="0.25">
      <c r="A4096" s="236" t="s">
        <v>8973</v>
      </c>
      <c r="B4096" s="220" t="s">
        <v>8672</v>
      </c>
      <c r="C4096" s="190" t="s">
        <v>8974</v>
      </c>
      <c r="D4096" s="190" t="s">
        <v>8975</v>
      </c>
      <c r="E4096" s="237">
        <v>2004</v>
      </c>
      <c r="F4096" s="237">
        <v>200</v>
      </c>
      <c r="G4096" s="190" t="s">
        <v>1</v>
      </c>
      <c r="H4096" s="190">
        <v>0</v>
      </c>
      <c r="I4096" s="190">
        <v>0</v>
      </c>
      <c r="J4096" s="190">
        <v>0</v>
      </c>
      <c r="K4096" s="190">
        <v>1</v>
      </c>
      <c r="L4096" s="190">
        <v>0</v>
      </c>
      <c r="M4096" s="190">
        <v>0</v>
      </c>
      <c r="N4096" s="190">
        <v>0</v>
      </c>
      <c r="O4096" s="190">
        <v>0</v>
      </c>
      <c r="P4096" s="190">
        <v>1</v>
      </c>
      <c r="Q4096" s="190">
        <v>0</v>
      </c>
      <c r="R4096" s="190">
        <v>0</v>
      </c>
      <c r="S4096" s="190">
        <v>0</v>
      </c>
      <c r="T4096" s="190">
        <v>0</v>
      </c>
      <c r="U4096" s="99"/>
      <c r="V4096" s="99"/>
      <c r="W4096" s="99"/>
      <c r="X4096" s="99"/>
      <c r="Y4096" s="99"/>
      <c r="Z4096" s="99"/>
      <c r="AA4096" s="99"/>
      <c r="AB4096" s="99"/>
      <c r="AC4096" s="99"/>
      <c r="AD4096" s="99"/>
      <c r="AE4096" s="99"/>
      <c r="AF4096" s="99"/>
      <c r="AG4096" s="99"/>
      <c r="AH4096" s="99"/>
      <c r="AI4096" s="99"/>
      <c r="AJ4096" s="99"/>
      <c r="AK4096" s="99"/>
      <c r="AL4096" s="99"/>
      <c r="AM4096" s="99"/>
      <c r="AN4096" s="99"/>
      <c r="AO4096" s="99"/>
      <c r="AP4096" s="99"/>
      <c r="AQ4096" s="99"/>
      <c r="AR4096" s="99"/>
      <c r="AS4096" s="99"/>
      <c r="AT4096" s="99"/>
      <c r="AU4096" s="99"/>
      <c r="AV4096" s="99"/>
      <c r="AW4096" s="99"/>
      <c r="AX4096" s="99"/>
      <c r="AY4096" s="99"/>
      <c r="AZ4096" s="99"/>
      <c r="BA4096" s="99"/>
      <c r="BB4096" s="107">
        <v>45884</v>
      </c>
    </row>
    <row r="4097" spans="1:54" s="238" customFormat="1" ht="13.95" customHeight="1" x14ac:dyDescent="0.25">
      <c r="A4097" s="236" t="s">
        <v>8976</v>
      </c>
      <c r="B4097" s="220" t="s">
        <v>8672</v>
      </c>
      <c r="C4097" s="190" t="s">
        <v>8977</v>
      </c>
      <c r="D4097" s="190" t="s">
        <v>8978</v>
      </c>
      <c r="E4097" s="237">
        <v>2004</v>
      </c>
      <c r="F4097" s="237">
        <v>200</v>
      </c>
      <c r="G4097" s="190" t="s">
        <v>1</v>
      </c>
      <c r="H4097" s="190">
        <v>0</v>
      </c>
      <c r="I4097" s="190">
        <v>0</v>
      </c>
      <c r="J4097" s="190">
        <v>1</v>
      </c>
      <c r="K4097" s="190">
        <v>1</v>
      </c>
      <c r="L4097" s="190">
        <v>1</v>
      </c>
      <c r="M4097" s="190">
        <v>1</v>
      </c>
      <c r="N4097" s="190">
        <v>0</v>
      </c>
      <c r="O4097" s="190">
        <v>0</v>
      </c>
      <c r="P4097" s="190">
        <v>0</v>
      </c>
      <c r="Q4097" s="190">
        <v>0</v>
      </c>
      <c r="R4097" s="190">
        <v>0</v>
      </c>
      <c r="S4097" s="190">
        <v>0</v>
      </c>
      <c r="T4097" s="190">
        <v>0</v>
      </c>
      <c r="U4097" s="99"/>
      <c r="V4097" s="99"/>
      <c r="W4097" s="99"/>
      <c r="X4097" s="99"/>
      <c r="Y4097" s="99"/>
      <c r="Z4097" s="99"/>
      <c r="AA4097" s="99"/>
      <c r="AB4097" s="99"/>
      <c r="AC4097" s="99"/>
      <c r="AD4097" s="99"/>
      <c r="AE4097" s="99"/>
      <c r="AF4097" s="99"/>
      <c r="AG4097" s="99"/>
      <c r="AH4097" s="99"/>
      <c r="AI4097" s="99"/>
      <c r="AJ4097" s="99"/>
      <c r="AK4097" s="99"/>
      <c r="AL4097" s="99"/>
      <c r="AM4097" s="99"/>
      <c r="AN4097" s="99"/>
      <c r="AO4097" s="99"/>
      <c r="AP4097" s="99"/>
      <c r="AQ4097" s="99"/>
      <c r="AR4097" s="99"/>
      <c r="AS4097" s="99"/>
      <c r="AT4097" s="99"/>
      <c r="AU4097" s="99"/>
      <c r="AV4097" s="99"/>
      <c r="AW4097" s="99"/>
      <c r="AX4097" s="99"/>
      <c r="AY4097" s="99"/>
      <c r="AZ4097" s="99"/>
      <c r="BA4097" s="99"/>
      <c r="BB4097" s="107">
        <v>45884</v>
      </c>
    </row>
    <row r="4098" spans="1:54" s="238" customFormat="1" ht="13.95" customHeight="1" x14ac:dyDescent="0.25">
      <c r="A4098" s="236" t="s">
        <v>8979</v>
      </c>
      <c r="B4098" s="220" t="s">
        <v>8672</v>
      </c>
      <c r="C4098" s="190" t="s">
        <v>8980</v>
      </c>
      <c r="D4098" s="190" t="s">
        <v>8981</v>
      </c>
      <c r="E4098" s="237">
        <v>2004</v>
      </c>
      <c r="F4098" s="237">
        <v>200</v>
      </c>
      <c r="G4098" s="190" t="s">
        <v>1</v>
      </c>
      <c r="H4098" s="190">
        <v>0</v>
      </c>
      <c r="I4098" s="190">
        <v>0</v>
      </c>
      <c r="J4098" s="190">
        <v>0</v>
      </c>
      <c r="K4098" s="190">
        <v>1</v>
      </c>
      <c r="L4098" s="190">
        <v>0</v>
      </c>
      <c r="M4098" s="190">
        <v>0</v>
      </c>
      <c r="N4098" s="190">
        <v>0</v>
      </c>
      <c r="O4098" s="190">
        <v>0</v>
      </c>
      <c r="P4098" s="190">
        <v>1</v>
      </c>
      <c r="Q4098" s="190">
        <v>0</v>
      </c>
      <c r="R4098" s="190">
        <v>0</v>
      </c>
      <c r="S4098" s="190">
        <v>0</v>
      </c>
      <c r="T4098" s="190">
        <v>0</v>
      </c>
      <c r="U4098" s="99"/>
      <c r="V4098" s="99"/>
      <c r="W4098" s="99"/>
      <c r="X4098" s="99"/>
      <c r="Y4098" s="99"/>
      <c r="Z4098" s="99"/>
      <c r="AA4098" s="99"/>
      <c r="AB4098" s="99"/>
      <c r="AC4098" s="99"/>
      <c r="AD4098" s="99"/>
      <c r="AE4098" s="99"/>
      <c r="AF4098" s="99"/>
      <c r="AG4098" s="99"/>
      <c r="AH4098" s="99"/>
      <c r="AI4098" s="99"/>
      <c r="AJ4098" s="99"/>
      <c r="AK4098" s="99"/>
      <c r="AL4098" s="99"/>
      <c r="AM4098" s="99"/>
      <c r="AN4098" s="99"/>
      <c r="AO4098" s="99"/>
      <c r="AP4098" s="99"/>
      <c r="AQ4098" s="99"/>
      <c r="AR4098" s="99"/>
      <c r="AS4098" s="99"/>
      <c r="AT4098" s="99"/>
      <c r="AU4098" s="99"/>
      <c r="AV4098" s="99"/>
      <c r="AW4098" s="99"/>
      <c r="AX4098" s="99"/>
      <c r="AY4098" s="99"/>
      <c r="AZ4098" s="99"/>
      <c r="BA4098" s="99"/>
      <c r="BB4098" s="107">
        <v>45884</v>
      </c>
    </row>
    <row r="4099" spans="1:54" s="238" customFormat="1" ht="13.95" customHeight="1" x14ac:dyDescent="0.25">
      <c r="A4099" s="236" t="s">
        <v>8982</v>
      </c>
      <c r="B4099" s="220" t="s">
        <v>8672</v>
      </c>
      <c r="C4099" s="190" t="s">
        <v>8983</v>
      </c>
      <c r="D4099" s="190" t="s">
        <v>8984</v>
      </c>
      <c r="E4099" s="237">
        <v>2005</v>
      </c>
      <c r="F4099" s="237">
        <v>200</v>
      </c>
      <c r="G4099" s="190" t="s">
        <v>1</v>
      </c>
      <c r="H4099" s="190">
        <v>0</v>
      </c>
      <c r="I4099" s="190">
        <v>0</v>
      </c>
      <c r="J4099" s="190">
        <v>0</v>
      </c>
      <c r="K4099" s="190">
        <v>0</v>
      </c>
      <c r="L4099" s="190">
        <v>0</v>
      </c>
      <c r="M4099" s="190">
        <v>0</v>
      </c>
      <c r="N4099" s="190">
        <v>0</v>
      </c>
      <c r="O4099" s="190">
        <v>0</v>
      </c>
      <c r="P4099" s="190">
        <v>0</v>
      </c>
      <c r="Q4099" s="190">
        <v>0</v>
      </c>
      <c r="R4099" s="190">
        <v>1</v>
      </c>
      <c r="S4099" s="190">
        <v>0</v>
      </c>
      <c r="T4099" s="190">
        <v>0</v>
      </c>
      <c r="U4099" s="99"/>
      <c r="V4099" s="99"/>
      <c r="W4099" s="99"/>
      <c r="X4099" s="99"/>
      <c r="Y4099" s="99"/>
      <c r="Z4099" s="99"/>
      <c r="AA4099" s="99"/>
      <c r="AB4099" s="99"/>
      <c r="AC4099" s="99"/>
      <c r="AD4099" s="99"/>
      <c r="AE4099" s="99"/>
      <c r="AF4099" s="99"/>
      <c r="AG4099" s="99"/>
      <c r="AH4099" s="99"/>
      <c r="AI4099" s="99"/>
      <c r="AJ4099" s="99"/>
      <c r="AK4099" s="99"/>
      <c r="AL4099" s="99"/>
      <c r="AM4099" s="99"/>
      <c r="AN4099" s="99"/>
      <c r="AO4099" s="99"/>
      <c r="AP4099" s="99"/>
      <c r="AQ4099" s="99"/>
      <c r="AR4099" s="99"/>
      <c r="AS4099" s="99"/>
      <c r="AT4099" s="99"/>
      <c r="AU4099" s="99"/>
      <c r="AV4099" s="99"/>
      <c r="AW4099" s="99"/>
      <c r="AX4099" s="99"/>
      <c r="AY4099" s="99"/>
      <c r="AZ4099" s="99"/>
      <c r="BA4099" s="99"/>
      <c r="BB4099" s="107">
        <v>45884</v>
      </c>
    </row>
    <row r="4100" spans="1:54" s="238" customFormat="1" ht="13.95" customHeight="1" x14ac:dyDescent="0.25">
      <c r="A4100" s="236" t="s">
        <v>8985</v>
      </c>
      <c r="B4100" s="220" t="s">
        <v>8672</v>
      </c>
      <c r="C4100" s="190" t="s">
        <v>8986</v>
      </c>
      <c r="D4100" s="190" t="s">
        <v>8987</v>
      </c>
      <c r="E4100" s="237">
        <v>2006</v>
      </c>
      <c r="F4100" s="237">
        <v>200</v>
      </c>
      <c r="G4100" s="190" t="s">
        <v>1</v>
      </c>
      <c r="H4100" s="190">
        <v>0</v>
      </c>
      <c r="I4100" s="190">
        <v>0</v>
      </c>
      <c r="J4100" s="190">
        <v>0</v>
      </c>
      <c r="K4100" s="190">
        <v>1</v>
      </c>
      <c r="L4100" s="190">
        <v>0</v>
      </c>
      <c r="M4100" s="190">
        <v>0</v>
      </c>
      <c r="N4100" s="190">
        <v>0</v>
      </c>
      <c r="O4100" s="190">
        <v>0</v>
      </c>
      <c r="P4100" s="190">
        <v>1</v>
      </c>
      <c r="Q4100" s="190">
        <v>0</v>
      </c>
      <c r="R4100" s="190">
        <v>0</v>
      </c>
      <c r="S4100" s="190">
        <v>0</v>
      </c>
      <c r="T4100" s="190">
        <v>0</v>
      </c>
      <c r="U4100" s="99"/>
      <c r="V4100" s="99"/>
      <c r="W4100" s="99"/>
      <c r="X4100" s="99"/>
      <c r="Y4100" s="99"/>
      <c r="Z4100" s="99"/>
      <c r="AA4100" s="99"/>
      <c r="AB4100" s="99"/>
      <c r="AC4100" s="99"/>
      <c r="AD4100" s="99"/>
      <c r="AE4100" s="99"/>
      <c r="AF4100" s="99"/>
      <c r="AG4100" s="99"/>
      <c r="AH4100" s="99"/>
      <c r="AI4100" s="99"/>
      <c r="AJ4100" s="99"/>
      <c r="AK4100" s="99"/>
      <c r="AL4100" s="99"/>
      <c r="AM4100" s="99"/>
      <c r="AN4100" s="99"/>
      <c r="AO4100" s="99"/>
      <c r="AP4100" s="99"/>
      <c r="AQ4100" s="99"/>
      <c r="AR4100" s="99"/>
      <c r="AS4100" s="99"/>
      <c r="AT4100" s="99"/>
      <c r="AU4100" s="99"/>
      <c r="AV4100" s="99"/>
      <c r="AW4100" s="99"/>
      <c r="AX4100" s="99"/>
      <c r="AY4100" s="99"/>
      <c r="AZ4100" s="99"/>
      <c r="BA4100" s="99"/>
      <c r="BB4100" s="107">
        <v>45884</v>
      </c>
    </row>
    <row r="4101" spans="1:54" s="238" customFormat="1" ht="13.95" customHeight="1" x14ac:dyDescent="0.25">
      <c r="A4101" s="236" t="s">
        <v>8988</v>
      </c>
      <c r="B4101" s="220" t="s">
        <v>8672</v>
      </c>
      <c r="C4101" s="190" t="s">
        <v>8989</v>
      </c>
      <c r="D4101" s="190" t="s">
        <v>19918</v>
      </c>
      <c r="E4101" s="237">
        <v>2007</v>
      </c>
      <c r="F4101" s="237">
        <v>100</v>
      </c>
      <c r="G4101" s="190" t="s">
        <v>1</v>
      </c>
      <c r="H4101" s="190">
        <v>0</v>
      </c>
      <c r="I4101" s="190">
        <v>0</v>
      </c>
      <c r="J4101" s="190">
        <v>0</v>
      </c>
      <c r="K4101" s="190">
        <v>1</v>
      </c>
      <c r="L4101" s="190">
        <v>0</v>
      </c>
      <c r="M4101" s="190">
        <v>0</v>
      </c>
      <c r="N4101" s="190">
        <v>0</v>
      </c>
      <c r="O4101" s="190">
        <v>0</v>
      </c>
      <c r="P4101" s="190">
        <v>1</v>
      </c>
      <c r="Q4101" s="190">
        <v>0</v>
      </c>
      <c r="R4101" s="190">
        <v>0</v>
      </c>
      <c r="S4101" s="190">
        <v>0</v>
      </c>
      <c r="T4101" s="190">
        <v>0</v>
      </c>
      <c r="U4101" s="99"/>
      <c r="V4101" s="99"/>
      <c r="W4101" s="99"/>
      <c r="X4101" s="99"/>
      <c r="Y4101" s="99"/>
      <c r="Z4101" s="99"/>
      <c r="AA4101" s="99"/>
      <c r="AB4101" s="99"/>
      <c r="AC4101" s="99"/>
      <c r="AD4101" s="99"/>
      <c r="AE4101" s="99"/>
      <c r="AF4101" s="99"/>
      <c r="AG4101" s="99"/>
      <c r="AH4101" s="99"/>
      <c r="AI4101" s="99"/>
      <c r="AJ4101" s="99"/>
      <c r="AK4101" s="99"/>
      <c r="AL4101" s="99"/>
      <c r="AM4101" s="99"/>
      <c r="AN4101" s="99"/>
      <c r="AO4101" s="99"/>
      <c r="AP4101" s="99"/>
      <c r="AQ4101" s="99"/>
      <c r="AR4101" s="99"/>
      <c r="AS4101" s="99"/>
      <c r="AT4101" s="99"/>
      <c r="AU4101" s="99"/>
      <c r="AV4101" s="99"/>
      <c r="AW4101" s="99"/>
      <c r="AX4101" s="99"/>
      <c r="AY4101" s="99"/>
      <c r="AZ4101" s="99"/>
      <c r="BA4101" s="99"/>
      <c r="BB4101" s="107">
        <v>45884</v>
      </c>
    </row>
    <row r="4102" spans="1:54" s="238" customFormat="1" ht="13.95" customHeight="1" x14ac:dyDescent="0.25">
      <c r="A4102" s="236" t="s">
        <v>8990</v>
      </c>
      <c r="B4102" s="220" t="s">
        <v>8672</v>
      </c>
      <c r="C4102" s="190" t="s">
        <v>8991</v>
      </c>
      <c r="D4102" s="190" t="s">
        <v>8992</v>
      </c>
      <c r="E4102" s="237">
        <v>1997</v>
      </c>
      <c r="F4102" s="237">
        <v>200</v>
      </c>
      <c r="G4102" s="190" t="s">
        <v>1</v>
      </c>
      <c r="H4102" s="190">
        <v>0</v>
      </c>
      <c r="I4102" s="190">
        <v>0</v>
      </c>
      <c r="J4102" s="190">
        <v>0</v>
      </c>
      <c r="K4102" s="190">
        <v>1</v>
      </c>
      <c r="L4102" s="190">
        <v>0</v>
      </c>
      <c r="M4102" s="190">
        <v>1</v>
      </c>
      <c r="N4102" s="190">
        <v>0</v>
      </c>
      <c r="O4102" s="190">
        <v>0</v>
      </c>
      <c r="P4102" s="190">
        <v>1</v>
      </c>
      <c r="Q4102" s="190">
        <v>0</v>
      </c>
      <c r="R4102" s="190">
        <v>0</v>
      </c>
      <c r="S4102" s="190">
        <v>0</v>
      </c>
      <c r="T4102" s="190">
        <v>0</v>
      </c>
      <c r="U4102" s="99"/>
      <c r="V4102" s="99"/>
      <c r="W4102" s="99"/>
      <c r="X4102" s="99"/>
      <c r="Y4102" s="99"/>
      <c r="Z4102" s="99"/>
      <c r="AA4102" s="99"/>
      <c r="AB4102" s="99"/>
      <c r="AC4102" s="99"/>
      <c r="AD4102" s="99"/>
      <c r="AE4102" s="99"/>
      <c r="AF4102" s="99"/>
      <c r="AG4102" s="99"/>
      <c r="AH4102" s="99"/>
      <c r="AI4102" s="99"/>
      <c r="AJ4102" s="99"/>
      <c r="AK4102" s="99"/>
      <c r="AL4102" s="99"/>
      <c r="AM4102" s="99"/>
      <c r="AN4102" s="99"/>
      <c r="AO4102" s="99"/>
      <c r="AP4102" s="99"/>
      <c r="AQ4102" s="99"/>
      <c r="AR4102" s="99"/>
      <c r="AS4102" s="99"/>
      <c r="AT4102" s="99"/>
      <c r="AU4102" s="99"/>
      <c r="AV4102" s="99"/>
      <c r="AW4102" s="99"/>
      <c r="AX4102" s="99"/>
      <c r="AY4102" s="99"/>
      <c r="AZ4102" s="99"/>
      <c r="BA4102" s="99"/>
      <c r="BB4102" s="107">
        <v>45884</v>
      </c>
    </row>
    <row r="4103" spans="1:54" s="238" customFormat="1" ht="13.95" customHeight="1" x14ac:dyDescent="0.25">
      <c r="A4103" s="236" t="s">
        <v>8993</v>
      </c>
      <c r="B4103" s="220" t="s">
        <v>8672</v>
      </c>
      <c r="C4103" s="190" t="s">
        <v>8994</v>
      </c>
      <c r="D4103" s="190" t="s">
        <v>8995</v>
      </c>
      <c r="E4103" s="237">
        <v>2002</v>
      </c>
      <c r="F4103" s="237">
        <v>200</v>
      </c>
      <c r="G4103" s="190" t="s">
        <v>1</v>
      </c>
      <c r="H4103" s="190">
        <v>0</v>
      </c>
      <c r="I4103" s="190">
        <v>0</v>
      </c>
      <c r="J4103" s="190">
        <v>1</v>
      </c>
      <c r="K4103" s="190">
        <v>1</v>
      </c>
      <c r="L4103" s="190">
        <v>1</v>
      </c>
      <c r="M4103" s="190">
        <v>0</v>
      </c>
      <c r="N4103" s="190">
        <v>0</v>
      </c>
      <c r="O4103" s="190">
        <v>0</v>
      </c>
      <c r="P4103" s="190">
        <v>1</v>
      </c>
      <c r="Q4103" s="190">
        <v>0</v>
      </c>
      <c r="R4103" s="190">
        <v>0</v>
      </c>
      <c r="S4103" s="190">
        <v>0</v>
      </c>
      <c r="T4103" s="190">
        <v>0</v>
      </c>
      <c r="U4103" s="99"/>
      <c r="V4103" s="99"/>
      <c r="W4103" s="99"/>
      <c r="X4103" s="99"/>
      <c r="Y4103" s="99"/>
      <c r="Z4103" s="99"/>
      <c r="AA4103" s="99"/>
      <c r="AB4103" s="99"/>
      <c r="AC4103" s="99"/>
      <c r="AD4103" s="99"/>
      <c r="AE4103" s="99"/>
      <c r="AF4103" s="99"/>
      <c r="AG4103" s="99"/>
      <c r="AH4103" s="99"/>
      <c r="AI4103" s="99"/>
      <c r="AJ4103" s="99"/>
      <c r="AK4103" s="99"/>
      <c r="AL4103" s="99"/>
      <c r="AM4103" s="99"/>
      <c r="AN4103" s="99"/>
      <c r="AO4103" s="99"/>
      <c r="AP4103" s="99"/>
      <c r="AQ4103" s="99"/>
      <c r="AR4103" s="99"/>
      <c r="AS4103" s="99"/>
      <c r="AT4103" s="99"/>
      <c r="AU4103" s="99"/>
      <c r="AV4103" s="99"/>
      <c r="AW4103" s="99"/>
      <c r="AX4103" s="99"/>
      <c r="AY4103" s="99"/>
      <c r="AZ4103" s="99"/>
      <c r="BA4103" s="99"/>
      <c r="BB4103" s="107">
        <v>45884</v>
      </c>
    </row>
    <row r="4104" spans="1:54" s="238" customFormat="1" ht="13.95" customHeight="1" x14ac:dyDescent="0.25">
      <c r="A4104" s="236" t="s">
        <v>8996</v>
      </c>
      <c r="B4104" s="220" t="s">
        <v>8672</v>
      </c>
      <c r="C4104" s="190" t="s">
        <v>8997</v>
      </c>
      <c r="D4104" s="190" t="s">
        <v>8998</v>
      </c>
      <c r="E4104" s="237">
        <v>1975</v>
      </c>
      <c r="F4104" s="237">
        <v>200</v>
      </c>
      <c r="G4104" s="190" t="s">
        <v>1</v>
      </c>
      <c r="H4104" s="190">
        <v>0</v>
      </c>
      <c r="I4104" s="190">
        <v>0</v>
      </c>
      <c r="J4104" s="190">
        <v>0</v>
      </c>
      <c r="K4104" s="190">
        <v>0</v>
      </c>
      <c r="L4104" s="190">
        <v>0</v>
      </c>
      <c r="M4104" s="190">
        <v>0</v>
      </c>
      <c r="N4104" s="190">
        <v>0</v>
      </c>
      <c r="O4104" s="190">
        <v>0</v>
      </c>
      <c r="P4104" s="190">
        <v>0</v>
      </c>
      <c r="Q4104" s="190">
        <v>0</v>
      </c>
      <c r="R4104" s="190">
        <v>0</v>
      </c>
      <c r="S4104" s="190">
        <v>0</v>
      </c>
      <c r="T4104" s="190">
        <v>0</v>
      </c>
      <c r="U4104" s="99"/>
      <c r="V4104" s="99"/>
      <c r="W4104" s="99"/>
      <c r="X4104" s="99"/>
      <c r="Y4104" s="99"/>
      <c r="Z4104" s="99"/>
      <c r="AA4104" s="99"/>
      <c r="AB4104" s="99"/>
      <c r="AC4104" s="99"/>
      <c r="AD4104" s="99"/>
      <c r="AE4104" s="99"/>
      <c r="AF4104" s="99"/>
      <c r="AG4104" s="99"/>
      <c r="AH4104" s="99"/>
      <c r="AI4104" s="99"/>
      <c r="AJ4104" s="99"/>
      <c r="AK4104" s="99"/>
      <c r="AL4104" s="99"/>
      <c r="AM4104" s="99"/>
      <c r="AN4104" s="99"/>
      <c r="AO4104" s="99"/>
      <c r="AP4104" s="99"/>
      <c r="AQ4104" s="99"/>
      <c r="AR4104" s="99"/>
      <c r="AS4104" s="99"/>
      <c r="AT4104" s="99"/>
      <c r="AU4104" s="99"/>
      <c r="AV4104" s="99"/>
      <c r="AW4104" s="99"/>
      <c r="AX4104" s="99"/>
      <c r="AY4104" s="99"/>
      <c r="AZ4104" s="99"/>
      <c r="BA4104" s="99"/>
      <c r="BB4104" s="107">
        <v>45884</v>
      </c>
    </row>
    <row r="4105" spans="1:54" s="238" customFormat="1" ht="13.95" customHeight="1" x14ac:dyDescent="0.25">
      <c r="A4105" s="236" t="s">
        <v>8999</v>
      </c>
      <c r="B4105" s="220" t="s">
        <v>8672</v>
      </c>
      <c r="C4105" s="190" t="s">
        <v>9000</v>
      </c>
      <c r="D4105" s="190" t="s">
        <v>9001</v>
      </c>
      <c r="E4105" s="237">
        <v>2000</v>
      </c>
      <c r="F4105" s="237">
        <v>200</v>
      </c>
      <c r="G4105" s="190" t="s">
        <v>1</v>
      </c>
      <c r="H4105" s="190">
        <v>0</v>
      </c>
      <c r="I4105" s="190">
        <v>0</v>
      </c>
      <c r="J4105" s="190">
        <v>0</v>
      </c>
      <c r="K4105" s="190">
        <v>0</v>
      </c>
      <c r="L4105" s="190">
        <v>0</v>
      </c>
      <c r="M4105" s="190">
        <v>0</v>
      </c>
      <c r="N4105" s="190">
        <v>1</v>
      </c>
      <c r="O4105" s="190">
        <v>0</v>
      </c>
      <c r="P4105" s="190">
        <v>0</v>
      </c>
      <c r="Q4105" s="190">
        <v>0</v>
      </c>
      <c r="R4105" s="190">
        <v>0</v>
      </c>
      <c r="S4105" s="190">
        <v>0</v>
      </c>
      <c r="T4105" s="190">
        <v>0</v>
      </c>
      <c r="U4105" s="99"/>
      <c r="V4105" s="99"/>
      <c r="W4105" s="99"/>
      <c r="X4105" s="99"/>
      <c r="Y4105" s="99"/>
      <c r="Z4105" s="99"/>
      <c r="AA4105" s="99"/>
      <c r="AB4105" s="99"/>
      <c r="AC4105" s="99"/>
      <c r="AD4105" s="99"/>
      <c r="AE4105" s="99"/>
      <c r="AF4105" s="99"/>
      <c r="AG4105" s="99"/>
      <c r="AH4105" s="99"/>
      <c r="AI4105" s="99"/>
      <c r="AJ4105" s="99"/>
      <c r="AK4105" s="99"/>
      <c r="AL4105" s="99"/>
      <c r="AM4105" s="99"/>
      <c r="AN4105" s="99"/>
      <c r="AO4105" s="99"/>
      <c r="AP4105" s="99"/>
      <c r="AQ4105" s="99"/>
      <c r="AR4105" s="99"/>
      <c r="AS4105" s="99"/>
      <c r="AT4105" s="99"/>
      <c r="AU4105" s="99"/>
      <c r="AV4105" s="99"/>
      <c r="AW4105" s="99"/>
      <c r="AX4105" s="99"/>
      <c r="AY4105" s="99"/>
      <c r="AZ4105" s="99"/>
      <c r="BA4105" s="99"/>
      <c r="BB4105" s="107">
        <v>45884</v>
      </c>
    </row>
    <row r="4106" spans="1:54" s="238" customFormat="1" ht="13.95" customHeight="1" x14ac:dyDescent="0.25">
      <c r="A4106" s="236" t="s">
        <v>9002</v>
      </c>
      <c r="B4106" s="220" t="s">
        <v>8672</v>
      </c>
      <c r="C4106" s="190" t="s">
        <v>9003</v>
      </c>
      <c r="D4106" s="190" t="s">
        <v>9004</v>
      </c>
      <c r="E4106" s="237">
        <v>2011</v>
      </c>
      <c r="F4106" s="237">
        <v>200</v>
      </c>
      <c r="G4106" s="190" t="s">
        <v>1</v>
      </c>
      <c r="H4106" s="190">
        <v>0</v>
      </c>
      <c r="I4106" s="190">
        <v>0</v>
      </c>
      <c r="J4106" s="190">
        <v>1</v>
      </c>
      <c r="K4106" s="190">
        <v>1</v>
      </c>
      <c r="L4106" s="190">
        <v>1</v>
      </c>
      <c r="M4106" s="190">
        <v>1</v>
      </c>
      <c r="N4106" s="190">
        <v>0</v>
      </c>
      <c r="O4106" s="190">
        <v>0</v>
      </c>
      <c r="P4106" s="190">
        <v>0</v>
      </c>
      <c r="Q4106" s="190">
        <v>0</v>
      </c>
      <c r="R4106" s="190">
        <v>0</v>
      </c>
      <c r="S4106" s="190">
        <v>0</v>
      </c>
      <c r="T4106" s="190">
        <v>0</v>
      </c>
      <c r="U4106" s="99"/>
      <c r="V4106" s="99"/>
      <c r="W4106" s="99"/>
      <c r="X4106" s="99"/>
      <c r="Y4106" s="99"/>
      <c r="Z4106" s="99"/>
      <c r="AA4106" s="99"/>
      <c r="AB4106" s="99"/>
      <c r="AC4106" s="99"/>
      <c r="AD4106" s="99"/>
      <c r="AE4106" s="99"/>
      <c r="AF4106" s="99"/>
      <c r="AG4106" s="99"/>
      <c r="AH4106" s="99"/>
      <c r="AI4106" s="99"/>
      <c r="AJ4106" s="99"/>
      <c r="AK4106" s="99"/>
      <c r="AL4106" s="99"/>
      <c r="AM4106" s="99"/>
      <c r="AN4106" s="99"/>
      <c r="AO4106" s="99"/>
      <c r="AP4106" s="99"/>
      <c r="AQ4106" s="99"/>
      <c r="AR4106" s="99"/>
      <c r="AS4106" s="99"/>
      <c r="AT4106" s="99"/>
      <c r="AU4106" s="99"/>
      <c r="AV4106" s="99"/>
      <c r="AW4106" s="99"/>
      <c r="AX4106" s="99"/>
      <c r="AY4106" s="99"/>
      <c r="AZ4106" s="99"/>
      <c r="BA4106" s="190" t="s">
        <v>9005</v>
      </c>
      <c r="BB4106" s="107">
        <v>45884</v>
      </c>
    </row>
    <row r="4107" spans="1:54" s="238" customFormat="1" ht="13.95" customHeight="1" x14ac:dyDescent="0.25">
      <c r="A4107" s="236" t="s">
        <v>9006</v>
      </c>
      <c r="B4107" s="220" t="s">
        <v>8672</v>
      </c>
      <c r="C4107" s="190" t="s">
        <v>9007</v>
      </c>
      <c r="D4107" s="190" t="s">
        <v>9008</v>
      </c>
      <c r="E4107" s="237">
        <v>1975</v>
      </c>
      <c r="F4107" s="237">
        <v>200</v>
      </c>
      <c r="G4107" s="190" t="s">
        <v>1</v>
      </c>
      <c r="H4107" s="190">
        <v>0</v>
      </c>
      <c r="I4107" s="190">
        <v>0</v>
      </c>
      <c r="J4107" s="190">
        <v>1</v>
      </c>
      <c r="K4107" s="190">
        <v>1</v>
      </c>
      <c r="L4107" s="190">
        <v>1</v>
      </c>
      <c r="M4107" s="190">
        <v>0</v>
      </c>
      <c r="N4107" s="190">
        <v>0</v>
      </c>
      <c r="O4107" s="190">
        <v>0</v>
      </c>
      <c r="P4107" s="190">
        <v>0</v>
      </c>
      <c r="Q4107" s="190">
        <v>0</v>
      </c>
      <c r="R4107" s="190">
        <v>1</v>
      </c>
      <c r="S4107" s="190">
        <v>0</v>
      </c>
      <c r="T4107" s="190">
        <v>0</v>
      </c>
      <c r="U4107" s="99"/>
      <c r="V4107" s="99"/>
      <c r="W4107" s="99"/>
      <c r="X4107" s="99"/>
      <c r="Y4107" s="99"/>
      <c r="Z4107" s="99"/>
      <c r="AA4107" s="99"/>
      <c r="AB4107" s="99"/>
      <c r="AC4107" s="99"/>
      <c r="AD4107" s="99"/>
      <c r="AE4107" s="99"/>
      <c r="AF4107" s="99"/>
      <c r="AG4107" s="99"/>
      <c r="AH4107" s="99"/>
      <c r="AI4107" s="99"/>
      <c r="AJ4107" s="99"/>
      <c r="AK4107" s="99"/>
      <c r="AL4107" s="99"/>
      <c r="AM4107" s="99"/>
      <c r="AN4107" s="99"/>
      <c r="AO4107" s="99"/>
      <c r="AP4107" s="99"/>
      <c r="AQ4107" s="99"/>
      <c r="AR4107" s="99"/>
      <c r="AS4107" s="99"/>
      <c r="AT4107" s="99"/>
      <c r="AU4107" s="99"/>
      <c r="AV4107" s="99"/>
      <c r="AW4107" s="99"/>
      <c r="AX4107" s="99"/>
      <c r="AY4107" s="99"/>
      <c r="AZ4107" s="99"/>
      <c r="BA4107" s="99"/>
      <c r="BB4107" s="107">
        <v>45884</v>
      </c>
    </row>
    <row r="4108" spans="1:54" s="238" customFormat="1" ht="13.95" customHeight="1" x14ac:dyDescent="0.25">
      <c r="A4108" s="236" t="s">
        <v>9009</v>
      </c>
      <c r="B4108" s="220" t="s">
        <v>8672</v>
      </c>
      <c r="C4108" s="190" t="s">
        <v>9010</v>
      </c>
      <c r="D4108" s="190" t="s">
        <v>9011</v>
      </c>
      <c r="E4108" s="237">
        <v>1975</v>
      </c>
      <c r="F4108" s="237">
        <v>200</v>
      </c>
      <c r="G4108" s="190" t="s">
        <v>1</v>
      </c>
      <c r="H4108" s="190">
        <v>0</v>
      </c>
      <c r="I4108" s="190">
        <v>0</v>
      </c>
      <c r="J4108" s="190">
        <v>0</v>
      </c>
      <c r="K4108" s="190">
        <v>1</v>
      </c>
      <c r="L4108" s="190">
        <v>0</v>
      </c>
      <c r="M4108" s="190">
        <v>0</v>
      </c>
      <c r="N4108" s="190">
        <v>0</v>
      </c>
      <c r="O4108" s="190">
        <v>1</v>
      </c>
      <c r="P4108" s="190">
        <v>0</v>
      </c>
      <c r="Q4108" s="190">
        <v>0</v>
      </c>
      <c r="R4108" s="190">
        <v>0</v>
      </c>
      <c r="S4108" s="190">
        <v>1</v>
      </c>
      <c r="T4108" s="190">
        <v>0</v>
      </c>
      <c r="U4108" s="99"/>
      <c r="V4108" s="99"/>
      <c r="W4108" s="99"/>
      <c r="X4108" s="99"/>
      <c r="Y4108" s="99"/>
      <c r="Z4108" s="99"/>
      <c r="AA4108" s="99"/>
      <c r="AB4108" s="99"/>
      <c r="AC4108" s="99"/>
      <c r="AD4108" s="99"/>
      <c r="AE4108" s="99"/>
      <c r="AF4108" s="99"/>
      <c r="AG4108" s="99"/>
      <c r="AH4108" s="99"/>
      <c r="AI4108" s="99"/>
      <c r="AJ4108" s="99"/>
      <c r="AK4108" s="99"/>
      <c r="AL4108" s="99"/>
      <c r="AM4108" s="99"/>
      <c r="AN4108" s="99"/>
      <c r="AO4108" s="99"/>
      <c r="AP4108" s="99"/>
      <c r="AQ4108" s="99"/>
      <c r="AR4108" s="99"/>
      <c r="AS4108" s="99"/>
      <c r="AT4108" s="99"/>
      <c r="AU4108" s="99"/>
      <c r="AV4108" s="99"/>
      <c r="AW4108" s="99"/>
      <c r="AX4108" s="99"/>
      <c r="AY4108" s="99"/>
      <c r="AZ4108" s="99"/>
      <c r="BA4108" s="99"/>
      <c r="BB4108" s="107">
        <v>45884</v>
      </c>
    </row>
    <row r="4109" spans="1:54" s="238" customFormat="1" ht="13.95" customHeight="1" x14ac:dyDescent="0.25">
      <c r="A4109" s="236" t="s">
        <v>9012</v>
      </c>
      <c r="B4109" s="220" t="s">
        <v>8672</v>
      </c>
      <c r="C4109" s="190" t="s">
        <v>9013</v>
      </c>
      <c r="D4109" s="190" t="s">
        <v>9014</v>
      </c>
      <c r="E4109" s="237">
        <v>1975</v>
      </c>
      <c r="F4109" s="237">
        <v>200</v>
      </c>
      <c r="G4109" s="190" t="s">
        <v>1</v>
      </c>
      <c r="H4109" s="190">
        <v>0</v>
      </c>
      <c r="I4109" s="190">
        <v>0</v>
      </c>
      <c r="J4109" s="190">
        <v>0</v>
      </c>
      <c r="K4109" s="190">
        <v>0</v>
      </c>
      <c r="L4109" s="190">
        <v>1</v>
      </c>
      <c r="M4109" s="190">
        <v>0</v>
      </c>
      <c r="N4109" s="190">
        <v>0</v>
      </c>
      <c r="O4109" s="190">
        <v>0</v>
      </c>
      <c r="P4109" s="190">
        <v>1</v>
      </c>
      <c r="Q4109" s="190">
        <v>0</v>
      </c>
      <c r="R4109" s="190">
        <v>0</v>
      </c>
      <c r="S4109" s="190">
        <v>0</v>
      </c>
      <c r="T4109" s="190">
        <v>0</v>
      </c>
      <c r="U4109" s="99"/>
      <c r="V4109" s="99"/>
      <c r="W4109" s="99"/>
      <c r="X4109" s="99"/>
      <c r="Y4109" s="99"/>
      <c r="Z4109" s="99"/>
      <c r="AA4109" s="99"/>
      <c r="AB4109" s="99"/>
      <c r="AC4109" s="99"/>
      <c r="AD4109" s="99"/>
      <c r="AE4109" s="99"/>
      <c r="AF4109" s="99"/>
      <c r="AG4109" s="99"/>
      <c r="AH4109" s="99"/>
      <c r="AI4109" s="99"/>
      <c r="AJ4109" s="99"/>
      <c r="AK4109" s="99"/>
      <c r="AL4109" s="99"/>
      <c r="AM4109" s="99"/>
      <c r="AN4109" s="99"/>
      <c r="AO4109" s="99"/>
      <c r="AP4109" s="99"/>
      <c r="AQ4109" s="99"/>
      <c r="AR4109" s="99"/>
      <c r="AS4109" s="99"/>
      <c r="AT4109" s="99"/>
      <c r="AU4109" s="99"/>
      <c r="AV4109" s="99"/>
      <c r="AW4109" s="99"/>
      <c r="AX4109" s="99"/>
      <c r="AY4109" s="99"/>
      <c r="AZ4109" s="99"/>
      <c r="BA4109" s="99"/>
      <c r="BB4109" s="107">
        <v>45884</v>
      </c>
    </row>
    <row r="4110" spans="1:54" s="238" customFormat="1" ht="13.95" customHeight="1" x14ac:dyDescent="0.25">
      <c r="A4110" s="236" t="s">
        <v>9015</v>
      </c>
      <c r="B4110" s="220" t="s">
        <v>8672</v>
      </c>
      <c r="C4110" s="190" t="s">
        <v>9016</v>
      </c>
      <c r="D4110" s="190" t="s">
        <v>9017</v>
      </c>
      <c r="E4110" s="237">
        <v>2013</v>
      </c>
      <c r="F4110" s="237">
        <v>200</v>
      </c>
      <c r="G4110" s="190" t="s">
        <v>1</v>
      </c>
      <c r="H4110" s="190">
        <v>0</v>
      </c>
      <c r="I4110" s="190">
        <v>0</v>
      </c>
      <c r="J4110" s="190">
        <v>0</v>
      </c>
      <c r="K4110" s="190">
        <v>1</v>
      </c>
      <c r="L4110" s="190">
        <v>0</v>
      </c>
      <c r="M4110" s="190">
        <v>0</v>
      </c>
      <c r="N4110" s="190">
        <v>1</v>
      </c>
      <c r="O4110" s="190">
        <v>0</v>
      </c>
      <c r="P4110" s="190">
        <v>0</v>
      </c>
      <c r="Q4110" s="190">
        <v>0</v>
      </c>
      <c r="R4110" s="190">
        <v>0</v>
      </c>
      <c r="S4110" s="190">
        <v>0</v>
      </c>
      <c r="T4110" s="190">
        <v>0</v>
      </c>
      <c r="U4110" s="99"/>
      <c r="V4110" s="99"/>
      <c r="W4110" s="99"/>
      <c r="X4110" s="99"/>
      <c r="Y4110" s="99"/>
      <c r="Z4110" s="99"/>
      <c r="AA4110" s="99"/>
      <c r="AB4110" s="99"/>
      <c r="AC4110" s="99"/>
      <c r="AD4110" s="99"/>
      <c r="AE4110" s="99"/>
      <c r="AF4110" s="99"/>
      <c r="AG4110" s="99"/>
      <c r="AH4110" s="99"/>
      <c r="AI4110" s="99"/>
      <c r="AJ4110" s="99"/>
      <c r="AK4110" s="99"/>
      <c r="AL4110" s="99"/>
      <c r="AM4110" s="99"/>
      <c r="AN4110" s="99"/>
      <c r="AO4110" s="99"/>
      <c r="AP4110" s="99"/>
      <c r="AQ4110" s="99"/>
      <c r="AR4110" s="99"/>
      <c r="AS4110" s="99"/>
      <c r="AT4110" s="99"/>
      <c r="AU4110" s="99"/>
      <c r="AV4110" s="99"/>
      <c r="AW4110" s="99"/>
      <c r="AX4110" s="99"/>
      <c r="AY4110" s="99"/>
      <c r="AZ4110" s="99"/>
      <c r="BA4110" s="99"/>
      <c r="BB4110" s="107">
        <v>45884</v>
      </c>
    </row>
    <row r="4111" spans="1:54" s="238" customFormat="1" ht="13.95" customHeight="1" x14ac:dyDescent="0.25">
      <c r="A4111" s="236" t="s">
        <v>9018</v>
      </c>
      <c r="B4111" s="220" t="s">
        <v>8672</v>
      </c>
      <c r="C4111" s="190" t="s">
        <v>9019</v>
      </c>
      <c r="D4111" s="190" t="s">
        <v>9020</v>
      </c>
      <c r="E4111" s="237">
        <v>1975</v>
      </c>
      <c r="F4111" s="237">
        <v>200</v>
      </c>
      <c r="G4111" s="190" t="s">
        <v>1</v>
      </c>
      <c r="H4111" s="190">
        <v>0</v>
      </c>
      <c r="I4111" s="190">
        <v>0</v>
      </c>
      <c r="J4111" s="190">
        <v>1</v>
      </c>
      <c r="K4111" s="190">
        <v>0</v>
      </c>
      <c r="L4111" s="190">
        <v>1</v>
      </c>
      <c r="M4111" s="190">
        <v>0</v>
      </c>
      <c r="N4111" s="190">
        <v>0</v>
      </c>
      <c r="O4111" s="190">
        <v>0</v>
      </c>
      <c r="P4111" s="190">
        <v>1</v>
      </c>
      <c r="Q4111" s="190">
        <v>0</v>
      </c>
      <c r="R4111" s="190">
        <v>0</v>
      </c>
      <c r="S4111" s="190">
        <v>0</v>
      </c>
      <c r="T4111" s="190">
        <v>0</v>
      </c>
      <c r="U4111" s="99"/>
      <c r="V4111" s="99"/>
      <c r="W4111" s="99"/>
      <c r="X4111" s="99"/>
      <c r="Y4111" s="99"/>
      <c r="Z4111" s="99"/>
      <c r="AA4111" s="99"/>
      <c r="AB4111" s="99"/>
      <c r="AC4111" s="99"/>
      <c r="AD4111" s="99"/>
      <c r="AE4111" s="99"/>
      <c r="AF4111" s="99"/>
      <c r="AG4111" s="99"/>
      <c r="AH4111" s="99"/>
      <c r="AI4111" s="99"/>
      <c r="AJ4111" s="99"/>
      <c r="AK4111" s="99"/>
      <c r="AL4111" s="99"/>
      <c r="AM4111" s="99"/>
      <c r="AN4111" s="99"/>
      <c r="AO4111" s="99"/>
      <c r="AP4111" s="99"/>
      <c r="AQ4111" s="99"/>
      <c r="AR4111" s="99"/>
      <c r="AS4111" s="99"/>
      <c r="AT4111" s="99"/>
      <c r="AU4111" s="99"/>
      <c r="AV4111" s="99"/>
      <c r="AW4111" s="99"/>
      <c r="AX4111" s="99"/>
      <c r="AY4111" s="99"/>
      <c r="AZ4111" s="99"/>
      <c r="BA4111" s="99"/>
      <c r="BB4111" s="107">
        <v>45884</v>
      </c>
    </row>
    <row r="4112" spans="1:54" s="238" customFormat="1" ht="13.95" customHeight="1" x14ac:dyDescent="0.25">
      <c r="A4112" s="236" t="s">
        <v>9021</v>
      </c>
      <c r="B4112" s="220" t="s">
        <v>8672</v>
      </c>
      <c r="C4112" s="190" t="s">
        <v>9022</v>
      </c>
      <c r="D4112" s="190" t="s">
        <v>9023</v>
      </c>
      <c r="E4112" s="237">
        <v>2013</v>
      </c>
      <c r="F4112" s="237">
        <v>200</v>
      </c>
      <c r="G4112" s="190" t="s">
        <v>1</v>
      </c>
      <c r="H4112" s="190">
        <v>0</v>
      </c>
      <c r="I4112" s="190">
        <v>0</v>
      </c>
      <c r="J4112" s="190">
        <v>0</v>
      </c>
      <c r="K4112" s="190">
        <v>1</v>
      </c>
      <c r="L4112" s="190">
        <v>0</v>
      </c>
      <c r="M4112" s="190">
        <v>0</v>
      </c>
      <c r="N4112" s="190">
        <v>0</v>
      </c>
      <c r="O4112" s="190">
        <v>0</v>
      </c>
      <c r="P4112" s="190">
        <v>1</v>
      </c>
      <c r="Q4112" s="190">
        <v>0</v>
      </c>
      <c r="R4112" s="190">
        <v>0</v>
      </c>
      <c r="S4112" s="190">
        <v>0</v>
      </c>
      <c r="T4112" s="190">
        <v>0</v>
      </c>
      <c r="U4112" s="99"/>
      <c r="V4112" s="99"/>
      <c r="W4112" s="99"/>
      <c r="X4112" s="99"/>
      <c r="Y4112" s="99"/>
      <c r="Z4112" s="99"/>
      <c r="AA4112" s="99"/>
      <c r="AB4112" s="99"/>
      <c r="AC4112" s="99"/>
      <c r="AD4112" s="99"/>
      <c r="AE4112" s="99"/>
      <c r="AF4112" s="99"/>
      <c r="AG4112" s="99"/>
      <c r="AH4112" s="99"/>
      <c r="AI4112" s="99"/>
      <c r="AJ4112" s="99"/>
      <c r="AK4112" s="99"/>
      <c r="AL4112" s="99"/>
      <c r="AM4112" s="99"/>
      <c r="AN4112" s="99"/>
      <c r="AO4112" s="99"/>
      <c r="AP4112" s="99"/>
      <c r="AQ4112" s="99"/>
      <c r="AR4112" s="99"/>
      <c r="AS4112" s="99"/>
      <c r="AT4112" s="99"/>
      <c r="AU4112" s="99"/>
      <c r="AV4112" s="99"/>
      <c r="AW4112" s="99"/>
      <c r="AX4112" s="99"/>
      <c r="AY4112" s="99"/>
      <c r="AZ4112" s="99"/>
      <c r="BA4112" s="99"/>
      <c r="BB4112" s="107">
        <v>45884</v>
      </c>
    </row>
    <row r="4113" spans="1:54" s="238" customFormat="1" ht="13.95" customHeight="1" x14ac:dyDescent="0.25">
      <c r="A4113" s="236" t="s">
        <v>9024</v>
      </c>
      <c r="B4113" s="220" t="s">
        <v>8672</v>
      </c>
      <c r="C4113" s="190" t="s">
        <v>9025</v>
      </c>
      <c r="D4113" s="190" t="s">
        <v>9026</v>
      </c>
      <c r="E4113" s="237">
        <v>2007</v>
      </c>
      <c r="F4113" s="237">
        <v>200</v>
      </c>
      <c r="G4113" s="190" t="s">
        <v>1</v>
      </c>
      <c r="H4113" s="190">
        <v>0</v>
      </c>
      <c r="I4113" s="190">
        <v>0</v>
      </c>
      <c r="J4113" s="190">
        <v>0</v>
      </c>
      <c r="K4113" s="190">
        <v>0</v>
      </c>
      <c r="L4113" s="190">
        <v>0</v>
      </c>
      <c r="M4113" s="190">
        <v>0</v>
      </c>
      <c r="N4113" s="190">
        <v>0</v>
      </c>
      <c r="O4113" s="190">
        <v>0</v>
      </c>
      <c r="P4113" s="190">
        <v>0</v>
      </c>
      <c r="Q4113" s="190">
        <v>0</v>
      </c>
      <c r="R4113" s="190">
        <v>0</v>
      </c>
      <c r="S4113" s="190">
        <v>0</v>
      </c>
      <c r="T4113" s="190">
        <v>0</v>
      </c>
      <c r="U4113" s="99"/>
      <c r="V4113" s="99"/>
      <c r="W4113" s="99"/>
      <c r="X4113" s="99"/>
      <c r="Y4113" s="99"/>
      <c r="Z4113" s="99"/>
      <c r="AA4113" s="99"/>
      <c r="AB4113" s="99"/>
      <c r="AC4113" s="99"/>
      <c r="AD4113" s="99"/>
      <c r="AE4113" s="99"/>
      <c r="AF4113" s="99"/>
      <c r="AG4113" s="99"/>
      <c r="AH4113" s="99"/>
      <c r="AI4113" s="99"/>
      <c r="AJ4113" s="99"/>
      <c r="AK4113" s="99"/>
      <c r="AL4113" s="99"/>
      <c r="AM4113" s="99"/>
      <c r="AN4113" s="99"/>
      <c r="AO4113" s="99"/>
      <c r="AP4113" s="99"/>
      <c r="AQ4113" s="99"/>
      <c r="AR4113" s="99"/>
      <c r="AS4113" s="99"/>
      <c r="AT4113" s="99"/>
      <c r="AU4113" s="99"/>
      <c r="AV4113" s="99"/>
      <c r="AW4113" s="99"/>
      <c r="AX4113" s="99"/>
      <c r="AY4113" s="99"/>
      <c r="AZ4113" s="99"/>
      <c r="BA4113" s="99"/>
      <c r="BB4113" s="107">
        <v>45884</v>
      </c>
    </row>
    <row r="4114" spans="1:54" s="238" customFormat="1" ht="13.95" customHeight="1" x14ac:dyDescent="0.25">
      <c r="A4114" s="236" t="s">
        <v>9027</v>
      </c>
      <c r="B4114" s="220" t="s">
        <v>8672</v>
      </c>
      <c r="C4114" s="190" t="s">
        <v>9028</v>
      </c>
      <c r="D4114" s="190" t="s">
        <v>9029</v>
      </c>
      <c r="E4114" s="237">
        <v>2007</v>
      </c>
      <c r="F4114" s="237">
        <v>200</v>
      </c>
      <c r="G4114" s="190" t="s">
        <v>1</v>
      </c>
      <c r="H4114" s="190">
        <v>0</v>
      </c>
      <c r="I4114" s="190">
        <v>0</v>
      </c>
      <c r="J4114" s="190">
        <v>1</v>
      </c>
      <c r="K4114" s="190">
        <v>0</v>
      </c>
      <c r="L4114" s="190">
        <v>0</v>
      </c>
      <c r="M4114" s="190">
        <v>1</v>
      </c>
      <c r="N4114" s="190">
        <v>0</v>
      </c>
      <c r="O4114" s="190">
        <v>0</v>
      </c>
      <c r="P4114" s="190">
        <v>0</v>
      </c>
      <c r="Q4114" s="190">
        <v>0</v>
      </c>
      <c r="R4114" s="190">
        <v>0</v>
      </c>
      <c r="S4114" s="190">
        <v>0</v>
      </c>
      <c r="T4114" s="190">
        <v>0</v>
      </c>
      <c r="U4114" s="99"/>
      <c r="V4114" s="99"/>
      <c r="W4114" s="99"/>
      <c r="X4114" s="99"/>
      <c r="Y4114" s="99"/>
      <c r="Z4114" s="99"/>
      <c r="AA4114" s="99"/>
      <c r="AB4114" s="99"/>
      <c r="AC4114" s="99"/>
      <c r="AD4114" s="99"/>
      <c r="AE4114" s="99"/>
      <c r="AF4114" s="99"/>
      <c r="AG4114" s="99"/>
      <c r="AH4114" s="99"/>
      <c r="AI4114" s="99"/>
      <c r="AJ4114" s="99"/>
      <c r="AK4114" s="99"/>
      <c r="AL4114" s="99"/>
      <c r="AM4114" s="99"/>
      <c r="AN4114" s="99"/>
      <c r="AO4114" s="99"/>
      <c r="AP4114" s="99"/>
      <c r="AQ4114" s="99"/>
      <c r="AR4114" s="99"/>
      <c r="AS4114" s="99"/>
      <c r="AT4114" s="99"/>
      <c r="AU4114" s="99"/>
      <c r="AV4114" s="99"/>
      <c r="AW4114" s="99"/>
      <c r="AX4114" s="99"/>
      <c r="AY4114" s="99"/>
      <c r="AZ4114" s="99"/>
      <c r="BA4114" s="99"/>
      <c r="BB4114" s="107">
        <v>45884</v>
      </c>
    </row>
    <row r="4115" spans="1:54" s="238" customFormat="1" ht="13.95" customHeight="1" x14ac:dyDescent="0.25">
      <c r="A4115" s="236" t="s">
        <v>9030</v>
      </c>
      <c r="B4115" s="220" t="s">
        <v>8672</v>
      </c>
      <c r="C4115" s="190" t="s">
        <v>9031</v>
      </c>
      <c r="D4115" s="190" t="s">
        <v>9032</v>
      </c>
      <c r="E4115" s="237">
        <v>1983</v>
      </c>
      <c r="F4115" s="237">
        <v>200</v>
      </c>
      <c r="G4115" s="190" t="s">
        <v>1</v>
      </c>
      <c r="H4115" s="190">
        <v>0</v>
      </c>
      <c r="I4115" s="190">
        <v>0</v>
      </c>
      <c r="J4115" s="190">
        <v>0</v>
      </c>
      <c r="K4115" s="190">
        <v>0</v>
      </c>
      <c r="L4115" s="190">
        <v>1</v>
      </c>
      <c r="M4115" s="190">
        <v>0</v>
      </c>
      <c r="N4115" s="190">
        <v>0</v>
      </c>
      <c r="O4115" s="190">
        <v>0</v>
      </c>
      <c r="P4115" s="190">
        <v>1</v>
      </c>
      <c r="Q4115" s="190">
        <v>0</v>
      </c>
      <c r="R4115" s="190">
        <v>0</v>
      </c>
      <c r="S4115" s="190">
        <v>0</v>
      </c>
      <c r="T4115" s="190">
        <v>0</v>
      </c>
      <c r="U4115" s="99"/>
      <c r="V4115" s="99"/>
      <c r="W4115" s="99"/>
      <c r="X4115" s="99"/>
      <c r="Y4115" s="99"/>
      <c r="Z4115" s="99"/>
      <c r="AA4115" s="99"/>
      <c r="AB4115" s="99"/>
      <c r="AC4115" s="99"/>
      <c r="AD4115" s="99"/>
      <c r="AE4115" s="99"/>
      <c r="AF4115" s="99"/>
      <c r="AG4115" s="99"/>
      <c r="AH4115" s="99"/>
      <c r="AI4115" s="99"/>
      <c r="AJ4115" s="99"/>
      <c r="AK4115" s="99"/>
      <c r="AL4115" s="99"/>
      <c r="AM4115" s="99"/>
      <c r="AN4115" s="99"/>
      <c r="AO4115" s="99"/>
      <c r="AP4115" s="99"/>
      <c r="AQ4115" s="99"/>
      <c r="AR4115" s="99"/>
      <c r="AS4115" s="99"/>
      <c r="AT4115" s="99"/>
      <c r="AU4115" s="99"/>
      <c r="AV4115" s="99"/>
      <c r="AW4115" s="99"/>
      <c r="AX4115" s="99"/>
      <c r="AY4115" s="99"/>
      <c r="AZ4115" s="99"/>
      <c r="BA4115" s="99"/>
      <c r="BB4115" s="107">
        <v>45884</v>
      </c>
    </row>
    <row r="4116" spans="1:54" s="238" customFormat="1" ht="13.95" customHeight="1" x14ac:dyDescent="0.25">
      <c r="A4116" s="236" t="s">
        <v>9033</v>
      </c>
      <c r="B4116" s="220" t="s">
        <v>8672</v>
      </c>
      <c r="C4116" s="190" t="s">
        <v>9034</v>
      </c>
      <c r="D4116" s="190" t="s">
        <v>9035</v>
      </c>
      <c r="E4116" s="237">
        <v>2007</v>
      </c>
      <c r="F4116" s="237">
        <v>200</v>
      </c>
      <c r="G4116" s="190" t="s">
        <v>1</v>
      </c>
      <c r="H4116" s="190">
        <v>0</v>
      </c>
      <c r="I4116" s="190">
        <v>0</v>
      </c>
      <c r="J4116" s="190">
        <v>0</v>
      </c>
      <c r="K4116" s="190">
        <v>0</v>
      </c>
      <c r="L4116" s="190">
        <v>0</v>
      </c>
      <c r="M4116" s="190">
        <v>0</v>
      </c>
      <c r="N4116" s="190">
        <v>0</v>
      </c>
      <c r="O4116" s="190">
        <v>1</v>
      </c>
      <c r="P4116" s="190">
        <v>0</v>
      </c>
      <c r="Q4116" s="190">
        <v>0</v>
      </c>
      <c r="R4116" s="190">
        <v>0</v>
      </c>
      <c r="S4116" s="190">
        <v>1</v>
      </c>
      <c r="T4116" s="190">
        <v>0</v>
      </c>
      <c r="U4116" s="99"/>
      <c r="V4116" s="99"/>
      <c r="W4116" s="99"/>
      <c r="X4116" s="99"/>
      <c r="Y4116" s="99"/>
      <c r="Z4116" s="99"/>
      <c r="AA4116" s="99"/>
      <c r="AB4116" s="99"/>
      <c r="AC4116" s="99"/>
      <c r="AD4116" s="99"/>
      <c r="AE4116" s="99"/>
      <c r="AF4116" s="99"/>
      <c r="AG4116" s="99"/>
      <c r="AH4116" s="99"/>
      <c r="AI4116" s="99"/>
      <c r="AJ4116" s="99"/>
      <c r="AK4116" s="99"/>
      <c r="AL4116" s="99"/>
      <c r="AM4116" s="99"/>
      <c r="AN4116" s="99"/>
      <c r="AO4116" s="99"/>
      <c r="AP4116" s="99"/>
      <c r="AQ4116" s="99"/>
      <c r="AR4116" s="99"/>
      <c r="AS4116" s="99"/>
      <c r="AT4116" s="99"/>
      <c r="AU4116" s="99"/>
      <c r="AV4116" s="99"/>
      <c r="AW4116" s="99"/>
      <c r="AX4116" s="99"/>
      <c r="AY4116" s="99"/>
      <c r="AZ4116" s="99"/>
      <c r="BA4116" s="99"/>
      <c r="BB4116" s="107">
        <v>45884</v>
      </c>
    </row>
    <row r="4117" spans="1:54" s="238" customFormat="1" ht="13.95" customHeight="1" x14ac:dyDescent="0.25">
      <c r="A4117" s="236" t="s">
        <v>9036</v>
      </c>
      <c r="B4117" s="220" t="s">
        <v>8672</v>
      </c>
      <c r="C4117" s="190" t="s">
        <v>9037</v>
      </c>
      <c r="D4117" s="190" t="s">
        <v>9038</v>
      </c>
      <c r="E4117" s="237">
        <v>2008</v>
      </c>
      <c r="F4117" s="237">
        <v>200</v>
      </c>
      <c r="G4117" s="190" t="s">
        <v>1</v>
      </c>
      <c r="H4117" s="190">
        <v>0</v>
      </c>
      <c r="I4117" s="190">
        <v>0</v>
      </c>
      <c r="J4117" s="190">
        <v>1</v>
      </c>
      <c r="K4117" s="190">
        <v>1</v>
      </c>
      <c r="L4117" s="190">
        <v>0</v>
      </c>
      <c r="M4117" s="190">
        <v>0</v>
      </c>
      <c r="N4117" s="190">
        <v>0</v>
      </c>
      <c r="O4117" s="190">
        <v>0</v>
      </c>
      <c r="P4117" s="190">
        <v>1</v>
      </c>
      <c r="Q4117" s="190">
        <v>0</v>
      </c>
      <c r="R4117" s="190">
        <v>0</v>
      </c>
      <c r="S4117" s="190">
        <v>1</v>
      </c>
      <c r="T4117" s="190">
        <v>0</v>
      </c>
      <c r="U4117" s="99"/>
      <c r="V4117" s="99"/>
      <c r="W4117" s="99"/>
      <c r="X4117" s="99"/>
      <c r="Y4117" s="99"/>
      <c r="Z4117" s="99"/>
      <c r="AA4117" s="99"/>
      <c r="AB4117" s="99"/>
      <c r="AC4117" s="99"/>
      <c r="AD4117" s="99"/>
      <c r="AE4117" s="99"/>
      <c r="AF4117" s="99"/>
      <c r="AG4117" s="99"/>
      <c r="AH4117" s="99"/>
      <c r="AI4117" s="99"/>
      <c r="AJ4117" s="99"/>
      <c r="AK4117" s="99"/>
      <c r="AL4117" s="99"/>
      <c r="AM4117" s="99"/>
      <c r="AN4117" s="99"/>
      <c r="AO4117" s="99"/>
      <c r="AP4117" s="99"/>
      <c r="AQ4117" s="99"/>
      <c r="AR4117" s="99"/>
      <c r="AS4117" s="99"/>
      <c r="AT4117" s="99"/>
      <c r="AU4117" s="99"/>
      <c r="AV4117" s="99"/>
      <c r="AW4117" s="99"/>
      <c r="AX4117" s="99"/>
      <c r="AY4117" s="99"/>
      <c r="AZ4117" s="99"/>
      <c r="BA4117" s="99"/>
      <c r="BB4117" s="107">
        <v>45884</v>
      </c>
    </row>
    <row r="4118" spans="1:54" s="238" customFormat="1" ht="13.95" customHeight="1" x14ac:dyDescent="0.25">
      <c r="A4118" s="236" t="s">
        <v>9039</v>
      </c>
      <c r="B4118" s="220" t="s">
        <v>8672</v>
      </c>
      <c r="C4118" s="190" t="s">
        <v>9040</v>
      </c>
      <c r="D4118" s="190" t="s">
        <v>9041</v>
      </c>
      <c r="E4118" s="237">
        <v>2008</v>
      </c>
      <c r="F4118" s="237">
        <v>200</v>
      </c>
      <c r="G4118" s="190" t="s">
        <v>1</v>
      </c>
      <c r="H4118" s="190">
        <v>0</v>
      </c>
      <c r="I4118" s="190">
        <v>0</v>
      </c>
      <c r="J4118" s="190">
        <v>0</v>
      </c>
      <c r="K4118" s="190">
        <v>1</v>
      </c>
      <c r="L4118" s="190">
        <v>0</v>
      </c>
      <c r="M4118" s="190">
        <v>0</v>
      </c>
      <c r="N4118" s="190">
        <v>0</v>
      </c>
      <c r="O4118" s="190">
        <v>0</v>
      </c>
      <c r="P4118" s="190">
        <v>1</v>
      </c>
      <c r="Q4118" s="190">
        <v>0</v>
      </c>
      <c r="R4118" s="190">
        <v>0</v>
      </c>
      <c r="S4118" s="190">
        <v>0</v>
      </c>
      <c r="T4118" s="190">
        <v>0</v>
      </c>
      <c r="U4118" s="99"/>
      <c r="V4118" s="99"/>
      <c r="W4118" s="99"/>
      <c r="X4118" s="99"/>
      <c r="Y4118" s="99"/>
      <c r="Z4118" s="99"/>
      <c r="AA4118" s="99"/>
      <c r="AB4118" s="99"/>
      <c r="AC4118" s="99"/>
      <c r="AD4118" s="99"/>
      <c r="AE4118" s="99"/>
      <c r="AF4118" s="99"/>
      <c r="AG4118" s="99"/>
      <c r="AH4118" s="99"/>
      <c r="AI4118" s="99"/>
      <c r="AJ4118" s="99"/>
      <c r="AK4118" s="99"/>
      <c r="AL4118" s="99"/>
      <c r="AM4118" s="99"/>
      <c r="AN4118" s="99"/>
      <c r="AO4118" s="99"/>
      <c r="AP4118" s="99"/>
      <c r="AQ4118" s="99"/>
      <c r="AR4118" s="99"/>
      <c r="AS4118" s="99"/>
      <c r="AT4118" s="99"/>
      <c r="AU4118" s="99"/>
      <c r="AV4118" s="99"/>
      <c r="AW4118" s="99"/>
      <c r="AX4118" s="99"/>
      <c r="AY4118" s="99"/>
      <c r="AZ4118" s="99"/>
      <c r="BA4118" s="99"/>
      <c r="BB4118" s="107">
        <v>45884</v>
      </c>
    </row>
    <row r="4119" spans="1:54" s="238" customFormat="1" ht="13.95" customHeight="1" x14ac:dyDescent="0.25">
      <c r="A4119" s="236" t="s">
        <v>9042</v>
      </c>
      <c r="B4119" s="220" t="s">
        <v>8672</v>
      </c>
      <c r="C4119" s="190" t="s">
        <v>9043</v>
      </c>
      <c r="D4119" s="190" t="s">
        <v>9044</v>
      </c>
      <c r="E4119" s="237">
        <v>2010</v>
      </c>
      <c r="F4119" s="237">
        <v>200</v>
      </c>
      <c r="G4119" s="190" t="s">
        <v>1</v>
      </c>
      <c r="H4119" s="190">
        <v>0</v>
      </c>
      <c r="I4119" s="190">
        <v>0</v>
      </c>
      <c r="J4119" s="190">
        <v>0</v>
      </c>
      <c r="K4119" s="190">
        <v>0</v>
      </c>
      <c r="L4119" s="190">
        <v>0</v>
      </c>
      <c r="M4119" s="190">
        <v>0</v>
      </c>
      <c r="N4119" s="190">
        <v>0</v>
      </c>
      <c r="O4119" s="190">
        <v>0</v>
      </c>
      <c r="P4119" s="190">
        <v>1</v>
      </c>
      <c r="Q4119" s="190">
        <v>0</v>
      </c>
      <c r="R4119" s="190">
        <v>1</v>
      </c>
      <c r="S4119" s="190">
        <v>0</v>
      </c>
      <c r="T4119" s="190">
        <v>0</v>
      </c>
      <c r="U4119" s="99"/>
      <c r="V4119" s="99"/>
      <c r="W4119" s="99"/>
      <c r="X4119" s="99"/>
      <c r="Y4119" s="99"/>
      <c r="Z4119" s="99"/>
      <c r="AA4119" s="99"/>
      <c r="AB4119" s="99"/>
      <c r="AC4119" s="99"/>
      <c r="AD4119" s="99"/>
      <c r="AE4119" s="99"/>
      <c r="AF4119" s="99"/>
      <c r="AG4119" s="99"/>
      <c r="AH4119" s="99"/>
      <c r="AI4119" s="99"/>
      <c r="AJ4119" s="99"/>
      <c r="AK4119" s="99"/>
      <c r="AL4119" s="99"/>
      <c r="AM4119" s="99"/>
      <c r="AN4119" s="99"/>
      <c r="AO4119" s="99"/>
      <c r="AP4119" s="99"/>
      <c r="AQ4119" s="99"/>
      <c r="AR4119" s="99"/>
      <c r="AS4119" s="99"/>
      <c r="AT4119" s="99"/>
      <c r="AU4119" s="99"/>
      <c r="AV4119" s="99"/>
      <c r="AW4119" s="99"/>
      <c r="AX4119" s="99"/>
      <c r="AY4119" s="99"/>
      <c r="AZ4119" s="99"/>
      <c r="BA4119" s="99"/>
      <c r="BB4119" s="107">
        <v>45884</v>
      </c>
    </row>
    <row r="4120" spans="1:54" s="238" customFormat="1" ht="13.95" customHeight="1" x14ac:dyDescent="0.25">
      <c r="A4120" s="236" t="s">
        <v>9045</v>
      </c>
      <c r="B4120" s="220" t="s">
        <v>8672</v>
      </c>
      <c r="C4120" s="190" t="s">
        <v>9046</v>
      </c>
      <c r="D4120" s="190" t="s">
        <v>9047</v>
      </c>
      <c r="E4120" s="237">
        <v>1985</v>
      </c>
      <c r="F4120" s="237">
        <v>200</v>
      </c>
      <c r="G4120" s="190" t="s">
        <v>1</v>
      </c>
      <c r="H4120" s="190">
        <v>0</v>
      </c>
      <c r="I4120" s="190">
        <v>0</v>
      </c>
      <c r="J4120" s="190">
        <v>0</v>
      </c>
      <c r="K4120" s="190">
        <v>1</v>
      </c>
      <c r="L4120" s="190">
        <v>1</v>
      </c>
      <c r="M4120" s="190">
        <v>0</v>
      </c>
      <c r="N4120" s="190">
        <v>0</v>
      </c>
      <c r="O4120" s="190">
        <v>0</v>
      </c>
      <c r="P4120" s="190">
        <v>1</v>
      </c>
      <c r="Q4120" s="190">
        <v>0</v>
      </c>
      <c r="R4120" s="190">
        <v>0</v>
      </c>
      <c r="S4120" s="190">
        <v>0</v>
      </c>
      <c r="T4120" s="190">
        <v>0</v>
      </c>
      <c r="U4120" s="99"/>
      <c r="V4120" s="99"/>
      <c r="W4120" s="99"/>
      <c r="X4120" s="99"/>
      <c r="Y4120" s="99"/>
      <c r="Z4120" s="99"/>
      <c r="AA4120" s="99"/>
      <c r="AB4120" s="99"/>
      <c r="AC4120" s="99"/>
      <c r="AD4120" s="99"/>
      <c r="AE4120" s="99"/>
      <c r="AF4120" s="99"/>
      <c r="AG4120" s="99"/>
      <c r="AH4120" s="99"/>
      <c r="AI4120" s="99"/>
      <c r="AJ4120" s="99"/>
      <c r="AK4120" s="99"/>
      <c r="AL4120" s="99"/>
      <c r="AM4120" s="99"/>
      <c r="AN4120" s="99"/>
      <c r="AO4120" s="99"/>
      <c r="AP4120" s="99"/>
      <c r="AQ4120" s="99"/>
      <c r="AR4120" s="99"/>
      <c r="AS4120" s="99"/>
      <c r="AT4120" s="99"/>
      <c r="AU4120" s="99"/>
      <c r="AV4120" s="99"/>
      <c r="AW4120" s="99"/>
      <c r="AX4120" s="99"/>
      <c r="AY4120" s="99"/>
      <c r="AZ4120" s="99"/>
      <c r="BA4120" s="99"/>
      <c r="BB4120" s="107">
        <v>45884</v>
      </c>
    </row>
    <row r="4121" spans="1:54" s="238" customFormat="1" ht="13.95" customHeight="1" x14ac:dyDescent="0.25">
      <c r="A4121" s="236" t="s">
        <v>9048</v>
      </c>
      <c r="B4121" s="220" t="s">
        <v>8672</v>
      </c>
      <c r="C4121" s="190" t="s">
        <v>9049</v>
      </c>
      <c r="D4121" s="190" t="s">
        <v>9050</v>
      </c>
      <c r="E4121" s="237">
        <v>2010</v>
      </c>
      <c r="F4121" s="237">
        <v>200</v>
      </c>
      <c r="G4121" s="190" t="s">
        <v>1</v>
      </c>
      <c r="H4121" s="190">
        <v>0</v>
      </c>
      <c r="I4121" s="190">
        <v>0</v>
      </c>
      <c r="J4121" s="190">
        <v>0</v>
      </c>
      <c r="K4121" s="190">
        <v>1</v>
      </c>
      <c r="L4121" s="190">
        <v>0</v>
      </c>
      <c r="M4121" s="190">
        <v>1</v>
      </c>
      <c r="N4121" s="190">
        <v>0</v>
      </c>
      <c r="O4121" s="190">
        <v>0</v>
      </c>
      <c r="P4121" s="190">
        <v>0</v>
      </c>
      <c r="Q4121" s="190">
        <v>0</v>
      </c>
      <c r="R4121" s="190">
        <v>0</v>
      </c>
      <c r="S4121" s="190">
        <v>0</v>
      </c>
      <c r="T4121" s="190">
        <v>0</v>
      </c>
      <c r="U4121" s="99"/>
      <c r="V4121" s="99"/>
      <c r="W4121" s="99"/>
      <c r="X4121" s="99"/>
      <c r="Y4121" s="99"/>
      <c r="Z4121" s="99"/>
      <c r="AA4121" s="99"/>
      <c r="AB4121" s="99"/>
      <c r="AC4121" s="99"/>
      <c r="AD4121" s="99"/>
      <c r="AE4121" s="99"/>
      <c r="AF4121" s="99"/>
      <c r="AG4121" s="99"/>
      <c r="AH4121" s="99"/>
      <c r="AI4121" s="99"/>
      <c r="AJ4121" s="99"/>
      <c r="AK4121" s="99"/>
      <c r="AL4121" s="99"/>
      <c r="AM4121" s="99"/>
      <c r="AN4121" s="99"/>
      <c r="AO4121" s="99"/>
      <c r="AP4121" s="99"/>
      <c r="AQ4121" s="99"/>
      <c r="AR4121" s="99"/>
      <c r="AS4121" s="99"/>
      <c r="AT4121" s="99"/>
      <c r="AU4121" s="99"/>
      <c r="AV4121" s="99"/>
      <c r="AW4121" s="99"/>
      <c r="AX4121" s="99"/>
      <c r="AY4121" s="99"/>
      <c r="AZ4121" s="99"/>
      <c r="BA4121" s="99"/>
      <c r="BB4121" s="107">
        <v>45884</v>
      </c>
    </row>
    <row r="4122" spans="1:54" s="238" customFormat="1" ht="13.95" customHeight="1" x14ac:dyDescent="0.25">
      <c r="A4122" s="236" t="s">
        <v>9051</v>
      </c>
      <c r="B4122" s="220" t="s">
        <v>8672</v>
      </c>
      <c r="C4122" s="190" t="s">
        <v>9052</v>
      </c>
      <c r="D4122" s="190" t="s">
        <v>9053</v>
      </c>
      <c r="E4122" s="237">
        <v>1986</v>
      </c>
      <c r="F4122" s="237">
        <v>200</v>
      </c>
      <c r="G4122" s="190" t="s">
        <v>1</v>
      </c>
      <c r="H4122" s="190">
        <v>0</v>
      </c>
      <c r="I4122" s="190">
        <v>0</v>
      </c>
      <c r="J4122" s="190">
        <v>1</v>
      </c>
      <c r="K4122" s="190">
        <v>0</v>
      </c>
      <c r="L4122" s="190">
        <v>1</v>
      </c>
      <c r="M4122" s="190">
        <v>0</v>
      </c>
      <c r="N4122" s="190">
        <v>0</v>
      </c>
      <c r="O4122" s="190">
        <v>1</v>
      </c>
      <c r="P4122" s="190">
        <v>0</v>
      </c>
      <c r="Q4122" s="190">
        <v>0</v>
      </c>
      <c r="R4122" s="190">
        <v>1</v>
      </c>
      <c r="S4122" s="190">
        <v>0</v>
      </c>
      <c r="T4122" s="190">
        <v>0</v>
      </c>
      <c r="U4122" s="99"/>
      <c r="V4122" s="99"/>
      <c r="W4122" s="99"/>
      <c r="X4122" s="99"/>
      <c r="Y4122" s="99"/>
      <c r="Z4122" s="99"/>
      <c r="AA4122" s="99"/>
      <c r="AB4122" s="99"/>
      <c r="AC4122" s="99"/>
      <c r="AD4122" s="99"/>
      <c r="AE4122" s="99"/>
      <c r="AF4122" s="99"/>
      <c r="AG4122" s="99"/>
      <c r="AH4122" s="99"/>
      <c r="AI4122" s="99"/>
      <c r="AJ4122" s="99"/>
      <c r="AK4122" s="99"/>
      <c r="AL4122" s="99"/>
      <c r="AM4122" s="99"/>
      <c r="AN4122" s="99"/>
      <c r="AO4122" s="99"/>
      <c r="AP4122" s="99"/>
      <c r="AQ4122" s="99"/>
      <c r="AR4122" s="99"/>
      <c r="AS4122" s="99"/>
      <c r="AT4122" s="99"/>
      <c r="AU4122" s="99"/>
      <c r="AV4122" s="99"/>
      <c r="AW4122" s="99"/>
      <c r="AX4122" s="99"/>
      <c r="AY4122" s="99"/>
      <c r="AZ4122" s="99"/>
      <c r="BA4122" s="99"/>
      <c r="BB4122" s="107">
        <v>45884</v>
      </c>
    </row>
    <row r="4123" spans="1:54" s="238" customFormat="1" ht="13.95" customHeight="1" x14ac:dyDescent="0.25">
      <c r="A4123" s="236" t="s">
        <v>9054</v>
      </c>
      <c r="B4123" s="220" t="s">
        <v>8672</v>
      </c>
      <c r="C4123" s="190" t="s">
        <v>9055</v>
      </c>
      <c r="D4123" s="190" t="s">
        <v>9056</v>
      </c>
      <c r="E4123" s="237">
        <v>1987</v>
      </c>
      <c r="F4123" s="237">
        <v>200</v>
      </c>
      <c r="G4123" s="190" t="s">
        <v>1</v>
      </c>
      <c r="H4123" s="190">
        <v>0</v>
      </c>
      <c r="I4123" s="190">
        <v>0</v>
      </c>
      <c r="J4123" s="190">
        <v>0</v>
      </c>
      <c r="K4123" s="190">
        <v>1</v>
      </c>
      <c r="L4123" s="190">
        <v>1</v>
      </c>
      <c r="M4123" s="190">
        <v>0</v>
      </c>
      <c r="N4123" s="190">
        <v>0</v>
      </c>
      <c r="O4123" s="190">
        <v>0</v>
      </c>
      <c r="P4123" s="190">
        <v>1</v>
      </c>
      <c r="Q4123" s="190">
        <v>0</v>
      </c>
      <c r="R4123" s="190">
        <v>0</v>
      </c>
      <c r="S4123" s="190">
        <v>0</v>
      </c>
      <c r="T4123" s="190">
        <v>0</v>
      </c>
      <c r="U4123" s="99"/>
      <c r="V4123" s="99"/>
      <c r="W4123" s="99"/>
      <c r="X4123" s="99"/>
      <c r="Y4123" s="99"/>
      <c r="Z4123" s="99"/>
      <c r="AA4123" s="99"/>
      <c r="AB4123" s="99"/>
      <c r="AC4123" s="99"/>
      <c r="AD4123" s="99"/>
      <c r="AE4123" s="99"/>
      <c r="AF4123" s="99"/>
      <c r="AG4123" s="99"/>
      <c r="AH4123" s="99"/>
      <c r="AI4123" s="99"/>
      <c r="AJ4123" s="99"/>
      <c r="AK4123" s="99"/>
      <c r="AL4123" s="99"/>
      <c r="AM4123" s="99"/>
      <c r="AN4123" s="99"/>
      <c r="AO4123" s="99"/>
      <c r="AP4123" s="99"/>
      <c r="AQ4123" s="99"/>
      <c r="AR4123" s="99"/>
      <c r="AS4123" s="99"/>
      <c r="AT4123" s="99"/>
      <c r="AU4123" s="99"/>
      <c r="AV4123" s="99"/>
      <c r="AW4123" s="99"/>
      <c r="AX4123" s="99"/>
      <c r="AY4123" s="99"/>
      <c r="AZ4123" s="99"/>
      <c r="BA4123" s="99"/>
      <c r="BB4123" s="107">
        <v>45884</v>
      </c>
    </row>
    <row r="4124" spans="1:54" s="238" customFormat="1" ht="13.95" customHeight="1" x14ac:dyDescent="0.25">
      <c r="A4124" s="236" t="s">
        <v>9057</v>
      </c>
      <c r="B4124" s="220" t="s">
        <v>8672</v>
      </c>
      <c r="C4124" s="190" t="s">
        <v>9058</v>
      </c>
      <c r="D4124" s="190" t="s">
        <v>9059</v>
      </c>
      <c r="E4124" s="237">
        <v>2011</v>
      </c>
      <c r="F4124" s="237">
        <v>200</v>
      </c>
      <c r="G4124" s="190" t="s">
        <v>1</v>
      </c>
      <c r="H4124" s="190">
        <v>0</v>
      </c>
      <c r="I4124" s="190">
        <v>0</v>
      </c>
      <c r="J4124" s="190">
        <v>0</v>
      </c>
      <c r="K4124" s="190">
        <v>0</v>
      </c>
      <c r="L4124" s="190">
        <v>0</v>
      </c>
      <c r="M4124" s="190">
        <v>0</v>
      </c>
      <c r="N4124" s="190">
        <v>0</v>
      </c>
      <c r="O4124" s="190">
        <v>0</v>
      </c>
      <c r="P4124" s="190">
        <v>0</v>
      </c>
      <c r="Q4124" s="190">
        <v>0</v>
      </c>
      <c r="R4124" s="190">
        <v>1</v>
      </c>
      <c r="S4124" s="190">
        <v>0</v>
      </c>
      <c r="T4124" s="190">
        <v>0</v>
      </c>
      <c r="U4124" s="99"/>
      <c r="V4124" s="99"/>
      <c r="W4124" s="99"/>
      <c r="X4124" s="99"/>
      <c r="Y4124" s="99"/>
      <c r="Z4124" s="99"/>
      <c r="AA4124" s="99"/>
      <c r="AB4124" s="99"/>
      <c r="AC4124" s="99"/>
      <c r="AD4124" s="99"/>
      <c r="AE4124" s="99"/>
      <c r="AF4124" s="99"/>
      <c r="AG4124" s="99"/>
      <c r="AH4124" s="99"/>
      <c r="AI4124" s="99"/>
      <c r="AJ4124" s="99"/>
      <c r="AK4124" s="99"/>
      <c r="AL4124" s="99"/>
      <c r="AM4124" s="99"/>
      <c r="AN4124" s="99"/>
      <c r="AO4124" s="99"/>
      <c r="AP4124" s="99"/>
      <c r="AQ4124" s="99"/>
      <c r="AR4124" s="99"/>
      <c r="AS4124" s="99"/>
      <c r="AT4124" s="99"/>
      <c r="AU4124" s="99"/>
      <c r="AV4124" s="99"/>
      <c r="AW4124" s="99"/>
      <c r="AX4124" s="99"/>
      <c r="AY4124" s="99"/>
      <c r="AZ4124" s="99"/>
      <c r="BA4124" s="190" t="s">
        <v>8819</v>
      </c>
      <c r="BB4124" s="107">
        <v>45884</v>
      </c>
    </row>
    <row r="4125" spans="1:54" s="238" customFormat="1" ht="13.95" customHeight="1" x14ac:dyDescent="0.25">
      <c r="A4125" s="236" t="s">
        <v>9060</v>
      </c>
      <c r="B4125" s="220" t="s">
        <v>8672</v>
      </c>
      <c r="C4125" s="190" t="s">
        <v>9061</v>
      </c>
      <c r="D4125" s="190" t="s">
        <v>9062</v>
      </c>
      <c r="E4125" s="237">
        <v>2011</v>
      </c>
      <c r="F4125" s="237">
        <v>200</v>
      </c>
      <c r="G4125" s="190" t="s">
        <v>1</v>
      </c>
      <c r="H4125" s="190">
        <v>0</v>
      </c>
      <c r="I4125" s="190">
        <v>0</v>
      </c>
      <c r="J4125" s="190">
        <v>0</v>
      </c>
      <c r="K4125" s="190">
        <v>0</v>
      </c>
      <c r="L4125" s="190">
        <v>0</v>
      </c>
      <c r="M4125" s="190">
        <v>0</v>
      </c>
      <c r="N4125" s="190">
        <v>0</v>
      </c>
      <c r="O4125" s="190">
        <v>1</v>
      </c>
      <c r="P4125" s="190">
        <v>1</v>
      </c>
      <c r="Q4125" s="190">
        <v>1</v>
      </c>
      <c r="R4125" s="190">
        <v>1</v>
      </c>
      <c r="S4125" s="190">
        <v>0</v>
      </c>
      <c r="T4125" s="190">
        <v>0</v>
      </c>
      <c r="U4125" s="99"/>
      <c r="V4125" s="99"/>
      <c r="W4125" s="99"/>
      <c r="X4125" s="99"/>
      <c r="Y4125" s="99"/>
      <c r="Z4125" s="99"/>
      <c r="AA4125" s="99"/>
      <c r="AB4125" s="99"/>
      <c r="AC4125" s="99"/>
      <c r="AD4125" s="99"/>
      <c r="AE4125" s="99"/>
      <c r="AF4125" s="99"/>
      <c r="AG4125" s="99"/>
      <c r="AH4125" s="99"/>
      <c r="AI4125" s="99"/>
      <c r="AJ4125" s="99"/>
      <c r="AK4125" s="99"/>
      <c r="AL4125" s="99"/>
      <c r="AM4125" s="99"/>
      <c r="AN4125" s="99"/>
      <c r="AO4125" s="99"/>
      <c r="AP4125" s="99"/>
      <c r="AQ4125" s="99"/>
      <c r="AR4125" s="99"/>
      <c r="AS4125" s="99"/>
      <c r="AT4125" s="99"/>
      <c r="AU4125" s="99"/>
      <c r="AV4125" s="99"/>
      <c r="AW4125" s="99"/>
      <c r="AX4125" s="99"/>
      <c r="AY4125" s="99"/>
      <c r="AZ4125" s="99"/>
      <c r="BA4125" s="99"/>
      <c r="BB4125" s="107">
        <v>45884</v>
      </c>
    </row>
    <row r="4126" spans="1:54" s="238" customFormat="1" ht="13.95" customHeight="1" x14ac:dyDescent="0.25">
      <c r="A4126" s="236" t="s">
        <v>9063</v>
      </c>
      <c r="B4126" s="220" t="s">
        <v>8672</v>
      </c>
      <c r="C4126" s="190" t="s">
        <v>9064</v>
      </c>
      <c r="D4126" s="190" t="s">
        <v>9065</v>
      </c>
      <c r="E4126" s="237">
        <v>1977</v>
      </c>
      <c r="F4126" s="237">
        <v>200</v>
      </c>
      <c r="G4126" s="190" t="s">
        <v>1</v>
      </c>
      <c r="H4126" s="190">
        <v>0</v>
      </c>
      <c r="I4126" s="190">
        <v>0</v>
      </c>
      <c r="J4126" s="190">
        <v>0</v>
      </c>
      <c r="K4126" s="190">
        <v>1</v>
      </c>
      <c r="L4126" s="190">
        <v>0</v>
      </c>
      <c r="M4126" s="190">
        <v>0</v>
      </c>
      <c r="N4126" s="190">
        <v>0</v>
      </c>
      <c r="O4126" s="190">
        <v>0</v>
      </c>
      <c r="P4126" s="190">
        <v>0</v>
      </c>
      <c r="Q4126" s="190">
        <v>0</v>
      </c>
      <c r="R4126" s="190">
        <v>0</v>
      </c>
      <c r="S4126" s="190">
        <v>0</v>
      </c>
      <c r="T4126" s="190">
        <v>0</v>
      </c>
      <c r="U4126" s="99"/>
      <c r="V4126" s="99"/>
      <c r="W4126" s="99"/>
      <c r="X4126" s="99"/>
      <c r="Y4126" s="99"/>
      <c r="Z4126" s="99"/>
      <c r="AA4126" s="99"/>
      <c r="AB4126" s="99"/>
      <c r="AC4126" s="99"/>
      <c r="AD4126" s="99"/>
      <c r="AE4126" s="99"/>
      <c r="AF4126" s="99"/>
      <c r="AG4126" s="99"/>
      <c r="AH4126" s="99"/>
      <c r="AI4126" s="99"/>
      <c r="AJ4126" s="99"/>
      <c r="AK4126" s="99"/>
      <c r="AL4126" s="99"/>
      <c r="AM4126" s="99"/>
      <c r="AN4126" s="99"/>
      <c r="AO4126" s="99"/>
      <c r="AP4126" s="99"/>
      <c r="AQ4126" s="99"/>
      <c r="AR4126" s="99"/>
      <c r="AS4126" s="99"/>
      <c r="AT4126" s="99"/>
      <c r="AU4126" s="99"/>
      <c r="AV4126" s="99"/>
      <c r="AW4126" s="99"/>
      <c r="AX4126" s="99"/>
      <c r="AY4126" s="99"/>
      <c r="AZ4126" s="99"/>
      <c r="BA4126" s="99"/>
      <c r="BB4126" s="107">
        <v>45884</v>
      </c>
    </row>
    <row r="4127" spans="1:54" s="238" customFormat="1" ht="13.95" customHeight="1" x14ac:dyDescent="0.25">
      <c r="A4127" s="236" t="s">
        <v>9066</v>
      </c>
      <c r="B4127" s="220" t="s">
        <v>8672</v>
      </c>
      <c r="C4127" s="190" t="s">
        <v>9067</v>
      </c>
      <c r="D4127" s="190" t="s">
        <v>9068</v>
      </c>
      <c r="E4127" s="237">
        <v>1977</v>
      </c>
      <c r="F4127" s="237">
        <v>200</v>
      </c>
      <c r="G4127" s="190" t="s">
        <v>1</v>
      </c>
      <c r="H4127" s="190">
        <v>0</v>
      </c>
      <c r="I4127" s="190">
        <v>0</v>
      </c>
      <c r="J4127" s="190">
        <v>0</v>
      </c>
      <c r="K4127" s="190">
        <v>0</v>
      </c>
      <c r="L4127" s="190">
        <v>0</v>
      </c>
      <c r="M4127" s="190">
        <v>0</v>
      </c>
      <c r="N4127" s="190">
        <v>0</v>
      </c>
      <c r="O4127" s="190">
        <v>0</v>
      </c>
      <c r="P4127" s="190">
        <v>1</v>
      </c>
      <c r="Q4127" s="190">
        <v>0</v>
      </c>
      <c r="R4127" s="190">
        <v>0</v>
      </c>
      <c r="S4127" s="190">
        <v>0</v>
      </c>
      <c r="T4127" s="190">
        <v>0</v>
      </c>
      <c r="U4127" s="99"/>
      <c r="V4127" s="99"/>
      <c r="W4127" s="99"/>
      <c r="X4127" s="99"/>
      <c r="Y4127" s="99"/>
      <c r="Z4127" s="99"/>
      <c r="AA4127" s="99"/>
      <c r="AB4127" s="99"/>
      <c r="AC4127" s="99"/>
      <c r="AD4127" s="99"/>
      <c r="AE4127" s="99"/>
      <c r="AF4127" s="99"/>
      <c r="AG4127" s="99"/>
      <c r="AH4127" s="99"/>
      <c r="AI4127" s="99"/>
      <c r="AJ4127" s="99"/>
      <c r="AK4127" s="99"/>
      <c r="AL4127" s="99"/>
      <c r="AM4127" s="99"/>
      <c r="AN4127" s="99"/>
      <c r="AO4127" s="99"/>
      <c r="AP4127" s="99"/>
      <c r="AQ4127" s="99"/>
      <c r="AR4127" s="99"/>
      <c r="AS4127" s="99"/>
      <c r="AT4127" s="99"/>
      <c r="AU4127" s="99"/>
      <c r="AV4127" s="99"/>
      <c r="AW4127" s="99"/>
      <c r="AX4127" s="99"/>
      <c r="AY4127" s="99"/>
      <c r="AZ4127" s="99"/>
      <c r="BA4127" s="99"/>
      <c r="BB4127" s="107">
        <v>45884</v>
      </c>
    </row>
    <row r="4128" spans="1:54" s="238" customFormat="1" ht="13.95" customHeight="1" x14ac:dyDescent="0.25">
      <c r="A4128" s="236" t="s">
        <v>9069</v>
      </c>
      <c r="B4128" s="220" t="s">
        <v>8672</v>
      </c>
      <c r="C4128" s="190" t="s">
        <v>9070</v>
      </c>
      <c r="D4128" s="190" t="s">
        <v>9071</v>
      </c>
      <c r="E4128" s="237">
        <v>1979</v>
      </c>
      <c r="F4128" s="237">
        <v>200</v>
      </c>
      <c r="G4128" s="190" t="s">
        <v>1</v>
      </c>
      <c r="H4128" s="190">
        <v>0</v>
      </c>
      <c r="I4128" s="190">
        <v>0</v>
      </c>
      <c r="J4128" s="190">
        <v>0</v>
      </c>
      <c r="K4128" s="190">
        <v>0</v>
      </c>
      <c r="L4128" s="190">
        <v>1</v>
      </c>
      <c r="M4128" s="190">
        <v>0</v>
      </c>
      <c r="N4128" s="190">
        <v>0</v>
      </c>
      <c r="O4128" s="190">
        <v>0</v>
      </c>
      <c r="P4128" s="190">
        <v>0</v>
      </c>
      <c r="Q4128" s="190">
        <v>0</v>
      </c>
      <c r="R4128" s="190">
        <v>0</v>
      </c>
      <c r="S4128" s="190">
        <v>0</v>
      </c>
      <c r="T4128" s="190">
        <v>0</v>
      </c>
      <c r="U4128" s="99"/>
      <c r="V4128" s="99"/>
      <c r="W4128" s="99"/>
      <c r="X4128" s="99"/>
      <c r="Y4128" s="99"/>
      <c r="Z4128" s="99"/>
      <c r="AA4128" s="99"/>
      <c r="AB4128" s="99"/>
      <c r="AC4128" s="99"/>
      <c r="AD4128" s="99"/>
      <c r="AE4128" s="99"/>
      <c r="AF4128" s="99"/>
      <c r="AG4128" s="99"/>
      <c r="AH4128" s="99"/>
      <c r="AI4128" s="99"/>
      <c r="AJ4128" s="99"/>
      <c r="AK4128" s="99"/>
      <c r="AL4128" s="99"/>
      <c r="AM4128" s="99"/>
      <c r="AN4128" s="99"/>
      <c r="AO4128" s="99"/>
      <c r="AP4128" s="99"/>
      <c r="AQ4128" s="99"/>
      <c r="AR4128" s="99"/>
      <c r="AS4128" s="99"/>
      <c r="AT4128" s="99"/>
      <c r="AU4128" s="99"/>
      <c r="AV4128" s="99"/>
      <c r="AW4128" s="99"/>
      <c r="AX4128" s="99"/>
      <c r="AY4128" s="99"/>
      <c r="AZ4128" s="99"/>
      <c r="BA4128" s="190" t="s">
        <v>8878</v>
      </c>
      <c r="BB4128" s="107">
        <v>45884</v>
      </c>
    </row>
    <row r="4129" spans="1:54" s="238" customFormat="1" ht="13.95" customHeight="1" x14ac:dyDescent="0.25">
      <c r="A4129" s="236" t="s">
        <v>9072</v>
      </c>
      <c r="B4129" s="220" t="s">
        <v>8672</v>
      </c>
      <c r="C4129" s="190" t="s">
        <v>9073</v>
      </c>
      <c r="D4129" s="190" t="s">
        <v>8921</v>
      </c>
      <c r="E4129" s="237">
        <v>1979</v>
      </c>
      <c r="F4129" s="237">
        <v>200</v>
      </c>
      <c r="G4129" s="190" t="s">
        <v>1</v>
      </c>
      <c r="H4129" s="190">
        <v>0</v>
      </c>
      <c r="I4129" s="190">
        <v>0</v>
      </c>
      <c r="J4129" s="190">
        <v>0</v>
      </c>
      <c r="K4129" s="190">
        <v>0</v>
      </c>
      <c r="L4129" s="190">
        <v>0</v>
      </c>
      <c r="M4129" s="190">
        <v>0</v>
      </c>
      <c r="N4129" s="190">
        <v>0</v>
      </c>
      <c r="O4129" s="190">
        <v>0</v>
      </c>
      <c r="P4129" s="190">
        <v>0</v>
      </c>
      <c r="Q4129" s="190">
        <v>0</v>
      </c>
      <c r="R4129" s="190">
        <v>0</v>
      </c>
      <c r="S4129" s="190">
        <v>0</v>
      </c>
      <c r="T4129" s="190">
        <v>0</v>
      </c>
      <c r="U4129" s="99"/>
      <c r="V4129" s="99"/>
      <c r="W4129" s="99"/>
      <c r="X4129" s="99"/>
      <c r="Y4129" s="99"/>
      <c r="Z4129" s="99"/>
      <c r="AA4129" s="99"/>
      <c r="AB4129" s="99"/>
      <c r="AC4129" s="99"/>
      <c r="AD4129" s="99"/>
      <c r="AE4129" s="99"/>
      <c r="AF4129" s="99"/>
      <c r="AG4129" s="99"/>
      <c r="AH4129" s="99"/>
      <c r="AI4129" s="99"/>
      <c r="AJ4129" s="99"/>
      <c r="AK4129" s="99"/>
      <c r="AL4129" s="99"/>
      <c r="AM4129" s="99"/>
      <c r="AN4129" s="99"/>
      <c r="AO4129" s="99"/>
      <c r="AP4129" s="99"/>
      <c r="AQ4129" s="99"/>
      <c r="AR4129" s="99"/>
      <c r="AS4129" s="99"/>
      <c r="AT4129" s="99"/>
      <c r="AU4129" s="99"/>
      <c r="AV4129" s="99"/>
      <c r="AW4129" s="99"/>
      <c r="AX4129" s="99"/>
      <c r="AY4129" s="99"/>
      <c r="AZ4129" s="99"/>
      <c r="BA4129" s="99"/>
      <c r="BB4129" s="107">
        <v>45884</v>
      </c>
    </row>
    <row r="4130" spans="1:54" s="238" customFormat="1" ht="13.95" customHeight="1" x14ac:dyDescent="0.25">
      <c r="A4130" s="236" t="s">
        <v>9074</v>
      </c>
      <c r="B4130" s="220" t="s">
        <v>8672</v>
      </c>
      <c r="C4130" s="190" t="s">
        <v>9075</v>
      </c>
      <c r="D4130" s="190" t="s">
        <v>19919</v>
      </c>
      <c r="E4130" s="237">
        <v>1979</v>
      </c>
      <c r="F4130" s="237">
        <v>200</v>
      </c>
      <c r="G4130" s="190" t="s">
        <v>1</v>
      </c>
      <c r="H4130" s="190">
        <v>0</v>
      </c>
      <c r="I4130" s="190">
        <v>0</v>
      </c>
      <c r="J4130" s="190">
        <v>0</v>
      </c>
      <c r="K4130" s="190">
        <v>0</v>
      </c>
      <c r="L4130" s="190">
        <v>0</v>
      </c>
      <c r="M4130" s="190">
        <v>0</v>
      </c>
      <c r="N4130" s="190">
        <v>0</v>
      </c>
      <c r="O4130" s="190">
        <v>1</v>
      </c>
      <c r="P4130" s="190">
        <v>1</v>
      </c>
      <c r="Q4130" s="190">
        <v>0</v>
      </c>
      <c r="R4130" s="190">
        <v>0</v>
      </c>
      <c r="S4130" s="190">
        <v>0</v>
      </c>
      <c r="T4130" s="190">
        <v>0</v>
      </c>
      <c r="U4130" s="99"/>
      <c r="V4130" s="99"/>
      <c r="W4130" s="99"/>
      <c r="X4130" s="99"/>
      <c r="Y4130" s="99"/>
      <c r="Z4130" s="99"/>
      <c r="AA4130" s="99"/>
      <c r="AB4130" s="99"/>
      <c r="AC4130" s="99"/>
      <c r="AD4130" s="99"/>
      <c r="AE4130" s="99"/>
      <c r="AF4130" s="99"/>
      <c r="AG4130" s="99"/>
      <c r="AH4130" s="99"/>
      <c r="AI4130" s="99"/>
      <c r="AJ4130" s="99"/>
      <c r="AK4130" s="99"/>
      <c r="AL4130" s="99"/>
      <c r="AM4130" s="99"/>
      <c r="AN4130" s="99"/>
      <c r="AO4130" s="99"/>
      <c r="AP4130" s="99"/>
      <c r="AQ4130" s="99"/>
      <c r="AR4130" s="99"/>
      <c r="AS4130" s="99"/>
      <c r="AT4130" s="99"/>
      <c r="AU4130" s="99"/>
      <c r="AV4130" s="99"/>
      <c r="AW4130" s="99"/>
      <c r="AX4130" s="99"/>
      <c r="AY4130" s="99"/>
      <c r="AZ4130" s="99"/>
      <c r="BA4130" s="99"/>
      <c r="BB4130" s="107">
        <v>45884</v>
      </c>
    </row>
    <row r="4131" spans="1:54" s="238" customFormat="1" ht="13.95" customHeight="1" x14ac:dyDescent="0.25">
      <c r="A4131" s="236" t="s">
        <v>9076</v>
      </c>
      <c r="B4131" s="220" t="s">
        <v>8672</v>
      </c>
      <c r="C4131" s="190" t="s">
        <v>9077</v>
      </c>
      <c r="D4131" s="190" t="s">
        <v>9078</v>
      </c>
      <c r="E4131" s="237">
        <v>1997</v>
      </c>
      <c r="F4131" s="237">
        <v>200</v>
      </c>
      <c r="G4131" s="190" t="s">
        <v>1</v>
      </c>
      <c r="H4131" s="190">
        <v>0</v>
      </c>
      <c r="I4131" s="190">
        <v>0</v>
      </c>
      <c r="J4131" s="190">
        <v>0</v>
      </c>
      <c r="K4131" s="190">
        <v>1</v>
      </c>
      <c r="L4131" s="190">
        <v>0</v>
      </c>
      <c r="M4131" s="190">
        <v>0</v>
      </c>
      <c r="N4131" s="190">
        <v>0</v>
      </c>
      <c r="O4131" s="190">
        <v>0</v>
      </c>
      <c r="P4131" s="190">
        <v>1</v>
      </c>
      <c r="Q4131" s="190">
        <v>0</v>
      </c>
      <c r="R4131" s="190">
        <v>0</v>
      </c>
      <c r="S4131" s="190">
        <v>0</v>
      </c>
      <c r="T4131" s="190">
        <v>0</v>
      </c>
      <c r="U4131" s="99"/>
      <c r="V4131" s="99"/>
      <c r="W4131" s="99"/>
      <c r="X4131" s="99"/>
      <c r="Y4131" s="99"/>
      <c r="Z4131" s="99"/>
      <c r="AA4131" s="99"/>
      <c r="AB4131" s="99"/>
      <c r="AC4131" s="99"/>
      <c r="AD4131" s="99"/>
      <c r="AE4131" s="99"/>
      <c r="AF4131" s="99"/>
      <c r="AG4131" s="99"/>
      <c r="AH4131" s="99"/>
      <c r="AI4131" s="99"/>
      <c r="AJ4131" s="99"/>
      <c r="AK4131" s="99"/>
      <c r="AL4131" s="99"/>
      <c r="AM4131" s="99"/>
      <c r="AN4131" s="99"/>
      <c r="AO4131" s="99"/>
      <c r="AP4131" s="99"/>
      <c r="AQ4131" s="99"/>
      <c r="AR4131" s="99"/>
      <c r="AS4131" s="99"/>
      <c r="AT4131" s="99"/>
      <c r="AU4131" s="99"/>
      <c r="AV4131" s="99"/>
      <c r="AW4131" s="99"/>
      <c r="AX4131" s="99"/>
      <c r="AY4131" s="99"/>
      <c r="AZ4131" s="99"/>
      <c r="BA4131" s="99"/>
      <c r="BB4131" s="107">
        <v>45884</v>
      </c>
    </row>
    <row r="4132" spans="1:54" s="238" customFormat="1" ht="13.95" customHeight="1" x14ac:dyDescent="0.25">
      <c r="A4132" s="236" t="s">
        <v>9079</v>
      </c>
      <c r="B4132" s="220" t="s">
        <v>8672</v>
      </c>
      <c r="C4132" s="190" t="s">
        <v>9080</v>
      </c>
      <c r="D4132" s="190" t="s">
        <v>8739</v>
      </c>
      <c r="E4132" s="237">
        <v>1979</v>
      </c>
      <c r="F4132" s="237">
        <v>200</v>
      </c>
      <c r="G4132" s="190" t="s">
        <v>1</v>
      </c>
      <c r="H4132" s="190">
        <v>0</v>
      </c>
      <c r="I4132" s="190">
        <v>0</v>
      </c>
      <c r="J4132" s="190">
        <v>1</v>
      </c>
      <c r="K4132" s="190">
        <v>0</v>
      </c>
      <c r="L4132" s="190">
        <v>1</v>
      </c>
      <c r="M4132" s="190">
        <v>0</v>
      </c>
      <c r="N4132" s="190">
        <v>0</v>
      </c>
      <c r="O4132" s="190">
        <v>0</v>
      </c>
      <c r="P4132" s="190">
        <v>1</v>
      </c>
      <c r="Q4132" s="190">
        <v>0</v>
      </c>
      <c r="R4132" s="190">
        <v>0</v>
      </c>
      <c r="S4132" s="190">
        <v>0</v>
      </c>
      <c r="T4132" s="190">
        <v>0</v>
      </c>
      <c r="U4132" s="99"/>
      <c r="V4132" s="99"/>
      <c r="W4132" s="99"/>
      <c r="X4132" s="99"/>
      <c r="Y4132" s="99"/>
      <c r="Z4132" s="99"/>
      <c r="AA4132" s="99"/>
      <c r="AB4132" s="99"/>
      <c r="AC4132" s="99"/>
      <c r="AD4132" s="99"/>
      <c r="AE4132" s="99"/>
      <c r="AF4132" s="99"/>
      <c r="AG4132" s="99"/>
      <c r="AH4132" s="99"/>
      <c r="AI4132" s="99"/>
      <c r="AJ4132" s="99"/>
      <c r="AK4132" s="99"/>
      <c r="AL4132" s="99"/>
      <c r="AM4132" s="99"/>
      <c r="AN4132" s="99"/>
      <c r="AO4132" s="99"/>
      <c r="AP4132" s="99"/>
      <c r="AQ4132" s="99"/>
      <c r="AR4132" s="99"/>
      <c r="AS4132" s="99"/>
      <c r="AT4132" s="99"/>
      <c r="AU4132" s="99"/>
      <c r="AV4132" s="99"/>
      <c r="AW4132" s="99"/>
      <c r="AX4132" s="99"/>
      <c r="AY4132" s="99"/>
      <c r="AZ4132" s="99"/>
      <c r="BA4132" s="99"/>
      <c r="BB4132" s="107">
        <v>45884</v>
      </c>
    </row>
    <row r="4133" spans="1:54" s="238" customFormat="1" ht="13.95" customHeight="1" x14ac:dyDescent="0.25">
      <c r="A4133" s="236" t="s">
        <v>9081</v>
      </c>
      <c r="B4133" s="220" t="s">
        <v>8672</v>
      </c>
      <c r="C4133" s="190" t="s">
        <v>9082</v>
      </c>
      <c r="D4133" s="190" t="s">
        <v>9083</v>
      </c>
      <c r="E4133" s="237">
        <v>1979</v>
      </c>
      <c r="F4133" s="237">
        <v>200</v>
      </c>
      <c r="G4133" s="190" t="s">
        <v>1</v>
      </c>
      <c r="H4133" s="190">
        <v>0</v>
      </c>
      <c r="I4133" s="190">
        <v>0</v>
      </c>
      <c r="J4133" s="190">
        <v>0</v>
      </c>
      <c r="K4133" s="190">
        <v>0</v>
      </c>
      <c r="L4133" s="190">
        <v>1</v>
      </c>
      <c r="M4133" s="190">
        <v>0</v>
      </c>
      <c r="N4133" s="190">
        <v>0</v>
      </c>
      <c r="O4133" s="190">
        <v>0</v>
      </c>
      <c r="P4133" s="190">
        <v>0</v>
      </c>
      <c r="Q4133" s="190">
        <v>0</v>
      </c>
      <c r="R4133" s="190">
        <v>0</v>
      </c>
      <c r="S4133" s="190">
        <v>0</v>
      </c>
      <c r="T4133" s="190">
        <v>0</v>
      </c>
      <c r="U4133" s="99"/>
      <c r="V4133" s="99"/>
      <c r="W4133" s="99"/>
      <c r="X4133" s="99"/>
      <c r="Y4133" s="99"/>
      <c r="Z4133" s="99"/>
      <c r="AA4133" s="99"/>
      <c r="AB4133" s="99"/>
      <c r="AC4133" s="99"/>
      <c r="AD4133" s="99"/>
      <c r="AE4133" s="99"/>
      <c r="AF4133" s="99"/>
      <c r="AG4133" s="99"/>
      <c r="AH4133" s="99"/>
      <c r="AI4133" s="99"/>
      <c r="AJ4133" s="99"/>
      <c r="AK4133" s="99"/>
      <c r="AL4133" s="99"/>
      <c r="AM4133" s="99"/>
      <c r="AN4133" s="99"/>
      <c r="AO4133" s="99"/>
      <c r="AP4133" s="99"/>
      <c r="AQ4133" s="99"/>
      <c r="AR4133" s="99"/>
      <c r="AS4133" s="99"/>
      <c r="AT4133" s="99"/>
      <c r="AU4133" s="99"/>
      <c r="AV4133" s="99"/>
      <c r="AW4133" s="99"/>
      <c r="AX4133" s="99"/>
      <c r="AY4133" s="99"/>
      <c r="AZ4133" s="99"/>
      <c r="BA4133" s="99"/>
      <c r="BB4133" s="107">
        <v>45884</v>
      </c>
    </row>
    <row r="4134" spans="1:54" s="238" customFormat="1" ht="13.95" customHeight="1" x14ac:dyDescent="0.25">
      <c r="A4134" s="236" t="s">
        <v>9084</v>
      </c>
      <c r="B4134" s="220" t="s">
        <v>8672</v>
      </c>
      <c r="C4134" s="190" t="s">
        <v>9085</v>
      </c>
      <c r="D4134" s="190" t="s">
        <v>9086</v>
      </c>
      <c r="E4134" s="237">
        <v>1998</v>
      </c>
      <c r="F4134" s="237">
        <v>200</v>
      </c>
      <c r="G4134" s="190" t="s">
        <v>1</v>
      </c>
      <c r="H4134" s="190">
        <v>0</v>
      </c>
      <c r="I4134" s="190">
        <v>0</v>
      </c>
      <c r="J4134" s="190">
        <v>1</v>
      </c>
      <c r="K4134" s="190">
        <v>1</v>
      </c>
      <c r="L4134" s="190">
        <v>1</v>
      </c>
      <c r="M4134" s="190">
        <v>0</v>
      </c>
      <c r="N4134" s="190">
        <v>0</v>
      </c>
      <c r="O4134" s="190">
        <v>0</v>
      </c>
      <c r="P4134" s="190">
        <v>1</v>
      </c>
      <c r="Q4134" s="190">
        <v>0</v>
      </c>
      <c r="R4134" s="190">
        <v>0</v>
      </c>
      <c r="S4134" s="190">
        <v>0</v>
      </c>
      <c r="T4134" s="190">
        <v>0</v>
      </c>
      <c r="U4134" s="99"/>
      <c r="V4134" s="99"/>
      <c r="W4134" s="99"/>
      <c r="X4134" s="99"/>
      <c r="Y4134" s="99"/>
      <c r="Z4134" s="99"/>
      <c r="AA4134" s="99"/>
      <c r="AB4134" s="99"/>
      <c r="AC4134" s="99"/>
      <c r="AD4134" s="99"/>
      <c r="AE4134" s="99"/>
      <c r="AF4134" s="99"/>
      <c r="AG4134" s="99"/>
      <c r="AH4134" s="99"/>
      <c r="AI4134" s="99"/>
      <c r="AJ4134" s="99"/>
      <c r="AK4134" s="99"/>
      <c r="AL4134" s="99"/>
      <c r="AM4134" s="99"/>
      <c r="AN4134" s="99"/>
      <c r="AO4134" s="99"/>
      <c r="AP4134" s="99"/>
      <c r="AQ4134" s="99"/>
      <c r="AR4134" s="99"/>
      <c r="AS4134" s="99"/>
      <c r="AT4134" s="99"/>
      <c r="AU4134" s="99"/>
      <c r="AV4134" s="99"/>
      <c r="AW4134" s="99"/>
      <c r="AX4134" s="99"/>
      <c r="AY4134" s="99"/>
      <c r="AZ4134" s="99"/>
      <c r="BA4134" s="99"/>
      <c r="BB4134" s="107">
        <v>45884</v>
      </c>
    </row>
    <row r="4135" spans="1:54" s="238" customFormat="1" ht="13.95" customHeight="1" x14ac:dyDescent="0.25">
      <c r="A4135" s="236" t="s">
        <v>9087</v>
      </c>
      <c r="B4135" s="220" t="s">
        <v>8672</v>
      </c>
      <c r="C4135" s="190" t="s">
        <v>9088</v>
      </c>
      <c r="D4135" s="190" t="s">
        <v>9089</v>
      </c>
      <c r="E4135" s="237">
        <v>1981</v>
      </c>
      <c r="F4135" s="237">
        <v>200</v>
      </c>
      <c r="G4135" s="190" t="s">
        <v>1</v>
      </c>
      <c r="H4135" s="190">
        <v>0</v>
      </c>
      <c r="I4135" s="190">
        <v>0</v>
      </c>
      <c r="J4135" s="190">
        <v>0</v>
      </c>
      <c r="K4135" s="190">
        <v>0</v>
      </c>
      <c r="L4135" s="190">
        <v>0</v>
      </c>
      <c r="M4135" s="190">
        <v>0</v>
      </c>
      <c r="N4135" s="190">
        <v>0</v>
      </c>
      <c r="O4135" s="190">
        <v>0</v>
      </c>
      <c r="P4135" s="190">
        <v>1</v>
      </c>
      <c r="Q4135" s="190">
        <v>0</v>
      </c>
      <c r="R4135" s="190">
        <v>0</v>
      </c>
      <c r="S4135" s="190">
        <v>0</v>
      </c>
      <c r="T4135" s="190">
        <v>0</v>
      </c>
      <c r="U4135" s="99"/>
      <c r="V4135" s="99"/>
      <c r="W4135" s="99"/>
      <c r="X4135" s="99"/>
      <c r="Y4135" s="99"/>
      <c r="Z4135" s="99"/>
      <c r="AA4135" s="99"/>
      <c r="AB4135" s="99"/>
      <c r="AC4135" s="99"/>
      <c r="AD4135" s="99"/>
      <c r="AE4135" s="99"/>
      <c r="AF4135" s="99"/>
      <c r="AG4135" s="99"/>
      <c r="AH4135" s="99"/>
      <c r="AI4135" s="99"/>
      <c r="AJ4135" s="99"/>
      <c r="AK4135" s="99"/>
      <c r="AL4135" s="99"/>
      <c r="AM4135" s="99"/>
      <c r="AN4135" s="99"/>
      <c r="AO4135" s="99"/>
      <c r="AP4135" s="99"/>
      <c r="AQ4135" s="99"/>
      <c r="AR4135" s="99"/>
      <c r="AS4135" s="99"/>
      <c r="AT4135" s="99"/>
      <c r="AU4135" s="99"/>
      <c r="AV4135" s="99"/>
      <c r="AW4135" s="99"/>
      <c r="AX4135" s="99"/>
      <c r="AY4135" s="99"/>
      <c r="AZ4135" s="99"/>
      <c r="BA4135" s="99"/>
      <c r="BB4135" s="107">
        <v>45884</v>
      </c>
    </row>
    <row r="4136" spans="1:54" s="238" customFormat="1" ht="13.95" customHeight="1" x14ac:dyDescent="0.25">
      <c r="A4136" s="236" t="s">
        <v>9090</v>
      </c>
      <c r="B4136" s="220" t="s">
        <v>8672</v>
      </c>
      <c r="C4136" s="190" t="s">
        <v>9091</v>
      </c>
      <c r="D4136" s="190" t="s">
        <v>9092</v>
      </c>
      <c r="E4136" s="237">
        <v>1983</v>
      </c>
      <c r="F4136" s="237">
        <v>200</v>
      </c>
      <c r="G4136" s="190" t="s">
        <v>1</v>
      </c>
      <c r="H4136" s="190">
        <v>0</v>
      </c>
      <c r="I4136" s="190">
        <v>0</v>
      </c>
      <c r="J4136" s="190">
        <v>0</v>
      </c>
      <c r="K4136" s="190">
        <v>1</v>
      </c>
      <c r="L4136" s="190">
        <v>1</v>
      </c>
      <c r="M4136" s="190">
        <v>0</v>
      </c>
      <c r="N4136" s="190">
        <v>0</v>
      </c>
      <c r="O4136" s="190">
        <v>1</v>
      </c>
      <c r="P4136" s="190">
        <v>0</v>
      </c>
      <c r="Q4136" s="190">
        <v>0</v>
      </c>
      <c r="R4136" s="190">
        <v>0</v>
      </c>
      <c r="S4136" s="190">
        <v>0</v>
      </c>
      <c r="T4136" s="190">
        <v>0</v>
      </c>
      <c r="U4136" s="99"/>
      <c r="V4136" s="99"/>
      <c r="W4136" s="99"/>
      <c r="X4136" s="99"/>
      <c r="Y4136" s="99"/>
      <c r="Z4136" s="99"/>
      <c r="AA4136" s="99"/>
      <c r="AB4136" s="99"/>
      <c r="AC4136" s="99"/>
      <c r="AD4136" s="99"/>
      <c r="AE4136" s="99"/>
      <c r="AF4136" s="99"/>
      <c r="AG4136" s="99"/>
      <c r="AH4136" s="99"/>
      <c r="AI4136" s="99"/>
      <c r="AJ4136" s="99"/>
      <c r="AK4136" s="99"/>
      <c r="AL4136" s="99"/>
      <c r="AM4136" s="99"/>
      <c r="AN4136" s="99"/>
      <c r="AO4136" s="99"/>
      <c r="AP4136" s="99"/>
      <c r="AQ4136" s="99"/>
      <c r="AR4136" s="99"/>
      <c r="AS4136" s="99"/>
      <c r="AT4136" s="99"/>
      <c r="AU4136" s="99"/>
      <c r="AV4136" s="99"/>
      <c r="AW4136" s="99"/>
      <c r="AX4136" s="99"/>
      <c r="AY4136" s="99"/>
      <c r="AZ4136" s="99"/>
      <c r="BA4136" s="99"/>
      <c r="BB4136" s="107">
        <v>45884</v>
      </c>
    </row>
    <row r="4137" spans="1:54" s="238" customFormat="1" ht="13.95" customHeight="1" x14ac:dyDescent="0.25">
      <c r="A4137" s="236" t="s">
        <v>9093</v>
      </c>
      <c r="B4137" s="220" t="s">
        <v>8672</v>
      </c>
      <c r="C4137" s="190" t="s">
        <v>9094</v>
      </c>
      <c r="D4137" s="190" t="s">
        <v>9095</v>
      </c>
      <c r="E4137" s="237">
        <v>1993</v>
      </c>
      <c r="F4137" s="237">
        <v>200</v>
      </c>
      <c r="G4137" s="190" t="s">
        <v>1</v>
      </c>
      <c r="H4137" s="190">
        <v>0</v>
      </c>
      <c r="I4137" s="190">
        <v>0</v>
      </c>
      <c r="J4137" s="190">
        <v>1</v>
      </c>
      <c r="K4137" s="190">
        <v>1</v>
      </c>
      <c r="L4137" s="190">
        <v>1</v>
      </c>
      <c r="M4137" s="190">
        <v>1</v>
      </c>
      <c r="N4137" s="190">
        <v>0</v>
      </c>
      <c r="O4137" s="190">
        <v>1</v>
      </c>
      <c r="P4137" s="190">
        <v>1</v>
      </c>
      <c r="Q4137" s="190">
        <v>0</v>
      </c>
      <c r="R4137" s="190">
        <v>0</v>
      </c>
      <c r="S4137" s="190">
        <v>0</v>
      </c>
      <c r="T4137" s="190">
        <v>0</v>
      </c>
      <c r="U4137" s="99"/>
      <c r="V4137" s="99"/>
      <c r="W4137" s="99"/>
      <c r="X4137" s="99"/>
      <c r="Y4137" s="99"/>
      <c r="Z4137" s="99"/>
      <c r="AA4137" s="99"/>
      <c r="AB4137" s="99"/>
      <c r="AC4137" s="99"/>
      <c r="AD4137" s="99"/>
      <c r="AE4137" s="99"/>
      <c r="AF4137" s="99"/>
      <c r="AG4137" s="99"/>
      <c r="AH4137" s="99"/>
      <c r="AI4137" s="99"/>
      <c r="AJ4137" s="99"/>
      <c r="AK4137" s="99"/>
      <c r="AL4137" s="99"/>
      <c r="AM4137" s="99"/>
      <c r="AN4137" s="99"/>
      <c r="AO4137" s="99"/>
      <c r="AP4137" s="99"/>
      <c r="AQ4137" s="99"/>
      <c r="AR4137" s="99"/>
      <c r="AS4137" s="99"/>
      <c r="AT4137" s="99"/>
      <c r="AU4137" s="99"/>
      <c r="AV4137" s="99"/>
      <c r="AW4137" s="99"/>
      <c r="AX4137" s="99"/>
      <c r="AY4137" s="99"/>
      <c r="AZ4137" s="99"/>
      <c r="BA4137" s="99"/>
      <c r="BB4137" s="107">
        <v>45884</v>
      </c>
    </row>
    <row r="4138" spans="1:54" s="238" customFormat="1" ht="13.95" customHeight="1" x14ac:dyDescent="0.25">
      <c r="A4138" s="236" t="s">
        <v>9096</v>
      </c>
      <c r="B4138" s="220" t="s">
        <v>8672</v>
      </c>
      <c r="C4138" s="190" t="s">
        <v>9097</v>
      </c>
      <c r="D4138" s="190" t="s">
        <v>9098</v>
      </c>
      <c r="E4138" s="237">
        <v>2007</v>
      </c>
      <c r="F4138" s="237">
        <v>200</v>
      </c>
      <c r="G4138" s="190" t="s">
        <v>1</v>
      </c>
      <c r="H4138" s="190">
        <v>0</v>
      </c>
      <c r="I4138" s="190">
        <v>0</v>
      </c>
      <c r="J4138" s="190">
        <v>0</v>
      </c>
      <c r="K4138" s="190">
        <v>0</v>
      </c>
      <c r="L4138" s="190">
        <v>1</v>
      </c>
      <c r="M4138" s="190">
        <v>0</v>
      </c>
      <c r="N4138" s="190">
        <v>0</v>
      </c>
      <c r="O4138" s="190">
        <v>0</v>
      </c>
      <c r="P4138" s="190">
        <v>0</v>
      </c>
      <c r="Q4138" s="190">
        <v>0</v>
      </c>
      <c r="R4138" s="190">
        <v>1</v>
      </c>
      <c r="S4138" s="190">
        <v>0</v>
      </c>
      <c r="T4138" s="190">
        <v>0</v>
      </c>
      <c r="U4138" s="99"/>
      <c r="V4138" s="99"/>
      <c r="W4138" s="99"/>
      <c r="X4138" s="99"/>
      <c r="Y4138" s="99"/>
      <c r="Z4138" s="99"/>
      <c r="AA4138" s="99"/>
      <c r="AB4138" s="99"/>
      <c r="AC4138" s="99"/>
      <c r="AD4138" s="99"/>
      <c r="AE4138" s="99"/>
      <c r="AF4138" s="99"/>
      <c r="AG4138" s="99"/>
      <c r="AH4138" s="99"/>
      <c r="AI4138" s="99"/>
      <c r="AJ4138" s="99"/>
      <c r="AK4138" s="99"/>
      <c r="AL4138" s="99"/>
      <c r="AM4138" s="99"/>
      <c r="AN4138" s="99"/>
      <c r="AO4138" s="99"/>
      <c r="AP4138" s="99"/>
      <c r="AQ4138" s="99"/>
      <c r="AR4138" s="99"/>
      <c r="AS4138" s="99"/>
      <c r="AT4138" s="99"/>
      <c r="AU4138" s="99"/>
      <c r="AV4138" s="99"/>
      <c r="AW4138" s="99"/>
      <c r="AX4138" s="99"/>
      <c r="AY4138" s="99"/>
      <c r="AZ4138" s="99"/>
      <c r="BA4138" s="99"/>
      <c r="BB4138" s="107">
        <v>45884</v>
      </c>
    </row>
    <row r="4139" spans="1:54" s="238" customFormat="1" ht="13.95" customHeight="1" x14ac:dyDescent="0.25">
      <c r="A4139" s="236" t="s">
        <v>9099</v>
      </c>
      <c r="B4139" s="220" t="s">
        <v>8672</v>
      </c>
      <c r="C4139" s="190" t="s">
        <v>9100</v>
      </c>
      <c r="D4139" s="190" t="s">
        <v>9101</v>
      </c>
      <c r="E4139" s="237">
        <v>1975</v>
      </c>
      <c r="F4139" s="237">
        <v>200</v>
      </c>
      <c r="G4139" s="190" t="s">
        <v>1</v>
      </c>
      <c r="H4139" s="190">
        <v>0</v>
      </c>
      <c r="I4139" s="190">
        <v>0</v>
      </c>
      <c r="J4139" s="190">
        <v>0</v>
      </c>
      <c r="K4139" s="190">
        <v>0</v>
      </c>
      <c r="L4139" s="190">
        <v>0</v>
      </c>
      <c r="M4139" s="190">
        <v>0</v>
      </c>
      <c r="N4139" s="190">
        <v>0</v>
      </c>
      <c r="O4139" s="190">
        <v>1</v>
      </c>
      <c r="P4139" s="190">
        <v>0</v>
      </c>
      <c r="Q4139" s="190">
        <v>1</v>
      </c>
      <c r="R4139" s="190">
        <v>0</v>
      </c>
      <c r="S4139" s="190">
        <v>0</v>
      </c>
      <c r="T4139" s="190">
        <v>0</v>
      </c>
      <c r="U4139" s="99"/>
      <c r="V4139" s="99"/>
      <c r="W4139" s="99"/>
      <c r="X4139" s="99"/>
      <c r="Y4139" s="99"/>
      <c r="Z4139" s="99"/>
      <c r="AA4139" s="99"/>
      <c r="AB4139" s="99"/>
      <c r="AC4139" s="99"/>
      <c r="AD4139" s="99"/>
      <c r="AE4139" s="99"/>
      <c r="AF4139" s="99"/>
      <c r="AG4139" s="99"/>
      <c r="AH4139" s="99"/>
      <c r="AI4139" s="99"/>
      <c r="AJ4139" s="99"/>
      <c r="AK4139" s="99"/>
      <c r="AL4139" s="99"/>
      <c r="AM4139" s="99"/>
      <c r="AN4139" s="99"/>
      <c r="AO4139" s="99"/>
      <c r="AP4139" s="99"/>
      <c r="AQ4139" s="99"/>
      <c r="AR4139" s="99"/>
      <c r="AS4139" s="99"/>
      <c r="AT4139" s="99"/>
      <c r="AU4139" s="99"/>
      <c r="AV4139" s="99"/>
      <c r="AW4139" s="99"/>
      <c r="AX4139" s="99"/>
      <c r="AY4139" s="99"/>
      <c r="AZ4139" s="99"/>
      <c r="BA4139" s="99"/>
      <c r="BB4139" s="107">
        <v>45884</v>
      </c>
    </row>
    <row r="4140" spans="1:54" s="238" customFormat="1" ht="13.95" customHeight="1" x14ac:dyDescent="0.25">
      <c r="A4140" s="236" t="s">
        <v>9102</v>
      </c>
      <c r="B4140" s="220" t="s">
        <v>8672</v>
      </c>
      <c r="C4140" s="190" t="s">
        <v>9103</v>
      </c>
      <c r="D4140" s="190" t="s">
        <v>9104</v>
      </c>
      <c r="E4140" s="237">
        <v>1997</v>
      </c>
      <c r="F4140" s="237">
        <v>200</v>
      </c>
      <c r="G4140" s="190" t="s">
        <v>1</v>
      </c>
      <c r="H4140" s="190">
        <v>0</v>
      </c>
      <c r="I4140" s="190">
        <v>0</v>
      </c>
      <c r="J4140" s="190">
        <v>0</v>
      </c>
      <c r="K4140" s="190">
        <v>1</v>
      </c>
      <c r="L4140" s="190">
        <v>0</v>
      </c>
      <c r="M4140" s="190">
        <v>1</v>
      </c>
      <c r="N4140" s="190">
        <v>0</v>
      </c>
      <c r="O4140" s="190">
        <v>1</v>
      </c>
      <c r="P4140" s="190">
        <v>1</v>
      </c>
      <c r="Q4140" s="190">
        <v>1</v>
      </c>
      <c r="R4140" s="190">
        <v>0</v>
      </c>
      <c r="S4140" s="190">
        <v>0</v>
      </c>
      <c r="T4140" s="190">
        <v>0</v>
      </c>
      <c r="U4140" s="99"/>
      <c r="V4140" s="99"/>
      <c r="W4140" s="99"/>
      <c r="X4140" s="99"/>
      <c r="Y4140" s="99"/>
      <c r="Z4140" s="99"/>
      <c r="AA4140" s="99"/>
      <c r="AB4140" s="99"/>
      <c r="AC4140" s="99"/>
      <c r="AD4140" s="99"/>
      <c r="AE4140" s="99"/>
      <c r="AF4140" s="99"/>
      <c r="AG4140" s="99"/>
      <c r="AH4140" s="99"/>
      <c r="AI4140" s="99"/>
      <c r="AJ4140" s="99"/>
      <c r="AK4140" s="99"/>
      <c r="AL4140" s="99"/>
      <c r="AM4140" s="99"/>
      <c r="AN4140" s="99"/>
      <c r="AO4140" s="99"/>
      <c r="AP4140" s="99"/>
      <c r="AQ4140" s="99"/>
      <c r="AR4140" s="99"/>
      <c r="AS4140" s="99"/>
      <c r="AT4140" s="99"/>
      <c r="AU4140" s="99"/>
      <c r="AV4140" s="99"/>
      <c r="AW4140" s="99"/>
      <c r="AX4140" s="99"/>
      <c r="AY4140" s="99"/>
      <c r="AZ4140" s="99"/>
      <c r="BA4140" s="99"/>
      <c r="BB4140" s="107">
        <v>45884</v>
      </c>
    </row>
    <row r="4141" spans="1:54" s="238" customFormat="1" ht="13.95" customHeight="1" x14ac:dyDescent="0.25">
      <c r="A4141" s="236" t="s">
        <v>9105</v>
      </c>
      <c r="B4141" s="220" t="s">
        <v>8672</v>
      </c>
      <c r="C4141" s="190" t="s">
        <v>9106</v>
      </c>
      <c r="D4141" s="190" t="s">
        <v>9107</v>
      </c>
      <c r="E4141" s="237">
        <v>1986</v>
      </c>
      <c r="F4141" s="237">
        <v>300</v>
      </c>
      <c r="G4141" s="190" t="s">
        <v>1</v>
      </c>
      <c r="H4141" s="190">
        <v>0</v>
      </c>
      <c r="I4141" s="190">
        <v>0</v>
      </c>
      <c r="J4141" s="190">
        <v>0</v>
      </c>
      <c r="K4141" s="190">
        <v>1</v>
      </c>
      <c r="L4141" s="190">
        <v>0</v>
      </c>
      <c r="M4141" s="190">
        <v>0</v>
      </c>
      <c r="N4141" s="190">
        <v>0</v>
      </c>
      <c r="O4141" s="190">
        <v>0</v>
      </c>
      <c r="P4141" s="190">
        <v>1</v>
      </c>
      <c r="Q4141" s="190">
        <v>0</v>
      </c>
      <c r="R4141" s="190">
        <v>0</v>
      </c>
      <c r="S4141" s="190">
        <v>0</v>
      </c>
      <c r="T4141" s="190">
        <v>0</v>
      </c>
      <c r="U4141" s="99"/>
      <c r="V4141" s="99"/>
      <c r="W4141" s="99"/>
      <c r="X4141" s="99"/>
      <c r="Y4141" s="99"/>
      <c r="Z4141" s="99"/>
      <c r="AA4141" s="99"/>
      <c r="AB4141" s="99"/>
      <c r="AC4141" s="99"/>
      <c r="AD4141" s="99"/>
      <c r="AE4141" s="99"/>
      <c r="AF4141" s="99"/>
      <c r="AG4141" s="99"/>
      <c r="AH4141" s="99"/>
      <c r="AI4141" s="99"/>
      <c r="AJ4141" s="99"/>
      <c r="AK4141" s="99"/>
      <c r="AL4141" s="99"/>
      <c r="AM4141" s="99"/>
      <c r="AN4141" s="99"/>
      <c r="AO4141" s="99"/>
      <c r="AP4141" s="99"/>
      <c r="AQ4141" s="99"/>
      <c r="AR4141" s="99"/>
      <c r="AS4141" s="99"/>
      <c r="AT4141" s="99"/>
      <c r="AU4141" s="99"/>
      <c r="AV4141" s="99"/>
      <c r="AW4141" s="99"/>
      <c r="AX4141" s="99"/>
      <c r="AY4141" s="99"/>
      <c r="AZ4141" s="99"/>
      <c r="BA4141" s="99"/>
      <c r="BB4141" s="107">
        <v>45884</v>
      </c>
    </row>
    <row r="4142" spans="1:54" s="238" customFormat="1" ht="13.95" customHeight="1" x14ac:dyDescent="0.25">
      <c r="A4142" s="236" t="s">
        <v>9108</v>
      </c>
      <c r="B4142" s="220" t="s">
        <v>8672</v>
      </c>
      <c r="C4142" s="190" t="s">
        <v>9109</v>
      </c>
      <c r="D4142" s="190" t="s">
        <v>9110</v>
      </c>
      <c r="E4142" s="237">
        <v>1975</v>
      </c>
      <c r="F4142" s="237">
        <v>300</v>
      </c>
      <c r="G4142" s="190" t="s">
        <v>1</v>
      </c>
      <c r="H4142" s="190">
        <v>0</v>
      </c>
      <c r="I4142" s="190">
        <v>0</v>
      </c>
      <c r="J4142" s="190">
        <v>1</v>
      </c>
      <c r="K4142" s="190">
        <v>0</v>
      </c>
      <c r="L4142" s="190">
        <v>1</v>
      </c>
      <c r="M4142" s="190">
        <v>0</v>
      </c>
      <c r="N4142" s="190">
        <v>0</v>
      </c>
      <c r="O4142" s="190">
        <v>1</v>
      </c>
      <c r="P4142" s="190">
        <v>0</v>
      </c>
      <c r="Q4142" s="190">
        <v>0</v>
      </c>
      <c r="R4142" s="190">
        <v>1</v>
      </c>
      <c r="S4142" s="190">
        <v>0</v>
      </c>
      <c r="T4142" s="190">
        <v>0</v>
      </c>
      <c r="U4142" s="99"/>
      <c r="V4142" s="99"/>
      <c r="W4142" s="99"/>
      <c r="X4142" s="99"/>
      <c r="Y4142" s="99"/>
      <c r="Z4142" s="99"/>
      <c r="AA4142" s="99"/>
      <c r="AB4142" s="99"/>
      <c r="AC4142" s="99"/>
      <c r="AD4142" s="99"/>
      <c r="AE4142" s="99"/>
      <c r="AF4142" s="99"/>
      <c r="AG4142" s="99"/>
      <c r="AH4142" s="99"/>
      <c r="AI4142" s="99"/>
      <c r="AJ4142" s="99"/>
      <c r="AK4142" s="99"/>
      <c r="AL4142" s="99"/>
      <c r="AM4142" s="99"/>
      <c r="AN4142" s="99"/>
      <c r="AO4142" s="99"/>
      <c r="AP4142" s="99"/>
      <c r="AQ4142" s="99"/>
      <c r="AR4142" s="99"/>
      <c r="AS4142" s="99"/>
      <c r="AT4142" s="99"/>
      <c r="AU4142" s="99"/>
      <c r="AV4142" s="99"/>
      <c r="AW4142" s="99"/>
      <c r="AX4142" s="99"/>
      <c r="AY4142" s="99"/>
      <c r="AZ4142" s="99"/>
      <c r="BA4142" s="99"/>
      <c r="BB4142" s="107">
        <v>45884</v>
      </c>
    </row>
    <row r="4143" spans="1:54" s="238" customFormat="1" ht="13.95" customHeight="1" x14ac:dyDescent="0.25">
      <c r="A4143" s="236" t="s">
        <v>9111</v>
      </c>
      <c r="B4143" s="220" t="s">
        <v>8672</v>
      </c>
      <c r="C4143" s="190" t="s">
        <v>9112</v>
      </c>
      <c r="D4143" s="190" t="s">
        <v>9113</v>
      </c>
      <c r="E4143" s="237">
        <v>1996</v>
      </c>
      <c r="F4143" s="237">
        <v>300</v>
      </c>
      <c r="G4143" s="190" t="s">
        <v>1</v>
      </c>
      <c r="H4143" s="190">
        <v>0</v>
      </c>
      <c r="I4143" s="190">
        <v>0</v>
      </c>
      <c r="J4143" s="190">
        <v>0</v>
      </c>
      <c r="K4143" s="190">
        <v>1</v>
      </c>
      <c r="L4143" s="190">
        <v>0</v>
      </c>
      <c r="M4143" s="190">
        <v>1</v>
      </c>
      <c r="N4143" s="190">
        <v>0</v>
      </c>
      <c r="O4143" s="190">
        <v>0</v>
      </c>
      <c r="P4143" s="190">
        <v>1</v>
      </c>
      <c r="Q4143" s="190">
        <v>0</v>
      </c>
      <c r="R4143" s="190">
        <v>1</v>
      </c>
      <c r="S4143" s="190">
        <v>0</v>
      </c>
      <c r="T4143" s="190">
        <v>0</v>
      </c>
      <c r="U4143" s="99"/>
      <c r="V4143" s="99"/>
      <c r="W4143" s="99"/>
      <c r="X4143" s="99"/>
      <c r="Y4143" s="99"/>
      <c r="Z4143" s="99"/>
      <c r="AA4143" s="99"/>
      <c r="AB4143" s="99"/>
      <c r="AC4143" s="99"/>
      <c r="AD4143" s="99"/>
      <c r="AE4143" s="99"/>
      <c r="AF4143" s="99"/>
      <c r="AG4143" s="99"/>
      <c r="AH4143" s="99"/>
      <c r="AI4143" s="99"/>
      <c r="AJ4143" s="99"/>
      <c r="AK4143" s="99"/>
      <c r="AL4143" s="99"/>
      <c r="AM4143" s="99"/>
      <c r="AN4143" s="99"/>
      <c r="AO4143" s="99"/>
      <c r="AP4143" s="99"/>
      <c r="AQ4143" s="99"/>
      <c r="AR4143" s="99"/>
      <c r="AS4143" s="99"/>
      <c r="AT4143" s="99"/>
      <c r="AU4143" s="99"/>
      <c r="AV4143" s="99"/>
      <c r="AW4143" s="99"/>
      <c r="AX4143" s="99"/>
      <c r="AY4143" s="99"/>
      <c r="AZ4143" s="99"/>
      <c r="BA4143" s="99"/>
      <c r="BB4143" s="107">
        <v>45884</v>
      </c>
    </row>
    <row r="4144" spans="1:54" s="238" customFormat="1" ht="13.95" customHeight="1" x14ac:dyDescent="0.25">
      <c r="A4144" s="236" t="s">
        <v>9114</v>
      </c>
      <c r="B4144" s="220" t="s">
        <v>8672</v>
      </c>
      <c r="C4144" s="190" t="s">
        <v>9115</v>
      </c>
      <c r="D4144" s="190" t="s">
        <v>9116</v>
      </c>
      <c r="E4144" s="237">
        <v>2006</v>
      </c>
      <c r="F4144" s="237">
        <v>300</v>
      </c>
      <c r="G4144" s="190" t="s">
        <v>1</v>
      </c>
      <c r="H4144" s="190">
        <v>0</v>
      </c>
      <c r="I4144" s="190">
        <v>0</v>
      </c>
      <c r="J4144" s="190">
        <v>1</v>
      </c>
      <c r="K4144" s="190">
        <v>1</v>
      </c>
      <c r="L4144" s="190">
        <v>1</v>
      </c>
      <c r="M4144" s="190">
        <v>0</v>
      </c>
      <c r="N4144" s="190">
        <v>0</v>
      </c>
      <c r="O4144" s="190">
        <v>0</v>
      </c>
      <c r="P4144" s="190">
        <v>1</v>
      </c>
      <c r="Q4144" s="190">
        <v>0</v>
      </c>
      <c r="R4144" s="190">
        <v>0</v>
      </c>
      <c r="S4144" s="190">
        <v>0</v>
      </c>
      <c r="T4144" s="190">
        <v>0</v>
      </c>
      <c r="U4144" s="99"/>
      <c r="V4144" s="99"/>
      <c r="W4144" s="99"/>
      <c r="X4144" s="99"/>
      <c r="Y4144" s="99"/>
      <c r="Z4144" s="99"/>
      <c r="AA4144" s="99"/>
      <c r="AB4144" s="99"/>
      <c r="AC4144" s="99"/>
      <c r="AD4144" s="99"/>
      <c r="AE4144" s="99"/>
      <c r="AF4144" s="99"/>
      <c r="AG4144" s="99"/>
      <c r="AH4144" s="99"/>
      <c r="AI4144" s="99"/>
      <c r="AJ4144" s="99"/>
      <c r="AK4144" s="99"/>
      <c r="AL4144" s="99"/>
      <c r="AM4144" s="99"/>
      <c r="AN4144" s="99"/>
      <c r="AO4144" s="99"/>
      <c r="AP4144" s="99"/>
      <c r="AQ4144" s="99"/>
      <c r="AR4144" s="99"/>
      <c r="AS4144" s="99"/>
      <c r="AT4144" s="99"/>
      <c r="AU4144" s="99"/>
      <c r="AV4144" s="99"/>
      <c r="AW4144" s="99"/>
      <c r="AX4144" s="99"/>
      <c r="AY4144" s="99"/>
      <c r="AZ4144" s="99"/>
      <c r="BA4144" s="99"/>
      <c r="BB4144" s="107">
        <v>45884</v>
      </c>
    </row>
    <row r="4145" spans="1:54" s="238" customFormat="1" ht="13.95" customHeight="1" x14ac:dyDescent="0.25">
      <c r="A4145" s="236" t="s">
        <v>9117</v>
      </c>
      <c r="B4145" s="220" t="s">
        <v>8672</v>
      </c>
      <c r="C4145" s="190" t="s">
        <v>9118</v>
      </c>
      <c r="D4145" s="190" t="s">
        <v>9119</v>
      </c>
      <c r="E4145" s="237">
        <v>1998</v>
      </c>
      <c r="F4145" s="237">
        <v>300</v>
      </c>
      <c r="G4145" s="190" t="s">
        <v>1</v>
      </c>
      <c r="H4145" s="190">
        <v>0</v>
      </c>
      <c r="I4145" s="190">
        <v>0</v>
      </c>
      <c r="J4145" s="190">
        <v>1</v>
      </c>
      <c r="K4145" s="190">
        <v>1</v>
      </c>
      <c r="L4145" s="190">
        <v>1</v>
      </c>
      <c r="M4145" s="190">
        <v>1</v>
      </c>
      <c r="N4145" s="190">
        <v>0</v>
      </c>
      <c r="O4145" s="190">
        <v>1</v>
      </c>
      <c r="P4145" s="190">
        <v>1</v>
      </c>
      <c r="Q4145" s="190">
        <v>1</v>
      </c>
      <c r="R4145" s="190">
        <v>1</v>
      </c>
      <c r="S4145" s="190">
        <v>0</v>
      </c>
      <c r="T4145" s="190">
        <v>0</v>
      </c>
      <c r="U4145" s="99"/>
      <c r="V4145" s="99"/>
      <c r="W4145" s="99"/>
      <c r="X4145" s="99"/>
      <c r="Y4145" s="99"/>
      <c r="Z4145" s="99"/>
      <c r="AA4145" s="99"/>
      <c r="AB4145" s="99"/>
      <c r="AC4145" s="99"/>
      <c r="AD4145" s="99"/>
      <c r="AE4145" s="99"/>
      <c r="AF4145" s="99"/>
      <c r="AG4145" s="99"/>
      <c r="AH4145" s="99"/>
      <c r="AI4145" s="99"/>
      <c r="AJ4145" s="99"/>
      <c r="AK4145" s="99"/>
      <c r="AL4145" s="99"/>
      <c r="AM4145" s="99"/>
      <c r="AN4145" s="99"/>
      <c r="AO4145" s="99"/>
      <c r="AP4145" s="99"/>
      <c r="AQ4145" s="99"/>
      <c r="AR4145" s="99"/>
      <c r="AS4145" s="99"/>
      <c r="AT4145" s="99"/>
      <c r="AU4145" s="99"/>
      <c r="AV4145" s="99"/>
      <c r="AW4145" s="99"/>
      <c r="AX4145" s="99"/>
      <c r="AY4145" s="99"/>
      <c r="AZ4145" s="99"/>
      <c r="BA4145" s="99"/>
      <c r="BB4145" s="107">
        <v>45884</v>
      </c>
    </row>
    <row r="4146" spans="1:54" s="238" customFormat="1" ht="13.95" customHeight="1" x14ac:dyDescent="0.25">
      <c r="A4146" s="236" t="s">
        <v>9120</v>
      </c>
      <c r="B4146" s="220" t="s">
        <v>8672</v>
      </c>
      <c r="C4146" s="190" t="s">
        <v>9121</v>
      </c>
      <c r="D4146" s="190" t="s">
        <v>9122</v>
      </c>
      <c r="E4146" s="237">
        <v>2000</v>
      </c>
      <c r="F4146" s="237">
        <v>300</v>
      </c>
      <c r="G4146" s="190" t="s">
        <v>1</v>
      </c>
      <c r="H4146" s="190">
        <v>0</v>
      </c>
      <c r="I4146" s="190">
        <v>0</v>
      </c>
      <c r="J4146" s="190">
        <v>1</v>
      </c>
      <c r="K4146" s="190">
        <v>1</v>
      </c>
      <c r="L4146" s="190">
        <v>1</v>
      </c>
      <c r="M4146" s="190">
        <v>0</v>
      </c>
      <c r="N4146" s="190">
        <v>0</v>
      </c>
      <c r="O4146" s="190">
        <v>0</v>
      </c>
      <c r="P4146" s="190">
        <v>1</v>
      </c>
      <c r="Q4146" s="190">
        <v>0</v>
      </c>
      <c r="R4146" s="190">
        <v>1</v>
      </c>
      <c r="S4146" s="190">
        <v>0</v>
      </c>
      <c r="T4146" s="190">
        <v>0</v>
      </c>
      <c r="U4146" s="99"/>
      <c r="V4146" s="99"/>
      <c r="W4146" s="99"/>
      <c r="X4146" s="99"/>
      <c r="Y4146" s="99"/>
      <c r="Z4146" s="99"/>
      <c r="AA4146" s="99"/>
      <c r="AB4146" s="99"/>
      <c r="AC4146" s="99"/>
      <c r="AD4146" s="99"/>
      <c r="AE4146" s="99"/>
      <c r="AF4146" s="99"/>
      <c r="AG4146" s="99"/>
      <c r="AH4146" s="99"/>
      <c r="AI4146" s="99"/>
      <c r="AJ4146" s="99"/>
      <c r="AK4146" s="99"/>
      <c r="AL4146" s="99"/>
      <c r="AM4146" s="99"/>
      <c r="AN4146" s="99"/>
      <c r="AO4146" s="99"/>
      <c r="AP4146" s="99"/>
      <c r="AQ4146" s="99"/>
      <c r="AR4146" s="99"/>
      <c r="AS4146" s="99"/>
      <c r="AT4146" s="99"/>
      <c r="AU4146" s="99"/>
      <c r="AV4146" s="99"/>
      <c r="AW4146" s="99"/>
      <c r="AX4146" s="99"/>
      <c r="AY4146" s="99"/>
      <c r="AZ4146" s="99"/>
      <c r="BA4146" s="99"/>
      <c r="BB4146" s="107">
        <v>45884</v>
      </c>
    </row>
    <row r="4147" spans="1:54" s="238" customFormat="1" ht="13.95" customHeight="1" x14ac:dyDescent="0.25">
      <c r="A4147" s="236" t="s">
        <v>9123</v>
      </c>
      <c r="B4147" s="220" t="s">
        <v>8672</v>
      </c>
      <c r="C4147" s="190" t="s">
        <v>9124</v>
      </c>
      <c r="D4147" s="190" t="s">
        <v>9125</v>
      </c>
      <c r="E4147" s="237">
        <v>2010</v>
      </c>
      <c r="F4147" s="237">
        <v>300</v>
      </c>
      <c r="G4147" s="190" t="s">
        <v>1</v>
      </c>
      <c r="H4147" s="190">
        <v>0</v>
      </c>
      <c r="I4147" s="190">
        <v>0</v>
      </c>
      <c r="J4147" s="190">
        <v>0</v>
      </c>
      <c r="K4147" s="190">
        <v>0</v>
      </c>
      <c r="L4147" s="190">
        <v>1</v>
      </c>
      <c r="M4147" s="190">
        <v>0</v>
      </c>
      <c r="N4147" s="190">
        <v>0</v>
      </c>
      <c r="O4147" s="190">
        <v>1</v>
      </c>
      <c r="P4147" s="190">
        <v>1</v>
      </c>
      <c r="Q4147" s="190">
        <v>0</v>
      </c>
      <c r="R4147" s="190">
        <v>1</v>
      </c>
      <c r="S4147" s="190">
        <v>0</v>
      </c>
      <c r="T4147" s="190">
        <v>0</v>
      </c>
      <c r="U4147" s="99"/>
      <c r="V4147" s="99"/>
      <c r="W4147" s="99"/>
      <c r="X4147" s="99"/>
      <c r="Y4147" s="99"/>
      <c r="Z4147" s="99"/>
      <c r="AA4147" s="99"/>
      <c r="AB4147" s="99"/>
      <c r="AC4147" s="99"/>
      <c r="AD4147" s="99"/>
      <c r="AE4147" s="99"/>
      <c r="AF4147" s="99"/>
      <c r="AG4147" s="99"/>
      <c r="AH4147" s="99"/>
      <c r="AI4147" s="99"/>
      <c r="AJ4147" s="99"/>
      <c r="AK4147" s="99"/>
      <c r="AL4147" s="99"/>
      <c r="AM4147" s="99"/>
      <c r="AN4147" s="99"/>
      <c r="AO4147" s="99"/>
      <c r="AP4147" s="99"/>
      <c r="AQ4147" s="99"/>
      <c r="AR4147" s="99"/>
      <c r="AS4147" s="99"/>
      <c r="AT4147" s="99"/>
      <c r="AU4147" s="99"/>
      <c r="AV4147" s="99"/>
      <c r="AW4147" s="99"/>
      <c r="AX4147" s="99"/>
      <c r="AY4147" s="99"/>
      <c r="AZ4147" s="99"/>
      <c r="BA4147" s="190" t="s">
        <v>8819</v>
      </c>
      <c r="BB4147" s="107">
        <v>45884</v>
      </c>
    </row>
    <row r="4148" spans="1:54" s="238" customFormat="1" ht="13.95" customHeight="1" x14ac:dyDescent="0.25">
      <c r="A4148" s="236" t="s">
        <v>9126</v>
      </c>
      <c r="B4148" s="220" t="s">
        <v>8672</v>
      </c>
      <c r="C4148" s="190" t="s">
        <v>9127</v>
      </c>
      <c r="D4148" s="190" t="s">
        <v>9128</v>
      </c>
      <c r="E4148" s="237">
        <v>2001</v>
      </c>
      <c r="F4148" s="237">
        <v>300</v>
      </c>
      <c r="G4148" s="190" t="s">
        <v>1</v>
      </c>
      <c r="H4148" s="190">
        <v>0</v>
      </c>
      <c r="I4148" s="190">
        <v>0</v>
      </c>
      <c r="J4148" s="190">
        <v>1</v>
      </c>
      <c r="K4148" s="190">
        <v>1</v>
      </c>
      <c r="L4148" s="190">
        <v>0</v>
      </c>
      <c r="M4148" s="190">
        <v>1</v>
      </c>
      <c r="N4148" s="190">
        <v>1</v>
      </c>
      <c r="O4148" s="190">
        <v>0</v>
      </c>
      <c r="P4148" s="190">
        <v>1</v>
      </c>
      <c r="Q4148" s="190">
        <v>0</v>
      </c>
      <c r="R4148" s="190">
        <v>1</v>
      </c>
      <c r="S4148" s="190">
        <v>0</v>
      </c>
      <c r="T4148" s="190">
        <v>0</v>
      </c>
      <c r="U4148" s="99"/>
      <c r="V4148" s="99"/>
      <c r="W4148" s="99"/>
      <c r="X4148" s="99"/>
      <c r="Y4148" s="99"/>
      <c r="Z4148" s="99"/>
      <c r="AA4148" s="99"/>
      <c r="AB4148" s="99"/>
      <c r="AC4148" s="99"/>
      <c r="AD4148" s="99"/>
      <c r="AE4148" s="99"/>
      <c r="AF4148" s="99"/>
      <c r="AG4148" s="99"/>
      <c r="AH4148" s="99"/>
      <c r="AI4148" s="99"/>
      <c r="AJ4148" s="99"/>
      <c r="AK4148" s="99"/>
      <c r="AL4148" s="99"/>
      <c r="AM4148" s="99"/>
      <c r="AN4148" s="99"/>
      <c r="AO4148" s="99"/>
      <c r="AP4148" s="99"/>
      <c r="AQ4148" s="99"/>
      <c r="AR4148" s="99"/>
      <c r="AS4148" s="99"/>
      <c r="AT4148" s="99"/>
      <c r="AU4148" s="99"/>
      <c r="AV4148" s="99"/>
      <c r="AW4148" s="99"/>
      <c r="AX4148" s="99"/>
      <c r="AY4148" s="99"/>
      <c r="AZ4148" s="99"/>
      <c r="BA4148" s="99"/>
      <c r="BB4148" s="107">
        <v>45884</v>
      </c>
    </row>
    <row r="4149" spans="1:54" s="238" customFormat="1" ht="13.95" customHeight="1" x14ac:dyDescent="0.25">
      <c r="A4149" s="236" t="s">
        <v>9129</v>
      </c>
      <c r="B4149" s="220" t="s">
        <v>8672</v>
      </c>
      <c r="C4149" s="190" t="s">
        <v>9130</v>
      </c>
      <c r="D4149" s="190" t="s">
        <v>9131</v>
      </c>
      <c r="E4149" s="237">
        <v>2001</v>
      </c>
      <c r="F4149" s="237">
        <v>300</v>
      </c>
      <c r="G4149" s="190" t="s">
        <v>1</v>
      </c>
      <c r="H4149" s="190">
        <v>0</v>
      </c>
      <c r="I4149" s="190">
        <v>0</v>
      </c>
      <c r="J4149" s="190">
        <v>1</v>
      </c>
      <c r="K4149" s="190">
        <v>0</v>
      </c>
      <c r="L4149" s="190">
        <v>1</v>
      </c>
      <c r="M4149" s="190">
        <v>1</v>
      </c>
      <c r="N4149" s="190">
        <v>0</v>
      </c>
      <c r="O4149" s="190">
        <v>1</v>
      </c>
      <c r="P4149" s="190">
        <v>0</v>
      </c>
      <c r="Q4149" s="190">
        <v>0</v>
      </c>
      <c r="R4149" s="190">
        <v>1</v>
      </c>
      <c r="S4149" s="190">
        <v>0</v>
      </c>
      <c r="T4149" s="190">
        <v>0</v>
      </c>
      <c r="U4149" s="99"/>
      <c r="V4149" s="99"/>
      <c r="W4149" s="99"/>
      <c r="X4149" s="99"/>
      <c r="Y4149" s="99"/>
      <c r="Z4149" s="99"/>
      <c r="AA4149" s="99"/>
      <c r="AB4149" s="99"/>
      <c r="AC4149" s="99"/>
      <c r="AD4149" s="99"/>
      <c r="AE4149" s="99"/>
      <c r="AF4149" s="99"/>
      <c r="AG4149" s="99"/>
      <c r="AH4149" s="99"/>
      <c r="AI4149" s="99"/>
      <c r="AJ4149" s="99"/>
      <c r="AK4149" s="99"/>
      <c r="AL4149" s="99"/>
      <c r="AM4149" s="99"/>
      <c r="AN4149" s="99"/>
      <c r="AO4149" s="99"/>
      <c r="AP4149" s="99"/>
      <c r="AQ4149" s="99"/>
      <c r="AR4149" s="99"/>
      <c r="AS4149" s="99"/>
      <c r="AT4149" s="99"/>
      <c r="AU4149" s="99"/>
      <c r="AV4149" s="99"/>
      <c r="AW4149" s="99"/>
      <c r="AX4149" s="99"/>
      <c r="AY4149" s="99"/>
      <c r="AZ4149" s="99"/>
      <c r="BA4149" s="99"/>
      <c r="BB4149" s="107">
        <v>45884</v>
      </c>
    </row>
    <row r="4150" spans="1:54" s="238" customFormat="1" ht="13.95" customHeight="1" x14ac:dyDescent="0.25">
      <c r="A4150" s="236" t="s">
        <v>9132</v>
      </c>
      <c r="B4150" s="220" t="s">
        <v>8672</v>
      </c>
      <c r="C4150" s="190" t="s">
        <v>9133</v>
      </c>
      <c r="D4150" s="190" t="s">
        <v>9134</v>
      </c>
      <c r="E4150" s="237">
        <v>2002</v>
      </c>
      <c r="F4150" s="237">
        <v>300</v>
      </c>
      <c r="G4150" s="190" t="s">
        <v>1</v>
      </c>
      <c r="H4150" s="190">
        <v>0</v>
      </c>
      <c r="I4150" s="190">
        <v>0</v>
      </c>
      <c r="J4150" s="190">
        <v>0</v>
      </c>
      <c r="K4150" s="190">
        <v>0</v>
      </c>
      <c r="L4150" s="190">
        <v>0</v>
      </c>
      <c r="M4150" s="190">
        <v>0</v>
      </c>
      <c r="N4150" s="190">
        <v>0</v>
      </c>
      <c r="O4150" s="190">
        <v>0</v>
      </c>
      <c r="P4150" s="190">
        <v>0</v>
      </c>
      <c r="Q4150" s="190">
        <v>0</v>
      </c>
      <c r="R4150" s="190">
        <v>0</v>
      </c>
      <c r="S4150" s="190">
        <v>0</v>
      </c>
      <c r="T4150" s="190">
        <v>0</v>
      </c>
      <c r="U4150" s="99"/>
      <c r="V4150" s="99"/>
      <c r="W4150" s="99"/>
      <c r="X4150" s="99"/>
      <c r="Y4150" s="99"/>
      <c r="Z4150" s="99"/>
      <c r="AA4150" s="99"/>
      <c r="AB4150" s="99"/>
      <c r="AC4150" s="99"/>
      <c r="AD4150" s="99"/>
      <c r="AE4150" s="99"/>
      <c r="AF4150" s="99"/>
      <c r="AG4150" s="99"/>
      <c r="AH4150" s="99"/>
      <c r="AI4150" s="99"/>
      <c r="AJ4150" s="99"/>
      <c r="AK4150" s="99"/>
      <c r="AL4150" s="99"/>
      <c r="AM4150" s="99"/>
      <c r="AN4150" s="99"/>
      <c r="AO4150" s="99"/>
      <c r="AP4150" s="99"/>
      <c r="AQ4150" s="99"/>
      <c r="AR4150" s="99"/>
      <c r="AS4150" s="99"/>
      <c r="AT4150" s="99"/>
      <c r="AU4150" s="99"/>
      <c r="AV4150" s="99"/>
      <c r="AW4150" s="99"/>
      <c r="AX4150" s="99"/>
      <c r="AY4150" s="99"/>
      <c r="AZ4150" s="99"/>
      <c r="BA4150" s="99"/>
      <c r="BB4150" s="107">
        <v>45884</v>
      </c>
    </row>
    <row r="4151" spans="1:54" s="238" customFormat="1" ht="13.95" customHeight="1" x14ac:dyDescent="0.25">
      <c r="A4151" s="236" t="s">
        <v>9135</v>
      </c>
      <c r="B4151" s="220" t="s">
        <v>8672</v>
      </c>
      <c r="C4151" s="190" t="s">
        <v>9136</v>
      </c>
      <c r="D4151" s="190" t="s">
        <v>9137</v>
      </c>
      <c r="E4151" s="237">
        <v>2002</v>
      </c>
      <c r="F4151" s="237">
        <v>300</v>
      </c>
      <c r="G4151" s="190" t="s">
        <v>1</v>
      </c>
      <c r="H4151" s="190">
        <v>0</v>
      </c>
      <c r="I4151" s="190">
        <v>0</v>
      </c>
      <c r="J4151" s="190">
        <v>1</v>
      </c>
      <c r="K4151" s="190">
        <v>1</v>
      </c>
      <c r="L4151" s="190">
        <v>0</v>
      </c>
      <c r="M4151" s="190">
        <v>1</v>
      </c>
      <c r="N4151" s="190">
        <v>1</v>
      </c>
      <c r="O4151" s="190">
        <v>0</v>
      </c>
      <c r="P4151" s="190">
        <v>0</v>
      </c>
      <c r="Q4151" s="190">
        <v>0</v>
      </c>
      <c r="R4151" s="190">
        <v>0</v>
      </c>
      <c r="S4151" s="190">
        <v>0</v>
      </c>
      <c r="T4151" s="190">
        <v>0</v>
      </c>
      <c r="U4151" s="99"/>
      <c r="V4151" s="99"/>
      <c r="W4151" s="99"/>
      <c r="X4151" s="99"/>
      <c r="Y4151" s="99"/>
      <c r="Z4151" s="99"/>
      <c r="AA4151" s="99"/>
      <c r="AB4151" s="99"/>
      <c r="AC4151" s="99"/>
      <c r="AD4151" s="99"/>
      <c r="AE4151" s="99"/>
      <c r="AF4151" s="99"/>
      <c r="AG4151" s="99"/>
      <c r="AH4151" s="99"/>
      <c r="AI4151" s="99"/>
      <c r="AJ4151" s="99"/>
      <c r="AK4151" s="99"/>
      <c r="AL4151" s="99"/>
      <c r="AM4151" s="99"/>
      <c r="AN4151" s="99"/>
      <c r="AO4151" s="99"/>
      <c r="AP4151" s="99"/>
      <c r="AQ4151" s="99"/>
      <c r="AR4151" s="99"/>
      <c r="AS4151" s="99"/>
      <c r="AT4151" s="99"/>
      <c r="AU4151" s="99"/>
      <c r="AV4151" s="99"/>
      <c r="AW4151" s="99"/>
      <c r="AX4151" s="99"/>
      <c r="AY4151" s="99"/>
      <c r="AZ4151" s="99"/>
      <c r="BA4151" s="99"/>
      <c r="BB4151" s="107">
        <v>45884</v>
      </c>
    </row>
    <row r="4152" spans="1:54" s="238" customFormat="1" ht="13.95" customHeight="1" x14ac:dyDescent="0.25">
      <c r="A4152" s="236" t="s">
        <v>9138</v>
      </c>
      <c r="B4152" s="220" t="s">
        <v>8672</v>
      </c>
      <c r="C4152" s="190" t="s">
        <v>9139</v>
      </c>
      <c r="D4152" s="190" t="s">
        <v>9140</v>
      </c>
      <c r="E4152" s="237">
        <v>1985</v>
      </c>
      <c r="F4152" s="237">
        <v>300</v>
      </c>
      <c r="G4152" s="190" t="s">
        <v>1</v>
      </c>
      <c r="H4152" s="190">
        <v>0</v>
      </c>
      <c r="I4152" s="190">
        <v>0</v>
      </c>
      <c r="J4152" s="190">
        <v>0</v>
      </c>
      <c r="K4152" s="190">
        <v>1</v>
      </c>
      <c r="L4152" s="190">
        <v>0</v>
      </c>
      <c r="M4152" s="190">
        <v>0</v>
      </c>
      <c r="N4152" s="190">
        <v>0</v>
      </c>
      <c r="O4152" s="190">
        <v>0</v>
      </c>
      <c r="P4152" s="190">
        <v>0</v>
      </c>
      <c r="Q4152" s="190">
        <v>1</v>
      </c>
      <c r="R4152" s="190">
        <v>0</v>
      </c>
      <c r="S4152" s="190">
        <v>0</v>
      </c>
      <c r="T4152" s="190">
        <v>0</v>
      </c>
      <c r="U4152" s="99"/>
      <c r="V4152" s="99"/>
      <c r="W4152" s="99"/>
      <c r="X4152" s="99"/>
      <c r="Y4152" s="99"/>
      <c r="Z4152" s="99"/>
      <c r="AA4152" s="99"/>
      <c r="AB4152" s="99"/>
      <c r="AC4152" s="99"/>
      <c r="AD4152" s="99"/>
      <c r="AE4152" s="99"/>
      <c r="AF4152" s="99"/>
      <c r="AG4152" s="99"/>
      <c r="AH4152" s="99"/>
      <c r="AI4152" s="99"/>
      <c r="AJ4152" s="99"/>
      <c r="AK4152" s="99"/>
      <c r="AL4152" s="99"/>
      <c r="AM4152" s="99"/>
      <c r="AN4152" s="99"/>
      <c r="AO4152" s="99"/>
      <c r="AP4152" s="99"/>
      <c r="AQ4152" s="99"/>
      <c r="AR4152" s="99"/>
      <c r="AS4152" s="99"/>
      <c r="AT4152" s="99"/>
      <c r="AU4152" s="99"/>
      <c r="AV4152" s="99"/>
      <c r="AW4152" s="99"/>
      <c r="AX4152" s="99"/>
      <c r="AY4152" s="99"/>
      <c r="AZ4152" s="99"/>
      <c r="BA4152" s="99"/>
      <c r="BB4152" s="107">
        <v>45884</v>
      </c>
    </row>
    <row r="4153" spans="1:54" s="238" customFormat="1" ht="13.95" customHeight="1" x14ac:dyDescent="0.25">
      <c r="A4153" s="236" t="s">
        <v>9141</v>
      </c>
      <c r="B4153" s="220" t="s">
        <v>8672</v>
      </c>
      <c r="C4153" s="190" t="s">
        <v>9142</v>
      </c>
      <c r="D4153" s="190" t="s">
        <v>9143</v>
      </c>
      <c r="E4153" s="237">
        <v>1995</v>
      </c>
      <c r="F4153" s="237">
        <v>300</v>
      </c>
      <c r="G4153" s="190" t="s">
        <v>1</v>
      </c>
      <c r="H4153" s="190">
        <v>0</v>
      </c>
      <c r="I4153" s="190">
        <v>0</v>
      </c>
      <c r="J4153" s="190">
        <v>1</v>
      </c>
      <c r="K4153" s="190">
        <v>1</v>
      </c>
      <c r="L4153" s="190">
        <v>1</v>
      </c>
      <c r="M4153" s="190">
        <v>1</v>
      </c>
      <c r="N4153" s="190">
        <v>0</v>
      </c>
      <c r="O4153" s="190">
        <v>0</v>
      </c>
      <c r="P4153" s="190">
        <v>1</v>
      </c>
      <c r="Q4153" s="190">
        <v>0</v>
      </c>
      <c r="R4153" s="190">
        <v>0</v>
      </c>
      <c r="S4153" s="190">
        <v>0</v>
      </c>
      <c r="T4153" s="190">
        <v>0</v>
      </c>
      <c r="U4153" s="99"/>
      <c r="V4153" s="99"/>
      <c r="W4153" s="99"/>
      <c r="X4153" s="99"/>
      <c r="Y4153" s="99"/>
      <c r="Z4153" s="99"/>
      <c r="AA4153" s="99"/>
      <c r="AB4153" s="99"/>
      <c r="AC4153" s="99"/>
      <c r="AD4153" s="99"/>
      <c r="AE4153" s="99"/>
      <c r="AF4153" s="99"/>
      <c r="AG4153" s="99"/>
      <c r="AH4153" s="99"/>
      <c r="AI4153" s="99"/>
      <c r="AJ4153" s="99"/>
      <c r="AK4153" s="99"/>
      <c r="AL4153" s="99"/>
      <c r="AM4153" s="99"/>
      <c r="AN4153" s="99"/>
      <c r="AO4153" s="99"/>
      <c r="AP4153" s="99"/>
      <c r="AQ4153" s="99"/>
      <c r="AR4153" s="99"/>
      <c r="AS4153" s="99"/>
      <c r="AT4153" s="99"/>
      <c r="AU4153" s="99"/>
      <c r="AV4153" s="99"/>
      <c r="AW4153" s="99"/>
      <c r="AX4153" s="99"/>
      <c r="AY4153" s="99"/>
      <c r="AZ4153" s="99"/>
      <c r="BA4153" s="99"/>
      <c r="BB4153" s="107">
        <v>45884</v>
      </c>
    </row>
    <row r="4154" spans="1:54" s="238" customFormat="1" ht="13.95" customHeight="1" x14ac:dyDescent="0.25">
      <c r="A4154" s="236" t="s">
        <v>9144</v>
      </c>
      <c r="B4154" s="220" t="s">
        <v>8672</v>
      </c>
      <c r="C4154" s="190" t="s">
        <v>9145</v>
      </c>
      <c r="D4154" s="190" t="s">
        <v>9146</v>
      </c>
      <c r="E4154" s="237">
        <v>1993</v>
      </c>
      <c r="F4154" s="237">
        <v>300</v>
      </c>
      <c r="G4154" s="190" t="s">
        <v>1</v>
      </c>
      <c r="H4154" s="190">
        <v>0</v>
      </c>
      <c r="I4154" s="190">
        <v>0</v>
      </c>
      <c r="J4154" s="190">
        <v>0</v>
      </c>
      <c r="K4154" s="190">
        <v>1</v>
      </c>
      <c r="L4154" s="190">
        <v>1</v>
      </c>
      <c r="M4154" s="190">
        <v>1</v>
      </c>
      <c r="N4154" s="190">
        <v>0</v>
      </c>
      <c r="O4154" s="190">
        <v>0</v>
      </c>
      <c r="P4154" s="190">
        <v>1</v>
      </c>
      <c r="Q4154" s="190">
        <v>0</v>
      </c>
      <c r="R4154" s="190">
        <v>1</v>
      </c>
      <c r="S4154" s="190">
        <v>0</v>
      </c>
      <c r="T4154" s="190">
        <v>0</v>
      </c>
      <c r="U4154" s="99"/>
      <c r="V4154" s="99"/>
      <c r="W4154" s="99"/>
      <c r="X4154" s="99"/>
      <c r="Y4154" s="99"/>
      <c r="Z4154" s="99"/>
      <c r="AA4154" s="99"/>
      <c r="AB4154" s="99"/>
      <c r="AC4154" s="99"/>
      <c r="AD4154" s="99"/>
      <c r="AE4154" s="99"/>
      <c r="AF4154" s="99"/>
      <c r="AG4154" s="99"/>
      <c r="AH4154" s="99"/>
      <c r="AI4154" s="99"/>
      <c r="AJ4154" s="99"/>
      <c r="AK4154" s="99"/>
      <c r="AL4154" s="99"/>
      <c r="AM4154" s="99"/>
      <c r="AN4154" s="99"/>
      <c r="AO4154" s="99"/>
      <c r="AP4154" s="99"/>
      <c r="AQ4154" s="99"/>
      <c r="AR4154" s="99"/>
      <c r="AS4154" s="99"/>
      <c r="AT4154" s="99"/>
      <c r="AU4154" s="99"/>
      <c r="AV4154" s="99"/>
      <c r="AW4154" s="99"/>
      <c r="AX4154" s="99"/>
      <c r="AY4154" s="99"/>
      <c r="AZ4154" s="99"/>
      <c r="BA4154" s="99"/>
      <c r="BB4154" s="107">
        <v>45884</v>
      </c>
    </row>
    <row r="4155" spans="1:54" s="238" customFormat="1" ht="13.95" customHeight="1" x14ac:dyDescent="0.25">
      <c r="A4155" s="236" t="s">
        <v>9147</v>
      </c>
      <c r="B4155" s="220" t="s">
        <v>8672</v>
      </c>
      <c r="C4155" s="190" t="s">
        <v>9148</v>
      </c>
      <c r="D4155" s="190" t="s">
        <v>9149</v>
      </c>
      <c r="E4155" s="237">
        <v>2006</v>
      </c>
      <c r="F4155" s="237">
        <v>300</v>
      </c>
      <c r="G4155" s="190" t="s">
        <v>1</v>
      </c>
      <c r="H4155" s="190">
        <v>0</v>
      </c>
      <c r="I4155" s="190">
        <v>0</v>
      </c>
      <c r="J4155" s="190">
        <v>1</v>
      </c>
      <c r="K4155" s="190">
        <v>1</v>
      </c>
      <c r="L4155" s="190">
        <v>1</v>
      </c>
      <c r="M4155" s="190">
        <v>1</v>
      </c>
      <c r="N4155" s="190">
        <v>0</v>
      </c>
      <c r="O4155" s="190">
        <v>0</v>
      </c>
      <c r="P4155" s="190">
        <v>0</v>
      </c>
      <c r="Q4155" s="190">
        <v>0</v>
      </c>
      <c r="R4155" s="190">
        <v>0</v>
      </c>
      <c r="S4155" s="190">
        <v>0</v>
      </c>
      <c r="T4155" s="190">
        <v>0</v>
      </c>
      <c r="U4155" s="99"/>
      <c r="V4155" s="99"/>
      <c r="W4155" s="99"/>
      <c r="X4155" s="99"/>
      <c r="Y4155" s="99"/>
      <c r="Z4155" s="99"/>
      <c r="AA4155" s="99"/>
      <c r="AB4155" s="99"/>
      <c r="AC4155" s="99"/>
      <c r="AD4155" s="99"/>
      <c r="AE4155" s="99"/>
      <c r="AF4155" s="99"/>
      <c r="AG4155" s="99"/>
      <c r="AH4155" s="99"/>
      <c r="AI4155" s="99"/>
      <c r="AJ4155" s="99"/>
      <c r="AK4155" s="99"/>
      <c r="AL4155" s="99"/>
      <c r="AM4155" s="99"/>
      <c r="AN4155" s="99"/>
      <c r="AO4155" s="99"/>
      <c r="AP4155" s="99"/>
      <c r="AQ4155" s="99"/>
      <c r="AR4155" s="99"/>
      <c r="AS4155" s="99"/>
      <c r="AT4155" s="99"/>
      <c r="AU4155" s="99"/>
      <c r="AV4155" s="99"/>
      <c r="AW4155" s="99"/>
      <c r="AX4155" s="99"/>
      <c r="AY4155" s="99"/>
      <c r="AZ4155" s="99"/>
      <c r="BA4155" s="99"/>
      <c r="BB4155" s="107">
        <v>45884</v>
      </c>
    </row>
    <row r="4156" spans="1:54" s="238" customFormat="1" ht="13.95" customHeight="1" x14ac:dyDescent="0.25">
      <c r="A4156" s="236" t="s">
        <v>9150</v>
      </c>
      <c r="B4156" s="220" t="s">
        <v>8672</v>
      </c>
      <c r="C4156" s="190" t="s">
        <v>9151</v>
      </c>
      <c r="D4156" s="190" t="s">
        <v>9152</v>
      </c>
      <c r="E4156" s="237">
        <v>1996</v>
      </c>
      <c r="F4156" s="237">
        <v>300</v>
      </c>
      <c r="G4156" s="190" t="s">
        <v>1</v>
      </c>
      <c r="H4156" s="190">
        <v>0</v>
      </c>
      <c r="I4156" s="190">
        <v>0</v>
      </c>
      <c r="J4156" s="190">
        <v>0</v>
      </c>
      <c r="K4156" s="190">
        <v>1</v>
      </c>
      <c r="L4156" s="190">
        <v>0</v>
      </c>
      <c r="M4156" s="190">
        <v>1</v>
      </c>
      <c r="N4156" s="190">
        <v>0</v>
      </c>
      <c r="O4156" s="190">
        <v>1</v>
      </c>
      <c r="P4156" s="190">
        <v>1</v>
      </c>
      <c r="Q4156" s="190">
        <v>1</v>
      </c>
      <c r="R4156" s="190">
        <v>1</v>
      </c>
      <c r="S4156" s="190">
        <v>0</v>
      </c>
      <c r="T4156" s="190">
        <v>0</v>
      </c>
      <c r="U4156" s="99"/>
      <c r="V4156" s="99"/>
      <c r="W4156" s="99"/>
      <c r="X4156" s="99"/>
      <c r="Y4156" s="99"/>
      <c r="Z4156" s="99"/>
      <c r="AA4156" s="99"/>
      <c r="AB4156" s="99"/>
      <c r="AC4156" s="99"/>
      <c r="AD4156" s="99"/>
      <c r="AE4156" s="99"/>
      <c r="AF4156" s="99"/>
      <c r="AG4156" s="99"/>
      <c r="AH4156" s="99"/>
      <c r="AI4156" s="99"/>
      <c r="AJ4156" s="99"/>
      <c r="AK4156" s="99"/>
      <c r="AL4156" s="99"/>
      <c r="AM4156" s="99"/>
      <c r="AN4156" s="99"/>
      <c r="AO4156" s="99"/>
      <c r="AP4156" s="99"/>
      <c r="AQ4156" s="99"/>
      <c r="AR4156" s="99"/>
      <c r="AS4156" s="99"/>
      <c r="AT4156" s="99"/>
      <c r="AU4156" s="99"/>
      <c r="AV4156" s="99"/>
      <c r="AW4156" s="99"/>
      <c r="AX4156" s="99"/>
      <c r="AY4156" s="99"/>
      <c r="AZ4156" s="99"/>
      <c r="BA4156" s="99"/>
      <c r="BB4156" s="107">
        <v>45884</v>
      </c>
    </row>
    <row r="4157" spans="1:54" s="238" customFormat="1" ht="13.95" customHeight="1" x14ac:dyDescent="0.25">
      <c r="A4157" s="236" t="s">
        <v>9153</v>
      </c>
      <c r="B4157" s="220" t="s">
        <v>8672</v>
      </c>
      <c r="C4157" s="190" t="s">
        <v>9154</v>
      </c>
      <c r="D4157" s="190" t="s">
        <v>9155</v>
      </c>
      <c r="E4157" s="237">
        <v>2007</v>
      </c>
      <c r="F4157" s="237">
        <v>300</v>
      </c>
      <c r="G4157" s="190" t="s">
        <v>1</v>
      </c>
      <c r="H4157" s="190">
        <v>0</v>
      </c>
      <c r="I4157" s="190">
        <v>0</v>
      </c>
      <c r="J4157" s="190">
        <v>1</v>
      </c>
      <c r="K4157" s="190">
        <v>1</v>
      </c>
      <c r="L4157" s="190">
        <v>1</v>
      </c>
      <c r="M4157" s="190">
        <v>1</v>
      </c>
      <c r="N4157" s="190">
        <v>0</v>
      </c>
      <c r="O4157" s="190">
        <v>0</v>
      </c>
      <c r="P4157" s="190">
        <v>0</v>
      </c>
      <c r="Q4157" s="190">
        <v>0</v>
      </c>
      <c r="R4157" s="190">
        <v>0</v>
      </c>
      <c r="S4157" s="190">
        <v>0</v>
      </c>
      <c r="T4157" s="190">
        <v>0</v>
      </c>
      <c r="U4157" s="99"/>
      <c r="V4157" s="99"/>
      <c r="W4157" s="99"/>
      <c r="X4157" s="99"/>
      <c r="Y4157" s="99"/>
      <c r="Z4157" s="99"/>
      <c r="AA4157" s="99"/>
      <c r="AB4157" s="99"/>
      <c r="AC4157" s="99"/>
      <c r="AD4157" s="99"/>
      <c r="AE4157" s="99"/>
      <c r="AF4157" s="99"/>
      <c r="AG4157" s="99"/>
      <c r="AH4157" s="99"/>
      <c r="AI4157" s="99"/>
      <c r="AJ4157" s="99"/>
      <c r="AK4157" s="99"/>
      <c r="AL4157" s="99"/>
      <c r="AM4157" s="99"/>
      <c r="AN4157" s="99"/>
      <c r="AO4157" s="99"/>
      <c r="AP4157" s="99"/>
      <c r="AQ4157" s="99"/>
      <c r="AR4157" s="99"/>
      <c r="AS4157" s="99"/>
      <c r="AT4157" s="99"/>
      <c r="AU4157" s="99"/>
      <c r="AV4157" s="99"/>
      <c r="AW4157" s="99"/>
      <c r="AX4157" s="99"/>
      <c r="AY4157" s="99"/>
      <c r="AZ4157" s="99"/>
      <c r="BA4157" s="99"/>
      <c r="BB4157" s="107">
        <v>45884</v>
      </c>
    </row>
    <row r="4158" spans="1:54" s="238" customFormat="1" ht="13.95" customHeight="1" x14ac:dyDescent="0.25">
      <c r="A4158" s="236" t="s">
        <v>9156</v>
      </c>
      <c r="B4158" s="220" t="s">
        <v>8672</v>
      </c>
      <c r="C4158" s="190" t="s">
        <v>9157</v>
      </c>
      <c r="D4158" s="190" t="s">
        <v>9158</v>
      </c>
      <c r="E4158" s="237">
        <v>2009</v>
      </c>
      <c r="F4158" s="237">
        <v>300</v>
      </c>
      <c r="G4158" s="190" t="s">
        <v>1</v>
      </c>
      <c r="H4158" s="190">
        <v>0</v>
      </c>
      <c r="I4158" s="190">
        <v>0</v>
      </c>
      <c r="J4158" s="190">
        <v>0</v>
      </c>
      <c r="K4158" s="190">
        <v>0</v>
      </c>
      <c r="L4158" s="190">
        <v>0</v>
      </c>
      <c r="M4158" s="190">
        <v>0</v>
      </c>
      <c r="N4158" s="190">
        <v>0</v>
      </c>
      <c r="O4158" s="190">
        <v>0</v>
      </c>
      <c r="P4158" s="190">
        <v>1</v>
      </c>
      <c r="Q4158" s="190">
        <v>0</v>
      </c>
      <c r="R4158" s="190">
        <v>0</v>
      </c>
      <c r="S4158" s="190">
        <v>0</v>
      </c>
      <c r="T4158" s="190">
        <v>0</v>
      </c>
      <c r="U4158" s="99"/>
      <c r="V4158" s="99"/>
      <c r="W4158" s="99"/>
      <c r="X4158" s="99"/>
      <c r="Y4158" s="99"/>
      <c r="Z4158" s="99"/>
      <c r="AA4158" s="99"/>
      <c r="AB4158" s="99"/>
      <c r="AC4158" s="99"/>
      <c r="AD4158" s="99"/>
      <c r="AE4158" s="99"/>
      <c r="AF4158" s="99"/>
      <c r="AG4158" s="99"/>
      <c r="AH4158" s="99"/>
      <c r="AI4158" s="99"/>
      <c r="AJ4158" s="99"/>
      <c r="AK4158" s="99"/>
      <c r="AL4158" s="99"/>
      <c r="AM4158" s="99"/>
      <c r="AN4158" s="99"/>
      <c r="AO4158" s="99"/>
      <c r="AP4158" s="99"/>
      <c r="AQ4158" s="99"/>
      <c r="AR4158" s="99"/>
      <c r="AS4158" s="99"/>
      <c r="AT4158" s="99"/>
      <c r="AU4158" s="99"/>
      <c r="AV4158" s="99"/>
      <c r="AW4158" s="99"/>
      <c r="AX4158" s="99"/>
      <c r="AY4158" s="99"/>
      <c r="AZ4158" s="99"/>
      <c r="BA4158" s="99"/>
      <c r="BB4158" s="107">
        <v>45884</v>
      </c>
    </row>
    <row r="4159" spans="1:54" s="238" customFormat="1" ht="13.95" customHeight="1" x14ac:dyDescent="0.25">
      <c r="A4159" s="236" t="s">
        <v>9159</v>
      </c>
      <c r="B4159" s="220" t="s">
        <v>8672</v>
      </c>
      <c r="C4159" s="190" t="s">
        <v>9160</v>
      </c>
      <c r="D4159" s="190" t="s">
        <v>9161</v>
      </c>
      <c r="E4159" s="237">
        <v>1998</v>
      </c>
      <c r="F4159" s="237">
        <v>300</v>
      </c>
      <c r="G4159" s="190" t="s">
        <v>1</v>
      </c>
      <c r="H4159" s="190">
        <v>0</v>
      </c>
      <c r="I4159" s="190">
        <v>0</v>
      </c>
      <c r="J4159" s="190">
        <v>1</v>
      </c>
      <c r="K4159" s="190">
        <v>1</v>
      </c>
      <c r="L4159" s="190">
        <v>1</v>
      </c>
      <c r="M4159" s="190">
        <v>1</v>
      </c>
      <c r="N4159" s="190">
        <v>0</v>
      </c>
      <c r="O4159" s="190">
        <v>0</v>
      </c>
      <c r="P4159" s="190">
        <v>0</v>
      </c>
      <c r="Q4159" s="190">
        <v>0</v>
      </c>
      <c r="R4159" s="190">
        <v>1</v>
      </c>
      <c r="S4159" s="190">
        <v>0</v>
      </c>
      <c r="T4159" s="190">
        <v>0</v>
      </c>
      <c r="U4159" s="99"/>
      <c r="V4159" s="99"/>
      <c r="W4159" s="99"/>
      <c r="X4159" s="99"/>
      <c r="Y4159" s="99"/>
      <c r="Z4159" s="99"/>
      <c r="AA4159" s="99"/>
      <c r="AB4159" s="99"/>
      <c r="AC4159" s="99"/>
      <c r="AD4159" s="99"/>
      <c r="AE4159" s="99"/>
      <c r="AF4159" s="99"/>
      <c r="AG4159" s="99"/>
      <c r="AH4159" s="99"/>
      <c r="AI4159" s="99"/>
      <c r="AJ4159" s="99"/>
      <c r="AK4159" s="99"/>
      <c r="AL4159" s="99"/>
      <c r="AM4159" s="99"/>
      <c r="AN4159" s="99"/>
      <c r="AO4159" s="99"/>
      <c r="AP4159" s="99"/>
      <c r="AQ4159" s="99"/>
      <c r="AR4159" s="99"/>
      <c r="AS4159" s="99"/>
      <c r="AT4159" s="99"/>
      <c r="AU4159" s="99"/>
      <c r="AV4159" s="99"/>
      <c r="AW4159" s="99"/>
      <c r="AX4159" s="99"/>
      <c r="AY4159" s="99"/>
      <c r="AZ4159" s="99"/>
      <c r="BA4159" s="99"/>
      <c r="BB4159" s="107">
        <v>45884</v>
      </c>
    </row>
    <row r="4160" spans="1:54" s="238" customFormat="1" ht="13.95" customHeight="1" x14ac:dyDescent="0.25">
      <c r="A4160" s="236" t="s">
        <v>9162</v>
      </c>
      <c r="B4160" s="220" t="s">
        <v>8672</v>
      </c>
      <c r="C4160" s="190" t="s">
        <v>9163</v>
      </c>
      <c r="D4160" s="190" t="s">
        <v>9164</v>
      </c>
      <c r="E4160" s="237">
        <v>2002</v>
      </c>
      <c r="F4160" s="237">
        <v>300</v>
      </c>
      <c r="G4160" s="190" t="s">
        <v>1</v>
      </c>
      <c r="H4160" s="190">
        <v>0</v>
      </c>
      <c r="I4160" s="190">
        <v>0</v>
      </c>
      <c r="J4160" s="190">
        <v>1</v>
      </c>
      <c r="K4160" s="190">
        <v>1</v>
      </c>
      <c r="L4160" s="190">
        <v>1</v>
      </c>
      <c r="M4160" s="190">
        <v>1</v>
      </c>
      <c r="N4160" s="190">
        <v>0</v>
      </c>
      <c r="O4160" s="190">
        <v>0</v>
      </c>
      <c r="P4160" s="190">
        <v>1</v>
      </c>
      <c r="Q4160" s="190">
        <v>0</v>
      </c>
      <c r="R4160" s="190">
        <v>0</v>
      </c>
      <c r="S4160" s="190">
        <v>0</v>
      </c>
      <c r="T4160" s="190">
        <v>0</v>
      </c>
      <c r="U4160" s="99"/>
      <c r="V4160" s="99"/>
      <c r="W4160" s="99"/>
      <c r="X4160" s="99"/>
      <c r="Y4160" s="99"/>
      <c r="Z4160" s="99"/>
      <c r="AA4160" s="99"/>
      <c r="AB4160" s="99"/>
      <c r="AC4160" s="99"/>
      <c r="AD4160" s="99"/>
      <c r="AE4160" s="99"/>
      <c r="AF4160" s="99"/>
      <c r="AG4160" s="99"/>
      <c r="AH4160" s="99"/>
      <c r="AI4160" s="99"/>
      <c r="AJ4160" s="99"/>
      <c r="AK4160" s="99"/>
      <c r="AL4160" s="99"/>
      <c r="AM4160" s="99"/>
      <c r="AN4160" s="99"/>
      <c r="AO4160" s="99"/>
      <c r="AP4160" s="99"/>
      <c r="AQ4160" s="99"/>
      <c r="AR4160" s="99"/>
      <c r="AS4160" s="99"/>
      <c r="AT4160" s="99"/>
      <c r="AU4160" s="99"/>
      <c r="AV4160" s="99"/>
      <c r="AW4160" s="99"/>
      <c r="AX4160" s="99"/>
      <c r="AY4160" s="99"/>
      <c r="AZ4160" s="99"/>
      <c r="BA4160" s="99"/>
      <c r="BB4160" s="107">
        <v>45884</v>
      </c>
    </row>
    <row r="4161" spans="1:54" s="238" customFormat="1" ht="13.95" customHeight="1" x14ac:dyDescent="0.25">
      <c r="A4161" s="236" t="s">
        <v>9165</v>
      </c>
      <c r="B4161" s="220" t="s">
        <v>8672</v>
      </c>
      <c r="C4161" s="190" t="s">
        <v>9166</v>
      </c>
      <c r="D4161" s="190" t="s">
        <v>19920</v>
      </c>
      <c r="E4161" s="237">
        <v>2011</v>
      </c>
      <c r="F4161" s="237">
        <v>300</v>
      </c>
      <c r="G4161" s="190" t="s">
        <v>1</v>
      </c>
      <c r="H4161" s="190">
        <v>0</v>
      </c>
      <c r="I4161" s="190">
        <v>0</v>
      </c>
      <c r="J4161" s="190">
        <v>0</v>
      </c>
      <c r="K4161" s="190">
        <v>0</v>
      </c>
      <c r="L4161" s="190">
        <v>0</v>
      </c>
      <c r="M4161" s="190">
        <v>0</v>
      </c>
      <c r="N4161" s="190">
        <v>0</v>
      </c>
      <c r="O4161" s="190">
        <v>1</v>
      </c>
      <c r="P4161" s="190">
        <v>0</v>
      </c>
      <c r="Q4161" s="190">
        <v>1</v>
      </c>
      <c r="R4161" s="190">
        <v>0</v>
      </c>
      <c r="S4161" s="190">
        <v>0</v>
      </c>
      <c r="T4161" s="190">
        <v>0</v>
      </c>
      <c r="U4161" s="99"/>
      <c r="V4161" s="99"/>
      <c r="W4161" s="99"/>
      <c r="X4161" s="99"/>
      <c r="Y4161" s="99"/>
      <c r="Z4161" s="99"/>
      <c r="AA4161" s="99"/>
      <c r="AB4161" s="99"/>
      <c r="AC4161" s="99"/>
      <c r="AD4161" s="99"/>
      <c r="AE4161" s="99"/>
      <c r="AF4161" s="99"/>
      <c r="AG4161" s="99"/>
      <c r="AH4161" s="99"/>
      <c r="AI4161" s="99"/>
      <c r="AJ4161" s="99"/>
      <c r="AK4161" s="99"/>
      <c r="AL4161" s="99"/>
      <c r="AM4161" s="99"/>
      <c r="AN4161" s="99"/>
      <c r="AO4161" s="99"/>
      <c r="AP4161" s="99"/>
      <c r="AQ4161" s="99"/>
      <c r="AR4161" s="99"/>
      <c r="AS4161" s="99"/>
      <c r="AT4161" s="99"/>
      <c r="AU4161" s="99"/>
      <c r="AV4161" s="99"/>
      <c r="AW4161" s="99"/>
      <c r="AX4161" s="99"/>
      <c r="AY4161" s="99"/>
      <c r="AZ4161" s="99"/>
      <c r="BA4161" s="190" t="s">
        <v>9167</v>
      </c>
      <c r="BB4161" s="107">
        <v>45884</v>
      </c>
    </row>
    <row r="4162" spans="1:54" s="238" customFormat="1" ht="13.95" customHeight="1" x14ac:dyDescent="0.25">
      <c r="A4162" s="236" t="s">
        <v>9168</v>
      </c>
      <c r="B4162" s="220" t="s">
        <v>8672</v>
      </c>
      <c r="C4162" s="190" t="s">
        <v>9169</v>
      </c>
      <c r="D4162" s="190" t="s">
        <v>9170</v>
      </c>
      <c r="E4162" s="237">
        <v>2003</v>
      </c>
      <c r="F4162" s="237">
        <v>300</v>
      </c>
      <c r="G4162" s="190" t="s">
        <v>1</v>
      </c>
      <c r="H4162" s="190">
        <v>0</v>
      </c>
      <c r="I4162" s="190">
        <v>0</v>
      </c>
      <c r="J4162" s="190">
        <v>1</v>
      </c>
      <c r="K4162" s="190">
        <v>1</v>
      </c>
      <c r="L4162" s="190">
        <v>1</v>
      </c>
      <c r="M4162" s="190">
        <v>0</v>
      </c>
      <c r="N4162" s="190">
        <v>0</v>
      </c>
      <c r="O4162" s="190">
        <v>0</v>
      </c>
      <c r="P4162" s="190">
        <v>1</v>
      </c>
      <c r="Q4162" s="190">
        <v>0</v>
      </c>
      <c r="R4162" s="190">
        <v>1</v>
      </c>
      <c r="S4162" s="190">
        <v>0</v>
      </c>
      <c r="T4162" s="190">
        <v>0</v>
      </c>
      <c r="U4162" s="99"/>
      <c r="V4162" s="99"/>
      <c r="W4162" s="99"/>
      <c r="X4162" s="99"/>
      <c r="Y4162" s="99"/>
      <c r="Z4162" s="99"/>
      <c r="AA4162" s="99"/>
      <c r="AB4162" s="99"/>
      <c r="AC4162" s="99"/>
      <c r="AD4162" s="99"/>
      <c r="AE4162" s="99"/>
      <c r="AF4162" s="99"/>
      <c r="AG4162" s="99"/>
      <c r="AH4162" s="99"/>
      <c r="AI4162" s="99"/>
      <c r="AJ4162" s="99"/>
      <c r="AK4162" s="99"/>
      <c r="AL4162" s="99"/>
      <c r="AM4162" s="99"/>
      <c r="AN4162" s="99"/>
      <c r="AO4162" s="99"/>
      <c r="AP4162" s="99"/>
      <c r="AQ4162" s="99"/>
      <c r="AR4162" s="99"/>
      <c r="AS4162" s="99"/>
      <c r="AT4162" s="99"/>
      <c r="AU4162" s="99"/>
      <c r="AV4162" s="99"/>
      <c r="AW4162" s="99"/>
      <c r="AX4162" s="99"/>
      <c r="AY4162" s="99"/>
      <c r="AZ4162" s="99"/>
      <c r="BA4162" s="99"/>
      <c r="BB4162" s="107">
        <v>45884</v>
      </c>
    </row>
    <row r="4163" spans="1:54" s="238" customFormat="1" ht="13.95" customHeight="1" x14ac:dyDescent="0.25">
      <c r="A4163" s="236" t="s">
        <v>9171</v>
      </c>
      <c r="B4163" s="220" t="s">
        <v>8672</v>
      </c>
      <c r="C4163" s="190" t="s">
        <v>9172</v>
      </c>
      <c r="D4163" s="190" t="s">
        <v>9173</v>
      </c>
      <c r="E4163" s="237">
        <v>2004</v>
      </c>
      <c r="F4163" s="237">
        <v>300</v>
      </c>
      <c r="G4163" s="190" t="s">
        <v>1</v>
      </c>
      <c r="H4163" s="190">
        <v>0</v>
      </c>
      <c r="I4163" s="190">
        <v>0</v>
      </c>
      <c r="J4163" s="190">
        <v>1</v>
      </c>
      <c r="K4163" s="190">
        <v>1</v>
      </c>
      <c r="L4163" s="190">
        <v>1</v>
      </c>
      <c r="M4163" s="190">
        <v>1</v>
      </c>
      <c r="N4163" s="190">
        <v>0</v>
      </c>
      <c r="O4163" s="190">
        <v>0</v>
      </c>
      <c r="P4163" s="190">
        <v>0</v>
      </c>
      <c r="Q4163" s="190">
        <v>0</v>
      </c>
      <c r="R4163" s="190">
        <v>0</v>
      </c>
      <c r="S4163" s="190">
        <v>0</v>
      </c>
      <c r="T4163" s="190">
        <v>0</v>
      </c>
      <c r="U4163" s="99"/>
      <c r="V4163" s="99"/>
      <c r="W4163" s="99"/>
      <c r="X4163" s="99"/>
      <c r="Y4163" s="99"/>
      <c r="Z4163" s="99"/>
      <c r="AA4163" s="99"/>
      <c r="AB4163" s="99"/>
      <c r="AC4163" s="99"/>
      <c r="AD4163" s="99"/>
      <c r="AE4163" s="99"/>
      <c r="AF4163" s="99"/>
      <c r="AG4163" s="99"/>
      <c r="AH4163" s="99"/>
      <c r="AI4163" s="99"/>
      <c r="AJ4163" s="99"/>
      <c r="AK4163" s="99"/>
      <c r="AL4163" s="99"/>
      <c r="AM4163" s="99"/>
      <c r="AN4163" s="99"/>
      <c r="AO4163" s="99"/>
      <c r="AP4163" s="99"/>
      <c r="AQ4163" s="99"/>
      <c r="AR4163" s="99"/>
      <c r="AS4163" s="99"/>
      <c r="AT4163" s="99"/>
      <c r="AU4163" s="99"/>
      <c r="AV4163" s="99"/>
      <c r="AW4163" s="99"/>
      <c r="AX4163" s="99"/>
      <c r="AY4163" s="99"/>
      <c r="AZ4163" s="99"/>
      <c r="BA4163" s="99"/>
      <c r="BB4163" s="107">
        <v>45884</v>
      </c>
    </row>
    <row r="4164" spans="1:54" s="238" customFormat="1" ht="13.95" customHeight="1" x14ac:dyDescent="0.25">
      <c r="A4164" s="236" t="s">
        <v>9174</v>
      </c>
      <c r="B4164" s="220" t="s">
        <v>8672</v>
      </c>
      <c r="C4164" s="190" t="s">
        <v>9175</v>
      </c>
      <c r="D4164" s="190" t="s">
        <v>9176</v>
      </c>
      <c r="E4164" s="237">
        <v>2012</v>
      </c>
      <c r="F4164" s="237">
        <v>300</v>
      </c>
      <c r="G4164" s="190" t="s">
        <v>1</v>
      </c>
      <c r="H4164" s="190">
        <v>0</v>
      </c>
      <c r="I4164" s="190">
        <v>0</v>
      </c>
      <c r="J4164" s="190">
        <v>0</v>
      </c>
      <c r="K4164" s="190">
        <v>1</v>
      </c>
      <c r="L4164" s="190">
        <v>0</v>
      </c>
      <c r="M4164" s="190">
        <v>1</v>
      </c>
      <c r="N4164" s="190">
        <v>0</v>
      </c>
      <c r="O4164" s="190">
        <v>0</v>
      </c>
      <c r="P4164" s="190">
        <v>0</v>
      </c>
      <c r="Q4164" s="190">
        <v>0</v>
      </c>
      <c r="R4164" s="190">
        <v>1</v>
      </c>
      <c r="S4164" s="190">
        <v>0</v>
      </c>
      <c r="T4164" s="190">
        <v>0</v>
      </c>
      <c r="U4164" s="99"/>
      <c r="V4164" s="99"/>
      <c r="W4164" s="99"/>
      <c r="X4164" s="99"/>
      <c r="Y4164" s="99"/>
      <c r="Z4164" s="99"/>
      <c r="AA4164" s="99"/>
      <c r="AB4164" s="99"/>
      <c r="AC4164" s="99"/>
      <c r="AD4164" s="99"/>
      <c r="AE4164" s="99"/>
      <c r="AF4164" s="99"/>
      <c r="AG4164" s="99"/>
      <c r="AH4164" s="99"/>
      <c r="AI4164" s="99"/>
      <c r="AJ4164" s="99"/>
      <c r="AK4164" s="99"/>
      <c r="AL4164" s="99"/>
      <c r="AM4164" s="99"/>
      <c r="AN4164" s="99"/>
      <c r="AO4164" s="99"/>
      <c r="AP4164" s="99"/>
      <c r="AQ4164" s="99"/>
      <c r="AR4164" s="99"/>
      <c r="AS4164" s="99"/>
      <c r="AT4164" s="99"/>
      <c r="AU4164" s="99"/>
      <c r="AV4164" s="99"/>
      <c r="AW4164" s="99"/>
      <c r="AX4164" s="99"/>
      <c r="AY4164" s="99"/>
      <c r="AZ4164" s="99"/>
      <c r="BA4164" s="99"/>
      <c r="BB4164" s="107">
        <v>45884</v>
      </c>
    </row>
    <row r="4165" spans="1:54" s="238" customFormat="1" ht="13.95" customHeight="1" x14ac:dyDescent="0.25">
      <c r="A4165" s="236" t="s">
        <v>9177</v>
      </c>
      <c r="B4165" s="220" t="s">
        <v>8672</v>
      </c>
      <c r="C4165" s="190" t="s">
        <v>9178</v>
      </c>
      <c r="D4165" s="190" t="s">
        <v>9179</v>
      </c>
      <c r="E4165" s="237">
        <v>2006</v>
      </c>
      <c r="F4165" s="237">
        <v>300</v>
      </c>
      <c r="G4165" s="190" t="s">
        <v>1</v>
      </c>
      <c r="H4165" s="190">
        <v>0</v>
      </c>
      <c r="I4165" s="190">
        <v>0</v>
      </c>
      <c r="J4165" s="190">
        <v>1</v>
      </c>
      <c r="K4165" s="190">
        <v>0</v>
      </c>
      <c r="L4165" s="190">
        <v>0</v>
      </c>
      <c r="M4165" s="190">
        <v>0</v>
      </c>
      <c r="N4165" s="190">
        <v>0</v>
      </c>
      <c r="O4165" s="190">
        <v>0</v>
      </c>
      <c r="P4165" s="190">
        <v>0</v>
      </c>
      <c r="Q4165" s="190">
        <v>0</v>
      </c>
      <c r="R4165" s="190">
        <v>0</v>
      </c>
      <c r="S4165" s="190">
        <v>0</v>
      </c>
      <c r="T4165" s="190">
        <v>0</v>
      </c>
      <c r="U4165" s="99"/>
      <c r="V4165" s="99"/>
      <c r="W4165" s="99"/>
      <c r="X4165" s="99"/>
      <c r="Y4165" s="99"/>
      <c r="Z4165" s="99"/>
      <c r="AA4165" s="99"/>
      <c r="AB4165" s="99"/>
      <c r="AC4165" s="99"/>
      <c r="AD4165" s="99"/>
      <c r="AE4165" s="99"/>
      <c r="AF4165" s="99"/>
      <c r="AG4165" s="99"/>
      <c r="AH4165" s="99"/>
      <c r="AI4165" s="99"/>
      <c r="AJ4165" s="99"/>
      <c r="AK4165" s="99"/>
      <c r="AL4165" s="99"/>
      <c r="AM4165" s="99"/>
      <c r="AN4165" s="99"/>
      <c r="AO4165" s="99"/>
      <c r="AP4165" s="99"/>
      <c r="AQ4165" s="99"/>
      <c r="AR4165" s="99"/>
      <c r="AS4165" s="99"/>
      <c r="AT4165" s="99"/>
      <c r="AU4165" s="99"/>
      <c r="AV4165" s="99"/>
      <c r="AW4165" s="99"/>
      <c r="AX4165" s="99"/>
      <c r="AY4165" s="99"/>
      <c r="AZ4165" s="99"/>
      <c r="BA4165" s="99"/>
      <c r="BB4165" s="107">
        <v>45884</v>
      </c>
    </row>
    <row r="4166" spans="1:54" s="238" customFormat="1" ht="13.95" customHeight="1" x14ac:dyDescent="0.25">
      <c r="A4166" s="236" t="s">
        <v>9180</v>
      </c>
      <c r="B4166" s="220" t="s">
        <v>8672</v>
      </c>
      <c r="C4166" s="190" t="s">
        <v>9181</v>
      </c>
      <c r="D4166" s="190" t="s">
        <v>9182</v>
      </c>
      <c r="E4166" s="237">
        <v>2013</v>
      </c>
      <c r="F4166" s="237">
        <v>300</v>
      </c>
      <c r="G4166" s="190" t="s">
        <v>1</v>
      </c>
      <c r="H4166" s="190">
        <v>0</v>
      </c>
      <c r="I4166" s="190">
        <v>0</v>
      </c>
      <c r="J4166" s="190">
        <v>1</v>
      </c>
      <c r="K4166" s="190">
        <v>1</v>
      </c>
      <c r="L4166" s="190">
        <v>1</v>
      </c>
      <c r="M4166" s="190">
        <v>1</v>
      </c>
      <c r="N4166" s="190">
        <v>0</v>
      </c>
      <c r="O4166" s="190">
        <v>0</v>
      </c>
      <c r="P4166" s="190">
        <v>0</v>
      </c>
      <c r="Q4166" s="190">
        <v>0</v>
      </c>
      <c r="R4166" s="190">
        <v>0</v>
      </c>
      <c r="S4166" s="190">
        <v>0</v>
      </c>
      <c r="T4166" s="190">
        <v>0</v>
      </c>
      <c r="U4166" s="99"/>
      <c r="V4166" s="99"/>
      <c r="W4166" s="99"/>
      <c r="X4166" s="99"/>
      <c r="Y4166" s="99"/>
      <c r="Z4166" s="99"/>
      <c r="AA4166" s="99"/>
      <c r="AB4166" s="99"/>
      <c r="AC4166" s="99"/>
      <c r="AD4166" s="99"/>
      <c r="AE4166" s="99"/>
      <c r="AF4166" s="99"/>
      <c r="AG4166" s="99"/>
      <c r="AH4166" s="99"/>
      <c r="AI4166" s="99"/>
      <c r="AJ4166" s="99"/>
      <c r="AK4166" s="99"/>
      <c r="AL4166" s="99"/>
      <c r="AM4166" s="99"/>
      <c r="AN4166" s="99"/>
      <c r="AO4166" s="99"/>
      <c r="AP4166" s="99"/>
      <c r="AQ4166" s="99"/>
      <c r="AR4166" s="99"/>
      <c r="AS4166" s="99"/>
      <c r="AT4166" s="99"/>
      <c r="AU4166" s="99"/>
      <c r="AV4166" s="99"/>
      <c r="AW4166" s="99"/>
      <c r="AX4166" s="99"/>
      <c r="AY4166" s="99"/>
      <c r="AZ4166" s="99"/>
      <c r="BA4166" s="99"/>
      <c r="BB4166" s="107">
        <v>45884</v>
      </c>
    </row>
    <row r="4167" spans="1:54" s="238" customFormat="1" ht="13.95" customHeight="1" x14ac:dyDescent="0.25">
      <c r="A4167" s="236" t="s">
        <v>9183</v>
      </c>
      <c r="B4167" s="220" t="s">
        <v>8672</v>
      </c>
      <c r="C4167" s="190" t="s">
        <v>9184</v>
      </c>
      <c r="D4167" s="190" t="s">
        <v>9185</v>
      </c>
      <c r="E4167" s="237">
        <v>2007</v>
      </c>
      <c r="F4167" s="237">
        <v>300</v>
      </c>
      <c r="G4167" s="190" t="s">
        <v>1</v>
      </c>
      <c r="H4167" s="190">
        <v>0</v>
      </c>
      <c r="I4167" s="190">
        <v>0</v>
      </c>
      <c r="J4167" s="190">
        <v>1</v>
      </c>
      <c r="K4167" s="190">
        <v>0</v>
      </c>
      <c r="L4167" s="190">
        <v>0</v>
      </c>
      <c r="M4167" s="190">
        <v>0</v>
      </c>
      <c r="N4167" s="190">
        <v>0</v>
      </c>
      <c r="O4167" s="190">
        <v>0</v>
      </c>
      <c r="P4167" s="190">
        <v>0</v>
      </c>
      <c r="Q4167" s="190">
        <v>0</v>
      </c>
      <c r="R4167" s="190">
        <v>1</v>
      </c>
      <c r="S4167" s="190">
        <v>0</v>
      </c>
      <c r="T4167" s="190">
        <v>0</v>
      </c>
      <c r="U4167" s="99"/>
      <c r="V4167" s="99"/>
      <c r="W4167" s="99"/>
      <c r="X4167" s="99"/>
      <c r="Y4167" s="99"/>
      <c r="Z4167" s="99"/>
      <c r="AA4167" s="99"/>
      <c r="AB4167" s="99"/>
      <c r="AC4167" s="99"/>
      <c r="AD4167" s="99"/>
      <c r="AE4167" s="99"/>
      <c r="AF4167" s="99"/>
      <c r="AG4167" s="99"/>
      <c r="AH4167" s="99"/>
      <c r="AI4167" s="99"/>
      <c r="AJ4167" s="99"/>
      <c r="AK4167" s="99"/>
      <c r="AL4167" s="99"/>
      <c r="AM4167" s="99"/>
      <c r="AN4167" s="99"/>
      <c r="AO4167" s="99"/>
      <c r="AP4167" s="99"/>
      <c r="AQ4167" s="99"/>
      <c r="AR4167" s="99"/>
      <c r="AS4167" s="99"/>
      <c r="AT4167" s="99"/>
      <c r="AU4167" s="99"/>
      <c r="AV4167" s="99"/>
      <c r="AW4167" s="99"/>
      <c r="AX4167" s="99"/>
      <c r="AY4167" s="99"/>
      <c r="AZ4167" s="99"/>
      <c r="BA4167" s="99"/>
      <c r="BB4167" s="107">
        <v>45884</v>
      </c>
    </row>
    <row r="4168" spans="1:54" s="238" customFormat="1" ht="13.95" customHeight="1" x14ac:dyDescent="0.25">
      <c r="A4168" s="236" t="s">
        <v>9186</v>
      </c>
      <c r="B4168" s="220" t="s">
        <v>8672</v>
      </c>
      <c r="C4168" s="190" t="s">
        <v>9187</v>
      </c>
      <c r="D4168" s="190" t="s">
        <v>9188</v>
      </c>
      <c r="E4168" s="237">
        <v>2010</v>
      </c>
      <c r="F4168" s="237">
        <v>300</v>
      </c>
      <c r="G4168" s="190" t="s">
        <v>1</v>
      </c>
      <c r="H4168" s="190">
        <v>0</v>
      </c>
      <c r="I4168" s="190">
        <v>0</v>
      </c>
      <c r="J4168" s="190">
        <v>1</v>
      </c>
      <c r="K4168" s="190">
        <v>0</v>
      </c>
      <c r="L4168" s="190">
        <v>1</v>
      </c>
      <c r="M4168" s="190">
        <v>0</v>
      </c>
      <c r="N4168" s="190">
        <v>0</v>
      </c>
      <c r="O4168" s="190">
        <v>1</v>
      </c>
      <c r="P4168" s="190">
        <v>1</v>
      </c>
      <c r="Q4168" s="190">
        <v>0</v>
      </c>
      <c r="R4168" s="190">
        <v>1</v>
      </c>
      <c r="S4168" s="190">
        <v>0</v>
      </c>
      <c r="T4168" s="190">
        <v>0</v>
      </c>
      <c r="U4168" s="99"/>
      <c r="V4168" s="99"/>
      <c r="W4168" s="99"/>
      <c r="X4168" s="99"/>
      <c r="Y4168" s="99"/>
      <c r="Z4168" s="99"/>
      <c r="AA4168" s="99"/>
      <c r="AB4168" s="99"/>
      <c r="AC4168" s="99"/>
      <c r="AD4168" s="99"/>
      <c r="AE4168" s="99"/>
      <c r="AF4168" s="99"/>
      <c r="AG4168" s="99"/>
      <c r="AH4168" s="99"/>
      <c r="AI4168" s="99"/>
      <c r="AJ4168" s="99"/>
      <c r="AK4168" s="99"/>
      <c r="AL4168" s="99"/>
      <c r="AM4168" s="99"/>
      <c r="AN4168" s="99"/>
      <c r="AO4168" s="99"/>
      <c r="AP4168" s="99"/>
      <c r="AQ4168" s="99"/>
      <c r="AR4168" s="99"/>
      <c r="AS4168" s="99"/>
      <c r="AT4168" s="99"/>
      <c r="AU4168" s="99"/>
      <c r="AV4168" s="99"/>
      <c r="AW4168" s="99"/>
      <c r="AX4168" s="99"/>
      <c r="AY4168" s="99"/>
      <c r="AZ4168" s="99"/>
      <c r="BA4168" s="99"/>
      <c r="BB4168" s="107">
        <v>45884</v>
      </c>
    </row>
    <row r="4169" spans="1:54" s="238" customFormat="1" ht="13.95" customHeight="1" x14ac:dyDescent="0.25">
      <c r="A4169" s="236" t="s">
        <v>9189</v>
      </c>
      <c r="B4169" s="220" t="s">
        <v>8672</v>
      </c>
      <c r="C4169" s="190" t="s">
        <v>7841</v>
      </c>
      <c r="D4169" s="190" t="s">
        <v>9190</v>
      </c>
      <c r="E4169" s="237">
        <v>1976</v>
      </c>
      <c r="F4169" s="237">
        <v>300</v>
      </c>
      <c r="G4169" s="190" t="s">
        <v>1</v>
      </c>
      <c r="H4169" s="190">
        <v>0</v>
      </c>
      <c r="I4169" s="190">
        <v>0</v>
      </c>
      <c r="J4169" s="190">
        <v>0</v>
      </c>
      <c r="K4169" s="190">
        <v>1</v>
      </c>
      <c r="L4169" s="190">
        <v>0</v>
      </c>
      <c r="M4169" s="190">
        <v>0</v>
      </c>
      <c r="N4169" s="190">
        <v>0</v>
      </c>
      <c r="O4169" s="190">
        <v>1</v>
      </c>
      <c r="P4169" s="190">
        <v>1</v>
      </c>
      <c r="Q4169" s="190">
        <v>0</v>
      </c>
      <c r="R4169" s="190">
        <v>0</v>
      </c>
      <c r="S4169" s="190">
        <v>0</v>
      </c>
      <c r="T4169" s="190">
        <v>0</v>
      </c>
      <c r="U4169" s="99"/>
      <c r="V4169" s="99"/>
      <c r="W4169" s="99"/>
      <c r="X4169" s="99"/>
      <c r="Y4169" s="99"/>
      <c r="Z4169" s="99"/>
      <c r="AA4169" s="99"/>
      <c r="AB4169" s="99"/>
      <c r="AC4169" s="99"/>
      <c r="AD4169" s="99"/>
      <c r="AE4169" s="99"/>
      <c r="AF4169" s="99"/>
      <c r="AG4169" s="99"/>
      <c r="AH4169" s="99"/>
      <c r="AI4169" s="99"/>
      <c r="AJ4169" s="99"/>
      <c r="AK4169" s="99"/>
      <c r="AL4169" s="99"/>
      <c r="AM4169" s="99"/>
      <c r="AN4169" s="99"/>
      <c r="AO4169" s="99"/>
      <c r="AP4169" s="99"/>
      <c r="AQ4169" s="99"/>
      <c r="AR4169" s="99"/>
      <c r="AS4169" s="99"/>
      <c r="AT4169" s="99"/>
      <c r="AU4169" s="99"/>
      <c r="AV4169" s="99"/>
      <c r="AW4169" s="99"/>
      <c r="AX4169" s="99"/>
      <c r="AY4169" s="99"/>
      <c r="AZ4169" s="99"/>
      <c r="BA4169" s="99"/>
      <c r="BB4169" s="107">
        <v>45884</v>
      </c>
    </row>
    <row r="4170" spans="1:54" s="238" customFormat="1" ht="13.95" customHeight="1" x14ac:dyDescent="0.25">
      <c r="A4170" s="236" t="s">
        <v>9191</v>
      </c>
      <c r="B4170" s="220" t="s">
        <v>8672</v>
      </c>
      <c r="C4170" s="190" t="s">
        <v>9192</v>
      </c>
      <c r="D4170" s="190" t="s">
        <v>9193</v>
      </c>
      <c r="E4170" s="237">
        <v>1976</v>
      </c>
      <c r="F4170" s="237">
        <v>300</v>
      </c>
      <c r="G4170" s="190" t="s">
        <v>1</v>
      </c>
      <c r="H4170" s="190">
        <v>0</v>
      </c>
      <c r="I4170" s="190">
        <v>0</v>
      </c>
      <c r="J4170" s="190">
        <v>0</v>
      </c>
      <c r="K4170" s="190">
        <v>1</v>
      </c>
      <c r="L4170" s="190">
        <v>1</v>
      </c>
      <c r="M4170" s="190">
        <v>0</v>
      </c>
      <c r="N4170" s="190">
        <v>0</v>
      </c>
      <c r="O4170" s="190">
        <v>1</v>
      </c>
      <c r="P4170" s="190">
        <v>1</v>
      </c>
      <c r="Q4170" s="190">
        <v>0</v>
      </c>
      <c r="R4170" s="190">
        <v>1</v>
      </c>
      <c r="S4170" s="190">
        <v>0</v>
      </c>
      <c r="T4170" s="190">
        <v>0</v>
      </c>
      <c r="U4170" s="99"/>
      <c r="V4170" s="99"/>
      <c r="W4170" s="99"/>
      <c r="X4170" s="99"/>
      <c r="Y4170" s="99"/>
      <c r="Z4170" s="99"/>
      <c r="AA4170" s="99"/>
      <c r="AB4170" s="99"/>
      <c r="AC4170" s="99"/>
      <c r="AD4170" s="99"/>
      <c r="AE4170" s="99"/>
      <c r="AF4170" s="99"/>
      <c r="AG4170" s="99"/>
      <c r="AH4170" s="99"/>
      <c r="AI4170" s="99"/>
      <c r="AJ4170" s="99"/>
      <c r="AK4170" s="99"/>
      <c r="AL4170" s="99"/>
      <c r="AM4170" s="99"/>
      <c r="AN4170" s="99"/>
      <c r="AO4170" s="99"/>
      <c r="AP4170" s="99"/>
      <c r="AQ4170" s="99"/>
      <c r="AR4170" s="99"/>
      <c r="AS4170" s="99"/>
      <c r="AT4170" s="99"/>
      <c r="AU4170" s="99"/>
      <c r="AV4170" s="99"/>
      <c r="AW4170" s="99"/>
      <c r="AX4170" s="99"/>
      <c r="AY4170" s="99"/>
      <c r="AZ4170" s="99"/>
      <c r="BA4170" s="99"/>
      <c r="BB4170" s="107">
        <v>45884</v>
      </c>
    </row>
    <row r="4171" spans="1:54" s="238" customFormat="1" ht="13.95" customHeight="1" x14ac:dyDescent="0.25">
      <c r="A4171" s="236" t="s">
        <v>9194</v>
      </c>
      <c r="B4171" s="220" t="s">
        <v>8672</v>
      </c>
      <c r="C4171" s="190" t="s">
        <v>9195</v>
      </c>
      <c r="D4171" s="190" t="s">
        <v>9196</v>
      </c>
      <c r="E4171" s="237">
        <v>2010</v>
      </c>
      <c r="F4171" s="237">
        <v>300</v>
      </c>
      <c r="G4171" s="190" t="s">
        <v>1</v>
      </c>
      <c r="H4171" s="190">
        <v>0</v>
      </c>
      <c r="I4171" s="190">
        <v>0</v>
      </c>
      <c r="J4171" s="190">
        <v>1</v>
      </c>
      <c r="K4171" s="190">
        <v>0</v>
      </c>
      <c r="L4171" s="190">
        <v>1</v>
      </c>
      <c r="M4171" s="190">
        <v>0</v>
      </c>
      <c r="N4171" s="190">
        <v>0</v>
      </c>
      <c r="O4171" s="190">
        <v>1</v>
      </c>
      <c r="P4171" s="190">
        <v>0</v>
      </c>
      <c r="Q4171" s="190">
        <v>0</v>
      </c>
      <c r="R4171" s="190">
        <v>1</v>
      </c>
      <c r="S4171" s="190">
        <v>0</v>
      </c>
      <c r="T4171" s="190">
        <v>0</v>
      </c>
      <c r="U4171" s="99"/>
      <c r="V4171" s="99"/>
      <c r="W4171" s="99"/>
      <c r="X4171" s="99"/>
      <c r="Y4171" s="99"/>
      <c r="Z4171" s="99"/>
      <c r="AA4171" s="99"/>
      <c r="AB4171" s="99"/>
      <c r="AC4171" s="99"/>
      <c r="AD4171" s="99"/>
      <c r="AE4171" s="99"/>
      <c r="AF4171" s="99"/>
      <c r="AG4171" s="99"/>
      <c r="AH4171" s="99"/>
      <c r="AI4171" s="99"/>
      <c r="AJ4171" s="99"/>
      <c r="AK4171" s="99"/>
      <c r="AL4171" s="99"/>
      <c r="AM4171" s="99"/>
      <c r="AN4171" s="99"/>
      <c r="AO4171" s="99"/>
      <c r="AP4171" s="99"/>
      <c r="AQ4171" s="99"/>
      <c r="AR4171" s="99"/>
      <c r="AS4171" s="99"/>
      <c r="AT4171" s="99"/>
      <c r="AU4171" s="99"/>
      <c r="AV4171" s="99"/>
      <c r="AW4171" s="99"/>
      <c r="AX4171" s="99"/>
      <c r="AY4171" s="99"/>
      <c r="AZ4171" s="99"/>
      <c r="BA4171" s="99"/>
      <c r="BB4171" s="107">
        <v>45884</v>
      </c>
    </row>
    <row r="4172" spans="1:54" s="238" customFormat="1" ht="13.95" customHeight="1" x14ac:dyDescent="0.25">
      <c r="A4172" s="236" t="s">
        <v>9197</v>
      </c>
      <c r="B4172" s="220" t="s">
        <v>8672</v>
      </c>
      <c r="C4172" s="190" t="s">
        <v>9198</v>
      </c>
      <c r="D4172" s="190" t="s">
        <v>9199</v>
      </c>
      <c r="E4172" s="237">
        <v>1976</v>
      </c>
      <c r="F4172" s="237">
        <v>300</v>
      </c>
      <c r="G4172" s="190" t="s">
        <v>1</v>
      </c>
      <c r="H4172" s="190">
        <v>0</v>
      </c>
      <c r="I4172" s="190">
        <v>0</v>
      </c>
      <c r="J4172" s="190">
        <v>0</v>
      </c>
      <c r="K4172" s="190">
        <v>0</v>
      </c>
      <c r="L4172" s="190">
        <v>1</v>
      </c>
      <c r="M4172" s="190">
        <v>0</v>
      </c>
      <c r="N4172" s="190">
        <v>0</v>
      </c>
      <c r="O4172" s="190">
        <v>1</v>
      </c>
      <c r="P4172" s="190">
        <v>0</v>
      </c>
      <c r="Q4172" s="190">
        <v>0</v>
      </c>
      <c r="R4172" s="190">
        <v>1</v>
      </c>
      <c r="S4172" s="190">
        <v>0</v>
      </c>
      <c r="T4172" s="190">
        <v>0</v>
      </c>
      <c r="U4172" s="99"/>
      <c r="V4172" s="99"/>
      <c r="W4172" s="99"/>
      <c r="X4172" s="99"/>
      <c r="Y4172" s="99"/>
      <c r="Z4172" s="99"/>
      <c r="AA4172" s="99"/>
      <c r="AB4172" s="99"/>
      <c r="AC4172" s="99"/>
      <c r="AD4172" s="99"/>
      <c r="AE4172" s="99"/>
      <c r="AF4172" s="99"/>
      <c r="AG4172" s="99"/>
      <c r="AH4172" s="99"/>
      <c r="AI4172" s="99"/>
      <c r="AJ4172" s="99"/>
      <c r="AK4172" s="99"/>
      <c r="AL4172" s="99"/>
      <c r="AM4172" s="99"/>
      <c r="AN4172" s="99"/>
      <c r="AO4172" s="99"/>
      <c r="AP4172" s="99"/>
      <c r="AQ4172" s="99"/>
      <c r="AR4172" s="99"/>
      <c r="AS4172" s="99"/>
      <c r="AT4172" s="99"/>
      <c r="AU4172" s="99"/>
      <c r="AV4172" s="99"/>
      <c r="AW4172" s="99"/>
      <c r="AX4172" s="99"/>
      <c r="AY4172" s="99"/>
      <c r="AZ4172" s="99"/>
      <c r="BA4172" s="99"/>
      <c r="BB4172" s="107">
        <v>45884</v>
      </c>
    </row>
    <row r="4173" spans="1:54" s="238" customFormat="1" ht="13.95" customHeight="1" x14ac:dyDescent="0.25">
      <c r="A4173" s="236" t="s">
        <v>9200</v>
      </c>
      <c r="B4173" s="220" t="s">
        <v>8672</v>
      </c>
      <c r="C4173" s="190" t="s">
        <v>9201</v>
      </c>
      <c r="D4173" s="190" t="s">
        <v>9202</v>
      </c>
      <c r="E4173" s="237">
        <v>2012</v>
      </c>
      <c r="F4173" s="237">
        <v>300</v>
      </c>
      <c r="G4173" s="190" t="s">
        <v>1</v>
      </c>
      <c r="H4173" s="190">
        <v>0</v>
      </c>
      <c r="I4173" s="190">
        <v>0</v>
      </c>
      <c r="J4173" s="190">
        <v>0</v>
      </c>
      <c r="K4173" s="190">
        <v>1</v>
      </c>
      <c r="L4173" s="190">
        <v>0</v>
      </c>
      <c r="M4173" s="190">
        <v>1</v>
      </c>
      <c r="N4173" s="190">
        <v>0</v>
      </c>
      <c r="O4173" s="190">
        <v>0</v>
      </c>
      <c r="P4173" s="190">
        <v>0</v>
      </c>
      <c r="Q4173" s="190">
        <v>0</v>
      </c>
      <c r="R4173" s="190">
        <v>0</v>
      </c>
      <c r="S4173" s="190">
        <v>0</v>
      </c>
      <c r="T4173" s="190">
        <v>0</v>
      </c>
      <c r="U4173" s="99"/>
      <c r="V4173" s="99"/>
      <c r="W4173" s="99"/>
      <c r="X4173" s="99"/>
      <c r="Y4173" s="99"/>
      <c r="Z4173" s="99"/>
      <c r="AA4173" s="99"/>
      <c r="AB4173" s="99"/>
      <c r="AC4173" s="99"/>
      <c r="AD4173" s="99"/>
      <c r="AE4173" s="99"/>
      <c r="AF4173" s="99"/>
      <c r="AG4173" s="99"/>
      <c r="AH4173" s="99"/>
      <c r="AI4173" s="99"/>
      <c r="AJ4173" s="99"/>
      <c r="AK4173" s="99"/>
      <c r="AL4173" s="99"/>
      <c r="AM4173" s="99"/>
      <c r="AN4173" s="99"/>
      <c r="AO4173" s="99"/>
      <c r="AP4173" s="99"/>
      <c r="AQ4173" s="99"/>
      <c r="AR4173" s="99"/>
      <c r="AS4173" s="99"/>
      <c r="AT4173" s="99"/>
      <c r="AU4173" s="99"/>
      <c r="AV4173" s="99"/>
      <c r="AW4173" s="99"/>
      <c r="AX4173" s="99"/>
      <c r="AY4173" s="99"/>
      <c r="AZ4173" s="99"/>
      <c r="BA4173" s="99"/>
      <c r="BB4173" s="107">
        <v>45884</v>
      </c>
    </row>
    <row r="4174" spans="1:54" s="238" customFormat="1" ht="13.95" customHeight="1" x14ac:dyDescent="0.25">
      <c r="A4174" s="236" t="s">
        <v>9203</v>
      </c>
      <c r="B4174" s="220" t="s">
        <v>8672</v>
      </c>
      <c r="C4174" s="190" t="s">
        <v>9204</v>
      </c>
      <c r="D4174" s="190" t="s">
        <v>9205</v>
      </c>
      <c r="E4174" s="237">
        <v>1991</v>
      </c>
      <c r="F4174" s="237">
        <v>300</v>
      </c>
      <c r="G4174" s="190" t="s">
        <v>1</v>
      </c>
      <c r="H4174" s="190">
        <v>0</v>
      </c>
      <c r="I4174" s="190">
        <v>0</v>
      </c>
      <c r="J4174" s="190">
        <v>0</v>
      </c>
      <c r="K4174" s="190">
        <v>0</v>
      </c>
      <c r="L4174" s="190">
        <v>0</v>
      </c>
      <c r="M4174" s="190">
        <v>0</v>
      </c>
      <c r="N4174" s="190">
        <v>0</v>
      </c>
      <c r="O4174" s="190">
        <v>1</v>
      </c>
      <c r="P4174" s="190">
        <v>1</v>
      </c>
      <c r="Q4174" s="190">
        <v>0</v>
      </c>
      <c r="R4174" s="190">
        <v>1</v>
      </c>
      <c r="S4174" s="190">
        <v>0</v>
      </c>
      <c r="T4174" s="190">
        <v>0</v>
      </c>
      <c r="U4174" s="99"/>
      <c r="V4174" s="99"/>
      <c r="W4174" s="99"/>
      <c r="X4174" s="99"/>
      <c r="Y4174" s="99"/>
      <c r="Z4174" s="99"/>
      <c r="AA4174" s="99"/>
      <c r="AB4174" s="99"/>
      <c r="AC4174" s="99"/>
      <c r="AD4174" s="99"/>
      <c r="AE4174" s="99"/>
      <c r="AF4174" s="99"/>
      <c r="AG4174" s="99"/>
      <c r="AH4174" s="99"/>
      <c r="AI4174" s="99"/>
      <c r="AJ4174" s="99"/>
      <c r="AK4174" s="99"/>
      <c r="AL4174" s="99"/>
      <c r="AM4174" s="99"/>
      <c r="AN4174" s="99"/>
      <c r="AO4174" s="99"/>
      <c r="AP4174" s="99"/>
      <c r="AQ4174" s="99"/>
      <c r="AR4174" s="99"/>
      <c r="AS4174" s="99"/>
      <c r="AT4174" s="99"/>
      <c r="AU4174" s="99"/>
      <c r="AV4174" s="99"/>
      <c r="AW4174" s="99"/>
      <c r="AX4174" s="99"/>
      <c r="AY4174" s="99"/>
      <c r="AZ4174" s="99"/>
      <c r="BA4174" s="190" t="s">
        <v>8819</v>
      </c>
      <c r="BB4174" s="107">
        <v>45884</v>
      </c>
    </row>
    <row r="4175" spans="1:54" s="238" customFormat="1" ht="13.95" customHeight="1" x14ac:dyDescent="0.25">
      <c r="A4175" s="236" t="s">
        <v>9206</v>
      </c>
      <c r="B4175" s="220" t="s">
        <v>8672</v>
      </c>
      <c r="C4175" s="190" t="s">
        <v>9207</v>
      </c>
      <c r="D4175" s="190" t="s">
        <v>9208</v>
      </c>
      <c r="E4175" s="237">
        <v>1993</v>
      </c>
      <c r="F4175" s="237">
        <v>300</v>
      </c>
      <c r="G4175" s="190" t="s">
        <v>1</v>
      </c>
      <c r="H4175" s="190">
        <v>0</v>
      </c>
      <c r="I4175" s="190">
        <v>0</v>
      </c>
      <c r="J4175" s="190">
        <v>1</v>
      </c>
      <c r="K4175" s="190">
        <v>1</v>
      </c>
      <c r="L4175" s="190">
        <v>1</v>
      </c>
      <c r="M4175" s="190">
        <v>1</v>
      </c>
      <c r="N4175" s="190">
        <v>0</v>
      </c>
      <c r="O4175" s="190">
        <v>0</v>
      </c>
      <c r="P4175" s="190">
        <v>1</v>
      </c>
      <c r="Q4175" s="190">
        <v>0</v>
      </c>
      <c r="R4175" s="190">
        <v>1</v>
      </c>
      <c r="S4175" s="190">
        <v>0</v>
      </c>
      <c r="T4175" s="190">
        <v>0</v>
      </c>
      <c r="U4175" s="99"/>
      <c r="V4175" s="99"/>
      <c r="W4175" s="99"/>
      <c r="X4175" s="99"/>
      <c r="Y4175" s="99"/>
      <c r="Z4175" s="99"/>
      <c r="AA4175" s="99"/>
      <c r="AB4175" s="99"/>
      <c r="AC4175" s="99"/>
      <c r="AD4175" s="99"/>
      <c r="AE4175" s="99"/>
      <c r="AF4175" s="99"/>
      <c r="AG4175" s="99"/>
      <c r="AH4175" s="99"/>
      <c r="AI4175" s="99"/>
      <c r="AJ4175" s="99"/>
      <c r="AK4175" s="99"/>
      <c r="AL4175" s="99"/>
      <c r="AM4175" s="99"/>
      <c r="AN4175" s="99"/>
      <c r="AO4175" s="99"/>
      <c r="AP4175" s="99"/>
      <c r="AQ4175" s="99"/>
      <c r="AR4175" s="99"/>
      <c r="AS4175" s="99"/>
      <c r="AT4175" s="99"/>
      <c r="AU4175" s="99"/>
      <c r="AV4175" s="99"/>
      <c r="AW4175" s="99"/>
      <c r="AX4175" s="99"/>
      <c r="AY4175" s="99"/>
      <c r="AZ4175" s="99"/>
      <c r="BA4175" s="99"/>
      <c r="BB4175" s="107">
        <v>45884</v>
      </c>
    </row>
    <row r="4176" spans="1:54" s="238" customFormat="1" ht="13.95" customHeight="1" x14ac:dyDescent="0.25">
      <c r="A4176" s="236" t="s">
        <v>9209</v>
      </c>
      <c r="B4176" s="220" t="s">
        <v>8672</v>
      </c>
      <c r="C4176" s="190" t="s">
        <v>9210</v>
      </c>
      <c r="D4176" s="190" t="s">
        <v>9211</v>
      </c>
      <c r="E4176" s="237">
        <v>1979</v>
      </c>
      <c r="F4176" s="237">
        <v>300</v>
      </c>
      <c r="G4176" s="190" t="s">
        <v>1</v>
      </c>
      <c r="H4176" s="190">
        <v>0</v>
      </c>
      <c r="I4176" s="190">
        <v>0</v>
      </c>
      <c r="J4176" s="190">
        <v>0</v>
      </c>
      <c r="K4176" s="190">
        <v>0</v>
      </c>
      <c r="L4176" s="190">
        <v>1</v>
      </c>
      <c r="M4176" s="190">
        <v>0</v>
      </c>
      <c r="N4176" s="190">
        <v>0</v>
      </c>
      <c r="O4176" s="190">
        <v>0</v>
      </c>
      <c r="P4176" s="190">
        <v>0</v>
      </c>
      <c r="Q4176" s="190">
        <v>0</v>
      </c>
      <c r="R4176" s="190">
        <v>1</v>
      </c>
      <c r="S4176" s="190">
        <v>0</v>
      </c>
      <c r="T4176" s="190">
        <v>0</v>
      </c>
      <c r="U4176" s="99"/>
      <c r="V4176" s="99"/>
      <c r="W4176" s="99"/>
      <c r="X4176" s="99"/>
      <c r="Y4176" s="99"/>
      <c r="Z4176" s="99"/>
      <c r="AA4176" s="99"/>
      <c r="AB4176" s="99"/>
      <c r="AC4176" s="99"/>
      <c r="AD4176" s="99"/>
      <c r="AE4176" s="99"/>
      <c r="AF4176" s="99"/>
      <c r="AG4176" s="99"/>
      <c r="AH4176" s="99"/>
      <c r="AI4176" s="99"/>
      <c r="AJ4176" s="99"/>
      <c r="AK4176" s="99"/>
      <c r="AL4176" s="99"/>
      <c r="AM4176" s="99"/>
      <c r="AN4176" s="99"/>
      <c r="AO4176" s="99"/>
      <c r="AP4176" s="99"/>
      <c r="AQ4176" s="99"/>
      <c r="AR4176" s="99"/>
      <c r="AS4176" s="99"/>
      <c r="AT4176" s="99"/>
      <c r="AU4176" s="99"/>
      <c r="AV4176" s="99"/>
      <c r="AW4176" s="99"/>
      <c r="AX4176" s="99"/>
      <c r="AY4176" s="99"/>
      <c r="AZ4176" s="99"/>
      <c r="BA4176" s="99"/>
      <c r="BB4176" s="107">
        <v>45884</v>
      </c>
    </row>
    <row r="4177" spans="1:54" s="238" customFormat="1" ht="13.95" customHeight="1" x14ac:dyDescent="0.25">
      <c r="A4177" s="236" t="s">
        <v>9212</v>
      </c>
      <c r="B4177" s="220" t="s">
        <v>8672</v>
      </c>
      <c r="C4177" s="190" t="s">
        <v>9213</v>
      </c>
      <c r="D4177" s="190" t="s">
        <v>9214</v>
      </c>
      <c r="E4177" s="237">
        <v>1979</v>
      </c>
      <c r="F4177" s="237">
        <v>300</v>
      </c>
      <c r="G4177" s="190" t="s">
        <v>1</v>
      </c>
      <c r="H4177" s="190">
        <v>0</v>
      </c>
      <c r="I4177" s="190">
        <v>0</v>
      </c>
      <c r="J4177" s="190">
        <v>0</v>
      </c>
      <c r="K4177" s="190">
        <v>0</v>
      </c>
      <c r="L4177" s="190">
        <v>1</v>
      </c>
      <c r="M4177" s="190">
        <v>0</v>
      </c>
      <c r="N4177" s="190">
        <v>0</v>
      </c>
      <c r="O4177" s="190">
        <v>1</v>
      </c>
      <c r="P4177" s="190">
        <v>1</v>
      </c>
      <c r="Q4177" s="190">
        <v>0</v>
      </c>
      <c r="R4177" s="190">
        <v>0</v>
      </c>
      <c r="S4177" s="190">
        <v>0</v>
      </c>
      <c r="T4177" s="190">
        <v>0</v>
      </c>
      <c r="U4177" s="99"/>
      <c r="V4177" s="99"/>
      <c r="W4177" s="99"/>
      <c r="X4177" s="99"/>
      <c r="Y4177" s="99"/>
      <c r="Z4177" s="99"/>
      <c r="AA4177" s="99"/>
      <c r="AB4177" s="99"/>
      <c r="AC4177" s="99"/>
      <c r="AD4177" s="99"/>
      <c r="AE4177" s="99"/>
      <c r="AF4177" s="99"/>
      <c r="AG4177" s="99"/>
      <c r="AH4177" s="99"/>
      <c r="AI4177" s="99"/>
      <c r="AJ4177" s="99"/>
      <c r="AK4177" s="99"/>
      <c r="AL4177" s="99"/>
      <c r="AM4177" s="99"/>
      <c r="AN4177" s="99"/>
      <c r="AO4177" s="99"/>
      <c r="AP4177" s="99"/>
      <c r="AQ4177" s="99"/>
      <c r="AR4177" s="99"/>
      <c r="AS4177" s="99"/>
      <c r="AT4177" s="99"/>
      <c r="AU4177" s="99"/>
      <c r="AV4177" s="99"/>
      <c r="AW4177" s="99"/>
      <c r="AX4177" s="99"/>
      <c r="AY4177" s="99"/>
      <c r="AZ4177" s="99"/>
      <c r="BA4177" s="99"/>
      <c r="BB4177" s="107">
        <v>45884</v>
      </c>
    </row>
    <row r="4178" spans="1:54" s="238" customFormat="1" ht="13.95" customHeight="1" x14ac:dyDescent="0.25">
      <c r="A4178" s="236" t="s">
        <v>9215</v>
      </c>
      <c r="B4178" s="220" t="s">
        <v>8672</v>
      </c>
      <c r="C4178" s="190" t="s">
        <v>9216</v>
      </c>
      <c r="D4178" s="190" t="s">
        <v>9217</v>
      </c>
      <c r="E4178" s="237">
        <v>1979</v>
      </c>
      <c r="F4178" s="237">
        <v>300</v>
      </c>
      <c r="G4178" s="190" t="s">
        <v>1</v>
      </c>
      <c r="H4178" s="190">
        <v>0</v>
      </c>
      <c r="I4178" s="190">
        <v>0</v>
      </c>
      <c r="J4178" s="190">
        <v>0</v>
      </c>
      <c r="K4178" s="190">
        <v>0</v>
      </c>
      <c r="L4178" s="190">
        <v>1</v>
      </c>
      <c r="M4178" s="190">
        <v>0</v>
      </c>
      <c r="N4178" s="190">
        <v>0</v>
      </c>
      <c r="O4178" s="190">
        <v>1</v>
      </c>
      <c r="P4178" s="190">
        <v>1</v>
      </c>
      <c r="Q4178" s="190">
        <v>0</v>
      </c>
      <c r="R4178" s="190">
        <v>0</v>
      </c>
      <c r="S4178" s="190">
        <v>0</v>
      </c>
      <c r="T4178" s="190">
        <v>0</v>
      </c>
      <c r="U4178" s="99"/>
      <c r="V4178" s="99"/>
      <c r="W4178" s="99"/>
      <c r="X4178" s="99"/>
      <c r="Y4178" s="99"/>
      <c r="Z4178" s="99"/>
      <c r="AA4178" s="99"/>
      <c r="AB4178" s="99"/>
      <c r="AC4178" s="99"/>
      <c r="AD4178" s="99"/>
      <c r="AE4178" s="99"/>
      <c r="AF4178" s="99"/>
      <c r="AG4178" s="99"/>
      <c r="AH4178" s="99"/>
      <c r="AI4178" s="99"/>
      <c r="AJ4178" s="99"/>
      <c r="AK4178" s="99"/>
      <c r="AL4178" s="99"/>
      <c r="AM4178" s="99"/>
      <c r="AN4178" s="99"/>
      <c r="AO4178" s="99"/>
      <c r="AP4178" s="99"/>
      <c r="AQ4178" s="99"/>
      <c r="AR4178" s="99"/>
      <c r="AS4178" s="99"/>
      <c r="AT4178" s="99"/>
      <c r="AU4178" s="99"/>
      <c r="AV4178" s="99"/>
      <c r="AW4178" s="99"/>
      <c r="AX4178" s="99"/>
      <c r="AY4178" s="99"/>
      <c r="AZ4178" s="99"/>
      <c r="BA4178" s="99"/>
      <c r="BB4178" s="107">
        <v>45884</v>
      </c>
    </row>
    <row r="4179" spans="1:54" s="238" customFormat="1" ht="13.95" customHeight="1" x14ac:dyDescent="0.25">
      <c r="A4179" s="236" t="s">
        <v>9218</v>
      </c>
      <c r="B4179" s="220" t="s">
        <v>8672</v>
      </c>
      <c r="C4179" s="190" t="s">
        <v>9219</v>
      </c>
      <c r="D4179" s="190" t="s">
        <v>9220</v>
      </c>
      <c r="E4179" s="237">
        <v>1980</v>
      </c>
      <c r="F4179" s="237">
        <v>300</v>
      </c>
      <c r="G4179" s="190" t="s">
        <v>1</v>
      </c>
      <c r="H4179" s="190">
        <v>0</v>
      </c>
      <c r="I4179" s="190">
        <v>0</v>
      </c>
      <c r="J4179" s="190">
        <v>1</v>
      </c>
      <c r="K4179" s="190">
        <v>0</v>
      </c>
      <c r="L4179" s="190">
        <v>1</v>
      </c>
      <c r="M4179" s="190">
        <v>0</v>
      </c>
      <c r="N4179" s="190">
        <v>0</v>
      </c>
      <c r="O4179" s="190">
        <v>1</v>
      </c>
      <c r="P4179" s="190">
        <v>0</v>
      </c>
      <c r="Q4179" s="190">
        <v>0</v>
      </c>
      <c r="R4179" s="190">
        <v>1</v>
      </c>
      <c r="S4179" s="190">
        <v>0</v>
      </c>
      <c r="T4179" s="190">
        <v>0</v>
      </c>
      <c r="U4179" s="99"/>
      <c r="V4179" s="99"/>
      <c r="W4179" s="99"/>
      <c r="X4179" s="99"/>
      <c r="Y4179" s="99"/>
      <c r="Z4179" s="99"/>
      <c r="AA4179" s="99"/>
      <c r="AB4179" s="99"/>
      <c r="AC4179" s="99"/>
      <c r="AD4179" s="99"/>
      <c r="AE4179" s="99"/>
      <c r="AF4179" s="99"/>
      <c r="AG4179" s="99"/>
      <c r="AH4179" s="99"/>
      <c r="AI4179" s="99"/>
      <c r="AJ4179" s="99"/>
      <c r="AK4179" s="99"/>
      <c r="AL4179" s="99"/>
      <c r="AM4179" s="99"/>
      <c r="AN4179" s="99"/>
      <c r="AO4179" s="99"/>
      <c r="AP4179" s="99"/>
      <c r="AQ4179" s="99"/>
      <c r="AR4179" s="99"/>
      <c r="AS4179" s="99"/>
      <c r="AT4179" s="99"/>
      <c r="AU4179" s="99"/>
      <c r="AV4179" s="99"/>
      <c r="AW4179" s="99"/>
      <c r="AX4179" s="99"/>
      <c r="AY4179" s="99"/>
      <c r="AZ4179" s="99"/>
      <c r="BA4179" s="99"/>
      <c r="BB4179" s="107">
        <v>45884</v>
      </c>
    </row>
    <row r="4180" spans="1:54" s="238" customFormat="1" ht="13.95" customHeight="1" x14ac:dyDescent="0.25">
      <c r="A4180" s="236" t="s">
        <v>9221</v>
      </c>
      <c r="B4180" s="220" t="s">
        <v>8672</v>
      </c>
      <c r="C4180" s="190" t="s">
        <v>9222</v>
      </c>
      <c r="D4180" s="190" t="s">
        <v>9223</v>
      </c>
      <c r="E4180" s="237">
        <v>1983</v>
      </c>
      <c r="F4180" s="237">
        <v>300</v>
      </c>
      <c r="G4180" s="190" t="s">
        <v>1</v>
      </c>
      <c r="H4180" s="190">
        <v>0</v>
      </c>
      <c r="I4180" s="190">
        <v>0</v>
      </c>
      <c r="J4180" s="190">
        <v>0</v>
      </c>
      <c r="K4180" s="190">
        <v>1</v>
      </c>
      <c r="L4180" s="190">
        <v>1</v>
      </c>
      <c r="M4180" s="190">
        <v>0</v>
      </c>
      <c r="N4180" s="190">
        <v>0</v>
      </c>
      <c r="O4180" s="190">
        <v>0</v>
      </c>
      <c r="P4180" s="190">
        <v>1</v>
      </c>
      <c r="Q4180" s="190">
        <v>0</v>
      </c>
      <c r="R4180" s="190">
        <v>0</v>
      </c>
      <c r="S4180" s="190">
        <v>0</v>
      </c>
      <c r="T4180" s="190">
        <v>0</v>
      </c>
      <c r="U4180" s="99"/>
      <c r="V4180" s="99"/>
      <c r="W4180" s="99"/>
      <c r="X4180" s="99"/>
      <c r="Y4180" s="99"/>
      <c r="Z4180" s="99"/>
      <c r="AA4180" s="99"/>
      <c r="AB4180" s="99"/>
      <c r="AC4180" s="99"/>
      <c r="AD4180" s="99"/>
      <c r="AE4180" s="99"/>
      <c r="AF4180" s="99"/>
      <c r="AG4180" s="99"/>
      <c r="AH4180" s="99"/>
      <c r="AI4180" s="99"/>
      <c r="AJ4180" s="99"/>
      <c r="AK4180" s="99"/>
      <c r="AL4180" s="99"/>
      <c r="AM4180" s="99"/>
      <c r="AN4180" s="99"/>
      <c r="AO4180" s="99"/>
      <c r="AP4180" s="99"/>
      <c r="AQ4180" s="99"/>
      <c r="AR4180" s="99"/>
      <c r="AS4180" s="99"/>
      <c r="AT4180" s="99"/>
      <c r="AU4180" s="99"/>
      <c r="AV4180" s="99"/>
      <c r="AW4180" s="99"/>
      <c r="AX4180" s="99"/>
      <c r="AY4180" s="99"/>
      <c r="AZ4180" s="99"/>
      <c r="BA4180" s="99"/>
      <c r="BB4180" s="107">
        <v>45884</v>
      </c>
    </row>
    <row r="4181" spans="1:54" s="238" customFormat="1" ht="13.95" customHeight="1" x14ac:dyDescent="0.25">
      <c r="A4181" s="236" t="s">
        <v>9224</v>
      </c>
      <c r="B4181" s="220" t="s">
        <v>8672</v>
      </c>
      <c r="C4181" s="190" t="s">
        <v>9225</v>
      </c>
      <c r="D4181" s="190" t="s">
        <v>9226</v>
      </c>
      <c r="E4181" s="237">
        <v>2002</v>
      </c>
      <c r="F4181" s="237">
        <v>300</v>
      </c>
      <c r="G4181" s="190" t="s">
        <v>1</v>
      </c>
      <c r="H4181" s="190">
        <v>0</v>
      </c>
      <c r="I4181" s="190">
        <v>0</v>
      </c>
      <c r="J4181" s="190">
        <v>1</v>
      </c>
      <c r="K4181" s="190">
        <v>0</v>
      </c>
      <c r="L4181" s="190">
        <v>1</v>
      </c>
      <c r="M4181" s="190">
        <v>1</v>
      </c>
      <c r="N4181" s="190">
        <v>0</v>
      </c>
      <c r="O4181" s="190">
        <v>0</v>
      </c>
      <c r="P4181" s="190">
        <v>1</v>
      </c>
      <c r="Q4181" s="190">
        <v>1</v>
      </c>
      <c r="R4181" s="190">
        <v>1</v>
      </c>
      <c r="S4181" s="190">
        <v>0</v>
      </c>
      <c r="T4181" s="190">
        <v>0</v>
      </c>
      <c r="U4181" s="99"/>
      <c r="V4181" s="99"/>
      <c r="W4181" s="99"/>
      <c r="X4181" s="99"/>
      <c r="Y4181" s="99"/>
      <c r="Z4181" s="99"/>
      <c r="AA4181" s="99"/>
      <c r="AB4181" s="99"/>
      <c r="AC4181" s="99"/>
      <c r="AD4181" s="99"/>
      <c r="AE4181" s="99"/>
      <c r="AF4181" s="99"/>
      <c r="AG4181" s="99"/>
      <c r="AH4181" s="99"/>
      <c r="AI4181" s="99"/>
      <c r="AJ4181" s="99"/>
      <c r="AK4181" s="99"/>
      <c r="AL4181" s="99"/>
      <c r="AM4181" s="99"/>
      <c r="AN4181" s="99"/>
      <c r="AO4181" s="99"/>
      <c r="AP4181" s="99"/>
      <c r="AQ4181" s="99"/>
      <c r="AR4181" s="99"/>
      <c r="AS4181" s="99"/>
      <c r="AT4181" s="99"/>
      <c r="AU4181" s="99"/>
      <c r="AV4181" s="99"/>
      <c r="AW4181" s="99"/>
      <c r="AX4181" s="99"/>
      <c r="AY4181" s="99"/>
      <c r="AZ4181" s="99"/>
      <c r="BA4181" s="99"/>
      <c r="BB4181" s="107">
        <v>45884</v>
      </c>
    </row>
    <row r="4182" spans="1:54" s="238" customFormat="1" ht="13.95" customHeight="1" x14ac:dyDescent="0.25">
      <c r="A4182" s="236" t="s">
        <v>9227</v>
      </c>
      <c r="B4182" s="220" t="s">
        <v>8672</v>
      </c>
      <c r="C4182" s="190" t="s">
        <v>9228</v>
      </c>
      <c r="D4182" s="190" t="s">
        <v>9116</v>
      </c>
      <c r="E4182" s="237">
        <v>2003</v>
      </c>
      <c r="F4182" s="237">
        <v>300</v>
      </c>
      <c r="G4182" s="190" t="s">
        <v>1</v>
      </c>
      <c r="H4182" s="190">
        <v>0</v>
      </c>
      <c r="I4182" s="190">
        <v>0</v>
      </c>
      <c r="J4182" s="190">
        <v>1</v>
      </c>
      <c r="K4182" s="190">
        <v>1</v>
      </c>
      <c r="L4182" s="190">
        <v>0</v>
      </c>
      <c r="M4182" s="190">
        <v>1</v>
      </c>
      <c r="N4182" s="190">
        <v>0</v>
      </c>
      <c r="O4182" s="190">
        <v>0</v>
      </c>
      <c r="P4182" s="190">
        <v>0</v>
      </c>
      <c r="Q4182" s="190">
        <v>0</v>
      </c>
      <c r="R4182" s="190">
        <v>0</v>
      </c>
      <c r="S4182" s="190">
        <v>0</v>
      </c>
      <c r="T4182" s="190">
        <v>0</v>
      </c>
      <c r="U4182" s="99"/>
      <c r="V4182" s="99"/>
      <c r="W4182" s="99"/>
      <c r="X4182" s="99"/>
      <c r="Y4182" s="99"/>
      <c r="Z4182" s="99"/>
      <c r="AA4182" s="99"/>
      <c r="AB4182" s="99"/>
      <c r="AC4182" s="99"/>
      <c r="AD4182" s="99"/>
      <c r="AE4182" s="99"/>
      <c r="AF4182" s="99"/>
      <c r="AG4182" s="99"/>
      <c r="AH4182" s="99"/>
      <c r="AI4182" s="99"/>
      <c r="AJ4182" s="99"/>
      <c r="AK4182" s="99"/>
      <c r="AL4182" s="99"/>
      <c r="AM4182" s="99"/>
      <c r="AN4182" s="99"/>
      <c r="AO4182" s="99"/>
      <c r="AP4182" s="99"/>
      <c r="AQ4182" s="99"/>
      <c r="AR4182" s="99"/>
      <c r="AS4182" s="99"/>
      <c r="AT4182" s="99"/>
      <c r="AU4182" s="99"/>
      <c r="AV4182" s="99"/>
      <c r="AW4182" s="99"/>
      <c r="AX4182" s="99"/>
      <c r="AY4182" s="99"/>
      <c r="AZ4182" s="99"/>
      <c r="BA4182" s="99"/>
      <c r="BB4182" s="107">
        <v>45884</v>
      </c>
    </row>
    <row r="4183" spans="1:54" s="238" customFormat="1" ht="13.95" customHeight="1" x14ac:dyDescent="0.25">
      <c r="A4183" s="236" t="s">
        <v>9229</v>
      </c>
      <c r="B4183" s="220" t="s">
        <v>8672</v>
      </c>
      <c r="C4183" s="190" t="s">
        <v>9230</v>
      </c>
      <c r="D4183" s="190" t="s">
        <v>9231</v>
      </c>
      <c r="E4183" s="237">
        <v>1974</v>
      </c>
      <c r="F4183" s="237">
        <v>300</v>
      </c>
      <c r="G4183" s="190" t="s">
        <v>1</v>
      </c>
      <c r="H4183" s="190">
        <v>0</v>
      </c>
      <c r="I4183" s="190">
        <v>0</v>
      </c>
      <c r="J4183" s="190">
        <v>0</v>
      </c>
      <c r="K4183" s="190">
        <v>0</v>
      </c>
      <c r="L4183" s="190">
        <v>0</v>
      </c>
      <c r="M4183" s="190">
        <v>0</v>
      </c>
      <c r="N4183" s="190">
        <v>0</v>
      </c>
      <c r="O4183" s="190">
        <v>1</v>
      </c>
      <c r="P4183" s="190">
        <v>1</v>
      </c>
      <c r="Q4183" s="190">
        <v>0</v>
      </c>
      <c r="R4183" s="190">
        <v>0</v>
      </c>
      <c r="S4183" s="190">
        <v>0</v>
      </c>
      <c r="T4183" s="190">
        <v>0</v>
      </c>
      <c r="U4183" s="99"/>
      <c r="V4183" s="99"/>
      <c r="W4183" s="99"/>
      <c r="X4183" s="99"/>
      <c r="Y4183" s="99"/>
      <c r="Z4183" s="99"/>
      <c r="AA4183" s="99"/>
      <c r="AB4183" s="99"/>
      <c r="AC4183" s="99"/>
      <c r="AD4183" s="99"/>
      <c r="AE4183" s="99"/>
      <c r="AF4183" s="99"/>
      <c r="AG4183" s="99"/>
      <c r="AH4183" s="99"/>
      <c r="AI4183" s="99"/>
      <c r="AJ4183" s="99"/>
      <c r="AK4183" s="99"/>
      <c r="AL4183" s="99"/>
      <c r="AM4183" s="99"/>
      <c r="AN4183" s="99"/>
      <c r="AO4183" s="99"/>
      <c r="AP4183" s="99"/>
      <c r="AQ4183" s="99"/>
      <c r="AR4183" s="99"/>
      <c r="AS4183" s="99"/>
      <c r="AT4183" s="99"/>
      <c r="AU4183" s="99"/>
      <c r="AV4183" s="99"/>
      <c r="AW4183" s="99"/>
      <c r="AX4183" s="99"/>
      <c r="AY4183" s="99"/>
      <c r="AZ4183" s="99"/>
      <c r="BA4183" s="99"/>
      <c r="BB4183" s="107">
        <v>45884</v>
      </c>
    </row>
    <row r="4184" spans="1:54" s="238" customFormat="1" ht="13.95" customHeight="1" x14ac:dyDescent="0.25">
      <c r="A4184" s="236" t="s">
        <v>9232</v>
      </c>
      <c r="B4184" s="220" t="s">
        <v>8672</v>
      </c>
      <c r="C4184" s="190" t="s">
        <v>9233</v>
      </c>
      <c r="D4184" s="190" t="s">
        <v>8838</v>
      </c>
      <c r="E4184" s="237">
        <v>1983</v>
      </c>
      <c r="F4184" s="237">
        <v>300</v>
      </c>
      <c r="G4184" s="190" t="s">
        <v>1</v>
      </c>
      <c r="H4184" s="190">
        <v>0</v>
      </c>
      <c r="I4184" s="190">
        <v>0</v>
      </c>
      <c r="J4184" s="190">
        <v>0</v>
      </c>
      <c r="K4184" s="190">
        <v>0</v>
      </c>
      <c r="L4184" s="190">
        <v>1</v>
      </c>
      <c r="M4184" s="190">
        <v>0</v>
      </c>
      <c r="N4184" s="190">
        <v>0</v>
      </c>
      <c r="O4184" s="190">
        <v>0</v>
      </c>
      <c r="P4184" s="190">
        <v>1</v>
      </c>
      <c r="Q4184" s="190">
        <v>0</v>
      </c>
      <c r="R4184" s="190">
        <v>1</v>
      </c>
      <c r="S4184" s="190">
        <v>0</v>
      </c>
      <c r="T4184" s="190">
        <v>0</v>
      </c>
      <c r="U4184" s="99"/>
      <c r="V4184" s="99"/>
      <c r="W4184" s="99"/>
      <c r="X4184" s="99"/>
      <c r="Y4184" s="99"/>
      <c r="Z4184" s="99"/>
      <c r="AA4184" s="99"/>
      <c r="AB4184" s="99"/>
      <c r="AC4184" s="99"/>
      <c r="AD4184" s="99"/>
      <c r="AE4184" s="99"/>
      <c r="AF4184" s="99"/>
      <c r="AG4184" s="99"/>
      <c r="AH4184" s="99"/>
      <c r="AI4184" s="99"/>
      <c r="AJ4184" s="99"/>
      <c r="AK4184" s="99"/>
      <c r="AL4184" s="99"/>
      <c r="AM4184" s="99"/>
      <c r="AN4184" s="99"/>
      <c r="AO4184" s="99"/>
      <c r="AP4184" s="99"/>
      <c r="AQ4184" s="99"/>
      <c r="AR4184" s="99"/>
      <c r="AS4184" s="99"/>
      <c r="AT4184" s="99"/>
      <c r="AU4184" s="99"/>
      <c r="AV4184" s="99"/>
      <c r="AW4184" s="99"/>
      <c r="AX4184" s="99"/>
      <c r="AY4184" s="99"/>
      <c r="AZ4184" s="99"/>
      <c r="BA4184" s="190" t="s">
        <v>9234</v>
      </c>
      <c r="BB4184" s="107">
        <v>45884</v>
      </c>
    </row>
    <row r="4185" spans="1:54" s="238" customFormat="1" ht="13.95" customHeight="1" x14ac:dyDescent="0.25">
      <c r="A4185" s="236" t="s">
        <v>9235</v>
      </c>
      <c r="B4185" s="220" t="s">
        <v>8672</v>
      </c>
      <c r="C4185" s="190" t="s">
        <v>9236</v>
      </c>
      <c r="D4185" s="190" t="s">
        <v>9237</v>
      </c>
      <c r="E4185" s="237">
        <v>1974</v>
      </c>
      <c r="F4185" s="237">
        <v>400</v>
      </c>
      <c r="G4185" s="190" t="s">
        <v>1</v>
      </c>
      <c r="H4185" s="190">
        <v>0</v>
      </c>
      <c r="I4185" s="190">
        <v>0</v>
      </c>
      <c r="J4185" s="190">
        <v>1</v>
      </c>
      <c r="K4185" s="190">
        <v>1</v>
      </c>
      <c r="L4185" s="190">
        <v>0</v>
      </c>
      <c r="M4185" s="190">
        <v>0</v>
      </c>
      <c r="N4185" s="190">
        <v>0</v>
      </c>
      <c r="O4185" s="190">
        <v>1</v>
      </c>
      <c r="P4185" s="190">
        <v>1</v>
      </c>
      <c r="Q4185" s="190">
        <v>0</v>
      </c>
      <c r="R4185" s="190">
        <v>1</v>
      </c>
      <c r="S4185" s="190">
        <v>0</v>
      </c>
      <c r="T4185" s="190">
        <v>0</v>
      </c>
      <c r="U4185" s="99"/>
      <c r="V4185" s="99"/>
      <c r="W4185" s="99"/>
      <c r="X4185" s="99"/>
      <c r="Y4185" s="99"/>
      <c r="Z4185" s="99"/>
      <c r="AA4185" s="99"/>
      <c r="AB4185" s="99"/>
      <c r="AC4185" s="99"/>
      <c r="AD4185" s="99"/>
      <c r="AE4185" s="99"/>
      <c r="AF4185" s="99"/>
      <c r="AG4185" s="99"/>
      <c r="AH4185" s="99"/>
      <c r="AI4185" s="99"/>
      <c r="AJ4185" s="99"/>
      <c r="AK4185" s="99"/>
      <c r="AL4185" s="99"/>
      <c r="AM4185" s="99"/>
      <c r="AN4185" s="99"/>
      <c r="AO4185" s="99"/>
      <c r="AP4185" s="99"/>
      <c r="AQ4185" s="99"/>
      <c r="AR4185" s="99"/>
      <c r="AS4185" s="99"/>
      <c r="AT4185" s="99"/>
      <c r="AU4185" s="99"/>
      <c r="AV4185" s="99"/>
      <c r="AW4185" s="99"/>
      <c r="AX4185" s="99"/>
      <c r="AY4185" s="99"/>
      <c r="AZ4185" s="99"/>
      <c r="BA4185" s="99"/>
      <c r="BB4185" s="107">
        <v>45884</v>
      </c>
    </row>
    <row r="4186" spans="1:54" s="238" customFormat="1" ht="13.95" customHeight="1" x14ac:dyDescent="0.25">
      <c r="A4186" s="236" t="s">
        <v>9238</v>
      </c>
      <c r="B4186" s="220" t="s">
        <v>8672</v>
      </c>
      <c r="C4186" s="190" t="s">
        <v>9239</v>
      </c>
      <c r="D4186" s="190" t="s">
        <v>9240</v>
      </c>
      <c r="E4186" s="237">
        <v>1983</v>
      </c>
      <c r="F4186" s="237">
        <v>400</v>
      </c>
      <c r="G4186" s="190" t="s">
        <v>1</v>
      </c>
      <c r="H4186" s="190">
        <v>0</v>
      </c>
      <c r="I4186" s="190">
        <v>0</v>
      </c>
      <c r="J4186" s="190">
        <v>1</v>
      </c>
      <c r="K4186" s="190">
        <v>1</v>
      </c>
      <c r="L4186" s="190">
        <v>1</v>
      </c>
      <c r="M4186" s="190">
        <v>0</v>
      </c>
      <c r="N4186" s="190">
        <v>0</v>
      </c>
      <c r="O4186" s="190">
        <v>0</v>
      </c>
      <c r="P4186" s="190">
        <v>0</v>
      </c>
      <c r="Q4186" s="190">
        <v>0</v>
      </c>
      <c r="R4186" s="190">
        <v>0</v>
      </c>
      <c r="S4186" s="190">
        <v>1</v>
      </c>
      <c r="T4186" s="190">
        <v>0</v>
      </c>
      <c r="U4186" s="99"/>
      <c r="V4186" s="99"/>
      <c r="W4186" s="99"/>
      <c r="X4186" s="99"/>
      <c r="Y4186" s="99"/>
      <c r="Z4186" s="99"/>
      <c r="AA4186" s="99"/>
      <c r="AB4186" s="99"/>
      <c r="AC4186" s="99"/>
      <c r="AD4186" s="99"/>
      <c r="AE4186" s="99"/>
      <c r="AF4186" s="99"/>
      <c r="AG4186" s="99"/>
      <c r="AH4186" s="99"/>
      <c r="AI4186" s="99"/>
      <c r="AJ4186" s="99"/>
      <c r="AK4186" s="99"/>
      <c r="AL4186" s="99"/>
      <c r="AM4186" s="99"/>
      <c r="AN4186" s="99"/>
      <c r="AO4186" s="99"/>
      <c r="AP4186" s="99"/>
      <c r="AQ4186" s="99"/>
      <c r="AR4186" s="99"/>
      <c r="AS4186" s="99"/>
      <c r="AT4186" s="99"/>
      <c r="AU4186" s="99"/>
      <c r="AV4186" s="99"/>
      <c r="AW4186" s="99"/>
      <c r="AX4186" s="99"/>
      <c r="AY4186" s="99"/>
      <c r="AZ4186" s="99"/>
      <c r="BA4186" s="190" t="s">
        <v>8819</v>
      </c>
      <c r="BB4186" s="107">
        <v>45884</v>
      </c>
    </row>
    <row r="4187" spans="1:54" s="238" customFormat="1" ht="13.95" customHeight="1" x14ac:dyDescent="0.25">
      <c r="A4187" s="236" t="s">
        <v>9241</v>
      </c>
      <c r="B4187" s="220" t="s">
        <v>8672</v>
      </c>
      <c r="C4187" s="190" t="s">
        <v>9242</v>
      </c>
      <c r="D4187" s="190" t="s">
        <v>9243</v>
      </c>
      <c r="E4187" s="237">
        <v>2005</v>
      </c>
      <c r="F4187" s="237">
        <v>400</v>
      </c>
      <c r="G4187" s="190" t="s">
        <v>1</v>
      </c>
      <c r="H4187" s="190">
        <v>0</v>
      </c>
      <c r="I4187" s="190">
        <v>0</v>
      </c>
      <c r="J4187" s="190">
        <v>1</v>
      </c>
      <c r="K4187" s="190">
        <v>1</v>
      </c>
      <c r="L4187" s="190">
        <v>1</v>
      </c>
      <c r="M4187" s="190">
        <v>1</v>
      </c>
      <c r="N4187" s="190">
        <v>0</v>
      </c>
      <c r="O4187" s="190">
        <v>0</v>
      </c>
      <c r="P4187" s="190">
        <v>0</v>
      </c>
      <c r="Q4187" s="190">
        <v>0</v>
      </c>
      <c r="R4187" s="190">
        <v>1</v>
      </c>
      <c r="S4187" s="190">
        <v>0</v>
      </c>
      <c r="T4187" s="190">
        <v>0</v>
      </c>
      <c r="U4187" s="99"/>
      <c r="V4187" s="99"/>
      <c r="W4187" s="99"/>
      <c r="X4187" s="99"/>
      <c r="Y4187" s="99"/>
      <c r="Z4187" s="99"/>
      <c r="AA4187" s="99"/>
      <c r="AB4187" s="99"/>
      <c r="AC4187" s="99"/>
      <c r="AD4187" s="99"/>
      <c r="AE4187" s="99"/>
      <c r="AF4187" s="99"/>
      <c r="AG4187" s="99"/>
      <c r="AH4187" s="99"/>
      <c r="AI4187" s="99"/>
      <c r="AJ4187" s="99"/>
      <c r="AK4187" s="99"/>
      <c r="AL4187" s="99"/>
      <c r="AM4187" s="99"/>
      <c r="AN4187" s="99"/>
      <c r="AO4187" s="99"/>
      <c r="AP4187" s="99"/>
      <c r="AQ4187" s="99"/>
      <c r="AR4187" s="99"/>
      <c r="AS4187" s="99"/>
      <c r="AT4187" s="99"/>
      <c r="AU4187" s="99"/>
      <c r="AV4187" s="99"/>
      <c r="AW4187" s="99"/>
      <c r="AX4187" s="99"/>
      <c r="AY4187" s="99"/>
      <c r="AZ4187" s="99"/>
      <c r="BA4187" s="99"/>
      <c r="BB4187" s="107">
        <v>45884</v>
      </c>
    </row>
    <row r="4188" spans="1:54" s="238" customFormat="1" ht="13.95" customHeight="1" x14ac:dyDescent="0.25">
      <c r="A4188" s="236" t="s">
        <v>9244</v>
      </c>
      <c r="B4188" s="220" t="s">
        <v>8672</v>
      </c>
      <c r="C4188" s="190" t="s">
        <v>9245</v>
      </c>
      <c r="D4188" s="190" t="s">
        <v>9246</v>
      </c>
      <c r="E4188" s="237">
        <v>1993</v>
      </c>
      <c r="F4188" s="237">
        <v>400</v>
      </c>
      <c r="G4188" s="190" t="s">
        <v>1</v>
      </c>
      <c r="H4188" s="190">
        <v>0</v>
      </c>
      <c r="I4188" s="190">
        <v>0</v>
      </c>
      <c r="J4188" s="190">
        <v>0</v>
      </c>
      <c r="K4188" s="190">
        <v>1</v>
      </c>
      <c r="L4188" s="190">
        <v>1</v>
      </c>
      <c r="M4188" s="190">
        <v>1</v>
      </c>
      <c r="N4188" s="190">
        <v>0</v>
      </c>
      <c r="O4188" s="190">
        <v>1</v>
      </c>
      <c r="P4188" s="190">
        <v>1</v>
      </c>
      <c r="Q4188" s="190">
        <v>0</v>
      </c>
      <c r="R4188" s="190">
        <v>1</v>
      </c>
      <c r="S4188" s="190">
        <v>0</v>
      </c>
      <c r="T4188" s="190">
        <v>0</v>
      </c>
      <c r="U4188" s="99"/>
      <c r="V4188" s="99"/>
      <c r="W4188" s="99"/>
      <c r="X4188" s="99"/>
      <c r="Y4188" s="99"/>
      <c r="Z4188" s="99"/>
      <c r="AA4188" s="99"/>
      <c r="AB4188" s="99"/>
      <c r="AC4188" s="99"/>
      <c r="AD4188" s="99"/>
      <c r="AE4188" s="99"/>
      <c r="AF4188" s="99"/>
      <c r="AG4188" s="99"/>
      <c r="AH4188" s="99"/>
      <c r="AI4188" s="99"/>
      <c r="AJ4188" s="99"/>
      <c r="AK4188" s="99"/>
      <c r="AL4188" s="99"/>
      <c r="AM4188" s="99"/>
      <c r="AN4188" s="99"/>
      <c r="AO4188" s="99"/>
      <c r="AP4188" s="99"/>
      <c r="AQ4188" s="99"/>
      <c r="AR4188" s="99"/>
      <c r="AS4188" s="99"/>
      <c r="AT4188" s="99"/>
      <c r="AU4188" s="99"/>
      <c r="AV4188" s="99"/>
      <c r="AW4188" s="99"/>
      <c r="AX4188" s="99"/>
      <c r="AY4188" s="99"/>
      <c r="AZ4188" s="99"/>
      <c r="BA4188" s="99"/>
      <c r="BB4188" s="107">
        <v>45884</v>
      </c>
    </row>
    <row r="4189" spans="1:54" s="238" customFormat="1" ht="13.95" customHeight="1" x14ac:dyDescent="0.25">
      <c r="A4189" s="236" t="s">
        <v>9247</v>
      </c>
      <c r="B4189" s="220" t="s">
        <v>8672</v>
      </c>
      <c r="C4189" s="190" t="s">
        <v>9248</v>
      </c>
      <c r="D4189" s="190" t="s">
        <v>9249</v>
      </c>
      <c r="E4189" s="237">
        <v>1994</v>
      </c>
      <c r="F4189" s="237">
        <v>400</v>
      </c>
      <c r="G4189" s="190" t="s">
        <v>1</v>
      </c>
      <c r="H4189" s="190">
        <v>0</v>
      </c>
      <c r="I4189" s="190">
        <v>0</v>
      </c>
      <c r="J4189" s="190">
        <v>1</v>
      </c>
      <c r="K4189" s="190">
        <v>1</v>
      </c>
      <c r="L4189" s="190">
        <v>1</v>
      </c>
      <c r="M4189" s="190">
        <v>1</v>
      </c>
      <c r="N4189" s="190">
        <v>0</v>
      </c>
      <c r="O4189" s="190">
        <v>1</v>
      </c>
      <c r="P4189" s="190">
        <v>1</v>
      </c>
      <c r="Q4189" s="190">
        <v>0</v>
      </c>
      <c r="R4189" s="190">
        <v>1</v>
      </c>
      <c r="S4189" s="190">
        <v>0</v>
      </c>
      <c r="T4189" s="190">
        <v>0</v>
      </c>
      <c r="U4189" s="99"/>
      <c r="V4189" s="99"/>
      <c r="W4189" s="99"/>
      <c r="X4189" s="99"/>
      <c r="Y4189" s="99"/>
      <c r="Z4189" s="99"/>
      <c r="AA4189" s="99"/>
      <c r="AB4189" s="99"/>
      <c r="AC4189" s="99"/>
      <c r="AD4189" s="99"/>
      <c r="AE4189" s="99"/>
      <c r="AF4189" s="99"/>
      <c r="AG4189" s="99"/>
      <c r="AH4189" s="99"/>
      <c r="AI4189" s="99"/>
      <c r="AJ4189" s="99"/>
      <c r="AK4189" s="99"/>
      <c r="AL4189" s="99"/>
      <c r="AM4189" s="99"/>
      <c r="AN4189" s="99"/>
      <c r="AO4189" s="99"/>
      <c r="AP4189" s="99"/>
      <c r="AQ4189" s="99"/>
      <c r="AR4189" s="99"/>
      <c r="AS4189" s="99"/>
      <c r="AT4189" s="99"/>
      <c r="AU4189" s="99"/>
      <c r="AV4189" s="99"/>
      <c r="AW4189" s="99"/>
      <c r="AX4189" s="99"/>
      <c r="AY4189" s="99"/>
      <c r="AZ4189" s="99"/>
      <c r="BA4189" s="99"/>
      <c r="BB4189" s="107">
        <v>45884</v>
      </c>
    </row>
    <row r="4190" spans="1:54" s="238" customFormat="1" ht="13.95" customHeight="1" x14ac:dyDescent="0.25">
      <c r="A4190" s="236" t="s">
        <v>9250</v>
      </c>
      <c r="B4190" s="220" t="s">
        <v>8672</v>
      </c>
      <c r="C4190" s="190" t="s">
        <v>9251</v>
      </c>
      <c r="D4190" s="190" t="s">
        <v>9252</v>
      </c>
      <c r="E4190" s="237">
        <v>1997</v>
      </c>
      <c r="F4190" s="237">
        <v>400</v>
      </c>
      <c r="G4190" s="190" t="s">
        <v>1</v>
      </c>
      <c r="H4190" s="190">
        <v>0</v>
      </c>
      <c r="I4190" s="190">
        <v>0</v>
      </c>
      <c r="J4190" s="190">
        <v>1</v>
      </c>
      <c r="K4190" s="190">
        <v>1</v>
      </c>
      <c r="L4190" s="190">
        <v>1</v>
      </c>
      <c r="M4190" s="190">
        <v>1</v>
      </c>
      <c r="N4190" s="190">
        <v>0</v>
      </c>
      <c r="O4190" s="190">
        <v>0</v>
      </c>
      <c r="P4190" s="190">
        <v>1</v>
      </c>
      <c r="Q4190" s="190">
        <v>0</v>
      </c>
      <c r="R4190" s="190">
        <v>0</v>
      </c>
      <c r="S4190" s="190">
        <v>0</v>
      </c>
      <c r="T4190" s="190">
        <v>0</v>
      </c>
      <c r="U4190" s="99"/>
      <c r="V4190" s="99"/>
      <c r="W4190" s="99"/>
      <c r="X4190" s="99"/>
      <c r="Y4190" s="99"/>
      <c r="Z4190" s="99"/>
      <c r="AA4190" s="99"/>
      <c r="AB4190" s="99"/>
      <c r="AC4190" s="99"/>
      <c r="AD4190" s="99"/>
      <c r="AE4190" s="99"/>
      <c r="AF4190" s="99"/>
      <c r="AG4190" s="99"/>
      <c r="AH4190" s="99"/>
      <c r="AI4190" s="99"/>
      <c r="AJ4190" s="99"/>
      <c r="AK4190" s="99"/>
      <c r="AL4190" s="99"/>
      <c r="AM4190" s="99"/>
      <c r="AN4190" s="99"/>
      <c r="AO4190" s="99"/>
      <c r="AP4190" s="99"/>
      <c r="AQ4190" s="99"/>
      <c r="AR4190" s="99"/>
      <c r="AS4190" s="99"/>
      <c r="AT4190" s="99"/>
      <c r="AU4190" s="99"/>
      <c r="AV4190" s="99"/>
      <c r="AW4190" s="99"/>
      <c r="AX4190" s="99"/>
      <c r="AY4190" s="99"/>
      <c r="AZ4190" s="99"/>
      <c r="BA4190" s="99"/>
      <c r="BB4190" s="107">
        <v>45884</v>
      </c>
    </row>
    <row r="4191" spans="1:54" s="238" customFormat="1" ht="13.95" customHeight="1" x14ac:dyDescent="0.25">
      <c r="A4191" s="236" t="s">
        <v>9253</v>
      </c>
      <c r="B4191" s="220" t="s">
        <v>8672</v>
      </c>
      <c r="C4191" s="190" t="s">
        <v>9254</v>
      </c>
      <c r="D4191" s="190" t="s">
        <v>9255</v>
      </c>
      <c r="E4191" s="237">
        <v>1999</v>
      </c>
      <c r="F4191" s="237">
        <v>400</v>
      </c>
      <c r="G4191" s="190" t="s">
        <v>1</v>
      </c>
      <c r="H4191" s="190">
        <v>0</v>
      </c>
      <c r="I4191" s="190">
        <v>0</v>
      </c>
      <c r="J4191" s="190">
        <v>1</v>
      </c>
      <c r="K4191" s="190">
        <v>1</v>
      </c>
      <c r="L4191" s="190">
        <v>1</v>
      </c>
      <c r="M4191" s="190">
        <v>1</v>
      </c>
      <c r="N4191" s="190">
        <v>0</v>
      </c>
      <c r="O4191" s="190">
        <v>0</v>
      </c>
      <c r="P4191" s="190">
        <v>1</v>
      </c>
      <c r="Q4191" s="190">
        <v>0</v>
      </c>
      <c r="R4191" s="190">
        <v>0</v>
      </c>
      <c r="S4191" s="190">
        <v>1</v>
      </c>
      <c r="T4191" s="190">
        <v>0</v>
      </c>
      <c r="U4191" s="99"/>
      <c r="V4191" s="99"/>
      <c r="W4191" s="99"/>
      <c r="X4191" s="99"/>
      <c r="Y4191" s="99"/>
      <c r="Z4191" s="99"/>
      <c r="AA4191" s="99"/>
      <c r="AB4191" s="99"/>
      <c r="AC4191" s="99"/>
      <c r="AD4191" s="99"/>
      <c r="AE4191" s="99"/>
      <c r="AF4191" s="99"/>
      <c r="AG4191" s="99"/>
      <c r="AH4191" s="99"/>
      <c r="AI4191" s="99"/>
      <c r="AJ4191" s="99"/>
      <c r="AK4191" s="99"/>
      <c r="AL4191" s="99"/>
      <c r="AM4191" s="99"/>
      <c r="AN4191" s="99"/>
      <c r="AO4191" s="99"/>
      <c r="AP4191" s="99"/>
      <c r="AQ4191" s="99"/>
      <c r="AR4191" s="99"/>
      <c r="AS4191" s="99"/>
      <c r="AT4191" s="99"/>
      <c r="AU4191" s="99"/>
      <c r="AV4191" s="99"/>
      <c r="AW4191" s="99"/>
      <c r="AX4191" s="99"/>
      <c r="AY4191" s="99"/>
      <c r="AZ4191" s="99"/>
      <c r="BA4191" s="99"/>
      <c r="BB4191" s="107">
        <v>45884</v>
      </c>
    </row>
    <row r="4192" spans="1:54" s="238" customFormat="1" ht="13.95" customHeight="1" x14ac:dyDescent="0.25">
      <c r="A4192" s="236" t="s">
        <v>9256</v>
      </c>
      <c r="B4192" s="220" t="s">
        <v>8672</v>
      </c>
      <c r="C4192" s="190" t="s">
        <v>9257</v>
      </c>
      <c r="D4192" s="190" t="s">
        <v>9258</v>
      </c>
      <c r="E4192" s="237">
        <v>2001</v>
      </c>
      <c r="F4192" s="237">
        <v>400</v>
      </c>
      <c r="G4192" s="190" t="s">
        <v>1</v>
      </c>
      <c r="H4192" s="190">
        <v>0</v>
      </c>
      <c r="I4192" s="190">
        <v>0</v>
      </c>
      <c r="J4192" s="190">
        <v>0</v>
      </c>
      <c r="K4192" s="190">
        <v>0</v>
      </c>
      <c r="L4192" s="190">
        <v>0</v>
      </c>
      <c r="M4192" s="190">
        <v>0</v>
      </c>
      <c r="N4192" s="190">
        <v>1</v>
      </c>
      <c r="O4192" s="190">
        <v>0</v>
      </c>
      <c r="P4192" s="190">
        <v>0</v>
      </c>
      <c r="Q4192" s="190">
        <v>0</v>
      </c>
      <c r="R4192" s="190">
        <v>0</v>
      </c>
      <c r="S4192" s="190">
        <v>0</v>
      </c>
      <c r="T4192" s="190">
        <v>0</v>
      </c>
      <c r="U4192" s="99"/>
      <c r="V4192" s="99"/>
      <c r="W4192" s="99"/>
      <c r="X4192" s="99"/>
      <c r="Y4192" s="99"/>
      <c r="Z4192" s="99"/>
      <c r="AA4192" s="99"/>
      <c r="AB4192" s="99"/>
      <c r="AC4192" s="99"/>
      <c r="AD4192" s="99"/>
      <c r="AE4192" s="99"/>
      <c r="AF4192" s="99"/>
      <c r="AG4192" s="99"/>
      <c r="AH4192" s="99"/>
      <c r="AI4192" s="99"/>
      <c r="AJ4192" s="99"/>
      <c r="AK4192" s="99"/>
      <c r="AL4192" s="99"/>
      <c r="AM4192" s="99"/>
      <c r="AN4192" s="99"/>
      <c r="AO4192" s="99"/>
      <c r="AP4192" s="99"/>
      <c r="AQ4192" s="99"/>
      <c r="AR4192" s="99"/>
      <c r="AS4192" s="99"/>
      <c r="AT4192" s="99"/>
      <c r="AU4192" s="99"/>
      <c r="AV4192" s="99"/>
      <c r="AW4192" s="99"/>
      <c r="AX4192" s="99"/>
      <c r="AY4192" s="99"/>
      <c r="AZ4192" s="99"/>
      <c r="BA4192" s="99"/>
      <c r="BB4192" s="107">
        <v>45884</v>
      </c>
    </row>
    <row r="4193" spans="1:54" s="238" customFormat="1" ht="13.95" customHeight="1" x14ac:dyDescent="0.25">
      <c r="A4193" s="236" t="s">
        <v>9259</v>
      </c>
      <c r="B4193" s="220" t="s">
        <v>8672</v>
      </c>
      <c r="C4193" s="190" t="s">
        <v>9260</v>
      </c>
      <c r="D4193" s="190" t="s">
        <v>9261</v>
      </c>
      <c r="E4193" s="237">
        <v>2014</v>
      </c>
      <c r="F4193" s="237">
        <v>400</v>
      </c>
      <c r="G4193" s="190" t="s">
        <v>1</v>
      </c>
      <c r="H4193" s="190">
        <v>0</v>
      </c>
      <c r="I4193" s="190">
        <v>0</v>
      </c>
      <c r="J4193" s="190">
        <v>1</v>
      </c>
      <c r="K4193" s="190">
        <v>1</v>
      </c>
      <c r="L4193" s="190">
        <v>1</v>
      </c>
      <c r="M4193" s="190">
        <v>0</v>
      </c>
      <c r="N4193" s="190">
        <v>0</v>
      </c>
      <c r="O4193" s="190">
        <v>0</v>
      </c>
      <c r="P4193" s="190">
        <v>1</v>
      </c>
      <c r="Q4193" s="190">
        <v>0</v>
      </c>
      <c r="R4193" s="190">
        <v>1</v>
      </c>
      <c r="S4193" s="190">
        <v>0</v>
      </c>
      <c r="T4193" s="190">
        <v>0</v>
      </c>
      <c r="U4193" s="99"/>
      <c r="V4193" s="99"/>
      <c r="W4193" s="99"/>
      <c r="X4193" s="99"/>
      <c r="Y4193" s="99"/>
      <c r="Z4193" s="99"/>
      <c r="AA4193" s="99"/>
      <c r="AB4193" s="99"/>
      <c r="AC4193" s="99"/>
      <c r="AD4193" s="99"/>
      <c r="AE4193" s="99"/>
      <c r="AF4193" s="99"/>
      <c r="AG4193" s="99"/>
      <c r="AH4193" s="99"/>
      <c r="AI4193" s="99"/>
      <c r="AJ4193" s="99"/>
      <c r="AK4193" s="99"/>
      <c r="AL4193" s="99"/>
      <c r="AM4193" s="99"/>
      <c r="AN4193" s="99"/>
      <c r="AO4193" s="99"/>
      <c r="AP4193" s="99"/>
      <c r="AQ4193" s="99"/>
      <c r="AR4193" s="99"/>
      <c r="AS4193" s="99"/>
      <c r="AT4193" s="99"/>
      <c r="AU4193" s="99"/>
      <c r="AV4193" s="99"/>
      <c r="AW4193" s="99"/>
      <c r="AX4193" s="99"/>
      <c r="AY4193" s="99"/>
      <c r="AZ4193" s="99"/>
      <c r="BA4193" s="99"/>
      <c r="BB4193" s="107">
        <v>45884</v>
      </c>
    </row>
    <row r="4194" spans="1:54" s="238" customFormat="1" ht="13.95" customHeight="1" x14ac:dyDescent="0.25">
      <c r="A4194" s="236" t="s">
        <v>9262</v>
      </c>
      <c r="B4194" s="220" t="s">
        <v>8672</v>
      </c>
      <c r="C4194" s="190" t="s">
        <v>9263</v>
      </c>
      <c r="D4194" s="190" t="s">
        <v>9264</v>
      </c>
      <c r="E4194" s="237">
        <v>2004</v>
      </c>
      <c r="F4194" s="237">
        <v>400</v>
      </c>
      <c r="G4194" s="190" t="s">
        <v>1</v>
      </c>
      <c r="H4194" s="190">
        <v>0</v>
      </c>
      <c r="I4194" s="190">
        <v>0</v>
      </c>
      <c r="J4194" s="190">
        <v>0</v>
      </c>
      <c r="K4194" s="190">
        <v>1</v>
      </c>
      <c r="L4194" s="190">
        <v>1</v>
      </c>
      <c r="M4194" s="190">
        <v>1</v>
      </c>
      <c r="N4194" s="190">
        <v>0</v>
      </c>
      <c r="O4194" s="190">
        <v>0</v>
      </c>
      <c r="P4194" s="190">
        <v>0</v>
      </c>
      <c r="Q4194" s="190">
        <v>0</v>
      </c>
      <c r="R4194" s="190">
        <v>1</v>
      </c>
      <c r="S4194" s="190">
        <v>0</v>
      </c>
      <c r="T4194" s="190">
        <v>0</v>
      </c>
      <c r="U4194" s="99"/>
      <c r="V4194" s="99"/>
      <c r="W4194" s="99"/>
      <c r="X4194" s="99"/>
      <c r="Y4194" s="99"/>
      <c r="Z4194" s="99"/>
      <c r="AA4194" s="99"/>
      <c r="AB4194" s="99"/>
      <c r="AC4194" s="99"/>
      <c r="AD4194" s="99"/>
      <c r="AE4194" s="99"/>
      <c r="AF4194" s="99"/>
      <c r="AG4194" s="99"/>
      <c r="AH4194" s="99"/>
      <c r="AI4194" s="99"/>
      <c r="AJ4194" s="99"/>
      <c r="AK4194" s="99"/>
      <c r="AL4194" s="99"/>
      <c r="AM4194" s="99"/>
      <c r="AN4194" s="99"/>
      <c r="AO4194" s="99"/>
      <c r="AP4194" s="99"/>
      <c r="AQ4194" s="99"/>
      <c r="AR4194" s="99"/>
      <c r="AS4194" s="99"/>
      <c r="AT4194" s="99"/>
      <c r="AU4194" s="99"/>
      <c r="AV4194" s="99"/>
      <c r="AW4194" s="99"/>
      <c r="AX4194" s="99"/>
      <c r="AY4194" s="99"/>
      <c r="AZ4194" s="99"/>
      <c r="BA4194" s="99"/>
      <c r="BB4194" s="107">
        <v>45884</v>
      </c>
    </row>
    <row r="4195" spans="1:54" s="238" customFormat="1" ht="13.95" customHeight="1" x14ac:dyDescent="0.25">
      <c r="A4195" s="236" t="s">
        <v>9265</v>
      </c>
      <c r="B4195" s="220" t="s">
        <v>8672</v>
      </c>
      <c r="C4195" s="190" t="s">
        <v>9266</v>
      </c>
      <c r="D4195" s="190" t="s">
        <v>9267</v>
      </c>
      <c r="E4195" s="237">
        <v>2014</v>
      </c>
      <c r="F4195" s="237">
        <v>400</v>
      </c>
      <c r="G4195" s="190" t="s">
        <v>1</v>
      </c>
      <c r="H4195" s="190">
        <v>0</v>
      </c>
      <c r="I4195" s="190">
        <v>0</v>
      </c>
      <c r="J4195" s="190">
        <v>1</v>
      </c>
      <c r="K4195" s="190">
        <v>1</v>
      </c>
      <c r="L4195" s="190">
        <v>1</v>
      </c>
      <c r="M4195" s="190">
        <v>1</v>
      </c>
      <c r="N4195" s="190">
        <v>0</v>
      </c>
      <c r="O4195" s="190">
        <v>0</v>
      </c>
      <c r="P4195" s="190">
        <v>0</v>
      </c>
      <c r="Q4195" s="190">
        <v>0</v>
      </c>
      <c r="R4195" s="190">
        <v>1</v>
      </c>
      <c r="S4195" s="190">
        <v>0</v>
      </c>
      <c r="T4195" s="190">
        <v>0</v>
      </c>
      <c r="U4195" s="99"/>
      <c r="V4195" s="99"/>
      <c r="W4195" s="99"/>
      <c r="X4195" s="99"/>
      <c r="Y4195" s="99"/>
      <c r="Z4195" s="99"/>
      <c r="AA4195" s="99"/>
      <c r="AB4195" s="99"/>
      <c r="AC4195" s="99"/>
      <c r="AD4195" s="99"/>
      <c r="AE4195" s="99"/>
      <c r="AF4195" s="99"/>
      <c r="AG4195" s="99"/>
      <c r="AH4195" s="99"/>
      <c r="AI4195" s="99"/>
      <c r="AJ4195" s="99"/>
      <c r="AK4195" s="99"/>
      <c r="AL4195" s="99"/>
      <c r="AM4195" s="99"/>
      <c r="AN4195" s="99"/>
      <c r="AO4195" s="99"/>
      <c r="AP4195" s="99"/>
      <c r="AQ4195" s="99"/>
      <c r="AR4195" s="99"/>
      <c r="AS4195" s="99"/>
      <c r="AT4195" s="99"/>
      <c r="AU4195" s="99"/>
      <c r="AV4195" s="99"/>
      <c r="AW4195" s="99"/>
      <c r="AX4195" s="99"/>
      <c r="AY4195" s="99"/>
      <c r="AZ4195" s="99"/>
      <c r="BA4195" s="99"/>
      <c r="BB4195" s="107">
        <v>45884</v>
      </c>
    </row>
    <row r="4196" spans="1:54" s="238" customFormat="1" ht="13.95" customHeight="1" x14ac:dyDescent="0.25">
      <c r="A4196" s="236" t="s">
        <v>9268</v>
      </c>
      <c r="B4196" s="220" t="s">
        <v>8672</v>
      </c>
      <c r="C4196" s="190" t="s">
        <v>9269</v>
      </c>
      <c r="D4196" s="190" t="s">
        <v>9270</v>
      </c>
      <c r="E4196" s="237">
        <v>2005</v>
      </c>
      <c r="F4196" s="237">
        <v>400</v>
      </c>
      <c r="G4196" s="190" t="s">
        <v>1</v>
      </c>
      <c r="H4196" s="190">
        <v>0</v>
      </c>
      <c r="I4196" s="190">
        <v>0</v>
      </c>
      <c r="J4196" s="190">
        <v>1</v>
      </c>
      <c r="K4196" s="190">
        <v>0</v>
      </c>
      <c r="L4196" s="190">
        <v>0</v>
      </c>
      <c r="M4196" s="190">
        <v>0</v>
      </c>
      <c r="N4196" s="190">
        <v>1</v>
      </c>
      <c r="O4196" s="190">
        <v>0</v>
      </c>
      <c r="P4196" s="190">
        <v>0</v>
      </c>
      <c r="Q4196" s="190">
        <v>0</v>
      </c>
      <c r="R4196" s="190">
        <v>0</v>
      </c>
      <c r="S4196" s="190">
        <v>0</v>
      </c>
      <c r="T4196" s="190">
        <v>0</v>
      </c>
      <c r="U4196" s="99"/>
      <c r="V4196" s="99"/>
      <c r="W4196" s="99"/>
      <c r="X4196" s="99"/>
      <c r="Y4196" s="99"/>
      <c r="Z4196" s="99"/>
      <c r="AA4196" s="99"/>
      <c r="AB4196" s="99"/>
      <c r="AC4196" s="99"/>
      <c r="AD4196" s="99"/>
      <c r="AE4196" s="99"/>
      <c r="AF4196" s="99"/>
      <c r="AG4196" s="99"/>
      <c r="AH4196" s="99"/>
      <c r="AI4196" s="99"/>
      <c r="AJ4196" s="99"/>
      <c r="AK4196" s="99"/>
      <c r="AL4196" s="99"/>
      <c r="AM4196" s="99"/>
      <c r="AN4196" s="99"/>
      <c r="AO4196" s="99"/>
      <c r="AP4196" s="99"/>
      <c r="AQ4196" s="99"/>
      <c r="AR4196" s="99"/>
      <c r="AS4196" s="99"/>
      <c r="AT4196" s="99"/>
      <c r="AU4196" s="99"/>
      <c r="AV4196" s="99"/>
      <c r="AW4196" s="99"/>
      <c r="AX4196" s="99"/>
      <c r="AY4196" s="99"/>
      <c r="AZ4196" s="99"/>
      <c r="BA4196" s="190" t="s">
        <v>9271</v>
      </c>
      <c r="BB4196" s="107">
        <v>45884</v>
      </c>
    </row>
    <row r="4197" spans="1:54" s="238" customFormat="1" ht="13.95" customHeight="1" x14ac:dyDescent="0.25">
      <c r="A4197" s="236" t="s">
        <v>9272</v>
      </c>
      <c r="B4197" s="220" t="s">
        <v>8672</v>
      </c>
      <c r="C4197" s="190" t="s">
        <v>4615</v>
      </c>
      <c r="D4197" s="190" t="s">
        <v>9273</v>
      </c>
      <c r="E4197" s="237">
        <v>1992</v>
      </c>
      <c r="F4197" s="237">
        <v>400</v>
      </c>
      <c r="G4197" s="190" t="s">
        <v>1</v>
      </c>
      <c r="H4197" s="190">
        <v>0</v>
      </c>
      <c r="I4197" s="190">
        <v>0</v>
      </c>
      <c r="J4197" s="190">
        <v>0</v>
      </c>
      <c r="K4197" s="190">
        <v>0</v>
      </c>
      <c r="L4197" s="190">
        <v>1</v>
      </c>
      <c r="M4197" s="190">
        <v>1</v>
      </c>
      <c r="N4197" s="190">
        <v>0</v>
      </c>
      <c r="O4197" s="190">
        <v>0</v>
      </c>
      <c r="P4197" s="190">
        <v>1</v>
      </c>
      <c r="Q4197" s="190">
        <v>0</v>
      </c>
      <c r="R4197" s="190">
        <v>1</v>
      </c>
      <c r="S4197" s="190">
        <v>0</v>
      </c>
      <c r="T4197" s="190">
        <v>0</v>
      </c>
      <c r="U4197" s="99"/>
      <c r="V4197" s="99"/>
      <c r="W4197" s="99"/>
      <c r="X4197" s="99"/>
      <c r="Y4197" s="99"/>
      <c r="Z4197" s="99"/>
      <c r="AA4197" s="99"/>
      <c r="AB4197" s="99"/>
      <c r="AC4197" s="99"/>
      <c r="AD4197" s="99"/>
      <c r="AE4197" s="99"/>
      <c r="AF4197" s="99"/>
      <c r="AG4197" s="99"/>
      <c r="AH4197" s="99"/>
      <c r="AI4197" s="99"/>
      <c r="AJ4197" s="99"/>
      <c r="AK4197" s="99"/>
      <c r="AL4197" s="99"/>
      <c r="AM4197" s="99"/>
      <c r="AN4197" s="99"/>
      <c r="AO4197" s="99"/>
      <c r="AP4197" s="99"/>
      <c r="AQ4197" s="99"/>
      <c r="AR4197" s="99"/>
      <c r="AS4197" s="99"/>
      <c r="AT4197" s="99"/>
      <c r="AU4197" s="99"/>
      <c r="AV4197" s="99"/>
      <c r="AW4197" s="99"/>
      <c r="AX4197" s="99"/>
      <c r="AY4197" s="99"/>
      <c r="AZ4197" s="99"/>
      <c r="BA4197" s="99"/>
      <c r="BB4197" s="107">
        <v>45884</v>
      </c>
    </row>
    <row r="4198" spans="1:54" s="238" customFormat="1" ht="13.95" customHeight="1" x14ac:dyDescent="0.25">
      <c r="A4198" s="236" t="s">
        <v>9274</v>
      </c>
      <c r="B4198" s="220" t="s">
        <v>8672</v>
      </c>
      <c r="C4198" s="190" t="s">
        <v>9275</v>
      </c>
      <c r="D4198" s="190" t="s">
        <v>9276</v>
      </c>
      <c r="E4198" s="237">
        <v>2009</v>
      </c>
      <c r="F4198" s="237">
        <v>400</v>
      </c>
      <c r="G4198" s="190" t="s">
        <v>1</v>
      </c>
      <c r="H4198" s="190">
        <v>0</v>
      </c>
      <c r="I4198" s="190">
        <v>0</v>
      </c>
      <c r="J4198" s="190">
        <v>0</v>
      </c>
      <c r="K4198" s="190">
        <v>0</v>
      </c>
      <c r="L4198" s="190">
        <v>0</v>
      </c>
      <c r="M4198" s="190">
        <v>0</v>
      </c>
      <c r="N4198" s="190">
        <v>0</v>
      </c>
      <c r="O4198" s="190">
        <v>0</v>
      </c>
      <c r="P4198" s="190">
        <v>1</v>
      </c>
      <c r="Q4198" s="190">
        <v>0</v>
      </c>
      <c r="R4198" s="190">
        <v>0</v>
      </c>
      <c r="S4198" s="190">
        <v>0</v>
      </c>
      <c r="T4198" s="190">
        <v>0</v>
      </c>
      <c r="U4198" s="99"/>
      <c r="V4198" s="99"/>
      <c r="W4198" s="99"/>
      <c r="X4198" s="99"/>
      <c r="Y4198" s="99"/>
      <c r="Z4198" s="99"/>
      <c r="AA4198" s="99"/>
      <c r="AB4198" s="99"/>
      <c r="AC4198" s="99"/>
      <c r="AD4198" s="99"/>
      <c r="AE4198" s="99"/>
      <c r="AF4198" s="99"/>
      <c r="AG4198" s="99"/>
      <c r="AH4198" s="99"/>
      <c r="AI4198" s="99"/>
      <c r="AJ4198" s="99"/>
      <c r="AK4198" s="99"/>
      <c r="AL4198" s="99"/>
      <c r="AM4198" s="99"/>
      <c r="AN4198" s="99"/>
      <c r="AO4198" s="99"/>
      <c r="AP4198" s="99"/>
      <c r="AQ4198" s="99"/>
      <c r="AR4198" s="99"/>
      <c r="AS4198" s="99"/>
      <c r="AT4198" s="99"/>
      <c r="AU4198" s="99"/>
      <c r="AV4198" s="99"/>
      <c r="AW4198" s="99"/>
      <c r="AX4198" s="99"/>
      <c r="AY4198" s="99"/>
      <c r="AZ4198" s="99"/>
      <c r="BA4198" s="99"/>
      <c r="BB4198" s="107">
        <v>45884</v>
      </c>
    </row>
    <row r="4199" spans="1:54" s="238" customFormat="1" ht="13.95" customHeight="1" x14ac:dyDescent="0.25">
      <c r="A4199" s="236" t="s">
        <v>9277</v>
      </c>
      <c r="B4199" s="220" t="s">
        <v>8672</v>
      </c>
      <c r="C4199" s="190" t="s">
        <v>9278</v>
      </c>
      <c r="D4199" s="190" t="s">
        <v>9279</v>
      </c>
      <c r="E4199" s="237">
        <v>1974</v>
      </c>
      <c r="F4199" s="237">
        <v>400</v>
      </c>
      <c r="G4199" s="190" t="s">
        <v>1</v>
      </c>
      <c r="H4199" s="190">
        <v>0</v>
      </c>
      <c r="I4199" s="190">
        <v>0</v>
      </c>
      <c r="J4199" s="190">
        <v>1</v>
      </c>
      <c r="K4199" s="190">
        <v>0</v>
      </c>
      <c r="L4199" s="190">
        <v>1</v>
      </c>
      <c r="M4199" s="190">
        <v>0</v>
      </c>
      <c r="N4199" s="190">
        <v>0</v>
      </c>
      <c r="O4199" s="190">
        <v>1</v>
      </c>
      <c r="P4199" s="190">
        <v>1</v>
      </c>
      <c r="Q4199" s="190">
        <v>0</v>
      </c>
      <c r="R4199" s="190">
        <v>1</v>
      </c>
      <c r="S4199" s="190">
        <v>0</v>
      </c>
      <c r="T4199" s="190">
        <v>0</v>
      </c>
      <c r="U4199" s="99"/>
      <c r="V4199" s="99"/>
      <c r="W4199" s="99"/>
      <c r="X4199" s="99"/>
      <c r="Y4199" s="99"/>
      <c r="Z4199" s="99"/>
      <c r="AA4199" s="99"/>
      <c r="AB4199" s="99"/>
      <c r="AC4199" s="99"/>
      <c r="AD4199" s="99"/>
      <c r="AE4199" s="99"/>
      <c r="AF4199" s="99"/>
      <c r="AG4199" s="99"/>
      <c r="AH4199" s="99"/>
      <c r="AI4199" s="99"/>
      <c r="AJ4199" s="99"/>
      <c r="AK4199" s="99"/>
      <c r="AL4199" s="99"/>
      <c r="AM4199" s="99"/>
      <c r="AN4199" s="99"/>
      <c r="AO4199" s="99"/>
      <c r="AP4199" s="99"/>
      <c r="AQ4199" s="99"/>
      <c r="AR4199" s="99"/>
      <c r="AS4199" s="99"/>
      <c r="AT4199" s="99"/>
      <c r="AU4199" s="99"/>
      <c r="AV4199" s="99"/>
      <c r="AW4199" s="99"/>
      <c r="AX4199" s="99"/>
      <c r="AY4199" s="99"/>
      <c r="AZ4199" s="99"/>
      <c r="BA4199" s="99"/>
      <c r="BB4199" s="107">
        <v>45884</v>
      </c>
    </row>
    <row r="4200" spans="1:54" s="238" customFormat="1" ht="13.95" customHeight="1" x14ac:dyDescent="0.25">
      <c r="A4200" s="236" t="s">
        <v>9280</v>
      </c>
      <c r="B4200" s="220" t="s">
        <v>8672</v>
      </c>
      <c r="C4200" s="190" t="s">
        <v>9281</v>
      </c>
      <c r="D4200" s="190" t="s">
        <v>9282</v>
      </c>
      <c r="E4200" s="237">
        <v>1974</v>
      </c>
      <c r="F4200" s="237">
        <v>400</v>
      </c>
      <c r="G4200" s="190" t="s">
        <v>1</v>
      </c>
      <c r="H4200" s="190">
        <v>0</v>
      </c>
      <c r="I4200" s="190">
        <v>0</v>
      </c>
      <c r="J4200" s="190">
        <v>1</v>
      </c>
      <c r="K4200" s="190">
        <v>1</v>
      </c>
      <c r="L4200" s="190">
        <v>0</v>
      </c>
      <c r="M4200" s="190">
        <v>0</v>
      </c>
      <c r="N4200" s="190">
        <v>0</v>
      </c>
      <c r="O4200" s="190">
        <v>1</v>
      </c>
      <c r="P4200" s="190">
        <v>1</v>
      </c>
      <c r="Q4200" s="190">
        <v>0</v>
      </c>
      <c r="R4200" s="190">
        <v>1</v>
      </c>
      <c r="S4200" s="190">
        <v>0</v>
      </c>
      <c r="T4200" s="190">
        <v>0</v>
      </c>
      <c r="U4200" s="99"/>
      <c r="V4200" s="99"/>
      <c r="W4200" s="99"/>
      <c r="X4200" s="99"/>
      <c r="Y4200" s="99"/>
      <c r="Z4200" s="99"/>
      <c r="AA4200" s="99"/>
      <c r="AB4200" s="99"/>
      <c r="AC4200" s="99"/>
      <c r="AD4200" s="99"/>
      <c r="AE4200" s="99"/>
      <c r="AF4200" s="99"/>
      <c r="AG4200" s="99"/>
      <c r="AH4200" s="99"/>
      <c r="AI4200" s="99"/>
      <c r="AJ4200" s="99"/>
      <c r="AK4200" s="99"/>
      <c r="AL4200" s="99"/>
      <c r="AM4200" s="99"/>
      <c r="AN4200" s="99"/>
      <c r="AO4200" s="99"/>
      <c r="AP4200" s="99"/>
      <c r="AQ4200" s="99"/>
      <c r="AR4200" s="99"/>
      <c r="AS4200" s="99"/>
      <c r="AT4200" s="99"/>
      <c r="AU4200" s="99"/>
      <c r="AV4200" s="99"/>
      <c r="AW4200" s="99"/>
      <c r="AX4200" s="99"/>
      <c r="AY4200" s="99"/>
      <c r="AZ4200" s="99"/>
      <c r="BA4200" s="99"/>
      <c r="BB4200" s="107">
        <v>45884</v>
      </c>
    </row>
    <row r="4201" spans="1:54" s="238" customFormat="1" ht="13.95" customHeight="1" x14ac:dyDescent="0.25">
      <c r="A4201" s="236" t="s">
        <v>9283</v>
      </c>
      <c r="B4201" s="220" t="s">
        <v>8672</v>
      </c>
      <c r="C4201" s="190" t="s">
        <v>9284</v>
      </c>
      <c r="D4201" s="190" t="s">
        <v>9285</v>
      </c>
      <c r="E4201" s="237">
        <v>2003</v>
      </c>
      <c r="F4201" s="237">
        <v>400</v>
      </c>
      <c r="G4201" s="190" t="s">
        <v>1</v>
      </c>
      <c r="H4201" s="190">
        <v>0</v>
      </c>
      <c r="I4201" s="190">
        <v>0</v>
      </c>
      <c r="J4201" s="190">
        <v>0</v>
      </c>
      <c r="K4201" s="190">
        <v>0</v>
      </c>
      <c r="L4201" s="190">
        <v>0</v>
      </c>
      <c r="M4201" s="190">
        <v>0</v>
      </c>
      <c r="N4201" s="190">
        <v>0</v>
      </c>
      <c r="O4201" s="190">
        <v>0</v>
      </c>
      <c r="P4201" s="190">
        <v>0</v>
      </c>
      <c r="Q4201" s="190">
        <v>0</v>
      </c>
      <c r="R4201" s="190">
        <v>0</v>
      </c>
      <c r="S4201" s="190">
        <v>0</v>
      </c>
      <c r="T4201" s="190">
        <v>0</v>
      </c>
      <c r="U4201" s="99"/>
      <c r="V4201" s="99"/>
      <c r="W4201" s="99"/>
      <c r="X4201" s="99"/>
      <c r="Y4201" s="99"/>
      <c r="Z4201" s="99"/>
      <c r="AA4201" s="99"/>
      <c r="AB4201" s="99"/>
      <c r="AC4201" s="99"/>
      <c r="AD4201" s="99"/>
      <c r="AE4201" s="99"/>
      <c r="AF4201" s="99"/>
      <c r="AG4201" s="99"/>
      <c r="AH4201" s="99"/>
      <c r="AI4201" s="99"/>
      <c r="AJ4201" s="99"/>
      <c r="AK4201" s="99"/>
      <c r="AL4201" s="99"/>
      <c r="AM4201" s="99"/>
      <c r="AN4201" s="99"/>
      <c r="AO4201" s="99"/>
      <c r="AP4201" s="99"/>
      <c r="AQ4201" s="99"/>
      <c r="AR4201" s="99"/>
      <c r="AS4201" s="99"/>
      <c r="AT4201" s="99"/>
      <c r="AU4201" s="99"/>
      <c r="AV4201" s="99"/>
      <c r="AW4201" s="99"/>
      <c r="AX4201" s="99"/>
      <c r="AY4201" s="99"/>
      <c r="AZ4201" s="99"/>
      <c r="BA4201" s="99"/>
      <c r="BB4201" s="107">
        <v>45884</v>
      </c>
    </row>
    <row r="4202" spans="1:54" s="238" customFormat="1" ht="13.95" customHeight="1" x14ac:dyDescent="0.25">
      <c r="A4202" s="236" t="s">
        <v>9286</v>
      </c>
      <c r="B4202" s="220" t="s">
        <v>8672</v>
      </c>
      <c r="C4202" s="190" t="s">
        <v>9287</v>
      </c>
      <c r="D4202" s="190" t="s">
        <v>9288</v>
      </c>
      <c r="E4202" s="237">
        <v>2005</v>
      </c>
      <c r="F4202" s="237">
        <v>400</v>
      </c>
      <c r="G4202" s="190" t="s">
        <v>1</v>
      </c>
      <c r="H4202" s="190">
        <v>0</v>
      </c>
      <c r="I4202" s="190">
        <v>0</v>
      </c>
      <c r="J4202" s="190">
        <v>0</v>
      </c>
      <c r="K4202" s="190">
        <v>0</v>
      </c>
      <c r="L4202" s="190">
        <v>0</v>
      </c>
      <c r="M4202" s="190">
        <v>1</v>
      </c>
      <c r="N4202" s="190">
        <v>0</v>
      </c>
      <c r="O4202" s="190">
        <v>0</v>
      </c>
      <c r="P4202" s="190">
        <v>1</v>
      </c>
      <c r="Q4202" s="190">
        <v>0</v>
      </c>
      <c r="R4202" s="190">
        <v>0</v>
      </c>
      <c r="S4202" s="190">
        <v>0</v>
      </c>
      <c r="T4202" s="190">
        <v>0</v>
      </c>
      <c r="U4202" s="99"/>
      <c r="V4202" s="99"/>
      <c r="W4202" s="99"/>
      <c r="X4202" s="99"/>
      <c r="Y4202" s="99"/>
      <c r="Z4202" s="99"/>
      <c r="AA4202" s="99"/>
      <c r="AB4202" s="99"/>
      <c r="AC4202" s="99"/>
      <c r="AD4202" s="99"/>
      <c r="AE4202" s="99"/>
      <c r="AF4202" s="99"/>
      <c r="AG4202" s="99"/>
      <c r="AH4202" s="99"/>
      <c r="AI4202" s="99"/>
      <c r="AJ4202" s="99"/>
      <c r="AK4202" s="99"/>
      <c r="AL4202" s="99"/>
      <c r="AM4202" s="99"/>
      <c r="AN4202" s="99"/>
      <c r="AO4202" s="99"/>
      <c r="AP4202" s="99"/>
      <c r="AQ4202" s="99"/>
      <c r="AR4202" s="99"/>
      <c r="AS4202" s="99"/>
      <c r="AT4202" s="99"/>
      <c r="AU4202" s="99"/>
      <c r="AV4202" s="99"/>
      <c r="AW4202" s="99"/>
      <c r="AX4202" s="99"/>
      <c r="AY4202" s="99"/>
      <c r="AZ4202" s="99"/>
      <c r="BA4202" s="99"/>
      <c r="BB4202" s="107">
        <v>45884</v>
      </c>
    </row>
    <row r="4203" spans="1:54" s="238" customFormat="1" ht="13.95" customHeight="1" x14ac:dyDescent="0.25">
      <c r="A4203" s="236" t="s">
        <v>9289</v>
      </c>
      <c r="B4203" s="220" t="s">
        <v>8672</v>
      </c>
      <c r="C4203" s="190" t="s">
        <v>9290</v>
      </c>
      <c r="D4203" s="190" t="s">
        <v>9291</v>
      </c>
      <c r="E4203" s="237">
        <v>2006</v>
      </c>
      <c r="F4203" s="237">
        <v>400</v>
      </c>
      <c r="G4203" s="190" t="s">
        <v>1</v>
      </c>
      <c r="H4203" s="190">
        <v>0</v>
      </c>
      <c r="I4203" s="190">
        <v>0</v>
      </c>
      <c r="J4203" s="190">
        <v>1</v>
      </c>
      <c r="K4203" s="190">
        <v>1</v>
      </c>
      <c r="L4203" s="190">
        <v>1</v>
      </c>
      <c r="M4203" s="190">
        <v>1</v>
      </c>
      <c r="N4203" s="190">
        <v>0</v>
      </c>
      <c r="O4203" s="190">
        <v>0</v>
      </c>
      <c r="P4203" s="190">
        <v>0</v>
      </c>
      <c r="Q4203" s="190">
        <v>0</v>
      </c>
      <c r="R4203" s="190">
        <v>1</v>
      </c>
      <c r="S4203" s="190">
        <v>0</v>
      </c>
      <c r="T4203" s="190">
        <v>0</v>
      </c>
      <c r="U4203" s="99"/>
      <c r="V4203" s="99"/>
      <c r="W4203" s="99"/>
      <c r="X4203" s="99"/>
      <c r="Y4203" s="99"/>
      <c r="Z4203" s="99"/>
      <c r="AA4203" s="99"/>
      <c r="AB4203" s="99"/>
      <c r="AC4203" s="99"/>
      <c r="AD4203" s="99"/>
      <c r="AE4203" s="99"/>
      <c r="AF4203" s="99"/>
      <c r="AG4203" s="99"/>
      <c r="AH4203" s="99"/>
      <c r="AI4203" s="99"/>
      <c r="AJ4203" s="99"/>
      <c r="AK4203" s="99"/>
      <c r="AL4203" s="99"/>
      <c r="AM4203" s="99"/>
      <c r="AN4203" s="99"/>
      <c r="AO4203" s="99"/>
      <c r="AP4203" s="99"/>
      <c r="AQ4203" s="99"/>
      <c r="AR4203" s="99"/>
      <c r="AS4203" s="99"/>
      <c r="AT4203" s="99"/>
      <c r="AU4203" s="99"/>
      <c r="AV4203" s="99"/>
      <c r="AW4203" s="99"/>
      <c r="AX4203" s="99"/>
      <c r="AY4203" s="99"/>
      <c r="AZ4203" s="99"/>
      <c r="BA4203" s="99"/>
      <c r="BB4203" s="107">
        <v>45884</v>
      </c>
    </row>
    <row r="4204" spans="1:54" s="238" customFormat="1" ht="13.95" customHeight="1" x14ac:dyDescent="0.25">
      <c r="A4204" s="236" t="s">
        <v>9292</v>
      </c>
      <c r="B4204" s="220" t="s">
        <v>8672</v>
      </c>
      <c r="C4204" s="190" t="s">
        <v>9293</v>
      </c>
      <c r="D4204" s="190" t="s">
        <v>9294</v>
      </c>
      <c r="E4204" s="237">
        <v>1974</v>
      </c>
      <c r="F4204" s="237">
        <v>400</v>
      </c>
      <c r="G4204" s="190" t="s">
        <v>1</v>
      </c>
      <c r="H4204" s="190">
        <v>0</v>
      </c>
      <c r="I4204" s="190">
        <v>0</v>
      </c>
      <c r="J4204" s="190">
        <v>1</v>
      </c>
      <c r="K4204" s="190">
        <v>0</v>
      </c>
      <c r="L4204" s="190">
        <v>0</v>
      </c>
      <c r="M4204" s="190">
        <v>0</v>
      </c>
      <c r="N4204" s="190">
        <v>0</v>
      </c>
      <c r="O4204" s="190">
        <v>1</v>
      </c>
      <c r="P4204" s="190">
        <v>1</v>
      </c>
      <c r="Q4204" s="190">
        <v>0</v>
      </c>
      <c r="R4204" s="190">
        <v>0</v>
      </c>
      <c r="S4204" s="190">
        <v>0</v>
      </c>
      <c r="T4204" s="190">
        <v>0</v>
      </c>
      <c r="U4204" s="99"/>
      <c r="V4204" s="99"/>
      <c r="W4204" s="99"/>
      <c r="X4204" s="99"/>
      <c r="Y4204" s="99"/>
      <c r="Z4204" s="99"/>
      <c r="AA4204" s="99"/>
      <c r="AB4204" s="99"/>
      <c r="AC4204" s="99"/>
      <c r="AD4204" s="99"/>
      <c r="AE4204" s="99"/>
      <c r="AF4204" s="99"/>
      <c r="AG4204" s="99"/>
      <c r="AH4204" s="99"/>
      <c r="AI4204" s="99"/>
      <c r="AJ4204" s="99"/>
      <c r="AK4204" s="99"/>
      <c r="AL4204" s="99"/>
      <c r="AM4204" s="99"/>
      <c r="AN4204" s="99"/>
      <c r="AO4204" s="99"/>
      <c r="AP4204" s="99"/>
      <c r="AQ4204" s="99"/>
      <c r="AR4204" s="99"/>
      <c r="AS4204" s="99"/>
      <c r="AT4204" s="99"/>
      <c r="AU4204" s="99"/>
      <c r="AV4204" s="99"/>
      <c r="AW4204" s="99"/>
      <c r="AX4204" s="99"/>
      <c r="AY4204" s="99"/>
      <c r="AZ4204" s="99"/>
      <c r="BA4204" s="99"/>
      <c r="BB4204" s="107">
        <v>45884</v>
      </c>
    </row>
    <row r="4205" spans="1:54" s="238" customFormat="1" ht="13.95" customHeight="1" x14ac:dyDescent="0.25">
      <c r="A4205" s="236" t="s">
        <v>9295</v>
      </c>
      <c r="B4205" s="220" t="s">
        <v>8672</v>
      </c>
      <c r="C4205" s="190" t="s">
        <v>9296</v>
      </c>
      <c r="D4205" s="190" t="s">
        <v>9297</v>
      </c>
      <c r="E4205" s="237">
        <v>1991</v>
      </c>
      <c r="F4205" s="237">
        <v>500</v>
      </c>
      <c r="G4205" s="190" t="s">
        <v>1</v>
      </c>
      <c r="H4205" s="190">
        <v>0</v>
      </c>
      <c r="I4205" s="190">
        <v>0</v>
      </c>
      <c r="J4205" s="190">
        <v>1</v>
      </c>
      <c r="K4205" s="190">
        <v>1</v>
      </c>
      <c r="L4205" s="190">
        <v>1</v>
      </c>
      <c r="M4205" s="190">
        <v>1</v>
      </c>
      <c r="N4205" s="190">
        <v>0</v>
      </c>
      <c r="O4205" s="190">
        <v>0</v>
      </c>
      <c r="P4205" s="190">
        <v>1</v>
      </c>
      <c r="Q4205" s="190">
        <v>1</v>
      </c>
      <c r="R4205" s="190">
        <v>0</v>
      </c>
      <c r="S4205" s="190">
        <v>0</v>
      </c>
      <c r="T4205" s="190">
        <v>0</v>
      </c>
      <c r="U4205" s="99"/>
      <c r="V4205" s="99"/>
      <c r="W4205" s="99"/>
      <c r="X4205" s="99"/>
      <c r="Y4205" s="99"/>
      <c r="Z4205" s="99"/>
      <c r="AA4205" s="99"/>
      <c r="AB4205" s="99"/>
      <c r="AC4205" s="99"/>
      <c r="AD4205" s="99"/>
      <c r="AE4205" s="99"/>
      <c r="AF4205" s="99"/>
      <c r="AG4205" s="99"/>
      <c r="AH4205" s="99"/>
      <c r="AI4205" s="99"/>
      <c r="AJ4205" s="99"/>
      <c r="AK4205" s="99"/>
      <c r="AL4205" s="99"/>
      <c r="AM4205" s="99"/>
      <c r="AN4205" s="99"/>
      <c r="AO4205" s="99"/>
      <c r="AP4205" s="99"/>
      <c r="AQ4205" s="99"/>
      <c r="AR4205" s="99"/>
      <c r="AS4205" s="99"/>
      <c r="AT4205" s="99"/>
      <c r="AU4205" s="99"/>
      <c r="AV4205" s="99"/>
      <c r="AW4205" s="99"/>
      <c r="AX4205" s="99"/>
      <c r="AY4205" s="99"/>
      <c r="AZ4205" s="99"/>
      <c r="BA4205" s="99"/>
      <c r="BB4205" s="107">
        <v>45884</v>
      </c>
    </row>
    <row r="4206" spans="1:54" s="238" customFormat="1" ht="13.95" customHeight="1" x14ac:dyDescent="0.25">
      <c r="A4206" s="236" t="s">
        <v>9298</v>
      </c>
      <c r="B4206" s="220" t="s">
        <v>8672</v>
      </c>
      <c r="C4206" s="190" t="s">
        <v>9299</v>
      </c>
      <c r="D4206" s="190" t="s">
        <v>9300</v>
      </c>
      <c r="E4206" s="237">
        <v>1976</v>
      </c>
      <c r="F4206" s="237">
        <v>500</v>
      </c>
      <c r="G4206" s="190" t="s">
        <v>1</v>
      </c>
      <c r="H4206" s="190">
        <v>0</v>
      </c>
      <c r="I4206" s="190">
        <v>0</v>
      </c>
      <c r="J4206" s="190">
        <v>1</v>
      </c>
      <c r="K4206" s="190">
        <v>0</v>
      </c>
      <c r="L4206" s="190">
        <v>1</v>
      </c>
      <c r="M4206" s="190">
        <v>0</v>
      </c>
      <c r="N4206" s="190">
        <v>0</v>
      </c>
      <c r="O4206" s="190">
        <v>1</v>
      </c>
      <c r="P4206" s="190">
        <v>1</v>
      </c>
      <c r="Q4206" s="190">
        <v>0</v>
      </c>
      <c r="R4206" s="190">
        <v>1</v>
      </c>
      <c r="S4206" s="190">
        <v>0</v>
      </c>
      <c r="T4206" s="190">
        <v>0</v>
      </c>
      <c r="U4206" s="99"/>
      <c r="V4206" s="99"/>
      <c r="W4206" s="99"/>
      <c r="X4206" s="99"/>
      <c r="Y4206" s="99"/>
      <c r="Z4206" s="99"/>
      <c r="AA4206" s="99"/>
      <c r="AB4206" s="99"/>
      <c r="AC4206" s="99"/>
      <c r="AD4206" s="99"/>
      <c r="AE4206" s="99"/>
      <c r="AF4206" s="99"/>
      <c r="AG4206" s="99"/>
      <c r="AH4206" s="99"/>
      <c r="AI4206" s="99"/>
      <c r="AJ4206" s="99"/>
      <c r="AK4206" s="99"/>
      <c r="AL4206" s="99"/>
      <c r="AM4206" s="99"/>
      <c r="AN4206" s="99"/>
      <c r="AO4206" s="99"/>
      <c r="AP4206" s="99"/>
      <c r="AQ4206" s="99"/>
      <c r="AR4206" s="99"/>
      <c r="AS4206" s="99"/>
      <c r="AT4206" s="99"/>
      <c r="AU4206" s="99"/>
      <c r="AV4206" s="99"/>
      <c r="AW4206" s="99"/>
      <c r="AX4206" s="99"/>
      <c r="AY4206" s="99"/>
      <c r="AZ4206" s="99"/>
      <c r="BA4206" s="99"/>
      <c r="BB4206" s="107">
        <v>45884</v>
      </c>
    </row>
    <row r="4207" spans="1:54" s="238" customFormat="1" ht="13.95" customHeight="1" x14ac:dyDescent="0.25">
      <c r="A4207" s="236" t="s">
        <v>9301</v>
      </c>
      <c r="B4207" s="220" t="s">
        <v>8672</v>
      </c>
      <c r="C4207" s="190" t="s">
        <v>9302</v>
      </c>
      <c r="D4207" s="190" t="s">
        <v>9303</v>
      </c>
      <c r="E4207" s="237">
        <v>1983</v>
      </c>
      <c r="F4207" s="237">
        <v>500</v>
      </c>
      <c r="G4207" s="190" t="s">
        <v>1</v>
      </c>
      <c r="H4207" s="190">
        <v>0</v>
      </c>
      <c r="I4207" s="190">
        <v>0</v>
      </c>
      <c r="J4207" s="190">
        <v>1</v>
      </c>
      <c r="K4207" s="190">
        <v>1</v>
      </c>
      <c r="L4207" s="190">
        <v>1</v>
      </c>
      <c r="M4207" s="190">
        <v>0</v>
      </c>
      <c r="N4207" s="190">
        <v>0</v>
      </c>
      <c r="O4207" s="190">
        <v>1</v>
      </c>
      <c r="P4207" s="190">
        <v>1</v>
      </c>
      <c r="Q4207" s="190">
        <v>0</v>
      </c>
      <c r="R4207" s="190">
        <v>0</v>
      </c>
      <c r="S4207" s="190">
        <v>0</v>
      </c>
      <c r="T4207" s="190">
        <v>0</v>
      </c>
      <c r="U4207" s="99"/>
      <c r="V4207" s="99"/>
      <c r="W4207" s="99"/>
      <c r="X4207" s="99"/>
      <c r="Y4207" s="99"/>
      <c r="Z4207" s="99"/>
      <c r="AA4207" s="99"/>
      <c r="AB4207" s="99"/>
      <c r="AC4207" s="99"/>
      <c r="AD4207" s="99"/>
      <c r="AE4207" s="99"/>
      <c r="AF4207" s="99"/>
      <c r="AG4207" s="99"/>
      <c r="AH4207" s="99"/>
      <c r="AI4207" s="99"/>
      <c r="AJ4207" s="99"/>
      <c r="AK4207" s="99"/>
      <c r="AL4207" s="99"/>
      <c r="AM4207" s="99"/>
      <c r="AN4207" s="99"/>
      <c r="AO4207" s="99"/>
      <c r="AP4207" s="99"/>
      <c r="AQ4207" s="99"/>
      <c r="AR4207" s="99"/>
      <c r="AS4207" s="99"/>
      <c r="AT4207" s="99"/>
      <c r="AU4207" s="99"/>
      <c r="AV4207" s="99"/>
      <c r="AW4207" s="99"/>
      <c r="AX4207" s="99"/>
      <c r="AY4207" s="99"/>
      <c r="AZ4207" s="99"/>
      <c r="BA4207" s="99"/>
      <c r="BB4207" s="107">
        <v>45884</v>
      </c>
    </row>
    <row r="4208" spans="1:54" s="238" customFormat="1" ht="13.95" customHeight="1" x14ac:dyDescent="0.25">
      <c r="A4208" s="236" t="s">
        <v>9304</v>
      </c>
      <c r="B4208" s="220" t="s">
        <v>8672</v>
      </c>
      <c r="C4208" s="190" t="s">
        <v>9305</v>
      </c>
      <c r="D4208" s="190" t="s">
        <v>9306</v>
      </c>
      <c r="E4208" s="237">
        <v>1997</v>
      </c>
      <c r="F4208" s="237">
        <v>500</v>
      </c>
      <c r="G4208" s="190" t="s">
        <v>1</v>
      </c>
      <c r="H4208" s="190">
        <v>0</v>
      </c>
      <c r="I4208" s="190">
        <v>0</v>
      </c>
      <c r="J4208" s="190">
        <v>1</v>
      </c>
      <c r="K4208" s="190">
        <v>1</v>
      </c>
      <c r="L4208" s="190">
        <v>1</v>
      </c>
      <c r="M4208" s="190">
        <v>1</v>
      </c>
      <c r="N4208" s="190">
        <v>0</v>
      </c>
      <c r="O4208" s="190">
        <v>1</v>
      </c>
      <c r="P4208" s="190">
        <v>1</v>
      </c>
      <c r="Q4208" s="190">
        <v>1</v>
      </c>
      <c r="R4208" s="190">
        <v>1</v>
      </c>
      <c r="S4208" s="190">
        <v>0</v>
      </c>
      <c r="T4208" s="190">
        <v>0</v>
      </c>
      <c r="U4208" s="99"/>
      <c r="V4208" s="99"/>
      <c r="W4208" s="99"/>
      <c r="X4208" s="99"/>
      <c r="Y4208" s="99"/>
      <c r="Z4208" s="99"/>
      <c r="AA4208" s="99"/>
      <c r="AB4208" s="99"/>
      <c r="AC4208" s="99"/>
      <c r="AD4208" s="99"/>
      <c r="AE4208" s="99"/>
      <c r="AF4208" s="99"/>
      <c r="AG4208" s="99"/>
      <c r="AH4208" s="99"/>
      <c r="AI4208" s="99"/>
      <c r="AJ4208" s="99"/>
      <c r="AK4208" s="99"/>
      <c r="AL4208" s="99"/>
      <c r="AM4208" s="99"/>
      <c r="AN4208" s="99"/>
      <c r="AO4208" s="99"/>
      <c r="AP4208" s="99"/>
      <c r="AQ4208" s="99"/>
      <c r="AR4208" s="99"/>
      <c r="AS4208" s="99"/>
      <c r="AT4208" s="99"/>
      <c r="AU4208" s="99"/>
      <c r="AV4208" s="99"/>
      <c r="AW4208" s="99"/>
      <c r="AX4208" s="99"/>
      <c r="AY4208" s="99"/>
      <c r="AZ4208" s="99"/>
      <c r="BA4208" s="99"/>
      <c r="BB4208" s="107">
        <v>45884</v>
      </c>
    </row>
    <row r="4209" spans="1:54" s="238" customFormat="1" ht="13.95" customHeight="1" x14ac:dyDescent="0.25">
      <c r="A4209" s="236" t="s">
        <v>9307</v>
      </c>
      <c r="B4209" s="220" t="s">
        <v>8672</v>
      </c>
      <c r="C4209" s="190" t="s">
        <v>9308</v>
      </c>
      <c r="D4209" s="190" t="s">
        <v>9309</v>
      </c>
      <c r="E4209" s="237">
        <v>1981</v>
      </c>
      <c r="F4209" s="237">
        <v>500</v>
      </c>
      <c r="G4209" s="190" t="s">
        <v>1</v>
      </c>
      <c r="H4209" s="190">
        <v>0</v>
      </c>
      <c r="I4209" s="190">
        <v>0</v>
      </c>
      <c r="J4209" s="190">
        <v>0</v>
      </c>
      <c r="K4209" s="190">
        <v>0</v>
      </c>
      <c r="L4209" s="190">
        <v>0</v>
      </c>
      <c r="M4209" s="190">
        <v>0</v>
      </c>
      <c r="N4209" s="190">
        <v>0</v>
      </c>
      <c r="O4209" s="190">
        <v>1</v>
      </c>
      <c r="P4209" s="190">
        <v>1</v>
      </c>
      <c r="Q4209" s="190">
        <v>0</v>
      </c>
      <c r="R4209" s="190">
        <v>1</v>
      </c>
      <c r="S4209" s="190">
        <v>0</v>
      </c>
      <c r="T4209" s="190">
        <v>0</v>
      </c>
      <c r="U4209" s="99"/>
      <c r="V4209" s="99"/>
      <c r="W4209" s="99"/>
      <c r="X4209" s="99"/>
      <c r="Y4209" s="99"/>
      <c r="Z4209" s="99"/>
      <c r="AA4209" s="99"/>
      <c r="AB4209" s="99"/>
      <c r="AC4209" s="99"/>
      <c r="AD4209" s="99"/>
      <c r="AE4209" s="99"/>
      <c r="AF4209" s="99"/>
      <c r="AG4209" s="99"/>
      <c r="AH4209" s="99"/>
      <c r="AI4209" s="99"/>
      <c r="AJ4209" s="99"/>
      <c r="AK4209" s="99"/>
      <c r="AL4209" s="99"/>
      <c r="AM4209" s="99"/>
      <c r="AN4209" s="99"/>
      <c r="AO4209" s="99"/>
      <c r="AP4209" s="99"/>
      <c r="AQ4209" s="99"/>
      <c r="AR4209" s="99"/>
      <c r="AS4209" s="99"/>
      <c r="AT4209" s="99"/>
      <c r="AU4209" s="99"/>
      <c r="AV4209" s="99"/>
      <c r="AW4209" s="99"/>
      <c r="AX4209" s="99"/>
      <c r="AY4209" s="99"/>
      <c r="AZ4209" s="99"/>
      <c r="BA4209" s="99"/>
      <c r="BB4209" s="107">
        <v>45884</v>
      </c>
    </row>
    <row r="4210" spans="1:54" s="238" customFormat="1" ht="13.95" customHeight="1" x14ac:dyDescent="0.25">
      <c r="A4210" s="236" t="s">
        <v>9310</v>
      </c>
      <c r="B4210" s="220" t="s">
        <v>8672</v>
      </c>
      <c r="C4210" s="190" t="s">
        <v>9311</v>
      </c>
      <c r="D4210" s="190" t="s">
        <v>9312</v>
      </c>
      <c r="E4210" s="237">
        <v>2002</v>
      </c>
      <c r="F4210" s="237">
        <v>500</v>
      </c>
      <c r="G4210" s="190" t="s">
        <v>1</v>
      </c>
      <c r="H4210" s="190">
        <v>0</v>
      </c>
      <c r="I4210" s="190">
        <v>0</v>
      </c>
      <c r="J4210" s="190">
        <v>1</v>
      </c>
      <c r="K4210" s="190">
        <v>1</v>
      </c>
      <c r="L4210" s="190">
        <v>1</v>
      </c>
      <c r="M4210" s="190">
        <v>1</v>
      </c>
      <c r="N4210" s="190">
        <v>0</v>
      </c>
      <c r="O4210" s="190">
        <v>0</v>
      </c>
      <c r="P4210" s="190">
        <v>0</v>
      </c>
      <c r="Q4210" s="190">
        <v>0</v>
      </c>
      <c r="R4210" s="190">
        <v>1</v>
      </c>
      <c r="S4210" s="190">
        <v>0</v>
      </c>
      <c r="T4210" s="190">
        <v>0</v>
      </c>
      <c r="U4210" s="99"/>
      <c r="V4210" s="99"/>
      <c r="W4210" s="99"/>
      <c r="X4210" s="99"/>
      <c r="Y4210" s="99"/>
      <c r="Z4210" s="99"/>
      <c r="AA4210" s="99"/>
      <c r="AB4210" s="99"/>
      <c r="AC4210" s="99"/>
      <c r="AD4210" s="99"/>
      <c r="AE4210" s="99"/>
      <c r="AF4210" s="99"/>
      <c r="AG4210" s="99"/>
      <c r="AH4210" s="99"/>
      <c r="AI4210" s="99"/>
      <c r="AJ4210" s="99"/>
      <c r="AK4210" s="99"/>
      <c r="AL4210" s="99"/>
      <c r="AM4210" s="99"/>
      <c r="AN4210" s="99"/>
      <c r="AO4210" s="99"/>
      <c r="AP4210" s="99"/>
      <c r="AQ4210" s="99"/>
      <c r="AR4210" s="99"/>
      <c r="AS4210" s="99"/>
      <c r="AT4210" s="99"/>
      <c r="AU4210" s="99"/>
      <c r="AV4210" s="99"/>
      <c r="AW4210" s="99"/>
      <c r="AX4210" s="99"/>
      <c r="AY4210" s="99"/>
      <c r="AZ4210" s="99"/>
      <c r="BA4210" s="99"/>
      <c r="BB4210" s="107">
        <v>45884</v>
      </c>
    </row>
    <row r="4211" spans="1:54" s="238" customFormat="1" ht="13.95" customHeight="1" x14ac:dyDescent="0.25">
      <c r="A4211" s="236" t="s">
        <v>9313</v>
      </c>
      <c r="B4211" s="220" t="s">
        <v>8672</v>
      </c>
      <c r="C4211" s="190" t="s">
        <v>9314</v>
      </c>
      <c r="D4211" s="190" t="s">
        <v>9315</v>
      </c>
      <c r="E4211" s="237">
        <v>2013</v>
      </c>
      <c r="F4211" s="237">
        <v>500</v>
      </c>
      <c r="G4211" s="190" t="s">
        <v>1</v>
      </c>
      <c r="H4211" s="190">
        <v>0</v>
      </c>
      <c r="I4211" s="190">
        <v>0</v>
      </c>
      <c r="J4211" s="190">
        <v>1</v>
      </c>
      <c r="K4211" s="190">
        <v>1</v>
      </c>
      <c r="L4211" s="190">
        <v>1</v>
      </c>
      <c r="M4211" s="190">
        <v>1</v>
      </c>
      <c r="N4211" s="190">
        <v>0</v>
      </c>
      <c r="O4211" s="190">
        <v>0</v>
      </c>
      <c r="P4211" s="190">
        <v>0</v>
      </c>
      <c r="Q4211" s="190">
        <v>0</v>
      </c>
      <c r="R4211" s="190">
        <v>0</v>
      </c>
      <c r="S4211" s="190">
        <v>0</v>
      </c>
      <c r="T4211" s="190">
        <v>0</v>
      </c>
      <c r="U4211" s="99"/>
      <c r="V4211" s="99"/>
      <c r="W4211" s="99"/>
      <c r="X4211" s="99"/>
      <c r="Y4211" s="99"/>
      <c r="Z4211" s="99"/>
      <c r="AA4211" s="99"/>
      <c r="AB4211" s="99"/>
      <c r="AC4211" s="99"/>
      <c r="AD4211" s="99"/>
      <c r="AE4211" s="99"/>
      <c r="AF4211" s="99"/>
      <c r="AG4211" s="99"/>
      <c r="AH4211" s="99"/>
      <c r="AI4211" s="99"/>
      <c r="AJ4211" s="99"/>
      <c r="AK4211" s="99"/>
      <c r="AL4211" s="99"/>
      <c r="AM4211" s="99"/>
      <c r="AN4211" s="99"/>
      <c r="AO4211" s="99"/>
      <c r="AP4211" s="99"/>
      <c r="AQ4211" s="99"/>
      <c r="AR4211" s="99"/>
      <c r="AS4211" s="99"/>
      <c r="AT4211" s="99"/>
      <c r="AU4211" s="99"/>
      <c r="AV4211" s="99"/>
      <c r="AW4211" s="99"/>
      <c r="AX4211" s="99"/>
      <c r="AY4211" s="99"/>
      <c r="AZ4211" s="99"/>
      <c r="BA4211" s="99"/>
      <c r="BB4211" s="107">
        <v>45884</v>
      </c>
    </row>
    <row r="4212" spans="1:54" s="238" customFormat="1" ht="13.95" customHeight="1" x14ac:dyDescent="0.25">
      <c r="A4212" s="236" t="s">
        <v>9316</v>
      </c>
      <c r="B4212" s="220" t="s">
        <v>8672</v>
      </c>
      <c r="C4212" s="190" t="s">
        <v>9317</v>
      </c>
      <c r="D4212" s="190" t="s">
        <v>9318</v>
      </c>
      <c r="E4212" s="237">
        <v>1976</v>
      </c>
      <c r="F4212" s="237">
        <v>500</v>
      </c>
      <c r="G4212" s="190" t="s">
        <v>1</v>
      </c>
      <c r="H4212" s="190">
        <v>0</v>
      </c>
      <c r="I4212" s="190">
        <v>0</v>
      </c>
      <c r="J4212" s="190">
        <v>1</v>
      </c>
      <c r="K4212" s="190">
        <v>0</v>
      </c>
      <c r="L4212" s="190">
        <v>1</v>
      </c>
      <c r="M4212" s="190">
        <v>0</v>
      </c>
      <c r="N4212" s="190">
        <v>0</v>
      </c>
      <c r="O4212" s="190">
        <v>1</v>
      </c>
      <c r="P4212" s="190">
        <v>1</v>
      </c>
      <c r="Q4212" s="190">
        <v>0</v>
      </c>
      <c r="R4212" s="190">
        <v>0</v>
      </c>
      <c r="S4212" s="190">
        <v>0</v>
      </c>
      <c r="T4212" s="190">
        <v>0</v>
      </c>
      <c r="U4212" s="99"/>
      <c r="V4212" s="99"/>
      <c r="W4212" s="99"/>
      <c r="X4212" s="99"/>
      <c r="Y4212" s="99"/>
      <c r="Z4212" s="99"/>
      <c r="AA4212" s="99"/>
      <c r="AB4212" s="99"/>
      <c r="AC4212" s="99"/>
      <c r="AD4212" s="99"/>
      <c r="AE4212" s="99"/>
      <c r="AF4212" s="99"/>
      <c r="AG4212" s="99"/>
      <c r="AH4212" s="99"/>
      <c r="AI4212" s="99"/>
      <c r="AJ4212" s="99"/>
      <c r="AK4212" s="99"/>
      <c r="AL4212" s="99"/>
      <c r="AM4212" s="99"/>
      <c r="AN4212" s="99"/>
      <c r="AO4212" s="99"/>
      <c r="AP4212" s="99"/>
      <c r="AQ4212" s="99"/>
      <c r="AR4212" s="99"/>
      <c r="AS4212" s="99"/>
      <c r="AT4212" s="99"/>
      <c r="AU4212" s="99"/>
      <c r="AV4212" s="99"/>
      <c r="AW4212" s="99"/>
      <c r="AX4212" s="99"/>
      <c r="AY4212" s="99"/>
      <c r="AZ4212" s="99"/>
      <c r="BA4212" s="99"/>
      <c r="BB4212" s="107">
        <v>45884</v>
      </c>
    </row>
    <row r="4213" spans="1:54" s="238" customFormat="1" ht="13.95" customHeight="1" x14ac:dyDescent="0.25">
      <c r="A4213" s="236" t="s">
        <v>9319</v>
      </c>
      <c r="B4213" s="220" t="s">
        <v>8672</v>
      </c>
      <c r="C4213" s="190" t="s">
        <v>9320</v>
      </c>
      <c r="D4213" s="190" t="s">
        <v>9321</v>
      </c>
      <c r="E4213" s="237">
        <v>1976</v>
      </c>
      <c r="F4213" s="237">
        <v>500</v>
      </c>
      <c r="G4213" s="190" t="s">
        <v>1</v>
      </c>
      <c r="H4213" s="190">
        <v>0</v>
      </c>
      <c r="I4213" s="190">
        <v>0</v>
      </c>
      <c r="J4213" s="190">
        <v>1</v>
      </c>
      <c r="K4213" s="190">
        <v>0</v>
      </c>
      <c r="L4213" s="190">
        <v>1</v>
      </c>
      <c r="M4213" s="190">
        <v>0</v>
      </c>
      <c r="N4213" s="190">
        <v>0</v>
      </c>
      <c r="O4213" s="190">
        <v>1</v>
      </c>
      <c r="P4213" s="190">
        <v>1</v>
      </c>
      <c r="Q4213" s="190">
        <v>0</v>
      </c>
      <c r="R4213" s="190">
        <v>1</v>
      </c>
      <c r="S4213" s="190">
        <v>0</v>
      </c>
      <c r="T4213" s="190">
        <v>0</v>
      </c>
      <c r="U4213" s="99"/>
      <c r="V4213" s="99"/>
      <c r="W4213" s="99"/>
      <c r="X4213" s="99"/>
      <c r="Y4213" s="99"/>
      <c r="Z4213" s="99"/>
      <c r="AA4213" s="99"/>
      <c r="AB4213" s="99"/>
      <c r="AC4213" s="99"/>
      <c r="AD4213" s="99"/>
      <c r="AE4213" s="99"/>
      <c r="AF4213" s="99"/>
      <c r="AG4213" s="99"/>
      <c r="AH4213" s="99"/>
      <c r="AI4213" s="99"/>
      <c r="AJ4213" s="99"/>
      <c r="AK4213" s="99"/>
      <c r="AL4213" s="99"/>
      <c r="AM4213" s="99"/>
      <c r="AN4213" s="99"/>
      <c r="AO4213" s="99"/>
      <c r="AP4213" s="99"/>
      <c r="AQ4213" s="99"/>
      <c r="AR4213" s="99"/>
      <c r="AS4213" s="99"/>
      <c r="AT4213" s="99"/>
      <c r="AU4213" s="99"/>
      <c r="AV4213" s="99"/>
      <c r="AW4213" s="99"/>
      <c r="AX4213" s="99"/>
      <c r="AY4213" s="99"/>
      <c r="AZ4213" s="99"/>
      <c r="BA4213" s="99"/>
      <c r="BB4213" s="107">
        <v>45884</v>
      </c>
    </row>
    <row r="4214" spans="1:54" s="238" customFormat="1" ht="13.95" customHeight="1" x14ac:dyDescent="0.25">
      <c r="A4214" s="236" t="s">
        <v>9322</v>
      </c>
      <c r="B4214" s="220" t="s">
        <v>8672</v>
      </c>
      <c r="C4214" s="190" t="s">
        <v>9323</v>
      </c>
      <c r="D4214" s="190" t="s">
        <v>9324</v>
      </c>
      <c r="E4214" s="237">
        <v>2011</v>
      </c>
      <c r="F4214" s="237">
        <v>500</v>
      </c>
      <c r="G4214" s="190" t="s">
        <v>1</v>
      </c>
      <c r="H4214" s="190">
        <v>0</v>
      </c>
      <c r="I4214" s="190">
        <v>0</v>
      </c>
      <c r="J4214" s="190">
        <v>0</v>
      </c>
      <c r="K4214" s="190">
        <v>0</v>
      </c>
      <c r="L4214" s="190">
        <v>0</v>
      </c>
      <c r="M4214" s="190">
        <v>0</v>
      </c>
      <c r="N4214" s="190">
        <v>0</v>
      </c>
      <c r="O4214" s="190">
        <v>0</v>
      </c>
      <c r="P4214" s="190">
        <v>0</v>
      </c>
      <c r="Q4214" s="190">
        <v>0</v>
      </c>
      <c r="R4214" s="190">
        <v>1</v>
      </c>
      <c r="S4214" s="190">
        <v>0</v>
      </c>
      <c r="T4214" s="190">
        <v>0</v>
      </c>
      <c r="U4214" s="99"/>
      <c r="V4214" s="99"/>
      <c r="W4214" s="99"/>
      <c r="X4214" s="99"/>
      <c r="Y4214" s="99"/>
      <c r="Z4214" s="99"/>
      <c r="AA4214" s="99"/>
      <c r="AB4214" s="99"/>
      <c r="AC4214" s="99"/>
      <c r="AD4214" s="99"/>
      <c r="AE4214" s="99"/>
      <c r="AF4214" s="99"/>
      <c r="AG4214" s="99"/>
      <c r="AH4214" s="99"/>
      <c r="AI4214" s="99"/>
      <c r="AJ4214" s="99"/>
      <c r="AK4214" s="99"/>
      <c r="AL4214" s="99"/>
      <c r="AM4214" s="99"/>
      <c r="AN4214" s="99"/>
      <c r="AO4214" s="99"/>
      <c r="AP4214" s="99"/>
      <c r="AQ4214" s="99"/>
      <c r="AR4214" s="99"/>
      <c r="AS4214" s="99"/>
      <c r="AT4214" s="99"/>
      <c r="AU4214" s="99"/>
      <c r="AV4214" s="99"/>
      <c r="AW4214" s="99"/>
      <c r="AX4214" s="99"/>
      <c r="AY4214" s="99"/>
      <c r="AZ4214" s="99"/>
      <c r="BA4214" s="99"/>
      <c r="BB4214" s="107">
        <v>45884</v>
      </c>
    </row>
    <row r="4215" spans="1:54" s="238" customFormat="1" ht="13.95" customHeight="1" x14ac:dyDescent="0.25">
      <c r="A4215" s="236" t="s">
        <v>9325</v>
      </c>
      <c r="B4215" s="220" t="s">
        <v>8672</v>
      </c>
      <c r="C4215" s="190" t="s">
        <v>9326</v>
      </c>
      <c r="D4215" s="190" t="s">
        <v>9327</v>
      </c>
      <c r="E4215" s="237">
        <v>1979</v>
      </c>
      <c r="F4215" s="237">
        <v>500</v>
      </c>
      <c r="G4215" s="190" t="s">
        <v>1</v>
      </c>
      <c r="H4215" s="190">
        <v>0</v>
      </c>
      <c r="I4215" s="190">
        <v>0</v>
      </c>
      <c r="J4215" s="190">
        <v>1</v>
      </c>
      <c r="K4215" s="190">
        <v>1</v>
      </c>
      <c r="L4215" s="190">
        <v>1</v>
      </c>
      <c r="M4215" s="190">
        <v>0</v>
      </c>
      <c r="N4215" s="190">
        <v>0</v>
      </c>
      <c r="O4215" s="190">
        <v>1</v>
      </c>
      <c r="P4215" s="190">
        <v>0</v>
      </c>
      <c r="Q4215" s="190">
        <v>0</v>
      </c>
      <c r="R4215" s="190">
        <v>1</v>
      </c>
      <c r="S4215" s="190">
        <v>0</v>
      </c>
      <c r="T4215" s="190">
        <v>0</v>
      </c>
      <c r="U4215" s="99"/>
      <c r="V4215" s="99"/>
      <c r="W4215" s="99"/>
      <c r="X4215" s="99"/>
      <c r="Y4215" s="99"/>
      <c r="Z4215" s="99"/>
      <c r="AA4215" s="99"/>
      <c r="AB4215" s="99"/>
      <c r="AC4215" s="99"/>
      <c r="AD4215" s="99"/>
      <c r="AE4215" s="99"/>
      <c r="AF4215" s="99"/>
      <c r="AG4215" s="99"/>
      <c r="AH4215" s="99"/>
      <c r="AI4215" s="99"/>
      <c r="AJ4215" s="99"/>
      <c r="AK4215" s="99"/>
      <c r="AL4215" s="99"/>
      <c r="AM4215" s="99"/>
      <c r="AN4215" s="99"/>
      <c r="AO4215" s="99"/>
      <c r="AP4215" s="99"/>
      <c r="AQ4215" s="99"/>
      <c r="AR4215" s="99"/>
      <c r="AS4215" s="99"/>
      <c r="AT4215" s="99"/>
      <c r="AU4215" s="99"/>
      <c r="AV4215" s="99"/>
      <c r="AW4215" s="99"/>
      <c r="AX4215" s="99"/>
      <c r="AY4215" s="99"/>
      <c r="AZ4215" s="99"/>
      <c r="BA4215" s="99"/>
      <c r="BB4215" s="107">
        <v>45884</v>
      </c>
    </row>
    <row r="4216" spans="1:54" s="238" customFormat="1" ht="13.95" customHeight="1" x14ac:dyDescent="0.25">
      <c r="A4216" s="236" t="s">
        <v>9328</v>
      </c>
      <c r="B4216" s="220" t="s">
        <v>8672</v>
      </c>
      <c r="C4216" s="190" t="s">
        <v>9329</v>
      </c>
      <c r="D4216" s="190" t="s">
        <v>9330</v>
      </c>
      <c r="E4216" s="237">
        <v>1977</v>
      </c>
      <c r="F4216" s="237">
        <v>500</v>
      </c>
      <c r="G4216" s="190" t="s">
        <v>1</v>
      </c>
      <c r="H4216" s="190">
        <v>0</v>
      </c>
      <c r="I4216" s="190">
        <v>0</v>
      </c>
      <c r="J4216" s="190">
        <v>1</v>
      </c>
      <c r="K4216" s="190">
        <v>1</v>
      </c>
      <c r="L4216" s="190">
        <v>1</v>
      </c>
      <c r="M4216" s="190">
        <v>0</v>
      </c>
      <c r="N4216" s="190">
        <v>0</v>
      </c>
      <c r="O4216" s="190">
        <v>1</v>
      </c>
      <c r="P4216" s="190">
        <v>1</v>
      </c>
      <c r="Q4216" s="190">
        <v>0</v>
      </c>
      <c r="R4216" s="190">
        <v>1</v>
      </c>
      <c r="S4216" s="190">
        <v>0</v>
      </c>
      <c r="T4216" s="190">
        <v>0</v>
      </c>
      <c r="U4216" s="99"/>
      <c r="V4216" s="99"/>
      <c r="W4216" s="99"/>
      <c r="X4216" s="99"/>
      <c r="Y4216" s="99"/>
      <c r="Z4216" s="99"/>
      <c r="AA4216" s="99"/>
      <c r="AB4216" s="99"/>
      <c r="AC4216" s="99"/>
      <c r="AD4216" s="99"/>
      <c r="AE4216" s="99"/>
      <c r="AF4216" s="99"/>
      <c r="AG4216" s="99"/>
      <c r="AH4216" s="99"/>
      <c r="AI4216" s="99"/>
      <c r="AJ4216" s="99"/>
      <c r="AK4216" s="99"/>
      <c r="AL4216" s="99"/>
      <c r="AM4216" s="99"/>
      <c r="AN4216" s="99"/>
      <c r="AO4216" s="99"/>
      <c r="AP4216" s="99"/>
      <c r="AQ4216" s="99"/>
      <c r="AR4216" s="99"/>
      <c r="AS4216" s="99"/>
      <c r="AT4216" s="99"/>
      <c r="AU4216" s="99"/>
      <c r="AV4216" s="99"/>
      <c r="AW4216" s="99"/>
      <c r="AX4216" s="99"/>
      <c r="AY4216" s="99"/>
      <c r="AZ4216" s="99"/>
      <c r="BA4216" s="99"/>
      <c r="BB4216" s="107">
        <v>45884</v>
      </c>
    </row>
    <row r="4217" spans="1:54" s="238" customFormat="1" ht="13.95" customHeight="1" x14ac:dyDescent="0.25">
      <c r="A4217" s="236" t="s">
        <v>9331</v>
      </c>
      <c r="B4217" s="220" t="s">
        <v>8672</v>
      </c>
      <c r="C4217" s="190" t="s">
        <v>9332</v>
      </c>
      <c r="D4217" s="190" t="s">
        <v>9333</v>
      </c>
      <c r="E4217" s="237">
        <v>1976</v>
      </c>
      <c r="F4217" s="237">
        <v>500</v>
      </c>
      <c r="G4217" s="190" t="s">
        <v>1</v>
      </c>
      <c r="H4217" s="190">
        <v>0</v>
      </c>
      <c r="I4217" s="190">
        <v>0</v>
      </c>
      <c r="J4217" s="190">
        <v>1</v>
      </c>
      <c r="K4217" s="190">
        <v>1</v>
      </c>
      <c r="L4217" s="190">
        <v>1</v>
      </c>
      <c r="M4217" s="190">
        <v>0</v>
      </c>
      <c r="N4217" s="190">
        <v>0</v>
      </c>
      <c r="O4217" s="190">
        <v>1</v>
      </c>
      <c r="P4217" s="190">
        <v>0</v>
      </c>
      <c r="Q4217" s="190">
        <v>0</v>
      </c>
      <c r="R4217" s="190">
        <v>1</v>
      </c>
      <c r="S4217" s="190">
        <v>0</v>
      </c>
      <c r="T4217" s="190">
        <v>0</v>
      </c>
      <c r="U4217" s="99"/>
      <c r="V4217" s="99"/>
      <c r="W4217" s="99"/>
      <c r="X4217" s="99"/>
      <c r="Y4217" s="99"/>
      <c r="Z4217" s="99"/>
      <c r="AA4217" s="99"/>
      <c r="AB4217" s="99"/>
      <c r="AC4217" s="99"/>
      <c r="AD4217" s="99"/>
      <c r="AE4217" s="99"/>
      <c r="AF4217" s="99"/>
      <c r="AG4217" s="99"/>
      <c r="AH4217" s="99"/>
      <c r="AI4217" s="99"/>
      <c r="AJ4217" s="99"/>
      <c r="AK4217" s="99"/>
      <c r="AL4217" s="99"/>
      <c r="AM4217" s="99"/>
      <c r="AN4217" s="99"/>
      <c r="AO4217" s="99"/>
      <c r="AP4217" s="99"/>
      <c r="AQ4217" s="99"/>
      <c r="AR4217" s="99"/>
      <c r="AS4217" s="99"/>
      <c r="AT4217" s="99"/>
      <c r="AU4217" s="99"/>
      <c r="AV4217" s="99"/>
      <c r="AW4217" s="99"/>
      <c r="AX4217" s="99"/>
      <c r="AY4217" s="99"/>
      <c r="AZ4217" s="99"/>
      <c r="BA4217" s="99"/>
      <c r="BB4217" s="107">
        <v>45884</v>
      </c>
    </row>
    <row r="4218" spans="1:54" s="238" customFormat="1" ht="13.95" customHeight="1" x14ac:dyDescent="0.25">
      <c r="A4218" s="236" t="s">
        <v>9334</v>
      </c>
      <c r="B4218" s="220" t="s">
        <v>8672</v>
      </c>
      <c r="C4218" s="190" t="s">
        <v>9335</v>
      </c>
      <c r="D4218" s="190" t="s">
        <v>9336</v>
      </c>
      <c r="E4218" s="237">
        <v>1989</v>
      </c>
      <c r="F4218" s="237">
        <v>500</v>
      </c>
      <c r="G4218" s="190" t="s">
        <v>1</v>
      </c>
      <c r="H4218" s="190">
        <v>0</v>
      </c>
      <c r="I4218" s="190">
        <v>0</v>
      </c>
      <c r="J4218" s="190">
        <v>1</v>
      </c>
      <c r="K4218" s="190">
        <v>0</v>
      </c>
      <c r="L4218" s="190">
        <v>1</v>
      </c>
      <c r="M4218" s="190">
        <v>1</v>
      </c>
      <c r="N4218" s="190">
        <v>0</v>
      </c>
      <c r="O4218" s="190">
        <v>0</v>
      </c>
      <c r="P4218" s="190">
        <v>0</v>
      </c>
      <c r="Q4218" s="190">
        <v>0</v>
      </c>
      <c r="R4218" s="190">
        <v>0</v>
      </c>
      <c r="S4218" s="190">
        <v>0</v>
      </c>
      <c r="T4218" s="190">
        <v>0</v>
      </c>
      <c r="U4218" s="99"/>
      <c r="V4218" s="99"/>
      <c r="W4218" s="99"/>
      <c r="X4218" s="99"/>
      <c r="Y4218" s="99"/>
      <c r="Z4218" s="99"/>
      <c r="AA4218" s="99"/>
      <c r="AB4218" s="99"/>
      <c r="AC4218" s="99"/>
      <c r="AD4218" s="99"/>
      <c r="AE4218" s="99"/>
      <c r="AF4218" s="99"/>
      <c r="AG4218" s="99"/>
      <c r="AH4218" s="99"/>
      <c r="AI4218" s="99"/>
      <c r="AJ4218" s="99"/>
      <c r="AK4218" s="99"/>
      <c r="AL4218" s="99"/>
      <c r="AM4218" s="99"/>
      <c r="AN4218" s="99"/>
      <c r="AO4218" s="99"/>
      <c r="AP4218" s="99"/>
      <c r="AQ4218" s="99"/>
      <c r="AR4218" s="99"/>
      <c r="AS4218" s="99"/>
      <c r="AT4218" s="99"/>
      <c r="AU4218" s="99"/>
      <c r="AV4218" s="99"/>
      <c r="AW4218" s="99"/>
      <c r="AX4218" s="99"/>
      <c r="AY4218" s="99"/>
      <c r="AZ4218" s="99"/>
      <c r="BA4218" s="99"/>
      <c r="BB4218" s="107">
        <v>45884</v>
      </c>
    </row>
    <row r="4219" spans="1:54" s="238" customFormat="1" ht="13.95" customHeight="1" x14ac:dyDescent="0.25">
      <c r="A4219" s="236" t="s">
        <v>9337</v>
      </c>
      <c r="B4219" s="220" t="s">
        <v>8672</v>
      </c>
      <c r="C4219" s="190" t="s">
        <v>9338</v>
      </c>
      <c r="D4219" s="190" t="s">
        <v>9339</v>
      </c>
      <c r="E4219" s="237">
        <v>2007</v>
      </c>
      <c r="F4219" s="237">
        <v>500</v>
      </c>
      <c r="G4219" s="190" t="s">
        <v>1</v>
      </c>
      <c r="H4219" s="190">
        <v>0</v>
      </c>
      <c r="I4219" s="190">
        <v>0</v>
      </c>
      <c r="J4219" s="190">
        <v>1</v>
      </c>
      <c r="K4219" s="190">
        <v>0</v>
      </c>
      <c r="L4219" s="190">
        <v>1</v>
      </c>
      <c r="M4219" s="190">
        <v>0</v>
      </c>
      <c r="N4219" s="190">
        <v>0</v>
      </c>
      <c r="O4219" s="190">
        <v>0</v>
      </c>
      <c r="P4219" s="190">
        <v>1</v>
      </c>
      <c r="Q4219" s="190">
        <v>0</v>
      </c>
      <c r="R4219" s="190">
        <v>1</v>
      </c>
      <c r="S4219" s="190">
        <v>0</v>
      </c>
      <c r="T4219" s="190">
        <v>0</v>
      </c>
      <c r="U4219" s="99"/>
      <c r="V4219" s="99"/>
      <c r="W4219" s="99"/>
      <c r="X4219" s="99"/>
      <c r="Y4219" s="99"/>
      <c r="Z4219" s="99"/>
      <c r="AA4219" s="99"/>
      <c r="AB4219" s="99"/>
      <c r="AC4219" s="99"/>
      <c r="AD4219" s="99"/>
      <c r="AE4219" s="99"/>
      <c r="AF4219" s="99"/>
      <c r="AG4219" s="99"/>
      <c r="AH4219" s="99"/>
      <c r="AI4219" s="99"/>
      <c r="AJ4219" s="99"/>
      <c r="AK4219" s="99"/>
      <c r="AL4219" s="99"/>
      <c r="AM4219" s="99"/>
      <c r="AN4219" s="99"/>
      <c r="AO4219" s="99"/>
      <c r="AP4219" s="99"/>
      <c r="AQ4219" s="99"/>
      <c r="AR4219" s="99"/>
      <c r="AS4219" s="99"/>
      <c r="AT4219" s="99"/>
      <c r="AU4219" s="99"/>
      <c r="AV4219" s="99"/>
      <c r="AW4219" s="99"/>
      <c r="AX4219" s="99"/>
      <c r="AY4219" s="99"/>
      <c r="AZ4219" s="99"/>
      <c r="BA4219" s="99"/>
      <c r="BB4219" s="107">
        <v>45884</v>
      </c>
    </row>
    <row r="4220" spans="1:54" s="238" customFormat="1" ht="13.95" customHeight="1" x14ac:dyDescent="0.25">
      <c r="A4220" s="236" t="s">
        <v>9340</v>
      </c>
      <c r="B4220" s="220" t="s">
        <v>8672</v>
      </c>
      <c r="C4220" s="190" t="s">
        <v>9341</v>
      </c>
      <c r="D4220" s="190" t="s">
        <v>9342</v>
      </c>
      <c r="E4220" s="237">
        <v>1990</v>
      </c>
      <c r="F4220" s="237">
        <v>500</v>
      </c>
      <c r="G4220" s="190" t="s">
        <v>1</v>
      </c>
      <c r="H4220" s="190">
        <v>0</v>
      </c>
      <c r="I4220" s="190">
        <v>0</v>
      </c>
      <c r="J4220" s="190">
        <v>1</v>
      </c>
      <c r="K4220" s="190">
        <v>1</v>
      </c>
      <c r="L4220" s="190">
        <v>0</v>
      </c>
      <c r="M4220" s="190">
        <v>0</v>
      </c>
      <c r="N4220" s="190">
        <v>0</v>
      </c>
      <c r="O4220" s="190">
        <v>0</v>
      </c>
      <c r="P4220" s="190">
        <v>1</v>
      </c>
      <c r="Q4220" s="190">
        <v>0</v>
      </c>
      <c r="R4220" s="190">
        <v>0</v>
      </c>
      <c r="S4220" s="190">
        <v>0</v>
      </c>
      <c r="T4220" s="190">
        <v>0</v>
      </c>
      <c r="U4220" s="99"/>
      <c r="V4220" s="99"/>
      <c r="W4220" s="99"/>
      <c r="X4220" s="99"/>
      <c r="Y4220" s="99"/>
      <c r="Z4220" s="99"/>
      <c r="AA4220" s="99"/>
      <c r="AB4220" s="99"/>
      <c r="AC4220" s="99"/>
      <c r="AD4220" s="99"/>
      <c r="AE4220" s="99"/>
      <c r="AF4220" s="99"/>
      <c r="AG4220" s="99"/>
      <c r="AH4220" s="99"/>
      <c r="AI4220" s="99"/>
      <c r="AJ4220" s="99"/>
      <c r="AK4220" s="99"/>
      <c r="AL4220" s="99"/>
      <c r="AM4220" s="99"/>
      <c r="AN4220" s="99"/>
      <c r="AO4220" s="99"/>
      <c r="AP4220" s="99"/>
      <c r="AQ4220" s="99"/>
      <c r="AR4220" s="99"/>
      <c r="AS4220" s="99"/>
      <c r="AT4220" s="99"/>
      <c r="AU4220" s="99"/>
      <c r="AV4220" s="99"/>
      <c r="AW4220" s="99"/>
      <c r="AX4220" s="99"/>
      <c r="AY4220" s="99"/>
      <c r="AZ4220" s="99"/>
      <c r="BA4220" s="99"/>
      <c r="BB4220" s="107">
        <v>45884</v>
      </c>
    </row>
    <row r="4221" spans="1:54" s="238" customFormat="1" ht="13.95" customHeight="1" x14ac:dyDescent="0.25">
      <c r="A4221" s="236" t="s">
        <v>9343</v>
      </c>
      <c r="B4221" s="220" t="s">
        <v>8672</v>
      </c>
      <c r="C4221" s="190" t="s">
        <v>9344</v>
      </c>
      <c r="D4221" s="190" t="s">
        <v>9345</v>
      </c>
      <c r="E4221" s="237">
        <v>2003</v>
      </c>
      <c r="F4221" s="237">
        <v>600</v>
      </c>
      <c r="G4221" s="190" t="s">
        <v>1</v>
      </c>
      <c r="H4221" s="190">
        <v>0</v>
      </c>
      <c r="I4221" s="190">
        <v>0</v>
      </c>
      <c r="J4221" s="190">
        <v>1</v>
      </c>
      <c r="K4221" s="190">
        <v>1</v>
      </c>
      <c r="L4221" s="190">
        <v>1</v>
      </c>
      <c r="M4221" s="190">
        <v>1</v>
      </c>
      <c r="N4221" s="190">
        <v>0</v>
      </c>
      <c r="O4221" s="190">
        <v>0</v>
      </c>
      <c r="P4221" s="190">
        <v>1</v>
      </c>
      <c r="Q4221" s="190">
        <v>0</v>
      </c>
      <c r="R4221" s="190">
        <v>1</v>
      </c>
      <c r="S4221" s="190">
        <v>0</v>
      </c>
      <c r="T4221" s="190">
        <v>0</v>
      </c>
      <c r="U4221" s="99"/>
      <c r="V4221" s="99"/>
      <c r="W4221" s="99"/>
      <c r="X4221" s="99"/>
      <c r="Y4221" s="99"/>
      <c r="Z4221" s="99"/>
      <c r="AA4221" s="99"/>
      <c r="AB4221" s="99"/>
      <c r="AC4221" s="99"/>
      <c r="AD4221" s="99"/>
      <c r="AE4221" s="99"/>
      <c r="AF4221" s="99"/>
      <c r="AG4221" s="99"/>
      <c r="AH4221" s="99"/>
      <c r="AI4221" s="99"/>
      <c r="AJ4221" s="99"/>
      <c r="AK4221" s="99"/>
      <c r="AL4221" s="99"/>
      <c r="AM4221" s="99"/>
      <c r="AN4221" s="99"/>
      <c r="AO4221" s="99"/>
      <c r="AP4221" s="99"/>
      <c r="AQ4221" s="99"/>
      <c r="AR4221" s="99"/>
      <c r="AS4221" s="99"/>
      <c r="AT4221" s="99"/>
      <c r="AU4221" s="99"/>
      <c r="AV4221" s="99"/>
      <c r="AW4221" s="99"/>
      <c r="AX4221" s="99"/>
      <c r="AY4221" s="99"/>
      <c r="AZ4221" s="99"/>
      <c r="BA4221" s="99"/>
      <c r="BB4221" s="107">
        <v>45884</v>
      </c>
    </row>
    <row r="4222" spans="1:54" s="238" customFormat="1" ht="13.95" customHeight="1" x14ac:dyDescent="0.25">
      <c r="A4222" s="236" t="s">
        <v>9346</v>
      </c>
      <c r="B4222" s="220" t="s">
        <v>8672</v>
      </c>
      <c r="C4222" s="190" t="s">
        <v>9347</v>
      </c>
      <c r="D4222" s="190" t="s">
        <v>9348</v>
      </c>
      <c r="E4222" s="237">
        <v>1999</v>
      </c>
      <c r="F4222" s="237">
        <v>600</v>
      </c>
      <c r="G4222" s="190" t="s">
        <v>1</v>
      </c>
      <c r="H4222" s="190">
        <v>0</v>
      </c>
      <c r="I4222" s="190">
        <v>0</v>
      </c>
      <c r="J4222" s="190">
        <v>1</v>
      </c>
      <c r="K4222" s="190">
        <v>1</v>
      </c>
      <c r="L4222" s="190">
        <v>1</v>
      </c>
      <c r="M4222" s="190">
        <v>1</v>
      </c>
      <c r="N4222" s="190">
        <v>0</v>
      </c>
      <c r="O4222" s="190">
        <v>0</v>
      </c>
      <c r="P4222" s="190">
        <v>1</v>
      </c>
      <c r="Q4222" s="190">
        <v>0</v>
      </c>
      <c r="R4222" s="190">
        <v>0</v>
      </c>
      <c r="S4222" s="190">
        <v>0</v>
      </c>
      <c r="T4222" s="190">
        <v>0</v>
      </c>
      <c r="U4222" s="99"/>
      <c r="V4222" s="99"/>
      <c r="W4222" s="99"/>
      <c r="X4222" s="99"/>
      <c r="Y4222" s="99"/>
      <c r="Z4222" s="99"/>
      <c r="AA4222" s="99"/>
      <c r="AB4222" s="99"/>
      <c r="AC4222" s="99"/>
      <c r="AD4222" s="99"/>
      <c r="AE4222" s="99"/>
      <c r="AF4222" s="99"/>
      <c r="AG4222" s="99"/>
      <c r="AH4222" s="99"/>
      <c r="AI4222" s="99"/>
      <c r="AJ4222" s="99"/>
      <c r="AK4222" s="99"/>
      <c r="AL4222" s="99"/>
      <c r="AM4222" s="99"/>
      <c r="AN4222" s="99"/>
      <c r="AO4222" s="99"/>
      <c r="AP4222" s="99"/>
      <c r="AQ4222" s="99"/>
      <c r="AR4222" s="99"/>
      <c r="AS4222" s="99"/>
      <c r="AT4222" s="99"/>
      <c r="AU4222" s="99"/>
      <c r="AV4222" s="99"/>
      <c r="AW4222" s="99"/>
      <c r="AX4222" s="99"/>
      <c r="AY4222" s="99"/>
      <c r="AZ4222" s="99"/>
      <c r="BA4222" s="99"/>
      <c r="BB4222" s="107">
        <v>45884</v>
      </c>
    </row>
    <row r="4223" spans="1:54" s="238" customFormat="1" ht="13.95" customHeight="1" x14ac:dyDescent="0.25">
      <c r="A4223" s="236" t="s">
        <v>9349</v>
      </c>
      <c r="B4223" s="220" t="s">
        <v>8672</v>
      </c>
      <c r="C4223" s="190" t="s">
        <v>9350</v>
      </c>
      <c r="D4223" s="190" t="s">
        <v>9351</v>
      </c>
      <c r="E4223" s="237">
        <v>1997</v>
      </c>
      <c r="F4223" s="237">
        <v>600</v>
      </c>
      <c r="G4223" s="190" t="s">
        <v>1</v>
      </c>
      <c r="H4223" s="190">
        <v>0</v>
      </c>
      <c r="I4223" s="190">
        <v>0</v>
      </c>
      <c r="J4223" s="190">
        <v>1</v>
      </c>
      <c r="K4223" s="190">
        <v>1</v>
      </c>
      <c r="L4223" s="190">
        <v>1</v>
      </c>
      <c r="M4223" s="190">
        <v>1</v>
      </c>
      <c r="N4223" s="190">
        <v>0</v>
      </c>
      <c r="O4223" s="190">
        <v>1</v>
      </c>
      <c r="P4223" s="190">
        <v>1</v>
      </c>
      <c r="Q4223" s="190">
        <v>0</v>
      </c>
      <c r="R4223" s="190">
        <v>1</v>
      </c>
      <c r="S4223" s="190">
        <v>0</v>
      </c>
      <c r="T4223" s="190">
        <v>0</v>
      </c>
      <c r="U4223" s="99"/>
      <c r="V4223" s="99"/>
      <c r="W4223" s="99"/>
      <c r="X4223" s="99"/>
      <c r="Y4223" s="99"/>
      <c r="Z4223" s="99"/>
      <c r="AA4223" s="99"/>
      <c r="AB4223" s="99"/>
      <c r="AC4223" s="99"/>
      <c r="AD4223" s="99"/>
      <c r="AE4223" s="99"/>
      <c r="AF4223" s="99"/>
      <c r="AG4223" s="99"/>
      <c r="AH4223" s="99"/>
      <c r="AI4223" s="99"/>
      <c r="AJ4223" s="99"/>
      <c r="AK4223" s="99"/>
      <c r="AL4223" s="99"/>
      <c r="AM4223" s="99"/>
      <c r="AN4223" s="99"/>
      <c r="AO4223" s="99"/>
      <c r="AP4223" s="99"/>
      <c r="AQ4223" s="99"/>
      <c r="AR4223" s="99"/>
      <c r="AS4223" s="99"/>
      <c r="AT4223" s="99"/>
      <c r="AU4223" s="99"/>
      <c r="AV4223" s="99"/>
      <c r="AW4223" s="99"/>
      <c r="AX4223" s="99"/>
      <c r="AY4223" s="99"/>
      <c r="AZ4223" s="99"/>
      <c r="BA4223" s="99"/>
      <c r="BB4223" s="107">
        <v>45884</v>
      </c>
    </row>
    <row r="4224" spans="1:54" s="238" customFormat="1" ht="13.95" customHeight="1" x14ac:dyDescent="0.25">
      <c r="A4224" s="236" t="s">
        <v>9352</v>
      </c>
      <c r="B4224" s="220" t="s">
        <v>8672</v>
      </c>
      <c r="C4224" s="190" t="s">
        <v>9353</v>
      </c>
      <c r="D4224" s="190" t="s">
        <v>9354</v>
      </c>
      <c r="E4224" s="237">
        <v>2002</v>
      </c>
      <c r="F4224" s="237">
        <v>600</v>
      </c>
      <c r="G4224" s="190" t="s">
        <v>1</v>
      </c>
      <c r="H4224" s="190">
        <v>0</v>
      </c>
      <c r="I4224" s="190">
        <v>0</v>
      </c>
      <c r="J4224" s="190">
        <v>1</v>
      </c>
      <c r="K4224" s="190">
        <v>0</v>
      </c>
      <c r="L4224" s="190">
        <v>1</v>
      </c>
      <c r="M4224" s="190">
        <v>0</v>
      </c>
      <c r="N4224" s="190">
        <v>0</v>
      </c>
      <c r="O4224" s="190">
        <v>1</v>
      </c>
      <c r="P4224" s="190">
        <v>1</v>
      </c>
      <c r="Q4224" s="190">
        <v>0</v>
      </c>
      <c r="R4224" s="190">
        <v>0</v>
      </c>
      <c r="S4224" s="190">
        <v>0</v>
      </c>
      <c r="T4224" s="190">
        <v>0</v>
      </c>
      <c r="U4224" s="99"/>
      <c r="V4224" s="99"/>
      <c r="W4224" s="99"/>
      <c r="X4224" s="99"/>
      <c r="Y4224" s="99"/>
      <c r="Z4224" s="99"/>
      <c r="AA4224" s="99"/>
      <c r="AB4224" s="99"/>
      <c r="AC4224" s="99"/>
      <c r="AD4224" s="99"/>
      <c r="AE4224" s="99"/>
      <c r="AF4224" s="99"/>
      <c r="AG4224" s="99"/>
      <c r="AH4224" s="99"/>
      <c r="AI4224" s="99"/>
      <c r="AJ4224" s="99"/>
      <c r="AK4224" s="99"/>
      <c r="AL4224" s="99"/>
      <c r="AM4224" s="99"/>
      <c r="AN4224" s="99"/>
      <c r="AO4224" s="99"/>
      <c r="AP4224" s="99"/>
      <c r="AQ4224" s="99"/>
      <c r="AR4224" s="99"/>
      <c r="AS4224" s="99"/>
      <c r="AT4224" s="99"/>
      <c r="AU4224" s="99"/>
      <c r="AV4224" s="99"/>
      <c r="AW4224" s="99"/>
      <c r="AX4224" s="99"/>
      <c r="AY4224" s="99"/>
      <c r="AZ4224" s="99"/>
      <c r="BA4224" s="99"/>
      <c r="BB4224" s="107">
        <v>45884</v>
      </c>
    </row>
    <row r="4225" spans="1:54" s="238" customFormat="1" ht="13.95" customHeight="1" x14ac:dyDescent="0.25">
      <c r="A4225" s="236" t="s">
        <v>9355</v>
      </c>
      <c r="B4225" s="220" t="s">
        <v>8672</v>
      </c>
      <c r="C4225" s="190" t="s">
        <v>9356</v>
      </c>
      <c r="D4225" s="190" t="s">
        <v>9357</v>
      </c>
      <c r="E4225" s="237">
        <v>1997</v>
      </c>
      <c r="F4225" s="237">
        <v>600</v>
      </c>
      <c r="G4225" s="190" t="s">
        <v>1</v>
      </c>
      <c r="H4225" s="190">
        <v>0</v>
      </c>
      <c r="I4225" s="190">
        <v>0</v>
      </c>
      <c r="J4225" s="190">
        <v>1</v>
      </c>
      <c r="K4225" s="190">
        <v>0</v>
      </c>
      <c r="L4225" s="190">
        <v>0</v>
      </c>
      <c r="M4225" s="190">
        <v>1</v>
      </c>
      <c r="N4225" s="190">
        <v>0</v>
      </c>
      <c r="O4225" s="190">
        <v>1</v>
      </c>
      <c r="P4225" s="190">
        <v>1</v>
      </c>
      <c r="Q4225" s="190">
        <v>1</v>
      </c>
      <c r="R4225" s="190">
        <v>1</v>
      </c>
      <c r="S4225" s="190">
        <v>0</v>
      </c>
      <c r="T4225" s="190">
        <v>0</v>
      </c>
      <c r="U4225" s="99"/>
      <c r="V4225" s="99"/>
      <c r="W4225" s="99"/>
      <c r="X4225" s="99"/>
      <c r="Y4225" s="99"/>
      <c r="Z4225" s="99"/>
      <c r="AA4225" s="99"/>
      <c r="AB4225" s="99"/>
      <c r="AC4225" s="99"/>
      <c r="AD4225" s="99"/>
      <c r="AE4225" s="99"/>
      <c r="AF4225" s="99"/>
      <c r="AG4225" s="99"/>
      <c r="AH4225" s="99"/>
      <c r="AI4225" s="99"/>
      <c r="AJ4225" s="99"/>
      <c r="AK4225" s="99"/>
      <c r="AL4225" s="99"/>
      <c r="AM4225" s="99"/>
      <c r="AN4225" s="99"/>
      <c r="AO4225" s="99"/>
      <c r="AP4225" s="99"/>
      <c r="AQ4225" s="99"/>
      <c r="AR4225" s="99"/>
      <c r="AS4225" s="99"/>
      <c r="AT4225" s="99"/>
      <c r="AU4225" s="99"/>
      <c r="AV4225" s="99"/>
      <c r="AW4225" s="99"/>
      <c r="AX4225" s="99"/>
      <c r="AY4225" s="99"/>
      <c r="AZ4225" s="99"/>
      <c r="BA4225" s="99"/>
      <c r="BB4225" s="107">
        <v>45884</v>
      </c>
    </row>
    <row r="4226" spans="1:54" s="238" customFormat="1" ht="13.95" customHeight="1" x14ac:dyDescent="0.25">
      <c r="A4226" s="236" t="s">
        <v>9358</v>
      </c>
      <c r="B4226" s="220" t="s">
        <v>8672</v>
      </c>
      <c r="C4226" s="190" t="s">
        <v>22024</v>
      </c>
      <c r="D4226" s="190" t="s">
        <v>9359</v>
      </c>
      <c r="E4226" s="237">
        <v>2010</v>
      </c>
      <c r="F4226" s="237">
        <v>600</v>
      </c>
      <c r="G4226" s="190" t="s">
        <v>1</v>
      </c>
      <c r="H4226" s="190">
        <v>0</v>
      </c>
      <c r="I4226" s="190">
        <v>0</v>
      </c>
      <c r="J4226" s="190">
        <v>0</v>
      </c>
      <c r="K4226" s="190">
        <v>0</v>
      </c>
      <c r="L4226" s="190">
        <v>0</v>
      </c>
      <c r="M4226" s="190">
        <v>0</v>
      </c>
      <c r="N4226" s="190">
        <v>0</v>
      </c>
      <c r="O4226" s="190">
        <v>1</v>
      </c>
      <c r="P4226" s="190">
        <v>0</v>
      </c>
      <c r="Q4226" s="190">
        <v>0</v>
      </c>
      <c r="R4226" s="190">
        <v>0</v>
      </c>
      <c r="S4226" s="190">
        <v>0</v>
      </c>
      <c r="T4226" s="190">
        <v>0</v>
      </c>
      <c r="U4226" s="99"/>
      <c r="V4226" s="99"/>
      <c r="W4226" s="99"/>
      <c r="X4226" s="99"/>
      <c r="Y4226" s="99"/>
      <c r="Z4226" s="99"/>
      <c r="AA4226" s="99"/>
      <c r="AB4226" s="99"/>
      <c r="AC4226" s="99"/>
      <c r="AD4226" s="99"/>
      <c r="AE4226" s="99"/>
      <c r="AF4226" s="99"/>
      <c r="AG4226" s="99"/>
      <c r="AH4226" s="99"/>
      <c r="AI4226" s="99"/>
      <c r="AJ4226" s="99"/>
      <c r="AK4226" s="99"/>
      <c r="AL4226" s="99"/>
      <c r="AM4226" s="99"/>
      <c r="AN4226" s="99"/>
      <c r="AO4226" s="99"/>
      <c r="AP4226" s="99"/>
      <c r="AQ4226" s="99"/>
      <c r="AR4226" s="99"/>
      <c r="AS4226" s="99"/>
      <c r="AT4226" s="99"/>
      <c r="AU4226" s="99"/>
      <c r="AV4226" s="99"/>
      <c r="AW4226" s="99"/>
      <c r="AX4226" s="99"/>
      <c r="AY4226" s="99"/>
      <c r="AZ4226" s="99"/>
      <c r="BA4226" s="99"/>
      <c r="BB4226" s="107">
        <v>45884</v>
      </c>
    </row>
    <row r="4227" spans="1:54" s="238" customFormat="1" ht="13.95" customHeight="1" x14ac:dyDescent="0.25">
      <c r="A4227" s="236" t="s">
        <v>9360</v>
      </c>
      <c r="B4227" s="220" t="s">
        <v>8672</v>
      </c>
      <c r="C4227" s="190" t="s">
        <v>9361</v>
      </c>
      <c r="D4227" s="190" t="s">
        <v>9362</v>
      </c>
      <c r="E4227" s="237">
        <v>2010</v>
      </c>
      <c r="F4227" s="237">
        <v>600</v>
      </c>
      <c r="G4227" s="190" t="s">
        <v>1</v>
      </c>
      <c r="H4227" s="190">
        <v>0</v>
      </c>
      <c r="I4227" s="190">
        <v>0</v>
      </c>
      <c r="J4227" s="190">
        <v>1</v>
      </c>
      <c r="K4227" s="190">
        <v>0</v>
      </c>
      <c r="L4227" s="190">
        <v>1</v>
      </c>
      <c r="M4227" s="190">
        <v>0</v>
      </c>
      <c r="N4227" s="190">
        <v>0</v>
      </c>
      <c r="O4227" s="190">
        <v>1</v>
      </c>
      <c r="P4227" s="190">
        <v>0</v>
      </c>
      <c r="Q4227" s="190">
        <v>1</v>
      </c>
      <c r="R4227" s="190">
        <v>1</v>
      </c>
      <c r="S4227" s="190">
        <v>0</v>
      </c>
      <c r="T4227" s="190">
        <v>0</v>
      </c>
      <c r="U4227" s="99"/>
      <c r="V4227" s="99"/>
      <c r="W4227" s="99"/>
      <c r="X4227" s="99"/>
      <c r="Y4227" s="99"/>
      <c r="Z4227" s="99"/>
      <c r="AA4227" s="99"/>
      <c r="AB4227" s="99"/>
      <c r="AC4227" s="99"/>
      <c r="AD4227" s="99"/>
      <c r="AE4227" s="99"/>
      <c r="AF4227" s="99"/>
      <c r="AG4227" s="99"/>
      <c r="AH4227" s="99"/>
      <c r="AI4227" s="99"/>
      <c r="AJ4227" s="99"/>
      <c r="AK4227" s="99"/>
      <c r="AL4227" s="99"/>
      <c r="AM4227" s="99"/>
      <c r="AN4227" s="99"/>
      <c r="AO4227" s="99"/>
      <c r="AP4227" s="99"/>
      <c r="AQ4227" s="99"/>
      <c r="AR4227" s="99"/>
      <c r="AS4227" s="99"/>
      <c r="AT4227" s="99"/>
      <c r="AU4227" s="99"/>
      <c r="AV4227" s="99"/>
      <c r="AW4227" s="99"/>
      <c r="AX4227" s="99"/>
      <c r="AY4227" s="99"/>
      <c r="AZ4227" s="99"/>
      <c r="BA4227" s="190" t="s">
        <v>8819</v>
      </c>
      <c r="BB4227" s="107">
        <v>45884</v>
      </c>
    </row>
    <row r="4228" spans="1:54" s="238" customFormat="1" ht="13.95" customHeight="1" x14ac:dyDescent="0.25">
      <c r="A4228" s="236" t="s">
        <v>9363</v>
      </c>
      <c r="B4228" s="220" t="s">
        <v>8672</v>
      </c>
      <c r="C4228" s="190" t="s">
        <v>9364</v>
      </c>
      <c r="D4228" s="190" t="s">
        <v>9176</v>
      </c>
      <c r="E4228" s="237">
        <v>2012</v>
      </c>
      <c r="F4228" s="237">
        <v>600</v>
      </c>
      <c r="G4228" s="190" t="s">
        <v>1</v>
      </c>
      <c r="H4228" s="190">
        <v>0</v>
      </c>
      <c r="I4228" s="190">
        <v>0</v>
      </c>
      <c r="J4228" s="190">
        <v>1</v>
      </c>
      <c r="K4228" s="190">
        <v>0</v>
      </c>
      <c r="L4228" s="190">
        <v>0</v>
      </c>
      <c r="M4228" s="190">
        <v>0</v>
      </c>
      <c r="N4228" s="190">
        <v>1</v>
      </c>
      <c r="O4228" s="190">
        <v>0</v>
      </c>
      <c r="P4228" s="190">
        <v>0</v>
      </c>
      <c r="Q4228" s="190">
        <v>0</v>
      </c>
      <c r="R4228" s="190">
        <v>0</v>
      </c>
      <c r="S4228" s="190">
        <v>0</v>
      </c>
      <c r="T4228" s="190">
        <v>0</v>
      </c>
      <c r="U4228" s="99"/>
      <c r="V4228" s="99"/>
      <c r="W4228" s="99"/>
      <c r="X4228" s="99"/>
      <c r="Y4228" s="99"/>
      <c r="Z4228" s="99"/>
      <c r="AA4228" s="99"/>
      <c r="AB4228" s="99"/>
      <c r="AC4228" s="99"/>
      <c r="AD4228" s="99"/>
      <c r="AE4228" s="99"/>
      <c r="AF4228" s="99"/>
      <c r="AG4228" s="99"/>
      <c r="AH4228" s="99"/>
      <c r="AI4228" s="99"/>
      <c r="AJ4228" s="99"/>
      <c r="AK4228" s="99"/>
      <c r="AL4228" s="99"/>
      <c r="AM4228" s="99"/>
      <c r="AN4228" s="99"/>
      <c r="AO4228" s="99"/>
      <c r="AP4228" s="99"/>
      <c r="AQ4228" s="99"/>
      <c r="AR4228" s="99"/>
      <c r="AS4228" s="99"/>
      <c r="AT4228" s="99"/>
      <c r="AU4228" s="99"/>
      <c r="AV4228" s="99"/>
      <c r="AW4228" s="99"/>
      <c r="AX4228" s="99"/>
      <c r="AY4228" s="99"/>
      <c r="AZ4228" s="99"/>
      <c r="BA4228" s="99"/>
      <c r="BB4228" s="107">
        <v>45884</v>
      </c>
    </row>
    <row r="4229" spans="1:54" s="238" customFormat="1" ht="13.95" customHeight="1" x14ac:dyDescent="0.25">
      <c r="A4229" s="236" t="s">
        <v>9365</v>
      </c>
      <c r="B4229" s="220" t="s">
        <v>8672</v>
      </c>
      <c r="C4229" s="190" t="s">
        <v>9366</v>
      </c>
      <c r="D4229" s="190" t="s">
        <v>9367</v>
      </c>
      <c r="E4229" s="237">
        <v>1976</v>
      </c>
      <c r="F4229" s="237">
        <v>600</v>
      </c>
      <c r="G4229" s="190" t="s">
        <v>1</v>
      </c>
      <c r="H4229" s="190">
        <v>0</v>
      </c>
      <c r="I4229" s="190">
        <v>0</v>
      </c>
      <c r="J4229" s="190">
        <v>1</v>
      </c>
      <c r="K4229" s="190">
        <v>0</v>
      </c>
      <c r="L4229" s="190">
        <v>0</v>
      </c>
      <c r="M4229" s="190">
        <v>0</v>
      </c>
      <c r="N4229" s="190">
        <v>0</v>
      </c>
      <c r="O4229" s="190">
        <v>0</v>
      </c>
      <c r="P4229" s="190">
        <v>1</v>
      </c>
      <c r="Q4229" s="190">
        <v>0</v>
      </c>
      <c r="R4229" s="190">
        <v>1</v>
      </c>
      <c r="S4229" s="190">
        <v>0</v>
      </c>
      <c r="T4229" s="190">
        <v>0</v>
      </c>
      <c r="U4229" s="99"/>
      <c r="V4229" s="99"/>
      <c r="W4229" s="99"/>
      <c r="X4229" s="99"/>
      <c r="Y4229" s="99"/>
      <c r="Z4229" s="99"/>
      <c r="AA4229" s="99"/>
      <c r="AB4229" s="99"/>
      <c r="AC4229" s="99"/>
      <c r="AD4229" s="99"/>
      <c r="AE4229" s="99"/>
      <c r="AF4229" s="99"/>
      <c r="AG4229" s="99"/>
      <c r="AH4229" s="99"/>
      <c r="AI4229" s="99"/>
      <c r="AJ4229" s="99"/>
      <c r="AK4229" s="99"/>
      <c r="AL4229" s="99"/>
      <c r="AM4229" s="99"/>
      <c r="AN4229" s="99"/>
      <c r="AO4229" s="99"/>
      <c r="AP4229" s="99"/>
      <c r="AQ4229" s="99"/>
      <c r="AR4229" s="99"/>
      <c r="AS4229" s="99"/>
      <c r="AT4229" s="99"/>
      <c r="AU4229" s="99"/>
      <c r="AV4229" s="99"/>
      <c r="AW4229" s="99"/>
      <c r="AX4229" s="99"/>
      <c r="AY4229" s="99"/>
      <c r="AZ4229" s="99"/>
      <c r="BA4229" s="99"/>
      <c r="BB4229" s="107">
        <v>45884</v>
      </c>
    </row>
    <row r="4230" spans="1:54" s="238" customFormat="1" ht="13.95" customHeight="1" x14ac:dyDescent="0.25">
      <c r="A4230" s="236" t="s">
        <v>9368</v>
      </c>
      <c r="B4230" s="220" t="s">
        <v>8672</v>
      </c>
      <c r="C4230" s="190" t="s">
        <v>9369</v>
      </c>
      <c r="D4230" s="190" t="s">
        <v>9370</v>
      </c>
      <c r="E4230" s="237">
        <v>2011</v>
      </c>
      <c r="F4230" s="237">
        <v>600</v>
      </c>
      <c r="G4230" s="190" t="s">
        <v>1</v>
      </c>
      <c r="H4230" s="190">
        <v>0</v>
      </c>
      <c r="I4230" s="190">
        <v>0</v>
      </c>
      <c r="J4230" s="190">
        <v>0</v>
      </c>
      <c r="K4230" s="190">
        <v>0</v>
      </c>
      <c r="L4230" s="190">
        <v>0</v>
      </c>
      <c r="M4230" s="190">
        <v>0</v>
      </c>
      <c r="N4230" s="190">
        <v>0</v>
      </c>
      <c r="O4230" s="190">
        <v>0</v>
      </c>
      <c r="P4230" s="190">
        <v>0</v>
      </c>
      <c r="Q4230" s="190">
        <v>0</v>
      </c>
      <c r="R4230" s="190">
        <v>0</v>
      </c>
      <c r="S4230" s="190">
        <v>0</v>
      </c>
      <c r="T4230" s="190">
        <v>0</v>
      </c>
      <c r="U4230" s="99"/>
      <c r="V4230" s="99"/>
      <c r="W4230" s="99"/>
      <c r="X4230" s="99"/>
      <c r="Y4230" s="99"/>
      <c r="Z4230" s="99"/>
      <c r="AA4230" s="99"/>
      <c r="AB4230" s="99"/>
      <c r="AC4230" s="99"/>
      <c r="AD4230" s="99"/>
      <c r="AE4230" s="99"/>
      <c r="AF4230" s="99"/>
      <c r="AG4230" s="99"/>
      <c r="AH4230" s="99"/>
      <c r="AI4230" s="99"/>
      <c r="AJ4230" s="99"/>
      <c r="AK4230" s="99"/>
      <c r="AL4230" s="99"/>
      <c r="AM4230" s="99"/>
      <c r="AN4230" s="99"/>
      <c r="AO4230" s="99"/>
      <c r="AP4230" s="99"/>
      <c r="AQ4230" s="99"/>
      <c r="AR4230" s="99"/>
      <c r="AS4230" s="99"/>
      <c r="AT4230" s="99"/>
      <c r="AU4230" s="99"/>
      <c r="AV4230" s="99"/>
      <c r="AW4230" s="99"/>
      <c r="AX4230" s="99"/>
      <c r="AY4230" s="99"/>
      <c r="AZ4230" s="99"/>
      <c r="BA4230" s="99"/>
      <c r="BB4230" s="107">
        <v>45884</v>
      </c>
    </row>
    <row r="4231" spans="1:54" s="238" customFormat="1" ht="13.95" customHeight="1" x14ac:dyDescent="0.25">
      <c r="A4231" s="236" t="s">
        <v>9371</v>
      </c>
      <c r="B4231" s="220" t="s">
        <v>8672</v>
      </c>
      <c r="C4231" s="190" t="s">
        <v>9372</v>
      </c>
      <c r="D4231" s="190" t="s">
        <v>9373</v>
      </c>
      <c r="E4231" s="237">
        <v>1979</v>
      </c>
      <c r="F4231" s="237">
        <v>600</v>
      </c>
      <c r="G4231" s="190" t="s">
        <v>1</v>
      </c>
      <c r="H4231" s="190">
        <v>0</v>
      </c>
      <c r="I4231" s="190">
        <v>0</v>
      </c>
      <c r="J4231" s="190">
        <v>1</v>
      </c>
      <c r="K4231" s="190">
        <v>1</v>
      </c>
      <c r="L4231" s="190">
        <v>1</v>
      </c>
      <c r="M4231" s="190">
        <v>0</v>
      </c>
      <c r="N4231" s="190">
        <v>0</v>
      </c>
      <c r="O4231" s="190">
        <v>0</v>
      </c>
      <c r="P4231" s="190">
        <v>1</v>
      </c>
      <c r="Q4231" s="190">
        <v>1</v>
      </c>
      <c r="R4231" s="190">
        <v>1</v>
      </c>
      <c r="S4231" s="190">
        <v>0</v>
      </c>
      <c r="T4231" s="190">
        <v>0</v>
      </c>
      <c r="U4231" s="99"/>
      <c r="V4231" s="99"/>
      <c r="W4231" s="99"/>
      <c r="X4231" s="99"/>
      <c r="Y4231" s="99"/>
      <c r="Z4231" s="99"/>
      <c r="AA4231" s="99"/>
      <c r="AB4231" s="99"/>
      <c r="AC4231" s="99"/>
      <c r="AD4231" s="99"/>
      <c r="AE4231" s="99"/>
      <c r="AF4231" s="99"/>
      <c r="AG4231" s="99"/>
      <c r="AH4231" s="99"/>
      <c r="AI4231" s="99"/>
      <c r="AJ4231" s="99"/>
      <c r="AK4231" s="99"/>
      <c r="AL4231" s="99"/>
      <c r="AM4231" s="99"/>
      <c r="AN4231" s="99"/>
      <c r="AO4231" s="99"/>
      <c r="AP4231" s="99"/>
      <c r="AQ4231" s="99"/>
      <c r="AR4231" s="99"/>
      <c r="AS4231" s="99"/>
      <c r="AT4231" s="99"/>
      <c r="AU4231" s="99"/>
      <c r="AV4231" s="99"/>
      <c r="AW4231" s="99"/>
      <c r="AX4231" s="99"/>
      <c r="AY4231" s="99"/>
      <c r="AZ4231" s="99"/>
      <c r="BA4231" s="99"/>
      <c r="BB4231" s="107">
        <v>45884</v>
      </c>
    </row>
    <row r="4232" spans="1:54" s="238" customFormat="1" ht="13.95" customHeight="1" x14ac:dyDescent="0.25">
      <c r="A4232" s="236" t="s">
        <v>9374</v>
      </c>
      <c r="B4232" s="220" t="s">
        <v>8672</v>
      </c>
      <c r="C4232" s="190" t="s">
        <v>9375</v>
      </c>
      <c r="D4232" s="190" t="s">
        <v>9376</v>
      </c>
      <c r="E4232" s="237">
        <v>1980</v>
      </c>
      <c r="F4232" s="237">
        <v>700</v>
      </c>
      <c r="G4232" s="190" t="s">
        <v>1</v>
      </c>
      <c r="H4232" s="190">
        <v>0</v>
      </c>
      <c r="I4232" s="190">
        <v>0</v>
      </c>
      <c r="J4232" s="190">
        <v>0</v>
      </c>
      <c r="K4232" s="190">
        <v>0</v>
      </c>
      <c r="L4232" s="190">
        <v>0</v>
      </c>
      <c r="M4232" s="190">
        <v>0</v>
      </c>
      <c r="N4232" s="190">
        <v>0</v>
      </c>
      <c r="O4232" s="190">
        <v>0</v>
      </c>
      <c r="P4232" s="190">
        <v>0</v>
      </c>
      <c r="Q4232" s="190">
        <v>0</v>
      </c>
      <c r="R4232" s="190">
        <v>0</v>
      </c>
      <c r="S4232" s="190">
        <v>0</v>
      </c>
      <c r="T4232" s="190">
        <v>0</v>
      </c>
      <c r="U4232" s="99"/>
      <c r="V4232" s="99"/>
      <c r="W4232" s="99"/>
      <c r="X4232" s="99"/>
      <c r="Y4232" s="99"/>
      <c r="Z4232" s="99"/>
      <c r="AA4232" s="99"/>
      <c r="AB4232" s="99"/>
      <c r="AC4232" s="99"/>
      <c r="AD4232" s="99"/>
      <c r="AE4232" s="99"/>
      <c r="AF4232" s="99"/>
      <c r="AG4232" s="99"/>
      <c r="AH4232" s="99"/>
      <c r="AI4232" s="99"/>
      <c r="AJ4232" s="99"/>
      <c r="AK4232" s="99"/>
      <c r="AL4232" s="99"/>
      <c r="AM4232" s="99"/>
      <c r="AN4232" s="99"/>
      <c r="AO4232" s="99"/>
      <c r="AP4232" s="99"/>
      <c r="AQ4232" s="99"/>
      <c r="AR4232" s="99"/>
      <c r="AS4232" s="99"/>
      <c r="AT4232" s="99"/>
      <c r="AU4232" s="99"/>
      <c r="AV4232" s="99"/>
      <c r="AW4232" s="99"/>
      <c r="AX4232" s="99"/>
      <c r="AY4232" s="99"/>
      <c r="AZ4232" s="99"/>
      <c r="BA4232" s="99"/>
      <c r="BB4232" s="107">
        <v>45884</v>
      </c>
    </row>
    <row r="4233" spans="1:54" s="238" customFormat="1" ht="13.95" customHeight="1" x14ac:dyDescent="0.25">
      <c r="A4233" s="236" t="s">
        <v>9377</v>
      </c>
      <c r="B4233" s="220" t="s">
        <v>8672</v>
      </c>
      <c r="C4233" s="190" t="s">
        <v>9378</v>
      </c>
      <c r="D4233" s="190" t="s">
        <v>9379</v>
      </c>
      <c r="E4233" s="237">
        <v>1981</v>
      </c>
      <c r="F4233" s="237">
        <v>600</v>
      </c>
      <c r="G4233" s="190" t="s">
        <v>1</v>
      </c>
      <c r="H4233" s="190">
        <v>0</v>
      </c>
      <c r="I4233" s="190">
        <v>0</v>
      </c>
      <c r="J4233" s="190">
        <v>1</v>
      </c>
      <c r="K4233" s="190">
        <v>0</v>
      </c>
      <c r="L4233" s="190">
        <v>1</v>
      </c>
      <c r="M4233" s="190">
        <v>0</v>
      </c>
      <c r="N4233" s="190">
        <v>0</v>
      </c>
      <c r="O4233" s="190">
        <v>1</v>
      </c>
      <c r="P4233" s="190">
        <v>1</v>
      </c>
      <c r="Q4233" s="190">
        <v>0</v>
      </c>
      <c r="R4233" s="190">
        <v>1</v>
      </c>
      <c r="S4233" s="190">
        <v>0</v>
      </c>
      <c r="T4233" s="190">
        <v>0</v>
      </c>
      <c r="U4233" s="99"/>
      <c r="V4233" s="99"/>
      <c r="W4233" s="99"/>
      <c r="X4233" s="99"/>
      <c r="Y4233" s="99"/>
      <c r="Z4233" s="99"/>
      <c r="AA4233" s="99"/>
      <c r="AB4233" s="99"/>
      <c r="AC4233" s="99"/>
      <c r="AD4233" s="99"/>
      <c r="AE4233" s="99"/>
      <c r="AF4233" s="99"/>
      <c r="AG4233" s="99"/>
      <c r="AH4233" s="99"/>
      <c r="AI4233" s="99"/>
      <c r="AJ4233" s="99"/>
      <c r="AK4233" s="99"/>
      <c r="AL4233" s="99"/>
      <c r="AM4233" s="99"/>
      <c r="AN4233" s="99"/>
      <c r="AO4233" s="99"/>
      <c r="AP4233" s="99"/>
      <c r="AQ4233" s="99"/>
      <c r="AR4233" s="99"/>
      <c r="AS4233" s="99"/>
      <c r="AT4233" s="99"/>
      <c r="AU4233" s="99"/>
      <c r="AV4233" s="99"/>
      <c r="AW4233" s="99"/>
      <c r="AX4233" s="99"/>
      <c r="AY4233" s="99"/>
      <c r="AZ4233" s="99"/>
      <c r="BA4233" s="99"/>
      <c r="BB4233" s="107">
        <v>45884</v>
      </c>
    </row>
    <row r="4234" spans="1:54" s="238" customFormat="1" ht="13.95" customHeight="1" x14ac:dyDescent="0.25">
      <c r="A4234" s="236" t="s">
        <v>9380</v>
      </c>
      <c r="B4234" s="220" t="s">
        <v>8672</v>
      </c>
      <c r="C4234" s="190" t="s">
        <v>9381</v>
      </c>
      <c r="D4234" s="190" t="s">
        <v>9382</v>
      </c>
      <c r="E4234" s="237">
        <v>1974</v>
      </c>
      <c r="F4234" s="237">
        <v>600</v>
      </c>
      <c r="G4234" s="190" t="s">
        <v>1</v>
      </c>
      <c r="H4234" s="190">
        <v>0</v>
      </c>
      <c r="I4234" s="190">
        <v>0</v>
      </c>
      <c r="J4234" s="190">
        <v>0</v>
      </c>
      <c r="K4234" s="190">
        <v>0</v>
      </c>
      <c r="L4234" s="190">
        <v>1</v>
      </c>
      <c r="M4234" s="190">
        <v>1</v>
      </c>
      <c r="N4234" s="190">
        <v>0</v>
      </c>
      <c r="O4234" s="190">
        <v>1</v>
      </c>
      <c r="P4234" s="190">
        <v>1</v>
      </c>
      <c r="Q4234" s="190">
        <v>1</v>
      </c>
      <c r="R4234" s="190">
        <v>1</v>
      </c>
      <c r="S4234" s="190">
        <v>0</v>
      </c>
      <c r="T4234" s="190">
        <v>0</v>
      </c>
      <c r="U4234" s="99"/>
      <c r="V4234" s="99"/>
      <c r="W4234" s="99"/>
      <c r="X4234" s="99"/>
      <c r="Y4234" s="99"/>
      <c r="Z4234" s="99"/>
      <c r="AA4234" s="99"/>
      <c r="AB4234" s="99"/>
      <c r="AC4234" s="99"/>
      <c r="AD4234" s="99"/>
      <c r="AE4234" s="99"/>
      <c r="AF4234" s="99"/>
      <c r="AG4234" s="99"/>
      <c r="AH4234" s="99"/>
      <c r="AI4234" s="99"/>
      <c r="AJ4234" s="99"/>
      <c r="AK4234" s="99"/>
      <c r="AL4234" s="99"/>
      <c r="AM4234" s="99"/>
      <c r="AN4234" s="99"/>
      <c r="AO4234" s="99"/>
      <c r="AP4234" s="99"/>
      <c r="AQ4234" s="99"/>
      <c r="AR4234" s="99"/>
      <c r="AS4234" s="99"/>
      <c r="AT4234" s="99"/>
      <c r="AU4234" s="99"/>
      <c r="AV4234" s="99"/>
      <c r="AW4234" s="99"/>
      <c r="AX4234" s="99"/>
      <c r="AY4234" s="99"/>
      <c r="AZ4234" s="99"/>
      <c r="BA4234" s="190" t="s">
        <v>8819</v>
      </c>
      <c r="BB4234" s="107">
        <v>45884</v>
      </c>
    </row>
    <row r="4235" spans="1:54" s="238" customFormat="1" ht="13.95" customHeight="1" x14ac:dyDescent="0.25">
      <c r="A4235" s="236" t="s">
        <v>9383</v>
      </c>
      <c r="B4235" s="220" t="s">
        <v>8672</v>
      </c>
      <c r="C4235" s="190" t="s">
        <v>9384</v>
      </c>
      <c r="D4235" s="190" t="s">
        <v>9385</v>
      </c>
      <c r="E4235" s="237">
        <v>1974</v>
      </c>
      <c r="F4235" s="237">
        <v>700</v>
      </c>
      <c r="G4235" s="190" t="s">
        <v>1</v>
      </c>
      <c r="H4235" s="190">
        <v>0</v>
      </c>
      <c r="I4235" s="190">
        <v>0</v>
      </c>
      <c r="J4235" s="190">
        <v>1</v>
      </c>
      <c r="K4235" s="190">
        <v>0</v>
      </c>
      <c r="L4235" s="190">
        <v>1</v>
      </c>
      <c r="M4235" s="190">
        <v>0</v>
      </c>
      <c r="N4235" s="190">
        <v>0</v>
      </c>
      <c r="O4235" s="190">
        <v>1</v>
      </c>
      <c r="P4235" s="190">
        <v>1</v>
      </c>
      <c r="Q4235" s="190">
        <v>0</v>
      </c>
      <c r="R4235" s="190">
        <v>1</v>
      </c>
      <c r="S4235" s="190">
        <v>0</v>
      </c>
      <c r="T4235" s="190">
        <v>0</v>
      </c>
      <c r="U4235" s="99"/>
      <c r="V4235" s="99"/>
      <c r="W4235" s="99"/>
      <c r="X4235" s="99"/>
      <c r="Y4235" s="99"/>
      <c r="Z4235" s="99"/>
      <c r="AA4235" s="99"/>
      <c r="AB4235" s="99"/>
      <c r="AC4235" s="99"/>
      <c r="AD4235" s="99"/>
      <c r="AE4235" s="99"/>
      <c r="AF4235" s="99"/>
      <c r="AG4235" s="99"/>
      <c r="AH4235" s="99"/>
      <c r="AI4235" s="99"/>
      <c r="AJ4235" s="99"/>
      <c r="AK4235" s="99"/>
      <c r="AL4235" s="99"/>
      <c r="AM4235" s="99"/>
      <c r="AN4235" s="99"/>
      <c r="AO4235" s="99"/>
      <c r="AP4235" s="99"/>
      <c r="AQ4235" s="99"/>
      <c r="AR4235" s="99"/>
      <c r="AS4235" s="99"/>
      <c r="AT4235" s="99"/>
      <c r="AU4235" s="99"/>
      <c r="AV4235" s="99"/>
      <c r="AW4235" s="99"/>
      <c r="AX4235" s="99"/>
      <c r="AY4235" s="99"/>
      <c r="AZ4235" s="99"/>
      <c r="BA4235" s="99"/>
      <c r="BB4235" s="107">
        <v>45884</v>
      </c>
    </row>
    <row r="4236" spans="1:54" s="238" customFormat="1" ht="13.95" customHeight="1" x14ac:dyDescent="0.25">
      <c r="A4236" s="236" t="s">
        <v>9386</v>
      </c>
      <c r="B4236" s="220" t="s">
        <v>8672</v>
      </c>
      <c r="C4236" s="190" t="s">
        <v>9387</v>
      </c>
      <c r="D4236" s="190" t="s">
        <v>9388</v>
      </c>
      <c r="E4236" s="237">
        <v>1981</v>
      </c>
      <c r="F4236" s="237">
        <v>700</v>
      </c>
      <c r="G4236" s="190" t="s">
        <v>1</v>
      </c>
      <c r="H4236" s="190">
        <v>0</v>
      </c>
      <c r="I4236" s="190">
        <v>0</v>
      </c>
      <c r="J4236" s="190">
        <v>1</v>
      </c>
      <c r="K4236" s="190">
        <v>1</v>
      </c>
      <c r="L4236" s="190">
        <v>1</v>
      </c>
      <c r="M4236" s="190">
        <v>0</v>
      </c>
      <c r="N4236" s="190">
        <v>0</v>
      </c>
      <c r="O4236" s="190">
        <v>1</v>
      </c>
      <c r="P4236" s="190">
        <v>0</v>
      </c>
      <c r="Q4236" s="190">
        <v>0</v>
      </c>
      <c r="R4236" s="190">
        <v>1</v>
      </c>
      <c r="S4236" s="190">
        <v>0</v>
      </c>
      <c r="T4236" s="190">
        <v>0</v>
      </c>
      <c r="U4236" s="99"/>
      <c r="V4236" s="99"/>
      <c r="W4236" s="99"/>
      <c r="X4236" s="99"/>
      <c r="Y4236" s="99"/>
      <c r="Z4236" s="99"/>
      <c r="AA4236" s="99"/>
      <c r="AB4236" s="99"/>
      <c r="AC4236" s="99"/>
      <c r="AD4236" s="99"/>
      <c r="AE4236" s="99"/>
      <c r="AF4236" s="99"/>
      <c r="AG4236" s="99"/>
      <c r="AH4236" s="99"/>
      <c r="AI4236" s="99"/>
      <c r="AJ4236" s="99"/>
      <c r="AK4236" s="99"/>
      <c r="AL4236" s="99"/>
      <c r="AM4236" s="99"/>
      <c r="AN4236" s="99"/>
      <c r="AO4236" s="99"/>
      <c r="AP4236" s="99"/>
      <c r="AQ4236" s="99"/>
      <c r="AR4236" s="99"/>
      <c r="AS4236" s="99"/>
      <c r="AT4236" s="99"/>
      <c r="AU4236" s="99"/>
      <c r="AV4236" s="99"/>
      <c r="AW4236" s="99"/>
      <c r="AX4236" s="99"/>
      <c r="AY4236" s="99"/>
      <c r="AZ4236" s="99"/>
      <c r="BA4236" s="99"/>
      <c r="BB4236" s="107">
        <v>45884</v>
      </c>
    </row>
    <row r="4237" spans="1:54" s="238" customFormat="1" ht="13.95" customHeight="1" x14ac:dyDescent="0.25">
      <c r="A4237" s="236" t="s">
        <v>9389</v>
      </c>
      <c r="B4237" s="220" t="s">
        <v>8672</v>
      </c>
      <c r="C4237" s="190" t="s">
        <v>9390</v>
      </c>
      <c r="D4237" s="190" t="s">
        <v>9391</v>
      </c>
      <c r="E4237" s="237">
        <v>1976</v>
      </c>
      <c r="F4237" s="237">
        <v>700</v>
      </c>
      <c r="G4237" s="190" t="s">
        <v>1</v>
      </c>
      <c r="H4237" s="190">
        <v>0</v>
      </c>
      <c r="I4237" s="190">
        <v>0</v>
      </c>
      <c r="J4237" s="190">
        <v>1</v>
      </c>
      <c r="K4237" s="190">
        <v>1</v>
      </c>
      <c r="L4237" s="190">
        <v>1</v>
      </c>
      <c r="M4237" s="190">
        <v>0</v>
      </c>
      <c r="N4237" s="190">
        <v>0</v>
      </c>
      <c r="O4237" s="190">
        <v>1</v>
      </c>
      <c r="P4237" s="190">
        <v>0</v>
      </c>
      <c r="Q4237" s="190">
        <v>1</v>
      </c>
      <c r="R4237" s="190">
        <v>1</v>
      </c>
      <c r="S4237" s="190">
        <v>0</v>
      </c>
      <c r="T4237" s="190">
        <v>0</v>
      </c>
      <c r="U4237" s="99"/>
      <c r="V4237" s="99"/>
      <c r="W4237" s="99"/>
      <c r="X4237" s="99"/>
      <c r="Y4237" s="99"/>
      <c r="Z4237" s="99"/>
      <c r="AA4237" s="99"/>
      <c r="AB4237" s="99"/>
      <c r="AC4237" s="99"/>
      <c r="AD4237" s="99"/>
      <c r="AE4237" s="99"/>
      <c r="AF4237" s="99"/>
      <c r="AG4237" s="99"/>
      <c r="AH4237" s="99"/>
      <c r="AI4237" s="99"/>
      <c r="AJ4237" s="99"/>
      <c r="AK4237" s="99"/>
      <c r="AL4237" s="99"/>
      <c r="AM4237" s="99"/>
      <c r="AN4237" s="99"/>
      <c r="AO4237" s="99"/>
      <c r="AP4237" s="99"/>
      <c r="AQ4237" s="99"/>
      <c r="AR4237" s="99"/>
      <c r="AS4237" s="99"/>
      <c r="AT4237" s="99"/>
      <c r="AU4237" s="99"/>
      <c r="AV4237" s="99"/>
      <c r="AW4237" s="99"/>
      <c r="AX4237" s="99"/>
      <c r="AY4237" s="99"/>
      <c r="AZ4237" s="99"/>
      <c r="BA4237" s="99"/>
      <c r="BB4237" s="107">
        <v>45884</v>
      </c>
    </row>
    <row r="4238" spans="1:54" s="238" customFormat="1" ht="13.95" customHeight="1" x14ac:dyDescent="0.25">
      <c r="A4238" s="236" t="s">
        <v>9392</v>
      </c>
      <c r="B4238" s="220" t="s">
        <v>8672</v>
      </c>
      <c r="C4238" s="190" t="s">
        <v>9393</v>
      </c>
      <c r="D4238" s="190" t="s">
        <v>9394</v>
      </c>
      <c r="E4238" s="237">
        <v>1976</v>
      </c>
      <c r="F4238" s="237">
        <v>700</v>
      </c>
      <c r="G4238" s="190" t="s">
        <v>1</v>
      </c>
      <c r="H4238" s="190">
        <v>0</v>
      </c>
      <c r="I4238" s="190">
        <v>0</v>
      </c>
      <c r="J4238" s="190">
        <v>0</v>
      </c>
      <c r="K4238" s="190">
        <v>0</v>
      </c>
      <c r="L4238" s="190">
        <v>0</v>
      </c>
      <c r="M4238" s="190">
        <v>0</v>
      </c>
      <c r="N4238" s="190">
        <v>0</v>
      </c>
      <c r="O4238" s="190">
        <v>0</v>
      </c>
      <c r="P4238" s="190">
        <v>0</v>
      </c>
      <c r="Q4238" s="190">
        <v>0</v>
      </c>
      <c r="R4238" s="190">
        <v>0</v>
      </c>
      <c r="S4238" s="190">
        <v>0</v>
      </c>
      <c r="T4238" s="190">
        <v>0</v>
      </c>
      <c r="U4238" s="99"/>
      <c r="V4238" s="99"/>
      <c r="W4238" s="99"/>
      <c r="X4238" s="99"/>
      <c r="Y4238" s="99"/>
      <c r="Z4238" s="99"/>
      <c r="AA4238" s="99"/>
      <c r="AB4238" s="99"/>
      <c r="AC4238" s="99"/>
      <c r="AD4238" s="99"/>
      <c r="AE4238" s="99"/>
      <c r="AF4238" s="99"/>
      <c r="AG4238" s="99"/>
      <c r="AH4238" s="99"/>
      <c r="AI4238" s="99"/>
      <c r="AJ4238" s="99"/>
      <c r="AK4238" s="99"/>
      <c r="AL4238" s="99"/>
      <c r="AM4238" s="99"/>
      <c r="AN4238" s="99"/>
      <c r="AO4238" s="99"/>
      <c r="AP4238" s="99"/>
      <c r="AQ4238" s="99"/>
      <c r="AR4238" s="99"/>
      <c r="AS4238" s="99"/>
      <c r="AT4238" s="99"/>
      <c r="AU4238" s="99"/>
      <c r="AV4238" s="99"/>
      <c r="AW4238" s="99"/>
      <c r="AX4238" s="99"/>
      <c r="AY4238" s="99"/>
      <c r="AZ4238" s="99"/>
      <c r="BA4238" s="99"/>
      <c r="BB4238" s="107">
        <v>45884</v>
      </c>
    </row>
    <row r="4239" spans="1:54" s="238" customFormat="1" ht="13.95" customHeight="1" x14ac:dyDescent="0.25">
      <c r="A4239" s="236" t="s">
        <v>9395</v>
      </c>
      <c r="B4239" s="220" t="s">
        <v>8672</v>
      </c>
      <c r="C4239" s="190" t="s">
        <v>9396</v>
      </c>
      <c r="D4239" s="190" t="s">
        <v>9397</v>
      </c>
      <c r="E4239" s="237">
        <v>2009</v>
      </c>
      <c r="F4239" s="237">
        <v>700</v>
      </c>
      <c r="G4239" s="190" t="s">
        <v>1</v>
      </c>
      <c r="H4239" s="190">
        <v>0</v>
      </c>
      <c r="I4239" s="190">
        <v>0</v>
      </c>
      <c r="J4239" s="190">
        <v>0</v>
      </c>
      <c r="K4239" s="190">
        <v>0</v>
      </c>
      <c r="L4239" s="190">
        <v>0</v>
      </c>
      <c r="M4239" s="190">
        <v>0</v>
      </c>
      <c r="N4239" s="190">
        <v>0</v>
      </c>
      <c r="O4239" s="190">
        <v>0</v>
      </c>
      <c r="P4239" s="190">
        <v>1</v>
      </c>
      <c r="Q4239" s="190">
        <v>0</v>
      </c>
      <c r="R4239" s="190">
        <v>0</v>
      </c>
      <c r="S4239" s="190">
        <v>0</v>
      </c>
      <c r="T4239" s="190">
        <v>0</v>
      </c>
      <c r="U4239" s="99"/>
      <c r="V4239" s="99"/>
      <c r="W4239" s="99"/>
      <c r="X4239" s="99"/>
      <c r="Y4239" s="99"/>
      <c r="Z4239" s="99"/>
      <c r="AA4239" s="99"/>
      <c r="AB4239" s="99"/>
      <c r="AC4239" s="99"/>
      <c r="AD4239" s="99"/>
      <c r="AE4239" s="99"/>
      <c r="AF4239" s="99"/>
      <c r="AG4239" s="99"/>
      <c r="AH4239" s="99"/>
      <c r="AI4239" s="99"/>
      <c r="AJ4239" s="99"/>
      <c r="AK4239" s="99"/>
      <c r="AL4239" s="99"/>
      <c r="AM4239" s="99"/>
      <c r="AN4239" s="99"/>
      <c r="AO4239" s="99"/>
      <c r="AP4239" s="99"/>
      <c r="AQ4239" s="99"/>
      <c r="AR4239" s="99"/>
      <c r="AS4239" s="99"/>
      <c r="AT4239" s="99"/>
      <c r="AU4239" s="99"/>
      <c r="AV4239" s="99"/>
      <c r="AW4239" s="99"/>
      <c r="AX4239" s="99"/>
      <c r="AY4239" s="99"/>
      <c r="AZ4239" s="99"/>
      <c r="BA4239" s="99"/>
      <c r="BB4239" s="107">
        <v>45884</v>
      </c>
    </row>
    <row r="4240" spans="1:54" s="238" customFormat="1" ht="13.95" customHeight="1" x14ac:dyDescent="0.25">
      <c r="A4240" s="236" t="s">
        <v>9398</v>
      </c>
      <c r="B4240" s="220" t="s">
        <v>8672</v>
      </c>
      <c r="C4240" s="190" t="s">
        <v>9399</v>
      </c>
      <c r="D4240" s="190" t="s">
        <v>9400</v>
      </c>
      <c r="E4240" s="237">
        <v>2001</v>
      </c>
      <c r="F4240" s="237">
        <v>700</v>
      </c>
      <c r="G4240" s="190" t="s">
        <v>1</v>
      </c>
      <c r="H4240" s="190">
        <v>0</v>
      </c>
      <c r="I4240" s="190">
        <v>0</v>
      </c>
      <c r="J4240" s="190">
        <v>1</v>
      </c>
      <c r="K4240" s="190">
        <v>1</v>
      </c>
      <c r="L4240" s="190">
        <v>1</v>
      </c>
      <c r="M4240" s="190">
        <v>1</v>
      </c>
      <c r="N4240" s="190">
        <v>0</v>
      </c>
      <c r="O4240" s="190">
        <v>0</v>
      </c>
      <c r="P4240" s="190">
        <v>1</v>
      </c>
      <c r="Q4240" s="190">
        <v>0</v>
      </c>
      <c r="R4240" s="190">
        <v>0</v>
      </c>
      <c r="S4240" s="190">
        <v>0</v>
      </c>
      <c r="T4240" s="190">
        <v>0</v>
      </c>
      <c r="U4240" s="99"/>
      <c r="V4240" s="99"/>
      <c r="W4240" s="99"/>
      <c r="X4240" s="99"/>
      <c r="Y4240" s="99"/>
      <c r="Z4240" s="99"/>
      <c r="AA4240" s="99"/>
      <c r="AB4240" s="99"/>
      <c r="AC4240" s="99"/>
      <c r="AD4240" s="99"/>
      <c r="AE4240" s="99"/>
      <c r="AF4240" s="99"/>
      <c r="AG4240" s="99"/>
      <c r="AH4240" s="99"/>
      <c r="AI4240" s="99"/>
      <c r="AJ4240" s="99"/>
      <c r="AK4240" s="99"/>
      <c r="AL4240" s="99"/>
      <c r="AM4240" s="99"/>
      <c r="AN4240" s="99"/>
      <c r="AO4240" s="99"/>
      <c r="AP4240" s="99"/>
      <c r="AQ4240" s="99"/>
      <c r="AR4240" s="99"/>
      <c r="AS4240" s="99"/>
      <c r="AT4240" s="99"/>
      <c r="AU4240" s="99"/>
      <c r="AV4240" s="99"/>
      <c r="AW4240" s="99"/>
      <c r="AX4240" s="99"/>
      <c r="AY4240" s="99"/>
      <c r="AZ4240" s="99"/>
      <c r="BA4240" s="99"/>
      <c r="BB4240" s="107">
        <v>45884</v>
      </c>
    </row>
    <row r="4241" spans="1:54" s="238" customFormat="1" ht="13.95" customHeight="1" x14ac:dyDescent="0.25">
      <c r="A4241" s="236" t="s">
        <v>9401</v>
      </c>
      <c r="B4241" s="220" t="s">
        <v>8672</v>
      </c>
      <c r="C4241" s="190" t="s">
        <v>9402</v>
      </c>
      <c r="D4241" s="190" t="s">
        <v>9403</v>
      </c>
      <c r="E4241" s="237">
        <v>2004</v>
      </c>
      <c r="F4241" s="237">
        <v>700</v>
      </c>
      <c r="G4241" s="190" t="s">
        <v>1</v>
      </c>
      <c r="H4241" s="190">
        <v>0</v>
      </c>
      <c r="I4241" s="190">
        <v>0</v>
      </c>
      <c r="J4241" s="190">
        <v>1</v>
      </c>
      <c r="K4241" s="190">
        <v>1</v>
      </c>
      <c r="L4241" s="190">
        <v>1</v>
      </c>
      <c r="M4241" s="190">
        <v>1</v>
      </c>
      <c r="N4241" s="190">
        <v>0</v>
      </c>
      <c r="O4241" s="190">
        <v>0</v>
      </c>
      <c r="P4241" s="190">
        <v>0</v>
      </c>
      <c r="Q4241" s="190">
        <v>0</v>
      </c>
      <c r="R4241" s="190">
        <v>1</v>
      </c>
      <c r="S4241" s="190">
        <v>0</v>
      </c>
      <c r="T4241" s="190">
        <v>0</v>
      </c>
      <c r="U4241" s="99"/>
      <c r="V4241" s="99"/>
      <c r="W4241" s="99"/>
      <c r="X4241" s="99"/>
      <c r="Y4241" s="99"/>
      <c r="Z4241" s="99"/>
      <c r="AA4241" s="99"/>
      <c r="AB4241" s="99"/>
      <c r="AC4241" s="99"/>
      <c r="AD4241" s="99"/>
      <c r="AE4241" s="99"/>
      <c r="AF4241" s="99"/>
      <c r="AG4241" s="99"/>
      <c r="AH4241" s="99"/>
      <c r="AI4241" s="99"/>
      <c r="AJ4241" s="99"/>
      <c r="AK4241" s="99"/>
      <c r="AL4241" s="99"/>
      <c r="AM4241" s="99"/>
      <c r="AN4241" s="99"/>
      <c r="AO4241" s="99"/>
      <c r="AP4241" s="99"/>
      <c r="AQ4241" s="99"/>
      <c r="AR4241" s="99"/>
      <c r="AS4241" s="99"/>
      <c r="AT4241" s="99"/>
      <c r="AU4241" s="99"/>
      <c r="AV4241" s="99"/>
      <c r="AW4241" s="99"/>
      <c r="AX4241" s="99"/>
      <c r="AY4241" s="99"/>
      <c r="AZ4241" s="99"/>
      <c r="BA4241" s="99"/>
      <c r="BB4241" s="107">
        <v>45884</v>
      </c>
    </row>
    <row r="4242" spans="1:54" s="238" customFormat="1" ht="13.95" customHeight="1" x14ac:dyDescent="0.25">
      <c r="A4242" s="236" t="s">
        <v>9404</v>
      </c>
      <c r="B4242" s="220" t="s">
        <v>8672</v>
      </c>
      <c r="C4242" s="190" t="s">
        <v>9405</v>
      </c>
      <c r="D4242" s="190" t="s">
        <v>9406</v>
      </c>
      <c r="E4242" s="237">
        <v>1974</v>
      </c>
      <c r="F4242" s="237">
        <v>700</v>
      </c>
      <c r="G4242" s="190" t="s">
        <v>1</v>
      </c>
      <c r="H4242" s="190">
        <v>0</v>
      </c>
      <c r="I4242" s="190">
        <v>0</v>
      </c>
      <c r="J4242" s="190">
        <v>1</v>
      </c>
      <c r="K4242" s="190">
        <v>1</v>
      </c>
      <c r="L4242" s="190">
        <v>1</v>
      </c>
      <c r="M4242" s="190">
        <v>0</v>
      </c>
      <c r="N4242" s="190">
        <v>0</v>
      </c>
      <c r="O4242" s="190">
        <v>1</v>
      </c>
      <c r="P4242" s="190">
        <v>1</v>
      </c>
      <c r="Q4242" s="190">
        <v>1</v>
      </c>
      <c r="R4242" s="190">
        <v>1</v>
      </c>
      <c r="S4242" s="190">
        <v>0</v>
      </c>
      <c r="T4242" s="190">
        <v>0</v>
      </c>
      <c r="U4242" s="99"/>
      <c r="V4242" s="99"/>
      <c r="W4242" s="99"/>
      <c r="X4242" s="99"/>
      <c r="Y4242" s="99"/>
      <c r="Z4242" s="99"/>
      <c r="AA4242" s="99"/>
      <c r="AB4242" s="99"/>
      <c r="AC4242" s="99"/>
      <c r="AD4242" s="99"/>
      <c r="AE4242" s="99"/>
      <c r="AF4242" s="99"/>
      <c r="AG4242" s="99"/>
      <c r="AH4242" s="99"/>
      <c r="AI4242" s="99"/>
      <c r="AJ4242" s="99"/>
      <c r="AK4242" s="99"/>
      <c r="AL4242" s="99"/>
      <c r="AM4242" s="99"/>
      <c r="AN4242" s="99"/>
      <c r="AO4242" s="99"/>
      <c r="AP4242" s="99"/>
      <c r="AQ4242" s="99"/>
      <c r="AR4242" s="99"/>
      <c r="AS4242" s="99"/>
      <c r="AT4242" s="99"/>
      <c r="AU4242" s="99"/>
      <c r="AV4242" s="99"/>
      <c r="AW4242" s="99"/>
      <c r="AX4242" s="99"/>
      <c r="AY4242" s="99"/>
      <c r="AZ4242" s="99"/>
      <c r="BA4242" s="99"/>
      <c r="BB4242" s="107">
        <v>45884</v>
      </c>
    </row>
    <row r="4243" spans="1:54" s="238" customFormat="1" ht="13.95" customHeight="1" x14ac:dyDescent="0.25">
      <c r="A4243" s="236" t="s">
        <v>9407</v>
      </c>
      <c r="B4243" s="220" t="s">
        <v>8672</v>
      </c>
      <c r="C4243" s="190" t="s">
        <v>9408</v>
      </c>
      <c r="D4243" s="190" t="s">
        <v>9409</v>
      </c>
      <c r="E4243" s="237">
        <v>2010</v>
      </c>
      <c r="F4243" s="237">
        <v>700</v>
      </c>
      <c r="G4243" s="190" t="s">
        <v>1</v>
      </c>
      <c r="H4243" s="190">
        <v>0</v>
      </c>
      <c r="I4243" s="190">
        <v>0</v>
      </c>
      <c r="J4243" s="190">
        <v>1</v>
      </c>
      <c r="K4243" s="190">
        <v>0</v>
      </c>
      <c r="L4243" s="190">
        <v>0</v>
      </c>
      <c r="M4243" s="190">
        <v>0</v>
      </c>
      <c r="N4243" s="190">
        <v>0</v>
      </c>
      <c r="O4243" s="190">
        <v>1</v>
      </c>
      <c r="P4243" s="190">
        <v>1</v>
      </c>
      <c r="Q4243" s="190">
        <v>1</v>
      </c>
      <c r="R4243" s="190">
        <v>1</v>
      </c>
      <c r="S4243" s="190">
        <v>0</v>
      </c>
      <c r="T4243" s="190">
        <v>0</v>
      </c>
      <c r="U4243" s="99"/>
      <c r="V4243" s="99"/>
      <c r="W4243" s="99"/>
      <c r="X4243" s="99"/>
      <c r="Y4243" s="99"/>
      <c r="Z4243" s="99"/>
      <c r="AA4243" s="99"/>
      <c r="AB4243" s="99"/>
      <c r="AC4243" s="99"/>
      <c r="AD4243" s="99"/>
      <c r="AE4243" s="99"/>
      <c r="AF4243" s="99"/>
      <c r="AG4243" s="99"/>
      <c r="AH4243" s="99"/>
      <c r="AI4243" s="99"/>
      <c r="AJ4243" s="99"/>
      <c r="AK4243" s="99"/>
      <c r="AL4243" s="99"/>
      <c r="AM4243" s="99"/>
      <c r="AN4243" s="99"/>
      <c r="AO4243" s="99"/>
      <c r="AP4243" s="99"/>
      <c r="AQ4243" s="99"/>
      <c r="AR4243" s="99"/>
      <c r="AS4243" s="99"/>
      <c r="AT4243" s="99"/>
      <c r="AU4243" s="99"/>
      <c r="AV4243" s="99"/>
      <c r="AW4243" s="99"/>
      <c r="AX4243" s="99"/>
      <c r="AY4243" s="99"/>
      <c r="AZ4243" s="99"/>
      <c r="BA4243" s="99"/>
      <c r="BB4243" s="107">
        <v>45884</v>
      </c>
    </row>
    <row r="4244" spans="1:54" s="238" customFormat="1" ht="13.95" customHeight="1" x14ac:dyDescent="0.25">
      <c r="A4244" s="236" t="s">
        <v>9410</v>
      </c>
      <c r="B4244" s="220" t="s">
        <v>8672</v>
      </c>
      <c r="C4244" s="190" t="s">
        <v>9411</v>
      </c>
      <c r="D4244" s="190" t="s">
        <v>9412</v>
      </c>
      <c r="E4244" s="237">
        <v>1982</v>
      </c>
      <c r="F4244" s="237">
        <v>700</v>
      </c>
      <c r="G4244" s="190" t="s">
        <v>1</v>
      </c>
      <c r="H4244" s="190">
        <v>0</v>
      </c>
      <c r="I4244" s="190">
        <v>0</v>
      </c>
      <c r="J4244" s="190">
        <v>1</v>
      </c>
      <c r="K4244" s="190">
        <v>0</v>
      </c>
      <c r="L4244" s="190">
        <v>1</v>
      </c>
      <c r="M4244" s="190">
        <v>0</v>
      </c>
      <c r="N4244" s="190">
        <v>0</v>
      </c>
      <c r="O4244" s="190">
        <v>1</v>
      </c>
      <c r="P4244" s="190">
        <v>1</v>
      </c>
      <c r="Q4244" s="190">
        <v>1</v>
      </c>
      <c r="R4244" s="190">
        <v>1</v>
      </c>
      <c r="S4244" s="190">
        <v>1</v>
      </c>
      <c r="T4244" s="190">
        <v>0</v>
      </c>
      <c r="U4244" s="99"/>
      <c r="V4244" s="99"/>
      <c r="W4244" s="99"/>
      <c r="X4244" s="99"/>
      <c r="Y4244" s="99"/>
      <c r="Z4244" s="99"/>
      <c r="AA4244" s="99"/>
      <c r="AB4244" s="99"/>
      <c r="AC4244" s="99"/>
      <c r="AD4244" s="99"/>
      <c r="AE4244" s="99"/>
      <c r="AF4244" s="99"/>
      <c r="AG4244" s="99"/>
      <c r="AH4244" s="99"/>
      <c r="AI4244" s="99"/>
      <c r="AJ4244" s="99"/>
      <c r="AK4244" s="99"/>
      <c r="AL4244" s="99"/>
      <c r="AM4244" s="99"/>
      <c r="AN4244" s="99"/>
      <c r="AO4244" s="99"/>
      <c r="AP4244" s="99"/>
      <c r="AQ4244" s="99"/>
      <c r="AR4244" s="99"/>
      <c r="AS4244" s="99"/>
      <c r="AT4244" s="99"/>
      <c r="AU4244" s="99"/>
      <c r="AV4244" s="99"/>
      <c r="AW4244" s="99"/>
      <c r="AX4244" s="99"/>
      <c r="AY4244" s="99"/>
      <c r="AZ4244" s="99"/>
      <c r="BA4244" s="190" t="s">
        <v>8819</v>
      </c>
      <c r="BB4244" s="107">
        <v>45884</v>
      </c>
    </row>
    <row r="4245" spans="1:54" s="238" customFormat="1" ht="13.95" customHeight="1" x14ac:dyDescent="0.25">
      <c r="A4245" s="236" t="s">
        <v>9413</v>
      </c>
      <c r="B4245" s="220" t="s">
        <v>8672</v>
      </c>
      <c r="C4245" s="190" t="s">
        <v>22025</v>
      </c>
      <c r="D4245" s="190" t="s">
        <v>9414</v>
      </c>
      <c r="E4245" s="237">
        <v>2010</v>
      </c>
      <c r="F4245" s="237">
        <v>700</v>
      </c>
      <c r="G4245" s="190" t="s">
        <v>1</v>
      </c>
      <c r="H4245" s="190">
        <v>0</v>
      </c>
      <c r="I4245" s="190">
        <v>0</v>
      </c>
      <c r="J4245" s="190">
        <v>0</v>
      </c>
      <c r="K4245" s="190">
        <v>0</v>
      </c>
      <c r="L4245" s="190">
        <v>1</v>
      </c>
      <c r="M4245" s="190">
        <v>0</v>
      </c>
      <c r="N4245" s="190">
        <v>0</v>
      </c>
      <c r="O4245" s="190">
        <v>1</v>
      </c>
      <c r="P4245" s="190">
        <v>1</v>
      </c>
      <c r="Q4245" s="190">
        <v>0</v>
      </c>
      <c r="R4245" s="190">
        <v>1</v>
      </c>
      <c r="S4245" s="190">
        <v>1</v>
      </c>
      <c r="T4245" s="190">
        <v>0</v>
      </c>
      <c r="U4245" s="99"/>
      <c r="V4245" s="99"/>
      <c r="W4245" s="99"/>
      <c r="X4245" s="99"/>
      <c r="Y4245" s="99"/>
      <c r="Z4245" s="99"/>
      <c r="AA4245" s="99"/>
      <c r="AB4245" s="99"/>
      <c r="AC4245" s="99"/>
      <c r="AD4245" s="99"/>
      <c r="AE4245" s="99"/>
      <c r="AF4245" s="99"/>
      <c r="AG4245" s="99"/>
      <c r="AH4245" s="99"/>
      <c r="AI4245" s="99"/>
      <c r="AJ4245" s="99"/>
      <c r="AK4245" s="99"/>
      <c r="AL4245" s="99"/>
      <c r="AM4245" s="99"/>
      <c r="AN4245" s="99"/>
      <c r="AO4245" s="99"/>
      <c r="AP4245" s="99"/>
      <c r="AQ4245" s="99"/>
      <c r="AR4245" s="99"/>
      <c r="AS4245" s="99"/>
      <c r="AT4245" s="99"/>
      <c r="AU4245" s="99"/>
      <c r="AV4245" s="99"/>
      <c r="AW4245" s="99"/>
      <c r="AX4245" s="99"/>
      <c r="AY4245" s="99"/>
      <c r="AZ4245" s="99"/>
      <c r="BA4245" s="99"/>
      <c r="BB4245" s="107">
        <v>45884</v>
      </c>
    </row>
    <row r="4246" spans="1:54" s="238" customFormat="1" ht="13.95" customHeight="1" x14ac:dyDescent="0.25">
      <c r="A4246" s="236" t="s">
        <v>9415</v>
      </c>
      <c r="B4246" s="220" t="s">
        <v>8672</v>
      </c>
      <c r="C4246" s="190" t="s">
        <v>9416</v>
      </c>
      <c r="D4246" s="190" t="s">
        <v>9417</v>
      </c>
      <c r="E4246" s="237">
        <v>1992</v>
      </c>
      <c r="F4246" s="237">
        <v>700</v>
      </c>
      <c r="G4246" s="190" t="s">
        <v>1</v>
      </c>
      <c r="H4246" s="190">
        <v>0</v>
      </c>
      <c r="I4246" s="190">
        <v>0</v>
      </c>
      <c r="J4246" s="190">
        <v>1</v>
      </c>
      <c r="K4246" s="190">
        <v>1</v>
      </c>
      <c r="L4246" s="190">
        <v>1</v>
      </c>
      <c r="M4246" s="190">
        <v>1</v>
      </c>
      <c r="N4246" s="190">
        <v>0</v>
      </c>
      <c r="O4246" s="190">
        <v>0</v>
      </c>
      <c r="P4246" s="190">
        <v>1</v>
      </c>
      <c r="Q4246" s="190">
        <v>0</v>
      </c>
      <c r="R4246" s="190">
        <v>0</v>
      </c>
      <c r="S4246" s="190">
        <v>0</v>
      </c>
      <c r="T4246" s="190">
        <v>0</v>
      </c>
      <c r="U4246" s="99"/>
      <c r="V4246" s="99"/>
      <c r="W4246" s="99"/>
      <c r="X4246" s="99"/>
      <c r="Y4246" s="99"/>
      <c r="Z4246" s="99"/>
      <c r="AA4246" s="99"/>
      <c r="AB4246" s="99"/>
      <c r="AC4246" s="99"/>
      <c r="AD4246" s="99"/>
      <c r="AE4246" s="99"/>
      <c r="AF4246" s="99"/>
      <c r="AG4246" s="99"/>
      <c r="AH4246" s="99"/>
      <c r="AI4246" s="99"/>
      <c r="AJ4246" s="99"/>
      <c r="AK4246" s="99"/>
      <c r="AL4246" s="99"/>
      <c r="AM4246" s="99"/>
      <c r="AN4246" s="99"/>
      <c r="AO4246" s="99"/>
      <c r="AP4246" s="99"/>
      <c r="AQ4246" s="99"/>
      <c r="AR4246" s="99"/>
      <c r="AS4246" s="99"/>
      <c r="AT4246" s="99"/>
      <c r="AU4246" s="99"/>
      <c r="AV4246" s="99"/>
      <c r="AW4246" s="99"/>
      <c r="AX4246" s="99"/>
      <c r="AY4246" s="99"/>
      <c r="AZ4246" s="99"/>
      <c r="BA4246" s="99"/>
      <c r="BB4246" s="107">
        <v>45884</v>
      </c>
    </row>
    <row r="4247" spans="1:54" s="238" customFormat="1" ht="13.95" customHeight="1" x14ac:dyDescent="0.25">
      <c r="A4247" s="236" t="s">
        <v>9418</v>
      </c>
      <c r="B4247" s="220" t="s">
        <v>8672</v>
      </c>
      <c r="C4247" s="190" t="s">
        <v>9419</v>
      </c>
      <c r="D4247" s="190" t="s">
        <v>9420</v>
      </c>
      <c r="E4247" s="237">
        <v>1999</v>
      </c>
      <c r="F4247" s="237">
        <v>700</v>
      </c>
      <c r="G4247" s="190" t="s">
        <v>1</v>
      </c>
      <c r="H4247" s="190">
        <v>0</v>
      </c>
      <c r="I4247" s="190">
        <v>0</v>
      </c>
      <c r="J4247" s="190">
        <v>1</v>
      </c>
      <c r="K4247" s="190">
        <v>1</v>
      </c>
      <c r="L4247" s="190">
        <v>1</v>
      </c>
      <c r="M4247" s="190">
        <v>1</v>
      </c>
      <c r="N4247" s="190">
        <v>0</v>
      </c>
      <c r="O4247" s="190">
        <v>0</v>
      </c>
      <c r="P4247" s="190">
        <v>1</v>
      </c>
      <c r="Q4247" s="190">
        <v>0</v>
      </c>
      <c r="R4247" s="190">
        <v>0</v>
      </c>
      <c r="S4247" s="190">
        <v>0</v>
      </c>
      <c r="T4247" s="190">
        <v>0</v>
      </c>
      <c r="U4247" s="99"/>
      <c r="V4247" s="99"/>
      <c r="W4247" s="99"/>
      <c r="X4247" s="99"/>
      <c r="Y4247" s="99"/>
      <c r="Z4247" s="99"/>
      <c r="AA4247" s="99"/>
      <c r="AB4247" s="99"/>
      <c r="AC4247" s="99"/>
      <c r="AD4247" s="99"/>
      <c r="AE4247" s="99"/>
      <c r="AF4247" s="99"/>
      <c r="AG4247" s="99"/>
      <c r="AH4247" s="99"/>
      <c r="AI4247" s="99"/>
      <c r="AJ4247" s="99"/>
      <c r="AK4247" s="99"/>
      <c r="AL4247" s="99"/>
      <c r="AM4247" s="99"/>
      <c r="AN4247" s="99"/>
      <c r="AO4247" s="99"/>
      <c r="AP4247" s="99"/>
      <c r="AQ4247" s="99"/>
      <c r="AR4247" s="99"/>
      <c r="AS4247" s="99"/>
      <c r="AT4247" s="99"/>
      <c r="AU4247" s="99"/>
      <c r="AV4247" s="99"/>
      <c r="AW4247" s="99"/>
      <c r="AX4247" s="99"/>
      <c r="AY4247" s="99"/>
      <c r="AZ4247" s="99"/>
      <c r="BA4247" s="99"/>
      <c r="BB4247" s="107">
        <v>45884</v>
      </c>
    </row>
    <row r="4248" spans="1:54" s="238" customFormat="1" ht="13.95" customHeight="1" x14ac:dyDescent="0.25">
      <c r="A4248" s="236" t="s">
        <v>9421</v>
      </c>
      <c r="B4248" s="220" t="s">
        <v>8672</v>
      </c>
      <c r="C4248" s="190" t="s">
        <v>9422</v>
      </c>
      <c r="D4248" s="190" t="s">
        <v>9423</v>
      </c>
      <c r="E4248" s="237">
        <v>1982</v>
      </c>
      <c r="F4248" s="237">
        <v>200</v>
      </c>
      <c r="G4248" s="190" t="s">
        <v>1</v>
      </c>
      <c r="H4248" s="190">
        <v>0</v>
      </c>
      <c r="I4248" s="190">
        <v>0</v>
      </c>
      <c r="J4248" s="190">
        <v>0</v>
      </c>
      <c r="K4248" s="190">
        <v>0</v>
      </c>
      <c r="L4248" s="190">
        <v>0</v>
      </c>
      <c r="M4248" s="190">
        <v>0</v>
      </c>
      <c r="N4248" s="190">
        <v>0</v>
      </c>
      <c r="O4248" s="190">
        <v>1</v>
      </c>
      <c r="P4248" s="190">
        <v>1</v>
      </c>
      <c r="Q4248" s="190">
        <v>0</v>
      </c>
      <c r="R4248" s="190">
        <v>0</v>
      </c>
      <c r="S4248" s="190">
        <v>0</v>
      </c>
      <c r="T4248" s="190">
        <v>0</v>
      </c>
      <c r="U4248" s="99"/>
      <c r="V4248" s="99"/>
      <c r="W4248" s="99"/>
      <c r="X4248" s="99"/>
      <c r="Y4248" s="99"/>
      <c r="Z4248" s="99"/>
      <c r="AA4248" s="99"/>
      <c r="AB4248" s="99"/>
      <c r="AC4248" s="99"/>
      <c r="AD4248" s="99"/>
      <c r="AE4248" s="99"/>
      <c r="AF4248" s="99"/>
      <c r="AG4248" s="99"/>
      <c r="AH4248" s="99"/>
      <c r="AI4248" s="99"/>
      <c r="AJ4248" s="99"/>
      <c r="AK4248" s="99"/>
      <c r="AL4248" s="99"/>
      <c r="AM4248" s="99"/>
      <c r="AN4248" s="99"/>
      <c r="AO4248" s="99"/>
      <c r="AP4248" s="99"/>
      <c r="AQ4248" s="99"/>
      <c r="AR4248" s="99"/>
      <c r="AS4248" s="99"/>
      <c r="AT4248" s="99"/>
      <c r="AU4248" s="99"/>
      <c r="AV4248" s="99"/>
      <c r="AW4248" s="99"/>
      <c r="AX4248" s="99"/>
      <c r="AY4248" s="99"/>
      <c r="AZ4248" s="99"/>
      <c r="BA4248" s="99"/>
      <c r="BB4248" s="107">
        <v>45884</v>
      </c>
    </row>
    <row r="4249" spans="1:54" s="238" customFormat="1" ht="13.95" customHeight="1" x14ac:dyDescent="0.25">
      <c r="A4249" s="236" t="s">
        <v>9424</v>
      </c>
      <c r="B4249" s="220" t="s">
        <v>8672</v>
      </c>
      <c r="C4249" s="190" t="s">
        <v>9425</v>
      </c>
      <c r="D4249" s="190" t="s">
        <v>9426</v>
      </c>
      <c r="E4249" s="237">
        <v>1977</v>
      </c>
      <c r="F4249" s="237">
        <v>800</v>
      </c>
      <c r="G4249" s="190" t="s">
        <v>1</v>
      </c>
      <c r="H4249" s="190">
        <v>0</v>
      </c>
      <c r="I4249" s="190">
        <v>0</v>
      </c>
      <c r="J4249" s="190">
        <v>1</v>
      </c>
      <c r="K4249" s="190">
        <v>1</v>
      </c>
      <c r="L4249" s="190">
        <v>0</v>
      </c>
      <c r="M4249" s="190">
        <v>0</v>
      </c>
      <c r="N4249" s="190">
        <v>0</v>
      </c>
      <c r="O4249" s="190">
        <v>1</v>
      </c>
      <c r="P4249" s="190">
        <v>0</v>
      </c>
      <c r="Q4249" s="190">
        <v>0</v>
      </c>
      <c r="R4249" s="190">
        <v>1</v>
      </c>
      <c r="S4249" s="190">
        <v>0</v>
      </c>
      <c r="T4249" s="190">
        <v>0</v>
      </c>
      <c r="U4249" s="99"/>
      <c r="V4249" s="99"/>
      <c r="W4249" s="99"/>
      <c r="X4249" s="99"/>
      <c r="Y4249" s="99"/>
      <c r="Z4249" s="99"/>
      <c r="AA4249" s="99"/>
      <c r="AB4249" s="99"/>
      <c r="AC4249" s="99"/>
      <c r="AD4249" s="99"/>
      <c r="AE4249" s="99"/>
      <c r="AF4249" s="99"/>
      <c r="AG4249" s="99"/>
      <c r="AH4249" s="99"/>
      <c r="AI4249" s="99"/>
      <c r="AJ4249" s="99"/>
      <c r="AK4249" s="99"/>
      <c r="AL4249" s="99"/>
      <c r="AM4249" s="99"/>
      <c r="AN4249" s="99"/>
      <c r="AO4249" s="99"/>
      <c r="AP4249" s="99"/>
      <c r="AQ4249" s="99"/>
      <c r="AR4249" s="99"/>
      <c r="AS4249" s="99"/>
      <c r="AT4249" s="99"/>
      <c r="AU4249" s="99"/>
      <c r="AV4249" s="99"/>
      <c r="AW4249" s="99"/>
      <c r="AX4249" s="99"/>
      <c r="AY4249" s="99"/>
      <c r="AZ4249" s="99"/>
      <c r="BA4249" s="190" t="s">
        <v>9427</v>
      </c>
      <c r="BB4249" s="107">
        <v>45884</v>
      </c>
    </row>
    <row r="4250" spans="1:54" s="238" customFormat="1" ht="13.95" customHeight="1" x14ac:dyDescent="0.25">
      <c r="A4250" s="236" t="s">
        <v>9428</v>
      </c>
      <c r="B4250" s="220" t="s">
        <v>8672</v>
      </c>
      <c r="C4250" s="190" t="s">
        <v>9429</v>
      </c>
      <c r="D4250" s="190" t="s">
        <v>9430</v>
      </c>
      <c r="E4250" s="237">
        <v>1976</v>
      </c>
      <c r="F4250" s="237">
        <v>800</v>
      </c>
      <c r="G4250" s="190" t="s">
        <v>1</v>
      </c>
      <c r="H4250" s="190">
        <v>0</v>
      </c>
      <c r="I4250" s="190">
        <v>0</v>
      </c>
      <c r="J4250" s="190">
        <v>1</v>
      </c>
      <c r="K4250" s="190">
        <v>1</v>
      </c>
      <c r="L4250" s="190">
        <v>1</v>
      </c>
      <c r="M4250" s="190">
        <v>0</v>
      </c>
      <c r="N4250" s="190">
        <v>0</v>
      </c>
      <c r="O4250" s="190">
        <v>1</v>
      </c>
      <c r="P4250" s="190">
        <v>0</v>
      </c>
      <c r="Q4250" s="190">
        <v>0</v>
      </c>
      <c r="R4250" s="190">
        <v>0</v>
      </c>
      <c r="S4250" s="190">
        <v>1</v>
      </c>
      <c r="T4250" s="190">
        <v>0</v>
      </c>
      <c r="U4250" s="99"/>
      <c r="V4250" s="99"/>
      <c r="W4250" s="99"/>
      <c r="X4250" s="99"/>
      <c r="Y4250" s="99"/>
      <c r="Z4250" s="99"/>
      <c r="AA4250" s="99"/>
      <c r="AB4250" s="99"/>
      <c r="AC4250" s="99"/>
      <c r="AD4250" s="99"/>
      <c r="AE4250" s="99"/>
      <c r="AF4250" s="99"/>
      <c r="AG4250" s="99"/>
      <c r="AH4250" s="99"/>
      <c r="AI4250" s="99"/>
      <c r="AJ4250" s="99"/>
      <c r="AK4250" s="99"/>
      <c r="AL4250" s="99"/>
      <c r="AM4250" s="99"/>
      <c r="AN4250" s="99"/>
      <c r="AO4250" s="99"/>
      <c r="AP4250" s="99"/>
      <c r="AQ4250" s="99"/>
      <c r="AR4250" s="99"/>
      <c r="AS4250" s="99"/>
      <c r="AT4250" s="99"/>
      <c r="AU4250" s="99"/>
      <c r="AV4250" s="99"/>
      <c r="AW4250" s="99"/>
      <c r="AX4250" s="99"/>
      <c r="AY4250" s="99"/>
      <c r="AZ4250" s="99"/>
      <c r="BA4250" s="99"/>
      <c r="BB4250" s="107">
        <v>45884</v>
      </c>
    </row>
    <row r="4251" spans="1:54" s="238" customFormat="1" ht="13.95" customHeight="1" x14ac:dyDescent="0.25">
      <c r="A4251" s="236" t="s">
        <v>9431</v>
      </c>
      <c r="B4251" s="220" t="s">
        <v>8672</v>
      </c>
      <c r="C4251" s="190" t="s">
        <v>4504</v>
      </c>
      <c r="D4251" s="190" t="s">
        <v>9432</v>
      </c>
      <c r="E4251" s="237">
        <v>1989</v>
      </c>
      <c r="F4251" s="237">
        <v>800</v>
      </c>
      <c r="G4251" s="190" t="s">
        <v>1</v>
      </c>
      <c r="H4251" s="190">
        <v>0</v>
      </c>
      <c r="I4251" s="190">
        <v>0</v>
      </c>
      <c r="J4251" s="190">
        <v>1</v>
      </c>
      <c r="K4251" s="190">
        <v>1</v>
      </c>
      <c r="L4251" s="190">
        <v>1</v>
      </c>
      <c r="M4251" s="190">
        <v>1</v>
      </c>
      <c r="N4251" s="190">
        <v>0</v>
      </c>
      <c r="O4251" s="190">
        <v>0</v>
      </c>
      <c r="P4251" s="190">
        <v>0</v>
      </c>
      <c r="Q4251" s="190">
        <v>0</v>
      </c>
      <c r="R4251" s="190">
        <v>1</v>
      </c>
      <c r="S4251" s="190">
        <v>0</v>
      </c>
      <c r="T4251" s="190">
        <v>0</v>
      </c>
      <c r="U4251" s="99"/>
      <c r="V4251" s="99"/>
      <c r="W4251" s="99"/>
      <c r="X4251" s="99"/>
      <c r="Y4251" s="99"/>
      <c r="Z4251" s="99"/>
      <c r="AA4251" s="99"/>
      <c r="AB4251" s="99"/>
      <c r="AC4251" s="99"/>
      <c r="AD4251" s="99"/>
      <c r="AE4251" s="99"/>
      <c r="AF4251" s="99"/>
      <c r="AG4251" s="99"/>
      <c r="AH4251" s="99"/>
      <c r="AI4251" s="99"/>
      <c r="AJ4251" s="99"/>
      <c r="AK4251" s="99"/>
      <c r="AL4251" s="99"/>
      <c r="AM4251" s="99"/>
      <c r="AN4251" s="99"/>
      <c r="AO4251" s="99"/>
      <c r="AP4251" s="99"/>
      <c r="AQ4251" s="99"/>
      <c r="AR4251" s="99"/>
      <c r="AS4251" s="99"/>
      <c r="AT4251" s="99"/>
      <c r="AU4251" s="99"/>
      <c r="AV4251" s="99"/>
      <c r="AW4251" s="99"/>
      <c r="AX4251" s="99"/>
      <c r="AY4251" s="99"/>
      <c r="AZ4251" s="99"/>
      <c r="BA4251" s="99"/>
      <c r="BB4251" s="107">
        <v>45884</v>
      </c>
    </row>
    <row r="4252" spans="1:54" s="238" customFormat="1" ht="13.95" customHeight="1" x14ac:dyDescent="0.25">
      <c r="A4252" s="236" t="s">
        <v>9433</v>
      </c>
      <c r="B4252" s="220" t="s">
        <v>8672</v>
      </c>
      <c r="C4252" s="190" t="s">
        <v>9434</v>
      </c>
      <c r="D4252" s="190" t="s">
        <v>9435</v>
      </c>
      <c r="E4252" s="237">
        <v>2009</v>
      </c>
      <c r="F4252" s="237">
        <v>800</v>
      </c>
      <c r="G4252" s="190" t="s">
        <v>1</v>
      </c>
      <c r="H4252" s="190">
        <v>0</v>
      </c>
      <c r="I4252" s="190">
        <v>0</v>
      </c>
      <c r="J4252" s="190">
        <v>1</v>
      </c>
      <c r="K4252" s="190">
        <v>1</v>
      </c>
      <c r="L4252" s="190">
        <v>1</v>
      </c>
      <c r="M4252" s="190">
        <v>1</v>
      </c>
      <c r="N4252" s="190">
        <v>0</v>
      </c>
      <c r="O4252" s="190">
        <v>0</v>
      </c>
      <c r="P4252" s="190">
        <v>0</v>
      </c>
      <c r="Q4252" s="190">
        <v>0</v>
      </c>
      <c r="R4252" s="190">
        <v>0</v>
      </c>
      <c r="S4252" s="190">
        <v>0</v>
      </c>
      <c r="T4252" s="190">
        <v>0</v>
      </c>
      <c r="U4252" s="99"/>
      <c r="V4252" s="99"/>
      <c r="W4252" s="99"/>
      <c r="X4252" s="99"/>
      <c r="Y4252" s="99"/>
      <c r="Z4252" s="99"/>
      <c r="AA4252" s="99"/>
      <c r="AB4252" s="99"/>
      <c r="AC4252" s="99"/>
      <c r="AD4252" s="99"/>
      <c r="AE4252" s="99"/>
      <c r="AF4252" s="99"/>
      <c r="AG4252" s="99"/>
      <c r="AH4252" s="99"/>
      <c r="AI4252" s="99"/>
      <c r="AJ4252" s="99"/>
      <c r="AK4252" s="99"/>
      <c r="AL4252" s="99"/>
      <c r="AM4252" s="99"/>
      <c r="AN4252" s="99"/>
      <c r="AO4252" s="99"/>
      <c r="AP4252" s="99"/>
      <c r="AQ4252" s="99"/>
      <c r="AR4252" s="99"/>
      <c r="AS4252" s="99"/>
      <c r="AT4252" s="99"/>
      <c r="AU4252" s="99"/>
      <c r="AV4252" s="99"/>
      <c r="AW4252" s="99"/>
      <c r="AX4252" s="99"/>
      <c r="AY4252" s="99"/>
      <c r="AZ4252" s="99"/>
      <c r="BA4252" s="190" t="s">
        <v>9436</v>
      </c>
      <c r="BB4252" s="107">
        <v>45884</v>
      </c>
    </row>
    <row r="4253" spans="1:54" s="238" customFormat="1" ht="13.95" customHeight="1" x14ac:dyDescent="0.25">
      <c r="A4253" s="236" t="s">
        <v>9437</v>
      </c>
      <c r="B4253" s="220" t="s">
        <v>8672</v>
      </c>
      <c r="C4253" s="190" t="s">
        <v>9438</v>
      </c>
      <c r="D4253" s="190" t="s">
        <v>9439</v>
      </c>
      <c r="E4253" s="237">
        <v>2007</v>
      </c>
      <c r="F4253" s="237">
        <v>800</v>
      </c>
      <c r="G4253" s="190" t="s">
        <v>1</v>
      </c>
      <c r="H4253" s="190">
        <v>0</v>
      </c>
      <c r="I4253" s="190">
        <v>0</v>
      </c>
      <c r="J4253" s="190">
        <v>1</v>
      </c>
      <c r="K4253" s="190">
        <v>0</v>
      </c>
      <c r="L4253" s="190">
        <v>1</v>
      </c>
      <c r="M4253" s="190">
        <v>0</v>
      </c>
      <c r="N4253" s="190">
        <v>0</v>
      </c>
      <c r="O4253" s="190">
        <v>1</v>
      </c>
      <c r="P4253" s="190">
        <v>0</v>
      </c>
      <c r="Q4253" s="190">
        <v>1</v>
      </c>
      <c r="R4253" s="190">
        <v>1</v>
      </c>
      <c r="S4253" s="190">
        <v>0</v>
      </c>
      <c r="T4253" s="190">
        <v>0</v>
      </c>
      <c r="U4253" s="99"/>
      <c r="V4253" s="99"/>
      <c r="W4253" s="99"/>
      <c r="X4253" s="99"/>
      <c r="Y4253" s="99"/>
      <c r="Z4253" s="99"/>
      <c r="AA4253" s="99"/>
      <c r="AB4253" s="99"/>
      <c r="AC4253" s="99"/>
      <c r="AD4253" s="99"/>
      <c r="AE4253" s="99"/>
      <c r="AF4253" s="99"/>
      <c r="AG4253" s="99"/>
      <c r="AH4253" s="99"/>
      <c r="AI4253" s="99"/>
      <c r="AJ4253" s="99"/>
      <c r="AK4253" s="99"/>
      <c r="AL4253" s="99"/>
      <c r="AM4253" s="99"/>
      <c r="AN4253" s="99"/>
      <c r="AO4253" s="99"/>
      <c r="AP4253" s="99"/>
      <c r="AQ4253" s="99"/>
      <c r="AR4253" s="99"/>
      <c r="AS4253" s="99"/>
      <c r="AT4253" s="99"/>
      <c r="AU4253" s="99"/>
      <c r="AV4253" s="99"/>
      <c r="AW4253" s="99"/>
      <c r="AX4253" s="99"/>
      <c r="AY4253" s="99"/>
      <c r="AZ4253" s="99"/>
      <c r="BA4253" s="99"/>
      <c r="BB4253" s="107">
        <v>45884</v>
      </c>
    </row>
    <row r="4254" spans="1:54" s="238" customFormat="1" ht="13.95" customHeight="1" x14ac:dyDescent="0.25">
      <c r="A4254" s="236" t="s">
        <v>9440</v>
      </c>
      <c r="B4254" s="220" t="s">
        <v>8672</v>
      </c>
      <c r="C4254" s="190" t="s">
        <v>9441</v>
      </c>
      <c r="D4254" s="190" t="s">
        <v>9442</v>
      </c>
      <c r="E4254" s="237">
        <v>1990</v>
      </c>
      <c r="F4254" s="237">
        <v>800</v>
      </c>
      <c r="G4254" s="190" t="s">
        <v>1</v>
      </c>
      <c r="H4254" s="190">
        <v>0</v>
      </c>
      <c r="I4254" s="190">
        <v>0</v>
      </c>
      <c r="J4254" s="190">
        <v>1</v>
      </c>
      <c r="K4254" s="190">
        <v>0</v>
      </c>
      <c r="L4254" s="190">
        <v>1</v>
      </c>
      <c r="M4254" s="190">
        <v>0</v>
      </c>
      <c r="N4254" s="190">
        <v>0</v>
      </c>
      <c r="O4254" s="190">
        <v>0</v>
      </c>
      <c r="P4254" s="190">
        <v>0</v>
      </c>
      <c r="Q4254" s="190">
        <v>0</v>
      </c>
      <c r="R4254" s="190">
        <v>0</v>
      </c>
      <c r="S4254" s="190">
        <v>0</v>
      </c>
      <c r="T4254" s="190">
        <v>0</v>
      </c>
      <c r="U4254" s="99"/>
      <c r="V4254" s="99"/>
      <c r="W4254" s="99"/>
      <c r="X4254" s="99"/>
      <c r="Y4254" s="99"/>
      <c r="Z4254" s="99"/>
      <c r="AA4254" s="99"/>
      <c r="AB4254" s="99"/>
      <c r="AC4254" s="99"/>
      <c r="AD4254" s="99"/>
      <c r="AE4254" s="99"/>
      <c r="AF4254" s="99"/>
      <c r="AG4254" s="99"/>
      <c r="AH4254" s="99"/>
      <c r="AI4254" s="99"/>
      <c r="AJ4254" s="99"/>
      <c r="AK4254" s="99"/>
      <c r="AL4254" s="99"/>
      <c r="AM4254" s="99"/>
      <c r="AN4254" s="99"/>
      <c r="AO4254" s="99"/>
      <c r="AP4254" s="99"/>
      <c r="AQ4254" s="99"/>
      <c r="AR4254" s="99"/>
      <c r="AS4254" s="99"/>
      <c r="AT4254" s="99"/>
      <c r="AU4254" s="99"/>
      <c r="AV4254" s="99"/>
      <c r="AW4254" s="99"/>
      <c r="AX4254" s="99"/>
      <c r="AY4254" s="99"/>
      <c r="AZ4254" s="99"/>
      <c r="BA4254" s="99"/>
      <c r="BB4254" s="107">
        <v>45884</v>
      </c>
    </row>
    <row r="4255" spans="1:54" s="238" customFormat="1" ht="13.95" customHeight="1" x14ac:dyDescent="0.25">
      <c r="A4255" s="236" t="s">
        <v>9443</v>
      </c>
      <c r="B4255" s="220" t="s">
        <v>8672</v>
      </c>
      <c r="C4255" s="190" t="s">
        <v>9444</v>
      </c>
      <c r="D4255" s="190" t="s">
        <v>9445</v>
      </c>
      <c r="E4255" s="237">
        <v>2006</v>
      </c>
      <c r="F4255" s="237">
        <v>800</v>
      </c>
      <c r="G4255" s="190" t="s">
        <v>1</v>
      </c>
      <c r="H4255" s="190">
        <v>0</v>
      </c>
      <c r="I4255" s="190">
        <v>0</v>
      </c>
      <c r="J4255" s="190">
        <v>1</v>
      </c>
      <c r="K4255" s="190">
        <v>0</v>
      </c>
      <c r="L4255" s="190">
        <v>0</v>
      </c>
      <c r="M4255" s="190">
        <v>1</v>
      </c>
      <c r="N4255" s="190">
        <v>0</v>
      </c>
      <c r="O4255" s="190">
        <v>1</v>
      </c>
      <c r="P4255" s="190">
        <v>0</v>
      </c>
      <c r="Q4255" s="190">
        <v>0</v>
      </c>
      <c r="R4255" s="190">
        <v>0</v>
      </c>
      <c r="S4255" s="190">
        <v>0</v>
      </c>
      <c r="T4255" s="190">
        <v>0</v>
      </c>
      <c r="U4255" s="99"/>
      <c r="V4255" s="99"/>
      <c r="W4255" s="99"/>
      <c r="X4255" s="99"/>
      <c r="Y4255" s="99"/>
      <c r="Z4255" s="99"/>
      <c r="AA4255" s="99"/>
      <c r="AB4255" s="99"/>
      <c r="AC4255" s="99"/>
      <c r="AD4255" s="99"/>
      <c r="AE4255" s="99"/>
      <c r="AF4255" s="99"/>
      <c r="AG4255" s="99"/>
      <c r="AH4255" s="99"/>
      <c r="AI4255" s="99"/>
      <c r="AJ4255" s="99"/>
      <c r="AK4255" s="99"/>
      <c r="AL4255" s="99"/>
      <c r="AM4255" s="99"/>
      <c r="AN4255" s="99"/>
      <c r="AO4255" s="99"/>
      <c r="AP4255" s="99"/>
      <c r="AQ4255" s="99"/>
      <c r="AR4255" s="99"/>
      <c r="AS4255" s="99"/>
      <c r="AT4255" s="99"/>
      <c r="AU4255" s="99"/>
      <c r="AV4255" s="99"/>
      <c r="AW4255" s="99"/>
      <c r="AX4255" s="99"/>
      <c r="AY4255" s="99"/>
      <c r="AZ4255" s="99"/>
      <c r="BA4255" s="99"/>
      <c r="BB4255" s="107">
        <v>45884</v>
      </c>
    </row>
    <row r="4256" spans="1:54" s="238" customFormat="1" ht="13.95" customHeight="1" x14ac:dyDescent="0.25">
      <c r="A4256" s="236" t="s">
        <v>9446</v>
      </c>
      <c r="B4256" s="220" t="s">
        <v>8672</v>
      </c>
      <c r="C4256" s="190" t="s">
        <v>9447</v>
      </c>
      <c r="D4256" s="190" t="s">
        <v>9448</v>
      </c>
      <c r="E4256" s="237">
        <v>1993</v>
      </c>
      <c r="F4256" s="237">
        <v>800</v>
      </c>
      <c r="G4256" s="190" t="s">
        <v>1</v>
      </c>
      <c r="H4256" s="190">
        <v>0</v>
      </c>
      <c r="I4256" s="190">
        <v>0</v>
      </c>
      <c r="J4256" s="190">
        <v>1</v>
      </c>
      <c r="K4256" s="190">
        <v>1</v>
      </c>
      <c r="L4256" s="190">
        <v>1</v>
      </c>
      <c r="M4256" s="190">
        <v>1</v>
      </c>
      <c r="N4256" s="190">
        <v>0</v>
      </c>
      <c r="O4256" s="190">
        <v>1</v>
      </c>
      <c r="P4256" s="190">
        <v>1</v>
      </c>
      <c r="Q4256" s="190">
        <v>1</v>
      </c>
      <c r="R4256" s="190">
        <v>0</v>
      </c>
      <c r="S4256" s="190">
        <v>0</v>
      </c>
      <c r="T4256" s="190">
        <v>0</v>
      </c>
      <c r="U4256" s="99"/>
      <c r="V4256" s="99"/>
      <c r="W4256" s="99"/>
      <c r="X4256" s="99"/>
      <c r="Y4256" s="99"/>
      <c r="Z4256" s="99"/>
      <c r="AA4256" s="99"/>
      <c r="AB4256" s="99"/>
      <c r="AC4256" s="99"/>
      <c r="AD4256" s="99"/>
      <c r="AE4256" s="99"/>
      <c r="AF4256" s="99"/>
      <c r="AG4256" s="99"/>
      <c r="AH4256" s="99"/>
      <c r="AI4256" s="99"/>
      <c r="AJ4256" s="99"/>
      <c r="AK4256" s="99"/>
      <c r="AL4256" s="99"/>
      <c r="AM4256" s="99"/>
      <c r="AN4256" s="99"/>
      <c r="AO4256" s="99"/>
      <c r="AP4256" s="99"/>
      <c r="AQ4256" s="99"/>
      <c r="AR4256" s="99"/>
      <c r="AS4256" s="99"/>
      <c r="AT4256" s="99"/>
      <c r="AU4256" s="99"/>
      <c r="AV4256" s="99"/>
      <c r="AW4256" s="99"/>
      <c r="AX4256" s="99"/>
      <c r="AY4256" s="99"/>
      <c r="AZ4256" s="99"/>
      <c r="BA4256" s="99"/>
      <c r="BB4256" s="107">
        <v>45884</v>
      </c>
    </row>
    <row r="4257" spans="1:54" s="238" customFormat="1" ht="13.95" customHeight="1" x14ac:dyDescent="0.25">
      <c r="A4257" s="236" t="s">
        <v>9449</v>
      </c>
      <c r="B4257" s="220" t="s">
        <v>8672</v>
      </c>
      <c r="C4257" s="190" t="s">
        <v>9450</v>
      </c>
      <c r="D4257" s="190" t="s">
        <v>9451</v>
      </c>
      <c r="E4257" s="237">
        <v>1992</v>
      </c>
      <c r="F4257" s="237">
        <v>900</v>
      </c>
      <c r="G4257" s="190" t="s">
        <v>1</v>
      </c>
      <c r="H4257" s="190">
        <v>0</v>
      </c>
      <c r="I4257" s="190">
        <v>0</v>
      </c>
      <c r="J4257" s="190">
        <v>1</v>
      </c>
      <c r="K4257" s="190">
        <v>0</v>
      </c>
      <c r="L4257" s="190">
        <v>1</v>
      </c>
      <c r="M4257" s="190">
        <v>1</v>
      </c>
      <c r="N4257" s="190">
        <v>0</v>
      </c>
      <c r="O4257" s="190">
        <v>0</v>
      </c>
      <c r="P4257" s="190">
        <v>1</v>
      </c>
      <c r="Q4257" s="190">
        <v>0</v>
      </c>
      <c r="R4257" s="190">
        <v>0</v>
      </c>
      <c r="S4257" s="190">
        <v>0</v>
      </c>
      <c r="T4257" s="190">
        <v>0</v>
      </c>
      <c r="U4257" s="99"/>
      <c r="V4257" s="99"/>
      <c r="W4257" s="99"/>
      <c r="X4257" s="99"/>
      <c r="Y4257" s="99"/>
      <c r="Z4257" s="99"/>
      <c r="AA4257" s="99"/>
      <c r="AB4257" s="99"/>
      <c r="AC4257" s="99"/>
      <c r="AD4257" s="99"/>
      <c r="AE4257" s="99"/>
      <c r="AF4257" s="99"/>
      <c r="AG4257" s="99"/>
      <c r="AH4257" s="99"/>
      <c r="AI4257" s="99"/>
      <c r="AJ4257" s="99"/>
      <c r="AK4257" s="99"/>
      <c r="AL4257" s="99"/>
      <c r="AM4257" s="99"/>
      <c r="AN4257" s="99"/>
      <c r="AO4257" s="99"/>
      <c r="AP4257" s="99"/>
      <c r="AQ4257" s="99"/>
      <c r="AR4257" s="99"/>
      <c r="AS4257" s="99"/>
      <c r="AT4257" s="99"/>
      <c r="AU4257" s="99"/>
      <c r="AV4257" s="99"/>
      <c r="AW4257" s="99"/>
      <c r="AX4257" s="99"/>
      <c r="AY4257" s="99"/>
      <c r="AZ4257" s="99"/>
      <c r="BA4257" s="190" t="s">
        <v>9436</v>
      </c>
      <c r="BB4257" s="107">
        <v>45884</v>
      </c>
    </row>
    <row r="4258" spans="1:54" s="238" customFormat="1" ht="13.95" customHeight="1" x14ac:dyDescent="0.25">
      <c r="A4258" s="236" t="s">
        <v>9452</v>
      </c>
      <c r="B4258" s="220" t="s">
        <v>8672</v>
      </c>
      <c r="C4258" s="190" t="s">
        <v>9453</v>
      </c>
      <c r="D4258" s="190" t="s">
        <v>9454</v>
      </c>
      <c r="E4258" s="237">
        <v>2013</v>
      </c>
      <c r="F4258" s="237">
        <v>900</v>
      </c>
      <c r="G4258" s="190" t="s">
        <v>1</v>
      </c>
      <c r="H4258" s="190">
        <v>0</v>
      </c>
      <c r="I4258" s="190">
        <v>0</v>
      </c>
      <c r="J4258" s="190">
        <v>1</v>
      </c>
      <c r="K4258" s="190">
        <v>1</v>
      </c>
      <c r="L4258" s="190">
        <v>1</v>
      </c>
      <c r="M4258" s="190">
        <v>1</v>
      </c>
      <c r="N4258" s="190">
        <v>0</v>
      </c>
      <c r="O4258" s="190">
        <v>0</v>
      </c>
      <c r="P4258" s="190">
        <v>0</v>
      </c>
      <c r="Q4258" s="190">
        <v>0</v>
      </c>
      <c r="R4258" s="190">
        <v>1</v>
      </c>
      <c r="S4258" s="190">
        <v>0</v>
      </c>
      <c r="T4258" s="190">
        <v>0</v>
      </c>
      <c r="U4258" s="99"/>
      <c r="V4258" s="99"/>
      <c r="W4258" s="99"/>
      <c r="X4258" s="99"/>
      <c r="Y4258" s="99"/>
      <c r="Z4258" s="99"/>
      <c r="AA4258" s="99"/>
      <c r="AB4258" s="99"/>
      <c r="AC4258" s="99"/>
      <c r="AD4258" s="99"/>
      <c r="AE4258" s="99"/>
      <c r="AF4258" s="99"/>
      <c r="AG4258" s="99"/>
      <c r="AH4258" s="99"/>
      <c r="AI4258" s="99"/>
      <c r="AJ4258" s="99"/>
      <c r="AK4258" s="99"/>
      <c r="AL4258" s="99"/>
      <c r="AM4258" s="99"/>
      <c r="AN4258" s="99"/>
      <c r="AO4258" s="99"/>
      <c r="AP4258" s="99"/>
      <c r="AQ4258" s="99"/>
      <c r="AR4258" s="99"/>
      <c r="AS4258" s="99"/>
      <c r="AT4258" s="99"/>
      <c r="AU4258" s="99"/>
      <c r="AV4258" s="99"/>
      <c r="AW4258" s="99"/>
      <c r="AX4258" s="99"/>
      <c r="AY4258" s="99"/>
      <c r="AZ4258" s="99"/>
      <c r="BA4258" s="99"/>
      <c r="BB4258" s="107">
        <v>45884</v>
      </c>
    </row>
    <row r="4259" spans="1:54" s="238" customFormat="1" ht="13.95" customHeight="1" x14ac:dyDescent="0.25">
      <c r="A4259" s="236" t="s">
        <v>9455</v>
      </c>
      <c r="B4259" s="220" t="s">
        <v>8672</v>
      </c>
      <c r="C4259" s="190" t="s">
        <v>9456</v>
      </c>
      <c r="D4259" s="190" t="s">
        <v>9457</v>
      </c>
      <c r="E4259" s="237">
        <v>2007</v>
      </c>
      <c r="F4259" s="237">
        <v>900</v>
      </c>
      <c r="G4259" s="190" t="s">
        <v>1</v>
      </c>
      <c r="H4259" s="190">
        <v>0</v>
      </c>
      <c r="I4259" s="190">
        <v>0</v>
      </c>
      <c r="J4259" s="190">
        <v>1</v>
      </c>
      <c r="K4259" s="190">
        <v>0</v>
      </c>
      <c r="L4259" s="190">
        <v>1</v>
      </c>
      <c r="M4259" s="190">
        <v>0</v>
      </c>
      <c r="N4259" s="190">
        <v>0</v>
      </c>
      <c r="O4259" s="190">
        <v>1</v>
      </c>
      <c r="P4259" s="190">
        <v>1</v>
      </c>
      <c r="Q4259" s="190">
        <v>0</v>
      </c>
      <c r="R4259" s="190">
        <v>1</v>
      </c>
      <c r="S4259" s="190">
        <v>1</v>
      </c>
      <c r="T4259" s="190">
        <v>0</v>
      </c>
      <c r="U4259" s="99"/>
      <c r="V4259" s="99"/>
      <c r="W4259" s="99"/>
      <c r="X4259" s="99"/>
      <c r="Y4259" s="99"/>
      <c r="Z4259" s="99"/>
      <c r="AA4259" s="99"/>
      <c r="AB4259" s="99"/>
      <c r="AC4259" s="99"/>
      <c r="AD4259" s="99"/>
      <c r="AE4259" s="99"/>
      <c r="AF4259" s="99"/>
      <c r="AG4259" s="99"/>
      <c r="AH4259" s="99"/>
      <c r="AI4259" s="99"/>
      <c r="AJ4259" s="99"/>
      <c r="AK4259" s="99"/>
      <c r="AL4259" s="99"/>
      <c r="AM4259" s="99"/>
      <c r="AN4259" s="99"/>
      <c r="AO4259" s="99"/>
      <c r="AP4259" s="99"/>
      <c r="AQ4259" s="99"/>
      <c r="AR4259" s="99"/>
      <c r="AS4259" s="99"/>
      <c r="AT4259" s="99"/>
      <c r="AU4259" s="99"/>
      <c r="AV4259" s="99"/>
      <c r="AW4259" s="99"/>
      <c r="AX4259" s="99"/>
      <c r="AY4259" s="99"/>
      <c r="AZ4259" s="99"/>
      <c r="BA4259" s="99"/>
      <c r="BB4259" s="107">
        <v>45884</v>
      </c>
    </row>
    <row r="4260" spans="1:54" s="238" customFormat="1" ht="13.95" customHeight="1" x14ac:dyDescent="0.25">
      <c r="A4260" s="236" t="s">
        <v>9458</v>
      </c>
      <c r="B4260" s="220" t="s">
        <v>8672</v>
      </c>
      <c r="C4260" s="190" t="s">
        <v>9459</v>
      </c>
      <c r="D4260" s="190" t="s">
        <v>9460</v>
      </c>
      <c r="E4260" s="237">
        <v>2009</v>
      </c>
      <c r="F4260" s="237">
        <v>900</v>
      </c>
      <c r="G4260" s="190" t="s">
        <v>1</v>
      </c>
      <c r="H4260" s="190">
        <v>0</v>
      </c>
      <c r="I4260" s="190">
        <v>0</v>
      </c>
      <c r="J4260" s="190">
        <v>1</v>
      </c>
      <c r="K4260" s="190">
        <v>1</v>
      </c>
      <c r="L4260" s="190">
        <v>1</v>
      </c>
      <c r="M4260" s="190">
        <v>1</v>
      </c>
      <c r="N4260" s="190">
        <v>0</v>
      </c>
      <c r="O4260" s="190">
        <v>0</v>
      </c>
      <c r="P4260" s="190">
        <v>0</v>
      </c>
      <c r="Q4260" s="190">
        <v>0</v>
      </c>
      <c r="R4260" s="190">
        <v>0</v>
      </c>
      <c r="S4260" s="190">
        <v>0</v>
      </c>
      <c r="T4260" s="190">
        <v>0</v>
      </c>
      <c r="U4260" s="99"/>
      <c r="V4260" s="99"/>
      <c r="W4260" s="99"/>
      <c r="X4260" s="99"/>
      <c r="Y4260" s="99"/>
      <c r="Z4260" s="99"/>
      <c r="AA4260" s="99"/>
      <c r="AB4260" s="99"/>
      <c r="AC4260" s="99"/>
      <c r="AD4260" s="99"/>
      <c r="AE4260" s="99"/>
      <c r="AF4260" s="99"/>
      <c r="AG4260" s="99"/>
      <c r="AH4260" s="99"/>
      <c r="AI4260" s="99"/>
      <c r="AJ4260" s="99"/>
      <c r="AK4260" s="99"/>
      <c r="AL4260" s="99"/>
      <c r="AM4260" s="99"/>
      <c r="AN4260" s="99"/>
      <c r="AO4260" s="99"/>
      <c r="AP4260" s="99"/>
      <c r="AQ4260" s="99"/>
      <c r="AR4260" s="99"/>
      <c r="AS4260" s="99"/>
      <c r="AT4260" s="99"/>
      <c r="AU4260" s="99"/>
      <c r="AV4260" s="99"/>
      <c r="AW4260" s="99"/>
      <c r="AX4260" s="99"/>
      <c r="AY4260" s="99"/>
      <c r="AZ4260" s="99"/>
      <c r="BA4260" s="190" t="s">
        <v>9461</v>
      </c>
      <c r="BB4260" s="107">
        <v>45884</v>
      </c>
    </row>
    <row r="4261" spans="1:54" s="238" customFormat="1" ht="13.95" customHeight="1" x14ac:dyDescent="0.25">
      <c r="A4261" s="236" t="s">
        <v>9462</v>
      </c>
      <c r="B4261" s="220" t="s">
        <v>8672</v>
      </c>
      <c r="C4261" s="190" t="s">
        <v>9463</v>
      </c>
      <c r="D4261" s="190" t="s">
        <v>9464</v>
      </c>
      <c r="E4261" s="237">
        <v>1996</v>
      </c>
      <c r="F4261" s="237">
        <v>900</v>
      </c>
      <c r="G4261" s="190" t="s">
        <v>1</v>
      </c>
      <c r="H4261" s="190">
        <v>0</v>
      </c>
      <c r="I4261" s="190">
        <v>0</v>
      </c>
      <c r="J4261" s="190">
        <v>1</v>
      </c>
      <c r="K4261" s="190">
        <v>1</v>
      </c>
      <c r="L4261" s="190">
        <v>1</v>
      </c>
      <c r="M4261" s="190">
        <v>1</v>
      </c>
      <c r="N4261" s="190">
        <v>0</v>
      </c>
      <c r="O4261" s="190">
        <v>1</v>
      </c>
      <c r="P4261" s="190">
        <v>1</v>
      </c>
      <c r="Q4261" s="190">
        <v>0</v>
      </c>
      <c r="R4261" s="190">
        <v>1</v>
      </c>
      <c r="S4261" s="190">
        <v>0</v>
      </c>
      <c r="T4261" s="190">
        <v>0</v>
      </c>
      <c r="U4261" s="99"/>
      <c r="V4261" s="99"/>
      <c r="W4261" s="99"/>
      <c r="X4261" s="99"/>
      <c r="Y4261" s="99"/>
      <c r="Z4261" s="99"/>
      <c r="AA4261" s="99"/>
      <c r="AB4261" s="99"/>
      <c r="AC4261" s="99"/>
      <c r="AD4261" s="99"/>
      <c r="AE4261" s="99"/>
      <c r="AF4261" s="99"/>
      <c r="AG4261" s="99"/>
      <c r="AH4261" s="99"/>
      <c r="AI4261" s="99"/>
      <c r="AJ4261" s="99"/>
      <c r="AK4261" s="99"/>
      <c r="AL4261" s="99"/>
      <c r="AM4261" s="99"/>
      <c r="AN4261" s="99"/>
      <c r="AO4261" s="99"/>
      <c r="AP4261" s="99"/>
      <c r="AQ4261" s="99"/>
      <c r="AR4261" s="99"/>
      <c r="AS4261" s="99"/>
      <c r="AT4261" s="99"/>
      <c r="AU4261" s="99"/>
      <c r="AV4261" s="99"/>
      <c r="AW4261" s="99"/>
      <c r="AX4261" s="99"/>
      <c r="AY4261" s="99"/>
      <c r="AZ4261" s="99"/>
      <c r="BA4261" s="99"/>
      <c r="BB4261" s="107">
        <v>45884</v>
      </c>
    </row>
    <row r="4262" spans="1:54" s="238" customFormat="1" ht="13.95" customHeight="1" x14ac:dyDescent="0.25">
      <c r="A4262" s="236" t="s">
        <v>9465</v>
      </c>
      <c r="B4262" s="220" t="s">
        <v>8672</v>
      </c>
      <c r="C4262" s="190" t="s">
        <v>9466</v>
      </c>
      <c r="D4262" s="190" t="s">
        <v>9467</v>
      </c>
      <c r="E4262" s="237">
        <v>1971</v>
      </c>
      <c r="F4262" s="237">
        <v>1000</v>
      </c>
      <c r="G4262" s="190" t="s">
        <v>1</v>
      </c>
      <c r="H4262" s="190">
        <v>0</v>
      </c>
      <c r="I4262" s="190">
        <v>0</v>
      </c>
      <c r="J4262" s="190">
        <v>1</v>
      </c>
      <c r="K4262" s="190">
        <v>1</v>
      </c>
      <c r="L4262" s="190">
        <v>1</v>
      </c>
      <c r="M4262" s="190">
        <v>1</v>
      </c>
      <c r="N4262" s="190">
        <v>0</v>
      </c>
      <c r="O4262" s="190">
        <v>1</v>
      </c>
      <c r="P4262" s="190">
        <v>1</v>
      </c>
      <c r="Q4262" s="190">
        <v>0</v>
      </c>
      <c r="R4262" s="190">
        <v>1</v>
      </c>
      <c r="S4262" s="190">
        <v>0</v>
      </c>
      <c r="T4262" s="190">
        <v>0</v>
      </c>
      <c r="U4262" s="99"/>
      <c r="V4262" s="99"/>
      <c r="W4262" s="99"/>
      <c r="X4262" s="99"/>
      <c r="Y4262" s="99"/>
      <c r="Z4262" s="99"/>
      <c r="AA4262" s="99"/>
      <c r="AB4262" s="99"/>
      <c r="AC4262" s="99"/>
      <c r="AD4262" s="99"/>
      <c r="AE4262" s="99"/>
      <c r="AF4262" s="99"/>
      <c r="AG4262" s="99"/>
      <c r="AH4262" s="99"/>
      <c r="AI4262" s="99"/>
      <c r="AJ4262" s="99"/>
      <c r="AK4262" s="99"/>
      <c r="AL4262" s="99"/>
      <c r="AM4262" s="99"/>
      <c r="AN4262" s="99"/>
      <c r="AO4262" s="99"/>
      <c r="AP4262" s="99"/>
      <c r="AQ4262" s="99"/>
      <c r="AR4262" s="99"/>
      <c r="AS4262" s="99"/>
      <c r="AT4262" s="99"/>
      <c r="AU4262" s="99"/>
      <c r="AV4262" s="99"/>
      <c r="AW4262" s="99"/>
      <c r="AX4262" s="99"/>
      <c r="AY4262" s="99"/>
      <c r="AZ4262" s="99"/>
      <c r="BA4262" s="99"/>
      <c r="BB4262" s="107">
        <v>45884</v>
      </c>
    </row>
    <row r="4263" spans="1:54" s="238" customFormat="1" ht="13.95" customHeight="1" x14ac:dyDescent="0.25">
      <c r="A4263" s="236" t="s">
        <v>9468</v>
      </c>
      <c r="B4263" s="220" t="s">
        <v>8672</v>
      </c>
      <c r="C4263" s="190" t="s">
        <v>9469</v>
      </c>
      <c r="D4263" s="190" t="s">
        <v>9470</v>
      </c>
      <c r="E4263" s="237">
        <v>1971</v>
      </c>
      <c r="F4263" s="237">
        <v>1000</v>
      </c>
      <c r="G4263" s="190" t="s">
        <v>1</v>
      </c>
      <c r="H4263" s="190">
        <v>0</v>
      </c>
      <c r="I4263" s="190">
        <v>0</v>
      </c>
      <c r="J4263" s="190">
        <v>1</v>
      </c>
      <c r="K4263" s="190">
        <v>1</v>
      </c>
      <c r="L4263" s="190">
        <v>0</v>
      </c>
      <c r="M4263" s="190">
        <v>0</v>
      </c>
      <c r="N4263" s="190">
        <v>0</v>
      </c>
      <c r="O4263" s="190">
        <v>1</v>
      </c>
      <c r="P4263" s="190">
        <v>1</v>
      </c>
      <c r="Q4263" s="190">
        <v>0</v>
      </c>
      <c r="R4263" s="190">
        <v>1</v>
      </c>
      <c r="S4263" s="190">
        <v>1</v>
      </c>
      <c r="T4263" s="190">
        <v>0</v>
      </c>
      <c r="U4263" s="99"/>
      <c r="V4263" s="99"/>
      <c r="W4263" s="99"/>
      <c r="X4263" s="99"/>
      <c r="Y4263" s="99"/>
      <c r="Z4263" s="99"/>
      <c r="AA4263" s="99"/>
      <c r="AB4263" s="99"/>
      <c r="AC4263" s="99"/>
      <c r="AD4263" s="99"/>
      <c r="AE4263" s="99"/>
      <c r="AF4263" s="99"/>
      <c r="AG4263" s="99"/>
      <c r="AH4263" s="99"/>
      <c r="AI4263" s="99"/>
      <c r="AJ4263" s="99"/>
      <c r="AK4263" s="99"/>
      <c r="AL4263" s="99"/>
      <c r="AM4263" s="99"/>
      <c r="AN4263" s="99"/>
      <c r="AO4263" s="99"/>
      <c r="AP4263" s="99"/>
      <c r="AQ4263" s="99"/>
      <c r="AR4263" s="99"/>
      <c r="AS4263" s="99"/>
      <c r="AT4263" s="99"/>
      <c r="AU4263" s="99"/>
      <c r="AV4263" s="99"/>
      <c r="AW4263" s="99"/>
      <c r="AX4263" s="99"/>
      <c r="AY4263" s="99"/>
      <c r="AZ4263" s="99"/>
      <c r="BA4263" s="190" t="s">
        <v>8819</v>
      </c>
      <c r="BB4263" s="107">
        <v>45884</v>
      </c>
    </row>
    <row r="4264" spans="1:54" s="238" customFormat="1" ht="13.95" customHeight="1" x14ac:dyDescent="0.25">
      <c r="A4264" s="236" t="s">
        <v>9471</v>
      </c>
      <c r="B4264" s="220" t="s">
        <v>8672</v>
      </c>
      <c r="C4264" s="190" t="s">
        <v>9472</v>
      </c>
      <c r="D4264" s="190" t="s">
        <v>9473</v>
      </c>
      <c r="E4264" s="237">
        <v>1970</v>
      </c>
      <c r="F4264" s="237">
        <v>1000</v>
      </c>
      <c r="G4264" s="190" t="s">
        <v>1</v>
      </c>
      <c r="H4264" s="190">
        <v>0</v>
      </c>
      <c r="I4264" s="190">
        <v>0</v>
      </c>
      <c r="J4264" s="190">
        <v>1</v>
      </c>
      <c r="K4264" s="190">
        <v>0</v>
      </c>
      <c r="L4264" s="190">
        <v>1</v>
      </c>
      <c r="M4264" s="190">
        <v>1</v>
      </c>
      <c r="N4264" s="190">
        <v>0</v>
      </c>
      <c r="O4264" s="190">
        <v>0</v>
      </c>
      <c r="P4264" s="190">
        <v>1</v>
      </c>
      <c r="Q4264" s="190">
        <v>1</v>
      </c>
      <c r="R4264" s="190">
        <v>1</v>
      </c>
      <c r="S4264" s="190">
        <v>0</v>
      </c>
      <c r="T4264" s="190">
        <v>0</v>
      </c>
      <c r="U4264" s="99"/>
      <c r="V4264" s="99"/>
      <c r="W4264" s="99"/>
      <c r="X4264" s="99"/>
      <c r="Y4264" s="99"/>
      <c r="Z4264" s="99"/>
      <c r="AA4264" s="99"/>
      <c r="AB4264" s="99"/>
      <c r="AC4264" s="99"/>
      <c r="AD4264" s="99"/>
      <c r="AE4264" s="99"/>
      <c r="AF4264" s="99"/>
      <c r="AG4264" s="99"/>
      <c r="AH4264" s="99"/>
      <c r="AI4264" s="99"/>
      <c r="AJ4264" s="99"/>
      <c r="AK4264" s="99"/>
      <c r="AL4264" s="99"/>
      <c r="AM4264" s="99"/>
      <c r="AN4264" s="99"/>
      <c r="AO4264" s="99"/>
      <c r="AP4264" s="99"/>
      <c r="AQ4264" s="99"/>
      <c r="AR4264" s="99"/>
      <c r="AS4264" s="99"/>
      <c r="AT4264" s="99"/>
      <c r="AU4264" s="99"/>
      <c r="AV4264" s="99"/>
      <c r="AW4264" s="99"/>
      <c r="AX4264" s="99"/>
      <c r="AY4264" s="99"/>
      <c r="AZ4264" s="99"/>
      <c r="BA4264" s="190" t="s">
        <v>9271</v>
      </c>
      <c r="BB4264" s="107">
        <v>45884</v>
      </c>
    </row>
    <row r="4265" spans="1:54" s="238" customFormat="1" ht="13.95" customHeight="1" x14ac:dyDescent="0.25">
      <c r="A4265" s="236" t="s">
        <v>9474</v>
      </c>
      <c r="B4265" s="220" t="s">
        <v>8672</v>
      </c>
      <c r="C4265" s="190" t="s">
        <v>9475</v>
      </c>
      <c r="D4265" s="190" t="s">
        <v>9476</v>
      </c>
      <c r="E4265" s="237">
        <v>1971</v>
      </c>
      <c r="F4265" s="237">
        <v>1000</v>
      </c>
      <c r="G4265" s="190" t="s">
        <v>1</v>
      </c>
      <c r="H4265" s="190">
        <v>0</v>
      </c>
      <c r="I4265" s="190">
        <v>0</v>
      </c>
      <c r="J4265" s="190">
        <v>1</v>
      </c>
      <c r="K4265" s="190">
        <v>1</v>
      </c>
      <c r="L4265" s="190">
        <v>0</v>
      </c>
      <c r="M4265" s="190">
        <v>0</v>
      </c>
      <c r="N4265" s="190">
        <v>0</v>
      </c>
      <c r="O4265" s="190">
        <v>1</v>
      </c>
      <c r="P4265" s="190">
        <v>1</v>
      </c>
      <c r="Q4265" s="190">
        <v>0</v>
      </c>
      <c r="R4265" s="190">
        <v>0</v>
      </c>
      <c r="S4265" s="190">
        <v>0</v>
      </c>
      <c r="T4265" s="190">
        <v>0</v>
      </c>
      <c r="U4265" s="99"/>
      <c r="V4265" s="99"/>
      <c r="W4265" s="99"/>
      <c r="X4265" s="99"/>
      <c r="Y4265" s="99"/>
      <c r="Z4265" s="99"/>
      <c r="AA4265" s="99"/>
      <c r="AB4265" s="99"/>
      <c r="AC4265" s="99"/>
      <c r="AD4265" s="99"/>
      <c r="AE4265" s="99"/>
      <c r="AF4265" s="99"/>
      <c r="AG4265" s="99"/>
      <c r="AH4265" s="99"/>
      <c r="AI4265" s="99"/>
      <c r="AJ4265" s="99"/>
      <c r="AK4265" s="99"/>
      <c r="AL4265" s="99"/>
      <c r="AM4265" s="99"/>
      <c r="AN4265" s="99"/>
      <c r="AO4265" s="99"/>
      <c r="AP4265" s="99"/>
      <c r="AQ4265" s="99"/>
      <c r="AR4265" s="99"/>
      <c r="AS4265" s="99"/>
      <c r="AT4265" s="99"/>
      <c r="AU4265" s="99"/>
      <c r="AV4265" s="99"/>
      <c r="AW4265" s="99"/>
      <c r="AX4265" s="99"/>
      <c r="AY4265" s="99"/>
      <c r="AZ4265" s="99"/>
      <c r="BA4265" s="99"/>
      <c r="BB4265" s="107">
        <v>45884</v>
      </c>
    </row>
    <row r="4266" spans="1:54" s="238" customFormat="1" ht="13.95" customHeight="1" x14ac:dyDescent="0.25">
      <c r="A4266" s="236" t="s">
        <v>9477</v>
      </c>
      <c r="B4266" s="220" t="s">
        <v>8672</v>
      </c>
      <c r="C4266" s="190" t="s">
        <v>9478</v>
      </c>
      <c r="D4266" s="190" t="s">
        <v>8887</v>
      </c>
      <c r="E4266" s="237">
        <v>1976</v>
      </c>
      <c r="F4266" s="237">
        <v>1000</v>
      </c>
      <c r="G4266" s="190" t="s">
        <v>1</v>
      </c>
      <c r="H4266" s="190">
        <v>0</v>
      </c>
      <c r="I4266" s="190">
        <v>0</v>
      </c>
      <c r="J4266" s="190">
        <v>1</v>
      </c>
      <c r="K4266" s="190">
        <v>1</v>
      </c>
      <c r="L4266" s="190">
        <v>1</v>
      </c>
      <c r="M4266" s="190">
        <v>0</v>
      </c>
      <c r="N4266" s="190">
        <v>0</v>
      </c>
      <c r="O4266" s="190">
        <v>1</v>
      </c>
      <c r="P4266" s="190">
        <v>1</v>
      </c>
      <c r="Q4266" s="190">
        <v>0</v>
      </c>
      <c r="R4266" s="190">
        <v>1</v>
      </c>
      <c r="S4266" s="190">
        <v>0</v>
      </c>
      <c r="T4266" s="190">
        <v>0</v>
      </c>
      <c r="U4266" s="99"/>
      <c r="V4266" s="99"/>
      <c r="W4266" s="99"/>
      <c r="X4266" s="99"/>
      <c r="Y4266" s="99"/>
      <c r="Z4266" s="99"/>
      <c r="AA4266" s="99"/>
      <c r="AB4266" s="99"/>
      <c r="AC4266" s="99"/>
      <c r="AD4266" s="99"/>
      <c r="AE4266" s="99"/>
      <c r="AF4266" s="99"/>
      <c r="AG4266" s="99"/>
      <c r="AH4266" s="99"/>
      <c r="AI4266" s="99"/>
      <c r="AJ4266" s="99"/>
      <c r="AK4266" s="99"/>
      <c r="AL4266" s="99"/>
      <c r="AM4266" s="99"/>
      <c r="AN4266" s="99"/>
      <c r="AO4266" s="99"/>
      <c r="AP4266" s="99"/>
      <c r="AQ4266" s="99"/>
      <c r="AR4266" s="99"/>
      <c r="AS4266" s="99"/>
      <c r="AT4266" s="99"/>
      <c r="AU4266" s="99"/>
      <c r="AV4266" s="99"/>
      <c r="AW4266" s="99"/>
      <c r="AX4266" s="99"/>
      <c r="AY4266" s="99"/>
      <c r="AZ4266" s="99"/>
      <c r="BA4266" s="99"/>
      <c r="BB4266" s="107">
        <v>45884</v>
      </c>
    </row>
    <row r="4267" spans="1:54" s="238" customFormat="1" ht="13.95" customHeight="1" x14ac:dyDescent="0.25">
      <c r="A4267" s="236" t="s">
        <v>9479</v>
      </c>
      <c r="B4267" s="220" t="s">
        <v>8672</v>
      </c>
      <c r="C4267" s="190" t="s">
        <v>9480</v>
      </c>
      <c r="D4267" s="190" t="s">
        <v>9481</v>
      </c>
      <c r="E4267" s="237">
        <v>1988</v>
      </c>
      <c r="F4267" s="237">
        <v>1000</v>
      </c>
      <c r="G4267" s="190" t="s">
        <v>1</v>
      </c>
      <c r="H4267" s="190">
        <v>0</v>
      </c>
      <c r="I4267" s="190">
        <v>0</v>
      </c>
      <c r="J4267" s="190">
        <v>1</v>
      </c>
      <c r="K4267" s="190">
        <v>0</v>
      </c>
      <c r="L4267" s="190">
        <v>1</v>
      </c>
      <c r="M4267" s="190">
        <v>1</v>
      </c>
      <c r="N4267" s="190">
        <v>1</v>
      </c>
      <c r="O4267" s="190">
        <v>1</v>
      </c>
      <c r="P4267" s="190">
        <v>0</v>
      </c>
      <c r="Q4267" s="190">
        <v>0</v>
      </c>
      <c r="R4267" s="190">
        <v>0</v>
      </c>
      <c r="S4267" s="190">
        <v>0</v>
      </c>
      <c r="T4267" s="190">
        <v>0</v>
      </c>
      <c r="U4267" s="99"/>
      <c r="V4267" s="99"/>
      <c r="W4267" s="99"/>
      <c r="X4267" s="99"/>
      <c r="Y4267" s="99"/>
      <c r="Z4267" s="99"/>
      <c r="AA4267" s="99"/>
      <c r="AB4267" s="99"/>
      <c r="AC4267" s="99"/>
      <c r="AD4267" s="99"/>
      <c r="AE4267" s="99"/>
      <c r="AF4267" s="99"/>
      <c r="AG4267" s="99"/>
      <c r="AH4267" s="99"/>
      <c r="AI4267" s="99"/>
      <c r="AJ4267" s="99"/>
      <c r="AK4267" s="99"/>
      <c r="AL4267" s="99"/>
      <c r="AM4267" s="99"/>
      <c r="AN4267" s="99"/>
      <c r="AO4267" s="99"/>
      <c r="AP4267" s="99"/>
      <c r="AQ4267" s="99"/>
      <c r="AR4267" s="99"/>
      <c r="AS4267" s="99"/>
      <c r="AT4267" s="99"/>
      <c r="AU4267" s="99"/>
      <c r="AV4267" s="99"/>
      <c r="AW4267" s="99"/>
      <c r="AX4267" s="99"/>
      <c r="AY4267" s="99"/>
      <c r="AZ4267" s="99"/>
      <c r="BA4267" s="99"/>
      <c r="BB4267" s="107">
        <v>45884</v>
      </c>
    </row>
    <row r="4268" spans="1:54" s="238" customFormat="1" ht="13.95" customHeight="1" x14ac:dyDescent="0.25">
      <c r="A4268" s="236" t="s">
        <v>9482</v>
      </c>
      <c r="B4268" s="220" t="s">
        <v>8672</v>
      </c>
      <c r="C4268" s="190" t="s">
        <v>9483</v>
      </c>
      <c r="D4268" s="190" t="s">
        <v>9484</v>
      </c>
      <c r="E4268" s="237">
        <v>1998</v>
      </c>
      <c r="F4268" s="237">
        <v>1000</v>
      </c>
      <c r="G4268" s="190" t="s">
        <v>1</v>
      </c>
      <c r="H4268" s="190">
        <v>0</v>
      </c>
      <c r="I4268" s="190">
        <v>0</v>
      </c>
      <c r="J4268" s="190">
        <v>1</v>
      </c>
      <c r="K4268" s="190">
        <v>1</v>
      </c>
      <c r="L4268" s="190">
        <v>1</v>
      </c>
      <c r="M4268" s="190">
        <v>1</v>
      </c>
      <c r="N4268" s="190">
        <v>0</v>
      </c>
      <c r="O4268" s="190">
        <v>0</v>
      </c>
      <c r="P4268" s="190">
        <v>1</v>
      </c>
      <c r="Q4268" s="190">
        <v>1</v>
      </c>
      <c r="R4268" s="190">
        <v>0</v>
      </c>
      <c r="S4268" s="190">
        <v>0</v>
      </c>
      <c r="T4268" s="190">
        <v>0</v>
      </c>
      <c r="U4268" s="99"/>
      <c r="V4268" s="99"/>
      <c r="W4268" s="99"/>
      <c r="X4268" s="99"/>
      <c r="Y4268" s="99"/>
      <c r="Z4268" s="99"/>
      <c r="AA4268" s="99"/>
      <c r="AB4268" s="99"/>
      <c r="AC4268" s="99"/>
      <c r="AD4268" s="99"/>
      <c r="AE4268" s="99"/>
      <c r="AF4268" s="99"/>
      <c r="AG4268" s="99"/>
      <c r="AH4268" s="99"/>
      <c r="AI4268" s="99"/>
      <c r="AJ4268" s="99"/>
      <c r="AK4268" s="99"/>
      <c r="AL4268" s="99"/>
      <c r="AM4268" s="99"/>
      <c r="AN4268" s="99"/>
      <c r="AO4268" s="99"/>
      <c r="AP4268" s="99"/>
      <c r="AQ4268" s="99"/>
      <c r="AR4268" s="99"/>
      <c r="AS4268" s="99"/>
      <c r="AT4268" s="99"/>
      <c r="AU4268" s="99"/>
      <c r="AV4268" s="99"/>
      <c r="AW4268" s="99"/>
      <c r="AX4268" s="99"/>
      <c r="AY4268" s="99"/>
      <c r="AZ4268" s="99"/>
      <c r="BA4268" s="99"/>
      <c r="BB4268" s="107">
        <v>45884</v>
      </c>
    </row>
    <row r="4269" spans="1:54" s="238" customFormat="1" ht="13.95" customHeight="1" x14ac:dyDescent="0.25">
      <c r="A4269" s="236" t="s">
        <v>9485</v>
      </c>
      <c r="B4269" s="220" t="s">
        <v>8672</v>
      </c>
      <c r="C4269" s="190" t="s">
        <v>9486</v>
      </c>
      <c r="D4269" s="190" t="s">
        <v>9394</v>
      </c>
      <c r="E4269" s="237">
        <v>1976</v>
      </c>
      <c r="F4269" s="237">
        <v>1000</v>
      </c>
      <c r="G4269" s="190" t="s">
        <v>1</v>
      </c>
      <c r="H4269" s="190">
        <v>0</v>
      </c>
      <c r="I4269" s="190">
        <v>0</v>
      </c>
      <c r="J4269" s="190">
        <v>1</v>
      </c>
      <c r="K4269" s="190">
        <v>1</v>
      </c>
      <c r="L4269" s="190">
        <v>1</v>
      </c>
      <c r="M4269" s="190">
        <v>0</v>
      </c>
      <c r="N4269" s="190">
        <v>0</v>
      </c>
      <c r="O4269" s="190">
        <v>1</v>
      </c>
      <c r="P4269" s="190">
        <v>1</v>
      </c>
      <c r="Q4269" s="190">
        <v>0</v>
      </c>
      <c r="R4269" s="190">
        <v>1</v>
      </c>
      <c r="S4269" s="190">
        <v>1</v>
      </c>
      <c r="T4269" s="190">
        <v>0</v>
      </c>
      <c r="U4269" s="99"/>
      <c r="V4269" s="99"/>
      <c r="W4269" s="99"/>
      <c r="X4269" s="99"/>
      <c r="Y4269" s="99"/>
      <c r="Z4269" s="99"/>
      <c r="AA4269" s="99"/>
      <c r="AB4269" s="99"/>
      <c r="AC4269" s="99"/>
      <c r="AD4269" s="99"/>
      <c r="AE4269" s="99"/>
      <c r="AF4269" s="99"/>
      <c r="AG4269" s="99"/>
      <c r="AH4269" s="99"/>
      <c r="AI4269" s="99"/>
      <c r="AJ4269" s="99"/>
      <c r="AK4269" s="99"/>
      <c r="AL4269" s="99"/>
      <c r="AM4269" s="99"/>
      <c r="AN4269" s="99"/>
      <c r="AO4269" s="99"/>
      <c r="AP4269" s="99"/>
      <c r="AQ4269" s="99"/>
      <c r="AR4269" s="99"/>
      <c r="AS4269" s="99"/>
      <c r="AT4269" s="99"/>
      <c r="AU4269" s="99"/>
      <c r="AV4269" s="99"/>
      <c r="AW4269" s="99"/>
      <c r="AX4269" s="99"/>
      <c r="AY4269" s="99"/>
      <c r="AZ4269" s="99"/>
      <c r="BA4269" s="99"/>
      <c r="BB4269" s="107">
        <v>45884</v>
      </c>
    </row>
    <row r="4270" spans="1:54" s="238" customFormat="1" ht="13.95" customHeight="1" x14ac:dyDescent="0.25">
      <c r="A4270" s="236" t="s">
        <v>9487</v>
      </c>
      <c r="B4270" s="220" t="s">
        <v>8672</v>
      </c>
      <c r="C4270" s="190" t="s">
        <v>9488</v>
      </c>
      <c r="D4270" s="190" t="s">
        <v>9489</v>
      </c>
      <c r="E4270" s="237">
        <v>1971</v>
      </c>
      <c r="F4270" s="237">
        <v>1000</v>
      </c>
      <c r="G4270" s="190" t="s">
        <v>1</v>
      </c>
      <c r="H4270" s="190">
        <v>0</v>
      </c>
      <c r="I4270" s="190">
        <v>0</v>
      </c>
      <c r="J4270" s="190">
        <v>1</v>
      </c>
      <c r="K4270" s="190">
        <v>1</v>
      </c>
      <c r="L4270" s="190">
        <v>1</v>
      </c>
      <c r="M4270" s="190">
        <v>1</v>
      </c>
      <c r="N4270" s="190">
        <v>0</v>
      </c>
      <c r="O4270" s="190">
        <v>0</v>
      </c>
      <c r="P4270" s="190">
        <v>0</v>
      </c>
      <c r="Q4270" s="190">
        <v>0</v>
      </c>
      <c r="R4270" s="190">
        <v>1</v>
      </c>
      <c r="S4270" s="190">
        <v>0</v>
      </c>
      <c r="T4270" s="190">
        <v>0</v>
      </c>
      <c r="U4270" s="99"/>
      <c r="V4270" s="99"/>
      <c r="W4270" s="99"/>
      <c r="X4270" s="99"/>
      <c r="Y4270" s="99"/>
      <c r="Z4270" s="99"/>
      <c r="AA4270" s="99"/>
      <c r="AB4270" s="99"/>
      <c r="AC4270" s="99"/>
      <c r="AD4270" s="99"/>
      <c r="AE4270" s="99"/>
      <c r="AF4270" s="99"/>
      <c r="AG4270" s="99"/>
      <c r="AH4270" s="99"/>
      <c r="AI4270" s="99"/>
      <c r="AJ4270" s="99"/>
      <c r="AK4270" s="99"/>
      <c r="AL4270" s="99"/>
      <c r="AM4270" s="99"/>
      <c r="AN4270" s="99"/>
      <c r="AO4270" s="99"/>
      <c r="AP4270" s="99"/>
      <c r="AQ4270" s="99"/>
      <c r="AR4270" s="99"/>
      <c r="AS4270" s="99"/>
      <c r="AT4270" s="99"/>
      <c r="AU4270" s="99"/>
      <c r="AV4270" s="99"/>
      <c r="AW4270" s="99"/>
      <c r="AX4270" s="99"/>
      <c r="AY4270" s="99"/>
      <c r="AZ4270" s="99"/>
      <c r="BA4270" s="99"/>
      <c r="BB4270" s="107">
        <v>45884</v>
      </c>
    </row>
    <row r="4271" spans="1:54" s="238" customFormat="1" ht="13.95" customHeight="1" x14ac:dyDescent="0.25">
      <c r="A4271" s="236" t="s">
        <v>9490</v>
      </c>
      <c r="B4271" s="220" t="s">
        <v>8672</v>
      </c>
      <c r="C4271" s="190" t="s">
        <v>9491</v>
      </c>
      <c r="D4271" s="190" t="s">
        <v>9294</v>
      </c>
      <c r="E4271" s="237">
        <v>2003</v>
      </c>
      <c r="F4271" s="237">
        <v>100</v>
      </c>
      <c r="G4271" s="190" t="s">
        <v>1</v>
      </c>
      <c r="H4271" s="190">
        <v>0</v>
      </c>
      <c r="I4271" s="190">
        <v>0</v>
      </c>
      <c r="J4271" s="190">
        <v>0</v>
      </c>
      <c r="K4271" s="190">
        <v>1</v>
      </c>
      <c r="L4271" s="190">
        <v>0</v>
      </c>
      <c r="M4271" s="190">
        <v>0</v>
      </c>
      <c r="N4271" s="190">
        <v>0</v>
      </c>
      <c r="O4271" s="190">
        <v>0</v>
      </c>
      <c r="P4271" s="190">
        <v>1</v>
      </c>
      <c r="Q4271" s="190">
        <v>0</v>
      </c>
      <c r="R4271" s="190">
        <v>0</v>
      </c>
      <c r="S4271" s="190">
        <v>0</v>
      </c>
      <c r="T4271" s="190">
        <v>0</v>
      </c>
      <c r="U4271" s="99"/>
      <c r="V4271" s="99"/>
      <c r="W4271" s="99"/>
      <c r="X4271" s="99"/>
      <c r="Y4271" s="99"/>
      <c r="Z4271" s="99"/>
      <c r="AA4271" s="99"/>
      <c r="AB4271" s="99"/>
      <c r="AC4271" s="99"/>
      <c r="AD4271" s="99"/>
      <c r="AE4271" s="99"/>
      <c r="AF4271" s="99"/>
      <c r="AG4271" s="99"/>
      <c r="AH4271" s="99"/>
      <c r="AI4271" s="99"/>
      <c r="AJ4271" s="99"/>
      <c r="AK4271" s="99"/>
      <c r="AL4271" s="99"/>
      <c r="AM4271" s="99"/>
      <c r="AN4271" s="99"/>
      <c r="AO4271" s="99"/>
      <c r="AP4271" s="99"/>
      <c r="AQ4271" s="99"/>
      <c r="AR4271" s="99"/>
      <c r="AS4271" s="99"/>
      <c r="AT4271" s="99"/>
      <c r="AU4271" s="99"/>
      <c r="AV4271" s="99"/>
      <c r="AW4271" s="99"/>
      <c r="AX4271" s="99"/>
      <c r="AY4271" s="99"/>
      <c r="AZ4271" s="99"/>
      <c r="BA4271" s="99"/>
      <c r="BB4271" s="107">
        <v>45884</v>
      </c>
    </row>
    <row r="4272" spans="1:54" s="238" customFormat="1" ht="13.95" customHeight="1" x14ac:dyDescent="0.25">
      <c r="A4272" s="236" t="s">
        <v>9492</v>
      </c>
      <c r="B4272" s="220" t="s">
        <v>8672</v>
      </c>
      <c r="C4272" s="190" t="s">
        <v>9493</v>
      </c>
      <c r="D4272" s="190" t="s">
        <v>9494</v>
      </c>
      <c r="E4272" s="237">
        <v>2014</v>
      </c>
      <c r="F4272" s="237">
        <v>1000</v>
      </c>
      <c r="G4272" s="190" t="s">
        <v>1</v>
      </c>
      <c r="H4272" s="190">
        <v>0</v>
      </c>
      <c r="I4272" s="190">
        <v>0</v>
      </c>
      <c r="J4272" s="190">
        <v>1</v>
      </c>
      <c r="K4272" s="190">
        <v>1</v>
      </c>
      <c r="L4272" s="190">
        <v>1</v>
      </c>
      <c r="M4272" s="190">
        <v>1</v>
      </c>
      <c r="N4272" s="190">
        <v>0</v>
      </c>
      <c r="O4272" s="190">
        <v>0</v>
      </c>
      <c r="P4272" s="190">
        <v>0</v>
      </c>
      <c r="Q4272" s="190">
        <v>0</v>
      </c>
      <c r="R4272" s="190">
        <v>0</v>
      </c>
      <c r="S4272" s="190">
        <v>0</v>
      </c>
      <c r="T4272" s="190">
        <v>0</v>
      </c>
      <c r="U4272" s="99"/>
      <c r="V4272" s="99"/>
      <c r="W4272" s="99"/>
      <c r="X4272" s="99"/>
      <c r="Y4272" s="99"/>
      <c r="Z4272" s="99"/>
      <c r="AA4272" s="99"/>
      <c r="AB4272" s="99"/>
      <c r="AC4272" s="99"/>
      <c r="AD4272" s="99"/>
      <c r="AE4272" s="99"/>
      <c r="AF4272" s="99"/>
      <c r="AG4272" s="99"/>
      <c r="AH4272" s="99"/>
      <c r="AI4272" s="99"/>
      <c r="AJ4272" s="99"/>
      <c r="AK4272" s="99"/>
      <c r="AL4272" s="99"/>
      <c r="AM4272" s="99"/>
      <c r="AN4272" s="99"/>
      <c r="AO4272" s="99"/>
      <c r="AP4272" s="99"/>
      <c r="AQ4272" s="99"/>
      <c r="AR4272" s="99"/>
      <c r="AS4272" s="99"/>
      <c r="AT4272" s="99"/>
      <c r="AU4272" s="99"/>
      <c r="AV4272" s="99"/>
      <c r="AW4272" s="99"/>
      <c r="AX4272" s="99"/>
      <c r="AY4272" s="99"/>
      <c r="AZ4272" s="99"/>
      <c r="BA4272" s="99"/>
      <c r="BB4272" s="107">
        <v>45884</v>
      </c>
    </row>
    <row r="4273" spans="1:54" s="238" customFormat="1" ht="13.95" customHeight="1" x14ac:dyDescent="0.25">
      <c r="A4273" s="236" t="s">
        <v>9495</v>
      </c>
      <c r="B4273" s="220" t="s">
        <v>8672</v>
      </c>
      <c r="C4273" s="190" t="s">
        <v>9496</v>
      </c>
      <c r="D4273" s="190" t="s">
        <v>9497</v>
      </c>
      <c r="E4273" s="237">
        <v>2006</v>
      </c>
      <c r="F4273" s="237">
        <v>1000</v>
      </c>
      <c r="G4273" s="190" t="s">
        <v>1</v>
      </c>
      <c r="H4273" s="190">
        <v>0</v>
      </c>
      <c r="I4273" s="190">
        <v>0</v>
      </c>
      <c r="J4273" s="190">
        <v>0</v>
      </c>
      <c r="K4273" s="190">
        <v>1</v>
      </c>
      <c r="L4273" s="190">
        <v>0</v>
      </c>
      <c r="M4273" s="190">
        <v>0</v>
      </c>
      <c r="N4273" s="190">
        <v>0</v>
      </c>
      <c r="O4273" s="190">
        <v>0</v>
      </c>
      <c r="P4273" s="190">
        <v>0</v>
      </c>
      <c r="Q4273" s="190">
        <v>0</v>
      </c>
      <c r="R4273" s="190">
        <v>0</v>
      </c>
      <c r="S4273" s="190">
        <v>0</v>
      </c>
      <c r="T4273" s="190">
        <v>0</v>
      </c>
      <c r="U4273" s="99"/>
      <c r="V4273" s="99"/>
      <c r="W4273" s="99"/>
      <c r="X4273" s="99"/>
      <c r="Y4273" s="99"/>
      <c r="Z4273" s="99"/>
      <c r="AA4273" s="99"/>
      <c r="AB4273" s="99"/>
      <c r="AC4273" s="99"/>
      <c r="AD4273" s="99"/>
      <c r="AE4273" s="99"/>
      <c r="AF4273" s="99"/>
      <c r="AG4273" s="99"/>
      <c r="AH4273" s="99"/>
      <c r="AI4273" s="99"/>
      <c r="AJ4273" s="99"/>
      <c r="AK4273" s="99"/>
      <c r="AL4273" s="99"/>
      <c r="AM4273" s="99"/>
      <c r="AN4273" s="99"/>
      <c r="AO4273" s="99"/>
      <c r="AP4273" s="99"/>
      <c r="AQ4273" s="99"/>
      <c r="AR4273" s="99"/>
      <c r="AS4273" s="99"/>
      <c r="AT4273" s="99"/>
      <c r="AU4273" s="99"/>
      <c r="AV4273" s="99"/>
      <c r="AW4273" s="99"/>
      <c r="AX4273" s="99"/>
      <c r="AY4273" s="99"/>
      <c r="AZ4273" s="99"/>
      <c r="BA4273" s="99"/>
      <c r="BB4273" s="107">
        <v>45884</v>
      </c>
    </row>
    <row r="4274" spans="1:54" s="238" customFormat="1" ht="13.95" customHeight="1" x14ac:dyDescent="0.25">
      <c r="A4274" s="236" t="s">
        <v>9498</v>
      </c>
      <c r="B4274" s="220" t="s">
        <v>8672</v>
      </c>
      <c r="C4274" s="190" t="s">
        <v>9499</v>
      </c>
      <c r="D4274" s="190" t="s">
        <v>9500</v>
      </c>
      <c r="E4274" s="237">
        <v>2007</v>
      </c>
      <c r="F4274" s="237">
        <v>1000</v>
      </c>
      <c r="G4274" s="190" t="s">
        <v>1</v>
      </c>
      <c r="H4274" s="190">
        <v>0</v>
      </c>
      <c r="I4274" s="190">
        <v>0</v>
      </c>
      <c r="J4274" s="190">
        <v>1</v>
      </c>
      <c r="K4274" s="190">
        <v>1</v>
      </c>
      <c r="L4274" s="190">
        <v>1</v>
      </c>
      <c r="M4274" s="190">
        <v>1</v>
      </c>
      <c r="N4274" s="190">
        <v>0</v>
      </c>
      <c r="O4274" s="190">
        <v>0</v>
      </c>
      <c r="P4274" s="190">
        <v>0</v>
      </c>
      <c r="Q4274" s="190">
        <v>0</v>
      </c>
      <c r="R4274" s="190">
        <v>0</v>
      </c>
      <c r="S4274" s="190">
        <v>0</v>
      </c>
      <c r="T4274" s="190">
        <v>0</v>
      </c>
      <c r="U4274" s="99"/>
      <c r="V4274" s="99"/>
      <c r="W4274" s="99"/>
      <c r="X4274" s="99"/>
      <c r="Y4274" s="99"/>
      <c r="Z4274" s="99"/>
      <c r="AA4274" s="99"/>
      <c r="AB4274" s="99"/>
      <c r="AC4274" s="99"/>
      <c r="AD4274" s="99"/>
      <c r="AE4274" s="99"/>
      <c r="AF4274" s="99"/>
      <c r="AG4274" s="99"/>
      <c r="AH4274" s="99"/>
      <c r="AI4274" s="99"/>
      <c r="AJ4274" s="99"/>
      <c r="AK4274" s="99"/>
      <c r="AL4274" s="99"/>
      <c r="AM4274" s="99"/>
      <c r="AN4274" s="99"/>
      <c r="AO4274" s="99"/>
      <c r="AP4274" s="99"/>
      <c r="AQ4274" s="99"/>
      <c r="AR4274" s="99"/>
      <c r="AS4274" s="99"/>
      <c r="AT4274" s="99"/>
      <c r="AU4274" s="99"/>
      <c r="AV4274" s="99"/>
      <c r="AW4274" s="99"/>
      <c r="AX4274" s="99"/>
      <c r="AY4274" s="99"/>
      <c r="AZ4274" s="99"/>
      <c r="BA4274" s="99"/>
      <c r="BB4274" s="107">
        <v>45884</v>
      </c>
    </row>
    <row r="4275" spans="1:54" s="238" customFormat="1" ht="13.95" customHeight="1" x14ac:dyDescent="0.25">
      <c r="A4275" s="236" t="s">
        <v>9501</v>
      </c>
      <c r="B4275" s="220" t="s">
        <v>8672</v>
      </c>
      <c r="C4275" s="190" t="s">
        <v>9502</v>
      </c>
      <c r="D4275" s="190" t="s">
        <v>9503</v>
      </c>
      <c r="E4275" s="237">
        <v>1990</v>
      </c>
      <c r="F4275" s="237">
        <v>1000</v>
      </c>
      <c r="G4275" s="190" t="s">
        <v>1</v>
      </c>
      <c r="H4275" s="190">
        <v>0</v>
      </c>
      <c r="I4275" s="190">
        <v>0</v>
      </c>
      <c r="J4275" s="190">
        <v>1</v>
      </c>
      <c r="K4275" s="190">
        <v>1</v>
      </c>
      <c r="L4275" s="190">
        <v>1</v>
      </c>
      <c r="M4275" s="190">
        <v>1</v>
      </c>
      <c r="N4275" s="190">
        <v>0</v>
      </c>
      <c r="O4275" s="190">
        <v>0</v>
      </c>
      <c r="P4275" s="190">
        <v>1</v>
      </c>
      <c r="Q4275" s="190">
        <v>1</v>
      </c>
      <c r="R4275" s="190">
        <v>0</v>
      </c>
      <c r="S4275" s="190">
        <v>0</v>
      </c>
      <c r="T4275" s="190">
        <v>0</v>
      </c>
      <c r="U4275" s="99"/>
      <c r="V4275" s="99"/>
      <c r="W4275" s="99"/>
      <c r="X4275" s="99"/>
      <c r="Y4275" s="99"/>
      <c r="Z4275" s="99"/>
      <c r="AA4275" s="99"/>
      <c r="AB4275" s="99"/>
      <c r="AC4275" s="99"/>
      <c r="AD4275" s="99"/>
      <c r="AE4275" s="99"/>
      <c r="AF4275" s="99"/>
      <c r="AG4275" s="99"/>
      <c r="AH4275" s="99"/>
      <c r="AI4275" s="99"/>
      <c r="AJ4275" s="99"/>
      <c r="AK4275" s="99"/>
      <c r="AL4275" s="99"/>
      <c r="AM4275" s="99"/>
      <c r="AN4275" s="99"/>
      <c r="AO4275" s="99"/>
      <c r="AP4275" s="99"/>
      <c r="AQ4275" s="99"/>
      <c r="AR4275" s="99"/>
      <c r="AS4275" s="99"/>
      <c r="AT4275" s="99"/>
      <c r="AU4275" s="99"/>
      <c r="AV4275" s="99"/>
      <c r="AW4275" s="99"/>
      <c r="AX4275" s="99"/>
      <c r="AY4275" s="99"/>
      <c r="AZ4275" s="99"/>
      <c r="BA4275" s="99"/>
      <c r="BB4275" s="107">
        <v>45884</v>
      </c>
    </row>
    <row r="4276" spans="1:54" s="238" customFormat="1" ht="13.95" customHeight="1" x14ac:dyDescent="0.25">
      <c r="A4276" s="236" t="s">
        <v>9504</v>
      </c>
      <c r="B4276" s="220" t="s">
        <v>8672</v>
      </c>
      <c r="C4276" s="190" t="s">
        <v>9505</v>
      </c>
      <c r="D4276" s="190" t="s">
        <v>19921</v>
      </c>
      <c r="E4276" s="237">
        <v>1997</v>
      </c>
      <c r="F4276" s="237">
        <v>1000</v>
      </c>
      <c r="G4276" s="190" t="s">
        <v>1</v>
      </c>
      <c r="H4276" s="190">
        <v>0</v>
      </c>
      <c r="I4276" s="190">
        <v>0</v>
      </c>
      <c r="J4276" s="190">
        <v>1</v>
      </c>
      <c r="K4276" s="190">
        <v>1</v>
      </c>
      <c r="L4276" s="190">
        <v>1</v>
      </c>
      <c r="M4276" s="190">
        <v>1</v>
      </c>
      <c r="N4276" s="190">
        <v>0</v>
      </c>
      <c r="O4276" s="190">
        <v>0</v>
      </c>
      <c r="P4276" s="190">
        <v>1</v>
      </c>
      <c r="Q4276" s="190">
        <v>0</v>
      </c>
      <c r="R4276" s="190">
        <v>0</v>
      </c>
      <c r="S4276" s="190">
        <v>0</v>
      </c>
      <c r="T4276" s="190">
        <v>0</v>
      </c>
      <c r="U4276" s="99"/>
      <c r="V4276" s="99"/>
      <c r="W4276" s="99"/>
      <c r="X4276" s="99"/>
      <c r="Y4276" s="99"/>
      <c r="Z4276" s="99"/>
      <c r="AA4276" s="99"/>
      <c r="AB4276" s="99"/>
      <c r="AC4276" s="99"/>
      <c r="AD4276" s="99"/>
      <c r="AE4276" s="99"/>
      <c r="AF4276" s="99"/>
      <c r="AG4276" s="99"/>
      <c r="AH4276" s="99"/>
      <c r="AI4276" s="99"/>
      <c r="AJ4276" s="99"/>
      <c r="AK4276" s="99"/>
      <c r="AL4276" s="99"/>
      <c r="AM4276" s="99"/>
      <c r="AN4276" s="99"/>
      <c r="AO4276" s="99"/>
      <c r="AP4276" s="99"/>
      <c r="AQ4276" s="99"/>
      <c r="AR4276" s="99"/>
      <c r="AS4276" s="99"/>
      <c r="AT4276" s="99"/>
      <c r="AU4276" s="99"/>
      <c r="AV4276" s="99"/>
      <c r="AW4276" s="99"/>
      <c r="AX4276" s="99"/>
      <c r="AY4276" s="99"/>
      <c r="AZ4276" s="99"/>
      <c r="BA4276" s="99"/>
      <c r="BB4276" s="107">
        <v>45884</v>
      </c>
    </row>
    <row r="4277" spans="1:54" s="238" customFormat="1" ht="13.95" customHeight="1" x14ac:dyDescent="0.25">
      <c r="A4277" s="236" t="s">
        <v>9506</v>
      </c>
      <c r="B4277" s="220" t="s">
        <v>8672</v>
      </c>
      <c r="C4277" s="190" t="s">
        <v>9507</v>
      </c>
      <c r="D4277" s="190" t="s">
        <v>9508</v>
      </c>
      <c r="E4277" s="237">
        <v>2007</v>
      </c>
      <c r="F4277" s="237">
        <v>1000</v>
      </c>
      <c r="G4277" s="190" t="s">
        <v>1</v>
      </c>
      <c r="H4277" s="190">
        <v>0</v>
      </c>
      <c r="I4277" s="190">
        <v>0</v>
      </c>
      <c r="J4277" s="190">
        <v>1</v>
      </c>
      <c r="K4277" s="190">
        <v>1</v>
      </c>
      <c r="L4277" s="190">
        <v>1</v>
      </c>
      <c r="M4277" s="190">
        <v>0</v>
      </c>
      <c r="N4277" s="190">
        <v>0</v>
      </c>
      <c r="O4277" s="190">
        <v>1</v>
      </c>
      <c r="P4277" s="190">
        <v>1</v>
      </c>
      <c r="Q4277" s="190">
        <v>0</v>
      </c>
      <c r="R4277" s="190">
        <v>0</v>
      </c>
      <c r="S4277" s="190">
        <v>0</v>
      </c>
      <c r="T4277" s="190">
        <v>0</v>
      </c>
      <c r="U4277" s="99"/>
      <c r="V4277" s="99"/>
      <c r="W4277" s="99"/>
      <c r="X4277" s="99"/>
      <c r="Y4277" s="99"/>
      <c r="Z4277" s="99"/>
      <c r="AA4277" s="99"/>
      <c r="AB4277" s="99"/>
      <c r="AC4277" s="99"/>
      <c r="AD4277" s="99"/>
      <c r="AE4277" s="99"/>
      <c r="AF4277" s="99"/>
      <c r="AG4277" s="99"/>
      <c r="AH4277" s="99"/>
      <c r="AI4277" s="99"/>
      <c r="AJ4277" s="99"/>
      <c r="AK4277" s="99"/>
      <c r="AL4277" s="99"/>
      <c r="AM4277" s="99"/>
      <c r="AN4277" s="99"/>
      <c r="AO4277" s="99"/>
      <c r="AP4277" s="99"/>
      <c r="AQ4277" s="99"/>
      <c r="AR4277" s="99"/>
      <c r="AS4277" s="99"/>
      <c r="AT4277" s="99"/>
      <c r="AU4277" s="99"/>
      <c r="AV4277" s="99"/>
      <c r="AW4277" s="99"/>
      <c r="AX4277" s="99"/>
      <c r="AY4277" s="99"/>
      <c r="AZ4277" s="99"/>
      <c r="BA4277" s="99"/>
      <c r="BB4277" s="107">
        <v>45884</v>
      </c>
    </row>
    <row r="4278" spans="1:54" s="238" customFormat="1" ht="13.95" customHeight="1" x14ac:dyDescent="0.25">
      <c r="A4278" s="236" t="s">
        <v>9509</v>
      </c>
      <c r="B4278" s="220" t="s">
        <v>8672</v>
      </c>
      <c r="C4278" s="190" t="s">
        <v>9510</v>
      </c>
      <c r="D4278" s="190" t="s">
        <v>9511</v>
      </c>
      <c r="E4278" s="237">
        <v>1971</v>
      </c>
      <c r="F4278" s="237">
        <v>1000</v>
      </c>
      <c r="G4278" s="190" t="s">
        <v>1</v>
      </c>
      <c r="H4278" s="190">
        <v>0</v>
      </c>
      <c r="I4278" s="190">
        <v>0</v>
      </c>
      <c r="J4278" s="190">
        <v>1</v>
      </c>
      <c r="K4278" s="190">
        <v>1</v>
      </c>
      <c r="L4278" s="190">
        <v>1</v>
      </c>
      <c r="M4278" s="190">
        <v>0</v>
      </c>
      <c r="N4278" s="190">
        <v>0</v>
      </c>
      <c r="O4278" s="190">
        <v>1</v>
      </c>
      <c r="P4278" s="190">
        <v>1</v>
      </c>
      <c r="Q4278" s="190">
        <v>0</v>
      </c>
      <c r="R4278" s="190">
        <v>0</v>
      </c>
      <c r="S4278" s="190">
        <v>0</v>
      </c>
      <c r="T4278" s="190">
        <v>0</v>
      </c>
      <c r="U4278" s="99"/>
      <c r="V4278" s="99"/>
      <c r="W4278" s="99"/>
      <c r="X4278" s="99"/>
      <c r="Y4278" s="99"/>
      <c r="Z4278" s="99"/>
      <c r="AA4278" s="99"/>
      <c r="AB4278" s="99"/>
      <c r="AC4278" s="99"/>
      <c r="AD4278" s="99"/>
      <c r="AE4278" s="99"/>
      <c r="AF4278" s="99"/>
      <c r="AG4278" s="99"/>
      <c r="AH4278" s="99"/>
      <c r="AI4278" s="99"/>
      <c r="AJ4278" s="99"/>
      <c r="AK4278" s="99"/>
      <c r="AL4278" s="99"/>
      <c r="AM4278" s="99"/>
      <c r="AN4278" s="99"/>
      <c r="AO4278" s="99"/>
      <c r="AP4278" s="99"/>
      <c r="AQ4278" s="99"/>
      <c r="AR4278" s="99"/>
      <c r="AS4278" s="99"/>
      <c r="AT4278" s="99"/>
      <c r="AU4278" s="99"/>
      <c r="AV4278" s="99"/>
      <c r="AW4278" s="99"/>
      <c r="AX4278" s="99"/>
      <c r="AY4278" s="99"/>
      <c r="AZ4278" s="99"/>
      <c r="BA4278" s="190" t="s">
        <v>9005</v>
      </c>
      <c r="BB4278" s="107">
        <v>45884</v>
      </c>
    </row>
    <row r="4279" spans="1:54" s="238" customFormat="1" ht="13.95" customHeight="1" x14ac:dyDescent="0.25">
      <c r="A4279" s="236" t="s">
        <v>9512</v>
      </c>
      <c r="B4279" s="220" t="s">
        <v>8672</v>
      </c>
      <c r="C4279" s="190" t="s">
        <v>9513</v>
      </c>
      <c r="D4279" s="190" t="s">
        <v>9514</v>
      </c>
      <c r="E4279" s="237">
        <v>1983</v>
      </c>
      <c r="F4279" s="237">
        <v>1000</v>
      </c>
      <c r="G4279" s="190" t="s">
        <v>1</v>
      </c>
      <c r="H4279" s="190">
        <v>0</v>
      </c>
      <c r="I4279" s="190">
        <v>0</v>
      </c>
      <c r="J4279" s="190">
        <v>1</v>
      </c>
      <c r="K4279" s="190">
        <v>1</v>
      </c>
      <c r="L4279" s="190">
        <v>1</v>
      </c>
      <c r="M4279" s="190">
        <v>0</v>
      </c>
      <c r="N4279" s="190">
        <v>0</v>
      </c>
      <c r="O4279" s="190">
        <v>1</v>
      </c>
      <c r="P4279" s="190">
        <v>1</v>
      </c>
      <c r="Q4279" s="190">
        <v>1</v>
      </c>
      <c r="R4279" s="190">
        <v>1</v>
      </c>
      <c r="S4279" s="190">
        <v>1</v>
      </c>
      <c r="T4279" s="190">
        <v>0</v>
      </c>
      <c r="U4279" s="99"/>
      <c r="V4279" s="99"/>
      <c r="W4279" s="99"/>
      <c r="X4279" s="99"/>
      <c r="Y4279" s="99"/>
      <c r="Z4279" s="99"/>
      <c r="AA4279" s="99"/>
      <c r="AB4279" s="99"/>
      <c r="AC4279" s="99"/>
      <c r="AD4279" s="99"/>
      <c r="AE4279" s="99"/>
      <c r="AF4279" s="99"/>
      <c r="AG4279" s="99"/>
      <c r="AH4279" s="99"/>
      <c r="AI4279" s="99"/>
      <c r="AJ4279" s="99"/>
      <c r="AK4279" s="99"/>
      <c r="AL4279" s="99"/>
      <c r="AM4279" s="99"/>
      <c r="AN4279" s="99"/>
      <c r="AO4279" s="99"/>
      <c r="AP4279" s="99"/>
      <c r="AQ4279" s="99"/>
      <c r="AR4279" s="99"/>
      <c r="AS4279" s="99"/>
      <c r="AT4279" s="99"/>
      <c r="AU4279" s="99"/>
      <c r="AV4279" s="99"/>
      <c r="AW4279" s="99"/>
      <c r="AX4279" s="99"/>
      <c r="AY4279" s="99"/>
      <c r="AZ4279" s="99"/>
      <c r="BA4279" s="99"/>
      <c r="BB4279" s="107">
        <v>45884</v>
      </c>
    </row>
    <row r="4280" spans="1:54" s="238" customFormat="1" ht="13.95" customHeight="1" x14ac:dyDescent="0.25">
      <c r="A4280" s="236" t="s">
        <v>9515</v>
      </c>
      <c r="B4280" s="220" t="s">
        <v>8672</v>
      </c>
      <c r="C4280" s="190" t="s">
        <v>9516</v>
      </c>
      <c r="D4280" s="190" t="s">
        <v>9517</v>
      </c>
      <c r="E4280" s="237">
        <v>1973</v>
      </c>
      <c r="F4280" s="237">
        <v>1100</v>
      </c>
      <c r="G4280" s="190" t="s">
        <v>1</v>
      </c>
      <c r="H4280" s="190">
        <v>0</v>
      </c>
      <c r="I4280" s="190">
        <v>0</v>
      </c>
      <c r="J4280" s="190">
        <v>1</v>
      </c>
      <c r="K4280" s="190">
        <v>1</v>
      </c>
      <c r="L4280" s="190">
        <v>1</v>
      </c>
      <c r="M4280" s="190">
        <v>1</v>
      </c>
      <c r="N4280" s="190">
        <v>0</v>
      </c>
      <c r="O4280" s="190">
        <v>1</v>
      </c>
      <c r="P4280" s="190">
        <v>1</v>
      </c>
      <c r="Q4280" s="190">
        <v>1</v>
      </c>
      <c r="R4280" s="190">
        <v>0</v>
      </c>
      <c r="S4280" s="190">
        <v>1</v>
      </c>
      <c r="T4280" s="190">
        <v>0</v>
      </c>
      <c r="U4280" s="99"/>
      <c r="V4280" s="99"/>
      <c r="W4280" s="99"/>
      <c r="X4280" s="99"/>
      <c r="Y4280" s="99"/>
      <c r="Z4280" s="99"/>
      <c r="AA4280" s="99"/>
      <c r="AB4280" s="99"/>
      <c r="AC4280" s="99"/>
      <c r="AD4280" s="99"/>
      <c r="AE4280" s="99"/>
      <c r="AF4280" s="99"/>
      <c r="AG4280" s="99"/>
      <c r="AH4280" s="99"/>
      <c r="AI4280" s="99"/>
      <c r="AJ4280" s="99"/>
      <c r="AK4280" s="99"/>
      <c r="AL4280" s="99"/>
      <c r="AM4280" s="99"/>
      <c r="AN4280" s="99"/>
      <c r="AO4280" s="99"/>
      <c r="AP4280" s="99"/>
      <c r="AQ4280" s="99"/>
      <c r="AR4280" s="99"/>
      <c r="AS4280" s="99"/>
      <c r="AT4280" s="99"/>
      <c r="AU4280" s="99"/>
      <c r="AV4280" s="99"/>
      <c r="AW4280" s="99"/>
      <c r="AX4280" s="99"/>
      <c r="AY4280" s="99"/>
      <c r="AZ4280" s="99"/>
      <c r="BA4280" s="99"/>
      <c r="BB4280" s="107">
        <v>45884</v>
      </c>
    </row>
    <row r="4281" spans="1:54" s="238" customFormat="1" ht="13.95" customHeight="1" x14ac:dyDescent="0.25">
      <c r="A4281" s="236" t="s">
        <v>9518</v>
      </c>
      <c r="B4281" s="220" t="s">
        <v>8672</v>
      </c>
      <c r="C4281" s="190" t="s">
        <v>9519</v>
      </c>
      <c r="D4281" s="190" t="s">
        <v>9520</v>
      </c>
      <c r="E4281" s="237">
        <v>1996</v>
      </c>
      <c r="F4281" s="237">
        <v>1100</v>
      </c>
      <c r="G4281" s="190" t="s">
        <v>1</v>
      </c>
      <c r="H4281" s="190">
        <v>0</v>
      </c>
      <c r="I4281" s="190">
        <v>0</v>
      </c>
      <c r="J4281" s="190">
        <v>1</v>
      </c>
      <c r="K4281" s="190">
        <v>0</v>
      </c>
      <c r="L4281" s="190">
        <v>1</v>
      </c>
      <c r="M4281" s="190">
        <v>1</v>
      </c>
      <c r="N4281" s="190">
        <v>0</v>
      </c>
      <c r="O4281" s="190">
        <v>1</v>
      </c>
      <c r="P4281" s="190">
        <v>1</v>
      </c>
      <c r="Q4281" s="190">
        <v>0</v>
      </c>
      <c r="R4281" s="190">
        <v>1</v>
      </c>
      <c r="S4281" s="190">
        <v>0</v>
      </c>
      <c r="T4281" s="190">
        <v>0</v>
      </c>
      <c r="U4281" s="99"/>
      <c r="V4281" s="99"/>
      <c r="W4281" s="99"/>
      <c r="X4281" s="99"/>
      <c r="Y4281" s="99"/>
      <c r="Z4281" s="99"/>
      <c r="AA4281" s="99"/>
      <c r="AB4281" s="99"/>
      <c r="AC4281" s="99"/>
      <c r="AD4281" s="99"/>
      <c r="AE4281" s="99"/>
      <c r="AF4281" s="99"/>
      <c r="AG4281" s="99"/>
      <c r="AH4281" s="99"/>
      <c r="AI4281" s="99"/>
      <c r="AJ4281" s="99"/>
      <c r="AK4281" s="99"/>
      <c r="AL4281" s="99"/>
      <c r="AM4281" s="99"/>
      <c r="AN4281" s="99"/>
      <c r="AO4281" s="99"/>
      <c r="AP4281" s="99"/>
      <c r="AQ4281" s="99"/>
      <c r="AR4281" s="99"/>
      <c r="AS4281" s="99"/>
      <c r="AT4281" s="99"/>
      <c r="AU4281" s="99"/>
      <c r="AV4281" s="99"/>
      <c r="AW4281" s="99"/>
      <c r="AX4281" s="99"/>
      <c r="AY4281" s="99"/>
      <c r="AZ4281" s="99"/>
      <c r="BA4281" s="99"/>
      <c r="BB4281" s="107">
        <v>45884</v>
      </c>
    </row>
    <row r="4282" spans="1:54" s="238" customFormat="1" ht="13.95" customHeight="1" x14ac:dyDescent="0.25">
      <c r="A4282" s="236" t="s">
        <v>9521</v>
      </c>
      <c r="B4282" s="220" t="s">
        <v>8672</v>
      </c>
      <c r="C4282" s="190" t="s">
        <v>9522</v>
      </c>
      <c r="D4282" s="190" t="s">
        <v>9523</v>
      </c>
      <c r="E4282" s="237">
        <v>1991</v>
      </c>
      <c r="F4282" s="237">
        <v>1100</v>
      </c>
      <c r="G4282" s="190" t="s">
        <v>1</v>
      </c>
      <c r="H4282" s="190">
        <v>0</v>
      </c>
      <c r="I4282" s="190">
        <v>0</v>
      </c>
      <c r="J4282" s="190">
        <v>1</v>
      </c>
      <c r="K4282" s="190">
        <v>1</v>
      </c>
      <c r="L4282" s="190">
        <v>1</v>
      </c>
      <c r="M4282" s="190">
        <v>1</v>
      </c>
      <c r="N4282" s="190">
        <v>0</v>
      </c>
      <c r="O4282" s="190">
        <v>0</v>
      </c>
      <c r="P4282" s="190">
        <v>1</v>
      </c>
      <c r="Q4282" s="190">
        <v>1</v>
      </c>
      <c r="R4282" s="190">
        <v>0</v>
      </c>
      <c r="S4282" s="190">
        <v>0</v>
      </c>
      <c r="T4282" s="190">
        <v>0</v>
      </c>
      <c r="U4282" s="99"/>
      <c r="V4282" s="99"/>
      <c r="W4282" s="99"/>
      <c r="X4282" s="99"/>
      <c r="Y4282" s="99"/>
      <c r="Z4282" s="99"/>
      <c r="AA4282" s="99"/>
      <c r="AB4282" s="99"/>
      <c r="AC4282" s="99"/>
      <c r="AD4282" s="99"/>
      <c r="AE4282" s="99"/>
      <c r="AF4282" s="99"/>
      <c r="AG4282" s="99"/>
      <c r="AH4282" s="99"/>
      <c r="AI4282" s="99"/>
      <c r="AJ4282" s="99"/>
      <c r="AK4282" s="99"/>
      <c r="AL4282" s="99"/>
      <c r="AM4282" s="99"/>
      <c r="AN4282" s="99"/>
      <c r="AO4282" s="99"/>
      <c r="AP4282" s="99"/>
      <c r="AQ4282" s="99"/>
      <c r="AR4282" s="99"/>
      <c r="AS4282" s="99"/>
      <c r="AT4282" s="99"/>
      <c r="AU4282" s="99"/>
      <c r="AV4282" s="99"/>
      <c r="AW4282" s="99"/>
      <c r="AX4282" s="99"/>
      <c r="AY4282" s="99"/>
      <c r="AZ4282" s="99"/>
      <c r="BA4282" s="99"/>
      <c r="BB4282" s="107">
        <v>45884</v>
      </c>
    </row>
    <row r="4283" spans="1:54" s="238" customFormat="1" ht="13.95" customHeight="1" x14ac:dyDescent="0.25">
      <c r="A4283" s="236" t="s">
        <v>9524</v>
      </c>
      <c r="B4283" s="220" t="s">
        <v>8672</v>
      </c>
      <c r="C4283" s="190" t="s">
        <v>9525</v>
      </c>
      <c r="D4283" s="190" t="s">
        <v>9526</v>
      </c>
      <c r="E4283" s="237">
        <v>1994</v>
      </c>
      <c r="F4283" s="237">
        <v>1100</v>
      </c>
      <c r="G4283" s="190" t="s">
        <v>1</v>
      </c>
      <c r="H4283" s="190">
        <v>0</v>
      </c>
      <c r="I4283" s="190">
        <v>0</v>
      </c>
      <c r="J4283" s="190">
        <v>1</v>
      </c>
      <c r="K4283" s="190">
        <v>1</v>
      </c>
      <c r="L4283" s="190">
        <v>1</v>
      </c>
      <c r="M4283" s="190">
        <v>1</v>
      </c>
      <c r="N4283" s="190">
        <v>0</v>
      </c>
      <c r="O4283" s="190">
        <v>0</v>
      </c>
      <c r="P4283" s="190">
        <v>0</v>
      </c>
      <c r="Q4283" s="190">
        <v>0</v>
      </c>
      <c r="R4283" s="190">
        <v>0</v>
      </c>
      <c r="S4283" s="190">
        <v>0</v>
      </c>
      <c r="T4283" s="190">
        <v>0</v>
      </c>
      <c r="U4283" s="99"/>
      <c r="V4283" s="99"/>
      <c r="W4283" s="99"/>
      <c r="X4283" s="99"/>
      <c r="Y4283" s="99"/>
      <c r="Z4283" s="99"/>
      <c r="AA4283" s="99"/>
      <c r="AB4283" s="99"/>
      <c r="AC4283" s="99"/>
      <c r="AD4283" s="99"/>
      <c r="AE4283" s="99"/>
      <c r="AF4283" s="99"/>
      <c r="AG4283" s="99"/>
      <c r="AH4283" s="99"/>
      <c r="AI4283" s="99"/>
      <c r="AJ4283" s="99"/>
      <c r="AK4283" s="99"/>
      <c r="AL4283" s="99"/>
      <c r="AM4283" s="99"/>
      <c r="AN4283" s="99"/>
      <c r="AO4283" s="99"/>
      <c r="AP4283" s="99"/>
      <c r="AQ4283" s="99"/>
      <c r="AR4283" s="99"/>
      <c r="AS4283" s="99"/>
      <c r="AT4283" s="99"/>
      <c r="AU4283" s="99"/>
      <c r="AV4283" s="99"/>
      <c r="AW4283" s="99"/>
      <c r="AX4283" s="99"/>
      <c r="AY4283" s="99"/>
      <c r="AZ4283" s="99"/>
      <c r="BA4283" s="99"/>
      <c r="BB4283" s="107">
        <v>45884</v>
      </c>
    </row>
    <row r="4284" spans="1:54" s="238" customFormat="1" ht="13.95" customHeight="1" x14ac:dyDescent="0.25">
      <c r="A4284" s="236" t="s">
        <v>9527</v>
      </c>
      <c r="B4284" s="220" t="s">
        <v>8672</v>
      </c>
      <c r="C4284" s="190" t="s">
        <v>9528</v>
      </c>
      <c r="D4284" s="190" t="s">
        <v>8685</v>
      </c>
      <c r="E4284" s="237">
        <v>1998</v>
      </c>
      <c r="F4284" s="237">
        <v>1100</v>
      </c>
      <c r="G4284" s="190" t="s">
        <v>1</v>
      </c>
      <c r="H4284" s="190">
        <v>0</v>
      </c>
      <c r="I4284" s="190">
        <v>0</v>
      </c>
      <c r="J4284" s="190">
        <v>1</v>
      </c>
      <c r="K4284" s="190">
        <v>1</v>
      </c>
      <c r="L4284" s="190">
        <v>1</v>
      </c>
      <c r="M4284" s="190">
        <v>1</v>
      </c>
      <c r="N4284" s="190">
        <v>0</v>
      </c>
      <c r="O4284" s="190">
        <v>0</v>
      </c>
      <c r="P4284" s="190">
        <v>1</v>
      </c>
      <c r="Q4284" s="190">
        <v>0</v>
      </c>
      <c r="R4284" s="190">
        <v>0</v>
      </c>
      <c r="S4284" s="190">
        <v>0</v>
      </c>
      <c r="T4284" s="190">
        <v>0</v>
      </c>
      <c r="U4284" s="99"/>
      <c r="V4284" s="99"/>
      <c r="W4284" s="99"/>
      <c r="X4284" s="99"/>
      <c r="Y4284" s="99"/>
      <c r="Z4284" s="99"/>
      <c r="AA4284" s="99"/>
      <c r="AB4284" s="99"/>
      <c r="AC4284" s="99"/>
      <c r="AD4284" s="99"/>
      <c r="AE4284" s="99"/>
      <c r="AF4284" s="99"/>
      <c r="AG4284" s="99"/>
      <c r="AH4284" s="99"/>
      <c r="AI4284" s="99"/>
      <c r="AJ4284" s="99"/>
      <c r="AK4284" s="99"/>
      <c r="AL4284" s="99"/>
      <c r="AM4284" s="99"/>
      <c r="AN4284" s="99"/>
      <c r="AO4284" s="99"/>
      <c r="AP4284" s="99"/>
      <c r="AQ4284" s="99"/>
      <c r="AR4284" s="99"/>
      <c r="AS4284" s="99"/>
      <c r="AT4284" s="99"/>
      <c r="AU4284" s="99"/>
      <c r="AV4284" s="99"/>
      <c r="AW4284" s="99"/>
      <c r="AX4284" s="99"/>
      <c r="AY4284" s="99"/>
      <c r="AZ4284" s="99"/>
      <c r="BA4284" s="99"/>
      <c r="BB4284" s="107">
        <v>45884</v>
      </c>
    </row>
    <row r="4285" spans="1:54" s="238" customFormat="1" ht="13.95" customHeight="1" x14ac:dyDescent="0.25">
      <c r="A4285" s="236" t="s">
        <v>9529</v>
      </c>
      <c r="B4285" s="220" t="s">
        <v>8672</v>
      </c>
      <c r="C4285" s="190" t="s">
        <v>9530</v>
      </c>
      <c r="D4285" s="190" t="s">
        <v>9531</v>
      </c>
      <c r="E4285" s="237">
        <v>1976</v>
      </c>
      <c r="F4285" s="237">
        <v>1100</v>
      </c>
      <c r="G4285" s="190" t="s">
        <v>1</v>
      </c>
      <c r="H4285" s="190">
        <v>0</v>
      </c>
      <c r="I4285" s="190">
        <v>0</v>
      </c>
      <c r="J4285" s="190">
        <v>0</v>
      </c>
      <c r="K4285" s="190">
        <v>0</v>
      </c>
      <c r="L4285" s="190">
        <v>0</v>
      </c>
      <c r="M4285" s="190">
        <v>0</v>
      </c>
      <c r="N4285" s="190">
        <v>0</v>
      </c>
      <c r="O4285" s="190">
        <v>0</v>
      </c>
      <c r="P4285" s="190">
        <v>0</v>
      </c>
      <c r="Q4285" s="190">
        <v>0</v>
      </c>
      <c r="R4285" s="190">
        <v>0</v>
      </c>
      <c r="S4285" s="190">
        <v>0</v>
      </c>
      <c r="T4285" s="190">
        <v>0</v>
      </c>
      <c r="U4285" s="99"/>
      <c r="V4285" s="99"/>
      <c r="W4285" s="99"/>
      <c r="X4285" s="99"/>
      <c r="Y4285" s="99"/>
      <c r="Z4285" s="99"/>
      <c r="AA4285" s="99"/>
      <c r="AB4285" s="99"/>
      <c r="AC4285" s="99"/>
      <c r="AD4285" s="99"/>
      <c r="AE4285" s="99"/>
      <c r="AF4285" s="99"/>
      <c r="AG4285" s="99"/>
      <c r="AH4285" s="99"/>
      <c r="AI4285" s="99"/>
      <c r="AJ4285" s="99"/>
      <c r="AK4285" s="99"/>
      <c r="AL4285" s="99"/>
      <c r="AM4285" s="99"/>
      <c r="AN4285" s="99"/>
      <c r="AO4285" s="99"/>
      <c r="AP4285" s="99"/>
      <c r="AQ4285" s="99"/>
      <c r="AR4285" s="99"/>
      <c r="AS4285" s="99"/>
      <c r="AT4285" s="99"/>
      <c r="AU4285" s="99"/>
      <c r="AV4285" s="99"/>
      <c r="AW4285" s="99"/>
      <c r="AX4285" s="99"/>
      <c r="AY4285" s="99"/>
      <c r="AZ4285" s="99"/>
      <c r="BA4285" s="99"/>
      <c r="BB4285" s="107">
        <v>45884</v>
      </c>
    </row>
    <row r="4286" spans="1:54" s="238" customFormat="1" ht="13.95" customHeight="1" x14ac:dyDescent="0.25">
      <c r="A4286" s="236" t="s">
        <v>9532</v>
      </c>
      <c r="B4286" s="220" t="s">
        <v>8672</v>
      </c>
      <c r="C4286" s="190" t="s">
        <v>9533</v>
      </c>
      <c r="D4286" s="190" t="s">
        <v>9534</v>
      </c>
      <c r="E4286" s="237">
        <v>2009</v>
      </c>
      <c r="F4286" s="237">
        <v>1100</v>
      </c>
      <c r="G4286" s="190" t="s">
        <v>1</v>
      </c>
      <c r="H4286" s="190">
        <v>0</v>
      </c>
      <c r="I4286" s="190">
        <v>0</v>
      </c>
      <c r="J4286" s="190">
        <v>1</v>
      </c>
      <c r="K4286" s="190">
        <v>1</v>
      </c>
      <c r="L4286" s="190">
        <v>1</v>
      </c>
      <c r="M4286" s="190">
        <v>1</v>
      </c>
      <c r="N4286" s="190">
        <v>0</v>
      </c>
      <c r="O4286" s="190">
        <v>0</v>
      </c>
      <c r="P4286" s="190">
        <v>0</v>
      </c>
      <c r="Q4286" s="190">
        <v>0</v>
      </c>
      <c r="R4286" s="190">
        <v>1</v>
      </c>
      <c r="S4286" s="190">
        <v>0</v>
      </c>
      <c r="T4286" s="190">
        <v>0</v>
      </c>
      <c r="U4286" s="99"/>
      <c r="V4286" s="99"/>
      <c r="W4286" s="99"/>
      <c r="X4286" s="99"/>
      <c r="Y4286" s="99"/>
      <c r="Z4286" s="99"/>
      <c r="AA4286" s="99"/>
      <c r="AB4286" s="99"/>
      <c r="AC4286" s="99"/>
      <c r="AD4286" s="99"/>
      <c r="AE4286" s="99"/>
      <c r="AF4286" s="99"/>
      <c r="AG4286" s="99"/>
      <c r="AH4286" s="99"/>
      <c r="AI4286" s="99"/>
      <c r="AJ4286" s="99"/>
      <c r="AK4286" s="99"/>
      <c r="AL4286" s="99"/>
      <c r="AM4286" s="99"/>
      <c r="AN4286" s="99"/>
      <c r="AO4286" s="99"/>
      <c r="AP4286" s="99"/>
      <c r="AQ4286" s="99"/>
      <c r="AR4286" s="99"/>
      <c r="AS4286" s="99"/>
      <c r="AT4286" s="99"/>
      <c r="AU4286" s="99"/>
      <c r="AV4286" s="99"/>
      <c r="AW4286" s="99"/>
      <c r="AX4286" s="99"/>
      <c r="AY4286" s="99"/>
      <c r="AZ4286" s="99"/>
      <c r="BA4286" s="190" t="s">
        <v>9535</v>
      </c>
      <c r="BB4286" s="107">
        <v>45884</v>
      </c>
    </row>
    <row r="4287" spans="1:54" s="238" customFormat="1" ht="13.95" customHeight="1" x14ac:dyDescent="0.25">
      <c r="A4287" s="236" t="s">
        <v>9536</v>
      </c>
      <c r="B4287" s="220" t="s">
        <v>8672</v>
      </c>
      <c r="C4287" s="190" t="s">
        <v>9537</v>
      </c>
      <c r="D4287" s="190" t="s">
        <v>9538</v>
      </c>
      <c r="E4287" s="237">
        <v>2002</v>
      </c>
      <c r="F4287" s="237">
        <v>1100</v>
      </c>
      <c r="G4287" s="190" t="s">
        <v>1</v>
      </c>
      <c r="H4287" s="190">
        <v>0</v>
      </c>
      <c r="I4287" s="190">
        <v>0</v>
      </c>
      <c r="J4287" s="190">
        <v>1</v>
      </c>
      <c r="K4287" s="190">
        <v>1</v>
      </c>
      <c r="L4287" s="190">
        <v>1</v>
      </c>
      <c r="M4287" s="190">
        <v>1</v>
      </c>
      <c r="N4287" s="190">
        <v>0</v>
      </c>
      <c r="O4287" s="190">
        <v>1</v>
      </c>
      <c r="P4287" s="190">
        <v>1</v>
      </c>
      <c r="Q4287" s="190">
        <v>0</v>
      </c>
      <c r="R4287" s="190">
        <v>1</v>
      </c>
      <c r="S4287" s="190">
        <v>0</v>
      </c>
      <c r="T4287" s="190">
        <v>0</v>
      </c>
      <c r="U4287" s="99"/>
      <c r="V4287" s="99"/>
      <c r="W4287" s="99"/>
      <c r="X4287" s="99"/>
      <c r="Y4287" s="99"/>
      <c r="Z4287" s="99"/>
      <c r="AA4287" s="99"/>
      <c r="AB4287" s="99"/>
      <c r="AC4287" s="99"/>
      <c r="AD4287" s="99"/>
      <c r="AE4287" s="99"/>
      <c r="AF4287" s="99"/>
      <c r="AG4287" s="99"/>
      <c r="AH4287" s="99"/>
      <c r="AI4287" s="99"/>
      <c r="AJ4287" s="99"/>
      <c r="AK4287" s="99"/>
      <c r="AL4287" s="99"/>
      <c r="AM4287" s="99"/>
      <c r="AN4287" s="99"/>
      <c r="AO4287" s="99"/>
      <c r="AP4287" s="99"/>
      <c r="AQ4287" s="99"/>
      <c r="AR4287" s="99"/>
      <c r="AS4287" s="99"/>
      <c r="AT4287" s="99"/>
      <c r="AU4287" s="99"/>
      <c r="AV4287" s="99"/>
      <c r="AW4287" s="99"/>
      <c r="AX4287" s="99"/>
      <c r="AY4287" s="99"/>
      <c r="AZ4287" s="99"/>
      <c r="BA4287" s="99"/>
      <c r="BB4287" s="107">
        <v>45884</v>
      </c>
    </row>
    <row r="4288" spans="1:54" s="238" customFormat="1" ht="13.95" customHeight="1" x14ac:dyDescent="0.25">
      <c r="A4288" s="236" t="s">
        <v>9539</v>
      </c>
      <c r="B4288" s="220" t="s">
        <v>8672</v>
      </c>
      <c r="C4288" s="190" t="s">
        <v>9540</v>
      </c>
      <c r="D4288" s="190" t="s">
        <v>9541</v>
      </c>
      <c r="E4288" s="237">
        <v>1991</v>
      </c>
      <c r="F4288" s="237">
        <v>1100</v>
      </c>
      <c r="G4288" s="190" t="s">
        <v>1</v>
      </c>
      <c r="H4288" s="190">
        <v>0</v>
      </c>
      <c r="I4288" s="190">
        <v>0</v>
      </c>
      <c r="J4288" s="190">
        <v>1</v>
      </c>
      <c r="K4288" s="190">
        <v>1</v>
      </c>
      <c r="L4288" s="190">
        <v>1</v>
      </c>
      <c r="M4288" s="190">
        <v>1</v>
      </c>
      <c r="N4288" s="190">
        <v>0</v>
      </c>
      <c r="O4288" s="190">
        <v>1</v>
      </c>
      <c r="P4288" s="190">
        <v>1</v>
      </c>
      <c r="Q4288" s="190">
        <v>1</v>
      </c>
      <c r="R4288" s="190">
        <v>1</v>
      </c>
      <c r="S4288" s="190">
        <v>0</v>
      </c>
      <c r="T4288" s="190">
        <v>0</v>
      </c>
      <c r="U4288" s="99"/>
      <c r="V4288" s="99"/>
      <c r="W4288" s="99"/>
      <c r="X4288" s="99"/>
      <c r="Y4288" s="99"/>
      <c r="Z4288" s="99"/>
      <c r="AA4288" s="99"/>
      <c r="AB4288" s="99"/>
      <c r="AC4288" s="99"/>
      <c r="AD4288" s="99"/>
      <c r="AE4288" s="99"/>
      <c r="AF4288" s="99"/>
      <c r="AG4288" s="99"/>
      <c r="AH4288" s="99"/>
      <c r="AI4288" s="99"/>
      <c r="AJ4288" s="99"/>
      <c r="AK4288" s="99"/>
      <c r="AL4288" s="99"/>
      <c r="AM4288" s="99"/>
      <c r="AN4288" s="99"/>
      <c r="AO4288" s="99"/>
      <c r="AP4288" s="99"/>
      <c r="AQ4288" s="99"/>
      <c r="AR4288" s="99"/>
      <c r="AS4288" s="99"/>
      <c r="AT4288" s="99"/>
      <c r="AU4288" s="99"/>
      <c r="AV4288" s="99"/>
      <c r="AW4288" s="99"/>
      <c r="AX4288" s="99"/>
      <c r="AY4288" s="99"/>
      <c r="AZ4288" s="99"/>
      <c r="BA4288" s="99"/>
      <c r="BB4288" s="107">
        <v>45884</v>
      </c>
    </row>
    <row r="4289" spans="1:54" s="238" customFormat="1" ht="13.95" customHeight="1" x14ac:dyDescent="0.25">
      <c r="A4289" s="236" t="s">
        <v>9542</v>
      </c>
      <c r="B4289" s="220" t="s">
        <v>8672</v>
      </c>
      <c r="C4289" s="190" t="s">
        <v>9543</v>
      </c>
      <c r="D4289" s="190" t="s">
        <v>9544</v>
      </c>
      <c r="E4289" s="237">
        <v>1981</v>
      </c>
      <c r="F4289" s="237">
        <v>1100</v>
      </c>
      <c r="G4289" s="190" t="s">
        <v>1</v>
      </c>
      <c r="H4289" s="190">
        <v>0</v>
      </c>
      <c r="I4289" s="190">
        <v>0</v>
      </c>
      <c r="J4289" s="190">
        <v>1</v>
      </c>
      <c r="K4289" s="190">
        <v>0</v>
      </c>
      <c r="L4289" s="190">
        <v>1</v>
      </c>
      <c r="M4289" s="190">
        <v>0</v>
      </c>
      <c r="N4289" s="190">
        <v>0</v>
      </c>
      <c r="O4289" s="190">
        <v>1</v>
      </c>
      <c r="P4289" s="190">
        <v>0</v>
      </c>
      <c r="Q4289" s="190">
        <v>1</v>
      </c>
      <c r="R4289" s="190">
        <v>1</v>
      </c>
      <c r="S4289" s="190">
        <v>0</v>
      </c>
      <c r="T4289" s="190">
        <v>0</v>
      </c>
      <c r="U4289" s="99"/>
      <c r="V4289" s="99"/>
      <c r="W4289" s="99"/>
      <c r="X4289" s="99"/>
      <c r="Y4289" s="99"/>
      <c r="Z4289" s="99"/>
      <c r="AA4289" s="99"/>
      <c r="AB4289" s="99"/>
      <c r="AC4289" s="99"/>
      <c r="AD4289" s="99"/>
      <c r="AE4289" s="99"/>
      <c r="AF4289" s="99"/>
      <c r="AG4289" s="99"/>
      <c r="AH4289" s="99"/>
      <c r="AI4289" s="99"/>
      <c r="AJ4289" s="99"/>
      <c r="AK4289" s="99"/>
      <c r="AL4289" s="99"/>
      <c r="AM4289" s="99"/>
      <c r="AN4289" s="99"/>
      <c r="AO4289" s="99"/>
      <c r="AP4289" s="99"/>
      <c r="AQ4289" s="99"/>
      <c r="AR4289" s="99"/>
      <c r="AS4289" s="99"/>
      <c r="AT4289" s="99"/>
      <c r="AU4289" s="99"/>
      <c r="AV4289" s="99"/>
      <c r="AW4289" s="99"/>
      <c r="AX4289" s="99"/>
      <c r="AY4289" s="99"/>
      <c r="AZ4289" s="99"/>
      <c r="BA4289" s="190" t="s">
        <v>8819</v>
      </c>
      <c r="BB4289" s="107">
        <v>45884</v>
      </c>
    </row>
    <row r="4290" spans="1:54" s="238" customFormat="1" ht="13.95" customHeight="1" x14ac:dyDescent="0.25">
      <c r="A4290" s="236" t="s">
        <v>9545</v>
      </c>
      <c r="B4290" s="220" t="s">
        <v>8672</v>
      </c>
      <c r="C4290" s="190" t="s">
        <v>9546</v>
      </c>
      <c r="D4290" s="190" t="s">
        <v>9547</v>
      </c>
      <c r="E4290" s="237">
        <v>1993</v>
      </c>
      <c r="F4290" s="237">
        <v>1100</v>
      </c>
      <c r="G4290" s="190" t="s">
        <v>1</v>
      </c>
      <c r="H4290" s="190">
        <v>0</v>
      </c>
      <c r="I4290" s="190">
        <v>0</v>
      </c>
      <c r="J4290" s="190">
        <v>1</v>
      </c>
      <c r="K4290" s="190">
        <v>1</v>
      </c>
      <c r="L4290" s="190">
        <v>1</v>
      </c>
      <c r="M4290" s="190">
        <v>1</v>
      </c>
      <c r="N4290" s="190">
        <v>0</v>
      </c>
      <c r="O4290" s="190">
        <v>0</v>
      </c>
      <c r="P4290" s="190">
        <v>1</v>
      </c>
      <c r="Q4290" s="190">
        <v>1</v>
      </c>
      <c r="R4290" s="190">
        <v>0</v>
      </c>
      <c r="S4290" s="190">
        <v>0</v>
      </c>
      <c r="T4290" s="190">
        <v>0</v>
      </c>
      <c r="U4290" s="99"/>
      <c r="V4290" s="99"/>
      <c r="W4290" s="99"/>
      <c r="X4290" s="99"/>
      <c r="Y4290" s="99"/>
      <c r="Z4290" s="99"/>
      <c r="AA4290" s="99"/>
      <c r="AB4290" s="99"/>
      <c r="AC4290" s="99"/>
      <c r="AD4290" s="99"/>
      <c r="AE4290" s="99"/>
      <c r="AF4290" s="99"/>
      <c r="AG4290" s="99"/>
      <c r="AH4290" s="99"/>
      <c r="AI4290" s="99"/>
      <c r="AJ4290" s="99"/>
      <c r="AK4290" s="99"/>
      <c r="AL4290" s="99"/>
      <c r="AM4290" s="99"/>
      <c r="AN4290" s="99"/>
      <c r="AO4290" s="99"/>
      <c r="AP4290" s="99"/>
      <c r="AQ4290" s="99"/>
      <c r="AR4290" s="99"/>
      <c r="AS4290" s="99"/>
      <c r="AT4290" s="99"/>
      <c r="AU4290" s="99"/>
      <c r="AV4290" s="99"/>
      <c r="AW4290" s="99"/>
      <c r="AX4290" s="99"/>
      <c r="AY4290" s="99"/>
      <c r="AZ4290" s="99"/>
      <c r="BA4290" s="99"/>
      <c r="BB4290" s="107">
        <v>45884</v>
      </c>
    </row>
    <row r="4291" spans="1:54" s="238" customFormat="1" ht="13.95" customHeight="1" x14ac:dyDescent="0.25">
      <c r="A4291" s="236" t="s">
        <v>9548</v>
      </c>
      <c r="B4291" s="220" t="s">
        <v>8672</v>
      </c>
      <c r="C4291" s="190" t="s">
        <v>9549</v>
      </c>
      <c r="D4291" s="190" t="s">
        <v>9550</v>
      </c>
      <c r="E4291" s="237">
        <v>1990</v>
      </c>
      <c r="F4291" s="237">
        <v>1100</v>
      </c>
      <c r="G4291" s="190" t="s">
        <v>1</v>
      </c>
      <c r="H4291" s="190">
        <v>1</v>
      </c>
      <c r="I4291" s="190">
        <v>0</v>
      </c>
      <c r="J4291" s="190">
        <v>1</v>
      </c>
      <c r="K4291" s="190">
        <v>0</v>
      </c>
      <c r="L4291" s="190">
        <v>1</v>
      </c>
      <c r="M4291" s="190">
        <v>0</v>
      </c>
      <c r="N4291" s="190">
        <v>0</v>
      </c>
      <c r="O4291" s="190">
        <v>1</v>
      </c>
      <c r="P4291" s="190">
        <v>1</v>
      </c>
      <c r="Q4291" s="190">
        <v>0</v>
      </c>
      <c r="R4291" s="190">
        <v>1</v>
      </c>
      <c r="S4291" s="190">
        <v>1</v>
      </c>
      <c r="T4291" s="190">
        <v>0</v>
      </c>
      <c r="U4291" s="99"/>
      <c r="V4291" s="99"/>
      <c r="W4291" s="99"/>
      <c r="X4291" s="99"/>
      <c r="Y4291" s="99"/>
      <c r="Z4291" s="99"/>
      <c r="AA4291" s="99"/>
      <c r="AB4291" s="99"/>
      <c r="AC4291" s="99"/>
      <c r="AD4291" s="99"/>
      <c r="AE4291" s="99"/>
      <c r="AF4291" s="99"/>
      <c r="AG4291" s="99"/>
      <c r="AH4291" s="99"/>
      <c r="AI4291" s="99"/>
      <c r="AJ4291" s="99"/>
      <c r="AK4291" s="99"/>
      <c r="AL4291" s="99"/>
      <c r="AM4291" s="99"/>
      <c r="AN4291" s="99"/>
      <c r="AO4291" s="99"/>
      <c r="AP4291" s="99"/>
      <c r="AQ4291" s="99"/>
      <c r="AR4291" s="99"/>
      <c r="AS4291" s="99"/>
      <c r="AT4291" s="99"/>
      <c r="AU4291" s="99"/>
      <c r="AV4291" s="99"/>
      <c r="AW4291" s="99"/>
      <c r="AX4291" s="99"/>
      <c r="AY4291" s="99"/>
      <c r="AZ4291" s="99"/>
      <c r="BA4291" s="99"/>
      <c r="BB4291" s="107">
        <v>45884</v>
      </c>
    </row>
    <row r="4292" spans="1:54" s="238" customFormat="1" ht="13.95" customHeight="1" x14ac:dyDescent="0.25">
      <c r="A4292" s="236" t="s">
        <v>9551</v>
      </c>
      <c r="B4292" s="220" t="s">
        <v>8672</v>
      </c>
      <c r="C4292" s="190" t="s">
        <v>9552</v>
      </c>
      <c r="D4292" s="190" t="s">
        <v>9553</v>
      </c>
      <c r="E4292" s="237">
        <v>1997</v>
      </c>
      <c r="F4292" s="237">
        <v>1100</v>
      </c>
      <c r="G4292" s="190" t="s">
        <v>1</v>
      </c>
      <c r="H4292" s="190">
        <v>0</v>
      </c>
      <c r="I4292" s="190">
        <v>0</v>
      </c>
      <c r="J4292" s="190">
        <v>1</v>
      </c>
      <c r="K4292" s="190">
        <v>1</v>
      </c>
      <c r="L4292" s="190">
        <v>1</v>
      </c>
      <c r="M4292" s="190">
        <v>0</v>
      </c>
      <c r="N4292" s="190">
        <v>0</v>
      </c>
      <c r="O4292" s="190">
        <v>0</v>
      </c>
      <c r="P4292" s="190">
        <v>1</v>
      </c>
      <c r="Q4292" s="190">
        <v>0</v>
      </c>
      <c r="R4292" s="190">
        <v>0</v>
      </c>
      <c r="S4292" s="190">
        <v>0</v>
      </c>
      <c r="T4292" s="190">
        <v>0</v>
      </c>
      <c r="U4292" s="99"/>
      <c r="V4292" s="99"/>
      <c r="W4292" s="99"/>
      <c r="X4292" s="99"/>
      <c r="Y4292" s="99"/>
      <c r="Z4292" s="99"/>
      <c r="AA4292" s="99"/>
      <c r="AB4292" s="99"/>
      <c r="AC4292" s="99"/>
      <c r="AD4292" s="99"/>
      <c r="AE4292" s="99"/>
      <c r="AF4292" s="99"/>
      <c r="AG4292" s="99"/>
      <c r="AH4292" s="99"/>
      <c r="AI4292" s="99"/>
      <c r="AJ4292" s="99"/>
      <c r="AK4292" s="99"/>
      <c r="AL4292" s="99"/>
      <c r="AM4292" s="99"/>
      <c r="AN4292" s="99"/>
      <c r="AO4292" s="99"/>
      <c r="AP4292" s="99"/>
      <c r="AQ4292" s="99"/>
      <c r="AR4292" s="99"/>
      <c r="AS4292" s="99"/>
      <c r="AT4292" s="99"/>
      <c r="AU4292" s="99"/>
      <c r="AV4292" s="99"/>
      <c r="AW4292" s="99"/>
      <c r="AX4292" s="99"/>
      <c r="AY4292" s="99"/>
      <c r="AZ4292" s="99"/>
      <c r="BA4292" s="99"/>
      <c r="BB4292" s="107">
        <v>45884</v>
      </c>
    </row>
    <row r="4293" spans="1:54" s="238" customFormat="1" ht="13.95" customHeight="1" x14ac:dyDescent="0.25">
      <c r="A4293" s="236" t="s">
        <v>9554</v>
      </c>
      <c r="B4293" s="220" t="s">
        <v>8672</v>
      </c>
      <c r="C4293" s="190" t="s">
        <v>9555</v>
      </c>
      <c r="D4293" s="190" t="s">
        <v>9556</v>
      </c>
      <c r="E4293" s="237">
        <v>1989</v>
      </c>
      <c r="F4293" s="237">
        <v>1100</v>
      </c>
      <c r="G4293" s="190" t="s">
        <v>1</v>
      </c>
      <c r="H4293" s="190">
        <v>0</v>
      </c>
      <c r="I4293" s="190">
        <v>0</v>
      </c>
      <c r="J4293" s="190">
        <v>1</v>
      </c>
      <c r="K4293" s="190">
        <v>0</v>
      </c>
      <c r="L4293" s="190">
        <v>1</v>
      </c>
      <c r="M4293" s="190">
        <v>0</v>
      </c>
      <c r="N4293" s="190">
        <v>0</v>
      </c>
      <c r="O4293" s="190">
        <v>0</v>
      </c>
      <c r="P4293" s="190">
        <v>0</v>
      </c>
      <c r="Q4293" s="190">
        <v>0</v>
      </c>
      <c r="R4293" s="190">
        <v>0</v>
      </c>
      <c r="S4293" s="190">
        <v>0</v>
      </c>
      <c r="T4293" s="190">
        <v>0</v>
      </c>
      <c r="U4293" s="99"/>
      <c r="V4293" s="99"/>
      <c r="W4293" s="99"/>
      <c r="X4293" s="99"/>
      <c r="Y4293" s="99"/>
      <c r="Z4293" s="99"/>
      <c r="AA4293" s="99"/>
      <c r="AB4293" s="99"/>
      <c r="AC4293" s="99"/>
      <c r="AD4293" s="99"/>
      <c r="AE4293" s="99"/>
      <c r="AF4293" s="99"/>
      <c r="AG4293" s="99"/>
      <c r="AH4293" s="99"/>
      <c r="AI4293" s="99"/>
      <c r="AJ4293" s="99"/>
      <c r="AK4293" s="99"/>
      <c r="AL4293" s="99"/>
      <c r="AM4293" s="99"/>
      <c r="AN4293" s="99"/>
      <c r="AO4293" s="99"/>
      <c r="AP4293" s="99"/>
      <c r="AQ4293" s="99"/>
      <c r="AR4293" s="99"/>
      <c r="AS4293" s="99"/>
      <c r="AT4293" s="99"/>
      <c r="AU4293" s="99"/>
      <c r="AV4293" s="99"/>
      <c r="AW4293" s="99"/>
      <c r="AX4293" s="99"/>
      <c r="AY4293" s="99"/>
      <c r="AZ4293" s="99"/>
      <c r="BA4293" s="99"/>
      <c r="BB4293" s="107">
        <v>45884</v>
      </c>
    </row>
    <row r="4294" spans="1:54" s="238" customFormat="1" ht="13.95" customHeight="1" x14ac:dyDescent="0.25">
      <c r="A4294" s="236" t="s">
        <v>9557</v>
      </c>
      <c r="B4294" s="220" t="s">
        <v>8672</v>
      </c>
      <c r="C4294" s="190" t="s">
        <v>9558</v>
      </c>
      <c r="D4294" s="190" t="s">
        <v>9559</v>
      </c>
      <c r="E4294" s="237">
        <v>1972</v>
      </c>
      <c r="F4294" s="237">
        <v>1100</v>
      </c>
      <c r="G4294" s="190" t="s">
        <v>1</v>
      </c>
      <c r="H4294" s="190">
        <v>0</v>
      </c>
      <c r="I4294" s="190">
        <v>0</v>
      </c>
      <c r="J4294" s="190">
        <v>1</v>
      </c>
      <c r="K4294" s="190">
        <v>1</v>
      </c>
      <c r="L4294" s="190">
        <v>1</v>
      </c>
      <c r="M4294" s="190">
        <v>1</v>
      </c>
      <c r="N4294" s="190">
        <v>0</v>
      </c>
      <c r="O4294" s="190">
        <v>1</v>
      </c>
      <c r="P4294" s="190">
        <v>1</v>
      </c>
      <c r="Q4294" s="190">
        <v>1</v>
      </c>
      <c r="R4294" s="190">
        <v>1</v>
      </c>
      <c r="S4294" s="190">
        <v>0</v>
      </c>
      <c r="T4294" s="190">
        <v>0</v>
      </c>
      <c r="U4294" s="99"/>
      <c r="V4294" s="99"/>
      <c r="W4294" s="99"/>
      <c r="X4294" s="99"/>
      <c r="Y4294" s="99"/>
      <c r="Z4294" s="99"/>
      <c r="AA4294" s="99"/>
      <c r="AB4294" s="99"/>
      <c r="AC4294" s="99"/>
      <c r="AD4294" s="99"/>
      <c r="AE4294" s="99"/>
      <c r="AF4294" s="99"/>
      <c r="AG4294" s="99"/>
      <c r="AH4294" s="99"/>
      <c r="AI4294" s="99"/>
      <c r="AJ4294" s="99"/>
      <c r="AK4294" s="99"/>
      <c r="AL4294" s="99"/>
      <c r="AM4294" s="99"/>
      <c r="AN4294" s="99"/>
      <c r="AO4294" s="99"/>
      <c r="AP4294" s="99"/>
      <c r="AQ4294" s="99"/>
      <c r="AR4294" s="99"/>
      <c r="AS4294" s="99"/>
      <c r="AT4294" s="99"/>
      <c r="AU4294" s="99"/>
      <c r="AV4294" s="99"/>
      <c r="AW4294" s="99"/>
      <c r="AX4294" s="99"/>
      <c r="AY4294" s="99"/>
      <c r="AZ4294" s="99"/>
      <c r="BA4294" s="99"/>
      <c r="BB4294" s="107">
        <v>45884</v>
      </c>
    </row>
    <row r="4295" spans="1:54" s="238" customFormat="1" ht="13.95" customHeight="1" x14ac:dyDescent="0.25">
      <c r="A4295" s="236" t="s">
        <v>9560</v>
      </c>
      <c r="B4295" s="220" t="s">
        <v>8672</v>
      </c>
      <c r="C4295" s="190" t="s">
        <v>9561</v>
      </c>
      <c r="D4295" s="190" t="s">
        <v>9562</v>
      </c>
      <c r="E4295" s="237">
        <v>1971</v>
      </c>
      <c r="F4295" s="237">
        <v>1100</v>
      </c>
      <c r="G4295" s="190" t="s">
        <v>1</v>
      </c>
      <c r="H4295" s="190">
        <v>0</v>
      </c>
      <c r="I4295" s="190">
        <v>0</v>
      </c>
      <c r="J4295" s="190">
        <v>1</v>
      </c>
      <c r="K4295" s="190">
        <v>1</v>
      </c>
      <c r="L4295" s="190">
        <v>1</v>
      </c>
      <c r="M4295" s="190">
        <v>1</v>
      </c>
      <c r="N4295" s="190">
        <v>0</v>
      </c>
      <c r="O4295" s="190">
        <v>1</v>
      </c>
      <c r="P4295" s="190">
        <v>1</v>
      </c>
      <c r="Q4295" s="190">
        <v>0</v>
      </c>
      <c r="R4295" s="190">
        <v>0</v>
      </c>
      <c r="S4295" s="190">
        <v>0</v>
      </c>
      <c r="T4295" s="190">
        <v>0</v>
      </c>
      <c r="U4295" s="99"/>
      <c r="V4295" s="99"/>
      <c r="W4295" s="99"/>
      <c r="X4295" s="99"/>
      <c r="Y4295" s="99"/>
      <c r="Z4295" s="99"/>
      <c r="AA4295" s="99"/>
      <c r="AB4295" s="99"/>
      <c r="AC4295" s="99"/>
      <c r="AD4295" s="99"/>
      <c r="AE4295" s="99"/>
      <c r="AF4295" s="99"/>
      <c r="AG4295" s="99"/>
      <c r="AH4295" s="99"/>
      <c r="AI4295" s="99"/>
      <c r="AJ4295" s="99"/>
      <c r="AK4295" s="99"/>
      <c r="AL4295" s="99"/>
      <c r="AM4295" s="99"/>
      <c r="AN4295" s="99"/>
      <c r="AO4295" s="99"/>
      <c r="AP4295" s="99"/>
      <c r="AQ4295" s="99"/>
      <c r="AR4295" s="99"/>
      <c r="AS4295" s="99"/>
      <c r="AT4295" s="99"/>
      <c r="AU4295" s="99"/>
      <c r="AV4295" s="99"/>
      <c r="AW4295" s="99"/>
      <c r="AX4295" s="99"/>
      <c r="AY4295" s="99"/>
      <c r="AZ4295" s="99"/>
      <c r="BA4295" s="99"/>
      <c r="BB4295" s="107">
        <v>45884</v>
      </c>
    </row>
    <row r="4296" spans="1:54" s="238" customFormat="1" ht="13.95" customHeight="1" x14ac:dyDescent="0.25">
      <c r="A4296" s="236" t="s">
        <v>9563</v>
      </c>
      <c r="B4296" s="220" t="s">
        <v>8672</v>
      </c>
      <c r="C4296" s="190" t="s">
        <v>9564</v>
      </c>
      <c r="D4296" s="190" t="s">
        <v>9565</v>
      </c>
      <c r="E4296" s="237">
        <v>2007</v>
      </c>
      <c r="F4296" s="237">
        <v>1100</v>
      </c>
      <c r="G4296" s="190" t="s">
        <v>1</v>
      </c>
      <c r="H4296" s="190">
        <v>0</v>
      </c>
      <c r="I4296" s="190">
        <v>0</v>
      </c>
      <c r="J4296" s="190">
        <v>1</v>
      </c>
      <c r="K4296" s="190">
        <v>0</v>
      </c>
      <c r="L4296" s="190">
        <v>1</v>
      </c>
      <c r="M4296" s="190">
        <v>0</v>
      </c>
      <c r="N4296" s="190">
        <v>0</v>
      </c>
      <c r="O4296" s="190">
        <v>1</v>
      </c>
      <c r="P4296" s="190">
        <v>1</v>
      </c>
      <c r="Q4296" s="190">
        <v>0</v>
      </c>
      <c r="R4296" s="190">
        <v>1</v>
      </c>
      <c r="S4296" s="190">
        <v>0</v>
      </c>
      <c r="T4296" s="190">
        <v>0</v>
      </c>
      <c r="U4296" s="99"/>
      <c r="V4296" s="99"/>
      <c r="W4296" s="99"/>
      <c r="X4296" s="99"/>
      <c r="Y4296" s="99"/>
      <c r="Z4296" s="99"/>
      <c r="AA4296" s="99"/>
      <c r="AB4296" s="99"/>
      <c r="AC4296" s="99"/>
      <c r="AD4296" s="99"/>
      <c r="AE4296" s="99"/>
      <c r="AF4296" s="99"/>
      <c r="AG4296" s="99"/>
      <c r="AH4296" s="99"/>
      <c r="AI4296" s="99"/>
      <c r="AJ4296" s="99"/>
      <c r="AK4296" s="99"/>
      <c r="AL4296" s="99"/>
      <c r="AM4296" s="99"/>
      <c r="AN4296" s="99"/>
      <c r="AO4296" s="99"/>
      <c r="AP4296" s="99"/>
      <c r="AQ4296" s="99"/>
      <c r="AR4296" s="99"/>
      <c r="AS4296" s="99"/>
      <c r="AT4296" s="99"/>
      <c r="AU4296" s="99"/>
      <c r="AV4296" s="99"/>
      <c r="AW4296" s="99"/>
      <c r="AX4296" s="99"/>
      <c r="AY4296" s="99"/>
      <c r="AZ4296" s="99"/>
      <c r="BA4296" s="99"/>
      <c r="BB4296" s="107">
        <v>45884</v>
      </c>
    </row>
    <row r="4297" spans="1:54" s="238" customFormat="1" ht="13.95" customHeight="1" x14ac:dyDescent="0.25">
      <c r="A4297" s="236" t="s">
        <v>9566</v>
      </c>
      <c r="B4297" s="220" t="s">
        <v>8672</v>
      </c>
      <c r="C4297" s="190" t="s">
        <v>9567</v>
      </c>
      <c r="D4297" s="190" t="s">
        <v>9568</v>
      </c>
      <c r="E4297" s="237">
        <v>2001</v>
      </c>
      <c r="F4297" s="237">
        <v>1100</v>
      </c>
      <c r="G4297" s="190" t="s">
        <v>1</v>
      </c>
      <c r="H4297" s="190">
        <v>0</v>
      </c>
      <c r="I4297" s="190">
        <v>0</v>
      </c>
      <c r="J4297" s="190">
        <v>1</v>
      </c>
      <c r="K4297" s="190">
        <v>0</v>
      </c>
      <c r="L4297" s="190">
        <v>1</v>
      </c>
      <c r="M4297" s="190">
        <v>1</v>
      </c>
      <c r="N4297" s="190">
        <v>0</v>
      </c>
      <c r="O4297" s="190">
        <v>1</v>
      </c>
      <c r="P4297" s="190">
        <v>1</v>
      </c>
      <c r="Q4297" s="190">
        <v>0</v>
      </c>
      <c r="R4297" s="190">
        <v>0</v>
      </c>
      <c r="S4297" s="190">
        <v>0</v>
      </c>
      <c r="T4297" s="190">
        <v>0</v>
      </c>
      <c r="U4297" s="99"/>
      <c r="V4297" s="99"/>
      <c r="W4297" s="99"/>
      <c r="X4297" s="99"/>
      <c r="Y4297" s="99"/>
      <c r="Z4297" s="99"/>
      <c r="AA4297" s="99"/>
      <c r="AB4297" s="99"/>
      <c r="AC4297" s="99"/>
      <c r="AD4297" s="99"/>
      <c r="AE4297" s="99"/>
      <c r="AF4297" s="99"/>
      <c r="AG4297" s="99"/>
      <c r="AH4297" s="99"/>
      <c r="AI4297" s="99"/>
      <c r="AJ4297" s="99"/>
      <c r="AK4297" s="99"/>
      <c r="AL4297" s="99"/>
      <c r="AM4297" s="99"/>
      <c r="AN4297" s="99"/>
      <c r="AO4297" s="99"/>
      <c r="AP4297" s="99"/>
      <c r="AQ4297" s="99"/>
      <c r="AR4297" s="99"/>
      <c r="AS4297" s="99"/>
      <c r="AT4297" s="99"/>
      <c r="AU4297" s="99"/>
      <c r="AV4297" s="99"/>
      <c r="AW4297" s="99"/>
      <c r="AX4297" s="99"/>
      <c r="AY4297" s="99"/>
      <c r="AZ4297" s="99"/>
      <c r="BA4297" s="99"/>
      <c r="BB4297" s="107">
        <v>45884</v>
      </c>
    </row>
    <row r="4298" spans="1:54" s="238" customFormat="1" ht="13.95" customHeight="1" x14ac:dyDescent="0.25">
      <c r="A4298" s="236" t="s">
        <v>9569</v>
      </c>
      <c r="B4298" s="220" t="s">
        <v>8672</v>
      </c>
      <c r="C4298" s="190" t="s">
        <v>9570</v>
      </c>
      <c r="D4298" s="190" t="s">
        <v>9571</v>
      </c>
      <c r="E4298" s="237">
        <v>1982</v>
      </c>
      <c r="F4298" s="237">
        <v>1200</v>
      </c>
      <c r="G4298" s="190" t="s">
        <v>1</v>
      </c>
      <c r="H4298" s="190">
        <v>0</v>
      </c>
      <c r="I4298" s="190">
        <v>0</v>
      </c>
      <c r="J4298" s="190">
        <v>1</v>
      </c>
      <c r="K4298" s="190">
        <v>1</v>
      </c>
      <c r="L4298" s="190">
        <v>1</v>
      </c>
      <c r="M4298" s="190">
        <v>0</v>
      </c>
      <c r="N4298" s="190">
        <v>0</v>
      </c>
      <c r="O4298" s="190">
        <v>0</v>
      </c>
      <c r="P4298" s="190">
        <v>1</v>
      </c>
      <c r="Q4298" s="190">
        <v>0</v>
      </c>
      <c r="R4298" s="190">
        <v>0</v>
      </c>
      <c r="S4298" s="190">
        <v>1</v>
      </c>
      <c r="T4298" s="190">
        <v>0</v>
      </c>
      <c r="U4298" s="99"/>
      <c r="V4298" s="99"/>
      <c r="W4298" s="99"/>
      <c r="X4298" s="99"/>
      <c r="Y4298" s="99"/>
      <c r="Z4298" s="99"/>
      <c r="AA4298" s="99"/>
      <c r="AB4298" s="99"/>
      <c r="AC4298" s="99"/>
      <c r="AD4298" s="99"/>
      <c r="AE4298" s="99"/>
      <c r="AF4298" s="99"/>
      <c r="AG4298" s="99"/>
      <c r="AH4298" s="99"/>
      <c r="AI4298" s="99"/>
      <c r="AJ4298" s="99"/>
      <c r="AK4298" s="99"/>
      <c r="AL4298" s="99"/>
      <c r="AM4298" s="99"/>
      <c r="AN4298" s="99"/>
      <c r="AO4298" s="99"/>
      <c r="AP4298" s="99"/>
      <c r="AQ4298" s="99"/>
      <c r="AR4298" s="99"/>
      <c r="AS4298" s="99"/>
      <c r="AT4298" s="99"/>
      <c r="AU4298" s="99"/>
      <c r="AV4298" s="99"/>
      <c r="AW4298" s="99"/>
      <c r="AX4298" s="99"/>
      <c r="AY4298" s="99"/>
      <c r="AZ4298" s="99"/>
      <c r="BA4298" s="99"/>
      <c r="BB4298" s="107">
        <v>45884</v>
      </c>
    </row>
    <row r="4299" spans="1:54" s="238" customFormat="1" ht="13.95" customHeight="1" x14ac:dyDescent="0.25">
      <c r="A4299" s="236" t="s">
        <v>9572</v>
      </c>
      <c r="B4299" s="220" t="s">
        <v>8672</v>
      </c>
      <c r="C4299" s="190" t="s">
        <v>9573</v>
      </c>
      <c r="D4299" s="190" t="s">
        <v>9574</v>
      </c>
      <c r="E4299" s="237">
        <v>1999</v>
      </c>
      <c r="F4299" s="237">
        <v>1200</v>
      </c>
      <c r="G4299" s="190" t="s">
        <v>1</v>
      </c>
      <c r="H4299" s="190">
        <v>0</v>
      </c>
      <c r="I4299" s="190">
        <v>0</v>
      </c>
      <c r="J4299" s="190">
        <v>1</v>
      </c>
      <c r="K4299" s="190">
        <v>0</v>
      </c>
      <c r="L4299" s="190">
        <v>1</v>
      </c>
      <c r="M4299" s="190">
        <v>0</v>
      </c>
      <c r="N4299" s="190">
        <v>0</v>
      </c>
      <c r="O4299" s="190">
        <v>0</v>
      </c>
      <c r="P4299" s="190">
        <v>0</v>
      </c>
      <c r="Q4299" s="190">
        <v>0</v>
      </c>
      <c r="R4299" s="190">
        <v>0</v>
      </c>
      <c r="S4299" s="190">
        <v>0</v>
      </c>
      <c r="T4299" s="190">
        <v>0</v>
      </c>
      <c r="U4299" s="99"/>
      <c r="V4299" s="99"/>
      <c r="W4299" s="99"/>
      <c r="X4299" s="99"/>
      <c r="Y4299" s="99"/>
      <c r="Z4299" s="99"/>
      <c r="AA4299" s="99"/>
      <c r="AB4299" s="99"/>
      <c r="AC4299" s="99"/>
      <c r="AD4299" s="99"/>
      <c r="AE4299" s="99"/>
      <c r="AF4299" s="99"/>
      <c r="AG4299" s="99"/>
      <c r="AH4299" s="99"/>
      <c r="AI4299" s="99"/>
      <c r="AJ4299" s="99"/>
      <c r="AK4299" s="99"/>
      <c r="AL4299" s="99"/>
      <c r="AM4299" s="99"/>
      <c r="AN4299" s="99"/>
      <c r="AO4299" s="99"/>
      <c r="AP4299" s="99"/>
      <c r="AQ4299" s="99"/>
      <c r="AR4299" s="99"/>
      <c r="AS4299" s="99"/>
      <c r="AT4299" s="99"/>
      <c r="AU4299" s="99"/>
      <c r="AV4299" s="99"/>
      <c r="AW4299" s="99"/>
      <c r="AX4299" s="99"/>
      <c r="AY4299" s="99"/>
      <c r="AZ4299" s="99"/>
      <c r="BA4299" s="99"/>
      <c r="BB4299" s="107">
        <v>45884</v>
      </c>
    </row>
    <row r="4300" spans="1:54" s="238" customFormat="1" ht="13.95" customHeight="1" x14ac:dyDescent="0.25">
      <c r="A4300" s="236" t="s">
        <v>9575</v>
      </c>
      <c r="B4300" s="220" t="s">
        <v>8672</v>
      </c>
      <c r="C4300" s="190" t="s">
        <v>9576</v>
      </c>
      <c r="D4300" s="190" t="s">
        <v>9577</v>
      </c>
      <c r="E4300" s="237">
        <v>1972</v>
      </c>
      <c r="F4300" s="237">
        <v>1200</v>
      </c>
      <c r="G4300" s="190" t="s">
        <v>1</v>
      </c>
      <c r="H4300" s="190">
        <v>0</v>
      </c>
      <c r="I4300" s="190">
        <v>0</v>
      </c>
      <c r="J4300" s="190">
        <v>1</v>
      </c>
      <c r="K4300" s="190">
        <v>1</v>
      </c>
      <c r="L4300" s="190">
        <v>1</v>
      </c>
      <c r="M4300" s="190">
        <v>1</v>
      </c>
      <c r="N4300" s="190">
        <v>0</v>
      </c>
      <c r="O4300" s="190">
        <v>1</v>
      </c>
      <c r="P4300" s="190">
        <v>1</v>
      </c>
      <c r="Q4300" s="190">
        <v>0</v>
      </c>
      <c r="R4300" s="190">
        <v>1</v>
      </c>
      <c r="S4300" s="190">
        <v>0</v>
      </c>
      <c r="T4300" s="190">
        <v>0</v>
      </c>
      <c r="U4300" s="99"/>
      <c r="V4300" s="99"/>
      <c r="W4300" s="99"/>
      <c r="X4300" s="99"/>
      <c r="Y4300" s="99"/>
      <c r="Z4300" s="99"/>
      <c r="AA4300" s="99"/>
      <c r="AB4300" s="99"/>
      <c r="AC4300" s="99"/>
      <c r="AD4300" s="99"/>
      <c r="AE4300" s="99"/>
      <c r="AF4300" s="99"/>
      <c r="AG4300" s="99"/>
      <c r="AH4300" s="99"/>
      <c r="AI4300" s="99"/>
      <c r="AJ4300" s="99"/>
      <c r="AK4300" s="99"/>
      <c r="AL4300" s="99"/>
      <c r="AM4300" s="99"/>
      <c r="AN4300" s="99"/>
      <c r="AO4300" s="99"/>
      <c r="AP4300" s="99"/>
      <c r="AQ4300" s="99"/>
      <c r="AR4300" s="99"/>
      <c r="AS4300" s="99"/>
      <c r="AT4300" s="99"/>
      <c r="AU4300" s="99"/>
      <c r="AV4300" s="99"/>
      <c r="AW4300" s="99"/>
      <c r="AX4300" s="99"/>
      <c r="AY4300" s="99"/>
      <c r="AZ4300" s="99"/>
      <c r="BA4300" s="99"/>
      <c r="BB4300" s="107">
        <v>45884</v>
      </c>
    </row>
    <row r="4301" spans="1:54" s="238" customFormat="1" ht="13.95" customHeight="1" x14ac:dyDescent="0.25">
      <c r="A4301" s="236" t="s">
        <v>9578</v>
      </c>
      <c r="B4301" s="220" t="s">
        <v>8672</v>
      </c>
      <c r="C4301" s="190" t="s">
        <v>9579</v>
      </c>
      <c r="D4301" s="190" t="s">
        <v>9580</v>
      </c>
      <c r="E4301" s="237">
        <v>1975</v>
      </c>
      <c r="F4301" s="237">
        <v>1200</v>
      </c>
      <c r="G4301" s="190" t="s">
        <v>1</v>
      </c>
      <c r="H4301" s="190">
        <v>0</v>
      </c>
      <c r="I4301" s="190">
        <v>0</v>
      </c>
      <c r="J4301" s="190">
        <v>1</v>
      </c>
      <c r="K4301" s="190">
        <v>1</v>
      </c>
      <c r="L4301" s="190">
        <v>1</v>
      </c>
      <c r="M4301" s="190">
        <v>0</v>
      </c>
      <c r="N4301" s="190">
        <v>0</v>
      </c>
      <c r="O4301" s="190">
        <v>1</v>
      </c>
      <c r="P4301" s="190">
        <v>1</v>
      </c>
      <c r="Q4301" s="190">
        <v>0</v>
      </c>
      <c r="R4301" s="190">
        <v>1</v>
      </c>
      <c r="S4301" s="190">
        <v>1</v>
      </c>
      <c r="T4301" s="190">
        <v>0</v>
      </c>
      <c r="U4301" s="99"/>
      <c r="V4301" s="99"/>
      <c r="W4301" s="99"/>
      <c r="X4301" s="99"/>
      <c r="Y4301" s="99"/>
      <c r="Z4301" s="99"/>
      <c r="AA4301" s="99"/>
      <c r="AB4301" s="99"/>
      <c r="AC4301" s="99"/>
      <c r="AD4301" s="99"/>
      <c r="AE4301" s="99"/>
      <c r="AF4301" s="99"/>
      <c r="AG4301" s="99"/>
      <c r="AH4301" s="99"/>
      <c r="AI4301" s="99"/>
      <c r="AJ4301" s="99"/>
      <c r="AK4301" s="99"/>
      <c r="AL4301" s="99"/>
      <c r="AM4301" s="99"/>
      <c r="AN4301" s="99"/>
      <c r="AO4301" s="99"/>
      <c r="AP4301" s="99"/>
      <c r="AQ4301" s="99"/>
      <c r="AR4301" s="99"/>
      <c r="AS4301" s="99"/>
      <c r="AT4301" s="99"/>
      <c r="AU4301" s="99"/>
      <c r="AV4301" s="99"/>
      <c r="AW4301" s="99"/>
      <c r="AX4301" s="99"/>
      <c r="AY4301" s="99"/>
      <c r="AZ4301" s="99"/>
      <c r="BA4301" s="99"/>
      <c r="BB4301" s="107">
        <v>45884</v>
      </c>
    </row>
    <row r="4302" spans="1:54" s="238" customFormat="1" ht="13.95" customHeight="1" x14ac:dyDescent="0.25">
      <c r="A4302" s="236" t="s">
        <v>9581</v>
      </c>
      <c r="B4302" s="220" t="s">
        <v>8672</v>
      </c>
      <c r="C4302" s="190" t="s">
        <v>9582</v>
      </c>
      <c r="D4302" s="190" t="s">
        <v>9583</v>
      </c>
      <c r="E4302" s="237">
        <v>1995</v>
      </c>
      <c r="F4302" s="237">
        <v>1200</v>
      </c>
      <c r="G4302" s="190" t="s">
        <v>1</v>
      </c>
      <c r="H4302" s="190">
        <v>0</v>
      </c>
      <c r="I4302" s="190">
        <v>0</v>
      </c>
      <c r="J4302" s="190">
        <v>1</v>
      </c>
      <c r="K4302" s="190">
        <v>0</v>
      </c>
      <c r="L4302" s="190">
        <v>0</v>
      </c>
      <c r="M4302" s="190">
        <v>1</v>
      </c>
      <c r="N4302" s="190">
        <v>0</v>
      </c>
      <c r="O4302" s="190">
        <v>1</v>
      </c>
      <c r="P4302" s="190">
        <v>1</v>
      </c>
      <c r="Q4302" s="190">
        <v>0</v>
      </c>
      <c r="R4302" s="190">
        <v>0</v>
      </c>
      <c r="S4302" s="190">
        <v>0</v>
      </c>
      <c r="T4302" s="190">
        <v>0</v>
      </c>
      <c r="U4302" s="99"/>
      <c r="V4302" s="99"/>
      <c r="W4302" s="99"/>
      <c r="X4302" s="99"/>
      <c r="Y4302" s="99"/>
      <c r="Z4302" s="99"/>
      <c r="AA4302" s="99"/>
      <c r="AB4302" s="99"/>
      <c r="AC4302" s="99"/>
      <c r="AD4302" s="99"/>
      <c r="AE4302" s="99"/>
      <c r="AF4302" s="99"/>
      <c r="AG4302" s="99"/>
      <c r="AH4302" s="99"/>
      <c r="AI4302" s="99"/>
      <c r="AJ4302" s="99"/>
      <c r="AK4302" s="99"/>
      <c r="AL4302" s="99"/>
      <c r="AM4302" s="99"/>
      <c r="AN4302" s="99"/>
      <c r="AO4302" s="99"/>
      <c r="AP4302" s="99"/>
      <c r="AQ4302" s="99"/>
      <c r="AR4302" s="99"/>
      <c r="AS4302" s="99"/>
      <c r="AT4302" s="99"/>
      <c r="AU4302" s="99"/>
      <c r="AV4302" s="99"/>
      <c r="AW4302" s="99"/>
      <c r="AX4302" s="99"/>
      <c r="AY4302" s="99"/>
      <c r="AZ4302" s="99"/>
      <c r="BA4302" s="99"/>
      <c r="BB4302" s="107">
        <v>45884</v>
      </c>
    </row>
    <row r="4303" spans="1:54" s="238" customFormat="1" ht="13.95" customHeight="1" x14ac:dyDescent="0.25">
      <c r="A4303" s="236" t="s">
        <v>9584</v>
      </c>
      <c r="B4303" s="220" t="s">
        <v>8672</v>
      </c>
      <c r="C4303" s="190" t="s">
        <v>9585</v>
      </c>
      <c r="D4303" s="190" t="s">
        <v>19922</v>
      </c>
      <c r="E4303" s="237">
        <v>1978</v>
      </c>
      <c r="F4303" s="237">
        <v>1200</v>
      </c>
      <c r="G4303" s="190" t="s">
        <v>1</v>
      </c>
      <c r="H4303" s="190">
        <v>0</v>
      </c>
      <c r="I4303" s="190">
        <v>0</v>
      </c>
      <c r="J4303" s="190">
        <v>1</v>
      </c>
      <c r="K4303" s="190">
        <v>1</v>
      </c>
      <c r="L4303" s="190">
        <v>1</v>
      </c>
      <c r="M4303" s="190">
        <v>0</v>
      </c>
      <c r="N4303" s="190">
        <v>0</v>
      </c>
      <c r="O4303" s="190">
        <v>1</v>
      </c>
      <c r="P4303" s="190">
        <v>1</v>
      </c>
      <c r="Q4303" s="190">
        <v>1</v>
      </c>
      <c r="R4303" s="190">
        <v>1</v>
      </c>
      <c r="S4303" s="190">
        <v>0</v>
      </c>
      <c r="T4303" s="190">
        <v>0</v>
      </c>
      <c r="U4303" s="99"/>
      <c r="V4303" s="99"/>
      <c r="W4303" s="99"/>
      <c r="X4303" s="99"/>
      <c r="Y4303" s="99"/>
      <c r="Z4303" s="99"/>
      <c r="AA4303" s="99"/>
      <c r="AB4303" s="99"/>
      <c r="AC4303" s="99"/>
      <c r="AD4303" s="99"/>
      <c r="AE4303" s="99"/>
      <c r="AF4303" s="99"/>
      <c r="AG4303" s="99"/>
      <c r="AH4303" s="99"/>
      <c r="AI4303" s="99"/>
      <c r="AJ4303" s="99"/>
      <c r="AK4303" s="99"/>
      <c r="AL4303" s="99"/>
      <c r="AM4303" s="99"/>
      <c r="AN4303" s="99"/>
      <c r="AO4303" s="99"/>
      <c r="AP4303" s="99"/>
      <c r="AQ4303" s="99"/>
      <c r="AR4303" s="99"/>
      <c r="AS4303" s="99"/>
      <c r="AT4303" s="99"/>
      <c r="AU4303" s="99"/>
      <c r="AV4303" s="99"/>
      <c r="AW4303" s="99"/>
      <c r="AX4303" s="99"/>
      <c r="AY4303" s="99"/>
      <c r="AZ4303" s="99"/>
      <c r="BA4303" s="99"/>
      <c r="BB4303" s="107">
        <v>45884</v>
      </c>
    </row>
    <row r="4304" spans="1:54" s="238" customFormat="1" ht="13.95" customHeight="1" x14ac:dyDescent="0.25">
      <c r="A4304" s="236" t="s">
        <v>9586</v>
      </c>
      <c r="B4304" s="220" t="s">
        <v>8672</v>
      </c>
      <c r="C4304" s="190" t="s">
        <v>9587</v>
      </c>
      <c r="D4304" s="190" t="s">
        <v>9588</v>
      </c>
      <c r="E4304" s="237">
        <v>1972</v>
      </c>
      <c r="F4304" s="237">
        <v>1200</v>
      </c>
      <c r="G4304" s="190" t="s">
        <v>1</v>
      </c>
      <c r="H4304" s="190">
        <v>0</v>
      </c>
      <c r="I4304" s="190">
        <v>0</v>
      </c>
      <c r="J4304" s="190">
        <v>1</v>
      </c>
      <c r="K4304" s="190">
        <v>0</v>
      </c>
      <c r="L4304" s="190">
        <v>1</v>
      </c>
      <c r="M4304" s="190">
        <v>0</v>
      </c>
      <c r="N4304" s="190">
        <v>0</v>
      </c>
      <c r="O4304" s="190">
        <v>1</v>
      </c>
      <c r="P4304" s="190">
        <v>0</v>
      </c>
      <c r="Q4304" s="190">
        <v>0</v>
      </c>
      <c r="R4304" s="190">
        <v>0</v>
      </c>
      <c r="S4304" s="190">
        <v>0</v>
      </c>
      <c r="T4304" s="190">
        <v>0</v>
      </c>
      <c r="U4304" s="99"/>
      <c r="V4304" s="99"/>
      <c r="W4304" s="99"/>
      <c r="X4304" s="99"/>
      <c r="Y4304" s="99"/>
      <c r="Z4304" s="99"/>
      <c r="AA4304" s="99"/>
      <c r="AB4304" s="99"/>
      <c r="AC4304" s="99"/>
      <c r="AD4304" s="99"/>
      <c r="AE4304" s="99"/>
      <c r="AF4304" s="99"/>
      <c r="AG4304" s="99"/>
      <c r="AH4304" s="99"/>
      <c r="AI4304" s="99"/>
      <c r="AJ4304" s="99"/>
      <c r="AK4304" s="99"/>
      <c r="AL4304" s="99"/>
      <c r="AM4304" s="99"/>
      <c r="AN4304" s="99"/>
      <c r="AO4304" s="99"/>
      <c r="AP4304" s="99"/>
      <c r="AQ4304" s="99"/>
      <c r="AR4304" s="99"/>
      <c r="AS4304" s="99"/>
      <c r="AT4304" s="99"/>
      <c r="AU4304" s="99"/>
      <c r="AV4304" s="99"/>
      <c r="AW4304" s="99"/>
      <c r="AX4304" s="99"/>
      <c r="AY4304" s="99"/>
      <c r="AZ4304" s="99"/>
      <c r="BA4304" s="99"/>
      <c r="BB4304" s="107">
        <v>45884</v>
      </c>
    </row>
    <row r="4305" spans="1:54" s="238" customFormat="1" ht="13.95" customHeight="1" x14ac:dyDescent="0.25">
      <c r="A4305" s="236" t="s">
        <v>9589</v>
      </c>
      <c r="B4305" s="220" t="s">
        <v>8672</v>
      </c>
      <c r="C4305" s="190" t="s">
        <v>9590</v>
      </c>
      <c r="D4305" s="190" t="s">
        <v>9591</v>
      </c>
      <c r="E4305" s="237">
        <v>1978</v>
      </c>
      <c r="F4305" s="237">
        <v>1200</v>
      </c>
      <c r="G4305" s="190" t="s">
        <v>1</v>
      </c>
      <c r="H4305" s="190">
        <v>0</v>
      </c>
      <c r="I4305" s="190">
        <v>0</v>
      </c>
      <c r="J4305" s="190">
        <v>1</v>
      </c>
      <c r="K4305" s="190">
        <v>0</v>
      </c>
      <c r="L4305" s="190">
        <v>0</v>
      </c>
      <c r="M4305" s="190">
        <v>0</v>
      </c>
      <c r="N4305" s="190">
        <v>0</v>
      </c>
      <c r="O4305" s="190">
        <v>1</v>
      </c>
      <c r="P4305" s="190">
        <v>1</v>
      </c>
      <c r="Q4305" s="190">
        <v>0</v>
      </c>
      <c r="R4305" s="190">
        <v>1</v>
      </c>
      <c r="S4305" s="190">
        <v>0</v>
      </c>
      <c r="T4305" s="190">
        <v>0</v>
      </c>
      <c r="U4305" s="99"/>
      <c r="V4305" s="99"/>
      <c r="W4305" s="99"/>
      <c r="X4305" s="99"/>
      <c r="Y4305" s="99"/>
      <c r="Z4305" s="99"/>
      <c r="AA4305" s="99"/>
      <c r="AB4305" s="99"/>
      <c r="AC4305" s="99"/>
      <c r="AD4305" s="99"/>
      <c r="AE4305" s="99"/>
      <c r="AF4305" s="99"/>
      <c r="AG4305" s="99"/>
      <c r="AH4305" s="99"/>
      <c r="AI4305" s="99"/>
      <c r="AJ4305" s="99"/>
      <c r="AK4305" s="99"/>
      <c r="AL4305" s="99"/>
      <c r="AM4305" s="99"/>
      <c r="AN4305" s="99"/>
      <c r="AO4305" s="99"/>
      <c r="AP4305" s="99"/>
      <c r="AQ4305" s="99"/>
      <c r="AR4305" s="99"/>
      <c r="AS4305" s="99"/>
      <c r="AT4305" s="99"/>
      <c r="AU4305" s="99"/>
      <c r="AV4305" s="99"/>
      <c r="AW4305" s="99"/>
      <c r="AX4305" s="99"/>
      <c r="AY4305" s="99"/>
      <c r="AZ4305" s="99"/>
      <c r="BA4305" s="99"/>
      <c r="BB4305" s="107">
        <v>45884</v>
      </c>
    </row>
    <row r="4306" spans="1:54" s="238" customFormat="1" ht="13.95" customHeight="1" x14ac:dyDescent="0.25">
      <c r="A4306" s="236" t="s">
        <v>9592</v>
      </c>
      <c r="B4306" s="220" t="s">
        <v>8672</v>
      </c>
      <c r="C4306" s="239" t="s">
        <v>9593</v>
      </c>
      <c r="D4306" s="190" t="s">
        <v>9594</v>
      </c>
      <c r="E4306" s="237">
        <v>1997</v>
      </c>
      <c r="F4306" s="237">
        <v>1200</v>
      </c>
      <c r="G4306" s="190" t="s">
        <v>8</v>
      </c>
      <c r="H4306" s="190">
        <v>0</v>
      </c>
      <c r="I4306" s="190">
        <v>0</v>
      </c>
      <c r="J4306" s="190">
        <v>1</v>
      </c>
      <c r="K4306" s="190">
        <v>0</v>
      </c>
      <c r="L4306" s="190">
        <v>0</v>
      </c>
      <c r="M4306" s="190">
        <v>0</v>
      </c>
      <c r="N4306" s="190">
        <v>0</v>
      </c>
      <c r="O4306" s="190">
        <v>0</v>
      </c>
      <c r="P4306" s="190">
        <v>0</v>
      </c>
      <c r="Q4306" s="190">
        <v>0</v>
      </c>
      <c r="R4306" s="190">
        <v>0</v>
      </c>
      <c r="S4306" s="190">
        <v>0</v>
      </c>
      <c r="T4306" s="190">
        <v>0</v>
      </c>
      <c r="U4306" s="190">
        <v>0</v>
      </c>
      <c r="V4306" s="190">
        <v>0</v>
      </c>
      <c r="W4306" s="190" t="s">
        <v>174</v>
      </c>
      <c r="X4306" s="190" t="s">
        <v>174</v>
      </c>
      <c r="Y4306" s="190">
        <v>0</v>
      </c>
      <c r="Z4306" s="190">
        <v>0</v>
      </c>
      <c r="AA4306" s="190">
        <v>0</v>
      </c>
      <c r="AB4306" s="190">
        <v>0</v>
      </c>
      <c r="AC4306" s="190">
        <v>0</v>
      </c>
      <c r="AD4306" s="190">
        <v>0</v>
      </c>
      <c r="AE4306" s="190">
        <v>0</v>
      </c>
      <c r="AF4306" s="190">
        <v>0</v>
      </c>
      <c r="AG4306" s="190">
        <v>0</v>
      </c>
      <c r="AH4306" s="190">
        <v>0</v>
      </c>
      <c r="AI4306" s="190">
        <v>0</v>
      </c>
      <c r="AJ4306" s="190">
        <v>0</v>
      </c>
      <c r="AK4306" s="190">
        <v>0</v>
      </c>
      <c r="AL4306" s="190">
        <v>0</v>
      </c>
      <c r="AM4306" s="190" t="s">
        <v>174</v>
      </c>
      <c r="AN4306" s="190" t="s">
        <v>174</v>
      </c>
      <c r="AO4306" s="190" t="s">
        <v>174</v>
      </c>
      <c r="AP4306" s="190" t="s">
        <v>174</v>
      </c>
      <c r="AQ4306" s="190" t="s">
        <v>174</v>
      </c>
      <c r="AR4306" s="190" t="s">
        <v>174</v>
      </c>
      <c r="AS4306" s="190" t="s">
        <v>174</v>
      </c>
      <c r="AT4306" s="239" t="s">
        <v>174</v>
      </c>
      <c r="AU4306" s="190">
        <v>0</v>
      </c>
      <c r="AV4306" s="190">
        <v>0</v>
      </c>
      <c r="AW4306" s="190" t="s">
        <v>174</v>
      </c>
      <c r="AX4306" s="190" t="s">
        <v>174</v>
      </c>
      <c r="AY4306" s="190" t="s">
        <v>174</v>
      </c>
      <c r="AZ4306" s="190"/>
      <c r="BA4306" s="190"/>
      <c r="BB4306" s="107">
        <v>45884</v>
      </c>
    </row>
    <row r="4307" spans="1:54" s="238" customFormat="1" ht="13.95" customHeight="1" x14ac:dyDescent="0.25">
      <c r="A4307" s="236" t="s">
        <v>9595</v>
      </c>
      <c r="B4307" s="220" t="s">
        <v>8672</v>
      </c>
      <c r="C4307" s="190" t="s">
        <v>9596</v>
      </c>
      <c r="D4307" s="190" t="s">
        <v>9597</v>
      </c>
      <c r="E4307" s="237">
        <v>1972</v>
      </c>
      <c r="F4307" s="237">
        <v>1200</v>
      </c>
      <c r="G4307" s="190" t="s">
        <v>1</v>
      </c>
      <c r="H4307" s="190">
        <v>0</v>
      </c>
      <c r="I4307" s="190">
        <v>0</v>
      </c>
      <c r="J4307" s="190">
        <v>1</v>
      </c>
      <c r="K4307" s="190">
        <v>1</v>
      </c>
      <c r="L4307" s="190">
        <v>1</v>
      </c>
      <c r="M4307" s="190">
        <v>1</v>
      </c>
      <c r="N4307" s="190">
        <v>0</v>
      </c>
      <c r="O4307" s="190">
        <v>0</v>
      </c>
      <c r="P4307" s="190">
        <v>1</v>
      </c>
      <c r="Q4307" s="190">
        <v>0</v>
      </c>
      <c r="R4307" s="190">
        <v>0</v>
      </c>
      <c r="S4307" s="190">
        <v>0</v>
      </c>
      <c r="T4307" s="190">
        <v>0</v>
      </c>
      <c r="U4307" s="99"/>
      <c r="V4307" s="99"/>
      <c r="W4307" s="99"/>
      <c r="X4307" s="99"/>
      <c r="Y4307" s="99"/>
      <c r="Z4307" s="99"/>
      <c r="AA4307" s="99"/>
      <c r="AB4307" s="99"/>
      <c r="AC4307" s="99"/>
      <c r="AD4307" s="99"/>
      <c r="AE4307" s="99"/>
      <c r="AF4307" s="99"/>
      <c r="AG4307" s="99"/>
      <c r="AH4307" s="99"/>
      <c r="AI4307" s="99"/>
      <c r="AJ4307" s="99"/>
      <c r="AK4307" s="99"/>
      <c r="AL4307" s="99"/>
      <c r="AM4307" s="99"/>
      <c r="AN4307" s="99"/>
      <c r="AO4307" s="99"/>
      <c r="AP4307" s="99"/>
      <c r="AQ4307" s="99"/>
      <c r="AR4307" s="99"/>
      <c r="AS4307" s="99"/>
      <c r="AT4307" s="99"/>
      <c r="AU4307" s="99"/>
      <c r="AV4307" s="99"/>
      <c r="AW4307" s="99"/>
      <c r="AX4307" s="99"/>
      <c r="AY4307" s="99"/>
      <c r="AZ4307" s="99"/>
      <c r="BA4307" s="99"/>
      <c r="BB4307" s="107">
        <v>45884</v>
      </c>
    </row>
    <row r="4308" spans="1:54" s="238" customFormat="1" ht="13.95" customHeight="1" x14ac:dyDescent="0.25">
      <c r="A4308" s="236" t="s">
        <v>9598</v>
      </c>
      <c r="B4308" s="220" t="s">
        <v>8672</v>
      </c>
      <c r="C4308" s="190" t="s">
        <v>9599</v>
      </c>
      <c r="D4308" s="190" t="s">
        <v>9600</v>
      </c>
      <c r="E4308" s="237">
        <v>1973</v>
      </c>
      <c r="F4308" s="237">
        <v>1200</v>
      </c>
      <c r="G4308" s="190" t="s">
        <v>1</v>
      </c>
      <c r="H4308" s="190">
        <v>0</v>
      </c>
      <c r="I4308" s="190">
        <v>0</v>
      </c>
      <c r="J4308" s="190">
        <v>1</v>
      </c>
      <c r="K4308" s="190">
        <v>1</v>
      </c>
      <c r="L4308" s="190">
        <v>1</v>
      </c>
      <c r="M4308" s="190">
        <v>1</v>
      </c>
      <c r="N4308" s="190">
        <v>0</v>
      </c>
      <c r="O4308" s="190">
        <v>1</v>
      </c>
      <c r="P4308" s="190">
        <v>1</v>
      </c>
      <c r="Q4308" s="190">
        <v>0</v>
      </c>
      <c r="R4308" s="190">
        <v>0</v>
      </c>
      <c r="S4308" s="190">
        <v>0</v>
      </c>
      <c r="T4308" s="190">
        <v>0</v>
      </c>
      <c r="U4308" s="99"/>
      <c r="V4308" s="99"/>
      <c r="W4308" s="99"/>
      <c r="X4308" s="99"/>
      <c r="Y4308" s="99"/>
      <c r="Z4308" s="99"/>
      <c r="AA4308" s="99"/>
      <c r="AB4308" s="99"/>
      <c r="AC4308" s="99"/>
      <c r="AD4308" s="99"/>
      <c r="AE4308" s="99"/>
      <c r="AF4308" s="99"/>
      <c r="AG4308" s="99"/>
      <c r="AH4308" s="99"/>
      <c r="AI4308" s="99"/>
      <c r="AJ4308" s="99"/>
      <c r="AK4308" s="99"/>
      <c r="AL4308" s="99"/>
      <c r="AM4308" s="99"/>
      <c r="AN4308" s="99"/>
      <c r="AO4308" s="99"/>
      <c r="AP4308" s="99"/>
      <c r="AQ4308" s="99"/>
      <c r="AR4308" s="99"/>
      <c r="AS4308" s="99"/>
      <c r="AT4308" s="99"/>
      <c r="AU4308" s="99"/>
      <c r="AV4308" s="99"/>
      <c r="AW4308" s="99"/>
      <c r="AX4308" s="99"/>
      <c r="AY4308" s="99"/>
      <c r="AZ4308" s="99"/>
      <c r="BA4308" s="99"/>
      <c r="BB4308" s="107">
        <v>45884</v>
      </c>
    </row>
    <row r="4309" spans="1:54" s="238" customFormat="1" ht="13.95" customHeight="1" x14ac:dyDescent="0.25">
      <c r="A4309" s="236" t="s">
        <v>9601</v>
      </c>
      <c r="B4309" s="220" t="s">
        <v>8672</v>
      </c>
      <c r="C4309" s="190" t="s">
        <v>9602</v>
      </c>
      <c r="D4309" s="190" t="s">
        <v>9603</v>
      </c>
      <c r="E4309" s="237">
        <v>1972</v>
      </c>
      <c r="F4309" s="237">
        <v>1300</v>
      </c>
      <c r="G4309" s="190" t="s">
        <v>1</v>
      </c>
      <c r="H4309" s="190">
        <v>0</v>
      </c>
      <c r="I4309" s="190">
        <v>0</v>
      </c>
      <c r="J4309" s="190">
        <v>1</v>
      </c>
      <c r="K4309" s="190">
        <v>1</v>
      </c>
      <c r="L4309" s="190">
        <v>0</v>
      </c>
      <c r="M4309" s="190">
        <v>1</v>
      </c>
      <c r="N4309" s="190">
        <v>0</v>
      </c>
      <c r="O4309" s="190">
        <v>1</v>
      </c>
      <c r="P4309" s="190">
        <v>0</v>
      </c>
      <c r="Q4309" s="190">
        <v>0</v>
      </c>
      <c r="R4309" s="190">
        <v>0</v>
      </c>
      <c r="S4309" s="190">
        <v>0</v>
      </c>
      <c r="T4309" s="190">
        <v>0</v>
      </c>
      <c r="U4309" s="99"/>
      <c r="V4309" s="99"/>
      <c r="W4309" s="99"/>
      <c r="X4309" s="99"/>
      <c r="Y4309" s="99"/>
      <c r="Z4309" s="99"/>
      <c r="AA4309" s="99"/>
      <c r="AB4309" s="99"/>
      <c r="AC4309" s="99"/>
      <c r="AD4309" s="99"/>
      <c r="AE4309" s="99"/>
      <c r="AF4309" s="99"/>
      <c r="AG4309" s="99"/>
      <c r="AH4309" s="99"/>
      <c r="AI4309" s="99"/>
      <c r="AJ4309" s="99"/>
      <c r="AK4309" s="99"/>
      <c r="AL4309" s="99"/>
      <c r="AM4309" s="99"/>
      <c r="AN4309" s="99"/>
      <c r="AO4309" s="99"/>
      <c r="AP4309" s="99"/>
      <c r="AQ4309" s="99"/>
      <c r="AR4309" s="99"/>
      <c r="AS4309" s="99"/>
      <c r="AT4309" s="99"/>
      <c r="AU4309" s="99"/>
      <c r="AV4309" s="99"/>
      <c r="AW4309" s="99"/>
      <c r="AX4309" s="99"/>
      <c r="AY4309" s="99"/>
      <c r="AZ4309" s="99"/>
      <c r="BA4309" s="99"/>
      <c r="BB4309" s="107">
        <v>45884</v>
      </c>
    </row>
    <row r="4310" spans="1:54" s="238" customFormat="1" ht="13.95" customHeight="1" x14ac:dyDescent="0.25">
      <c r="A4310" s="236" t="s">
        <v>9604</v>
      </c>
      <c r="B4310" s="220" t="s">
        <v>8672</v>
      </c>
      <c r="C4310" s="190" t="s">
        <v>9605</v>
      </c>
      <c r="D4310" s="190" t="s">
        <v>9606</v>
      </c>
      <c r="E4310" s="237">
        <v>2001</v>
      </c>
      <c r="F4310" s="237">
        <v>1300</v>
      </c>
      <c r="G4310" s="190" t="s">
        <v>1</v>
      </c>
      <c r="H4310" s="190">
        <v>0</v>
      </c>
      <c r="I4310" s="190">
        <v>0</v>
      </c>
      <c r="J4310" s="190">
        <v>0</v>
      </c>
      <c r="K4310" s="190">
        <v>0</v>
      </c>
      <c r="L4310" s="190">
        <v>0</v>
      </c>
      <c r="M4310" s="190">
        <v>0</v>
      </c>
      <c r="N4310" s="190">
        <v>1</v>
      </c>
      <c r="O4310" s="190">
        <v>0</v>
      </c>
      <c r="P4310" s="190">
        <v>0</v>
      </c>
      <c r="Q4310" s="190">
        <v>0</v>
      </c>
      <c r="R4310" s="190">
        <v>0</v>
      </c>
      <c r="S4310" s="190">
        <v>0</v>
      </c>
      <c r="T4310" s="190">
        <v>0</v>
      </c>
      <c r="U4310" s="99"/>
      <c r="V4310" s="99"/>
      <c r="W4310" s="99"/>
      <c r="X4310" s="99"/>
      <c r="Y4310" s="99"/>
      <c r="Z4310" s="99"/>
      <c r="AA4310" s="99"/>
      <c r="AB4310" s="99"/>
      <c r="AC4310" s="99"/>
      <c r="AD4310" s="99"/>
      <c r="AE4310" s="99"/>
      <c r="AF4310" s="99"/>
      <c r="AG4310" s="99"/>
      <c r="AH4310" s="99"/>
      <c r="AI4310" s="99"/>
      <c r="AJ4310" s="99"/>
      <c r="AK4310" s="99"/>
      <c r="AL4310" s="99"/>
      <c r="AM4310" s="99"/>
      <c r="AN4310" s="99"/>
      <c r="AO4310" s="99"/>
      <c r="AP4310" s="99"/>
      <c r="AQ4310" s="99"/>
      <c r="AR4310" s="99"/>
      <c r="AS4310" s="99"/>
      <c r="AT4310" s="99"/>
      <c r="AU4310" s="99"/>
      <c r="AV4310" s="99"/>
      <c r="AW4310" s="99"/>
      <c r="AX4310" s="99"/>
      <c r="AY4310" s="99"/>
      <c r="AZ4310" s="99"/>
      <c r="BA4310" s="99"/>
      <c r="BB4310" s="107">
        <v>45884</v>
      </c>
    </row>
    <row r="4311" spans="1:54" s="238" customFormat="1" ht="13.95" customHeight="1" x14ac:dyDescent="0.25">
      <c r="A4311" s="236" t="s">
        <v>9607</v>
      </c>
      <c r="B4311" s="220" t="s">
        <v>8672</v>
      </c>
      <c r="C4311" s="190" t="s">
        <v>9608</v>
      </c>
      <c r="D4311" s="190" t="s">
        <v>9609</v>
      </c>
      <c r="E4311" s="237">
        <v>2007</v>
      </c>
      <c r="F4311" s="237">
        <v>1300</v>
      </c>
      <c r="G4311" s="190" t="s">
        <v>1</v>
      </c>
      <c r="H4311" s="190">
        <v>0</v>
      </c>
      <c r="I4311" s="190">
        <v>0</v>
      </c>
      <c r="J4311" s="190">
        <v>1</v>
      </c>
      <c r="K4311" s="190">
        <v>0</v>
      </c>
      <c r="L4311" s="190">
        <v>1</v>
      </c>
      <c r="M4311" s="190">
        <v>1</v>
      </c>
      <c r="N4311" s="190">
        <v>0</v>
      </c>
      <c r="O4311" s="190">
        <v>0</v>
      </c>
      <c r="P4311" s="190">
        <v>0</v>
      </c>
      <c r="Q4311" s="190">
        <v>0</v>
      </c>
      <c r="R4311" s="190">
        <v>0</v>
      </c>
      <c r="S4311" s="190">
        <v>0</v>
      </c>
      <c r="T4311" s="190">
        <v>0</v>
      </c>
      <c r="U4311" s="99"/>
      <c r="V4311" s="99"/>
      <c r="W4311" s="99"/>
      <c r="X4311" s="99"/>
      <c r="Y4311" s="99"/>
      <c r="Z4311" s="99"/>
      <c r="AA4311" s="99"/>
      <c r="AB4311" s="99"/>
      <c r="AC4311" s="99"/>
      <c r="AD4311" s="99"/>
      <c r="AE4311" s="99"/>
      <c r="AF4311" s="99"/>
      <c r="AG4311" s="99"/>
      <c r="AH4311" s="99"/>
      <c r="AI4311" s="99"/>
      <c r="AJ4311" s="99"/>
      <c r="AK4311" s="99"/>
      <c r="AL4311" s="99"/>
      <c r="AM4311" s="99"/>
      <c r="AN4311" s="99"/>
      <c r="AO4311" s="99"/>
      <c r="AP4311" s="99"/>
      <c r="AQ4311" s="99"/>
      <c r="AR4311" s="99"/>
      <c r="AS4311" s="99"/>
      <c r="AT4311" s="99"/>
      <c r="AU4311" s="99"/>
      <c r="AV4311" s="99"/>
      <c r="AW4311" s="99"/>
      <c r="AX4311" s="99"/>
      <c r="AY4311" s="99"/>
      <c r="AZ4311" s="99"/>
      <c r="BA4311" s="99"/>
      <c r="BB4311" s="107">
        <v>45884</v>
      </c>
    </row>
    <row r="4312" spans="1:54" s="238" customFormat="1" ht="13.95" customHeight="1" x14ac:dyDescent="0.25">
      <c r="A4312" s="236" t="s">
        <v>9610</v>
      </c>
      <c r="B4312" s="220" t="s">
        <v>8672</v>
      </c>
      <c r="C4312" s="190" t="s">
        <v>9611</v>
      </c>
      <c r="D4312" s="190" t="s">
        <v>9612</v>
      </c>
      <c r="E4312" s="237">
        <v>1971</v>
      </c>
      <c r="F4312" s="237">
        <v>1300</v>
      </c>
      <c r="G4312" s="190" t="s">
        <v>1</v>
      </c>
      <c r="H4312" s="190">
        <v>0</v>
      </c>
      <c r="I4312" s="190">
        <v>0</v>
      </c>
      <c r="J4312" s="190">
        <v>1</v>
      </c>
      <c r="K4312" s="190">
        <v>1</v>
      </c>
      <c r="L4312" s="190">
        <v>1</v>
      </c>
      <c r="M4312" s="190">
        <v>0</v>
      </c>
      <c r="N4312" s="190">
        <v>0</v>
      </c>
      <c r="O4312" s="190">
        <v>1</v>
      </c>
      <c r="P4312" s="190">
        <v>0</v>
      </c>
      <c r="Q4312" s="190">
        <v>1</v>
      </c>
      <c r="R4312" s="190">
        <v>0</v>
      </c>
      <c r="S4312" s="190">
        <v>0</v>
      </c>
      <c r="T4312" s="190">
        <v>0</v>
      </c>
      <c r="U4312" s="99"/>
      <c r="V4312" s="99"/>
      <c r="W4312" s="99"/>
      <c r="X4312" s="99"/>
      <c r="Y4312" s="99"/>
      <c r="Z4312" s="99"/>
      <c r="AA4312" s="99"/>
      <c r="AB4312" s="99"/>
      <c r="AC4312" s="99"/>
      <c r="AD4312" s="99"/>
      <c r="AE4312" s="99"/>
      <c r="AF4312" s="99"/>
      <c r="AG4312" s="99"/>
      <c r="AH4312" s="99"/>
      <c r="AI4312" s="99"/>
      <c r="AJ4312" s="99"/>
      <c r="AK4312" s="99"/>
      <c r="AL4312" s="99"/>
      <c r="AM4312" s="99"/>
      <c r="AN4312" s="99"/>
      <c r="AO4312" s="99"/>
      <c r="AP4312" s="99"/>
      <c r="AQ4312" s="99"/>
      <c r="AR4312" s="99"/>
      <c r="AS4312" s="99"/>
      <c r="AT4312" s="99"/>
      <c r="AU4312" s="99"/>
      <c r="AV4312" s="99"/>
      <c r="AW4312" s="99"/>
      <c r="AX4312" s="99"/>
      <c r="AY4312" s="99"/>
      <c r="AZ4312" s="99"/>
      <c r="BA4312" s="99"/>
      <c r="BB4312" s="107">
        <v>45884</v>
      </c>
    </row>
    <row r="4313" spans="1:54" s="238" customFormat="1" ht="13.95" customHeight="1" x14ac:dyDescent="0.25">
      <c r="A4313" s="236" t="s">
        <v>9613</v>
      </c>
      <c r="B4313" s="220" t="s">
        <v>8672</v>
      </c>
      <c r="C4313" s="190" t="s">
        <v>9614</v>
      </c>
      <c r="D4313" s="190" t="s">
        <v>9615</v>
      </c>
      <c r="E4313" s="237">
        <v>1996</v>
      </c>
      <c r="F4313" s="237">
        <v>1300</v>
      </c>
      <c r="G4313" s="190" t="s">
        <v>1</v>
      </c>
      <c r="H4313" s="190">
        <v>0</v>
      </c>
      <c r="I4313" s="190">
        <v>0</v>
      </c>
      <c r="J4313" s="190">
        <v>1</v>
      </c>
      <c r="K4313" s="190">
        <v>1</v>
      </c>
      <c r="L4313" s="190">
        <v>1</v>
      </c>
      <c r="M4313" s="190">
        <v>1</v>
      </c>
      <c r="N4313" s="190">
        <v>0</v>
      </c>
      <c r="O4313" s="190">
        <v>1</v>
      </c>
      <c r="P4313" s="190">
        <v>1</v>
      </c>
      <c r="Q4313" s="190">
        <v>1</v>
      </c>
      <c r="R4313" s="190">
        <v>0</v>
      </c>
      <c r="S4313" s="190">
        <v>0</v>
      </c>
      <c r="T4313" s="190">
        <v>0</v>
      </c>
      <c r="U4313" s="99"/>
      <c r="V4313" s="99"/>
      <c r="W4313" s="99"/>
      <c r="X4313" s="99"/>
      <c r="Y4313" s="99"/>
      <c r="Z4313" s="99"/>
      <c r="AA4313" s="99"/>
      <c r="AB4313" s="99"/>
      <c r="AC4313" s="99"/>
      <c r="AD4313" s="99"/>
      <c r="AE4313" s="99"/>
      <c r="AF4313" s="99"/>
      <c r="AG4313" s="99"/>
      <c r="AH4313" s="99"/>
      <c r="AI4313" s="99"/>
      <c r="AJ4313" s="99"/>
      <c r="AK4313" s="99"/>
      <c r="AL4313" s="99"/>
      <c r="AM4313" s="99"/>
      <c r="AN4313" s="99"/>
      <c r="AO4313" s="99"/>
      <c r="AP4313" s="99"/>
      <c r="AQ4313" s="99"/>
      <c r="AR4313" s="99"/>
      <c r="AS4313" s="99"/>
      <c r="AT4313" s="99"/>
      <c r="AU4313" s="99"/>
      <c r="AV4313" s="99"/>
      <c r="AW4313" s="99"/>
      <c r="AX4313" s="99"/>
      <c r="AY4313" s="99"/>
      <c r="AZ4313" s="99"/>
      <c r="BA4313" s="99"/>
      <c r="BB4313" s="107">
        <v>45884</v>
      </c>
    </row>
    <row r="4314" spans="1:54" s="238" customFormat="1" ht="13.95" customHeight="1" x14ac:dyDescent="0.25">
      <c r="A4314" s="236" t="s">
        <v>9616</v>
      </c>
      <c r="B4314" s="220" t="s">
        <v>8672</v>
      </c>
      <c r="C4314" s="190" t="s">
        <v>9617</v>
      </c>
      <c r="D4314" s="190" t="s">
        <v>9618</v>
      </c>
      <c r="E4314" s="237">
        <v>1995</v>
      </c>
      <c r="F4314" s="237">
        <v>500</v>
      </c>
      <c r="G4314" s="190" t="s">
        <v>1</v>
      </c>
      <c r="H4314" s="190">
        <v>0</v>
      </c>
      <c r="I4314" s="190">
        <v>0</v>
      </c>
      <c r="J4314" s="190">
        <v>0</v>
      </c>
      <c r="K4314" s="190">
        <v>1</v>
      </c>
      <c r="L4314" s="190">
        <v>1</v>
      </c>
      <c r="M4314" s="190">
        <v>0</v>
      </c>
      <c r="N4314" s="190">
        <v>0</v>
      </c>
      <c r="O4314" s="190">
        <v>1</v>
      </c>
      <c r="P4314" s="190">
        <v>1</v>
      </c>
      <c r="Q4314" s="190">
        <v>0</v>
      </c>
      <c r="R4314" s="190">
        <v>1</v>
      </c>
      <c r="S4314" s="190">
        <v>0</v>
      </c>
      <c r="T4314" s="190">
        <v>0</v>
      </c>
      <c r="U4314" s="99"/>
      <c r="V4314" s="99"/>
      <c r="W4314" s="99"/>
      <c r="X4314" s="99"/>
      <c r="Y4314" s="99"/>
      <c r="Z4314" s="99"/>
      <c r="AA4314" s="99"/>
      <c r="AB4314" s="99"/>
      <c r="AC4314" s="99"/>
      <c r="AD4314" s="99"/>
      <c r="AE4314" s="99"/>
      <c r="AF4314" s="99"/>
      <c r="AG4314" s="99"/>
      <c r="AH4314" s="99"/>
      <c r="AI4314" s="99"/>
      <c r="AJ4314" s="99"/>
      <c r="AK4314" s="99"/>
      <c r="AL4314" s="99"/>
      <c r="AM4314" s="99"/>
      <c r="AN4314" s="99"/>
      <c r="AO4314" s="99"/>
      <c r="AP4314" s="99"/>
      <c r="AQ4314" s="99"/>
      <c r="AR4314" s="99"/>
      <c r="AS4314" s="99"/>
      <c r="AT4314" s="99"/>
      <c r="AU4314" s="99"/>
      <c r="AV4314" s="99"/>
      <c r="AW4314" s="99"/>
      <c r="AX4314" s="99"/>
      <c r="AY4314" s="99"/>
      <c r="AZ4314" s="99"/>
      <c r="BA4314" s="99"/>
      <c r="BB4314" s="107">
        <v>45884</v>
      </c>
    </row>
    <row r="4315" spans="1:54" s="238" customFormat="1" ht="13.95" customHeight="1" x14ac:dyDescent="0.25">
      <c r="A4315" s="236" t="s">
        <v>9619</v>
      </c>
      <c r="B4315" s="220" t="s">
        <v>8672</v>
      </c>
      <c r="C4315" s="190" t="s">
        <v>9620</v>
      </c>
      <c r="D4315" s="190" t="s">
        <v>9621</v>
      </c>
      <c r="E4315" s="237">
        <v>2001</v>
      </c>
      <c r="F4315" s="237">
        <v>1300</v>
      </c>
      <c r="G4315" s="190" t="s">
        <v>1</v>
      </c>
      <c r="H4315" s="190">
        <v>0</v>
      </c>
      <c r="I4315" s="190">
        <v>0</v>
      </c>
      <c r="J4315" s="190">
        <v>1</v>
      </c>
      <c r="K4315" s="190">
        <v>1</v>
      </c>
      <c r="L4315" s="190">
        <v>1</v>
      </c>
      <c r="M4315" s="190">
        <v>1</v>
      </c>
      <c r="N4315" s="190">
        <v>0</v>
      </c>
      <c r="O4315" s="190">
        <v>1</v>
      </c>
      <c r="P4315" s="190">
        <v>1</v>
      </c>
      <c r="Q4315" s="190">
        <v>0</v>
      </c>
      <c r="R4315" s="190">
        <v>1</v>
      </c>
      <c r="S4315" s="190">
        <v>0</v>
      </c>
      <c r="T4315" s="190">
        <v>0</v>
      </c>
      <c r="U4315" s="99"/>
      <c r="V4315" s="99"/>
      <c r="W4315" s="99"/>
      <c r="X4315" s="99"/>
      <c r="Y4315" s="99"/>
      <c r="Z4315" s="99"/>
      <c r="AA4315" s="99"/>
      <c r="AB4315" s="99"/>
      <c r="AC4315" s="99"/>
      <c r="AD4315" s="99"/>
      <c r="AE4315" s="99"/>
      <c r="AF4315" s="99"/>
      <c r="AG4315" s="99"/>
      <c r="AH4315" s="99"/>
      <c r="AI4315" s="99"/>
      <c r="AJ4315" s="99"/>
      <c r="AK4315" s="99"/>
      <c r="AL4315" s="99"/>
      <c r="AM4315" s="99"/>
      <c r="AN4315" s="99"/>
      <c r="AO4315" s="99"/>
      <c r="AP4315" s="99"/>
      <c r="AQ4315" s="99"/>
      <c r="AR4315" s="99"/>
      <c r="AS4315" s="99"/>
      <c r="AT4315" s="99"/>
      <c r="AU4315" s="99"/>
      <c r="AV4315" s="99"/>
      <c r="AW4315" s="99"/>
      <c r="AX4315" s="99"/>
      <c r="AY4315" s="99"/>
      <c r="AZ4315" s="99"/>
      <c r="BA4315" s="99"/>
      <c r="BB4315" s="107">
        <v>45884</v>
      </c>
    </row>
    <row r="4316" spans="1:54" s="238" customFormat="1" ht="13.95" customHeight="1" x14ac:dyDescent="0.25">
      <c r="A4316" s="236" t="s">
        <v>9622</v>
      </c>
      <c r="B4316" s="220" t="s">
        <v>8672</v>
      </c>
      <c r="C4316" s="190" t="s">
        <v>9623</v>
      </c>
      <c r="D4316" s="190" t="s">
        <v>9624</v>
      </c>
      <c r="E4316" s="237">
        <v>2008</v>
      </c>
      <c r="F4316" s="237">
        <v>1300</v>
      </c>
      <c r="G4316" s="190" t="s">
        <v>1</v>
      </c>
      <c r="H4316" s="190">
        <v>0</v>
      </c>
      <c r="I4316" s="190">
        <v>0</v>
      </c>
      <c r="J4316" s="190">
        <v>0</v>
      </c>
      <c r="K4316" s="190">
        <v>0</v>
      </c>
      <c r="L4316" s="190">
        <v>0</v>
      </c>
      <c r="M4316" s="190">
        <v>0</v>
      </c>
      <c r="N4316" s="190">
        <v>0</v>
      </c>
      <c r="O4316" s="190">
        <v>0</v>
      </c>
      <c r="P4316" s="190">
        <v>0</v>
      </c>
      <c r="Q4316" s="190">
        <v>0</v>
      </c>
      <c r="R4316" s="190">
        <v>0</v>
      </c>
      <c r="S4316" s="190">
        <v>0</v>
      </c>
      <c r="T4316" s="190">
        <v>0</v>
      </c>
      <c r="U4316" s="99"/>
      <c r="V4316" s="99"/>
      <c r="W4316" s="99"/>
      <c r="X4316" s="99"/>
      <c r="Y4316" s="99"/>
      <c r="Z4316" s="99"/>
      <c r="AA4316" s="99"/>
      <c r="AB4316" s="99"/>
      <c r="AC4316" s="99"/>
      <c r="AD4316" s="99"/>
      <c r="AE4316" s="99"/>
      <c r="AF4316" s="99"/>
      <c r="AG4316" s="99"/>
      <c r="AH4316" s="99"/>
      <c r="AI4316" s="99"/>
      <c r="AJ4316" s="99"/>
      <c r="AK4316" s="99"/>
      <c r="AL4316" s="99"/>
      <c r="AM4316" s="99"/>
      <c r="AN4316" s="99"/>
      <c r="AO4316" s="99"/>
      <c r="AP4316" s="99"/>
      <c r="AQ4316" s="99"/>
      <c r="AR4316" s="99"/>
      <c r="AS4316" s="99"/>
      <c r="AT4316" s="99"/>
      <c r="AU4316" s="99"/>
      <c r="AV4316" s="99"/>
      <c r="AW4316" s="99"/>
      <c r="AX4316" s="99"/>
      <c r="AY4316" s="99"/>
      <c r="AZ4316" s="99"/>
      <c r="BA4316" s="99"/>
      <c r="BB4316" s="107">
        <v>45884</v>
      </c>
    </row>
    <row r="4317" spans="1:54" s="238" customFormat="1" ht="13.95" customHeight="1" x14ac:dyDescent="0.25">
      <c r="A4317" s="236" t="s">
        <v>9625</v>
      </c>
      <c r="B4317" s="220" t="s">
        <v>8672</v>
      </c>
      <c r="C4317" s="190" t="s">
        <v>9626</v>
      </c>
      <c r="D4317" s="190" t="s">
        <v>9627</v>
      </c>
      <c r="E4317" s="237">
        <v>1971</v>
      </c>
      <c r="F4317" s="237">
        <v>1300</v>
      </c>
      <c r="G4317" s="190" t="s">
        <v>1</v>
      </c>
      <c r="H4317" s="190">
        <v>0</v>
      </c>
      <c r="I4317" s="190">
        <v>0</v>
      </c>
      <c r="J4317" s="190">
        <v>1</v>
      </c>
      <c r="K4317" s="190">
        <v>0</v>
      </c>
      <c r="L4317" s="190">
        <v>1</v>
      </c>
      <c r="M4317" s="190">
        <v>0</v>
      </c>
      <c r="N4317" s="190">
        <v>0</v>
      </c>
      <c r="O4317" s="190">
        <v>1</v>
      </c>
      <c r="P4317" s="190">
        <v>1</v>
      </c>
      <c r="Q4317" s="190">
        <v>0</v>
      </c>
      <c r="R4317" s="190">
        <v>1</v>
      </c>
      <c r="S4317" s="190">
        <v>1</v>
      </c>
      <c r="T4317" s="190">
        <v>0</v>
      </c>
      <c r="U4317" s="99"/>
      <c r="V4317" s="99"/>
      <c r="W4317" s="99"/>
      <c r="X4317" s="99"/>
      <c r="Y4317" s="99"/>
      <c r="Z4317" s="99"/>
      <c r="AA4317" s="99"/>
      <c r="AB4317" s="99"/>
      <c r="AC4317" s="99"/>
      <c r="AD4317" s="99"/>
      <c r="AE4317" s="99"/>
      <c r="AF4317" s="99"/>
      <c r="AG4317" s="99"/>
      <c r="AH4317" s="99"/>
      <c r="AI4317" s="99"/>
      <c r="AJ4317" s="99"/>
      <c r="AK4317" s="99"/>
      <c r="AL4317" s="99"/>
      <c r="AM4317" s="99"/>
      <c r="AN4317" s="99"/>
      <c r="AO4317" s="99"/>
      <c r="AP4317" s="99"/>
      <c r="AQ4317" s="99"/>
      <c r="AR4317" s="99"/>
      <c r="AS4317" s="99"/>
      <c r="AT4317" s="99"/>
      <c r="AU4317" s="99"/>
      <c r="AV4317" s="99"/>
      <c r="AW4317" s="99"/>
      <c r="AX4317" s="99"/>
      <c r="AY4317" s="99"/>
      <c r="AZ4317" s="99"/>
      <c r="BA4317" s="190" t="s">
        <v>8819</v>
      </c>
      <c r="BB4317" s="107">
        <v>45884</v>
      </c>
    </row>
    <row r="4318" spans="1:54" s="238" customFormat="1" ht="13.95" customHeight="1" x14ac:dyDescent="0.25">
      <c r="A4318" s="236" t="s">
        <v>9628</v>
      </c>
      <c r="B4318" s="220" t="s">
        <v>8672</v>
      </c>
      <c r="C4318" s="190" t="s">
        <v>9629</v>
      </c>
      <c r="D4318" s="190" t="s">
        <v>9630</v>
      </c>
      <c r="E4318" s="237">
        <v>2007</v>
      </c>
      <c r="F4318" s="237">
        <v>1300</v>
      </c>
      <c r="G4318" s="190" t="s">
        <v>1</v>
      </c>
      <c r="H4318" s="190">
        <v>0</v>
      </c>
      <c r="I4318" s="190">
        <v>0</v>
      </c>
      <c r="J4318" s="190">
        <v>1</v>
      </c>
      <c r="K4318" s="190">
        <v>0</v>
      </c>
      <c r="L4318" s="190">
        <v>1</v>
      </c>
      <c r="M4318" s="190">
        <v>0</v>
      </c>
      <c r="N4318" s="190">
        <v>0</v>
      </c>
      <c r="O4318" s="190">
        <v>1</v>
      </c>
      <c r="P4318" s="190">
        <v>1</v>
      </c>
      <c r="Q4318" s="190">
        <v>1</v>
      </c>
      <c r="R4318" s="190">
        <v>0</v>
      </c>
      <c r="S4318" s="190">
        <v>0</v>
      </c>
      <c r="T4318" s="190">
        <v>0</v>
      </c>
      <c r="U4318" s="99"/>
      <c r="V4318" s="99"/>
      <c r="W4318" s="99"/>
      <c r="X4318" s="99"/>
      <c r="Y4318" s="99"/>
      <c r="Z4318" s="99"/>
      <c r="AA4318" s="99"/>
      <c r="AB4318" s="99"/>
      <c r="AC4318" s="99"/>
      <c r="AD4318" s="99"/>
      <c r="AE4318" s="99"/>
      <c r="AF4318" s="99"/>
      <c r="AG4318" s="99"/>
      <c r="AH4318" s="99"/>
      <c r="AI4318" s="99"/>
      <c r="AJ4318" s="99"/>
      <c r="AK4318" s="99"/>
      <c r="AL4318" s="99"/>
      <c r="AM4318" s="99"/>
      <c r="AN4318" s="99"/>
      <c r="AO4318" s="99"/>
      <c r="AP4318" s="99"/>
      <c r="AQ4318" s="99"/>
      <c r="AR4318" s="99"/>
      <c r="AS4318" s="99"/>
      <c r="AT4318" s="99"/>
      <c r="AU4318" s="99"/>
      <c r="AV4318" s="99"/>
      <c r="AW4318" s="99"/>
      <c r="AX4318" s="99"/>
      <c r="AY4318" s="99"/>
      <c r="AZ4318" s="99"/>
      <c r="BA4318" s="99"/>
      <c r="BB4318" s="107">
        <v>45884</v>
      </c>
    </row>
    <row r="4319" spans="1:54" s="238" customFormat="1" ht="13.95" customHeight="1" x14ac:dyDescent="0.25">
      <c r="A4319" s="236" t="s">
        <v>9631</v>
      </c>
      <c r="B4319" s="220" t="s">
        <v>8672</v>
      </c>
      <c r="C4319" s="190" t="s">
        <v>9632</v>
      </c>
      <c r="D4319" s="190" t="s">
        <v>9633</v>
      </c>
      <c r="E4319" s="237">
        <v>1971</v>
      </c>
      <c r="F4319" s="237">
        <v>1300</v>
      </c>
      <c r="G4319" s="190" t="s">
        <v>1</v>
      </c>
      <c r="H4319" s="190">
        <v>0</v>
      </c>
      <c r="I4319" s="190">
        <v>0</v>
      </c>
      <c r="J4319" s="190">
        <v>1</v>
      </c>
      <c r="K4319" s="190">
        <v>1</v>
      </c>
      <c r="L4319" s="190">
        <v>1</v>
      </c>
      <c r="M4319" s="190">
        <v>0</v>
      </c>
      <c r="N4319" s="190">
        <v>0</v>
      </c>
      <c r="O4319" s="190">
        <v>0</v>
      </c>
      <c r="P4319" s="190">
        <v>1</v>
      </c>
      <c r="Q4319" s="190">
        <v>1</v>
      </c>
      <c r="R4319" s="190">
        <v>1</v>
      </c>
      <c r="S4319" s="190">
        <v>0</v>
      </c>
      <c r="T4319" s="190">
        <v>0</v>
      </c>
      <c r="U4319" s="99"/>
      <c r="V4319" s="99"/>
      <c r="W4319" s="99"/>
      <c r="X4319" s="99"/>
      <c r="Y4319" s="99"/>
      <c r="Z4319" s="99"/>
      <c r="AA4319" s="99"/>
      <c r="AB4319" s="99"/>
      <c r="AC4319" s="99"/>
      <c r="AD4319" s="99"/>
      <c r="AE4319" s="99"/>
      <c r="AF4319" s="99"/>
      <c r="AG4319" s="99"/>
      <c r="AH4319" s="99"/>
      <c r="AI4319" s="99"/>
      <c r="AJ4319" s="99"/>
      <c r="AK4319" s="99"/>
      <c r="AL4319" s="99"/>
      <c r="AM4319" s="99"/>
      <c r="AN4319" s="99"/>
      <c r="AO4319" s="99"/>
      <c r="AP4319" s="99"/>
      <c r="AQ4319" s="99"/>
      <c r="AR4319" s="99"/>
      <c r="AS4319" s="99"/>
      <c r="AT4319" s="99"/>
      <c r="AU4319" s="99"/>
      <c r="AV4319" s="99"/>
      <c r="AW4319" s="99"/>
      <c r="AX4319" s="99"/>
      <c r="AY4319" s="99"/>
      <c r="AZ4319" s="99"/>
      <c r="BA4319" s="99"/>
      <c r="BB4319" s="107">
        <v>45884</v>
      </c>
    </row>
    <row r="4320" spans="1:54" s="238" customFormat="1" ht="13.95" customHeight="1" x14ac:dyDescent="0.25">
      <c r="A4320" s="236" t="s">
        <v>9634</v>
      </c>
      <c r="B4320" s="220" t="s">
        <v>8672</v>
      </c>
      <c r="C4320" s="190" t="s">
        <v>9635</v>
      </c>
      <c r="D4320" s="190" t="s">
        <v>9636</v>
      </c>
      <c r="E4320" s="237">
        <v>2007</v>
      </c>
      <c r="F4320" s="237">
        <v>1300</v>
      </c>
      <c r="G4320" s="190" t="s">
        <v>1</v>
      </c>
      <c r="H4320" s="190">
        <v>0</v>
      </c>
      <c r="I4320" s="190">
        <v>0</v>
      </c>
      <c r="J4320" s="190">
        <v>1</v>
      </c>
      <c r="K4320" s="190">
        <v>1</v>
      </c>
      <c r="L4320" s="190">
        <v>1</v>
      </c>
      <c r="M4320" s="190">
        <v>0</v>
      </c>
      <c r="N4320" s="190">
        <v>0</v>
      </c>
      <c r="O4320" s="190">
        <v>1</v>
      </c>
      <c r="P4320" s="190">
        <v>1</v>
      </c>
      <c r="Q4320" s="190">
        <v>0</v>
      </c>
      <c r="R4320" s="190">
        <v>1</v>
      </c>
      <c r="S4320" s="190">
        <v>0</v>
      </c>
      <c r="T4320" s="190">
        <v>0</v>
      </c>
      <c r="U4320" s="99"/>
      <c r="V4320" s="99"/>
      <c r="W4320" s="99"/>
      <c r="X4320" s="99"/>
      <c r="Y4320" s="99"/>
      <c r="Z4320" s="99"/>
      <c r="AA4320" s="99"/>
      <c r="AB4320" s="99"/>
      <c r="AC4320" s="99"/>
      <c r="AD4320" s="99"/>
      <c r="AE4320" s="99"/>
      <c r="AF4320" s="99"/>
      <c r="AG4320" s="99"/>
      <c r="AH4320" s="99"/>
      <c r="AI4320" s="99"/>
      <c r="AJ4320" s="99"/>
      <c r="AK4320" s="99"/>
      <c r="AL4320" s="99"/>
      <c r="AM4320" s="99"/>
      <c r="AN4320" s="99"/>
      <c r="AO4320" s="99"/>
      <c r="AP4320" s="99"/>
      <c r="AQ4320" s="99"/>
      <c r="AR4320" s="99"/>
      <c r="AS4320" s="99"/>
      <c r="AT4320" s="99"/>
      <c r="AU4320" s="99"/>
      <c r="AV4320" s="99"/>
      <c r="AW4320" s="99"/>
      <c r="AX4320" s="99"/>
      <c r="AY4320" s="99"/>
      <c r="AZ4320" s="99"/>
      <c r="BA4320" s="99"/>
      <c r="BB4320" s="107">
        <v>45884</v>
      </c>
    </row>
    <row r="4321" spans="1:54" s="238" customFormat="1" ht="13.95" customHeight="1" x14ac:dyDescent="0.25">
      <c r="A4321" s="236" t="s">
        <v>9637</v>
      </c>
      <c r="B4321" s="220" t="s">
        <v>8672</v>
      </c>
      <c r="C4321" s="190" t="s">
        <v>9638</v>
      </c>
      <c r="D4321" s="190" t="s">
        <v>8874</v>
      </c>
      <c r="E4321" s="237">
        <v>1984</v>
      </c>
      <c r="F4321" s="237">
        <v>1400</v>
      </c>
      <c r="G4321" s="190" t="s">
        <v>1</v>
      </c>
      <c r="H4321" s="190">
        <v>0</v>
      </c>
      <c r="I4321" s="190">
        <v>0</v>
      </c>
      <c r="J4321" s="190">
        <v>1</v>
      </c>
      <c r="K4321" s="190">
        <v>1</v>
      </c>
      <c r="L4321" s="190">
        <v>1</v>
      </c>
      <c r="M4321" s="190">
        <v>0</v>
      </c>
      <c r="N4321" s="190">
        <v>0</v>
      </c>
      <c r="O4321" s="190">
        <v>1</v>
      </c>
      <c r="P4321" s="190">
        <v>1</v>
      </c>
      <c r="Q4321" s="190">
        <v>0</v>
      </c>
      <c r="R4321" s="190">
        <v>1</v>
      </c>
      <c r="S4321" s="190">
        <v>0</v>
      </c>
      <c r="T4321" s="190">
        <v>0</v>
      </c>
      <c r="U4321" s="99"/>
      <c r="V4321" s="99"/>
      <c r="W4321" s="99"/>
      <c r="X4321" s="99"/>
      <c r="Y4321" s="99"/>
      <c r="Z4321" s="99"/>
      <c r="AA4321" s="99"/>
      <c r="AB4321" s="99"/>
      <c r="AC4321" s="99"/>
      <c r="AD4321" s="99"/>
      <c r="AE4321" s="99"/>
      <c r="AF4321" s="99"/>
      <c r="AG4321" s="99"/>
      <c r="AH4321" s="99"/>
      <c r="AI4321" s="99"/>
      <c r="AJ4321" s="99"/>
      <c r="AK4321" s="99"/>
      <c r="AL4321" s="99"/>
      <c r="AM4321" s="99"/>
      <c r="AN4321" s="99"/>
      <c r="AO4321" s="99"/>
      <c r="AP4321" s="99"/>
      <c r="AQ4321" s="99"/>
      <c r="AR4321" s="99"/>
      <c r="AS4321" s="99"/>
      <c r="AT4321" s="99"/>
      <c r="AU4321" s="99"/>
      <c r="AV4321" s="99"/>
      <c r="AW4321" s="99"/>
      <c r="AX4321" s="99"/>
      <c r="AY4321" s="99"/>
      <c r="AZ4321" s="99"/>
      <c r="BA4321" s="99"/>
      <c r="BB4321" s="107">
        <v>45884</v>
      </c>
    </row>
    <row r="4322" spans="1:54" s="238" customFormat="1" ht="13.95" customHeight="1" x14ac:dyDescent="0.25">
      <c r="A4322" s="236" t="s">
        <v>9639</v>
      </c>
      <c r="B4322" s="220" t="s">
        <v>8672</v>
      </c>
      <c r="C4322" s="190" t="s">
        <v>9640</v>
      </c>
      <c r="D4322" s="190" t="s">
        <v>9641</v>
      </c>
      <c r="E4322" s="237">
        <v>2005</v>
      </c>
      <c r="F4322" s="237">
        <v>1400</v>
      </c>
      <c r="G4322" s="190" t="s">
        <v>1</v>
      </c>
      <c r="H4322" s="190">
        <v>0</v>
      </c>
      <c r="I4322" s="190">
        <v>0</v>
      </c>
      <c r="J4322" s="190">
        <v>0</v>
      </c>
      <c r="K4322" s="190">
        <v>1</v>
      </c>
      <c r="L4322" s="190">
        <v>0</v>
      </c>
      <c r="M4322" s="190">
        <v>0</v>
      </c>
      <c r="N4322" s="190">
        <v>0</v>
      </c>
      <c r="O4322" s="190">
        <v>0</v>
      </c>
      <c r="P4322" s="190">
        <v>0</v>
      </c>
      <c r="Q4322" s="190">
        <v>0</v>
      </c>
      <c r="R4322" s="190">
        <v>0</v>
      </c>
      <c r="S4322" s="190">
        <v>0</v>
      </c>
      <c r="T4322" s="190">
        <v>0</v>
      </c>
      <c r="U4322" s="99"/>
      <c r="V4322" s="99"/>
      <c r="W4322" s="99"/>
      <c r="X4322" s="99"/>
      <c r="Y4322" s="99"/>
      <c r="Z4322" s="99"/>
      <c r="AA4322" s="99"/>
      <c r="AB4322" s="99"/>
      <c r="AC4322" s="99"/>
      <c r="AD4322" s="99"/>
      <c r="AE4322" s="99"/>
      <c r="AF4322" s="99"/>
      <c r="AG4322" s="99"/>
      <c r="AH4322" s="99"/>
      <c r="AI4322" s="99"/>
      <c r="AJ4322" s="99"/>
      <c r="AK4322" s="99"/>
      <c r="AL4322" s="99"/>
      <c r="AM4322" s="99"/>
      <c r="AN4322" s="99"/>
      <c r="AO4322" s="99"/>
      <c r="AP4322" s="99"/>
      <c r="AQ4322" s="99"/>
      <c r="AR4322" s="99"/>
      <c r="AS4322" s="99"/>
      <c r="AT4322" s="99"/>
      <c r="AU4322" s="99"/>
      <c r="AV4322" s="99"/>
      <c r="AW4322" s="99"/>
      <c r="AX4322" s="99"/>
      <c r="AY4322" s="99"/>
      <c r="AZ4322" s="99"/>
      <c r="BA4322" s="99"/>
      <c r="BB4322" s="107">
        <v>45884</v>
      </c>
    </row>
    <row r="4323" spans="1:54" s="238" customFormat="1" ht="13.95" customHeight="1" x14ac:dyDescent="0.25">
      <c r="A4323" s="236" t="s">
        <v>9642</v>
      </c>
      <c r="B4323" s="220" t="s">
        <v>8672</v>
      </c>
      <c r="C4323" s="190" t="s">
        <v>9643</v>
      </c>
      <c r="D4323" s="190" t="s">
        <v>9644</v>
      </c>
      <c r="E4323" s="237">
        <v>1993</v>
      </c>
      <c r="F4323" s="237">
        <v>1400</v>
      </c>
      <c r="G4323" s="190" t="s">
        <v>1</v>
      </c>
      <c r="H4323" s="190">
        <v>0</v>
      </c>
      <c r="I4323" s="190">
        <v>0</v>
      </c>
      <c r="J4323" s="190">
        <v>1</v>
      </c>
      <c r="K4323" s="190">
        <v>0</v>
      </c>
      <c r="L4323" s="190">
        <v>0</v>
      </c>
      <c r="M4323" s="190">
        <v>0</v>
      </c>
      <c r="N4323" s="190">
        <v>0</v>
      </c>
      <c r="O4323" s="190">
        <v>0</v>
      </c>
      <c r="P4323" s="190">
        <v>0</v>
      </c>
      <c r="Q4323" s="190">
        <v>0</v>
      </c>
      <c r="R4323" s="190">
        <v>0</v>
      </c>
      <c r="S4323" s="190">
        <v>0</v>
      </c>
      <c r="T4323" s="190">
        <v>0</v>
      </c>
      <c r="U4323" s="99"/>
      <c r="V4323" s="99"/>
      <c r="W4323" s="99"/>
      <c r="X4323" s="99"/>
      <c r="Y4323" s="99"/>
      <c r="Z4323" s="99"/>
      <c r="AA4323" s="99"/>
      <c r="AB4323" s="99"/>
      <c r="AC4323" s="99"/>
      <c r="AD4323" s="99"/>
      <c r="AE4323" s="99"/>
      <c r="AF4323" s="99"/>
      <c r="AG4323" s="99"/>
      <c r="AH4323" s="99"/>
      <c r="AI4323" s="99"/>
      <c r="AJ4323" s="99"/>
      <c r="AK4323" s="99"/>
      <c r="AL4323" s="99"/>
      <c r="AM4323" s="99"/>
      <c r="AN4323" s="99"/>
      <c r="AO4323" s="99"/>
      <c r="AP4323" s="99"/>
      <c r="AQ4323" s="99"/>
      <c r="AR4323" s="99"/>
      <c r="AS4323" s="99"/>
      <c r="AT4323" s="99"/>
      <c r="AU4323" s="99"/>
      <c r="AV4323" s="99"/>
      <c r="AW4323" s="99"/>
      <c r="AX4323" s="99"/>
      <c r="AY4323" s="99"/>
      <c r="AZ4323" s="99"/>
      <c r="BA4323" s="99"/>
      <c r="BB4323" s="107">
        <v>45884</v>
      </c>
    </row>
    <row r="4324" spans="1:54" s="238" customFormat="1" ht="13.95" customHeight="1" x14ac:dyDescent="0.25">
      <c r="A4324" s="236" t="s">
        <v>9645</v>
      </c>
      <c r="B4324" s="220" t="s">
        <v>8672</v>
      </c>
      <c r="C4324" s="190" t="s">
        <v>9646</v>
      </c>
      <c r="D4324" s="190" t="s">
        <v>9647</v>
      </c>
      <c r="E4324" s="237">
        <v>1974</v>
      </c>
      <c r="F4324" s="237">
        <v>1400</v>
      </c>
      <c r="G4324" s="190" t="s">
        <v>1</v>
      </c>
      <c r="H4324" s="190">
        <v>0</v>
      </c>
      <c r="I4324" s="190">
        <v>0</v>
      </c>
      <c r="J4324" s="190">
        <v>1</v>
      </c>
      <c r="K4324" s="190">
        <v>0</v>
      </c>
      <c r="L4324" s="190">
        <v>1</v>
      </c>
      <c r="M4324" s="190">
        <v>0</v>
      </c>
      <c r="N4324" s="190">
        <v>0</v>
      </c>
      <c r="O4324" s="190">
        <v>1</v>
      </c>
      <c r="P4324" s="190">
        <v>1</v>
      </c>
      <c r="Q4324" s="190">
        <v>0</v>
      </c>
      <c r="R4324" s="190">
        <v>1</v>
      </c>
      <c r="S4324" s="190">
        <v>0</v>
      </c>
      <c r="T4324" s="190">
        <v>0</v>
      </c>
      <c r="U4324" s="99"/>
      <c r="V4324" s="99"/>
      <c r="W4324" s="99"/>
      <c r="X4324" s="99"/>
      <c r="Y4324" s="99"/>
      <c r="Z4324" s="99"/>
      <c r="AA4324" s="99"/>
      <c r="AB4324" s="99"/>
      <c r="AC4324" s="99"/>
      <c r="AD4324" s="99"/>
      <c r="AE4324" s="99"/>
      <c r="AF4324" s="99"/>
      <c r="AG4324" s="99"/>
      <c r="AH4324" s="99"/>
      <c r="AI4324" s="99"/>
      <c r="AJ4324" s="99"/>
      <c r="AK4324" s="99"/>
      <c r="AL4324" s="99"/>
      <c r="AM4324" s="99"/>
      <c r="AN4324" s="99"/>
      <c r="AO4324" s="99"/>
      <c r="AP4324" s="99"/>
      <c r="AQ4324" s="99"/>
      <c r="AR4324" s="99"/>
      <c r="AS4324" s="99"/>
      <c r="AT4324" s="99"/>
      <c r="AU4324" s="99"/>
      <c r="AV4324" s="99"/>
      <c r="AW4324" s="99"/>
      <c r="AX4324" s="99"/>
      <c r="AY4324" s="99"/>
      <c r="AZ4324" s="99"/>
      <c r="BA4324" s="99"/>
      <c r="BB4324" s="107">
        <v>45884</v>
      </c>
    </row>
    <row r="4325" spans="1:54" s="238" customFormat="1" ht="13.95" customHeight="1" x14ac:dyDescent="0.25">
      <c r="A4325" s="236" t="s">
        <v>9648</v>
      </c>
      <c r="B4325" s="220" t="s">
        <v>8672</v>
      </c>
      <c r="C4325" s="190" t="s">
        <v>9649</v>
      </c>
      <c r="D4325" s="190" t="s">
        <v>9650</v>
      </c>
      <c r="E4325" s="237">
        <v>2007</v>
      </c>
      <c r="F4325" s="237">
        <v>1400</v>
      </c>
      <c r="G4325" s="190" t="s">
        <v>1</v>
      </c>
      <c r="H4325" s="190">
        <v>0</v>
      </c>
      <c r="I4325" s="190">
        <v>0</v>
      </c>
      <c r="J4325" s="190">
        <v>1</v>
      </c>
      <c r="K4325" s="190">
        <v>0</v>
      </c>
      <c r="L4325" s="190">
        <v>1</v>
      </c>
      <c r="M4325" s="190">
        <v>0</v>
      </c>
      <c r="N4325" s="190">
        <v>0</v>
      </c>
      <c r="O4325" s="190">
        <v>1</v>
      </c>
      <c r="P4325" s="190">
        <v>1</v>
      </c>
      <c r="Q4325" s="190">
        <v>0</v>
      </c>
      <c r="R4325" s="190">
        <v>1</v>
      </c>
      <c r="S4325" s="190">
        <v>0</v>
      </c>
      <c r="T4325" s="190">
        <v>0</v>
      </c>
      <c r="U4325" s="99"/>
      <c r="V4325" s="99"/>
      <c r="W4325" s="99"/>
      <c r="X4325" s="99"/>
      <c r="Y4325" s="99"/>
      <c r="Z4325" s="99"/>
      <c r="AA4325" s="99"/>
      <c r="AB4325" s="99"/>
      <c r="AC4325" s="99"/>
      <c r="AD4325" s="99"/>
      <c r="AE4325" s="99"/>
      <c r="AF4325" s="99"/>
      <c r="AG4325" s="99"/>
      <c r="AH4325" s="99"/>
      <c r="AI4325" s="99"/>
      <c r="AJ4325" s="99"/>
      <c r="AK4325" s="99"/>
      <c r="AL4325" s="99"/>
      <c r="AM4325" s="99"/>
      <c r="AN4325" s="99"/>
      <c r="AO4325" s="99"/>
      <c r="AP4325" s="99"/>
      <c r="AQ4325" s="99"/>
      <c r="AR4325" s="99"/>
      <c r="AS4325" s="99"/>
      <c r="AT4325" s="99"/>
      <c r="AU4325" s="99"/>
      <c r="AV4325" s="99"/>
      <c r="AW4325" s="99"/>
      <c r="AX4325" s="99"/>
      <c r="AY4325" s="99"/>
      <c r="AZ4325" s="99"/>
      <c r="BA4325" s="99"/>
      <c r="BB4325" s="107">
        <v>45884</v>
      </c>
    </row>
    <row r="4326" spans="1:54" s="238" customFormat="1" ht="13.95" customHeight="1" x14ac:dyDescent="0.25">
      <c r="A4326" s="236" t="s">
        <v>9651</v>
      </c>
      <c r="B4326" s="220" t="s">
        <v>8672</v>
      </c>
      <c r="C4326" s="190" t="s">
        <v>9652</v>
      </c>
      <c r="D4326" s="190" t="s">
        <v>9653</v>
      </c>
      <c r="E4326" s="237">
        <v>1994</v>
      </c>
      <c r="F4326" s="237">
        <v>1400</v>
      </c>
      <c r="G4326" s="190" t="s">
        <v>1</v>
      </c>
      <c r="H4326" s="190">
        <v>0</v>
      </c>
      <c r="I4326" s="190">
        <v>0</v>
      </c>
      <c r="J4326" s="190">
        <v>1</v>
      </c>
      <c r="K4326" s="190">
        <v>1</v>
      </c>
      <c r="L4326" s="190">
        <v>1</v>
      </c>
      <c r="M4326" s="190">
        <v>1</v>
      </c>
      <c r="N4326" s="190">
        <v>0</v>
      </c>
      <c r="O4326" s="190">
        <v>1</v>
      </c>
      <c r="P4326" s="190">
        <v>1</v>
      </c>
      <c r="Q4326" s="190">
        <v>0</v>
      </c>
      <c r="R4326" s="190">
        <v>0</v>
      </c>
      <c r="S4326" s="190">
        <v>0</v>
      </c>
      <c r="T4326" s="190">
        <v>0</v>
      </c>
      <c r="U4326" s="99"/>
      <c r="V4326" s="99"/>
      <c r="W4326" s="99"/>
      <c r="X4326" s="99"/>
      <c r="Y4326" s="99"/>
      <c r="Z4326" s="99"/>
      <c r="AA4326" s="99"/>
      <c r="AB4326" s="99"/>
      <c r="AC4326" s="99"/>
      <c r="AD4326" s="99"/>
      <c r="AE4326" s="99"/>
      <c r="AF4326" s="99"/>
      <c r="AG4326" s="99"/>
      <c r="AH4326" s="99"/>
      <c r="AI4326" s="99"/>
      <c r="AJ4326" s="99"/>
      <c r="AK4326" s="99"/>
      <c r="AL4326" s="99"/>
      <c r="AM4326" s="99"/>
      <c r="AN4326" s="99"/>
      <c r="AO4326" s="99"/>
      <c r="AP4326" s="99"/>
      <c r="AQ4326" s="99"/>
      <c r="AR4326" s="99"/>
      <c r="AS4326" s="99"/>
      <c r="AT4326" s="99"/>
      <c r="AU4326" s="99"/>
      <c r="AV4326" s="99"/>
      <c r="AW4326" s="99"/>
      <c r="AX4326" s="99"/>
      <c r="AY4326" s="99"/>
      <c r="AZ4326" s="99"/>
      <c r="BA4326" s="99"/>
      <c r="BB4326" s="107">
        <v>45884</v>
      </c>
    </row>
    <row r="4327" spans="1:54" s="238" customFormat="1" ht="13.95" customHeight="1" x14ac:dyDescent="0.25">
      <c r="A4327" s="236" t="s">
        <v>9654</v>
      </c>
      <c r="B4327" s="220" t="s">
        <v>8672</v>
      </c>
      <c r="C4327" s="190" t="s">
        <v>9655</v>
      </c>
      <c r="D4327" s="190" t="s">
        <v>9656</v>
      </c>
      <c r="E4327" s="237">
        <v>1970</v>
      </c>
      <c r="F4327" s="237">
        <v>1400</v>
      </c>
      <c r="G4327" s="190" t="s">
        <v>1</v>
      </c>
      <c r="H4327" s="190">
        <v>1</v>
      </c>
      <c r="I4327" s="190">
        <v>0</v>
      </c>
      <c r="J4327" s="190">
        <v>1</v>
      </c>
      <c r="K4327" s="190">
        <v>1</v>
      </c>
      <c r="L4327" s="190">
        <v>1</v>
      </c>
      <c r="M4327" s="190">
        <v>0</v>
      </c>
      <c r="N4327" s="190">
        <v>0</v>
      </c>
      <c r="O4327" s="190">
        <v>1</v>
      </c>
      <c r="P4327" s="190">
        <v>1</v>
      </c>
      <c r="Q4327" s="190">
        <v>1</v>
      </c>
      <c r="R4327" s="190">
        <v>1</v>
      </c>
      <c r="S4327" s="190">
        <v>0</v>
      </c>
      <c r="T4327" s="190">
        <v>0</v>
      </c>
      <c r="U4327" s="99"/>
      <c r="V4327" s="99"/>
      <c r="W4327" s="99"/>
      <c r="X4327" s="99"/>
      <c r="Y4327" s="99"/>
      <c r="Z4327" s="99"/>
      <c r="AA4327" s="99"/>
      <c r="AB4327" s="99"/>
      <c r="AC4327" s="99"/>
      <c r="AD4327" s="99"/>
      <c r="AE4327" s="99"/>
      <c r="AF4327" s="99"/>
      <c r="AG4327" s="99"/>
      <c r="AH4327" s="99"/>
      <c r="AI4327" s="99"/>
      <c r="AJ4327" s="99"/>
      <c r="AK4327" s="99"/>
      <c r="AL4327" s="99"/>
      <c r="AM4327" s="99"/>
      <c r="AN4327" s="99"/>
      <c r="AO4327" s="99"/>
      <c r="AP4327" s="99"/>
      <c r="AQ4327" s="99"/>
      <c r="AR4327" s="99"/>
      <c r="AS4327" s="99"/>
      <c r="AT4327" s="99"/>
      <c r="AU4327" s="99"/>
      <c r="AV4327" s="99"/>
      <c r="AW4327" s="99"/>
      <c r="AX4327" s="99"/>
      <c r="AY4327" s="99"/>
      <c r="AZ4327" s="99"/>
      <c r="BA4327" s="99"/>
      <c r="BB4327" s="107">
        <v>45884</v>
      </c>
    </row>
    <row r="4328" spans="1:54" s="238" customFormat="1" ht="13.95" customHeight="1" x14ac:dyDescent="0.25">
      <c r="A4328" s="236" t="s">
        <v>9657</v>
      </c>
      <c r="B4328" s="220" t="s">
        <v>8672</v>
      </c>
      <c r="C4328" s="190" t="s">
        <v>9658</v>
      </c>
      <c r="D4328" s="190" t="s">
        <v>9659</v>
      </c>
      <c r="E4328" s="237">
        <v>2007</v>
      </c>
      <c r="F4328" s="237">
        <v>1500</v>
      </c>
      <c r="G4328" s="190" t="s">
        <v>1</v>
      </c>
      <c r="H4328" s="190">
        <v>0</v>
      </c>
      <c r="I4328" s="190">
        <v>0</v>
      </c>
      <c r="J4328" s="190">
        <v>1</v>
      </c>
      <c r="K4328" s="190">
        <v>0</v>
      </c>
      <c r="L4328" s="190">
        <v>1</v>
      </c>
      <c r="M4328" s="190">
        <v>0</v>
      </c>
      <c r="N4328" s="190">
        <v>0</v>
      </c>
      <c r="O4328" s="190">
        <v>1</v>
      </c>
      <c r="P4328" s="190">
        <v>1</v>
      </c>
      <c r="Q4328" s="190">
        <v>0</v>
      </c>
      <c r="R4328" s="190">
        <v>1</v>
      </c>
      <c r="S4328" s="190">
        <v>0</v>
      </c>
      <c r="T4328" s="190">
        <v>0</v>
      </c>
      <c r="U4328" s="99"/>
      <c r="V4328" s="99"/>
      <c r="W4328" s="99"/>
      <c r="X4328" s="99"/>
      <c r="Y4328" s="99"/>
      <c r="Z4328" s="99"/>
      <c r="AA4328" s="99"/>
      <c r="AB4328" s="99"/>
      <c r="AC4328" s="99"/>
      <c r="AD4328" s="99"/>
      <c r="AE4328" s="99"/>
      <c r="AF4328" s="99"/>
      <c r="AG4328" s="99"/>
      <c r="AH4328" s="99"/>
      <c r="AI4328" s="99"/>
      <c r="AJ4328" s="99"/>
      <c r="AK4328" s="99"/>
      <c r="AL4328" s="99"/>
      <c r="AM4328" s="99"/>
      <c r="AN4328" s="99"/>
      <c r="AO4328" s="99"/>
      <c r="AP4328" s="99"/>
      <c r="AQ4328" s="99"/>
      <c r="AR4328" s="99"/>
      <c r="AS4328" s="99"/>
      <c r="AT4328" s="99"/>
      <c r="AU4328" s="99"/>
      <c r="AV4328" s="99"/>
      <c r="AW4328" s="99"/>
      <c r="AX4328" s="99"/>
      <c r="AY4328" s="99"/>
      <c r="AZ4328" s="99"/>
      <c r="BA4328" s="99"/>
      <c r="BB4328" s="107">
        <v>45884</v>
      </c>
    </row>
    <row r="4329" spans="1:54" s="238" customFormat="1" ht="13.95" customHeight="1" x14ac:dyDescent="0.25">
      <c r="A4329" s="236" t="s">
        <v>9660</v>
      </c>
      <c r="B4329" s="220" t="s">
        <v>8672</v>
      </c>
      <c r="C4329" s="190" t="s">
        <v>9661</v>
      </c>
      <c r="D4329" s="190" t="s">
        <v>9662</v>
      </c>
      <c r="E4329" s="237">
        <v>2007</v>
      </c>
      <c r="F4329" s="237">
        <v>1500</v>
      </c>
      <c r="G4329" s="190" t="s">
        <v>1</v>
      </c>
      <c r="H4329" s="190">
        <v>0</v>
      </c>
      <c r="I4329" s="190">
        <v>0</v>
      </c>
      <c r="J4329" s="190">
        <v>1</v>
      </c>
      <c r="K4329" s="190">
        <v>0</v>
      </c>
      <c r="L4329" s="190">
        <v>0</v>
      </c>
      <c r="M4329" s="190">
        <v>0</v>
      </c>
      <c r="N4329" s="190">
        <v>0</v>
      </c>
      <c r="O4329" s="190">
        <v>0</v>
      </c>
      <c r="P4329" s="190">
        <v>0</v>
      </c>
      <c r="Q4329" s="190">
        <v>0</v>
      </c>
      <c r="R4329" s="190">
        <v>0</v>
      </c>
      <c r="S4329" s="190">
        <v>0</v>
      </c>
      <c r="T4329" s="190">
        <v>0</v>
      </c>
      <c r="U4329" s="99"/>
      <c r="V4329" s="99"/>
      <c r="W4329" s="99"/>
      <c r="X4329" s="99"/>
      <c r="Y4329" s="99"/>
      <c r="Z4329" s="99"/>
      <c r="AA4329" s="99"/>
      <c r="AB4329" s="99"/>
      <c r="AC4329" s="99"/>
      <c r="AD4329" s="99"/>
      <c r="AE4329" s="99"/>
      <c r="AF4329" s="99"/>
      <c r="AG4329" s="99"/>
      <c r="AH4329" s="99"/>
      <c r="AI4329" s="99"/>
      <c r="AJ4329" s="99"/>
      <c r="AK4329" s="99"/>
      <c r="AL4329" s="99"/>
      <c r="AM4329" s="99"/>
      <c r="AN4329" s="99"/>
      <c r="AO4329" s="99"/>
      <c r="AP4329" s="99"/>
      <c r="AQ4329" s="99"/>
      <c r="AR4329" s="99"/>
      <c r="AS4329" s="99"/>
      <c r="AT4329" s="99"/>
      <c r="AU4329" s="99"/>
      <c r="AV4329" s="99"/>
      <c r="AW4329" s="99"/>
      <c r="AX4329" s="99"/>
      <c r="AY4329" s="99"/>
      <c r="AZ4329" s="99"/>
      <c r="BA4329" s="99"/>
      <c r="BB4329" s="107">
        <v>45884</v>
      </c>
    </row>
    <row r="4330" spans="1:54" s="238" customFormat="1" ht="13.95" customHeight="1" x14ac:dyDescent="0.25">
      <c r="A4330" s="236" t="s">
        <v>9663</v>
      </c>
      <c r="B4330" s="220" t="s">
        <v>8672</v>
      </c>
      <c r="C4330" s="190" t="s">
        <v>9664</v>
      </c>
      <c r="D4330" s="190" t="s">
        <v>9665</v>
      </c>
      <c r="E4330" s="237">
        <v>2002</v>
      </c>
      <c r="F4330" s="237">
        <v>1500</v>
      </c>
      <c r="G4330" s="190" t="s">
        <v>1</v>
      </c>
      <c r="H4330" s="190">
        <v>0</v>
      </c>
      <c r="I4330" s="190">
        <v>0</v>
      </c>
      <c r="J4330" s="190">
        <v>1</v>
      </c>
      <c r="K4330" s="190">
        <v>0</v>
      </c>
      <c r="L4330" s="190">
        <v>1</v>
      </c>
      <c r="M4330" s="190">
        <v>1</v>
      </c>
      <c r="N4330" s="190">
        <v>0</v>
      </c>
      <c r="O4330" s="190">
        <v>0</v>
      </c>
      <c r="P4330" s="190">
        <v>0</v>
      </c>
      <c r="Q4330" s="190">
        <v>0</v>
      </c>
      <c r="R4330" s="190">
        <v>0</v>
      </c>
      <c r="S4330" s="190">
        <v>1</v>
      </c>
      <c r="T4330" s="190">
        <v>0</v>
      </c>
      <c r="U4330" s="99"/>
      <c r="V4330" s="99"/>
      <c r="W4330" s="99"/>
      <c r="X4330" s="99"/>
      <c r="Y4330" s="99"/>
      <c r="Z4330" s="99"/>
      <c r="AA4330" s="99"/>
      <c r="AB4330" s="99"/>
      <c r="AC4330" s="99"/>
      <c r="AD4330" s="99"/>
      <c r="AE4330" s="99"/>
      <c r="AF4330" s="99"/>
      <c r="AG4330" s="99"/>
      <c r="AH4330" s="99"/>
      <c r="AI4330" s="99"/>
      <c r="AJ4330" s="99"/>
      <c r="AK4330" s="99"/>
      <c r="AL4330" s="99"/>
      <c r="AM4330" s="99"/>
      <c r="AN4330" s="99"/>
      <c r="AO4330" s="99"/>
      <c r="AP4330" s="99"/>
      <c r="AQ4330" s="99"/>
      <c r="AR4330" s="99"/>
      <c r="AS4330" s="99"/>
      <c r="AT4330" s="99"/>
      <c r="AU4330" s="99"/>
      <c r="AV4330" s="99"/>
      <c r="AW4330" s="99"/>
      <c r="AX4330" s="99"/>
      <c r="AY4330" s="99"/>
      <c r="AZ4330" s="99"/>
      <c r="BA4330" s="99"/>
      <c r="BB4330" s="107">
        <v>45884</v>
      </c>
    </row>
    <row r="4331" spans="1:54" s="238" customFormat="1" ht="13.95" customHeight="1" x14ac:dyDescent="0.25">
      <c r="A4331" s="236" t="s">
        <v>9666</v>
      </c>
      <c r="B4331" s="220" t="s">
        <v>8672</v>
      </c>
      <c r="C4331" s="190" t="s">
        <v>9667</v>
      </c>
      <c r="D4331" s="190" t="s">
        <v>9668</v>
      </c>
      <c r="E4331" s="237">
        <v>2007</v>
      </c>
      <c r="F4331" s="237">
        <v>1500</v>
      </c>
      <c r="G4331" s="190" t="s">
        <v>1</v>
      </c>
      <c r="H4331" s="190">
        <v>0</v>
      </c>
      <c r="I4331" s="190">
        <v>0</v>
      </c>
      <c r="J4331" s="190">
        <v>1</v>
      </c>
      <c r="K4331" s="190">
        <v>0</v>
      </c>
      <c r="L4331" s="190">
        <v>0</v>
      </c>
      <c r="M4331" s="190">
        <v>0</v>
      </c>
      <c r="N4331" s="190">
        <v>0</v>
      </c>
      <c r="O4331" s="190">
        <v>0</v>
      </c>
      <c r="P4331" s="190">
        <v>0</v>
      </c>
      <c r="Q4331" s="190">
        <v>0</v>
      </c>
      <c r="R4331" s="190">
        <v>0</v>
      </c>
      <c r="S4331" s="190">
        <v>0</v>
      </c>
      <c r="T4331" s="190">
        <v>0</v>
      </c>
      <c r="U4331" s="99"/>
      <c r="V4331" s="99"/>
      <c r="W4331" s="99"/>
      <c r="X4331" s="99"/>
      <c r="Y4331" s="99"/>
      <c r="Z4331" s="99"/>
      <c r="AA4331" s="99"/>
      <c r="AB4331" s="99"/>
      <c r="AC4331" s="99"/>
      <c r="AD4331" s="99"/>
      <c r="AE4331" s="99"/>
      <c r="AF4331" s="99"/>
      <c r="AG4331" s="99"/>
      <c r="AH4331" s="99"/>
      <c r="AI4331" s="99"/>
      <c r="AJ4331" s="99"/>
      <c r="AK4331" s="99"/>
      <c r="AL4331" s="99"/>
      <c r="AM4331" s="99"/>
      <c r="AN4331" s="99"/>
      <c r="AO4331" s="99"/>
      <c r="AP4331" s="99"/>
      <c r="AQ4331" s="99"/>
      <c r="AR4331" s="99"/>
      <c r="AS4331" s="99"/>
      <c r="AT4331" s="99"/>
      <c r="AU4331" s="99"/>
      <c r="AV4331" s="99"/>
      <c r="AW4331" s="99"/>
      <c r="AX4331" s="99"/>
      <c r="AY4331" s="99"/>
      <c r="AZ4331" s="99"/>
      <c r="BA4331" s="99"/>
      <c r="BB4331" s="107">
        <v>45884</v>
      </c>
    </row>
    <row r="4332" spans="1:54" s="238" customFormat="1" ht="13.95" customHeight="1" x14ac:dyDescent="0.25">
      <c r="A4332" s="236" t="s">
        <v>9669</v>
      </c>
      <c r="B4332" s="220" t="s">
        <v>8672</v>
      </c>
      <c r="C4332" s="190" t="s">
        <v>9670</v>
      </c>
      <c r="D4332" s="190" t="s">
        <v>9671</v>
      </c>
      <c r="E4332" s="237">
        <v>1986</v>
      </c>
      <c r="F4332" s="237">
        <v>1500</v>
      </c>
      <c r="G4332" s="190" t="s">
        <v>1</v>
      </c>
      <c r="H4332" s="190">
        <v>0</v>
      </c>
      <c r="I4332" s="190">
        <v>0</v>
      </c>
      <c r="J4332" s="190">
        <v>1</v>
      </c>
      <c r="K4332" s="190">
        <v>1</v>
      </c>
      <c r="L4332" s="190">
        <v>1</v>
      </c>
      <c r="M4332" s="190">
        <v>1</v>
      </c>
      <c r="N4332" s="190">
        <v>0</v>
      </c>
      <c r="O4332" s="190">
        <v>0</v>
      </c>
      <c r="P4332" s="190">
        <v>0</v>
      </c>
      <c r="Q4332" s="190">
        <v>0</v>
      </c>
      <c r="R4332" s="190">
        <v>0</v>
      </c>
      <c r="S4332" s="190">
        <v>0</v>
      </c>
      <c r="T4332" s="190">
        <v>0</v>
      </c>
      <c r="U4332" s="99"/>
      <c r="V4332" s="99"/>
      <c r="W4332" s="99"/>
      <c r="X4332" s="99"/>
      <c r="Y4332" s="99"/>
      <c r="Z4332" s="99"/>
      <c r="AA4332" s="99"/>
      <c r="AB4332" s="99"/>
      <c r="AC4332" s="99"/>
      <c r="AD4332" s="99"/>
      <c r="AE4332" s="99"/>
      <c r="AF4332" s="99"/>
      <c r="AG4332" s="99"/>
      <c r="AH4332" s="99"/>
      <c r="AI4332" s="99"/>
      <c r="AJ4332" s="99"/>
      <c r="AK4332" s="99"/>
      <c r="AL4332" s="99"/>
      <c r="AM4332" s="99"/>
      <c r="AN4332" s="99"/>
      <c r="AO4332" s="99"/>
      <c r="AP4332" s="99"/>
      <c r="AQ4332" s="99"/>
      <c r="AR4332" s="99"/>
      <c r="AS4332" s="99"/>
      <c r="AT4332" s="99"/>
      <c r="AU4332" s="99"/>
      <c r="AV4332" s="99"/>
      <c r="AW4332" s="99"/>
      <c r="AX4332" s="99"/>
      <c r="AY4332" s="99"/>
      <c r="AZ4332" s="99"/>
      <c r="BA4332" s="99"/>
      <c r="BB4332" s="107">
        <v>45884</v>
      </c>
    </row>
    <row r="4333" spans="1:54" s="238" customFormat="1" ht="13.95" customHeight="1" x14ac:dyDescent="0.25">
      <c r="A4333" s="236" t="s">
        <v>9672</v>
      </c>
      <c r="B4333" s="220" t="s">
        <v>8672</v>
      </c>
      <c r="C4333" s="190" t="s">
        <v>9673</v>
      </c>
      <c r="D4333" s="190" t="s">
        <v>9674</v>
      </c>
      <c r="E4333" s="237">
        <v>2005</v>
      </c>
      <c r="F4333" s="237">
        <v>1500</v>
      </c>
      <c r="G4333" s="190" t="s">
        <v>1</v>
      </c>
      <c r="H4333" s="190">
        <v>0</v>
      </c>
      <c r="I4333" s="190">
        <v>0</v>
      </c>
      <c r="J4333" s="190">
        <v>0</v>
      </c>
      <c r="K4333" s="190">
        <v>1</v>
      </c>
      <c r="L4333" s="190">
        <v>0</v>
      </c>
      <c r="M4333" s="190">
        <v>0</v>
      </c>
      <c r="N4333" s="190">
        <v>0</v>
      </c>
      <c r="O4333" s="190">
        <v>0</v>
      </c>
      <c r="P4333" s="190">
        <v>1</v>
      </c>
      <c r="Q4333" s="190">
        <v>0</v>
      </c>
      <c r="R4333" s="190">
        <v>0</v>
      </c>
      <c r="S4333" s="190">
        <v>0</v>
      </c>
      <c r="T4333" s="190">
        <v>0</v>
      </c>
      <c r="U4333" s="99"/>
      <c r="V4333" s="99"/>
      <c r="W4333" s="99"/>
      <c r="X4333" s="99"/>
      <c r="Y4333" s="99"/>
      <c r="Z4333" s="99"/>
      <c r="AA4333" s="99"/>
      <c r="AB4333" s="99"/>
      <c r="AC4333" s="99"/>
      <c r="AD4333" s="99"/>
      <c r="AE4333" s="99"/>
      <c r="AF4333" s="99"/>
      <c r="AG4333" s="99"/>
      <c r="AH4333" s="99"/>
      <c r="AI4333" s="99"/>
      <c r="AJ4333" s="99"/>
      <c r="AK4333" s="99"/>
      <c r="AL4333" s="99"/>
      <c r="AM4333" s="99"/>
      <c r="AN4333" s="99"/>
      <c r="AO4333" s="99"/>
      <c r="AP4333" s="99"/>
      <c r="AQ4333" s="99"/>
      <c r="AR4333" s="99"/>
      <c r="AS4333" s="99"/>
      <c r="AT4333" s="99"/>
      <c r="AU4333" s="99"/>
      <c r="AV4333" s="99"/>
      <c r="AW4333" s="99"/>
      <c r="AX4333" s="99"/>
      <c r="AY4333" s="99"/>
      <c r="AZ4333" s="99"/>
      <c r="BA4333" s="99"/>
      <c r="BB4333" s="107">
        <v>45884</v>
      </c>
    </row>
    <row r="4334" spans="1:54" s="238" customFormat="1" ht="13.95" customHeight="1" x14ac:dyDescent="0.25">
      <c r="A4334" s="236" t="s">
        <v>9675</v>
      </c>
      <c r="B4334" s="220" t="s">
        <v>8672</v>
      </c>
      <c r="C4334" s="190" t="s">
        <v>9676</v>
      </c>
      <c r="D4334" s="190" t="s">
        <v>9677</v>
      </c>
      <c r="E4334" s="237">
        <v>1998</v>
      </c>
      <c r="F4334" s="237">
        <v>1400</v>
      </c>
      <c r="G4334" s="190" t="s">
        <v>1</v>
      </c>
      <c r="H4334" s="190">
        <v>0</v>
      </c>
      <c r="I4334" s="190">
        <v>0</v>
      </c>
      <c r="J4334" s="190">
        <v>1</v>
      </c>
      <c r="K4334" s="190">
        <v>1</v>
      </c>
      <c r="L4334" s="190">
        <v>1</v>
      </c>
      <c r="M4334" s="190">
        <v>1</v>
      </c>
      <c r="N4334" s="190">
        <v>0</v>
      </c>
      <c r="O4334" s="190">
        <v>0</v>
      </c>
      <c r="P4334" s="190">
        <v>1</v>
      </c>
      <c r="Q4334" s="190">
        <v>1</v>
      </c>
      <c r="R4334" s="190">
        <v>0</v>
      </c>
      <c r="S4334" s="190">
        <v>0</v>
      </c>
      <c r="T4334" s="190">
        <v>0</v>
      </c>
      <c r="U4334" s="99"/>
      <c r="V4334" s="99"/>
      <c r="W4334" s="99"/>
      <c r="X4334" s="99"/>
      <c r="Y4334" s="99"/>
      <c r="Z4334" s="99"/>
      <c r="AA4334" s="99"/>
      <c r="AB4334" s="99"/>
      <c r="AC4334" s="99"/>
      <c r="AD4334" s="99"/>
      <c r="AE4334" s="99"/>
      <c r="AF4334" s="99"/>
      <c r="AG4334" s="99"/>
      <c r="AH4334" s="99"/>
      <c r="AI4334" s="99"/>
      <c r="AJ4334" s="99"/>
      <c r="AK4334" s="99"/>
      <c r="AL4334" s="99"/>
      <c r="AM4334" s="99"/>
      <c r="AN4334" s="99"/>
      <c r="AO4334" s="99"/>
      <c r="AP4334" s="99"/>
      <c r="AQ4334" s="99"/>
      <c r="AR4334" s="99"/>
      <c r="AS4334" s="99"/>
      <c r="AT4334" s="99"/>
      <c r="AU4334" s="99"/>
      <c r="AV4334" s="99"/>
      <c r="AW4334" s="99"/>
      <c r="AX4334" s="99"/>
      <c r="AY4334" s="99"/>
      <c r="AZ4334" s="99"/>
      <c r="BA4334" s="190" t="s">
        <v>8878</v>
      </c>
      <c r="BB4334" s="107">
        <v>45884</v>
      </c>
    </row>
    <row r="4335" spans="1:54" s="238" customFormat="1" ht="13.95" customHeight="1" x14ac:dyDescent="0.25">
      <c r="A4335" s="236" t="s">
        <v>9678</v>
      </c>
      <c r="B4335" s="220" t="s">
        <v>8672</v>
      </c>
      <c r="C4335" s="190" t="s">
        <v>9679</v>
      </c>
      <c r="D4335" s="190" t="s">
        <v>9680</v>
      </c>
      <c r="E4335" s="237">
        <v>2007</v>
      </c>
      <c r="F4335" s="237">
        <v>1500</v>
      </c>
      <c r="G4335" s="190" t="s">
        <v>1</v>
      </c>
      <c r="H4335" s="190">
        <v>0</v>
      </c>
      <c r="I4335" s="190">
        <v>0</v>
      </c>
      <c r="J4335" s="190">
        <v>1</v>
      </c>
      <c r="K4335" s="190">
        <v>0</v>
      </c>
      <c r="L4335" s="190">
        <v>0</v>
      </c>
      <c r="M4335" s="190">
        <v>1</v>
      </c>
      <c r="N4335" s="190">
        <v>0</v>
      </c>
      <c r="O4335" s="190">
        <v>0</v>
      </c>
      <c r="P4335" s="190">
        <v>0</v>
      </c>
      <c r="Q4335" s="190">
        <v>0</v>
      </c>
      <c r="R4335" s="190">
        <v>0</v>
      </c>
      <c r="S4335" s="190">
        <v>0</v>
      </c>
      <c r="T4335" s="190">
        <v>0</v>
      </c>
      <c r="U4335" s="99"/>
      <c r="V4335" s="99"/>
      <c r="W4335" s="99"/>
      <c r="X4335" s="99"/>
      <c r="Y4335" s="99"/>
      <c r="Z4335" s="99"/>
      <c r="AA4335" s="99"/>
      <c r="AB4335" s="99"/>
      <c r="AC4335" s="99"/>
      <c r="AD4335" s="99"/>
      <c r="AE4335" s="99"/>
      <c r="AF4335" s="99"/>
      <c r="AG4335" s="99"/>
      <c r="AH4335" s="99"/>
      <c r="AI4335" s="99"/>
      <c r="AJ4335" s="99"/>
      <c r="AK4335" s="99"/>
      <c r="AL4335" s="99"/>
      <c r="AM4335" s="99"/>
      <c r="AN4335" s="99"/>
      <c r="AO4335" s="99"/>
      <c r="AP4335" s="99"/>
      <c r="AQ4335" s="99"/>
      <c r="AR4335" s="99"/>
      <c r="AS4335" s="99"/>
      <c r="AT4335" s="99"/>
      <c r="AU4335" s="99"/>
      <c r="AV4335" s="99"/>
      <c r="AW4335" s="99"/>
      <c r="AX4335" s="99"/>
      <c r="AY4335" s="99"/>
      <c r="AZ4335" s="99"/>
      <c r="BA4335" s="99"/>
      <c r="BB4335" s="107">
        <v>45884</v>
      </c>
    </row>
    <row r="4336" spans="1:54" s="238" customFormat="1" ht="13.95" customHeight="1" x14ac:dyDescent="0.25">
      <c r="A4336" s="236" t="s">
        <v>9681</v>
      </c>
      <c r="B4336" s="220" t="s">
        <v>8672</v>
      </c>
      <c r="C4336" s="190" t="s">
        <v>9682</v>
      </c>
      <c r="D4336" s="190" t="s">
        <v>9683</v>
      </c>
      <c r="E4336" s="237">
        <v>1982</v>
      </c>
      <c r="F4336" s="237">
        <v>1500</v>
      </c>
      <c r="G4336" s="190" t="s">
        <v>1</v>
      </c>
      <c r="H4336" s="190">
        <v>0</v>
      </c>
      <c r="I4336" s="190">
        <v>0</v>
      </c>
      <c r="J4336" s="190">
        <v>1</v>
      </c>
      <c r="K4336" s="190">
        <v>1</v>
      </c>
      <c r="L4336" s="190">
        <v>1</v>
      </c>
      <c r="M4336" s="190">
        <v>0</v>
      </c>
      <c r="N4336" s="190">
        <v>0</v>
      </c>
      <c r="O4336" s="190">
        <v>1</v>
      </c>
      <c r="P4336" s="190">
        <v>1</v>
      </c>
      <c r="Q4336" s="190">
        <v>1</v>
      </c>
      <c r="R4336" s="190">
        <v>1</v>
      </c>
      <c r="S4336" s="190">
        <v>1</v>
      </c>
      <c r="T4336" s="190">
        <v>0</v>
      </c>
      <c r="U4336" s="99"/>
      <c r="V4336" s="99"/>
      <c r="W4336" s="99"/>
      <c r="X4336" s="99"/>
      <c r="Y4336" s="99"/>
      <c r="Z4336" s="99"/>
      <c r="AA4336" s="99"/>
      <c r="AB4336" s="99"/>
      <c r="AC4336" s="99"/>
      <c r="AD4336" s="99"/>
      <c r="AE4336" s="99"/>
      <c r="AF4336" s="99"/>
      <c r="AG4336" s="99"/>
      <c r="AH4336" s="99"/>
      <c r="AI4336" s="99"/>
      <c r="AJ4336" s="99"/>
      <c r="AK4336" s="99"/>
      <c r="AL4336" s="99"/>
      <c r="AM4336" s="99"/>
      <c r="AN4336" s="99"/>
      <c r="AO4336" s="99"/>
      <c r="AP4336" s="99"/>
      <c r="AQ4336" s="99"/>
      <c r="AR4336" s="99"/>
      <c r="AS4336" s="99"/>
      <c r="AT4336" s="99"/>
      <c r="AU4336" s="99"/>
      <c r="AV4336" s="99"/>
      <c r="AW4336" s="99"/>
      <c r="AX4336" s="99"/>
      <c r="AY4336" s="99"/>
      <c r="AZ4336" s="99"/>
      <c r="BA4336" s="190" t="s">
        <v>8819</v>
      </c>
      <c r="BB4336" s="107">
        <v>45884</v>
      </c>
    </row>
    <row r="4337" spans="1:54" s="238" customFormat="1" ht="13.95" customHeight="1" x14ac:dyDescent="0.25">
      <c r="A4337" s="236" t="s">
        <v>9684</v>
      </c>
      <c r="B4337" s="220" t="s">
        <v>8672</v>
      </c>
      <c r="C4337" s="190" t="s">
        <v>9685</v>
      </c>
      <c r="D4337" s="190" t="s">
        <v>9686</v>
      </c>
      <c r="E4337" s="237">
        <v>2007</v>
      </c>
      <c r="F4337" s="237">
        <v>1500</v>
      </c>
      <c r="G4337" s="190" t="s">
        <v>1</v>
      </c>
      <c r="H4337" s="190">
        <v>1</v>
      </c>
      <c r="I4337" s="190">
        <v>0</v>
      </c>
      <c r="J4337" s="190">
        <v>1</v>
      </c>
      <c r="K4337" s="190">
        <v>0</v>
      </c>
      <c r="L4337" s="190">
        <v>1</v>
      </c>
      <c r="M4337" s="190">
        <v>0</v>
      </c>
      <c r="N4337" s="190">
        <v>0</v>
      </c>
      <c r="O4337" s="190">
        <v>1</v>
      </c>
      <c r="P4337" s="190">
        <v>1</v>
      </c>
      <c r="Q4337" s="190">
        <v>0</v>
      </c>
      <c r="R4337" s="190">
        <v>1</v>
      </c>
      <c r="S4337" s="190">
        <v>0</v>
      </c>
      <c r="T4337" s="190">
        <v>0</v>
      </c>
      <c r="U4337" s="99"/>
      <c r="V4337" s="99"/>
      <c r="W4337" s="99"/>
      <c r="X4337" s="99"/>
      <c r="Y4337" s="99"/>
      <c r="Z4337" s="99"/>
      <c r="AA4337" s="99"/>
      <c r="AB4337" s="99"/>
      <c r="AC4337" s="99"/>
      <c r="AD4337" s="99"/>
      <c r="AE4337" s="99"/>
      <c r="AF4337" s="99"/>
      <c r="AG4337" s="99"/>
      <c r="AH4337" s="99"/>
      <c r="AI4337" s="99"/>
      <c r="AJ4337" s="99"/>
      <c r="AK4337" s="99"/>
      <c r="AL4337" s="99"/>
      <c r="AM4337" s="99"/>
      <c r="AN4337" s="99"/>
      <c r="AO4337" s="99"/>
      <c r="AP4337" s="99"/>
      <c r="AQ4337" s="99"/>
      <c r="AR4337" s="99"/>
      <c r="AS4337" s="99"/>
      <c r="AT4337" s="99"/>
      <c r="AU4337" s="99"/>
      <c r="AV4337" s="99"/>
      <c r="AW4337" s="99"/>
      <c r="AX4337" s="99"/>
      <c r="AY4337" s="99"/>
      <c r="AZ4337" s="99"/>
      <c r="BA4337" s="99"/>
      <c r="BB4337" s="107">
        <v>45884</v>
      </c>
    </row>
    <row r="4338" spans="1:54" s="238" customFormat="1" ht="13.95" customHeight="1" x14ac:dyDescent="0.25">
      <c r="A4338" s="236" t="s">
        <v>9687</v>
      </c>
      <c r="B4338" s="220" t="s">
        <v>8672</v>
      </c>
      <c r="C4338" s="190" t="s">
        <v>9688</v>
      </c>
      <c r="D4338" s="190" t="s">
        <v>9689</v>
      </c>
      <c r="E4338" s="237">
        <v>1972</v>
      </c>
      <c r="F4338" s="237">
        <v>1500</v>
      </c>
      <c r="G4338" s="190" t="s">
        <v>1</v>
      </c>
      <c r="H4338" s="190">
        <v>0</v>
      </c>
      <c r="I4338" s="190">
        <v>0</v>
      </c>
      <c r="J4338" s="190">
        <v>1</v>
      </c>
      <c r="K4338" s="190">
        <v>0</v>
      </c>
      <c r="L4338" s="190">
        <v>0</v>
      </c>
      <c r="M4338" s="190">
        <v>0</v>
      </c>
      <c r="N4338" s="190">
        <v>0</v>
      </c>
      <c r="O4338" s="190">
        <v>1</v>
      </c>
      <c r="P4338" s="190">
        <v>0</v>
      </c>
      <c r="Q4338" s="190">
        <v>0</v>
      </c>
      <c r="R4338" s="190">
        <v>1</v>
      </c>
      <c r="S4338" s="190">
        <v>0</v>
      </c>
      <c r="T4338" s="190">
        <v>0</v>
      </c>
      <c r="U4338" s="99"/>
      <c r="V4338" s="99"/>
      <c r="W4338" s="99"/>
      <c r="X4338" s="99"/>
      <c r="Y4338" s="99"/>
      <c r="Z4338" s="99"/>
      <c r="AA4338" s="99"/>
      <c r="AB4338" s="99"/>
      <c r="AC4338" s="99"/>
      <c r="AD4338" s="99"/>
      <c r="AE4338" s="99"/>
      <c r="AF4338" s="99"/>
      <c r="AG4338" s="99"/>
      <c r="AH4338" s="99"/>
      <c r="AI4338" s="99"/>
      <c r="AJ4338" s="99"/>
      <c r="AK4338" s="99"/>
      <c r="AL4338" s="99"/>
      <c r="AM4338" s="99"/>
      <c r="AN4338" s="99"/>
      <c r="AO4338" s="99"/>
      <c r="AP4338" s="99"/>
      <c r="AQ4338" s="99"/>
      <c r="AR4338" s="99"/>
      <c r="AS4338" s="99"/>
      <c r="AT4338" s="99"/>
      <c r="AU4338" s="99"/>
      <c r="AV4338" s="99"/>
      <c r="AW4338" s="99"/>
      <c r="AX4338" s="99"/>
      <c r="AY4338" s="99"/>
      <c r="AZ4338" s="99"/>
      <c r="BA4338" s="99"/>
      <c r="BB4338" s="107">
        <v>45884</v>
      </c>
    </row>
    <row r="4339" spans="1:54" s="238" customFormat="1" ht="13.95" customHeight="1" x14ac:dyDescent="0.25">
      <c r="A4339" s="236" t="s">
        <v>9690</v>
      </c>
      <c r="B4339" s="220" t="s">
        <v>8672</v>
      </c>
      <c r="C4339" s="190" t="s">
        <v>9691</v>
      </c>
      <c r="D4339" s="190" t="s">
        <v>9692</v>
      </c>
      <c r="E4339" s="237">
        <v>1971</v>
      </c>
      <c r="F4339" s="237">
        <v>1600</v>
      </c>
      <c r="G4339" s="190" t="s">
        <v>1</v>
      </c>
      <c r="H4339" s="190">
        <v>0</v>
      </c>
      <c r="I4339" s="190">
        <v>0</v>
      </c>
      <c r="J4339" s="190">
        <v>1</v>
      </c>
      <c r="K4339" s="190">
        <v>1</v>
      </c>
      <c r="L4339" s="190">
        <v>1</v>
      </c>
      <c r="M4339" s="190">
        <v>1</v>
      </c>
      <c r="N4339" s="190">
        <v>0</v>
      </c>
      <c r="O4339" s="190">
        <v>1</v>
      </c>
      <c r="P4339" s="190">
        <v>1</v>
      </c>
      <c r="Q4339" s="190">
        <v>1</v>
      </c>
      <c r="R4339" s="190">
        <v>1</v>
      </c>
      <c r="S4339" s="190">
        <v>0</v>
      </c>
      <c r="T4339" s="190">
        <v>0</v>
      </c>
      <c r="U4339" s="99"/>
      <c r="V4339" s="99"/>
      <c r="W4339" s="99"/>
      <c r="X4339" s="99"/>
      <c r="Y4339" s="99"/>
      <c r="Z4339" s="99"/>
      <c r="AA4339" s="99"/>
      <c r="AB4339" s="99"/>
      <c r="AC4339" s="99"/>
      <c r="AD4339" s="99"/>
      <c r="AE4339" s="99"/>
      <c r="AF4339" s="99"/>
      <c r="AG4339" s="99"/>
      <c r="AH4339" s="99"/>
      <c r="AI4339" s="99"/>
      <c r="AJ4339" s="99"/>
      <c r="AK4339" s="99"/>
      <c r="AL4339" s="99"/>
      <c r="AM4339" s="99"/>
      <c r="AN4339" s="99"/>
      <c r="AO4339" s="99"/>
      <c r="AP4339" s="99"/>
      <c r="AQ4339" s="99"/>
      <c r="AR4339" s="99"/>
      <c r="AS4339" s="99"/>
      <c r="AT4339" s="99"/>
      <c r="AU4339" s="99"/>
      <c r="AV4339" s="99"/>
      <c r="AW4339" s="99"/>
      <c r="AX4339" s="99"/>
      <c r="AY4339" s="99"/>
      <c r="AZ4339" s="99"/>
      <c r="BA4339" s="99"/>
      <c r="BB4339" s="107">
        <v>45884</v>
      </c>
    </row>
    <row r="4340" spans="1:54" s="238" customFormat="1" ht="13.95" customHeight="1" x14ac:dyDescent="0.25">
      <c r="A4340" s="236" t="s">
        <v>9693</v>
      </c>
      <c r="B4340" s="220" t="s">
        <v>8672</v>
      </c>
      <c r="C4340" s="239" t="s">
        <v>9694</v>
      </c>
      <c r="D4340" s="190" t="s">
        <v>9695</v>
      </c>
      <c r="E4340" s="237">
        <v>1991</v>
      </c>
      <c r="F4340" s="237">
        <v>1600</v>
      </c>
      <c r="G4340" s="190" t="s">
        <v>8</v>
      </c>
      <c r="H4340" s="190">
        <v>0</v>
      </c>
      <c r="I4340" s="190">
        <v>0</v>
      </c>
      <c r="J4340" s="190">
        <v>1</v>
      </c>
      <c r="K4340" s="190">
        <v>0</v>
      </c>
      <c r="L4340" s="190">
        <v>0</v>
      </c>
      <c r="M4340" s="190">
        <v>0</v>
      </c>
      <c r="N4340" s="190">
        <v>0</v>
      </c>
      <c r="O4340" s="190">
        <v>0</v>
      </c>
      <c r="P4340" s="190">
        <v>0</v>
      </c>
      <c r="Q4340" s="190">
        <v>0</v>
      </c>
      <c r="R4340" s="190">
        <v>0</v>
      </c>
      <c r="S4340" s="190">
        <v>0</v>
      </c>
      <c r="T4340" s="190">
        <v>0</v>
      </c>
      <c r="U4340" s="190">
        <v>0</v>
      </c>
      <c r="V4340" s="190">
        <v>0</v>
      </c>
      <c r="W4340" s="190" t="s">
        <v>174</v>
      </c>
      <c r="X4340" s="190" t="s">
        <v>174</v>
      </c>
      <c r="Y4340" s="190">
        <v>0</v>
      </c>
      <c r="Z4340" s="190">
        <v>0</v>
      </c>
      <c r="AA4340" s="190">
        <v>0</v>
      </c>
      <c r="AB4340" s="190">
        <v>0</v>
      </c>
      <c r="AC4340" s="190">
        <v>0</v>
      </c>
      <c r="AD4340" s="190">
        <v>0</v>
      </c>
      <c r="AE4340" s="190">
        <v>0</v>
      </c>
      <c r="AF4340" s="190">
        <v>0</v>
      </c>
      <c r="AG4340" s="190">
        <v>0</v>
      </c>
      <c r="AH4340" s="190">
        <v>0</v>
      </c>
      <c r="AI4340" s="190">
        <v>0</v>
      </c>
      <c r="AJ4340" s="190">
        <v>0</v>
      </c>
      <c r="AK4340" s="190">
        <v>0</v>
      </c>
      <c r="AL4340" s="190">
        <v>0</v>
      </c>
      <c r="AM4340" s="190" t="s">
        <v>174</v>
      </c>
      <c r="AN4340" s="190" t="s">
        <v>174</v>
      </c>
      <c r="AO4340" s="190" t="s">
        <v>174</v>
      </c>
      <c r="AP4340" s="190" t="s">
        <v>174</v>
      </c>
      <c r="AQ4340" s="190" t="s">
        <v>174</v>
      </c>
      <c r="AR4340" s="190" t="s">
        <v>174</v>
      </c>
      <c r="AS4340" s="190" t="s">
        <v>174</v>
      </c>
      <c r="AT4340" s="239" t="s">
        <v>174</v>
      </c>
      <c r="AU4340" s="190">
        <v>0</v>
      </c>
      <c r="AV4340" s="190">
        <v>0</v>
      </c>
      <c r="AW4340" s="190" t="s">
        <v>174</v>
      </c>
      <c r="AX4340" s="190" t="s">
        <v>174</v>
      </c>
      <c r="AY4340" s="190" t="s">
        <v>174</v>
      </c>
      <c r="AZ4340" s="190"/>
      <c r="BA4340" s="190"/>
      <c r="BB4340" s="107">
        <v>45884</v>
      </c>
    </row>
    <row r="4341" spans="1:54" s="238" customFormat="1" ht="13.95" customHeight="1" x14ac:dyDescent="0.25">
      <c r="A4341" s="236" t="s">
        <v>9696</v>
      </c>
      <c r="B4341" s="220" t="s">
        <v>8672</v>
      </c>
      <c r="C4341" s="190" t="s">
        <v>9697</v>
      </c>
      <c r="D4341" s="190" t="s">
        <v>9698</v>
      </c>
      <c r="E4341" s="237">
        <v>1971</v>
      </c>
      <c r="F4341" s="237">
        <v>1600</v>
      </c>
      <c r="G4341" s="190" t="s">
        <v>1</v>
      </c>
      <c r="H4341" s="190">
        <v>0</v>
      </c>
      <c r="I4341" s="190">
        <v>0</v>
      </c>
      <c r="J4341" s="190">
        <v>1</v>
      </c>
      <c r="K4341" s="190">
        <v>1</v>
      </c>
      <c r="L4341" s="190">
        <v>1</v>
      </c>
      <c r="M4341" s="190">
        <v>0</v>
      </c>
      <c r="N4341" s="190">
        <v>0</v>
      </c>
      <c r="O4341" s="190">
        <v>1</v>
      </c>
      <c r="P4341" s="190">
        <v>0</v>
      </c>
      <c r="Q4341" s="190">
        <v>0</v>
      </c>
      <c r="R4341" s="190">
        <v>0</v>
      </c>
      <c r="S4341" s="190">
        <v>0</v>
      </c>
      <c r="T4341" s="190">
        <v>0</v>
      </c>
      <c r="U4341" s="99"/>
      <c r="V4341" s="99"/>
      <c r="W4341" s="99"/>
      <c r="X4341" s="99"/>
      <c r="Y4341" s="99"/>
      <c r="Z4341" s="99"/>
      <c r="AA4341" s="99"/>
      <c r="AB4341" s="99"/>
      <c r="AC4341" s="99"/>
      <c r="AD4341" s="99"/>
      <c r="AE4341" s="99"/>
      <c r="AF4341" s="99"/>
      <c r="AG4341" s="99"/>
      <c r="AH4341" s="99"/>
      <c r="AI4341" s="99"/>
      <c r="AJ4341" s="99"/>
      <c r="AK4341" s="99"/>
      <c r="AL4341" s="99"/>
      <c r="AM4341" s="99"/>
      <c r="AN4341" s="99"/>
      <c r="AO4341" s="99"/>
      <c r="AP4341" s="99"/>
      <c r="AQ4341" s="99"/>
      <c r="AR4341" s="99"/>
      <c r="AS4341" s="99"/>
      <c r="AT4341" s="99"/>
      <c r="AU4341" s="99"/>
      <c r="AV4341" s="99"/>
      <c r="AW4341" s="99"/>
      <c r="AX4341" s="99"/>
      <c r="AY4341" s="99"/>
      <c r="AZ4341" s="99"/>
      <c r="BA4341" s="99"/>
      <c r="BB4341" s="107">
        <v>45884</v>
      </c>
    </row>
    <row r="4342" spans="1:54" s="238" customFormat="1" ht="13.95" customHeight="1" x14ac:dyDescent="0.25">
      <c r="A4342" s="236" t="s">
        <v>9699</v>
      </c>
      <c r="B4342" s="220" t="s">
        <v>8672</v>
      </c>
      <c r="C4342" s="190" t="s">
        <v>9700</v>
      </c>
      <c r="D4342" s="190" t="s">
        <v>9701</v>
      </c>
      <c r="E4342" s="237">
        <v>2000</v>
      </c>
      <c r="F4342" s="237">
        <v>1600</v>
      </c>
      <c r="G4342" s="190" t="s">
        <v>1</v>
      </c>
      <c r="H4342" s="190">
        <v>0</v>
      </c>
      <c r="I4342" s="190">
        <v>0</v>
      </c>
      <c r="J4342" s="190">
        <v>0</v>
      </c>
      <c r="K4342" s="190">
        <v>1</v>
      </c>
      <c r="L4342" s="190">
        <v>0</v>
      </c>
      <c r="M4342" s="190">
        <v>0</v>
      </c>
      <c r="N4342" s="190">
        <v>0</v>
      </c>
      <c r="O4342" s="190">
        <v>1</v>
      </c>
      <c r="P4342" s="190">
        <v>1</v>
      </c>
      <c r="Q4342" s="190">
        <v>0</v>
      </c>
      <c r="R4342" s="190">
        <v>0</v>
      </c>
      <c r="S4342" s="190">
        <v>0</v>
      </c>
      <c r="T4342" s="190">
        <v>0</v>
      </c>
      <c r="U4342" s="99"/>
      <c r="V4342" s="99"/>
      <c r="W4342" s="99"/>
      <c r="X4342" s="99"/>
      <c r="Y4342" s="99"/>
      <c r="Z4342" s="99"/>
      <c r="AA4342" s="99"/>
      <c r="AB4342" s="99"/>
      <c r="AC4342" s="99"/>
      <c r="AD4342" s="99"/>
      <c r="AE4342" s="99"/>
      <c r="AF4342" s="99"/>
      <c r="AG4342" s="99"/>
      <c r="AH4342" s="99"/>
      <c r="AI4342" s="99"/>
      <c r="AJ4342" s="99"/>
      <c r="AK4342" s="99"/>
      <c r="AL4342" s="99"/>
      <c r="AM4342" s="99"/>
      <c r="AN4342" s="99"/>
      <c r="AO4342" s="99"/>
      <c r="AP4342" s="99"/>
      <c r="AQ4342" s="99"/>
      <c r="AR4342" s="99"/>
      <c r="AS4342" s="99"/>
      <c r="AT4342" s="99"/>
      <c r="AU4342" s="99"/>
      <c r="AV4342" s="99"/>
      <c r="AW4342" s="99"/>
      <c r="AX4342" s="99"/>
      <c r="AY4342" s="99"/>
      <c r="AZ4342" s="99"/>
      <c r="BA4342" s="99"/>
      <c r="BB4342" s="107">
        <v>45884</v>
      </c>
    </row>
    <row r="4343" spans="1:54" s="238" customFormat="1" ht="13.95" customHeight="1" x14ac:dyDescent="0.25">
      <c r="A4343" s="236" t="s">
        <v>9702</v>
      </c>
      <c r="B4343" s="220" t="s">
        <v>8672</v>
      </c>
      <c r="C4343" s="190" t="s">
        <v>4921</v>
      </c>
      <c r="D4343" s="190" t="s">
        <v>9703</v>
      </c>
      <c r="E4343" s="237">
        <v>2007</v>
      </c>
      <c r="F4343" s="237">
        <v>1600</v>
      </c>
      <c r="G4343" s="190" t="s">
        <v>1</v>
      </c>
      <c r="H4343" s="190">
        <v>0</v>
      </c>
      <c r="I4343" s="190">
        <v>0</v>
      </c>
      <c r="J4343" s="190">
        <v>1</v>
      </c>
      <c r="K4343" s="190">
        <v>0</v>
      </c>
      <c r="L4343" s="190">
        <v>1</v>
      </c>
      <c r="M4343" s="190">
        <v>0</v>
      </c>
      <c r="N4343" s="190">
        <v>0</v>
      </c>
      <c r="O4343" s="190">
        <v>1</v>
      </c>
      <c r="P4343" s="190">
        <v>1</v>
      </c>
      <c r="Q4343" s="190">
        <v>0</v>
      </c>
      <c r="R4343" s="190">
        <v>1</v>
      </c>
      <c r="S4343" s="190">
        <v>0</v>
      </c>
      <c r="T4343" s="190">
        <v>0</v>
      </c>
      <c r="U4343" s="99"/>
      <c r="V4343" s="99"/>
      <c r="W4343" s="99"/>
      <c r="X4343" s="99"/>
      <c r="Y4343" s="99"/>
      <c r="Z4343" s="99"/>
      <c r="AA4343" s="99"/>
      <c r="AB4343" s="99"/>
      <c r="AC4343" s="99"/>
      <c r="AD4343" s="99"/>
      <c r="AE4343" s="99"/>
      <c r="AF4343" s="99"/>
      <c r="AG4343" s="99"/>
      <c r="AH4343" s="99"/>
      <c r="AI4343" s="99"/>
      <c r="AJ4343" s="99"/>
      <c r="AK4343" s="99"/>
      <c r="AL4343" s="99"/>
      <c r="AM4343" s="99"/>
      <c r="AN4343" s="99"/>
      <c r="AO4343" s="99"/>
      <c r="AP4343" s="99"/>
      <c r="AQ4343" s="99"/>
      <c r="AR4343" s="99"/>
      <c r="AS4343" s="99"/>
      <c r="AT4343" s="99"/>
      <c r="AU4343" s="99"/>
      <c r="AV4343" s="99"/>
      <c r="AW4343" s="99"/>
      <c r="AX4343" s="99"/>
      <c r="AY4343" s="99"/>
      <c r="AZ4343" s="99"/>
      <c r="BA4343" s="99"/>
      <c r="BB4343" s="107">
        <v>45884</v>
      </c>
    </row>
    <row r="4344" spans="1:54" s="238" customFormat="1" ht="13.95" customHeight="1" x14ac:dyDescent="0.25">
      <c r="A4344" s="236" t="s">
        <v>9704</v>
      </c>
      <c r="B4344" s="220" t="s">
        <v>8672</v>
      </c>
      <c r="C4344" s="190" t="s">
        <v>9705</v>
      </c>
      <c r="D4344" s="190" t="s">
        <v>9706</v>
      </c>
      <c r="E4344" s="237">
        <v>1979</v>
      </c>
      <c r="F4344" s="237">
        <v>1700</v>
      </c>
      <c r="G4344" s="190" t="s">
        <v>1</v>
      </c>
      <c r="H4344" s="190">
        <v>0</v>
      </c>
      <c r="I4344" s="190">
        <v>0</v>
      </c>
      <c r="J4344" s="190">
        <v>1</v>
      </c>
      <c r="K4344" s="190">
        <v>1</v>
      </c>
      <c r="L4344" s="190">
        <v>0</v>
      </c>
      <c r="M4344" s="190">
        <v>0</v>
      </c>
      <c r="N4344" s="190">
        <v>0</v>
      </c>
      <c r="O4344" s="190">
        <v>1</v>
      </c>
      <c r="P4344" s="190">
        <v>1</v>
      </c>
      <c r="Q4344" s="190">
        <v>0</v>
      </c>
      <c r="R4344" s="190">
        <v>1</v>
      </c>
      <c r="S4344" s="190">
        <v>1</v>
      </c>
      <c r="T4344" s="190">
        <v>0</v>
      </c>
      <c r="U4344" s="99"/>
      <c r="V4344" s="99"/>
      <c r="W4344" s="99"/>
      <c r="X4344" s="99"/>
      <c r="Y4344" s="99"/>
      <c r="Z4344" s="99"/>
      <c r="AA4344" s="99"/>
      <c r="AB4344" s="99"/>
      <c r="AC4344" s="99"/>
      <c r="AD4344" s="99"/>
      <c r="AE4344" s="99"/>
      <c r="AF4344" s="99"/>
      <c r="AG4344" s="99"/>
      <c r="AH4344" s="99"/>
      <c r="AI4344" s="99"/>
      <c r="AJ4344" s="99"/>
      <c r="AK4344" s="99"/>
      <c r="AL4344" s="99"/>
      <c r="AM4344" s="99"/>
      <c r="AN4344" s="99"/>
      <c r="AO4344" s="99"/>
      <c r="AP4344" s="99"/>
      <c r="AQ4344" s="99"/>
      <c r="AR4344" s="99"/>
      <c r="AS4344" s="99"/>
      <c r="AT4344" s="99"/>
      <c r="AU4344" s="99"/>
      <c r="AV4344" s="99"/>
      <c r="AW4344" s="99"/>
      <c r="AX4344" s="99"/>
      <c r="AY4344" s="99"/>
      <c r="AZ4344" s="99"/>
      <c r="BA4344" s="99"/>
      <c r="BB4344" s="107">
        <v>45884</v>
      </c>
    </row>
    <row r="4345" spans="1:54" s="238" customFormat="1" ht="13.95" customHeight="1" x14ac:dyDescent="0.25">
      <c r="A4345" s="236" t="s">
        <v>9707</v>
      </c>
      <c r="B4345" s="220" t="s">
        <v>8672</v>
      </c>
      <c r="C4345" s="190" t="s">
        <v>9708</v>
      </c>
      <c r="D4345" s="190" t="s">
        <v>9709</v>
      </c>
      <c r="E4345" s="237">
        <v>1979</v>
      </c>
      <c r="F4345" s="237">
        <v>1700</v>
      </c>
      <c r="G4345" s="190" t="s">
        <v>1</v>
      </c>
      <c r="H4345" s="190">
        <v>0</v>
      </c>
      <c r="I4345" s="190">
        <v>0</v>
      </c>
      <c r="J4345" s="190">
        <v>1</v>
      </c>
      <c r="K4345" s="190">
        <v>1</v>
      </c>
      <c r="L4345" s="190">
        <v>1</v>
      </c>
      <c r="M4345" s="190">
        <v>0</v>
      </c>
      <c r="N4345" s="190">
        <v>0</v>
      </c>
      <c r="O4345" s="190">
        <v>1</v>
      </c>
      <c r="P4345" s="190">
        <v>1</v>
      </c>
      <c r="Q4345" s="190">
        <v>1</v>
      </c>
      <c r="R4345" s="190">
        <v>1</v>
      </c>
      <c r="S4345" s="190">
        <v>0</v>
      </c>
      <c r="T4345" s="190">
        <v>0</v>
      </c>
      <c r="U4345" s="99"/>
      <c r="V4345" s="99"/>
      <c r="W4345" s="99"/>
      <c r="X4345" s="99"/>
      <c r="Y4345" s="99"/>
      <c r="Z4345" s="99"/>
      <c r="AA4345" s="99"/>
      <c r="AB4345" s="99"/>
      <c r="AC4345" s="99"/>
      <c r="AD4345" s="99"/>
      <c r="AE4345" s="99"/>
      <c r="AF4345" s="99"/>
      <c r="AG4345" s="99"/>
      <c r="AH4345" s="99"/>
      <c r="AI4345" s="99"/>
      <c r="AJ4345" s="99"/>
      <c r="AK4345" s="99"/>
      <c r="AL4345" s="99"/>
      <c r="AM4345" s="99"/>
      <c r="AN4345" s="99"/>
      <c r="AO4345" s="99"/>
      <c r="AP4345" s="99"/>
      <c r="AQ4345" s="99"/>
      <c r="AR4345" s="99"/>
      <c r="AS4345" s="99"/>
      <c r="AT4345" s="99"/>
      <c r="AU4345" s="99"/>
      <c r="AV4345" s="99"/>
      <c r="AW4345" s="99"/>
      <c r="AX4345" s="99"/>
      <c r="AY4345" s="99"/>
      <c r="AZ4345" s="99"/>
      <c r="BA4345" s="99"/>
      <c r="BB4345" s="107">
        <v>45884</v>
      </c>
    </row>
    <row r="4346" spans="1:54" s="238" customFormat="1" ht="13.95" customHeight="1" x14ac:dyDescent="0.25">
      <c r="A4346" s="236" t="s">
        <v>9710</v>
      </c>
      <c r="B4346" s="220" t="s">
        <v>8672</v>
      </c>
      <c r="C4346" s="190" t="s">
        <v>9711</v>
      </c>
      <c r="D4346" s="190" t="s">
        <v>9712</v>
      </c>
      <c r="E4346" s="237">
        <v>1987</v>
      </c>
      <c r="F4346" s="237">
        <v>1700</v>
      </c>
      <c r="G4346" s="190" t="s">
        <v>1</v>
      </c>
      <c r="H4346" s="190">
        <v>0</v>
      </c>
      <c r="I4346" s="190">
        <v>0</v>
      </c>
      <c r="J4346" s="190">
        <v>1</v>
      </c>
      <c r="K4346" s="190">
        <v>0</v>
      </c>
      <c r="L4346" s="190">
        <v>0</v>
      </c>
      <c r="M4346" s="190">
        <v>1</v>
      </c>
      <c r="N4346" s="190">
        <v>0</v>
      </c>
      <c r="O4346" s="190">
        <v>0</v>
      </c>
      <c r="P4346" s="190">
        <v>1</v>
      </c>
      <c r="Q4346" s="190">
        <v>1</v>
      </c>
      <c r="R4346" s="190">
        <v>0</v>
      </c>
      <c r="S4346" s="190">
        <v>0</v>
      </c>
      <c r="T4346" s="190">
        <v>0</v>
      </c>
      <c r="U4346" s="99"/>
      <c r="V4346" s="99"/>
      <c r="W4346" s="99"/>
      <c r="X4346" s="99"/>
      <c r="Y4346" s="99"/>
      <c r="Z4346" s="99"/>
      <c r="AA4346" s="99"/>
      <c r="AB4346" s="99"/>
      <c r="AC4346" s="99"/>
      <c r="AD4346" s="99"/>
      <c r="AE4346" s="99"/>
      <c r="AF4346" s="99"/>
      <c r="AG4346" s="99"/>
      <c r="AH4346" s="99"/>
      <c r="AI4346" s="99"/>
      <c r="AJ4346" s="99"/>
      <c r="AK4346" s="99"/>
      <c r="AL4346" s="99"/>
      <c r="AM4346" s="99"/>
      <c r="AN4346" s="99"/>
      <c r="AO4346" s="99"/>
      <c r="AP4346" s="99"/>
      <c r="AQ4346" s="99"/>
      <c r="AR4346" s="99"/>
      <c r="AS4346" s="99"/>
      <c r="AT4346" s="99"/>
      <c r="AU4346" s="99"/>
      <c r="AV4346" s="99"/>
      <c r="AW4346" s="99"/>
      <c r="AX4346" s="99"/>
      <c r="AY4346" s="99"/>
      <c r="AZ4346" s="99"/>
      <c r="BA4346" s="99"/>
      <c r="BB4346" s="107">
        <v>45884</v>
      </c>
    </row>
    <row r="4347" spans="1:54" s="238" customFormat="1" ht="13.95" customHeight="1" x14ac:dyDescent="0.25">
      <c r="A4347" s="236" t="s">
        <v>20516</v>
      </c>
      <c r="B4347" s="220" t="s">
        <v>8672</v>
      </c>
      <c r="C4347" s="239" t="s">
        <v>9713</v>
      </c>
      <c r="D4347" s="190" t="s">
        <v>9714</v>
      </c>
      <c r="E4347" s="237">
        <v>1998</v>
      </c>
      <c r="F4347" s="237">
        <v>1700</v>
      </c>
      <c r="G4347" s="190" t="s">
        <v>8</v>
      </c>
      <c r="H4347" s="190">
        <v>0</v>
      </c>
      <c r="I4347" s="190">
        <v>0</v>
      </c>
      <c r="J4347" s="190">
        <v>0</v>
      </c>
      <c r="K4347" s="190">
        <v>0</v>
      </c>
      <c r="L4347" s="190">
        <v>0</v>
      </c>
      <c r="M4347" s="190">
        <v>0</v>
      </c>
      <c r="N4347" s="190">
        <v>0</v>
      </c>
      <c r="O4347" s="190">
        <v>0</v>
      </c>
      <c r="P4347" s="190">
        <v>0</v>
      </c>
      <c r="Q4347" s="190">
        <v>0</v>
      </c>
      <c r="R4347" s="190">
        <v>0</v>
      </c>
      <c r="S4347" s="190">
        <v>0</v>
      </c>
      <c r="T4347" s="190">
        <v>0</v>
      </c>
      <c r="U4347" s="190">
        <v>0</v>
      </c>
      <c r="V4347" s="190">
        <v>0</v>
      </c>
      <c r="W4347" s="190" t="s">
        <v>174</v>
      </c>
      <c r="X4347" s="190" t="s">
        <v>174</v>
      </c>
      <c r="Y4347" s="190">
        <v>0</v>
      </c>
      <c r="Z4347" s="190">
        <v>0</v>
      </c>
      <c r="AA4347" s="190">
        <v>0</v>
      </c>
      <c r="AB4347" s="190">
        <v>0</v>
      </c>
      <c r="AC4347" s="190">
        <v>0</v>
      </c>
      <c r="AD4347" s="190">
        <v>0</v>
      </c>
      <c r="AE4347" s="190">
        <v>0</v>
      </c>
      <c r="AF4347" s="190">
        <v>0</v>
      </c>
      <c r="AG4347" s="190">
        <v>0</v>
      </c>
      <c r="AH4347" s="190">
        <v>0</v>
      </c>
      <c r="AI4347" s="190">
        <v>0</v>
      </c>
      <c r="AJ4347" s="190">
        <v>0</v>
      </c>
      <c r="AK4347" s="190">
        <v>0</v>
      </c>
      <c r="AL4347" s="190">
        <v>0</v>
      </c>
      <c r="AM4347" s="190" t="s">
        <v>174</v>
      </c>
      <c r="AN4347" s="190" t="s">
        <v>174</v>
      </c>
      <c r="AO4347" s="190" t="s">
        <v>174</v>
      </c>
      <c r="AP4347" s="190" t="s">
        <v>174</v>
      </c>
      <c r="AQ4347" s="190" t="s">
        <v>174</v>
      </c>
      <c r="AR4347" s="190" t="s">
        <v>174</v>
      </c>
      <c r="AS4347" s="190" t="s">
        <v>174</v>
      </c>
      <c r="AT4347" s="239" t="s">
        <v>174</v>
      </c>
      <c r="AU4347" s="190">
        <v>0</v>
      </c>
      <c r="AV4347" s="190">
        <v>0</v>
      </c>
      <c r="AW4347" s="190" t="s">
        <v>174</v>
      </c>
      <c r="AX4347" s="190" t="s">
        <v>174</v>
      </c>
      <c r="AY4347" s="190" t="s">
        <v>174</v>
      </c>
      <c r="AZ4347" s="190"/>
      <c r="BA4347" s="190"/>
      <c r="BB4347" s="107">
        <v>45884</v>
      </c>
    </row>
    <row r="4348" spans="1:54" s="238" customFormat="1" ht="13.95" customHeight="1" x14ac:dyDescent="0.25">
      <c r="A4348" s="236" t="s">
        <v>9715</v>
      </c>
      <c r="B4348" s="220" t="s">
        <v>8672</v>
      </c>
      <c r="C4348" s="190" t="s">
        <v>9716</v>
      </c>
      <c r="D4348" s="190" t="s">
        <v>9717</v>
      </c>
      <c r="E4348" s="237">
        <v>1983</v>
      </c>
      <c r="F4348" s="237">
        <v>1700</v>
      </c>
      <c r="G4348" s="190" t="s">
        <v>1</v>
      </c>
      <c r="H4348" s="190">
        <v>0</v>
      </c>
      <c r="I4348" s="190">
        <v>0</v>
      </c>
      <c r="J4348" s="190">
        <v>1</v>
      </c>
      <c r="K4348" s="190">
        <v>1</v>
      </c>
      <c r="L4348" s="190">
        <v>1</v>
      </c>
      <c r="M4348" s="190">
        <v>1</v>
      </c>
      <c r="N4348" s="190">
        <v>0</v>
      </c>
      <c r="O4348" s="190">
        <v>1</v>
      </c>
      <c r="P4348" s="190">
        <v>1</v>
      </c>
      <c r="Q4348" s="190">
        <v>1</v>
      </c>
      <c r="R4348" s="190">
        <v>1</v>
      </c>
      <c r="S4348" s="190">
        <v>0</v>
      </c>
      <c r="T4348" s="190">
        <v>0</v>
      </c>
      <c r="U4348" s="99"/>
      <c r="V4348" s="99"/>
      <c r="W4348" s="99"/>
      <c r="X4348" s="99"/>
      <c r="Y4348" s="99"/>
      <c r="Z4348" s="99"/>
      <c r="AA4348" s="99"/>
      <c r="AB4348" s="99"/>
      <c r="AC4348" s="99"/>
      <c r="AD4348" s="99"/>
      <c r="AE4348" s="99"/>
      <c r="AF4348" s="99"/>
      <c r="AG4348" s="99"/>
      <c r="AH4348" s="99"/>
      <c r="AI4348" s="99"/>
      <c r="AJ4348" s="99"/>
      <c r="AK4348" s="99"/>
      <c r="AL4348" s="99"/>
      <c r="AM4348" s="99"/>
      <c r="AN4348" s="99"/>
      <c r="AO4348" s="99"/>
      <c r="AP4348" s="99"/>
      <c r="AQ4348" s="99"/>
      <c r="AR4348" s="99"/>
      <c r="AS4348" s="99"/>
      <c r="AT4348" s="99"/>
      <c r="AU4348" s="99"/>
      <c r="AV4348" s="99"/>
      <c r="AW4348" s="99"/>
      <c r="AX4348" s="99"/>
      <c r="AY4348" s="99"/>
      <c r="AZ4348" s="99"/>
      <c r="BA4348" s="99"/>
      <c r="BB4348" s="107">
        <v>45884</v>
      </c>
    </row>
    <row r="4349" spans="1:54" s="238" customFormat="1" ht="13.95" customHeight="1" x14ac:dyDescent="0.25">
      <c r="A4349" s="236" t="s">
        <v>9718</v>
      </c>
      <c r="B4349" s="220" t="s">
        <v>8672</v>
      </c>
      <c r="C4349" s="190" t="s">
        <v>9719</v>
      </c>
      <c r="D4349" s="190" t="s">
        <v>9720</v>
      </c>
      <c r="E4349" s="237">
        <v>2006</v>
      </c>
      <c r="F4349" s="237">
        <v>1700</v>
      </c>
      <c r="G4349" s="190" t="s">
        <v>1</v>
      </c>
      <c r="H4349" s="190">
        <v>0</v>
      </c>
      <c r="I4349" s="190">
        <v>0</v>
      </c>
      <c r="J4349" s="190">
        <v>0</v>
      </c>
      <c r="K4349" s="190">
        <v>0</v>
      </c>
      <c r="L4349" s="190">
        <v>0</v>
      </c>
      <c r="M4349" s="190">
        <v>0</v>
      </c>
      <c r="N4349" s="190">
        <v>0</v>
      </c>
      <c r="O4349" s="190">
        <v>1</v>
      </c>
      <c r="P4349" s="190">
        <v>0</v>
      </c>
      <c r="Q4349" s="190">
        <v>0</v>
      </c>
      <c r="R4349" s="190">
        <v>1</v>
      </c>
      <c r="S4349" s="190">
        <v>0</v>
      </c>
      <c r="T4349" s="190">
        <v>0</v>
      </c>
      <c r="U4349" s="99"/>
      <c r="V4349" s="99"/>
      <c r="W4349" s="99"/>
      <c r="X4349" s="99"/>
      <c r="Y4349" s="99"/>
      <c r="Z4349" s="99"/>
      <c r="AA4349" s="99"/>
      <c r="AB4349" s="99"/>
      <c r="AC4349" s="99"/>
      <c r="AD4349" s="99"/>
      <c r="AE4349" s="99"/>
      <c r="AF4349" s="99"/>
      <c r="AG4349" s="99"/>
      <c r="AH4349" s="99"/>
      <c r="AI4349" s="99"/>
      <c r="AJ4349" s="99"/>
      <c r="AK4349" s="99"/>
      <c r="AL4349" s="99"/>
      <c r="AM4349" s="99"/>
      <c r="AN4349" s="99"/>
      <c r="AO4349" s="99"/>
      <c r="AP4349" s="99"/>
      <c r="AQ4349" s="99"/>
      <c r="AR4349" s="99"/>
      <c r="AS4349" s="99"/>
      <c r="AT4349" s="99"/>
      <c r="AU4349" s="99"/>
      <c r="AV4349" s="99"/>
      <c r="AW4349" s="99"/>
      <c r="AX4349" s="99"/>
      <c r="AY4349" s="99"/>
      <c r="AZ4349" s="99"/>
      <c r="BA4349" s="99"/>
      <c r="BB4349" s="107">
        <v>45884</v>
      </c>
    </row>
    <row r="4350" spans="1:54" s="238" customFormat="1" ht="13.95" customHeight="1" x14ac:dyDescent="0.25">
      <c r="A4350" s="236" t="s">
        <v>9721</v>
      </c>
      <c r="B4350" s="220" t="s">
        <v>8672</v>
      </c>
      <c r="C4350" s="190" t="s">
        <v>9722</v>
      </c>
      <c r="D4350" s="190" t="s">
        <v>9723</v>
      </c>
      <c r="E4350" s="237">
        <v>2013</v>
      </c>
      <c r="F4350" s="237">
        <v>1300</v>
      </c>
      <c r="G4350" s="190" t="s">
        <v>1</v>
      </c>
      <c r="H4350" s="190">
        <v>0</v>
      </c>
      <c r="I4350" s="190">
        <v>0</v>
      </c>
      <c r="J4350" s="190">
        <v>1</v>
      </c>
      <c r="K4350" s="190">
        <v>1</v>
      </c>
      <c r="L4350" s="190">
        <v>1</v>
      </c>
      <c r="M4350" s="190">
        <v>0</v>
      </c>
      <c r="N4350" s="190">
        <v>0</v>
      </c>
      <c r="O4350" s="190">
        <v>0</v>
      </c>
      <c r="P4350" s="190">
        <v>1</v>
      </c>
      <c r="Q4350" s="190">
        <v>0</v>
      </c>
      <c r="R4350" s="190">
        <v>0</v>
      </c>
      <c r="S4350" s="190">
        <v>0</v>
      </c>
      <c r="T4350" s="190">
        <v>0</v>
      </c>
      <c r="U4350" s="99"/>
      <c r="V4350" s="99"/>
      <c r="W4350" s="99"/>
      <c r="X4350" s="99"/>
      <c r="Y4350" s="99"/>
      <c r="Z4350" s="99"/>
      <c r="AA4350" s="99"/>
      <c r="AB4350" s="99"/>
      <c r="AC4350" s="99"/>
      <c r="AD4350" s="99"/>
      <c r="AE4350" s="99"/>
      <c r="AF4350" s="99"/>
      <c r="AG4350" s="99"/>
      <c r="AH4350" s="99"/>
      <c r="AI4350" s="99"/>
      <c r="AJ4350" s="99"/>
      <c r="AK4350" s="99"/>
      <c r="AL4350" s="99"/>
      <c r="AM4350" s="99"/>
      <c r="AN4350" s="99"/>
      <c r="AO4350" s="99"/>
      <c r="AP4350" s="99"/>
      <c r="AQ4350" s="99"/>
      <c r="AR4350" s="99"/>
      <c r="AS4350" s="99"/>
      <c r="AT4350" s="99"/>
      <c r="AU4350" s="99"/>
      <c r="AV4350" s="99"/>
      <c r="AW4350" s="99"/>
      <c r="AX4350" s="99"/>
      <c r="AY4350" s="99"/>
      <c r="AZ4350" s="99"/>
      <c r="BA4350" s="99"/>
      <c r="BB4350" s="107">
        <v>45884</v>
      </c>
    </row>
    <row r="4351" spans="1:54" s="238" customFormat="1" ht="13.95" customHeight="1" x14ac:dyDescent="0.25">
      <c r="A4351" s="236" t="s">
        <v>9724</v>
      </c>
      <c r="B4351" s="220" t="s">
        <v>8672</v>
      </c>
      <c r="C4351" s="190" t="s">
        <v>9725</v>
      </c>
      <c r="D4351" s="190" t="s">
        <v>9726</v>
      </c>
      <c r="E4351" s="237">
        <v>1978</v>
      </c>
      <c r="F4351" s="237">
        <v>1700</v>
      </c>
      <c r="G4351" s="190" t="s">
        <v>1</v>
      </c>
      <c r="H4351" s="190">
        <v>0</v>
      </c>
      <c r="I4351" s="190">
        <v>0</v>
      </c>
      <c r="J4351" s="190">
        <v>1</v>
      </c>
      <c r="K4351" s="190">
        <v>0</v>
      </c>
      <c r="L4351" s="190">
        <v>1</v>
      </c>
      <c r="M4351" s="190">
        <v>0</v>
      </c>
      <c r="N4351" s="190">
        <v>0</v>
      </c>
      <c r="O4351" s="190">
        <v>1</v>
      </c>
      <c r="P4351" s="190">
        <v>0</v>
      </c>
      <c r="Q4351" s="190">
        <v>1</v>
      </c>
      <c r="R4351" s="190">
        <v>1</v>
      </c>
      <c r="S4351" s="190">
        <v>1</v>
      </c>
      <c r="T4351" s="190">
        <v>0</v>
      </c>
      <c r="U4351" s="99"/>
      <c r="V4351" s="99"/>
      <c r="W4351" s="99"/>
      <c r="X4351" s="99"/>
      <c r="Y4351" s="99"/>
      <c r="Z4351" s="99"/>
      <c r="AA4351" s="99"/>
      <c r="AB4351" s="99"/>
      <c r="AC4351" s="99"/>
      <c r="AD4351" s="99"/>
      <c r="AE4351" s="99"/>
      <c r="AF4351" s="99"/>
      <c r="AG4351" s="99"/>
      <c r="AH4351" s="99"/>
      <c r="AI4351" s="99"/>
      <c r="AJ4351" s="99"/>
      <c r="AK4351" s="99"/>
      <c r="AL4351" s="99"/>
      <c r="AM4351" s="99"/>
      <c r="AN4351" s="99"/>
      <c r="AO4351" s="99"/>
      <c r="AP4351" s="99"/>
      <c r="AQ4351" s="99"/>
      <c r="AR4351" s="99"/>
      <c r="AS4351" s="99"/>
      <c r="AT4351" s="99"/>
      <c r="AU4351" s="99"/>
      <c r="AV4351" s="99"/>
      <c r="AW4351" s="99"/>
      <c r="AX4351" s="99"/>
      <c r="AY4351" s="99"/>
      <c r="AZ4351" s="99"/>
      <c r="BA4351" s="190" t="s">
        <v>8819</v>
      </c>
      <c r="BB4351" s="107">
        <v>45884</v>
      </c>
    </row>
    <row r="4352" spans="1:54" s="238" customFormat="1" ht="13.95" customHeight="1" x14ac:dyDescent="0.25">
      <c r="A4352" s="236" t="s">
        <v>9727</v>
      </c>
      <c r="B4352" s="220" t="s">
        <v>8672</v>
      </c>
      <c r="C4352" s="190" t="s">
        <v>9728</v>
      </c>
      <c r="D4352" s="190" t="s">
        <v>9729</v>
      </c>
      <c r="E4352" s="237">
        <v>1986</v>
      </c>
      <c r="F4352" s="237">
        <v>1800</v>
      </c>
      <c r="G4352" s="190" t="s">
        <v>1</v>
      </c>
      <c r="H4352" s="190">
        <v>0</v>
      </c>
      <c r="I4352" s="190">
        <v>0</v>
      </c>
      <c r="J4352" s="190">
        <v>1</v>
      </c>
      <c r="K4352" s="190">
        <v>1</v>
      </c>
      <c r="L4352" s="190">
        <v>1</v>
      </c>
      <c r="M4352" s="190">
        <v>1</v>
      </c>
      <c r="N4352" s="190">
        <v>0</v>
      </c>
      <c r="O4352" s="190">
        <v>1</v>
      </c>
      <c r="P4352" s="190">
        <v>0</v>
      </c>
      <c r="Q4352" s="190">
        <v>0</v>
      </c>
      <c r="R4352" s="190">
        <v>0</v>
      </c>
      <c r="S4352" s="190">
        <v>0</v>
      </c>
      <c r="T4352" s="190">
        <v>0</v>
      </c>
      <c r="U4352" s="99"/>
      <c r="V4352" s="99"/>
      <c r="W4352" s="99"/>
      <c r="X4352" s="99"/>
      <c r="Y4352" s="99"/>
      <c r="Z4352" s="99"/>
      <c r="AA4352" s="99"/>
      <c r="AB4352" s="99"/>
      <c r="AC4352" s="99"/>
      <c r="AD4352" s="99"/>
      <c r="AE4352" s="99"/>
      <c r="AF4352" s="99"/>
      <c r="AG4352" s="99"/>
      <c r="AH4352" s="99"/>
      <c r="AI4352" s="99"/>
      <c r="AJ4352" s="99"/>
      <c r="AK4352" s="99"/>
      <c r="AL4352" s="99"/>
      <c r="AM4352" s="99"/>
      <c r="AN4352" s="99"/>
      <c r="AO4352" s="99"/>
      <c r="AP4352" s="99"/>
      <c r="AQ4352" s="99"/>
      <c r="AR4352" s="99"/>
      <c r="AS4352" s="99"/>
      <c r="AT4352" s="99"/>
      <c r="AU4352" s="99"/>
      <c r="AV4352" s="99"/>
      <c r="AW4352" s="99"/>
      <c r="AX4352" s="99"/>
      <c r="AY4352" s="99"/>
      <c r="AZ4352" s="99"/>
      <c r="BA4352" s="99"/>
      <c r="BB4352" s="107">
        <v>45884</v>
      </c>
    </row>
    <row r="4353" spans="1:54" s="238" customFormat="1" ht="13.95" customHeight="1" x14ac:dyDescent="0.25">
      <c r="A4353" s="236" t="s">
        <v>9730</v>
      </c>
      <c r="B4353" s="220" t="s">
        <v>8672</v>
      </c>
      <c r="C4353" s="190" t="s">
        <v>9731</v>
      </c>
      <c r="D4353" s="190" t="s">
        <v>9732</v>
      </c>
      <c r="E4353" s="237">
        <v>1997</v>
      </c>
      <c r="F4353" s="237">
        <v>1800</v>
      </c>
      <c r="G4353" s="190" t="s">
        <v>1</v>
      </c>
      <c r="H4353" s="190">
        <v>0</v>
      </c>
      <c r="I4353" s="190">
        <v>0</v>
      </c>
      <c r="J4353" s="190">
        <v>1</v>
      </c>
      <c r="K4353" s="190">
        <v>1</v>
      </c>
      <c r="L4353" s="190">
        <v>1</v>
      </c>
      <c r="M4353" s="190">
        <v>1</v>
      </c>
      <c r="N4353" s="190">
        <v>0</v>
      </c>
      <c r="O4353" s="190">
        <v>0</v>
      </c>
      <c r="P4353" s="190">
        <v>1</v>
      </c>
      <c r="Q4353" s="190">
        <v>0</v>
      </c>
      <c r="R4353" s="190">
        <v>0</v>
      </c>
      <c r="S4353" s="190">
        <v>0</v>
      </c>
      <c r="T4353" s="190">
        <v>0</v>
      </c>
      <c r="U4353" s="99"/>
      <c r="V4353" s="99"/>
      <c r="W4353" s="99"/>
      <c r="X4353" s="99"/>
      <c r="Y4353" s="99"/>
      <c r="Z4353" s="99"/>
      <c r="AA4353" s="99"/>
      <c r="AB4353" s="99"/>
      <c r="AC4353" s="99"/>
      <c r="AD4353" s="99"/>
      <c r="AE4353" s="99"/>
      <c r="AF4353" s="99"/>
      <c r="AG4353" s="99"/>
      <c r="AH4353" s="99"/>
      <c r="AI4353" s="99"/>
      <c r="AJ4353" s="99"/>
      <c r="AK4353" s="99"/>
      <c r="AL4353" s="99"/>
      <c r="AM4353" s="99"/>
      <c r="AN4353" s="99"/>
      <c r="AO4353" s="99"/>
      <c r="AP4353" s="99"/>
      <c r="AQ4353" s="99"/>
      <c r="AR4353" s="99"/>
      <c r="AS4353" s="99"/>
      <c r="AT4353" s="99"/>
      <c r="AU4353" s="99"/>
      <c r="AV4353" s="99"/>
      <c r="AW4353" s="99"/>
      <c r="AX4353" s="99"/>
      <c r="AY4353" s="99"/>
      <c r="AZ4353" s="99"/>
      <c r="BA4353" s="190" t="s">
        <v>9733</v>
      </c>
      <c r="BB4353" s="107">
        <v>45884</v>
      </c>
    </row>
    <row r="4354" spans="1:54" s="238" customFormat="1" ht="13.95" customHeight="1" x14ac:dyDescent="0.25">
      <c r="A4354" s="236" t="s">
        <v>9734</v>
      </c>
      <c r="B4354" s="220" t="s">
        <v>8672</v>
      </c>
      <c r="C4354" s="190" t="s">
        <v>9735</v>
      </c>
      <c r="D4354" s="190" t="s">
        <v>9736</v>
      </c>
      <c r="E4354" s="237">
        <v>1977</v>
      </c>
      <c r="F4354" s="237">
        <v>1800</v>
      </c>
      <c r="G4354" s="190" t="s">
        <v>1</v>
      </c>
      <c r="H4354" s="190">
        <v>0</v>
      </c>
      <c r="I4354" s="190">
        <v>0</v>
      </c>
      <c r="J4354" s="190">
        <v>1</v>
      </c>
      <c r="K4354" s="190">
        <v>1</v>
      </c>
      <c r="L4354" s="190">
        <v>1</v>
      </c>
      <c r="M4354" s="190">
        <v>0</v>
      </c>
      <c r="N4354" s="190">
        <v>0</v>
      </c>
      <c r="O4354" s="190">
        <v>1</v>
      </c>
      <c r="P4354" s="190">
        <v>1</v>
      </c>
      <c r="Q4354" s="190">
        <v>0</v>
      </c>
      <c r="R4354" s="190">
        <v>0</v>
      </c>
      <c r="S4354" s="190">
        <v>1</v>
      </c>
      <c r="T4354" s="190">
        <v>0</v>
      </c>
      <c r="U4354" s="99"/>
      <c r="V4354" s="99"/>
      <c r="W4354" s="99"/>
      <c r="X4354" s="99"/>
      <c r="Y4354" s="99"/>
      <c r="Z4354" s="99"/>
      <c r="AA4354" s="99"/>
      <c r="AB4354" s="99"/>
      <c r="AC4354" s="99"/>
      <c r="AD4354" s="99"/>
      <c r="AE4354" s="99"/>
      <c r="AF4354" s="99"/>
      <c r="AG4354" s="99"/>
      <c r="AH4354" s="99"/>
      <c r="AI4354" s="99"/>
      <c r="AJ4354" s="99"/>
      <c r="AK4354" s="99"/>
      <c r="AL4354" s="99"/>
      <c r="AM4354" s="99"/>
      <c r="AN4354" s="99"/>
      <c r="AO4354" s="99"/>
      <c r="AP4354" s="99"/>
      <c r="AQ4354" s="99"/>
      <c r="AR4354" s="99"/>
      <c r="AS4354" s="99"/>
      <c r="AT4354" s="99"/>
      <c r="AU4354" s="99"/>
      <c r="AV4354" s="99"/>
      <c r="AW4354" s="99"/>
      <c r="AX4354" s="99"/>
      <c r="AY4354" s="99"/>
      <c r="AZ4354" s="99"/>
      <c r="BA4354" s="99"/>
      <c r="BB4354" s="107">
        <v>45884</v>
      </c>
    </row>
    <row r="4355" spans="1:54" s="238" customFormat="1" ht="13.95" customHeight="1" x14ac:dyDescent="0.25">
      <c r="A4355" s="236" t="s">
        <v>9737</v>
      </c>
      <c r="B4355" s="220" t="s">
        <v>8672</v>
      </c>
      <c r="C4355" s="190" t="s">
        <v>9738</v>
      </c>
      <c r="D4355" s="190" t="s">
        <v>9739</v>
      </c>
      <c r="E4355" s="237">
        <v>1971</v>
      </c>
      <c r="F4355" s="237">
        <v>1800</v>
      </c>
      <c r="G4355" s="190" t="s">
        <v>1</v>
      </c>
      <c r="H4355" s="190">
        <v>1</v>
      </c>
      <c r="I4355" s="190">
        <v>0</v>
      </c>
      <c r="J4355" s="190">
        <v>1</v>
      </c>
      <c r="K4355" s="190">
        <v>1</v>
      </c>
      <c r="L4355" s="190">
        <v>1</v>
      </c>
      <c r="M4355" s="190">
        <v>1</v>
      </c>
      <c r="N4355" s="190">
        <v>0</v>
      </c>
      <c r="O4355" s="190">
        <v>0</v>
      </c>
      <c r="P4355" s="190">
        <v>0</v>
      </c>
      <c r="Q4355" s="190">
        <v>0</v>
      </c>
      <c r="R4355" s="190">
        <v>0</v>
      </c>
      <c r="S4355" s="190">
        <v>0</v>
      </c>
      <c r="T4355" s="190">
        <v>0</v>
      </c>
      <c r="U4355" s="99"/>
      <c r="V4355" s="99"/>
      <c r="W4355" s="99"/>
      <c r="X4355" s="99"/>
      <c r="Y4355" s="99"/>
      <c r="Z4355" s="99"/>
      <c r="AA4355" s="99"/>
      <c r="AB4355" s="99"/>
      <c r="AC4355" s="99"/>
      <c r="AD4355" s="99"/>
      <c r="AE4355" s="99"/>
      <c r="AF4355" s="99"/>
      <c r="AG4355" s="99"/>
      <c r="AH4355" s="99"/>
      <c r="AI4355" s="99"/>
      <c r="AJ4355" s="99"/>
      <c r="AK4355" s="99"/>
      <c r="AL4355" s="99"/>
      <c r="AM4355" s="99"/>
      <c r="AN4355" s="99"/>
      <c r="AO4355" s="99"/>
      <c r="AP4355" s="99"/>
      <c r="AQ4355" s="99"/>
      <c r="AR4355" s="99"/>
      <c r="AS4355" s="99"/>
      <c r="AT4355" s="99"/>
      <c r="AU4355" s="99"/>
      <c r="AV4355" s="99"/>
      <c r="AW4355" s="99"/>
      <c r="AX4355" s="99"/>
      <c r="AY4355" s="99"/>
      <c r="AZ4355" s="99"/>
      <c r="BA4355" s="99"/>
      <c r="BB4355" s="107">
        <v>45884</v>
      </c>
    </row>
    <row r="4356" spans="1:54" s="238" customFormat="1" ht="13.95" customHeight="1" x14ac:dyDescent="0.25">
      <c r="A4356" s="236" t="s">
        <v>9740</v>
      </c>
      <c r="B4356" s="220" t="s">
        <v>8672</v>
      </c>
      <c r="C4356" s="190" t="s">
        <v>9741</v>
      </c>
      <c r="D4356" s="190" t="s">
        <v>9742</v>
      </c>
      <c r="E4356" s="237">
        <v>1978</v>
      </c>
      <c r="F4356" s="237">
        <v>1800</v>
      </c>
      <c r="G4356" s="190" t="s">
        <v>1</v>
      </c>
      <c r="H4356" s="190">
        <v>0</v>
      </c>
      <c r="I4356" s="190">
        <v>0</v>
      </c>
      <c r="J4356" s="190">
        <v>1</v>
      </c>
      <c r="K4356" s="190">
        <v>1</v>
      </c>
      <c r="L4356" s="190">
        <v>1</v>
      </c>
      <c r="M4356" s="190">
        <v>0</v>
      </c>
      <c r="N4356" s="190">
        <v>0</v>
      </c>
      <c r="O4356" s="190">
        <v>1</v>
      </c>
      <c r="P4356" s="190">
        <v>1</v>
      </c>
      <c r="Q4356" s="190">
        <v>0</v>
      </c>
      <c r="R4356" s="190">
        <v>0</v>
      </c>
      <c r="S4356" s="190">
        <v>0</v>
      </c>
      <c r="T4356" s="190">
        <v>0</v>
      </c>
      <c r="U4356" s="99"/>
      <c r="V4356" s="99"/>
      <c r="W4356" s="99"/>
      <c r="X4356" s="99"/>
      <c r="Y4356" s="99"/>
      <c r="Z4356" s="99"/>
      <c r="AA4356" s="99"/>
      <c r="AB4356" s="99"/>
      <c r="AC4356" s="99"/>
      <c r="AD4356" s="99"/>
      <c r="AE4356" s="99"/>
      <c r="AF4356" s="99"/>
      <c r="AG4356" s="99"/>
      <c r="AH4356" s="99"/>
      <c r="AI4356" s="99"/>
      <c r="AJ4356" s="99"/>
      <c r="AK4356" s="99"/>
      <c r="AL4356" s="99"/>
      <c r="AM4356" s="99"/>
      <c r="AN4356" s="99"/>
      <c r="AO4356" s="99"/>
      <c r="AP4356" s="99"/>
      <c r="AQ4356" s="99"/>
      <c r="AR4356" s="99"/>
      <c r="AS4356" s="99"/>
      <c r="AT4356" s="99"/>
      <c r="AU4356" s="99"/>
      <c r="AV4356" s="99"/>
      <c r="AW4356" s="99"/>
      <c r="AX4356" s="99"/>
      <c r="AY4356" s="99"/>
      <c r="AZ4356" s="99"/>
      <c r="BA4356" s="99"/>
      <c r="BB4356" s="107">
        <v>45884</v>
      </c>
    </row>
    <row r="4357" spans="1:54" s="238" customFormat="1" ht="13.95" customHeight="1" x14ac:dyDescent="0.25">
      <c r="A4357" s="236" t="s">
        <v>9743</v>
      </c>
      <c r="B4357" s="220" t="s">
        <v>8672</v>
      </c>
      <c r="C4357" s="190" t="s">
        <v>9744</v>
      </c>
      <c r="D4357" s="190" t="s">
        <v>9745</v>
      </c>
      <c r="E4357" s="237">
        <v>1983</v>
      </c>
      <c r="F4357" s="237">
        <v>1800</v>
      </c>
      <c r="G4357" s="190" t="s">
        <v>1</v>
      </c>
      <c r="H4357" s="190">
        <v>0</v>
      </c>
      <c r="I4357" s="190">
        <v>0</v>
      </c>
      <c r="J4357" s="190">
        <v>1</v>
      </c>
      <c r="K4357" s="190">
        <v>0</v>
      </c>
      <c r="L4357" s="190">
        <v>1</v>
      </c>
      <c r="M4357" s="190">
        <v>0</v>
      </c>
      <c r="N4357" s="190">
        <v>0</v>
      </c>
      <c r="O4357" s="190">
        <v>1</v>
      </c>
      <c r="P4357" s="190">
        <v>1</v>
      </c>
      <c r="Q4357" s="190">
        <v>1</v>
      </c>
      <c r="R4357" s="190">
        <v>1</v>
      </c>
      <c r="S4357" s="190">
        <v>1</v>
      </c>
      <c r="T4357" s="190">
        <v>0</v>
      </c>
      <c r="U4357" s="99"/>
      <c r="V4357" s="99"/>
      <c r="W4357" s="99"/>
      <c r="X4357" s="99"/>
      <c r="Y4357" s="99"/>
      <c r="Z4357" s="99"/>
      <c r="AA4357" s="99"/>
      <c r="AB4357" s="99"/>
      <c r="AC4357" s="99"/>
      <c r="AD4357" s="99"/>
      <c r="AE4357" s="99"/>
      <c r="AF4357" s="99"/>
      <c r="AG4357" s="99"/>
      <c r="AH4357" s="99"/>
      <c r="AI4357" s="99"/>
      <c r="AJ4357" s="99"/>
      <c r="AK4357" s="99"/>
      <c r="AL4357" s="99"/>
      <c r="AM4357" s="99"/>
      <c r="AN4357" s="99"/>
      <c r="AO4357" s="99"/>
      <c r="AP4357" s="99"/>
      <c r="AQ4357" s="99"/>
      <c r="AR4357" s="99"/>
      <c r="AS4357" s="99"/>
      <c r="AT4357" s="99"/>
      <c r="AU4357" s="99"/>
      <c r="AV4357" s="99"/>
      <c r="AW4357" s="99"/>
      <c r="AX4357" s="99"/>
      <c r="AY4357" s="99"/>
      <c r="AZ4357" s="99"/>
      <c r="BA4357" s="190" t="s">
        <v>8819</v>
      </c>
      <c r="BB4357" s="107">
        <v>45884</v>
      </c>
    </row>
    <row r="4358" spans="1:54" s="238" customFormat="1" ht="13.95" customHeight="1" x14ac:dyDescent="0.25">
      <c r="A4358" s="236" t="s">
        <v>9746</v>
      </c>
      <c r="B4358" s="220" t="s">
        <v>8672</v>
      </c>
      <c r="C4358" s="190" t="s">
        <v>9747</v>
      </c>
      <c r="D4358" s="190" t="s">
        <v>9748</v>
      </c>
      <c r="E4358" s="237">
        <v>1970</v>
      </c>
      <c r="F4358" s="237">
        <v>1800</v>
      </c>
      <c r="G4358" s="190" t="s">
        <v>1</v>
      </c>
      <c r="H4358" s="190">
        <v>0</v>
      </c>
      <c r="I4358" s="190">
        <v>0</v>
      </c>
      <c r="J4358" s="190">
        <v>1</v>
      </c>
      <c r="K4358" s="190">
        <v>1</v>
      </c>
      <c r="L4358" s="190">
        <v>1</v>
      </c>
      <c r="M4358" s="190">
        <v>1</v>
      </c>
      <c r="N4358" s="190">
        <v>0</v>
      </c>
      <c r="O4358" s="190">
        <v>1</v>
      </c>
      <c r="P4358" s="190">
        <v>1</v>
      </c>
      <c r="Q4358" s="190">
        <v>1</v>
      </c>
      <c r="R4358" s="190">
        <v>1</v>
      </c>
      <c r="S4358" s="190">
        <v>0</v>
      </c>
      <c r="T4358" s="190">
        <v>0</v>
      </c>
      <c r="U4358" s="99"/>
      <c r="V4358" s="99"/>
      <c r="W4358" s="99"/>
      <c r="X4358" s="99"/>
      <c r="Y4358" s="99"/>
      <c r="Z4358" s="99"/>
      <c r="AA4358" s="99"/>
      <c r="AB4358" s="99"/>
      <c r="AC4358" s="99"/>
      <c r="AD4358" s="99"/>
      <c r="AE4358" s="99"/>
      <c r="AF4358" s="99"/>
      <c r="AG4358" s="99"/>
      <c r="AH4358" s="99"/>
      <c r="AI4358" s="99"/>
      <c r="AJ4358" s="99"/>
      <c r="AK4358" s="99"/>
      <c r="AL4358" s="99"/>
      <c r="AM4358" s="99"/>
      <c r="AN4358" s="99"/>
      <c r="AO4358" s="99"/>
      <c r="AP4358" s="99"/>
      <c r="AQ4358" s="99"/>
      <c r="AR4358" s="99"/>
      <c r="AS4358" s="99"/>
      <c r="AT4358" s="99"/>
      <c r="AU4358" s="99"/>
      <c r="AV4358" s="99"/>
      <c r="AW4358" s="99"/>
      <c r="AX4358" s="99"/>
      <c r="AY4358" s="99"/>
      <c r="AZ4358" s="99"/>
      <c r="BA4358" s="99"/>
      <c r="BB4358" s="107">
        <v>45884</v>
      </c>
    </row>
    <row r="4359" spans="1:54" s="238" customFormat="1" ht="13.95" customHeight="1" x14ac:dyDescent="0.25">
      <c r="A4359" s="236" t="s">
        <v>9749</v>
      </c>
      <c r="B4359" s="220" t="s">
        <v>8672</v>
      </c>
      <c r="C4359" s="190" t="s">
        <v>9750</v>
      </c>
      <c r="D4359" s="190" t="s">
        <v>9751</v>
      </c>
      <c r="E4359" s="237">
        <v>1981</v>
      </c>
      <c r="F4359" s="237">
        <v>1900</v>
      </c>
      <c r="G4359" s="190" t="s">
        <v>1</v>
      </c>
      <c r="H4359" s="190">
        <v>0</v>
      </c>
      <c r="I4359" s="190">
        <v>0</v>
      </c>
      <c r="J4359" s="190">
        <v>1</v>
      </c>
      <c r="K4359" s="190">
        <v>0</v>
      </c>
      <c r="L4359" s="190">
        <v>1</v>
      </c>
      <c r="M4359" s="190">
        <v>0</v>
      </c>
      <c r="N4359" s="190">
        <v>0</v>
      </c>
      <c r="O4359" s="190">
        <v>1</v>
      </c>
      <c r="P4359" s="190">
        <v>1</v>
      </c>
      <c r="Q4359" s="190">
        <v>1</v>
      </c>
      <c r="R4359" s="190">
        <v>1</v>
      </c>
      <c r="S4359" s="190">
        <v>0</v>
      </c>
      <c r="T4359" s="190">
        <v>0</v>
      </c>
      <c r="U4359" s="99"/>
      <c r="V4359" s="99"/>
      <c r="W4359" s="99"/>
      <c r="X4359" s="99"/>
      <c r="Y4359" s="99"/>
      <c r="Z4359" s="99"/>
      <c r="AA4359" s="99"/>
      <c r="AB4359" s="99"/>
      <c r="AC4359" s="99"/>
      <c r="AD4359" s="99"/>
      <c r="AE4359" s="99"/>
      <c r="AF4359" s="99"/>
      <c r="AG4359" s="99"/>
      <c r="AH4359" s="99"/>
      <c r="AI4359" s="99"/>
      <c r="AJ4359" s="99"/>
      <c r="AK4359" s="99"/>
      <c r="AL4359" s="99"/>
      <c r="AM4359" s="99"/>
      <c r="AN4359" s="99"/>
      <c r="AO4359" s="99"/>
      <c r="AP4359" s="99"/>
      <c r="AQ4359" s="99"/>
      <c r="AR4359" s="99"/>
      <c r="AS4359" s="99"/>
      <c r="AT4359" s="99"/>
      <c r="AU4359" s="99"/>
      <c r="AV4359" s="99"/>
      <c r="AW4359" s="99"/>
      <c r="AX4359" s="99"/>
      <c r="AY4359" s="99"/>
      <c r="AZ4359" s="99"/>
      <c r="BA4359" s="190" t="s">
        <v>8819</v>
      </c>
      <c r="BB4359" s="107">
        <v>45884</v>
      </c>
    </row>
    <row r="4360" spans="1:54" s="238" customFormat="1" ht="13.95" customHeight="1" x14ac:dyDescent="0.25">
      <c r="A4360" s="236" t="s">
        <v>9752</v>
      </c>
      <c r="B4360" s="220" t="s">
        <v>8672</v>
      </c>
      <c r="C4360" s="190" t="s">
        <v>9753</v>
      </c>
      <c r="D4360" s="190" t="s">
        <v>9754</v>
      </c>
      <c r="E4360" s="237">
        <v>1973</v>
      </c>
      <c r="F4360" s="237">
        <v>1900</v>
      </c>
      <c r="G4360" s="190" t="s">
        <v>1</v>
      </c>
      <c r="H4360" s="190">
        <v>0</v>
      </c>
      <c r="I4360" s="190">
        <v>0</v>
      </c>
      <c r="J4360" s="190">
        <v>1</v>
      </c>
      <c r="K4360" s="190">
        <v>1</v>
      </c>
      <c r="L4360" s="190">
        <v>1</v>
      </c>
      <c r="M4360" s="190">
        <v>1</v>
      </c>
      <c r="N4360" s="190">
        <v>0</v>
      </c>
      <c r="O4360" s="190">
        <v>0</v>
      </c>
      <c r="P4360" s="190">
        <v>1</v>
      </c>
      <c r="Q4360" s="190">
        <v>0</v>
      </c>
      <c r="R4360" s="190">
        <v>0</v>
      </c>
      <c r="S4360" s="190">
        <v>0</v>
      </c>
      <c r="T4360" s="190">
        <v>0</v>
      </c>
      <c r="U4360" s="99"/>
      <c r="V4360" s="99"/>
      <c r="W4360" s="99"/>
      <c r="X4360" s="99"/>
      <c r="Y4360" s="99"/>
      <c r="Z4360" s="99"/>
      <c r="AA4360" s="99"/>
      <c r="AB4360" s="99"/>
      <c r="AC4360" s="99"/>
      <c r="AD4360" s="99"/>
      <c r="AE4360" s="99"/>
      <c r="AF4360" s="99"/>
      <c r="AG4360" s="99"/>
      <c r="AH4360" s="99"/>
      <c r="AI4360" s="99"/>
      <c r="AJ4360" s="99"/>
      <c r="AK4360" s="99"/>
      <c r="AL4360" s="99"/>
      <c r="AM4360" s="99"/>
      <c r="AN4360" s="99"/>
      <c r="AO4360" s="99"/>
      <c r="AP4360" s="99"/>
      <c r="AQ4360" s="99"/>
      <c r="AR4360" s="99"/>
      <c r="AS4360" s="99"/>
      <c r="AT4360" s="99"/>
      <c r="AU4360" s="99"/>
      <c r="AV4360" s="99"/>
      <c r="AW4360" s="99"/>
      <c r="AX4360" s="99"/>
      <c r="AY4360" s="99"/>
      <c r="AZ4360" s="99"/>
      <c r="BA4360" s="99"/>
      <c r="BB4360" s="107">
        <v>45884</v>
      </c>
    </row>
    <row r="4361" spans="1:54" s="238" customFormat="1" ht="13.95" customHeight="1" x14ac:dyDescent="0.25">
      <c r="A4361" s="236" t="s">
        <v>9755</v>
      </c>
      <c r="B4361" s="220" t="s">
        <v>8672</v>
      </c>
      <c r="C4361" s="190" t="s">
        <v>9756</v>
      </c>
      <c r="D4361" s="190" t="s">
        <v>9757</v>
      </c>
      <c r="E4361" s="237">
        <v>1983</v>
      </c>
      <c r="F4361" s="237">
        <v>1900</v>
      </c>
      <c r="G4361" s="190" t="s">
        <v>1</v>
      </c>
      <c r="H4361" s="190">
        <v>0</v>
      </c>
      <c r="I4361" s="190">
        <v>0</v>
      </c>
      <c r="J4361" s="190">
        <v>1</v>
      </c>
      <c r="K4361" s="190">
        <v>1</v>
      </c>
      <c r="L4361" s="190">
        <v>1</v>
      </c>
      <c r="M4361" s="190">
        <v>1</v>
      </c>
      <c r="N4361" s="190">
        <v>0</v>
      </c>
      <c r="O4361" s="190">
        <v>0</v>
      </c>
      <c r="P4361" s="190">
        <v>1</v>
      </c>
      <c r="Q4361" s="190">
        <v>0</v>
      </c>
      <c r="R4361" s="190">
        <v>1</v>
      </c>
      <c r="S4361" s="190">
        <v>0</v>
      </c>
      <c r="T4361" s="190">
        <v>0</v>
      </c>
      <c r="U4361" s="99"/>
      <c r="V4361" s="99"/>
      <c r="W4361" s="99"/>
      <c r="X4361" s="99"/>
      <c r="Y4361" s="99"/>
      <c r="Z4361" s="99"/>
      <c r="AA4361" s="99"/>
      <c r="AB4361" s="99"/>
      <c r="AC4361" s="99"/>
      <c r="AD4361" s="99"/>
      <c r="AE4361" s="99"/>
      <c r="AF4361" s="99"/>
      <c r="AG4361" s="99"/>
      <c r="AH4361" s="99"/>
      <c r="AI4361" s="99"/>
      <c r="AJ4361" s="99"/>
      <c r="AK4361" s="99"/>
      <c r="AL4361" s="99"/>
      <c r="AM4361" s="99"/>
      <c r="AN4361" s="99"/>
      <c r="AO4361" s="99"/>
      <c r="AP4361" s="99"/>
      <c r="AQ4361" s="99"/>
      <c r="AR4361" s="99"/>
      <c r="AS4361" s="99"/>
      <c r="AT4361" s="99"/>
      <c r="AU4361" s="99"/>
      <c r="AV4361" s="99"/>
      <c r="AW4361" s="99"/>
      <c r="AX4361" s="99"/>
      <c r="AY4361" s="99"/>
      <c r="AZ4361" s="99"/>
      <c r="BA4361" s="99"/>
      <c r="BB4361" s="107">
        <v>45884</v>
      </c>
    </row>
    <row r="4362" spans="1:54" s="238" customFormat="1" ht="13.95" customHeight="1" x14ac:dyDescent="0.25">
      <c r="A4362" s="236" t="s">
        <v>9758</v>
      </c>
      <c r="B4362" s="220" t="s">
        <v>8672</v>
      </c>
      <c r="C4362" s="190" t="s">
        <v>9759</v>
      </c>
      <c r="D4362" s="190" t="s">
        <v>9760</v>
      </c>
      <c r="E4362" s="237">
        <v>2009</v>
      </c>
      <c r="F4362" s="237">
        <v>1900</v>
      </c>
      <c r="G4362" s="190" t="s">
        <v>1</v>
      </c>
      <c r="H4362" s="190">
        <v>0</v>
      </c>
      <c r="I4362" s="190">
        <v>0</v>
      </c>
      <c r="J4362" s="190">
        <v>1</v>
      </c>
      <c r="K4362" s="190">
        <v>1</v>
      </c>
      <c r="L4362" s="190">
        <v>0</v>
      </c>
      <c r="M4362" s="190">
        <v>0</v>
      </c>
      <c r="N4362" s="190">
        <v>0</v>
      </c>
      <c r="O4362" s="190">
        <v>0</v>
      </c>
      <c r="P4362" s="190">
        <v>1</v>
      </c>
      <c r="Q4362" s="190">
        <v>0</v>
      </c>
      <c r="R4362" s="190">
        <v>1</v>
      </c>
      <c r="S4362" s="190">
        <v>0</v>
      </c>
      <c r="T4362" s="190">
        <v>0</v>
      </c>
      <c r="U4362" s="99"/>
      <c r="V4362" s="99"/>
      <c r="W4362" s="99"/>
      <c r="X4362" s="99"/>
      <c r="Y4362" s="99"/>
      <c r="Z4362" s="99"/>
      <c r="AA4362" s="99"/>
      <c r="AB4362" s="99"/>
      <c r="AC4362" s="99"/>
      <c r="AD4362" s="99"/>
      <c r="AE4362" s="99"/>
      <c r="AF4362" s="99"/>
      <c r="AG4362" s="99"/>
      <c r="AH4362" s="99"/>
      <c r="AI4362" s="99"/>
      <c r="AJ4362" s="99"/>
      <c r="AK4362" s="99"/>
      <c r="AL4362" s="99"/>
      <c r="AM4362" s="99"/>
      <c r="AN4362" s="99"/>
      <c r="AO4362" s="99"/>
      <c r="AP4362" s="99"/>
      <c r="AQ4362" s="99"/>
      <c r="AR4362" s="99"/>
      <c r="AS4362" s="99"/>
      <c r="AT4362" s="99"/>
      <c r="AU4362" s="99"/>
      <c r="AV4362" s="99"/>
      <c r="AW4362" s="99"/>
      <c r="AX4362" s="99"/>
      <c r="AY4362" s="99"/>
      <c r="AZ4362" s="99"/>
      <c r="BA4362" s="99"/>
      <c r="BB4362" s="107">
        <v>45884</v>
      </c>
    </row>
    <row r="4363" spans="1:54" s="238" customFormat="1" ht="13.95" customHeight="1" x14ac:dyDescent="0.25">
      <c r="A4363" s="236" t="s">
        <v>9761</v>
      </c>
      <c r="B4363" s="220" t="s">
        <v>8672</v>
      </c>
      <c r="C4363" s="190" t="s">
        <v>9762</v>
      </c>
      <c r="D4363" s="190" t="s">
        <v>9763</v>
      </c>
      <c r="E4363" s="237">
        <v>1986</v>
      </c>
      <c r="F4363" s="237">
        <v>1900</v>
      </c>
      <c r="G4363" s="190" t="s">
        <v>1</v>
      </c>
      <c r="H4363" s="190">
        <v>0</v>
      </c>
      <c r="I4363" s="190">
        <v>0</v>
      </c>
      <c r="J4363" s="190">
        <v>1</v>
      </c>
      <c r="K4363" s="190">
        <v>1</v>
      </c>
      <c r="L4363" s="190">
        <v>1</v>
      </c>
      <c r="M4363" s="190">
        <v>1</v>
      </c>
      <c r="N4363" s="190">
        <v>0</v>
      </c>
      <c r="O4363" s="190">
        <v>0</v>
      </c>
      <c r="P4363" s="190">
        <v>1</v>
      </c>
      <c r="Q4363" s="190">
        <v>0</v>
      </c>
      <c r="R4363" s="190">
        <v>1</v>
      </c>
      <c r="S4363" s="190">
        <v>0</v>
      </c>
      <c r="T4363" s="190">
        <v>0</v>
      </c>
      <c r="U4363" s="99"/>
      <c r="V4363" s="99"/>
      <c r="W4363" s="99"/>
      <c r="X4363" s="99"/>
      <c r="Y4363" s="99"/>
      <c r="Z4363" s="99"/>
      <c r="AA4363" s="99"/>
      <c r="AB4363" s="99"/>
      <c r="AC4363" s="99"/>
      <c r="AD4363" s="99"/>
      <c r="AE4363" s="99"/>
      <c r="AF4363" s="99"/>
      <c r="AG4363" s="99"/>
      <c r="AH4363" s="99"/>
      <c r="AI4363" s="99"/>
      <c r="AJ4363" s="99"/>
      <c r="AK4363" s="99"/>
      <c r="AL4363" s="99"/>
      <c r="AM4363" s="99"/>
      <c r="AN4363" s="99"/>
      <c r="AO4363" s="99"/>
      <c r="AP4363" s="99"/>
      <c r="AQ4363" s="99"/>
      <c r="AR4363" s="99"/>
      <c r="AS4363" s="99"/>
      <c r="AT4363" s="99"/>
      <c r="AU4363" s="99"/>
      <c r="AV4363" s="99"/>
      <c r="AW4363" s="99"/>
      <c r="AX4363" s="99"/>
      <c r="AY4363" s="99"/>
      <c r="AZ4363" s="99"/>
      <c r="BA4363" s="99"/>
      <c r="BB4363" s="107">
        <v>45884</v>
      </c>
    </row>
    <row r="4364" spans="1:54" s="238" customFormat="1" ht="13.95" customHeight="1" x14ac:dyDescent="0.25">
      <c r="A4364" s="236" t="s">
        <v>9764</v>
      </c>
      <c r="B4364" s="220" t="s">
        <v>8672</v>
      </c>
      <c r="C4364" s="190" t="s">
        <v>9765</v>
      </c>
      <c r="D4364" s="190" t="s">
        <v>9766</v>
      </c>
      <c r="E4364" s="237">
        <v>1983</v>
      </c>
      <c r="F4364" s="237">
        <v>1900</v>
      </c>
      <c r="G4364" s="190" t="s">
        <v>1</v>
      </c>
      <c r="H4364" s="190">
        <v>0</v>
      </c>
      <c r="I4364" s="190">
        <v>0</v>
      </c>
      <c r="J4364" s="190">
        <v>1</v>
      </c>
      <c r="K4364" s="190">
        <v>1</v>
      </c>
      <c r="L4364" s="190">
        <v>1</v>
      </c>
      <c r="M4364" s="190">
        <v>0</v>
      </c>
      <c r="N4364" s="190">
        <v>0</v>
      </c>
      <c r="O4364" s="190">
        <v>0</v>
      </c>
      <c r="P4364" s="190">
        <v>0</v>
      </c>
      <c r="Q4364" s="190">
        <v>1</v>
      </c>
      <c r="R4364" s="190">
        <v>1</v>
      </c>
      <c r="S4364" s="190">
        <v>0</v>
      </c>
      <c r="T4364" s="190">
        <v>0</v>
      </c>
      <c r="U4364" s="99"/>
      <c r="V4364" s="99"/>
      <c r="W4364" s="99"/>
      <c r="X4364" s="99"/>
      <c r="Y4364" s="99"/>
      <c r="Z4364" s="99"/>
      <c r="AA4364" s="99"/>
      <c r="AB4364" s="99"/>
      <c r="AC4364" s="99"/>
      <c r="AD4364" s="99"/>
      <c r="AE4364" s="99"/>
      <c r="AF4364" s="99"/>
      <c r="AG4364" s="99"/>
      <c r="AH4364" s="99"/>
      <c r="AI4364" s="99"/>
      <c r="AJ4364" s="99"/>
      <c r="AK4364" s="99"/>
      <c r="AL4364" s="99"/>
      <c r="AM4364" s="99"/>
      <c r="AN4364" s="99"/>
      <c r="AO4364" s="99"/>
      <c r="AP4364" s="99"/>
      <c r="AQ4364" s="99"/>
      <c r="AR4364" s="99"/>
      <c r="AS4364" s="99"/>
      <c r="AT4364" s="99"/>
      <c r="AU4364" s="99"/>
      <c r="AV4364" s="99"/>
      <c r="AW4364" s="99"/>
      <c r="AX4364" s="99"/>
      <c r="AY4364" s="99"/>
      <c r="AZ4364" s="99"/>
      <c r="BA4364" s="99"/>
      <c r="BB4364" s="107">
        <v>45884</v>
      </c>
    </row>
    <row r="4365" spans="1:54" s="238" customFormat="1" ht="13.95" customHeight="1" x14ac:dyDescent="0.25">
      <c r="A4365" s="236" t="s">
        <v>9767</v>
      </c>
      <c r="B4365" s="220" t="s">
        <v>8672</v>
      </c>
      <c r="C4365" s="190" t="s">
        <v>9768</v>
      </c>
      <c r="D4365" s="190" t="s">
        <v>9769</v>
      </c>
      <c r="E4365" s="237">
        <v>2007</v>
      </c>
      <c r="F4365" s="237">
        <v>2000</v>
      </c>
      <c r="G4365" s="190" t="s">
        <v>1</v>
      </c>
      <c r="H4365" s="190">
        <v>1</v>
      </c>
      <c r="I4365" s="190">
        <v>0</v>
      </c>
      <c r="J4365" s="190">
        <v>1</v>
      </c>
      <c r="K4365" s="190">
        <v>0</v>
      </c>
      <c r="L4365" s="190">
        <v>1</v>
      </c>
      <c r="M4365" s="190">
        <v>0</v>
      </c>
      <c r="N4365" s="190">
        <v>0</v>
      </c>
      <c r="O4365" s="190">
        <v>1</v>
      </c>
      <c r="P4365" s="190">
        <v>1</v>
      </c>
      <c r="Q4365" s="190">
        <v>0</v>
      </c>
      <c r="R4365" s="190">
        <v>1</v>
      </c>
      <c r="S4365" s="190">
        <v>0</v>
      </c>
      <c r="T4365" s="190">
        <v>0</v>
      </c>
      <c r="U4365" s="99"/>
      <c r="V4365" s="99"/>
      <c r="W4365" s="99"/>
      <c r="X4365" s="99"/>
      <c r="Y4365" s="99"/>
      <c r="Z4365" s="99"/>
      <c r="AA4365" s="99"/>
      <c r="AB4365" s="99"/>
      <c r="AC4365" s="99"/>
      <c r="AD4365" s="99"/>
      <c r="AE4365" s="99"/>
      <c r="AF4365" s="99"/>
      <c r="AG4365" s="99"/>
      <c r="AH4365" s="99"/>
      <c r="AI4365" s="99"/>
      <c r="AJ4365" s="99"/>
      <c r="AK4365" s="99"/>
      <c r="AL4365" s="99"/>
      <c r="AM4365" s="99"/>
      <c r="AN4365" s="99"/>
      <c r="AO4365" s="99"/>
      <c r="AP4365" s="99"/>
      <c r="AQ4365" s="99"/>
      <c r="AR4365" s="99"/>
      <c r="AS4365" s="99"/>
      <c r="AT4365" s="99"/>
      <c r="AU4365" s="99"/>
      <c r="AV4365" s="99"/>
      <c r="AW4365" s="99"/>
      <c r="AX4365" s="99"/>
      <c r="AY4365" s="99"/>
      <c r="AZ4365" s="99"/>
      <c r="BA4365" s="99"/>
      <c r="BB4365" s="107">
        <v>45884</v>
      </c>
    </row>
    <row r="4366" spans="1:54" s="238" customFormat="1" ht="13.95" customHeight="1" x14ac:dyDescent="0.25">
      <c r="A4366" s="236" t="s">
        <v>9770</v>
      </c>
      <c r="B4366" s="220" t="s">
        <v>8672</v>
      </c>
      <c r="C4366" s="190" t="s">
        <v>9771</v>
      </c>
      <c r="D4366" s="190" t="s">
        <v>9772</v>
      </c>
      <c r="E4366" s="237">
        <v>1998</v>
      </c>
      <c r="F4366" s="237">
        <v>2000</v>
      </c>
      <c r="G4366" s="190" t="s">
        <v>1</v>
      </c>
      <c r="H4366" s="190">
        <v>0</v>
      </c>
      <c r="I4366" s="190">
        <v>0</v>
      </c>
      <c r="J4366" s="190">
        <v>1</v>
      </c>
      <c r="K4366" s="190">
        <v>1</v>
      </c>
      <c r="L4366" s="190">
        <v>1</v>
      </c>
      <c r="M4366" s="190">
        <v>1</v>
      </c>
      <c r="N4366" s="190">
        <v>0</v>
      </c>
      <c r="O4366" s="190">
        <v>0</v>
      </c>
      <c r="P4366" s="190">
        <v>1</v>
      </c>
      <c r="Q4366" s="190">
        <v>1</v>
      </c>
      <c r="R4366" s="190">
        <v>1</v>
      </c>
      <c r="S4366" s="190">
        <v>0</v>
      </c>
      <c r="T4366" s="190">
        <v>1</v>
      </c>
      <c r="U4366" s="99"/>
      <c r="V4366" s="99"/>
      <c r="W4366" s="99"/>
      <c r="X4366" s="99"/>
      <c r="Y4366" s="99"/>
      <c r="Z4366" s="99"/>
      <c r="AA4366" s="99"/>
      <c r="AB4366" s="99"/>
      <c r="AC4366" s="99"/>
      <c r="AD4366" s="99"/>
      <c r="AE4366" s="99"/>
      <c r="AF4366" s="99"/>
      <c r="AG4366" s="99"/>
      <c r="AH4366" s="99"/>
      <c r="AI4366" s="99"/>
      <c r="AJ4366" s="99"/>
      <c r="AK4366" s="99"/>
      <c r="AL4366" s="99"/>
      <c r="AM4366" s="99"/>
      <c r="AN4366" s="99"/>
      <c r="AO4366" s="99"/>
      <c r="AP4366" s="99"/>
      <c r="AQ4366" s="99"/>
      <c r="AR4366" s="99"/>
      <c r="AS4366" s="99"/>
      <c r="AT4366" s="99"/>
      <c r="AU4366" s="99"/>
      <c r="AV4366" s="99"/>
      <c r="AW4366" s="99"/>
      <c r="AX4366" s="99"/>
      <c r="AY4366" s="99"/>
      <c r="AZ4366" s="99"/>
      <c r="BA4366" s="99"/>
      <c r="BB4366" s="107">
        <v>45884</v>
      </c>
    </row>
    <row r="4367" spans="1:54" s="238" customFormat="1" ht="13.95" customHeight="1" x14ac:dyDescent="0.25">
      <c r="A4367" s="236" t="s">
        <v>9773</v>
      </c>
      <c r="B4367" s="220" t="s">
        <v>8672</v>
      </c>
      <c r="C4367" s="190" t="s">
        <v>9774</v>
      </c>
      <c r="D4367" s="190" t="s">
        <v>9775</v>
      </c>
      <c r="E4367" s="237">
        <v>1994</v>
      </c>
      <c r="F4367" s="237">
        <v>2000</v>
      </c>
      <c r="G4367" s="190" t="s">
        <v>1</v>
      </c>
      <c r="H4367" s="190">
        <v>0</v>
      </c>
      <c r="I4367" s="190">
        <v>0</v>
      </c>
      <c r="J4367" s="190">
        <v>1</v>
      </c>
      <c r="K4367" s="190">
        <v>1</v>
      </c>
      <c r="L4367" s="190">
        <v>1</v>
      </c>
      <c r="M4367" s="190">
        <v>1</v>
      </c>
      <c r="N4367" s="190">
        <v>0</v>
      </c>
      <c r="O4367" s="190">
        <v>1</v>
      </c>
      <c r="P4367" s="190">
        <v>1</v>
      </c>
      <c r="Q4367" s="190">
        <v>0</v>
      </c>
      <c r="R4367" s="190">
        <v>1</v>
      </c>
      <c r="S4367" s="190">
        <v>0</v>
      </c>
      <c r="T4367" s="190">
        <v>0</v>
      </c>
      <c r="U4367" s="99"/>
      <c r="V4367" s="99"/>
      <c r="W4367" s="99"/>
      <c r="X4367" s="99"/>
      <c r="Y4367" s="99"/>
      <c r="Z4367" s="99"/>
      <c r="AA4367" s="99"/>
      <c r="AB4367" s="99"/>
      <c r="AC4367" s="99"/>
      <c r="AD4367" s="99"/>
      <c r="AE4367" s="99"/>
      <c r="AF4367" s="99"/>
      <c r="AG4367" s="99"/>
      <c r="AH4367" s="99"/>
      <c r="AI4367" s="99"/>
      <c r="AJ4367" s="99"/>
      <c r="AK4367" s="99"/>
      <c r="AL4367" s="99"/>
      <c r="AM4367" s="99"/>
      <c r="AN4367" s="99"/>
      <c r="AO4367" s="99"/>
      <c r="AP4367" s="99"/>
      <c r="AQ4367" s="99"/>
      <c r="AR4367" s="99"/>
      <c r="AS4367" s="99"/>
      <c r="AT4367" s="99"/>
      <c r="AU4367" s="99"/>
      <c r="AV4367" s="99"/>
      <c r="AW4367" s="99"/>
      <c r="AX4367" s="99"/>
      <c r="AY4367" s="99"/>
      <c r="AZ4367" s="99"/>
      <c r="BA4367" s="99"/>
      <c r="BB4367" s="107">
        <v>45884</v>
      </c>
    </row>
    <row r="4368" spans="1:54" s="238" customFormat="1" ht="13.95" customHeight="1" x14ac:dyDescent="0.25">
      <c r="A4368" s="236" t="s">
        <v>9776</v>
      </c>
      <c r="B4368" s="220" t="s">
        <v>8672</v>
      </c>
      <c r="C4368" s="190" t="s">
        <v>9777</v>
      </c>
      <c r="D4368" s="190" t="s">
        <v>9778</v>
      </c>
      <c r="E4368" s="237">
        <v>1998</v>
      </c>
      <c r="F4368" s="237">
        <v>2000</v>
      </c>
      <c r="G4368" s="190" t="s">
        <v>1</v>
      </c>
      <c r="H4368" s="190">
        <v>0</v>
      </c>
      <c r="I4368" s="190">
        <v>0</v>
      </c>
      <c r="J4368" s="190">
        <v>1</v>
      </c>
      <c r="K4368" s="190">
        <v>1</v>
      </c>
      <c r="L4368" s="190">
        <v>1</v>
      </c>
      <c r="M4368" s="190">
        <v>1</v>
      </c>
      <c r="N4368" s="190">
        <v>0</v>
      </c>
      <c r="O4368" s="190">
        <v>1</v>
      </c>
      <c r="P4368" s="190">
        <v>1</v>
      </c>
      <c r="Q4368" s="190">
        <v>1</v>
      </c>
      <c r="R4368" s="190">
        <v>1</v>
      </c>
      <c r="S4368" s="190">
        <v>0</v>
      </c>
      <c r="T4368" s="190">
        <v>0</v>
      </c>
      <c r="U4368" s="99"/>
      <c r="V4368" s="99"/>
      <c r="W4368" s="99"/>
      <c r="X4368" s="99"/>
      <c r="Y4368" s="99"/>
      <c r="Z4368" s="99"/>
      <c r="AA4368" s="99"/>
      <c r="AB4368" s="99"/>
      <c r="AC4368" s="99"/>
      <c r="AD4368" s="99"/>
      <c r="AE4368" s="99"/>
      <c r="AF4368" s="99"/>
      <c r="AG4368" s="99"/>
      <c r="AH4368" s="99"/>
      <c r="AI4368" s="99"/>
      <c r="AJ4368" s="99"/>
      <c r="AK4368" s="99"/>
      <c r="AL4368" s="99"/>
      <c r="AM4368" s="99"/>
      <c r="AN4368" s="99"/>
      <c r="AO4368" s="99"/>
      <c r="AP4368" s="99"/>
      <c r="AQ4368" s="99"/>
      <c r="AR4368" s="99"/>
      <c r="AS4368" s="99"/>
      <c r="AT4368" s="99"/>
      <c r="AU4368" s="99"/>
      <c r="AV4368" s="99"/>
      <c r="AW4368" s="99"/>
      <c r="AX4368" s="99"/>
      <c r="AY4368" s="99"/>
      <c r="AZ4368" s="99"/>
      <c r="BA4368" s="190" t="s">
        <v>8878</v>
      </c>
      <c r="BB4368" s="107">
        <v>45884</v>
      </c>
    </row>
    <row r="4369" spans="1:54" s="238" customFormat="1" ht="13.95" customHeight="1" x14ac:dyDescent="0.25">
      <c r="A4369" s="236" t="s">
        <v>9779</v>
      </c>
      <c r="B4369" s="220" t="s">
        <v>8672</v>
      </c>
      <c r="C4369" s="190" t="s">
        <v>9780</v>
      </c>
      <c r="D4369" s="190" t="s">
        <v>9781</v>
      </c>
      <c r="E4369" s="237">
        <v>1986</v>
      </c>
      <c r="F4369" s="237">
        <v>200</v>
      </c>
      <c r="G4369" s="190" t="s">
        <v>1</v>
      </c>
      <c r="H4369" s="190">
        <v>0</v>
      </c>
      <c r="I4369" s="190">
        <v>0</v>
      </c>
      <c r="J4369" s="190">
        <v>0</v>
      </c>
      <c r="K4369" s="190">
        <v>1</v>
      </c>
      <c r="L4369" s="190">
        <v>0</v>
      </c>
      <c r="M4369" s="190">
        <v>0</v>
      </c>
      <c r="N4369" s="190">
        <v>0</v>
      </c>
      <c r="O4369" s="190">
        <v>0</v>
      </c>
      <c r="P4369" s="190">
        <v>1</v>
      </c>
      <c r="Q4369" s="190">
        <v>0</v>
      </c>
      <c r="R4369" s="190">
        <v>0</v>
      </c>
      <c r="S4369" s="190">
        <v>0</v>
      </c>
      <c r="T4369" s="190">
        <v>0</v>
      </c>
      <c r="U4369" s="99"/>
      <c r="V4369" s="99"/>
      <c r="W4369" s="99"/>
      <c r="X4369" s="99"/>
      <c r="Y4369" s="99"/>
      <c r="Z4369" s="99"/>
      <c r="AA4369" s="99"/>
      <c r="AB4369" s="99"/>
      <c r="AC4369" s="99"/>
      <c r="AD4369" s="99"/>
      <c r="AE4369" s="99"/>
      <c r="AF4369" s="99"/>
      <c r="AG4369" s="99"/>
      <c r="AH4369" s="99"/>
      <c r="AI4369" s="99"/>
      <c r="AJ4369" s="99"/>
      <c r="AK4369" s="99"/>
      <c r="AL4369" s="99"/>
      <c r="AM4369" s="99"/>
      <c r="AN4369" s="99"/>
      <c r="AO4369" s="99"/>
      <c r="AP4369" s="99"/>
      <c r="AQ4369" s="99"/>
      <c r="AR4369" s="99"/>
      <c r="AS4369" s="99"/>
      <c r="AT4369" s="99"/>
      <c r="AU4369" s="99"/>
      <c r="AV4369" s="99"/>
      <c r="AW4369" s="99"/>
      <c r="AX4369" s="99"/>
      <c r="AY4369" s="99"/>
      <c r="AZ4369" s="99"/>
      <c r="BA4369" s="99"/>
      <c r="BB4369" s="107">
        <v>45884</v>
      </c>
    </row>
    <row r="4370" spans="1:54" s="238" customFormat="1" ht="13.95" customHeight="1" x14ac:dyDescent="0.25">
      <c r="A4370" s="236" t="s">
        <v>9782</v>
      </c>
      <c r="B4370" s="220" t="s">
        <v>8672</v>
      </c>
      <c r="C4370" s="190" t="s">
        <v>9783</v>
      </c>
      <c r="D4370" s="190" t="s">
        <v>9784</v>
      </c>
      <c r="E4370" s="237">
        <v>1975</v>
      </c>
      <c r="F4370" s="237">
        <v>200</v>
      </c>
      <c r="G4370" s="190" t="s">
        <v>1</v>
      </c>
      <c r="H4370" s="190">
        <v>0</v>
      </c>
      <c r="I4370" s="190">
        <v>0</v>
      </c>
      <c r="J4370" s="190">
        <v>0</v>
      </c>
      <c r="K4370" s="190">
        <v>0</v>
      </c>
      <c r="L4370" s="190">
        <v>0</v>
      </c>
      <c r="M4370" s="190">
        <v>0</v>
      </c>
      <c r="N4370" s="190">
        <v>0</v>
      </c>
      <c r="O4370" s="190">
        <v>0</v>
      </c>
      <c r="P4370" s="190">
        <v>1</v>
      </c>
      <c r="Q4370" s="190">
        <v>0</v>
      </c>
      <c r="R4370" s="190">
        <v>0</v>
      </c>
      <c r="S4370" s="190">
        <v>0</v>
      </c>
      <c r="T4370" s="190">
        <v>0</v>
      </c>
      <c r="U4370" s="99"/>
      <c r="V4370" s="99"/>
      <c r="W4370" s="99"/>
      <c r="X4370" s="99"/>
      <c r="Y4370" s="99"/>
      <c r="Z4370" s="99"/>
      <c r="AA4370" s="99"/>
      <c r="AB4370" s="99"/>
      <c r="AC4370" s="99"/>
      <c r="AD4370" s="99"/>
      <c r="AE4370" s="99"/>
      <c r="AF4370" s="99"/>
      <c r="AG4370" s="99"/>
      <c r="AH4370" s="99"/>
      <c r="AI4370" s="99"/>
      <c r="AJ4370" s="99"/>
      <c r="AK4370" s="99"/>
      <c r="AL4370" s="99"/>
      <c r="AM4370" s="99"/>
      <c r="AN4370" s="99"/>
      <c r="AO4370" s="99"/>
      <c r="AP4370" s="99"/>
      <c r="AQ4370" s="99"/>
      <c r="AR4370" s="99"/>
      <c r="AS4370" s="99"/>
      <c r="AT4370" s="99"/>
      <c r="AU4370" s="99"/>
      <c r="AV4370" s="99"/>
      <c r="AW4370" s="99"/>
      <c r="AX4370" s="99"/>
      <c r="AY4370" s="99"/>
      <c r="AZ4370" s="99"/>
      <c r="BA4370" s="99"/>
      <c r="BB4370" s="107">
        <v>45884</v>
      </c>
    </row>
    <row r="4371" spans="1:54" s="238" customFormat="1" ht="13.95" customHeight="1" x14ac:dyDescent="0.25">
      <c r="A4371" s="236" t="s">
        <v>9785</v>
      </c>
      <c r="B4371" s="220" t="s">
        <v>8672</v>
      </c>
      <c r="C4371" s="190" t="s">
        <v>9786</v>
      </c>
      <c r="D4371" s="190" t="s">
        <v>9787</v>
      </c>
      <c r="E4371" s="237">
        <v>2007</v>
      </c>
      <c r="F4371" s="237">
        <v>200</v>
      </c>
      <c r="G4371" s="190" t="s">
        <v>1</v>
      </c>
      <c r="H4371" s="190">
        <v>0</v>
      </c>
      <c r="I4371" s="190">
        <v>0</v>
      </c>
      <c r="J4371" s="190">
        <v>0</v>
      </c>
      <c r="K4371" s="190">
        <v>0</v>
      </c>
      <c r="L4371" s="190">
        <v>0</v>
      </c>
      <c r="M4371" s="190">
        <v>0</v>
      </c>
      <c r="N4371" s="190">
        <v>0</v>
      </c>
      <c r="O4371" s="190">
        <v>0</v>
      </c>
      <c r="P4371" s="190">
        <v>0</v>
      </c>
      <c r="Q4371" s="190">
        <v>0</v>
      </c>
      <c r="R4371" s="190">
        <v>0</v>
      </c>
      <c r="S4371" s="190">
        <v>0</v>
      </c>
      <c r="T4371" s="190">
        <v>0</v>
      </c>
      <c r="U4371" s="99"/>
      <c r="V4371" s="99"/>
      <c r="W4371" s="99"/>
      <c r="X4371" s="99"/>
      <c r="Y4371" s="99"/>
      <c r="Z4371" s="99"/>
      <c r="AA4371" s="99"/>
      <c r="AB4371" s="99"/>
      <c r="AC4371" s="99"/>
      <c r="AD4371" s="99"/>
      <c r="AE4371" s="99"/>
      <c r="AF4371" s="99"/>
      <c r="AG4371" s="99"/>
      <c r="AH4371" s="99"/>
      <c r="AI4371" s="99"/>
      <c r="AJ4371" s="99"/>
      <c r="AK4371" s="99"/>
      <c r="AL4371" s="99"/>
      <c r="AM4371" s="99"/>
      <c r="AN4371" s="99"/>
      <c r="AO4371" s="99"/>
      <c r="AP4371" s="99"/>
      <c r="AQ4371" s="99"/>
      <c r="AR4371" s="99"/>
      <c r="AS4371" s="99"/>
      <c r="AT4371" s="99"/>
      <c r="AU4371" s="99"/>
      <c r="AV4371" s="99"/>
      <c r="AW4371" s="99"/>
      <c r="AX4371" s="99"/>
      <c r="AY4371" s="99"/>
      <c r="AZ4371" s="99"/>
      <c r="BA4371" s="99"/>
      <c r="BB4371" s="107">
        <v>45884</v>
      </c>
    </row>
    <row r="4372" spans="1:54" s="238" customFormat="1" ht="13.95" customHeight="1" x14ac:dyDescent="0.25">
      <c r="A4372" s="236" t="s">
        <v>9788</v>
      </c>
      <c r="B4372" s="220" t="s">
        <v>8672</v>
      </c>
      <c r="C4372" s="190" t="s">
        <v>9789</v>
      </c>
      <c r="D4372" s="190" t="s">
        <v>9790</v>
      </c>
      <c r="E4372" s="237">
        <v>2007</v>
      </c>
      <c r="F4372" s="237">
        <v>2000</v>
      </c>
      <c r="G4372" s="190" t="s">
        <v>1</v>
      </c>
      <c r="H4372" s="190">
        <v>0</v>
      </c>
      <c r="I4372" s="190">
        <v>0</v>
      </c>
      <c r="J4372" s="190">
        <v>1</v>
      </c>
      <c r="K4372" s="190">
        <v>0</v>
      </c>
      <c r="L4372" s="190">
        <v>1</v>
      </c>
      <c r="M4372" s="190">
        <v>0</v>
      </c>
      <c r="N4372" s="190">
        <v>0</v>
      </c>
      <c r="O4372" s="190">
        <v>1</v>
      </c>
      <c r="P4372" s="190">
        <v>1</v>
      </c>
      <c r="Q4372" s="190">
        <v>0</v>
      </c>
      <c r="R4372" s="190">
        <v>1</v>
      </c>
      <c r="S4372" s="190">
        <v>0</v>
      </c>
      <c r="T4372" s="190">
        <v>0</v>
      </c>
      <c r="U4372" s="99"/>
      <c r="V4372" s="99"/>
      <c r="W4372" s="99"/>
      <c r="X4372" s="99"/>
      <c r="Y4372" s="99"/>
      <c r="Z4372" s="99"/>
      <c r="AA4372" s="99"/>
      <c r="AB4372" s="99"/>
      <c r="AC4372" s="99"/>
      <c r="AD4372" s="99"/>
      <c r="AE4372" s="99"/>
      <c r="AF4372" s="99"/>
      <c r="AG4372" s="99"/>
      <c r="AH4372" s="99"/>
      <c r="AI4372" s="99"/>
      <c r="AJ4372" s="99"/>
      <c r="AK4372" s="99"/>
      <c r="AL4372" s="99"/>
      <c r="AM4372" s="99"/>
      <c r="AN4372" s="99"/>
      <c r="AO4372" s="99"/>
      <c r="AP4372" s="99"/>
      <c r="AQ4372" s="99"/>
      <c r="AR4372" s="99"/>
      <c r="AS4372" s="99"/>
      <c r="AT4372" s="99"/>
      <c r="AU4372" s="99"/>
      <c r="AV4372" s="99"/>
      <c r="AW4372" s="99"/>
      <c r="AX4372" s="99"/>
      <c r="AY4372" s="99"/>
      <c r="AZ4372" s="99"/>
      <c r="BA4372" s="99"/>
      <c r="BB4372" s="107">
        <v>45884</v>
      </c>
    </row>
    <row r="4373" spans="1:54" s="238" customFormat="1" ht="13.95" customHeight="1" x14ac:dyDescent="0.25">
      <c r="A4373" s="236" t="s">
        <v>9791</v>
      </c>
      <c r="B4373" s="220" t="s">
        <v>8672</v>
      </c>
      <c r="C4373" s="190" t="s">
        <v>9792</v>
      </c>
      <c r="D4373" s="190" t="s">
        <v>9793</v>
      </c>
      <c r="E4373" s="237">
        <v>1985</v>
      </c>
      <c r="F4373" s="237">
        <v>2000</v>
      </c>
      <c r="G4373" s="190" t="s">
        <v>1</v>
      </c>
      <c r="H4373" s="190">
        <v>0</v>
      </c>
      <c r="I4373" s="190">
        <v>0</v>
      </c>
      <c r="J4373" s="190">
        <v>1</v>
      </c>
      <c r="K4373" s="190">
        <v>1</v>
      </c>
      <c r="L4373" s="190">
        <v>1</v>
      </c>
      <c r="M4373" s="190">
        <v>1</v>
      </c>
      <c r="N4373" s="190">
        <v>0</v>
      </c>
      <c r="O4373" s="190">
        <v>1</v>
      </c>
      <c r="P4373" s="190">
        <v>1</v>
      </c>
      <c r="Q4373" s="190">
        <v>0</v>
      </c>
      <c r="R4373" s="190">
        <v>1</v>
      </c>
      <c r="S4373" s="190">
        <v>0</v>
      </c>
      <c r="T4373" s="190">
        <v>0</v>
      </c>
      <c r="U4373" s="99"/>
      <c r="V4373" s="99"/>
      <c r="W4373" s="99"/>
      <c r="X4373" s="99"/>
      <c r="Y4373" s="99"/>
      <c r="Z4373" s="99"/>
      <c r="AA4373" s="99"/>
      <c r="AB4373" s="99"/>
      <c r="AC4373" s="99"/>
      <c r="AD4373" s="99"/>
      <c r="AE4373" s="99"/>
      <c r="AF4373" s="99"/>
      <c r="AG4373" s="99"/>
      <c r="AH4373" s="99"/>
      <c r="AI4373" s="99"/>
      <c r="AJ4373" s="99"/>
      <c r="AK4373" s="99"/>
      <c r="AL4373" s="99"/>
      <c r="AM4373" s="99"/>
      <c r="AN4373" s="99"/>
      <c r="AO4373" s="99"/>
      <c r="AP4373" s="99"/>
      <c r="AQ4373" s="99"/>
      <c r="AR4373" s="99"/>
      <c r="AS4373" s="99"/>
      <c r="AT4373" s="99"/>
      <c r="AU4373" s="99"/>
      <c r="AV4373" s="99"/>
      <c r="AW4373" s="99"/>
      <c r="AX4373" s="99"/>
      <c r="AY4373" s="99"/>
      <c r="AZ4373" s="99"/>
      <c r="BA4373" s="99"/>
      <c r="BB4373" s="107">
        <v>45884</v>
      </c>
    </row>
    <row r="4374" spans="1:54" s="238" customFormat="1" ht="13.95" customHeight="1" x14ac:dyDescent="0.25">
      <c r="A4374" s="236" t="s">
        <v>9794</v>
      </c>
      <c r="B4374" s="220" t="s">
        <v>8672</v>
      </c>
      <c r="C4374" s="190" t="s">
        <v>9795</v>
      </c>
      <c r="D4374" s="190" t="s">
        <v>9796</v>
      </c>
      <c r="E4374" s="237">
        <v>1994</v>
      </c>
      <c r="F4374" s="237">
        <v>2000</v>
      </c>
      <c r="G4374" s="190" t="s">
        <v>1</v>
      </c>
      <c r="H4374" s="190">
        <v>0</v>
      </c>
      <c r="I4374" s="190">
        <v>0</v>
      </c>
      <c r="J4374" s="190">
        <v>1</v>
      </c>
      <c r="K4374" s="190">
        <v>1</v>
      </c>
      <c r="L4374" s="190">
        <v>1</v>
      </c>
      <c r="M4374" s="190">
        <v>1</v>
      </c>
      <c r="N4374" s="190">
        <v>0</v>
      </c>
      <c r="O4374" s="190">
        <v>1</v>
      </c>
      <c r="P4374" s="190">
        <v>1</v>
      </c>
      <c r="Q4374" s="190">
        <v>1</v>
      </c>
      <c r="R4374" s="190">
        <v>0</v>
      </c>
      <c r="S4374" s="190">
        <v>0</v>
      </c>
      <c r="T4374" s="190">
        <v>0</v>
      </c>
      <c r="U4374" s="99"/>
      <c r="V4374" s="99"/>
      <c r="W4374" s="99"/>
      <c r="X4374" s="99"/>
      <c r="Y4374" s="99"/>
      <c r="Z4374" s="99"/>
      <c r="AA4374" s="99"/>
      <c r="AB4374" s="99"/>
      <c r="AC4374" s="99"/>
      <c r="AD4374" s="99"/>
      <c r="AE4374" s="99"/>
      <c r="AF4374" s="99"/>
      <c r="AG4374" s="99"/>
      <c r="AH4374" s="99"/>
      <c r="AI4374" s="99"/>
      <c r="AJ4374" s="99"/>
      <c r="AK4374" s="99"/>
      <c r="AL4374" s="99"/>
      <c r="AM4374" s="99"/>
      <c r="AN4374" s="99"/>
      <c r="AO4374" s="99"/>
      <c r="AP4374" s="99"/>
      <c r="AQ4374" s="99"/>
      <c r="AR4374" s="99"/>
      <c r="AS4374" s="99"/>
      <c r="AT4374" s="99"/>
      <c r="AU4374" s="99"/>
      <c r="AV4374" s="99"/>
      <c r="AW4374" s="99"/>
      <c r="AX4374" s="99"/>
      <c r="AY4374" s="99"/>
      <c r="AZ4374" s="99"/>
      <c r="BA4374" s="99"/>
      <c r="BB4374" s="107">
        <v>45884</v>
      </c>
    </row>
    <row r="4375" spans="1:54" s="238" customFormat="1" ht="13.95" customHeight="1" x14ac:dyDescent="0.25">
      <c r="A4375" s="236" t="s">
        <v>9797</v>
      </c>
      <c r="B4375" s="220" t="s">
        <v>8672</v>
      </c>
      <c r="C4375" s="190" t="s">
        <v>9798</v>
      </c>
      <c r="D4375" s="190" t="s">
        <v>9799</v>
      </c>
      <c r="E4375" s="237">
        <v>1991</v>
      </c>
      <c r="F4375" s="237">
        <v>1100</v>
      </c>
      <c r="G4375" s="190" t="s">
        <v>1</v>
      </c>
      <c r="H4375" s="190">
        <v>0</v>
      </c>
      <c r="I4375" s="190">
        <v>0</v>
      </c>
      <c r="J4375" s="190">
        <v>1</v>
      </c>
      <c r="K4375" s="190">
        <v>1</v>
      </c>
      <c r="L4375" s="190">
        <v>1</v>
      </c>
      <c r="M4375" s="190">
        <v>0</v>
      </c>
      <c r="N4375" s="190">
        <v>0</v>
      </c>
      <c r="O4375" s="190">
        <v>0</v>
      </c>
      <c r="P4375" s="190">
        <v>0</v>
      </c>
      <c r="Q4375" s="190">
        <v>0</v>
      </c>
      <c r="R4375" s="190">
        <v>0</v>
      </c>
      <c r="S4375" s="190">
        <v>0</v>
      </c>
      <c r="T4375" s="190">
        <v>0</v>
      </c>
      <c r="U4375" s="99"/>
      <c r="V4375" s="99"/>
      <c r="W4375" s="99"/>
      <c r="X4375" s="99"/>
      <c r="Y4375" s="99"/>
      <c r="Z4375" s="99"/>
      <c r="AA4375" s="99"/>
      <c r="AB4375" s="99"/>
      <c r="AC4375" s="99"/>
      <c r="AD4375" s="99"/>
      <c r="AE4375" s="99"/>
      <c r="AF4375" s="99"/>
      <c r="AG4375" s="99"/>
      <c r="AH4375" s="99"/>
      <c r="AI4375" s="99"/>
      <c r="AJ4375" s="99"/>
      <c r="AK4375" s="99"/>
      <c r="AL4375" s="99"/>
      <c r="AM4375" s="99"/>
      <c r="AN4375" s="99"/>
      <c r="AO4375" s="99"/>
      <c r="AP4375" s="99"/>
      <c r="AQ4375" s="99"/>
      <c r="AR4375" s="99"/>
      <c r="AS4375" s="99"/>
      <c r="AT4375" s="99"/>
      <c r="AU4375" s="99"/>
      <c r="AV4375" s="99"/>
      <c r="AW4375" s="99"/>
      <c r="AX4375" s="99"/>
      <c r="AY4375" s="99"/>
      <c r="AZ4375" s="99"/>
      <c r="BA4375" s="99"/>
      <c r="BB4375" s="107">
        <v>45884</v>
      </c>
    </row>
    <row r="4376" spans="1:54" s="238" customFormat="1" ht="13.95" customHeight="1" x14ac:dyDescent="0.25">
      <c r="A4376" s="236" t="s">
        <v>9800</v>
      </c>
      <c r="B4376" s="220" t="s">
        <v>8672</v>
      </c>
      <c r="C4376" s="190" t="s">
        <v>9801</v>
      </c>
      <c r="D4376" s="190" t="s">
        <v>9802</v>
      </c>
      <c r="E4376" s="237">
        <v>1985</v>
      </c>
      <c r="F4376" s="237">
        <v>2100</v>
      </c>
      <c r="G4376" s="190" t="s">
        <v>1</v>
      </c>
      <c r="H4376" s="190">
        <v>0</v>
      </c>
      <c r="I4376" s="190">
        <v>0</v>
      </c>
      <c r="J4376" s="190">
        <v>1</v>
      </c>
      <c r="K4376" s="190">
        <v>1</v>
      </c>
      <c r="L4376" s="190">
        <v>1</v>
      </c>
      <c r="M4376" s="190">
        <v>1</v>
      </c>
      <c r="N4376" s="190">
        <v>0</v>
      </c>
      <c r="O4376" s="190">
        <v>0</v>
      </c>
      <c r="P4376" s="190">
        <v>1</v>
      </c>
      <c r="Q4376" s="190">
        <v>0</v>
      </c>
      <c r="R4376" s="190">
        <v>0</v>
      </c>
      <c r="S4376" s="190">
        <v>0</v>
      </c>
      <c r="T4376" s="190">
        <v>0</v>
      </c>
      <c r="U4376" s="99"/>
      <c r="V4376" s="99"/>
      <c r="W4376" s="99"/>
      <c r="X4376" s="99"/>
      <c r="Y4376" s="99"/>
      <c r="Z4376" s="99"/>
      <c r="AA4376" s="99"/>
      <c r="AB4376" s="99"/>
      <c r="AC4376" s="99"/>
      <c r="AD4376" s="99"/>
      <c r="AE4376" s="99"/>
      <c r="AF4376" s="99"/>
      <c r="AG4376" s="99"/>
      <c r="AH4376" s="99"/>
      <c r="AI4376" s="99"/>
      <c r="AJ4376" s="99"/>
      <c r="AK4376" s="99"/>
      <c r="AL4376" s="99"/>
      <c r="AM4376" s="99"/>
      <c r="AN4376" s="99"/>
      <c r="AO4376" s="99"/>
      <c r="AP4376" s="99"/>
      <c r="AQ4376" s="99"/>
      <c r="AR4376" s="99"/>
      <c r="AS4376" s="99"/>
      <c r="AT4376" s="99"/>
      <c r="AU4376" s="99"/>
      <c r="AV4376" s="99"/>
      <c r="AW4376" s="99"/>
      <c r="AX4376" s="99"/>
      <c r="AY4376" s="99"/>
      <c r="AZ4376" s="99"/>
      <c r="BA4376" s="99"/>
      <c r="BB4376" s="107">
        <v>45884</v>
      </c>
    </row>
    <row r="4377" spans="1:54" s="238" customFormat="1" ht="13.95" customHeight="1" x14ac:dyDescent="0.25">
      <c r="A4377" s="236" t="s">
        <v>9803</v>
      </c>
      <c r="B4377" s="220" t="s">
        <v>8672</v>
      </c>
      <c r="C4377" s="190" t="s">
        <v>9804</v>
      </c>
      <c r="D4377" s="190" t="s">
        <v>9805</v>
      </c>
      <c r="E4377" s="237">
        <v>1985</v>
      </c>
      <c r="F4377" s="237">
        <v>2100</v>
      </c>
      <c r="G4377" s="190" t="s">
        <v>1</v>
      </c>
      <c r="H4377" s="190">
        <v>0</v>
      </c>
      <c r="I4377" s="190">
        <v>0</v>
      </c>
      <c r="J4377" s="190">
        <v>1</v>
      </c>
      <c r="K4377" s="190">
        <v>1</v>
      </c>
      <c r="L4377" s="190">
        <v>1</v>
      </c>
      <c r="M4377" s="190">
        <v>0</v>
      </c>
      <c r="N4377" s="190">
        <v>0</v>
      </c>
      <c r="O4377" s="190">
        <v>1</v>
      </c>
      <c r="P4377" s="190">
        <v>1</v>
      </c>
      <c r="Q4377" s="190">
        <v>0</v>
      </c>
      <c r="R4377" s="190">
        <v>0</v>
      </c>
      <c r="S4377" s="190">
        <v>0</v>
      </c>
      <c r="T4377" s="190">
        <v>0</v>
      </c>
      <c r="U4377" s="99"/>
      <c r="V4377" s="99"/>
      <c r="W4377" s="99"/>
      <c r="X4377" s="99"/>
      <c r="Y4377" s="99"/>
      <c r="Z4377" s="99"/>
      <c r="AA4377" s="99"/>
      <c r="AB4377" s="99"/>
      <c r="AC4377" s="99"/>
      <c r="AD4377" s="99"/>
      <c r="AE4377" s="99"/>
      <c r="AF4377" s="99"/>
      <c r="AG4377" s="99"/>
      <c r="AH4377" s="99"/>
      <c r="AI4377" s="99"/>
      <c r="AJ4377" s="99"/>
      <c r="AK4377" s="99"/>
      <c r="AL4377" s="99"/>
      <c r="AM4377" s="99"/>
      <c r="AN4377" s="99"/>
      <c r="AO4377" s="99"/>
      <c r="AP4377" s="99"/>
      <c r="AQ4377" s="99"/>
      <c r="AR4377" s="99"/>
      <c r="AS4377" s="99"/>
      <c r="AT4377" s="99"/>
      <c r="AU4377" s="99"/>
      <c r="AV4377" s="99"/>
      <c r="AW4377" s="99"/>
      <c r="AX4377" s="99"/>
      <c r="AY4377" s="99"/>
      <c r="AZ4377" s="99"/>
      <c r="BA4377" s="99"/>
      <c r="BB4377" s="107">
        <v>45884</v>
      </c>
    </row>
    <row r="4378" spans="1:54" s="238" customFormat="1" ht="13.95" customHeight="1" x14ac:dyDescent="0.25">
      <c r="A4378" s="236" t="s">
        <v>9806</v>
      </c>
      <c r="B4378" s="220" t="s">
        <v>8672</v>
      </c>
      <c r="C4378" s="190" t="s">
        <v>9807</v>
      </c>
      <c r="D4378" s="190" t="s">
        <v>9808</v>
      </c>
      <c r="E4378" s="237">
        <v>2007</v>
      </c>
      <c r="F4378" s="237">
        <v>2100</v>
      </c>
      <c r="G4378" s="190" t="s">
        <v>1</v>
      </c>
      <c r="H4378" s="190">
        <v>0</v>
      </c>
      <c r="I4378" s="190">
        <v>0</v>
      </c>
      <c r="J4378" s="190">
        <v>1</v>
      </c>
      <c r="K4378" s="190">
        <v>0</v>
      </c>
      <c r="L4378" s="190">
        <v>0</v>
      </c>
      <c r="M4378" s="190">
        <v>0</v>
      </c>
      <c r="N4378" s="190">
        <v>0</v>
      </c>
      <c r="O4378" s="190">
        <v>1</v>
      </c>
      <c r="P4378" s="190">
        <v>0</v>
      </c>
      <c r="Q4378" s="190">
        <v>0</v>
      </c>
      <c r="R4378" s="190">
        <v>0</v>
      </c>
      <c r="S4378" s="190">
        <v>0</v>
      </c>
      <c r="T4378" s="190">
        <v>0</v>
      </c>
      <c r="U4378" s="99"/>
      <c r="V4378" s="99"/>
      <c r="W4378" s="99"/>
      <c r="X4378" s="99"/>
      <c r="Y4378" s="99"/>
      <c r="Z4378" s="99"/>
      <c r="AA4378" s="99"/>
      <c r="AB4378" s="99"/>
      <c r="AC4378" s="99"/>
      <c r="AD4378" s="99"/>
      <c r="AE4378" s="99"/>
      <c r="AF4378" s="99"/>
      <c r="AG4378" s="99"/>
      <c r="AH4378" s="99"/>
      <c r="AI4378" s="99"/>
      <c r="AJ4378" s="99"/>
      <c r="AK4378" s="99"/>
      <c r="AL4378" s="99"/>
      <c r="AM4378" s="99"/>
      <c r="AN4378" s="99"/>
      <c r="AO4378" s="99"/>
      <c r="AP4378" s="99"/>
      <c r="AQ4378" s="99"/>
      <c r="AR4378" s="99"/>
      <c r="AS4378" s="99"/>
      <c r="AT4378" s="99"/>
      <c r="AU4378" s="99"/>
      <c r="AV4378" s="99"/>
      <c r="AW4378" s="99"/>
      <c r="AX4378" s="99"/>
      <c r="AY4378" s="99"/>
      <c r="AZ4378" s="99"/>
      <c r="BA4378" s="99"/>
      <c r="BB4378" s="107">
        <v>45884</v>
      </c>
    </row>
    <row r="4379" spans="1:54" s="238" customFormat="1" ht="13.95" customHeight="1" x14ac:dyDescent="0.25">
      <c r="A4379" s="236" t="s">
        <v>9809</v>
      </c>
      <c r="B4379" s="220" t="s">
        <v>8672</v>
      </c>
      <c r="C4379" s="190" t="s">
        <v>9810</v>
      </c>
      <c r="D4379" s="190" t="s">
        <v>9811</v>
      </c>
      <c r="E4379" s="237">
        <v>2007</v>
      </c>
      <c r="F4379" s="237">
        <v>2100</v>
      </c>
      <c r="G4379" s="190" t="s">
        <v>1</v>
      </c>
      <c r="H4379" s="190">
        <v>0</v>
      </c>
      <c r="I4379" s="190">
        <v>0</v>
      </c>
      <c r="J4379" s="190">
        <v>1</v>
      </c>
      <c r="K4379" s="190">
        <v>1</v>
      </c>
      <c r="L4379" s="190">
        <v>1</v>
      </c>
      <c r="M4379" s="190">
        <v>0</v>
      </c>
      <c r="N4379" s="190">
        <v>0</v>
      </c>
      <c r="O4379" s="190">
        <v>1</v>
      </c>
      <c r="P4379" s="190">
        <v>1</v>
      </c>
      <c r="Q4379" s="190">
        <v>0</v>
      </c>
      <c r="R4379" s="190">
        <v>1</v>
      </c>
      <c r="S4379" s="190">
        <v>0</v>
      </c>
      <c r="T4379" s="190">
        <v>0</v>
      </c>
      <c r="U4379" s="99"/>
      <c r="V4379" s="99"/>
      <c r="W4379" s="99"/>
      <c r="X4379" s="99"/>
      <c r="Y4379" s="99"/>
      <c r="Z4379" s="99"/>
      <c r="AA4379" s="99"/>
      <c r="AB4379" s="99"/>
      <c r="AC4379" s="99"/>
      <c r="AD4379" s="99"/>
      <c r="AE4379" s="99"/>
      <c r="AF4379" s="99"/>
      <c r="AG4379" s="99"/>
      <c r="AH4379" s="99"/>
      <c r="AI4379" s="99"/>
      <c r="AJ4379" s="99"/>
      <c r="AK4379" s="99"/>
      <c r="AL4379" s="99"/>
      <c r="AM4379" s="99"/>
      <c r="AN4379" s="99"/>
      <c r="AO4379" s="99"/>
      <c r="AP4379" s="99"/>
      <c r="AQ4379" s="99"/>
      <c r="AR4379" s="99"/>
      <c r="AS4379" s="99"/>
      <c r="AT4379" s="99"/>
      <c r="AU4379" s="99"/>
      <c r="AV4379" s="99"/>
      <c r="AW4379" s="99"/>
      <c r="AX4379" s="99"/>
      <c r="AY4379" s="99"/>
      <c r="AZ4379" s="99"/>
      <c r="BA4379" s="99"/>
      <c r="BB4379" s="107">
        <v>45884</v>
      </c>
    </row>
    <row r="4380" spans="1:54" s="238" customFormat="1" ht="13.95" customHeight="1" x14ac:dyDescent="0.25">
      <c r="A4380" s="236" t="s">
        <v>9812</v>
      </c>
      <c r="B4380" s="220" t="s">
        <v>8672</v>
      </c>
      <c r="C4380" s="190" t="s">
        <v>9813</v>
      </c>
      <c r="D4380" s="190" t="s">
        <v>9814</v>
      </c>
      <c r="E4380" s="237">
        <v>1996</v>
      </c>
      <c r="F4380" s="237">
        <v>2100</v>
      </c>
      <c r="G4380" s="190" t="s">
        <v>1</v>
      </c>
      <c r="H4380" s="190">
        <v>0</v>
      </c>
      <c r="I4380" s="190">
        <v>0</v>
      </c>
      <c r="J4380" s="190">
        <v>1</v>
      </c>
      <c r="K4380" s="190">
        <v>0</v>
      </c>
      <c r="L4380" s="190">
        <v>0</v>
      </c>
      <c r="M4380" s="190">
        <v>0</v>
      </c>
      <c r="N4380" s="190">
        <v>0</v>
      </c>
      <c r="O4380" s="190">
        <v>1</v>
      </c>
      <c r="P4380" s="190">
        <v>1</v>
      </c>
      <c r="Q4380" s="190">
        <v>0</v>
      </c>
      <c r="R4380" s="190">
        <v>0</v>
      </c>
      <c r="S4380" s="190">
        <v>0</v>
      </c>
      <c r="T4380" s="190">
        <v>0</v>
      </c>
      <c r="U4380" s="99"/>
      <c r="V4380" s="99"/>
      <c r="W4380" s="99"/>
      <c r="X4380" s="99"/>
      <c r="Y4380" s="99"/>
      <c r="Z4380" s="99"/>
      <c r="AA4380" s="99"/>
      <c r="AB4380" s="99"/>
      <c r="AC4380" s="99"/>
      <c r="AD4380" s="99"/>
      <c r="AE4380" s="99"/>
      <c r="AF4380" s="99"/>
      <c r="AG4380" s="99"/>
      <c r="AH4380" s="99"/>
      <c r="AI4380" s="99"/>
      <c r="AJ4380" s="99"/>
      <c r="AK4380" s="99"/>
      <c r="AL4380" s="99"/>
      <c r="AM4380" s="99"/>
      <c r="AN4380" s="99"/>
      <c r="AO4380" s="99"/>
      <c r="AP4380" s="99"/>
      <c r="AQ4380" s="99"/>
      <c r="AR4380" s="99"/>
      <c r="AS4380" s="99"/>
      <c r="AT4380" s="99"/>
      <c r="AU4380" s="99"/>
      <c r="AV4380" s="99"/>
      <c r="AW4380" s="99"/>
      <c r="AX4380" s="99"/>
      <c r="AY4380" s="99"/>
      <c r="AZ4380" s="99"/>
      <c r="BA4380" s="99"/>
      <c r="BB4380" s="107">
        <v>45884</v>
      </c>
    </row>
    <row r="4381" spans="1:54" s="238" customFormat="1" ht="13.95" customHeight="1" x14ac:dyDescent="0.25">
      <c r="A4381" s="236" t="s">
        <v>9815</v>
      </c>
      <c r="B4381" s="220" t="s">
        <v>8672</v>
      </c>
      <c r="C4381" s="190" t="s">
        <v>9816</v>
      </c>
      <c r="D4381" s="190" t="s">
        <v>9817</v>
      </c>
      <c r="E4381" s="237">
        <v>1995</v>
      </c>
      <c r="F4381" s="237">
        <v>2100</v>
      </c>
      <c r="G4381" s="190" t="s">
        <v>1</v>
      </c>
      <c r="H4381" s="190">
        <v>0</v>
      </c>
      <c r="I4381" s="190">
        <v>0</v>
      </c>
      <c r="J4381" s="190">
        <v>1</v>
      </c>
      <c r="K4381" s="190">
        <v>1</v>
      </c>
      <c r="L4381" s="190">
        <v>1</v>
      </c>
      <c r="M4381" s="190">
        <v>1</v>
      </c>
      <c r="N4381" s="190">
        <v>0</v>
      </c>
      <c r="O4381" s="190">
        <v>1</v>
      </c>
      <c r="P4381" s="190">
        <v>1</v>
      </c>
      <c r="Q4381" s="190">
        <v>0</v>
      </c>
      <c r="R4381" s="190">
        <v>0</v>
      </c>
      <c r="S4381" s="190">
        <v>0</v>
      </c>
      <c r="T4381" s="190">
        <v>0</v>
      </c>
      <c r="U4381" s="99"/>
      <c r="V4381" s="99"/>
      <c r="W4381" s="99"/>
      <c r="X4381" s="99"/>
      <c r="Y4381" s="99"/>
      <c r="Z4381" s="99"/>
      <c r="AA4381" s="99"/>
      <c r="AB4381" s="99"/>
      <c r="AC4381" s="99"/>
      <c r="AD4381" s="99"/>
      <c r="AE4381" s="99"/>
      <c r="AF4381" s="99"/>
      <c r="AG4381" s="99"/>
      <c r="AH4381" s="99"/>
      <c r="AI4381" s="99"/>
      <c r="AJ4381" s="99"/>
      <c r="AK4381" s="99"/>
      <c r="AL4381" s="99"/>
      <c r="AM4381" s="99"/>
      <c r="AN4381" s="99"/>
      <c r="AO4381" s="99"/>
      <c r="AP4381" s="99"/>
      <c r="AQ4381" s="99"/>
      <c r="AR4381" s="99"/>
      <c r="AS4381" s="99"/>
      <c r="AT4381" s="99"/>
      <c r="AU4381" s="99"/>
      <c r="AV4381" s="99"/>
      <c r="AW4381" s="99"/>
      <c r="AX4381" s="99"/>
      <c r="AY4381" s="99"/>
      <c r="AZ4381" s="99"/>
      <c r="BA4381" s="99"/>
      <c r="BB4381" s="107">
        <v>45884</v>
      </c>
    </row>
    <row r="4382" spans="1:54" s="238" customFormat="1" ht="13.95" customHeight="1" x14ac:dyDescent="0.25">
      <c r="A4382" s="236" t="s">
        <v>9818</v>
      </c>
      <c r="B4382" s="220" t="s">
        <v>8672</v>
      </c>
      <c r="C4382" s="190" t="s">
        <v>9819</v>
      </c>
      <c r="D4382" s="190" t="s">
        <v>9351</v>
      </c>
      <c r="E4382" s="237">
        <v>1981</v>
      </c>
      <c r="F4382" s="237">
        <v>2200</v>
      </c>
      <c r="G4382" s="190" t="s">
        <v>1</v>
      </c>
      <c r="H4382" s="190">
        <v>0</v>
      </c>
      <c r="I4382" s="190">
        <v>0</v>
      </c>
      <c r="J4382" s="190">
        <v>1</v>
      </c>
      <c r="K4382" s="190">
        <v>1</v>
      </c>
      <c r="L4382" s="190">
        <v>1</v>
      </c>
      <c r="M4382" s="190">
        <v>0</v>
      </c>
      <c r="N4382" s="190">
        <v>0</v>
      </c>
      <c r="O4382" s="190">
        <v>1</v>
      </c>
      <c r="P4382" s="190">
        <v>1</v>
      </c>
      <c r="Q4382" s="190">
        <v>1</v>
      </c>
      <c r="R4382" s="190">
        <v>1</v>
      </c>
      <c r="S4382" s="190">
        <v>1</v>
      </c>
      <c r="T4382" s="190">
        <v>0</v>
      </c>
      <c r="U4382" s="99"/>
      <c r="V4382" s="99"/>
      <c r="W4382" s="99"/>
      <c r="X4382" s="99"/>
      <c r="Y4382" s="99"/>
      <c r="Z4382" s="99"/>
      <c r="AA4382" s="99"/>
      <c r="AB4382" s="99"/>
      <c r="AC4382" s="99"/>
      <c r="AD4382" s="99"/>
      <c r="AE4382" s="99"/>
      <c r="AF4382" s="99"/>
      <c r="AG4382" s="99"/>
      <c r="AH4382" s="99"/>
      <c r="AI4382" s="99"/>
      <c r="AJ4382" s="99"/>
      <c r="AK4382" s="99"/>
      <c r="AL4382" s="99"/>
      <c r="AM4382" s="99"/>
      <c r="AN4382" s="99"/>
      <c r="AO4382" s="99"/>
      <c r="AP4382" s="99"/>
      <c r="AQ4382" s="99"/>
      <c r="AR4382" s="99"/>
      <c r="AS4382" s="99"/>
      <c r="AT4382" s="99"/>
      <c r="AU4382" s="99"/>
      <c r="AV4382" s="99"/>
      <c r="AW4382" s="99"/>
      <c r="AX4382" s="99"/>
      <c r="AY4382" s="99"/>
      <c r="AZ4382" s="99"/>
      <c r="BA4382" s="190" t="s">
        <v>9820</v>
      </c>
      <c r="BB4382" s="107">
        <v>45884</v>
      </c>
    </row>
    <row r="4383" spans="1:54" s="238" customFormat="1" ht="13.95" customHeight="1" x14ac:dyDescent="0.25">
      <c r="A4383" s="236" t="s">
        <v>9821</v>
      </c>
      <c r="B4383" s="220" t="s">
        <v>8672</v>
      </c>
      <c r="C4383" s="190" t="s">
        <v>9822</v>
      </c>
      <c r="D4383" s="190" t="s">
        <v>9823</v>
      </c>
      <c r="E4383" s="237">
        <v>1999</v>
      </c>
      <c r="F4383" s="237">
        <v>2200</v>
      </c>
      <c r="G4383" s="190" t="s">
        <v>1</v>
      </c>
      <c r="H4383" s="190">
        <v>0</v>
      </c>
      <c r="I4383" s="190">
        <v>0</v>
      </c>
      <c r="J4383" s="190">
        <v>1</v>
      </c>
      <c r="K4383" s="190">
        <v>1</v>
      </c>
      <c r="L4383" s="190">
        <v>0</v>
      </c>
      <c r="M4383" s="190">
        <v>0</v>
      </c>
      <c r="N4383" s="190">
        <v>1</v>
      </c>
      <c r="O4383" s="190">
        <v>0</v>
      </c>
      <c r="P4383" s="190">
        <v>0</v>
      </c>
      <c r="Q4383" s="190">
        <v>0</v>
      </c>
      <c r="R4383" s="190">
        <v>0</v>
      </c>
      <c r="S4383" s="190">
        <v>0</v>
      </c>
      <c r="T4383" s="190">
        <v>0</v>
      </c>
      <c r="U4383" s="99"/>
      <c r="V4383" s="99"/>
      <c r="W4383" s="99"/>
      <c r="X4383" s="99"/>
      <c r="Y4383" s="99"/>
      <c r="Z4383" s="99"/>
      <c r="AA4383" s="99"/>
      <c r="AB4383" s="99"/>
      <c r="AC4383" s="99"/>
      <c r="AD4383" s="99"/>
      <c r="AE4383" s="99"/>
      <c r="AF4383" s="99"/>
      <c r="AG4383" s="99"/>
      <c r="AH4383" s="99"/>
      <c r="AI4383" s="99"/>
      <c r="AJ4383" s="99"/>
      <c r="AK4383" s="99"/>
      <c r="AL4383" s="99"/>
      <c r="AM4383" s="99"/>
      <c r="AN4383" s="99"/>
      <c r="AO4383" s="99"/>
      <c r="AP4383" s="99"/>
      <c r="AQ4383" s="99"/>
      <c r="AR4383" s="99"/>
      <c r="AS4383" s="99"/>
      <c r="AT4383" s="99"/>
      <c r="AU4383" s="99"/>
      <c r="AV4383" s="99"/>
      <c r="AW4383" s="99"/>
      <c r="AX4383" s="99"/>
      <c r="AY4383" s="99"/>
      <c r="AZ4383" s="99"/>
      <c r="BA4383" s="99"/>
      <c r="BB4383" s="107">
        <v>45884</v>
      </c>
    </row>
    <row r="4384" spans="1:54" s="238" customFormat="1" ht="13.95" customHeight="1" x14ac:dyDescent="0.25">
      <c r="A4384" s="236" t="s">
        <v>9824</v>
      </c>
      <c r="B4384" s="220" t="s">
        <v>8672</v>
      </c>
      <c r="C4384" s="190" t="s">
        <v>9825</v>
      </c>
      <c r="D4384" s="190" t="s">
        <v>9826</v>
      </c>
      <c r="E4384" s="237">
        <v>1979</v>
      </c>
      <c r="F4384" s="237">
        <v>2200</v>
      </c>
      <c r="G4384" s="190" t="s">
        <v>1</v>
      </c>
      <c r="H4384" s="190">
        <v>0</v>
      </c>
      <c r="I4384" s="190">
        <v>0</v>
      </c>
      <c r="J4384" s="190">
        <v>1</v>
      </c>
      <c r="K4384" s="190">
        <v>1</v>
      </c>
      <c r="L4384" s="190">
        <v>1</v>
      </c>
      <c r="M4384" s="190">
        <v>1</v>
      </c>
      <c r="N4384" s="190">
        <v>0</v>
      </c>
      <c r="O4384" s="190">
        <v>1</v>
      </c>
      <c r="P4384" s="190">
        <v>1</v>
      </c>
      <c r="Q4384" s="190">
        <v>0</v>
      </c>
      <c r="R4384" s="190">
        <v>0</v>
      </c>
      <c r="S4384" s="190">
        <v>0</v>
      </c>
      <c r="T4384" s="190">
        <v>0</v>
      </c>
      <c r="U4384" s="99"/>
      <c r="V4384" s="99"/>
      <c r="W4384" s="99"/>
      <c r="X4384" s="99"/>
      <c r="Y4384" s="99"/>
      <c r="Z4384" s="99"/>
      <c r="AA4384" s="99"/>
      <c r="AB4384" s="99"/>
      <c r="AC4384" s="99"/>
      <c r="AD4384" s="99"/>
      <c r="AE4384" s="99"/>
      <c r="AF4384" s="99"/>
      <c r="AG4384" s="99"/>
      <c r="AH4384" s="99"/>
      <c r="AI4384" s="99"/>
      <c r="AJ4384" s="99"/>
      <c r="AK4384" s="99"/>
      <c r="AL4384" s="99"/>
      <c r="AM4384" s="99"/>
      <c r="AN4384" s="99"/>
      <c r="AO4384" s="99"/>
      <c r="AP4384" s="99"/>
      <c r="AQ4384" s="99"/>
      <c r="AR4384" s="99"/>
      <c r="AS4384" s="99"/>
      <c r="AT4384" s="99"/>
      <c r="AU4384" s="99"/>
      <c r="AV4384" s="99"/>
      <c r="AW4384" s="99"/>
      <c r="AX4384" s="99"/>
      <c r="AY4384" s="99"/>
      <c r="AZ4384" s="99"/>
      <c r="BA4384" s="99"/>
      <c r="BB4384" s="107">
        <v>45884</v>
      </c>
    </row>
    <row r="4385" spans="1:54" s="238" customFormat="1" ht="13.95" customHeight="1" x14ac:dyDescent="0.25">
      <c r="A4385" s="236" t="s">
        <v>9827</v>
      </c>
      <c r="B4385" s="220" t="s">
        <v>8672</v>
      </c>
      <c r="C4385" s="190" t="s">
        <v>9828</v>
      </c>
      <c r="D4385" s="190" t="s">
        <v>9829</v>
      </c>
      <c r="E4385" s="237">
        <v>2007</v>
      </c>
      <c r="F4385" s="237">
        <v>2200</v>
      </c>
      <c r="G4385" s="190" t="s">
        <v>1</v>
      </c>
      <c r="H4385" s="190">
        <v>1</v>
      </c>
      <c r="I4385" s="190">
        <v>1</v>
      </c>
      <c r="J4385" s="190">
        <v>1</v>
      </c>
      <c r="K4385" s="190">
        <v>0</v>
      </c>
      <c r="L4385" s="190">
        <v>0</v>
      </c>
      <c r="M4385" s="190">
        <v>0</v>
      </c>
      <c r="N4385" s="190">
        <v>0</v>
      </c>
      <c r="O4385" s="190">
        <v>0</v>
      </c>
      <c r="P4385" s="190">
        <v>0</v>
      </c>
      <c r="Q4385" s="190">
        <v>0</v>
      </c>
      <c r="R4385" s="190">
        <v>0</v>
      </c>
      <c r="S4385" s="190">
        <v>0</v>
      </c>
      <c r="T4385" s="190">
        <v>0</v>
      </c>
      <c r="U4385" s="99"/>
      <c r="V4385" s="99"/>
      <c r="W4385" s="99"/>
      <c r="X4385" s="99"/>
      <c r="Y4385" s="99"/>
      <c r="Z4385" s="99"/>
      <c r="AA4385" s="99"/>
      <c r="AB4385" s="99"/>
      <c r="AC4385" s="99"/>
      <c r="AD4385" s="99"/>
      <c r="AE4385" s="99"/>
      <c r="AF4385" s="99"/>
      <c r="AG4385" s="99"/>
      <c r="AH4385" s="99"/>
      <c r="AI4385" s="99"/>
      <c r="AJ4385" s="99"/>
      <c r="AK4385" s="99"/>
      <c r="AL4385" s="99"/>
      <c r="AM4385" s="99"/>
      <c r="AN4385" s="99"/>
      <c r="AO4385" s="99"/>
      <c r="AP4385" s="99"/>
      <c r="AQ4385" s="99"/>
      <c r="AR4385" s="99"/>
      <c r="AS4385" s="99"/>
      <c r="AT4385" s="99"/>
      <c r="AU4385" s="99"/>
      <c r="AV4385" s="99"/>
      <c r="AW4385" s="99"/>
      <c r="AX4385" s="99"/>
      <c r="AY4385" s="99"/>
      <c r="AZ4385" s="99"/>
      <c r="BA4385" s="99"/>
      <c r="BB4385" s="107">
        <v>45884</v>
      </c>
    </row>
    <row r="4386" spans="1:54" s="238" customFormat="1" ht="13.95" customHeight="1" x14ac:dyDescent="0.25">
      <c r="A4386" s="236" t="s">
        <v>9830</v>
      </c>
      <c r="B4386" s="220" t="s">
        <v>8672</v>
      </c>
      <c r="C4386" s="190" t="s">
        <v>9831</v>
      </c>
      <c r="D4386" s="190" t="s">
        <v>9832</v>
      </c>
      <c r="E4386" s="237">
        <v>1994</v>
      </c>
      <c r="F4386" s="237">
        <v>2200</v>
      </c>
      <c r="G4386" s="190" t="s">
        <v>1</v>
      </c>
      <c r="H4386" s="190">
        <v>1</v>
      </c>
      <c r="I4386" s="190">
        <v>0</v>
      </c>
      <c r="J4386" s="190">
        <v>1</v>
      </c>
      <c r="K4386" s="190">
        <v>1</v>
      </c>
      <c r="L4386" s="190">
        <v>0</v>
      </c>
      <c r="M4386" s="190">
        <v>1</v>
      </c>
      <c r="N4386" s="190">
        <v>0</v>
      </c>
      <c r="O4386" s="190">
        <v>1</v>
      </c>
      <c r="P4386" s="190">
        <v>0</v>
      </c>
      <c r="Q4386" s="190">
        <v>0</v>
      </c>
      <c r="R4386" s="190">
        <v>1</v>
      </c>
      <c r="S4386" s="190">
        <v>0</v>
      </c>
      <c r="T4386" s="190">
        <v>0</v>
      </c>
      <c r="U4386" s="99"/>
      <c r="V4386" s="99"/>
      <c r="W4386" s="99"/>
      <c r="X4386" s="99"/>
      <c r="Y4386" s="99"/>
      <c r="Z4386" s="99"/>
      <c r="AA4386" s="99"/>
      <c r="AB4386" s="99"/>
      <c r="AC4386" s="99"/>
      <c r="AD4386" s="99"/>
      <c r="AE4386" s="99"/>
      <c r="AF4386" s="99"/>
      <c r="AG4386" s="99"/>
      <c r="AH4386" s="99"/>
      <c r="AI4386" s="99"/>
      <c r="AJ4386" s="99"/>
      <c r="AK4386" s="99"/>
      <c r="AL4386" s="99"/>
      <c r="AM4386" s="99"/>
      <c r="AN4386" s="99"/>
      <c r="AO4386" s="99"/>
      <c r="AP4386" s="99"/>
      <c r="AQ4386" s="99"/>
      <c r="AR4386" s="99"/>
      <c r="AS4386" s="99"/>
      <c r="AT4386" s="99"/>
      <c r="AU4386" s="99"/>
      <c r="AV4386" s="99"/>
      <c r="AW4386" s="99"/>
      <c r="AX4386" s="99"/>
      <c r="AY4386" s="99"/>
      <c r="AZ4386" s="99"/>
      <c r="BA4386" s="99"/>
      <c r="BB4386" s="107">
        <v>45884</v>
      </c>
    </row>
    <row r="4387" spans="1:54" s="238" customFormat="1" ht="13.95" customHeight="1" x14ac:dyDescent="0.25">
      <c r="A4387" s="236" t="s">
        <v>9833</v>
      </c>
      <c r="B4387" s="220" t="s">
        <v>8672</v>
      </c>
      <c r="C4387" s="190" t="s">
        <v>9834</v>
      </c>
      <c r="D4387" s="190" t="s">
        <v>9835</v>
      </c>
      <c r="E4387" s="237">
        <v>1997</v>
      </c>
      <c r="F4387" s="237">
        <v>2200</v>
      </c>
      <c r="G4387" s="190" t="s">
        <v>1</v>
      </c>
      <c r="H4387" s="190">
        <v>0</v>
      </c>
      <c r="I4387" s="190">
        <v>0</v>
      </c>
      <c r="J4387" s="190">
        <v>1</v>
      </c>
      <c r="K4387" s="190">
        <v>0</v>
      </c>
      <c r="L4387" s="190">
        <v>1</v>
      </c>
      <c r="M4387" s="190">
        <v>1</v>
      </c>
      <c r="N4387" s="190">
        <v>0</v>
      </c>
      <c r="O4387" s="190">
        <v>1</v>
      </c>
      <c r="P4387" s="190">
        <v>1</v>
      </c>
      <c r="Q4387" s="190">
        <v>0</v>
      </c>
      <c r="R4387" s="190">
        <v>0</v>
      </c>
      <c r="S4387" s="190">
        <v>0</v>
      </c>
      <c r="T4387" s="190">
        <v>0</v>
      </c>
      <c r="U4387" s="99"/>
      <c r="V4387" s="99"/>
      <c r="W4387" s="99"/>
      <c r="X4387" s="99"/>
      <c r="Y4387" s="99"/>
      <c r="Z4387" s="99"/>
      <c r="AA4387" s="99"/>
      <c r="AB4387" s="99"/>
      <c r="AC4387" s="99"/>
      <c r="AD4387" s="99"/>
      <c r="AE4387" s="99"/>
      <c r="AF4387" s="99"/>
      <c r="AG4387" s="99"/>
      <c r="AH4387" s="99"/>
      <c r="AI4387" s="99"/>
      <c r="AJ4387" s="99"/>
      <c r="AK4387" s="99"/>
      <c r="AL4387" s="99"/>
      <c r="AM4387" s="99"/>
      <c r="AN4387" s="99"/>
      <c r="AO4387" s="99"/>
      <c r="AP4387" s="99"/>
      <c r="AQ4387" s="99"/>
      <c r="AR4387" s="99"/>
      <c r="AS4387" s="99"/>
      <c r="AT4387" s="99"/>
      <c r="AU4387" s="99"/>
      <c r="AV4387" s="99"/>
      <c r="AW4387" s="99"/>
      <c r="AX4387" s="99"/>
      <c r="AY4387" s="99"/>
      <c r="AZ4387" s="99"/>
      <c r="BA4387" s="99"/>
      <c r="BB4387" s="107">
        <v>45884</v>
      </c>
    </row>
    <row r="4388" spans="1:54" s="238" customFormat="1" ht="13.95" customHeight="1" x14ac:dyDescent="0.25">
      <c r="A4388" s="236" t="s">
        <v>9836</v>
      </c>
      <c r="B4388" s="220" t="s">
        <v>8672</v>
      </c>
      <c r="C4388" s="190" t="s">
        <v>9837</v>
      </c>
      <c r="D4388" s="190" t="s">
        <v>9838</v>
      </c>
      <c r="E4388" s="237">
        <v>1992</v>
      </c>
      <c r="F4388" s="237">
        <v>2300</v>
      </c>
      <c r="G4388" s="190" t="s">
        <v>1</v>
      </c>
      <c r="H4388" s="190">
        <v>1</v>
      </c>
      <c r="I4388" s="190">
        <v>0</v>
      </c>
      <c r="J4388" s="190">
        <v>1</v>
      </c>
      <c r="K4388" s="190">
        <v>0</v>
      </c>
      <c r="L4388" s="190">
        <v>1</v>
      </c>
      <c r="M4388" s="190">
        <v>1</v>
      </c>
      <c r="N4388" s="190">
        <v>0</v>
      </c>
      <c r="O4388" s="190">
        <v>1</v>
      </c>
      <c r="P4388" s="190">
        <v>1</v>
      </c>
      <c r="Q4388" s="190">
        <v>0</v>
      </c>
      <c r="R4388" s="190">
        <v>0</v>
      </c>
      <c r="S4388" s="190">
        <v>0</v>
      </c>
      <c r="T4388" s="190">
        <v>0</v>
      </c>
      <c r="U4388" s="99"/>
      <c r="V4388" s="99"/>
      <c r="W4388" s="99"/>
      <c r="X4388" s="99"/>
      <c r="Y4388" s="99"/>
      <c r="Z4388" s="99"/>
      <c r="AA4388" s="99"/>
      <c r="AB4388" s="99"/>
      <c r="AC4388" s="99"/>
      <c r="AD4388" s="99"/>
      <c r="AE4388" s="99"/>
      <c r="AF4388" s="99"/>
      <c r="AG4388" s="99"/>
      <c r="AH4388" s="99"/>
      <c r="AI4388" s="99"/>
      <c r="AJ4388" s="99"/>
      <c r="AK4388" s="99"/>
      <c r="AL4388" s="99"/>
      <c r="AM4388" s="99"/>
      <c r="AN4388" s="99"/>
      <c r="AO4388" s="99"/>
      <c r="AP4388" s="99"/>
      <c r="AQ4388" s="99"/>
      <c r="AR4388" s="99"/>
      <c r="AS4388" s="99"/>
      <c r="AT4388" s="99"/>
      <c r="AU4388" s="99"/>
      <c r="AV4388" s="99"/>
      <c r="AW4388" s="99"/>
      <c r="AX4388" s="99"/>
      <c r="AY4388" s="99"/>
      <c r="AZ4388" s="99"/>
      <c r="BA4388" s="99"/>
      <c r="BB4388" s="107">
        <v>45884</v>
      </c>
    </row>
    <row r="4389" spans="1:54" s="238" customFormat="1" ht="13.95" customHeight="1" x14ac:dyDescent="0.25">
      <c r="A4389" s="236" t="s">
        <v>9839</v>
      </c>
      <c r="B4389" s="220" t="s">
        <v>8672</v>
      </c>
      <c r="C4389" s="190" t="s">
        <v>9840</v>
      </c>
      <c r="D4389" s="190" t="s">
        <v>9841</v>
      </c>
      <c r="E4389" s="237">
        <v>1970</v>
      </c>
      <c r="F4389" s="237">
        <v>2400</v>
      </c>
      <c r="G4389" s="190" t="s">
        <v>1</v>
      </c>
      <c r="H4389" s="190">
        <v>0</v>
      </c>
      <c r="I4389" s="190">
        <v>0</v>
      </c>
      <c r="J4389" s="190">
        <v>1</v>
      </c>
      <c r="K4389" s="190">
        <v>1</v>
      </c>
      <c r="L4389" s="190">
        <v>1</v>
      </c>
      <c r="M4389" s="190">
        <v>1</v>
      </c>
      <c r="N4389" s="190">
        <v>0</v>
      </c>
      <c r="O4389" s="190">
        <v>1</v>
      </c>
      <c r="P4389" s="190">
        <v>1</v>
      </c>
      <c r="Q4389" s="190">
        <v>0</v>
      </c>
      <c r="R4389" s="190">
        <v>1</v>
      </c>
      <c r="S4389" s="190">
        <v>0</v>
      </c>
      <c r="T4389" s="190">
        <v>0</v>
      </c>
      <c r="U4389" s="99"/>
      <c r="V4389" s="99"/>
      <c r="W4389" s="99"/>
      <c r="X4389" s="99"/>
      <c r="Y4389" s="99"/>
      <c r="Z4389" s="99"/>
      <c r="AA4389" s="99"/>
      <c r="AB4389" s="99"/>
      <c r="AC4389" s="99"/>
      <c r="AD4389" s="99"/>
      <c r="AE4389" s="99"/>
      <c r="AF4389" s="99"/>
      <c r="AG4389" s="99"/>
      <c r="AH4389" s="99"/>
      <c r="AI4389" s="99"/>
      <c r="AJ4389" s="99"/>
      <c r="AK4389" s="99"/>
      <c r="AL4389" s="99"/>
      <c r="AM4389" s="99"/>
      <c r="AN4389" s="99"/>
      <c r="AO4389" s="99"/>
      <c r="AP4389" s="99"/>
      <c r="AQ4389" s="99"/>
      <c r="AR4389" s="99"/>
      <c r="AS4389" s="99"/>
      <c r="AT4389" s="99"/>
      <c r="AU4389" s="99"/>
      <c r="AV4389" s="99"/>
      <c r="AW4389" s="99"/>
      <c r="AX4389" s="99"/>
      <c r="AY4389" s="99"/>
      <c r="AZ4389" s="99"/>
      <c r="BA4389" s="190" t="s">
        <v>9842</v>
      </c>
      <c r="BB4389" s="107">
        <v>45884</v>
      </c>
    </row>
    <row r="4390" spans="1:54" s="238" customFormat="1" ht="13.95" customHeight="1" x14ac:dyDescent="0.25">
      <c r="A4390" s="236" t="s">
        <v>9843</v>
      </c>
      <c r="B4390" s="220" t="s">
        <v>8672</v>
      </c>
      <c r="C4390" s="190" t="s">
        <v>9844</v>
      </c>
      <c r="D4390" s="190" t="s">
        <v>9845</v>
      </c>
      <c r="E4390" s="237">
        <v>1994</v>
      </c>
      <c r="F4390" s="237">
        <v>2400</v>
      </c>
      <c r="G4390" s="190" t="s">
        <v>1</v>
      </c>
      <c r="H4390" s="190">
        <v>0</v>
      </c>
      <c r="I4390" s="190">
        <v>0</v>
      </c>
      <c r="J4390" s="190">
        <v>1</v>
      </c>
      <c r="K4390" s="190">
        <v>0</v>
      </c>
      <c r="L4390" s="190">
        <v>1</v>
      </c>
      <c r="M4390" s="190">
        <v>1</v>
      </c>
      <c r="N4390" s="190">
        <v>0</v>
      </c>
      <c r="O4390" s="190">
        <v>0</v>
      </c>
      <c r="P4390" s="190">
        <v>1</v>
      </c>
      <c r="Q4390" s="190">
        <v>1</v>
      </c>
      <c r="R4390" s="190">
        <v>1</v>
      </c>
      <c r="S4390" s="190">
        <v>0</v>
      </c>
      <c r="T4390" s="190">
        <v>0</v>
      </c>
      <c r="U4390" s="99"/>
      <c r="V4390" s="99"/>
      <c r="W4390" s="99"/>
      <c r="X4390" s="99"/>
      <c r="Y4390" s="99"/>
      <c r="Z4390" s="99"/>
      <c r="AA4390" s="99"/>
      <c r="AB4390" s="99"/>
      <c r="AC4390" s="99"/>
      <c r="AD4390" s="99"/>
      <c r="AE4390" s="99"/>
      <c r="AF4390" s="99"/>
      <c r="AG4390" s="99"/>
      <c r="AH4390" s="99"/>
      <c r="AI4390" s="99"/>
      <c r="AJ4390" s="99"/>
      <c r="AK4390" s="99"/>
      <c r="AL4390" s="99"/>
      <c r="AM4390" s="99"/>
      <c r="AN4390" s="99"/>
      <c r="AO4390" s="99"/>
      <c r="AP4390" s="99"/>
      <c r="AQ4390" s="99"/>
      <c r="AR4390" s="99"/>
      <c r="AS4390" s="99"/>
      <c r="AT4390" s="99"/>
      <c r="AU4390" s="99"/>
      <c r="AV4390" s="99"/>
      <c r="AW4390" s="99"/>
      <c r="AX4390" s="99"/>
      <c r="AY4390" s="99"/>
      <c r="AZ4390" s="99"/>
      <c r="BA4390" s="99"/>
      <c r="BB4390" s="107">
        <v>45884</v>
      </c>
    </row>
    <row r="4391" spans="1:54" s="238" customFormat="1" ht="13.95" customHeight="1" x14ac:dyDescent="0.25">
      <c r="A4391" s="236" t="s">
        <v>9846</v>
      </c>
      <c r="B4391" s="220" t="s">
        <v>8672</v>
      </c>
      <c r="C4391" s="190" t="s">
        <v>9847</v>
      </c>
      <c r="D4391" s="190" t="s">
        <v>9848</v>
      </c>
      <c r="E4391" s="237">
        <v>2007</v>
      </c>
      <c r="F4391" s="237">
        <v>2500</v>
      </c>
      <c r="G4391" s="190" t="s">
        <v>1</v>
      </c>
      <c r="H4391" s="190">
        <v>0</v>
      </c>
      <c r="I4391" s="190">
        <v>0</v>
      </c>
      <c r="J4391" s="190">
        <v>1</v>
      </c>
      <c r="K4391" s="190">
        <v>0</v>
      </c>
      <c r="L4391" s="190">
        <v>1</v>
      </c>
      <c r="M4391" s="190">
        <v>0</v>
      </c>
      <c r="N4391" s="190">
        <v>0</v>
      </c>
      <c r="O4391" s="190">
        <v>1</v>
      </c>
      <c r="P4391" s="190">
        <v>1</v>
      </c>
      <c r="Q4391" s="190">
        <v>0</v>
      </c>
      <c r="R4391" s="190">
        <v>0</v>
      </c>
      <c r="S4391" s="190">
        <v>0</v>
      </c>
      <c r="T4391" s="190">
        <v>0</v>
      </c>
      <c r="U4391" s="99"/>
      <c r="V4391" s="99"/>
      <c r="W4391" s="99"/>
      <c r="X4391" s="99"/>
      <c r="Y4391" s="99"/>
      <c r="Z4391" s="99"/>
      <c r="AA4391" s="99"/>
      <c r="AB4391" s="99"/>
      <c r="AC4391" s="99"/>
      <c r="AD4391" s="99"/>
      <c r="AE4391" s="99"/>
      <c r="AF4391" s="99"/>
      <c r="AG4391" s="99"/>
      <c r="AH4391" s="99"/>
      <c r="AI4391" s="99"/>
      <c r="AJ4391" s="99"/>
      <c r="AK4391" s="99"/>
      <c r="AL4391" s="99"/>
      <c r="AM4391" s="99"/>
      <c r="AN4391" s="99"/>
      <c r="AO4391" s="99"/>
      <c r="AP4391" s="99"/>
      <c r="AQ4391" s="99"/>
      <c r="AR4391" s="99"/>
      <c r="AS4391" s="99"/>
      <c r="AT4391" s="99"/>
      <c r="AU4391" s="99"/>
      <c r="AV4391" s="99"/>
      <c r="AW4391" s="99"/>
      <c r="AX4391" s="99"/>
      <c r="AY4391" s="99"/>
      <c r="AZ4391" s="99"/>
      <c r="BA4391" s="190" t="s">
        <v>9849</v>
      </c>
      <c r="BB4391" s="107">
        <v>45884</v>
      </c>
    </row>
    <row r="4392" spans="1:54" s="238" customFormat="1" ht="13.95" customHeight="1" x14ac:dyDescent="0.25">
      <c r="A4392" s="236" t="s">
        <v>9850</v>
      </c>
      <c r="B4392" s="220" t="s">
        <v>8672</v>
      </c>
      <c r="C4392" s="190" t="s">
        <v>9851</v>
      </c>
      <c r="D4392" s="190" t="s">
        <v>9852</v>
      </c>
      <c r="E4392" s="237">
        <v>2003</v>
      </c>
      <c r="F4392" s="237">
        <v>2500</v>
      </c>
      <c r="G4392" s="190" t="s">
        <v>1</v>
      </c>
      <c r="H4392" s="190">
        <v>0</v>
      </c>
      <c r="I4392" s="190">
        <v>0</v>
      </c>
      <c r="J4392" s="190">
        <v>1</v>
      </c>
      <c r="K4392" s="190">
        <v>0</v>
      </c>
      <c r="L4392" s="190">
        <v>0</v>
      </c>
      <c r="M4392" s="190">
        <v>0</v>
      </c>
      <c r="N4392" s="190">
        <v>1</v>
      </c>
      <c r="O4392" s="190">
        <v>0</v>
      </c>
      <c r="P4392" s="190">
        <v>0</v>
      </c>
      <c r="Q4392" s="190">
        <v>0</v>
      </c>
      <c r="R4392" s="190">
        <v>0</v>
      </c>
      <c r="S4392" s="190">
        <v>0</v>
      </c>
      <c r="T4392" s="190">
        <v>0</v>
      </c>
      <c r="U4392" s="99"/>
      <c r="V4392" s="99"/>
      <c r="W4392" s="99"/>
      <c r="X4392" s="99"/>
      <c r="Y4392" s="99"/>
      <c r="Z4392" s="99"/>
      <c r="AA4392" s="99"/>
      <c r="AB4392" s="99"/>
      <c r="AC4392" s="99"/>
      <c r="AD4392" s="99"/>
      <c r="AE4392" s="99"/>
      <c r="AF4392" s="99"/>
      <c r="AG4392" s="99"/>
      <c r="AH4392" s="99"/>
      <c r="AI4392" s="99"/>
      <c r="AJ4392" s="99"/>
      <c r="AK4392" s="99"/>
      <c r="AL4392" s="99"/>
      <c r="AM4392" s="99"/>
      <c r="AN4392" s="99"/>
      <c r="AO4392" s="99"/>
      <c r="AP4392" s="99"/>
      <c r="AQ4392" s="99"/>
      <c r="AR4392" s="99"/>
      <c r="AS4392" s="99"/>
      <c r="AT4392" s="99"/>
      <c r="AU4392" s="99"/>
      <c r="AV4392" s="99"/>
      <c r="AW4392" s="99"/>
      <c r="AX4392" s="99"/>
      <c r="AY4392" s="99"/>
      <c r="AZ4392" s="99"/>
      <c r="BA4392" s="99"/>
      <c r="BB4392" s="107">
        <v>45884</v>
      </c>
    </row>
    <row r="4393" spans="1:54" s="238" customFormat="1" ht="13.95" customHeight="1" x14ac:dyDescent="0.25">
      <c r="A4393" s="236" t="s">
        <v>9853</v>
      </c>
      <c r="B4393" s="220" t="s">
        <v>8672</v>
      </c>
      <c r="C4393" s="190" t="s">
        <v>9854</v>
      </c>
      <c r="D4393" s="190" t="s">
        <v>9855</v>
      </c>
      <c r="E4393" s="237">
        <v>2007</v>
      </c>
      <c r="F4393" s="237">
        <v>2500</v>
      </c>
      <c r="G4393" s="190" t="s">
        <v>1</v>
      </c>
      <c r="H4393" s="190">
        <v>0</v>
      </c>
      <c r="I4393" s="190">
        <v>0</v>
      </c>
      <c r="J4393" s="190">
        <v>1</v>
      </c>
      <c r="K4393" s="190">
        <v>0</v>
      </c>
      <c r="L4393" s="190">
        <v>0</v>
      </c>
      <c r="M4393" s="190">
        <v>0</v>
      </c>
      <c r="N4393" s="190">
        <v>0</v>
      </c>
      <c r="O4393" s="190">
        <v>0</v>
      </c>
      <c r="P4393" s="190">
        <v>0</v>
      </c>
      <c r="Q4393" s="190">
        <v>0</v>
      </c>
      <c r="R4393" s="190">
        <v>0</v>
      </c>
      <c r="S4393" s="190">
        <v>0</v>
      </c>
      <c r="T4393" s="190">
        <v>0</v>
      </c>
      <c r="U4393" s="99"/>
      <c r="V4393" s="99"/>
      <c r="W4393" s="99"/>
      <c r="X4393" s="99"/>
      <c r="Y4393" s="99"/>
      <c r="Z4393" s="99"/>
      <c r="AA4393" s="99"/>
      <c r="AB4393" s="99"/>
      <c r="AC4393" s="99"/>
      <c r="AD4393" s="99"/>
      <c r="AE4393" s="99"/>
      <c r="AF4393" s="99"/>
      <c r="AG4393" s="99"/>
      <c r="AH4393" s="99"/>
      <c r="AI4393" s="99"/>
      <c r="AJ4393" s="99"/>
      <c r="AK4393" s="99"/>
      <c r="AL4393" s="99"/>
      <c r="AM4393" s="99"/>
      <c r="AN4393" s="99"/>
      <c r="AO4393" s="99"/>
      <c r="AP4393" s="99"/>
      <c r="AQ4393" s="99"/>
      <c r="AR4393" s="99"/>
      <c r="AS4393" s="99"/>
      <c r="AT4393" s="99"/>
      <c r="AU4393" s="99"/>
      <c r="AV4393" s="99"/>
      <c r="AW4393" s="99"/>
      <c r="AX4393" s="99"/>
      <c r="AY4393" s="99"/>
      <c r="AZ4393" s="99"/>
      <c r="BA4393" s="190" t="s">
        <v>9856</v>
      </c>
      <c r="BB4393" s="107">
        <v>45884</v>
      </c>
    </row>
    <row r="4394" spans="1:54" s="238" customFormat="1" ht="13.95" customHeight="1" x14ac:dyDescent="0.25">
      <c r="A4394" s="236" t="s">
        <v>9857</v>
      </c>
      <c r="B4394" s="220" t="s">
        <v>8672</v>
      </c>
      <c r="C4394" s="190" t="s">
        <v>9858</v>
      </c>
      <c r="D4394" s="190" t="s">
        <v>9859</v>
      </c>
      <c r="E4394" s="237">
        <v>2004</v>
      </c>
      <c r="F4394" s="237">
        <v>2500</v>
      </c>
      <c r="G4394" s="190" t="s">
        <v>1</v>
      </c>
      <c r="H4394" s="190">
        <v>0</v>
      </c>
      <c r="I4394" s="190">
        <v>0</v>
      </c>
      <c r="J4394" s="190">
        <v>1</v>
      </c>
      <c r="K4394" s="190">
        <v>1</v>
      </c>
      <c r="L4394" s="190">
        <v>1</v>
      </c>
      <c r="M4394" s="190">
        <v>1</v>
      </c>
      <c r="N4394" s="190">
        <v>0</v>
      </c>
      <c r="O4394" s="190">
        <v>1</v>
      </c>
      <c r="P4394" s="190">
        <v>0</v>
      </c>
      <c r="Q4394" s="190">
        <v>0</v>
      </c>
      <c r="R4394" s="190">
        <v>0</v>
      </c>
      <c r="S4394" s="190">
        <v>1</v>
      </c>
      <c r="T4394" s="190">
        <v>0</v>
      </c>
      <c r="U4394" s="99"/>
      <c r="V4394" s="99"/>
      <c r="W4394" s="99"/>
      <c r="X4394" s="99"/>
      <c r="Y4394" s="99"/>
      <c r="Z4394" s="99"/>
      <c r="AA4394" s="99"/>
      <c r="AB4394" s="99"/>
      <c r="AC4394" s="99"/>
      <c r="AD4394" s="99"/>
      <c r="AE4394" s="99"/>
      <c r="AF4394" s="99"/>
      <c r="AG4394" s="99"/>
      <c r="AH4394" s="99"/>
      <c r="AI4394" s="99"/>
      <c r="AJ4394" s="99"/>
      <c r="AK4394" s="99"/>
      <c r="AL4394" s="99"/>
      <c r="AM4394" s="99"/>
      <c r="AN4394" s="99"/>
      <c r="AO4394" s="99"/>
      <c r="AP4394" s="99"/>
      <c r="AQ4394" s="99"/>
      <c r="AR4394" s="99"/>
      <c r="AS4394" s="99"/>
      <c r="AT4394" s="99"/>
      <c r="AU4394" s="99"/>
      <c r="AV4394" s="99"/>
      <c r="AW4394" s="99"/>
      <c r="AX4394" s="99"/>
      <c r="AY4394" s="99"/>
      <c r="AZ4394" s="99"/>
      <c r="BA4394" s="99"/>
      <c r="BB4394" s="107">
        <v>45884</v>
      </c>
    </row>
    <row r="4395" spans="1:54" s="238" customFormat="1" ht="13.95" customHeight="1" x14ac:dyDescent="0.25">
      <c r="A4395" s="236" t="s">
        <v>9860</v>
      </c>
      <c r="B4395" s="220" t="s">
        <v>8672</v>
      </c>
      <c r="C4395" s="190" t="s">
        <v>9861</v>
      </c>
      <c r="D4395" s="190" t="s">
        <v>9624</v>
      </c>
      <c r="E4395" s="237">
        <v>2010</v>
      </c>
      <c r="F4395" s="237">
        <v>2500</v>
      </c>
      <c r="G4395" s="190" t="s">
        <v>1</v>
      </c>
      <c r="H4395" s="190">
        <v>0</v>
      </c>
      <c r="I4395" s="190">
        <v>0</v>
      </c>
      <c r="J4395" s="190">
        <v>1</v>
      </c>
      <c r="K4395" s="190">
        <v>1</v>
      </c>
      <c r="L4395" s="190">
        <v>1</v>
      </c>
      <c r="M4395" s="190">
        <v>1</v>
      </c>
      <c r="N4395" s="190">
        <v>1</v>
      </c>
      <c r="O4395" s="190">
        <v>0</v>
      </c>
      <c r="P4395" s="190">
        <v>0</v>
      </c>
      <c r="Q4395" s="190">
        <v>1</v>
      </c>
      <c r="R4395" s="190">
        <v>0</v>
      </c>
      <c r="S4395" s="190">
        <v>0</v>
      </c>
      <c r="T4395" s="190">
        <v>0</v>
      </c>
      <c r="U4395" s="99"/>
      <c r="V4395" s="99"/>
      <c r="W4395" s="99"/>
      <c r="X4395" s="99"/>
      <c r="Y4395" s="99"/>
      <c r="Z4395" s="99"/>
      <c r="AA4395" s="99"/>
      <c r="AB4395" s="99"/>
      <c r="AC4395" s="99"/>
      <c r="AD4395" s="99"/>
      <c r="AE4395" s="99"/>
      <c r="AF4395" s="99"/>
      <c r="AG4395" s="99"/>
      <c r="AH4395" s="99"/>
      <c r="AI4395" s="99"/>
      <c r="AJ4395" s="99"/>
      <c r="AK4395" s="99"/>
      <c r="AL4395" s="99"/>
      <c r="AM4395" s="99"/>
      <c r="AN4395" s="99"/>
      <c r="AO4395" s="99"/>
      <c r="AP4395" s="99"/>
      <c r="AQ4395" s="99"/>
      <c r="AR4395" s="99"/>
      <c r="AS4395" s="99"/>
      <c r="AT4395" s="99"/>
      <c r="AU4395" s="99"/>
      <c r="AV4395" s="99"/>
      <c r="AW4395" s="99"/>
      <c r="AX4395" s="99"/>
      <c r="AY4395" s="99"/>
      <c r="AZ4395" s="99"/>
      <c r="BA4395" s="99"/>
      <c r="BB4395" s="107">
        <v>45884</v>
      </c>
    </row>
    <row r="4396" spans="1:54" s="238" customFormat="1" ht="13.95" customHeight="1" x14ac:dyDescent="0.25">
      <c r="A4396" s="236" t="s">
        <v>9862</v>
      </c>
      <c r="B4396" s="220" t="s">
        <v>8672</v>
      </c>
      <c r="C4396" s="190" t="s">
        <v>9863</v>
      </c>
      <c r="D4396" s="190" t="s">
        <v>9864</v>
      </c>
      <c r="E4396" s="237">
        <v>1979</v>
      </c>
      <c r="F4396" s="237">
        <v>2500</v>
      </c>
      <c r="G4396" s="190" t="s">
        <v>1</v>
      </c>
      <c r="H4396" s="190">
        <v>0</v>
      </c>
      <c r="I4396" s="190">
        <v>0</v>
      </c>
      <c r="J4396" s="190">
        <v>1</v>
      </c>
      <c r="K4396" s="190">
        <v>0</v>
      </c>
      <c r="L4396" s="190">
        <v>1</v>
      </c>
      <c r="M4396" s="190">
        <v>0</v>
      </c>
      <c r="N4396" s="190">
        <v>0</v>
      </c>
      <c r="O4396" s="190">
        <v>1</v>
      </c>
      <c r="P4396" s="190">
        <v>1</v>
      </c>
      <c r="Q4396" s="190">
        <v>0</v>
      </c>
      <c r="R4396" s="190">
        <v>0</v>
      </c>
      <c r="S4396" s="190">
        <v>0</v>
      </c>
      <c r="T4396" s="190">
        <v>0</v>
      </c>
      <c r="U4396" s="99"/>
      <c r="V4396" s="99"/>
      <c r="W4396" s="99"/>
      <c r="X4396" s="99"/>
      <c r="Y4396" s="99"/>
      <c r="Z4396" s="99"/>
      <c r="AA4396" s="99"/>
      <c r="AB4396" s="99"/>
      <c r="AC4396" s="99"/>
      <c r="AD4396" s="99"/>
      <c r="AE4396" s="99"/>
      <c r="AF4396" s="99"/>
      <c r="AG4396" s="99"/>
      <c r="AH4396" s="99"/>
      <c r="AI4396" s="99"/>
      <c r="AJ4396" s="99"/>
      <c r="AK4396" s="99"/>
      <c r="AL4396" s="99"/>
      <c r="AM4396" s="99"/>
      <c r="AN4396" s="99"/>
      <c r="AO4396" s="99"/>
      <c r="AP4396" s="99"/>
      <c r="AQ4396" s="99"/>
      <c r="AR4396" s="99"/>
      <c r="AS4396" s="99"/>
      <c r="AT4396" s="99"/>
      <c r="AU4396" s="99"/>
      <c r="AV4396" s="99"/>
      <c r="AW4396" s="99"/>
      <c r="AX4396" s="99"/>
      <c r="AY4396" s="99"/>
      <c r="AZ4396" s="99"/>
      <c r="BA4396" s="99"/>
      <c r="BB4396" s="107">
        <v>45884</v>
      </c>
    </row>
    <row r="4397" spans="1:54" s="238" customFormat="1" ht="13.95" customHeight="1" x14ac:dyDescent="0.25">
      <c r="A4397" s="236" t="s">
        <v>9865</v>
      </c>
      <c r="B4397" s="220" t="s">
        <v>8672</v>
      </c>
      <c r="C4397" s="190" t="s">
        <v>9866</v>
      </c>
      <c r="D4397" s="190" t="s">
        <v>9867</v>
      </c>
      <c r="E4397" s="237">
        <v>1997</v>
      </c>
      <c r="F4397" s="237">
        <v>2500</v>
      </c>
      <c r="G4397" s="190" t="s">
        <v>5</v>
      </c>
      <c r="H4397" s="190">
        <v>0</v>
      </c>
      <c r="I4397" s="190">
        <v>0</v>
      </c>
      <c r="J4397" s="190">
        <v>1</v>
      </c>
      <c r="K4397" s="190">
        <v>1</v>
      </c>
      <c r="L4397" s="190">
        <v>0</v>
      </c>
      <c r="M4397" s="190">
        <v>1</v>
      </c>
      <c r="N4397" s="190">
        <v>0</v>
      </c>
      <c r="O4397" s="190">
        <v>0</v>
      </c>
      <c r="P4397" s="190">
        <v>0</v>
      </c>
      <c r="Q4397" s="190">
        <v>0</v>
      </c>
      <c r="R4397" s="190">
        <v>0</v>
      </c>
      <c r="S4397" s="190">
        <v>0</v>
      </c>
      <c r="T4397" s="190">
        <v>0</v>
      </c>
      <c r="U4397" s="99"/>
      <c r="V4397" s="99"/>
      <c r="W4397" s="99"/>
      <c r="X4397" s="99"/>
      <c r="Y4397" s="99"/>
      <c r="Z4397" s="99"/>
      <c r="AA4397" s="99"/>
      <c r="AB4397" s="99"/>
      <c r="AC4397" s="99"/>
      <c r="AD4397" s="99"/>
      <c r="AE4397" s="99"/>
      <c r="AF4397" s="99"/>
      <c r="AG4397" s="99"/>
      <c r="AH4397" s="99"/>
      <c r="AI4397" s="99"/>
      <c r="AJ4397" s="99"/>
      <c r="AK4397" s="99"/>
      <c r="AL4397" s="99"/>
      <c r="AM4397" s="99"/>
      <c r="AN4397" s="99"/>
      <c r="AO4397" s="99"/>
      <c r="AP4397" s="99"/>
      <c r="AQ4397" s="99"/>
      <c r="AR4397" s="99"/>
      <c r="AS4397" s="99"/>
      <c r="AT4397" s="99"/>
      <c r="AU4397" s="99"/>
      <c r="AV4397" s="99"/>
      <c r="AW4397" s="99"/>
      <c r="AX4397" s="99"/>
      <c r="AY4397" s="99"/>
      <c r="AZ4397" s="99"/>
      <c r="BA4397" s="99"/>
      <c r="BB4397" s="107">
        <v>45884</v>
      </c>
    </row>
    <row r="4398" spans="1:54" s="238" customFormat="1" ht="13.95" customHeight="1" x14ac:dyDescent="0.25">
      <c r="A4398" s="236" t="s">
        <v>9868</v>
      </c>
      <c r="B4398" s="220" t="s">
        <v>8672</v>
      </c>
      <c r="C4398" s="190" t="s">
        <v>9869</v>
      </c>
      <c r="D4398" s="190" t="s">
        <v>9870</v>
      </c>
      <c r="E4398" s="237">
        <v>1979</v>
      </c>
      <c r="F4398" s="237">
        <v>2500</v>
      </c>
      <c r="G4398" s="190" t="s">
        <v>1</v>
      </c>
      <c r="H4398" s="190">
        <v>0</v>
      </c>
      <c r="I4398" s="190">
        <v>0</v>
      </c>
      <c r="J4398" s="190">
        <v>1</v>
      </c>
      <c r="K4398" s="190">
        <v>0</v>
      </c>
      <c r="L4398" s="190">
        <v>0</v>
      </c>
      <c r="M4398" s="190">
        <v>0</v>
      </c>
      <c r="N4398" s="190">
        <v>0</v>
      </c>
      <c r="O4398" s="190">
        <v>0</v>
      </c>
      <c r="P4398" s="190">
        <v>0</v>
      </c>
      <c r="Q4398" s="190">
        <v>0</v>
      </c>
      <c r="R4398" s="190">
        <v>0</v>
      </c>
      <c r="S4398" s="190">
        <v>0</v>
      </c>
      <c r="T4398" s="190">
        <v>0</v>
      </c>
      <c r="U4398" s="99"/>
      <c r="V4398" s="99"/>
      <c r="W4398" s="99"/>
      <c r="X4398" s="99"/>
      <c r="Y4398" s="99"/>
      <c r="Z4398" s="99"/>
      <c r="AA4398" s="99"/>
      <c r="AB4398" s="99"/>
      <c r="AC4398" s="99"/>
      <c r="AD4398" s="99"/>
      <c r="AE4398" s="99"/>
      <c r="AF4398" s="99"/>
      <c r="AG4398" s="99"/>
      <c r="AH4398" s="99"/>
      <c r="AI4398" s="99"/>
      <c r="AJ4398" s="99"/>
      <c r="AK4398" s="99"/>
      <c r="AL4398" s="99"/>
      <c r="AM4398" s="99"/>
      <c r="AN4398" s="99"/>
      <c r="AO4398" s="99"/>
      <c r="AP4398" s="99"/>
      <c r="AQ4398" s="99"/>
      <c r="AR4398" s="99"/>
      <c r="AS4398" s="99"/>
      <c r="AT4398" s="99"/>
      <c r="AU4398" s="99"/>
      <c r="AV4398" s="99"/>
      <c r="AW4398" s="99"/>
      <c r="AX4398" s="99"/>
      <c r="AY4398" s="99"/>
      <c r="AZ4398" s="99"/>
      <c r="BA4398" s="99"/>
      <c r="BB4398" s="107">
        <v>45884</v>
      </c>
    </row>
    <row r="4399" spans="1:54" s="238" customFormat="1" ht="13.95" customHeight="1" x14ac:dyDescent="0.25">
      <c r="A4399" s="236" t="s">
        <v>9871</v>
      </c>
      <c r="B4399" s="220" t="s">
        <v>8672</v>
      </c>
      <c r="C4399" s="190" t="s">
        <v>9872</v>
      </c>
      <c r="D4399" s="190" t="s">
        <v>9873</v>
      </c>
      <c r="E4399" s="237">
        <v>1970</v>
      </c>
      <c r="F4399" s="237">
        <v>2600</v>
      </c>
      <c r="G4399" s="190" t="s">
        <v>1</v>
      </c>
      <c r="H4399" s="190">
        <v>0</v>
      </c>
      <c r="I4399" s="190">
        <v>0</v>
      </c>
      <c r="J4399" s="190">
        <v>1</v>
      </c>
      <c r="K4399" s="190">
        <v>1</v>
      </c>
      <c r="L4399" s="190">
        <v>1</v>
      </c>
      <c r="M4399" s="190">
        <v>1</v>
      </c>
      <c r="N4399" s="190">
        <v>0</v>
      </c>
      <c r="O4399" s="190">
        <v>1</v>
      </c>
      <c r="P4399" s="190">
        <v>1</v>
      </c>
      <c r="Q4399" s="190">
        <v>0</v>
      </c>
      <c r="R4399" s="190">
        <v>1</v>
      </c>
      <c r="S4399" s="190">
        <v>0</v>
      </c>
      <c r="T4399" s="190">
        <v>0</v>
      </c>
      <c r="U4399" s="99"/>
      <c r="V4399" s="99"/>
      <c r="W4399" s="99"/>
      <c r="X4399" s="99"/>
      <c r="Y4399" s="99"/>
      <c r="Z4399" s="99"/>
      <c r="AA4399" s="99"/>
      <c r="AB4399" s="99"/>
      <c r="AC4399" s="99"/>
      <c r="AD4399" s="99"/>
      <c r="AE4399" s="99"/>
      <c r="AF4399" s="99"/>
      <c r="AG4399" s="99"/>
      <c r="AH4399" s="99"/>
      <c r="AI4399" s="99"/>
      <c r="AJ4399" s="99"/>
      <c r="AK4399" s="99"/>
      <c r="AL4399" s="99"/>
      <c r="AM4399" s="99"/>
      <c r="AN4399" s="99"/>
      <c r="AO4399" s="99"/>
      <c r="AP4399" s="99"/>
      <c r="AQ4399" s="99"/>
      <c r="AR4399" s="99"/>
      <c r="AS4399" s="99"/>
      <c r="AT4399" s="99"/>
      <c r="AU4399" s="99"/>
      <c r="AV4399" s="99"/>
      <c r="AW4399" s="99"/>
      <c r="AX4399" s="99"/>
      <c r="AY4399" s="99"/>
      <c r="AZ4399" s="99"/>
      <c r="BA4399" s="99"/>
      <c r="BB4399" s="107">
        <v>45884</v>
      </c>
    </row>
    <row r="4400" spans="1:54" s="238" customFormat="1" ht="13.95" customHeight="1" x14ac:dyDescent="0.25">
      <c r="A4400" s="236" t="s">
        <v>9874</v>
      </c>
      <c r="B4400" s="220" t="s">
        <v>8672</v>
      </c>
      <c r="C4400" s="190" t="s">
        <v>9875</v>
      </c>
      <c r="D4400" s="190" t="s">
        <v>9876</v>
      </c>
      <c r="E4400" s="237">
        <v>2007</v>
      </c>
      <c r="F4400" s="237">
        <v>2600</v>
      </c>
      <c r="G4400" s="190" t="s">
        <v>1</v>
      </c>
      <c r="H4400" s="190">
        <v>0</v>
      </c>
      <c r="I4400" s="190">
        <v>0</v>
      </c>
      <c r="J4400" s="190">
        <v>1</v>
      </c>
      <c r="K4400" s="190">
        <v>0</v>
      </c>
      <c r="L4400" s="190">
        <v>0</v>
      </c>
      <c r="M4400" s="190">
        <v>0</v>
      </c>
      <c r="N4400" s="190">
        <v>0</v>
      </c>
      <c r="O4400" s="190">
        <v>0</v>
      </c>
      <c r="P4400" s="190">
        <v>0</v>
      </c>
      <c r="Q4400" s="190">
        <v>0</v>
      </c>
      <c r="R4400" s="190">
        <v>0</v>
      </c>
      <c r="S4400" s="190">
        <v>0</v>
      </c>
      <c r="T4400" s="190">
        <v>0</v>
      </c>
      <c r="U4400" s="99"/>
      <c r="V4400" s="99"/>
      <c r="W4400" s="99"/>
      <c r="X4400" s="99"/>
      <c r="Y4400" s="99"/>
      <c r="Z4400" s="99"/>
      <c r="AA4400" s="99"/>
      <c r="AB4400" s="99"/>
      <c r="AC4400" s="99"/>
      <c r="AD4400" s="99"/>
      <c r="AE4400" s="99"/>
      <c r="AF4400" s="99"/>
      <c r="AG4400" s="99"/>
      <c r="AH4400" s="99"/>
      <c r="AI4400" s="99"/>
      <c r="AJ4400" s="99"/>
      <c r="AK4400" s="99"/>
      <c r="AL4400" s="99"/>
      <c r="AM4400" s="99"/>
      <c r="AN4400" s="99"/>
      <c r="AO4400" s="99"/>
      <c r="AP4400" s="99"/>
      <c r="AQ4400" s="99"/>
      <c r="AR4400" s="99"/>
      <c r="AS4400" s="99"/>
      <c r="AT4400" s="99"/>
      <c r="AU4400" s="99"/>
      <c r="AV4400" s="99"/>
      <c r="AW4400" s="99"/>
      <c r="AX4400" s="99"/>
      <c r="AY4400" s="99"/>
      <c r="AZ4400" s="99"/>
      <c r="BA4400" s="99"/>
      <c r="BB4400" s="107">
        <v>45884</v>
      </c>
    </row>
    <row r="4401" spans="1:54" s="238" customFormat="1" ht="13.95" customHeight="1" x14ac:dyDescent="0.25">
      <c r="A4401" s="236" t="s">
        <v>9877</v>
      </c>
      <c r="B4401" s="220" t="s">
        <v>8672</v>
      </c>
      <c r="C4401" s="190" t="s">
        <v>9878</v>
      </c>
      <c r="D4401" s="190" t="s">
        <v>9879</v>
      </c>
      <c r="E4401" s="237">
        <v>1975</v>
      </c>
      <c r="F4401" s="237">
        <v>2600</v>
      </c>
      <c r="G4401" s="190" t="s">
        <v>1</v>
      </c>
      <c r="H4401" s="190">
        <v>1</v>
      </c>
      <c r="I4401" s="190">
        <v>0</v>
      </c>
      <c r="J4401" s="190">
        <v>1</v>
      </c>
      <c r="K4401" s="190">
        <v>1</v>
      </c>
      <c r="L4401" s="190">
        <v>1</v>
      </c>
      <c r="M4401" s="190">
        <v>0</v>
      </c>
      <c r="N4401" s="190">
        <v>0</v>
      </c>
      <c r="O4401" s="190">
        <v>1</v>
      </c>
      <c r="P4401" s="190">
        <v>1</v>
      </c>
      <c r="Q4401" s="190">
        <v>1</v>
      </c>
      <c r="R4401" s="190">
        <v>1</v>
      </c>
      <c r="S4401" s="190">
        <v>0</v>
      </c>
      <c r="T4401" s="190">
        <v>0</v>
      </c>
      <c r="U4401" s="99"/>
      <c r="V4401" s="99"/>
      <c r="W4401" s="99"/>
      <c r="X4401" s="99"/>
      <c r="Y4401" s="99"/>
      <c r="Z4401" s="99"/>
      <c r="AA4401" s="99"/>
      <c r="AB4401" s="99"/>
      <c r="AC4401" s="99"/>
      <c r="AD4401" s="99"/>
      <c r="AE4401" s="99"/>
      <c r="AF4401" s="99"/>
      <c r="AG4401" s="99"/>
      <c r="AH4401" s="99"/>
      <c r="AI4401" s="99"/>
      <c r="AJ4401" s="99"/>
      <c r="AK4401" s="99"/>
      <c r="AL4401" s="99"/>
      <c r="AM4401" s="99"/>
      <c r="AN4401" s="99"/>
      <c r="AO4401" s="99"/>
      <c r="AP4401" s="99"/>
      <c r="AQ4401" s="99"/>
      <c r="AR4401" s="99"/>
      <c r="AS4401" s="99"/>
      <c r="AT4401" s="99"/>
      <c r="AU4401" s="99"/>
      <c r="AV4401" s="99"/>
      <c r="AW4401" s="99"/>
      <c r="AX4401" s="99"/>
      <c r="AY4401" s="99"/>
      <c r="AZ4401" s="99"/>
      <c r="BA4401" s="99"/>
      <c r="BB4401" s="107">
        <v>45884</v>
      </c>
    </row>
    <row r="4402" spans="1:54" s="238" customFormat="1" ht="13.95" customHeight="1" x14ac:dyDescent="0.25">
      <c r="A4402" s="236" t="s">
        <v>9880</v>
      </c>
      <c r="B4402" s="220" t="s">
        <v>8672</v>
      </c>
      <c r="C4402" s="190" t="s">
        <v>9881</v>
      </c>
      <c r="D4402" s="190" t="s">
        <v>9882</v>
      </c>
      <c r="E4402" s="237">
        <v>1970</v>
      </c>
      <c r="F4402" s="237">
        <v>2700</v>
      </c>
      <c r="G4402" s="190" t="s">
        <v>1</v>
      </c>
      <c r="H4402" s="190">
        <v>0</v>
      </c>
      <c r="I4402" s="190">
        <v>0</v>
      </c>
      <c r="J4402" s="190">
        <v>1</v>
      </c>
      <c r="K4402" s="190">
        <v>1</v>
      </c>
      <c r="L4402" s="190">
        <v>1</v>
      </c>
      <c r="M4402" s="190">
        <v>0</v>
      </c>
      <c r="N4402" s="190">
        <v>0</v>
      </c>
      <c r="O4402" s="190">
        <v>1</v>
      </c>
      <c r="P4402" s="190">
        <v>1</v>
      </c>
      <c r="Q4402" s="190">
        <v>0</v>
      </c>
      <c r="R4402" s="190">
        <v>0</v>
      </c>
      <c r="S4402" s="190">
        <v>1</v>
      </c>
      <c r="T4402" s="190">
        <v>0</v>
      </c>
      <c r="U4402" s="99"/>
      <c r="V4402" s="99"/>
      <c r="W4402" s="99"/>
      <c r="X4402" s="99"/>
      <c r="Y4402" s="99"/>
      <c r="Z4402" s="99"/>
      <c r="AA4402" s="99"/>
      <c r="AB4402" s="99"/>
      <c r="AC4402" s="99"/>
      <c r="AD4402" s="99"/>
      <c r="AE4402" s="99"/>
      <c r="AF4402" s="99"/>
      <c r="AG4402" s="99"/>
      <c r="AH4402" s="99"/>
      <c r="AI4402" s="99"/>
      <c r="AJ4402" s="99"/>
      <c r="AK4402" s="99"/>
      <c r="AL4402" s="99"/>
      <c r="AM4402" s="99"/>
      <c r="AN4402" s="99"/>
      <c r="AO4402" s="99"/>
      <c r="AP4402" s="99"/>
      <c r="AQ4402" s="99"/>
      <c r="AR4402" s="99"/>
      <c r="AS4402" s="99"/>
      <c r="AT4402" s="99"/>
      <c r="AU4402" s="99"/>
      <c r="AV4402" s="99"/>
      <c r="AW4402" s="99"/>
      <c r="AX4402" s="99"/>
      <c r="AY4402" s="99"/>
      <c r="AZ4402" s="99"/>
      <c r="BA4402" s="99"/>
      <c r="BB4402" s="107">
        <v>45884</v>
      </c>
    </row>
    <row r="4403" spans="1:54" s="238" customFormat="1" ht="13.95" customHeight="1" x14ac:dyDescent="0.25">
      <c r="A4403" s="236" t="s">
        <v>9883</v>
      </c>
      <c r="B4403" s="220" t="s">
        <v>8672</v>
      </c>
      <c r="C4403" s="190" t="s">
        <v>9884</v>
      </c>
      <c r="D4403" s="190" t="s">
        <v>9885</v>
      </c>
      <c r="E4403" s="237">
        <v>1986</v>
      </c>
      <c r="F4403" s="237">
        <v>2700</v>
      </c>
      <c r="G4403" s="190" t="s">
        <v>1</v>
      </c>
      <c r="H4403" s="190">
        <v>0</v>
      </c>
      <c r="I4403" s="190">
        <v>0</v>
      </c>
      <c r="J4403" s="190">
        <v>1</v>
      </c>
      <c r="K4403" s="190">
        <v>1</v>
      </c>
      <c r="L4403" s="190">
        <v>1</v>
      </c>
      <c r="M4403" s="190">
        <v>1</v>
      </c>
      <c r="N4403" s="190">
        <v>0</v>
      </c>
      <c r="O4403" s="190">
        <v>1</v>
      </c>
      <c r="P4403" s="190">
        <v>1</v>
      </c>
      <c r="Q4403" s="190">
        <v>0</v>
      </c>
      <c r="R4403" s="190">
        <v>0</v>
      </c>
      <c r="S4403" s="190">
        <v>1</v>
      </c>
      <c r="T4403" s="190">
        <v>0</v>
      </c>
      <c r="U4403" s="99"/>
      <c r="V4403" s="99"/>
      <c r="W4403" s="99"/>
      <c r="X4403" s="99"/>
      <c r="Y4403" s="99"/>
      <c r="Z4403" s="99"/>
      <c r="AA4403" s="99"/>
      <c r="AB4403" s="99"/>
      <c r="AC4403" s="99"/>
      <c r="AD4403" s="99"/>
      <c r="AE4403" s="99"/>
      <c r="AF4403" s="99"/>
      <c r="AG4403" s="99"/>
      <c r="AH4403" s="99"/>
      <c r="AI4403" s="99"/>
      <c r="AJ4403" s="99"/>
      <c r="AK4403" s="99"/>
      <c r="AL4403" s="99"/>
      <c r="AM4403" s="99"/>
      <c r="AN4403" s="99"/>
      <c r="AO4403" s="99"/>
      <c r="AP4403" s="99"/>
      <c r="AQ4403" s="99"/>
      <c r="AR4403" s="99"/>
      <c r="AS4403" s="99"/>
      <c r="AT4403" s="99"/>
      <c r="AU4403" s="99"/>
      <c r="AV4403" s="99"/>
      <c r="AW4403" s="99"/>
      <c r="AX4403" s="99"/>
      <c r="AY4403" s="99"/>
      <c r="AZ4403" s="99"/>
      <c r="BA4403" s="99"/>
      <c r="BB4403" s="107">
        <v>45884</v>
      </c>
    </row>
    <row r="4404" spans="1:54" s="238" customFormat="1" ht="13.95" customHeight="1" x14ac:dyDescent="0.25">
      <c r="A4404" s="236" t="s">
        <v>9886</v>
      </c>
      <c r="B4404" s="220" t="s">
        <v>8672</v>
      </c>
      <c r="C4404" s="190" t="s">
        <v>9887</v>
      </c>
      <c r="D4404" s="190" t="s">
        <v>9888</v>
      </c>
      <c r="E4404" s="237">
        <v>2003</v>
      </c>
      <c r="F4404" s="237">
        <v>2800</v>
      </c>
      <c r="G4404" s="190" t="s">
        <v>1</v>
      </c>
      <c r="H4404" s="190">
        <v>0</v>
      </c>
      <c r="I4404" s="190">
        <v>0</v>
      </c>
      <c r="J4404" s="190">
        <v>0</v>
      </c>
      <c r="K4404" s="190">
        <v>0</v>
      </c>
      <c r="L4404" s="190">
        <v>0</v>
      </c>
      <c r="M4404" s="190">
        <v>0</v>
      </c>
      <c r="N4404" s="190">
        <v>0</v>
      </c>
      <c r="O4404" s="190">
        <v>0</v>
      </c>
      <c r="P4404" s="190">
        <v>0</v>
      </c>
      <c r="Q4404" s="190">
        <v>0</v>
      </c>
      <c r="R4404" s="190">
        <v>0</v>
      </c>
      <c r="S4404" s="190">
        <v>0</v>
      </c>
      <c r="T4404" s="190">
        <v>0</v>
      </c>
      <c r="U4404" s="99"/>
      <c r="V4404" s="99"/>
      <c r="W4404" s="99"/>
      <c r="X4404" s="99"/>
      <c r="Y4404" s="99"/>
      <c r="Z4404" s="99"/>
      <c r="AA4404" s="99"/>
      <c r="AB4404" s="99"/>
      <c r="AC4404" s="99"/>
      <c r="AD4404" s="99"/>
      <c r="AE4404" s="99"/>
      <c r="AF4404" s="99"/>
      <c r="AG4404" s="99"/>
      <c r="AH4404" s="99"/>
      <c r="AI4404" s="99"/>
      <c r="AJ4404" s="99"/>
      <c r="AK4404" s="99"/>
      <c r="AL4404" s="99"/>
      <c r="AM4404" s="99"/>
      <c r="AN4404" s="99"/>
      <c r="AO4404" s="99"/>
      <c r="AP4404" s="99"/>
      <c r="AQ4404" s="99"/>
      <c r="AR4404" s="99"/>
      <c r="AS4404" s="99"/>
      <c r="AT4404" s="99"/>
      <c r="AU4404" s="99"/>
      <c r="AV4404" s="99"/>
      <c r="AW4404" s="99"/>
      <c r="AX4404" s="99"/>
      <c r="AY4404" s="99"/>
      <c r="AZ4404" s="99"/>
      <c r="BA4404" s="99"/>
      <c r="BB4404" s="107">
        <v>45884</v>
      </c>
    </row>
    <row r="4405" spans="1:54" s="238" customFormat="1" ht="13.95" customHeight="1" x14ac:dyDescent="0.25">
      <c r="A4405" s="236" t="s">
        <v>9889</v>
      </c>
      <c r="B4405" s="220" t="s">
        <v>8672</v>
      </c>
      <c r="C4405" s="190" t="s">
        <v>9890</v>
      </c>
      <c r="D4405" s="190" t="s">
        <v>9891</v>
      </c>
      <c r="E4405" s="237">
        <v>2015</v>
      </c>
      <c r="F4405" s="237">
        <v>2600</v>
      </c>
      <c r="G4405" s="190" t="s">
        <v>1</v>
      </c>
      <c r="H4405" s="190">
        <v>0</v>
      </c>
      <c r="I4405" s="190">
        <v>0</v>
      </c>
      <c r="J4405" s="190">
        <v>1</v>
      </c>
      <c r="K4405" s="190">
        <v>1</v>
      </c>
      <c r="L4405" s="190">
        <v>0</v>
      </c>
      <c r="M4405" s="190">
        <v>1</v>
      </c>
      <c r="N4405" s="190">
        <v>0</v>
      </c>
      <c r="O4405" s="190">
        <v>0</v>
      </c>
      <c r="P4405" s="190">
        <v>0</v>
      </c>
      <c r="Q4405" s="190">
        <v>0</v>
      </c>
      <c r="R4405" s="190">
        <v>0</v>
      </c>
      <c r="S4405" s="190">
        <v>0</v>
      </c>
      <c r="T4405" s="190">
        <v>0</v>
      </c>
      <c r="U4405" s="99"/>
      <c r="V4405" s="99"/>
      <c r="W4405" s="99"/>
      <c r="X4405" s="99"/>
      <c r="Y4405" s="99"/>
      <c r="Z4405" s="99"/>
      <c r="AA4405" s="99"/>
      <c r="AB4405" s="99"/>
      <c r="AC4405" s="99"/>
      <c r="AD4405" s="99"/>
      <c r="AE4405" s="99"/>
      <c r="AF4405" s="99"/>
      <c r="AG4405" s="99"/>
      <c r="AH4405" s="99"/>
      <c r="AI4405" s="99"/>
      <c r="AJ4405" s="99"/>
      <c r="AK4405" s="99"/>
      <c r="AL4405" s="99"/>
      <c r="AM4405" s="99"/>
      <c r="AN4405" s="99"/>
      <c r="AO4405" s="99"/>
      <c r="AP4405" s="99"/>
      <c r="AQ4405" s="99"/>
      <c r="AR4405" s="99"/>
      <c r="AS4405" s="99"/>
      <c r="AT4405" s="99"/>
      <c r="AU4405" s="99"/>
      <c r="AV4405" s="99"/>
      <c r="AW4405" s="99"/>
      <c r="AX4405" s="99"/>
      <c r="AY4405" s="99"/>
      <c r="AZ4405" s="99"/>
      <c r="BA4405" s="99"/>
      <c r="BB4405" s="107">
        <v>45884</v>
      </c>
    </row>
    <row r="4406" spans="1:54" s="238" customFormat="1" ht="13.95" customHeight="1" x14ac:dyDescent="0.25">
      <c r="A4406" s="236" t="s">
        <v>9892</v>
      </c>
      <c r="B4406" s="220" t="s">
        <v>8672</v>
      </c>
      <c r="C4406" s="190" t="s">
        <v>9893</v>
      </c>
      <c r="D4406" s="190" t="s">
        <v>9894</v>
      </c>
      <c r="E4406" s="237">
        <v>1985</v>
      </c>
      <c r="F4406" s="237">
        <v>2800</v>
      </c>
      <c r="G4406" s="190" t="s">
        <v>1</v>
      </c>
      <c r="H4406" s="190">
        <v>0</v>
      </c>
      <c r="I4406" s="190">
        <v>0</v>
      </c>
      <c r="J4406" s="190">
        <v>1</v>
      </c>
      <c r="K4406" s="190">
        <v>1</v>
      </c>
      <c r="L4406" s="190">
        <v>1</v>
      </c>
      <c r="M4406" s="190">
        <v>1</v>
      </c>
      <c r="N4406" s="190">
        <v>0</v>
      </c>
      <c r="O4406" s="190">
        <v>1</v>
      </c>
      <c r="P4406" s="190">
        <v>1</v>
      </c>
      <c r="Q4406" s="190">
        <v>1</v>
      </c>
      <c r="R4406" s="190">
        <v>1</v>
      </c>
      <c r="S4406" s="190">
        <v>0</v>
      </c>
      <c r="T4406" s="190">
        <v>0</v>
      </c>
      <c r="U4406" s="99"/>
      <c r="V4406" s="99"/>
      <c r="W4406" s="99"/>
      <c r="X4406" s="99"/>
      <c r="Y4406" s="99"/>
      <c r="Z4406" s="99"/>
      <c r="AA4406" s="99"/>
      <c r="AB4406" s="99"/>
      <c r="AC4406" s="99"/>
      <c r="AD4406" s="99"/>
      <c r="AE4406" s="99"/>
      <c r="AF4406" s="99"/>
      <c r="AG4406" s="99"/>
      <c r="AH4406" s="99"/>
      <c r="AI4406" s="99"/>
      <c r="AJ4406" s="99"/>
      <c r="AK4406" s="99"/>
      <c r="AL4406" s="99"/>
      <c r="AM4406" s="99"/>
      <c r="AN4406" s="99"/>
      <c r="AO4406" s="99"/>
      <c r="AP4406" s="99"/>
      <c r="AQ4406" s="99"/>
      <c r="AR4406" s="99"/>
      <c r="AS4406" s="99"/>
      <c r="AT4406" s="99"/>
      <c r="AU4406" s="99"/>
      <c r="AV4406" s="99"/>
      <c r="AW4406" s="99"/>
      <c r="AX4406" s="99"/>
      <c r="AY4406" s="99"/>
      <c r="AZ4406" s="99"/>
      <c r="BA4406" s="99"/>
      <c r="BB4406" s="107">
        <v>45884</v>
      </c>
    </row>
    <row r="4407" spans="1:54" s="238" customFormat="1" ht="13.95" customHeight="1" x14ac:dyDescent="0.25">
      <c r="A4407" s="236" t="s">
        <v>9895</v>
      </c>
      <c r="B4407" s="220" t="s">
        <v>8672</v>
      </c>
      <c r="C4407" s="190" t="s">
        <v>9896</v>
      </c>
      <c r="D4407" s="190" t="s">
        <v>9897</v>
      </c>
      <c r="E4407" s="237">
        <v>2011</v>
      </c>
      <c r="F4407" s="237">
        <v>2800</v>
      </c>
      <c r="G4407" s="190" t="s">
        <v>1</v>
      </c>
      <c r="H4407" s="190">
        <v>1</v>
      </c>
      <c r="I4407" s="190">
        <v>1</v>
      </c>
      <c r="J4407" s="190">
        <v>1</v>
      </c>
      <c r="K4407" s="190">
        <v>1</v>
      </c>
      <c r="L4407" s="190">
        <v>1</v>
      </c>
      <c r="M4407" s="190">
        <v>1</v>
      </c>
      <c r="N4407" s="190">
        <v>0</v>
      </c>
      <c r="O4407" s="190">
        <v>0</v>
      </c>
      <c r="P4407" s="190">
        <v>1</v>
      </c>
      <c r="Q4407" s="190">
        <v>0</v>
      </c>
      <c r="R4407" s="190">
        <v>0</v>
      </c>
      <c r="S4407" s="190">
        <v>0</v>
      </c>
      <c r="T4407" s="190">
        <v>0</v>
      </c>
      <c r="U4407" s="99"/>
      <c r="V4407" s="99"/>
      <c r="W4407" s="99"/>
      <c r="X4407" s="99"/>
      <c r="Y4407" s="99"/>
      <c r="Z4407" s="99"/>
      <c r="AA4407" s="99"/>
      <c r="AB4407" s="99"/>
      <c r="AC4407" s="99"/>
      <c r="AD4407" s="99"/>
      <c r="AE4407" s="99"/>
      <c r="AF4407" s="99"/>
      <c r="AG4407" s="99"/>
      <c r="AH4407" s="99"/>
      <c r="AI4407" s="99"/>
      <c r="AJ4407" s="99"/>
      <c r="AK4407" s="99"/>
      <c r="AL4407" s="99"/>
      <c r="AM4407" s="99"/>
      <c r="AN4407" s="99"/>
      <c r="AO4407" s="99"/>
      <c r="AP4407" s="99"/>
      <c r="AQ4407" s="99"/>
      <c r="AR4407" s="99"/>
      <c r="AS4407" s="99"/>
      <c r="AT4407" s="99"/>
      <c r="AU4407" s="99"/>
      <c r="AV4407" s="99"/>
      <c r="AW4407" s="99"/>
      <c r="AX4407" s="99"/>
      <c r="AY4407" s="99"/>
      <c r="AZ4407" s="99"/>
      <c r="BA4407" s="99"/>
      <c r="BB4407" s="107">
        <v>45884</v>
      </c>
    </row>
    <row r="4408" spans="1:54" s="238" customFormat="1" ht="13.95" customHeight="1" x14ac:dyDescent="0.25">
      <c r="A4408" s="236" t="s">
        <v>9898</v>
      </c>
      <c r="B4408" s="220" t="s">
        <v>8672</v>
      </c>
      <c r="C4408" s="190" t="s">
        <v>9899</v>
      </c>
      <c r="D4408" s="190" t="s">
        <v>9900</v>
      </c>
      <c r="E4408" s="237">
        <v>1970</v>
      </c>
      <c r="F4408" s="237">
        <v>2800</v>
      </c>
      <c r="G4408" s="190" t="s">
        <v>1</v>
      </c>
      <c r="H4408" s="190">
        <v>1</v>
      </c>
      <c r="I4408" s="190">
        <v>0</v>
      </c>
      <c r="J4408" s="190">
        <v>1</v>
      </c>
      <c r="K4408" s="190">
        <v>1</v>
      </c>
      <c r="L4408" s="190">
        <v>1</v>
      </c>
      <c r="M4408" s="190">
        <v>1</v>
      </c>
      <c r="N4408" s="190">
        <v>0</v>
      </c>
      <c r="O4408" s="190">
        <v>0</v>
      </c>
      <c r="P4408" s="190">
        <v>1</v>
      </c>
      <c r="Q4408" s="190">
        <v>0</v>
      </c>
      <c r="R4408" s="190">
        <v>1</v>
      </c>
      <c r="S4408" s="190">
        <v>0</v>
      </c>
      <c r="T4408" s="190">
        <v>0</v>
      </c>
      <c r="U4408" s="99"/>
      <c r="V4408" s="99"/>
      <c r="W4408" s="99"/>
      <c r="X4408" s="99"/>
      <c r="Y4408" s="99"/>
      <c r="Z4408" s="99"/>
      <c r="AA4408" s="99"/>
      <c r="AB4408" s="99"/>
      <c r="AC4408" s="99"/>
      <c r="AD4408" s="99"/>
      <c r="AE4408" s="99"/>
      <c r="AF4408" s="99"/>
      <c r="AG4408" s="99"/>
      <c r="AH4408" s="99"/>
      <c r="AI4408" s="99"/>
      <c r="AJ4408" s="99"/>
      <c r="AK4408" s="99"/>
      <c r="AL4408" s="99"/>
      <c r="AM4408" s="99"/>
      <c r="AN4408" s="99"/>
      <c r="AO4408" s="99"/>
      <c r="AP4408" s="99"/>
      <c r="AQ4408" s="99"/>
      <c r="AR4408" s="99"/>
      <c r="AS4408" s="99"/>
      <c r="AT4408" s="99"/>
      <c r="AU4408" s="99"/>
      <c r="AV4408" s="99"/>
      <c r="AW4408" s="99"/>
      <c r="AX4408" s="99"/>
      <c r="AY4408" s="99"/>
      <c r="AZ4408" s="99"/>
      <c r="BA4408" s="99"/>
      <c r="BB4408" s="107">
        <v>45884</v>
      </c>
    </row>
    <row r="4409" spans="1:54" s="238" customFormat="1" ht="13.95" customHeight="1" x14ac:dyDescent="0.25">
      <c r="A4409" s="236" t="s">
        <v>9901</v>
      </c>
      <c r="B4409" s="220" t="s">
        <v>8672</v>
      </c>
      <c r="C4409" s="190" t="s">
        <v>9902</v>
      </c>
      <c r="D4409" s="190" t="s">
        <v>9903</v>
      </c>
      <c r="E4409" s="237">
        <v>1970</v>
      </c>
      <c r="F4409" s="237">
        <v>2900</v>
      </c>
      <c r="G4409" s="190" t="s">
        <v>1</v>
      </c>
      <c r="H4409" s="190">
        <v>1</v>
      </c>
      <c r="I4409" s="190">
        <v>0</v>
      </c>
      <c r="J4409" s="190">
        <v>1</v>
      </c>
      <c r="K4409" s="190">
        <v>0</v>
      </c>
      <c r="L4409" s="190">
        <v>0</v>
      </c>
      <c r="M4409" s="190">
        <v>0</v>
      </c>
      <c r="N4409" s="190">
        <v>0</v>
      </c>
      <c r="O4409" s="190">
        <v>1</v>
      </c>
      <c r="P4409" s="190">
        <v>0</v>
      </c>
      <c r="Q4409" s="190">
        <v>1</v>
      </c>
      <c r="R4409" s="190">
        <v>1</v>
      </c>
      <c r="S4409" s="190">
        <v>0</v>
      </c>
      <c r="T4409" s="190">
        <v>0</v>
      </c>
      <c r="U4409" s="99"/>
      <c r="V4409" s="99"/>
      <c r="W4409" s="99"/>
      <c r="X4409" s="99"/>
      <c r="Y4409" s="99"/>
      <c r="Z4409" s="99"/>
      <c r="AA4409" s="99"/>
      <c r="AB4409" s="99"/>
      <c r="AC4409" s="99"/>
      <c r="AD4409" s="99"/>
      <c r="AE4409" s="99"/>
      <c r="AF4409" s="99"/>
      <c r="AG4409" s="99"/>
      <c r="AH4409" s="99"/>
      <c r="AI4409" s="99"/>
      <c r="AJ4409" s="99"/>
      <c r="AK4409" s="99"/>
      <c r="AL4409" s="99"/>
      <c r="AM4409" s="99"/>
      <c r="AN4409" s="99"/>
      <c r="AO4409" s="99"/>
      <c r="AP4409" s="99"/>
      <c r="AQ4409" s="99"/>
      <c r="AR4409" s="99"/>
      <c r="AS4409" s="99"/>
      <c r="AT4409" s="99"/>
      <c r="AU4409" s="99"/>
      <c r="AV4409" s="99"/>
      <c r="AW4409" s="99"/>
      <c r="AX4409" s="99"/>
      <c r="AY4409" s="99"/>
      <c r="AZ4409" s="99"/>
      <c r="BA4409" s="190" t="s">
        <v>9904</v>
      </c>
      <c r="BB4409" s="107">
        <v>45884</v>
      </c>
    </row>
    <row r="4410" spans="1:54" s="238" customFormat="1" ht="13.95" customHeight="1" x14ac:dyDescent="0.25">
      <c r="A4410" s="236" t="s">
        <v>9905</v>
      </c>
      <c r="B4410" s="220" t="s">
        <v>8672</v>
      </c>
      <c r="C4410" s="190" t="s">
        <v>9906</v>
      </c>
      <c r="D4410" s="190" t="s">
        <v>9907</v>
      </c>
      <c r="E4410" s="237">
        <v>1976</v>
      </c>
      <c r="F4410" s="237">
        <v>3000</v>
      </c>
      <c r="G4410" s="190" t="s">
        <v>1</v>
      </c>
      <c r="H4410" s="190">
        <v>0</v>
      </c>
      <c r="I4410" s="190">
        <v>0</v>
      </c>
      <c r="J4410" s="190">
        <v>1</v>
      </c>
      <c r="K4410" s="190">
        <v>1</v>
      </c>
      <c r="L4410" s="190">
        <v>1</v>
      </c>
      <c r="M4410" s="190">
        <v>1</v>
      </c>
      <c r="N4410" s="190">
        <v>1</v>
      </c>
      <c r="O4410" s="190">
        <v>1</v>
      </c>
      <c r="P4410" s="190">
        <v>0</v>
      </c>
      <c r="Q4410" s="190">
        <v>0</v>
      </c>
      <c r="R4410" s="190">
        <v>1</v>
      </c>
      <c r="S4410" s="190">
        <v>0</v>
      </c>
      <c r="T4410" s="190">
        <v>0</v>
      </c>
      <c r="U4410" s="99"/>
      <c r="V4410" s="99"/>
      <c r="W4410" s="99"/>
      <c r="X4410" s="99"/>
      <c r="Y4410" s="99"/>
      <c r="Z4410" s="99"/>
      <c r="AA4410" s="99"/>
      <c r="AB4410" s="99"/>
      <c r="AC4410" s="99"/>
      <c r="AD4410" s="99"/>
      <c r="AE4410" s="99"/>
      <c r="AF4410" s="99"/>
      <c r="AG4410" s="99"/>
      <c r="AH4410" s="99"/>
      <c r="AI4410" s="99"/>
      <c r="AJ4410" s="99"/>
      <c r="AK4410" s="99"/>
      <c r="AL4410" s="99"/>
      <c r="AM4410" s="99"/>
      <c r="AN4410" s="99"/>
      <c r="AO4410" s="99"/>
      <c r="AP4410" s="99"/>
      <c r="AQ4410" s="99"/>
      <c r="AR4410" s="99"/>
      <c r="AS4410" s="99"/>
      <c r="AT4410" s="99"/>
      <c r="AU4410" s="99"/>
      <c r="AV4410" s="99"/>
      <c r="AW4410" s="99"/>
      <c r="AX4410" s="99"/>
      <c r="AY4410" s="99"/>
      <c r="AZ4410" s="99"/>
      <c r="BA4410" s="190" t="s">
        <v>9908</v>
      </c>
      <c r="BB4410" s="107">
        <v>45884</v>
      </c>
    </row>
    <row r="4411" spans="1:54" s="238" customFormat="1" ht="13.95" customHeight="1" x14ac:dyDescent="0.25">
      <c r="A4411" s="236" t="s">
        <v>9909</v>
      </c>
      <c r="B4411" s="220" t="s">
        <v>8672</v>
      </c>
      <c r="C4411" s="190" t="s">
        <v>9910</v>
      </c>
      <c r="D4411" s="190" t="s">
        <v>9911</v>
      </c>
      <c r="E4411" s="237">
        <v>2007</v>
      </c>
      <c r="F4411" s="237">
        <v>3000</v>
      </c>
      <c r="G4411" s="190" t="s">
        <v>1</v>
      </c>
      <c r="H4411" s="190">
        <v>0</v>
      </c>
      <c r="I4411" s="190">
        <v>0</v>
      </c>
      <c r="J4411" s="190">
        <v>1</v>
      </c>
      <c r="K4411" s="190">
        <v>0</v>
      </c>
      <c r="L4411" s="190">
        <v>1</v>
      </c>
      <c r="M4411" s="190">
        <v>0</v>
      </c>
      <c r="N4411" s="190">
        <v>0</v>
      </c>
      <c r="O4411" s="190">
        <v>1</v>
      </c>
      <c r="P4411" s="190">
        <v>1</v>
      </c>
      <c r="Q4411" s="190">
        <v>0</v>
      </c>
      <c r="R4411" s="190">
        <v>1</v>
      </c>
      <c r="S4411" s="190">
        <v>0</v>
      </c>
      <c r="T4411" s="190">
        <v>0</v>
      </c>
      <c r="U4411" s="99"/>
      <c r="V4411" s="99"/>
      <c r="W4411" s="99"/>
      <c r="X4411" s="99"/>
      <c r="Y4411" s="99"/>
      <c r="Z4411" s="99"/>
      <c r="AA4411" s="99"/>
      <c r="AB4411" s="99"/>
      <c r="AC4411" s="99"/>
      <c r="AD4411" s="99"/>
      <c r="AE4411" s="99"/>
      <c r="AF4411" s="99"/>
      <c r="AG4411" s="99"/>
      <c r="AH4411" s="99"/>
      <c r="AI4411" s="99"/>
      <c r="AJ4411" s="99"/>
      <c r="AK4411" s="99"/>
      <c r="AL4411" s="99"/>
      <c r="AM4411" s="99"/>
      <c r="AN4411" s="99"/>
      <c r="AO4411" s="99"/>
      <c r="AP4411" s="99"/>
      <c r="AQ4411" s="99"/>
      <c r="AR4411" s="99"/>
      <c r="AS4411" s="99"/>
      <c r="AT4411" s="99"/>
      <c r="AU4411" s="99"/>
      <c r="AV4411" s="99"/>
      <c r="AW4411" s="99"/>
      <c r="AX4411" s="99"/>
      <c r="AY4411" s="99"/>
      <c r="AZ4411" s="99"/>
      <c r="BA4411" s="99"/>
      <c r="BB4411" s="107">
        <v>45884</v>
      </c>
    </row>
    <row r="4412" spans="1:54" s="238" customFormat="1" ht="13.95" customHeight="1" x14ac:dyDescent="0.25">
      <c r="A4412" s="236" t="s">
        <v>9912</v>
      </c>
      <c r="B4412" s="220" t="s">
        <v>8672</v>
      </c>
      <c r="C4412" s="190" t="s">
        <v>9913</v>
      </c>
      <c r="D4412" s="190" t="s">
        <v>9914</v>
      </c>
      <c r="E4412" s="237">
        <v>2007</v>
      </c>
      <c r="F4412" s="237">
        <v>3000</v>
      </c>
      <c r="G4412" s="190" t="s">
        <v>1</v>
      </c>
      <c r="H4412" s="190">
        <v>0</v>
      </c>
      <c r="I4412" s="190">
        <v>0</v>
      </c>
      <c r="J4412" s="190">
        <v>1</v>
      </c>
      <c r="K4412" s="190">
        <v>0</v>
      </c>
      <c r="L4412" s="190">
        <v>1</v>
      </c>
      <c r="M4412" s="190">
        <v>0</v>
      </c>
      <c r="N4412" s="190">
        <v>0</v>
      </c>
      <c r="O4412" s="190">
        <v>1</v>
      </c>
      <c r="P4412" s="190">
        <v>1</v>
      </c>
      <c r="Q4412" s="190">
        <v>0</v>
      </c>
      <c r="R4412" s="190">
        <v>1</v>
      </c>
      <c r="S4412" s="190">
        <v>0</v>
      </c>
      <c r="T4412" s="190">
        <v>0</v>
      </c>
      <c r="U4412" s="99"/>
      <c r="V4412" s="99"/>
      <c r="W4412" s="99"/>
      <c r="X4412" s="99"/>
      <c r="Y4412" s="99"/>
      <c r="Z4412" s="99"/>
      <c r="AA4412" s="99"/>
      <c r="AB4412" s="99"/>
      <c r="AC4412" s="99"/>
      <c r="AD4412" s="99"/>
      <c r="AE4412" s="99"/>
      <c r="AF4412" s="99"/>
      <c r="AG4412" s="99"/>
      <c r="AH4412" s="99"/>
      <c r="AI4412" s="99"/>
      <c r="AJ4412" s="99"/>
      <c r="AK4412" s="99"/>
      <c r="AL4412" s="99"/>
      <c r="AM4412" s="99"/>
      <c r="AN4412" s="99"/>
      <c r="AO4412" s="99"/>
      <c r="AP4412" s="99"/>
      <c r="AQ4412" s="99"/>
      <c r="AR4412" s="99"/>
      <c r="AS4412" s="99"/>
      <c r="AT4412" s="99"/>
      <c r="AU4412" s="99"/>
      <c r="AV4412" s="99"/>
      <c r="AW4412" s="99"/>
      <c r="AX4412" s="99"/>
      <c r="AY4412" s="99"/>
      <c r="AZ4412" s="99"/>
      <c r="BA4412" s="99"/>
      <c r="BB4412" s="107">
        <v>45884</v>
      </c>
    </row>
    <row r="4413" spans="1:54" s="238" customFormat="1" ht="13.95" customHeight="1" x14ac:dyDescent="0.25">
      <c r="A4413" s="236" t="s">
        <v>9915</v>
      </c>
      <c r="B4413" s="220" t="s">
        <v>8672</v>
      </c>
      <c r="C4413" s="190" t="s">
        <v>9916</v>
      </c>
      <c r="D4413" s="190" t="s">
        <v>9917</v>
      </c>
      <c r="E4413" s="237">
        <v>1974</v>
      </c>
      <c r="F4413" s="237">
        <v>3000</v>
      </c>
      <c r="G4413" s="190" t="s">
        <v>1</v>
      </c>
      <c r="H4413" s="190">
        <v>0</v>
      </c>
      <c r="I4413" s="190">
        <v>0</v>
      </c>
      <c r="J4413" s="190">
        <v>1</v>
      </c>
      <c r="K4413" s="190">
        <v>1</v>
      </c>
      <c r="L4413" s="190">
        <v>1</v>
      </c>
      <c r="M4413" s="190">
        <v>1</v>
      </c>
      <c r="N4413" s="190">
        <v>0</v>
      </c>
      <c r="O4413" s="190">
        <v>1</v>
      </c>
      <c r="P4413" s="190">
        <v>1</v>
      </c>
      <c r="Q4413" s="190">
        <v>0</v>
      </c>
      <c r="R4413" s="190">
        <v>0</v>
      </c>
      <c r="S4413" s="190">
        <v>0</v>
      </c>
      <c r="T4413" s="190">
        <v>0</v>
      </c>
      <c r="U4413" s="99"/>
      <c r="V4413" s="99"/>
      <c r="W4413" s="99"/>
      <c r="X4413" s="99"/>
      <c r="Y4413" s="99"/>
      <c r="Z4413" s="99"/>
      <c r="AA4413" s="99"/>
      <c r="AB4413" s="99"/>
      <c r="AC4413" s="99"/>
      <c r="AD4413" s="99"/>
      <c r="AE4413" s="99"/>
      <c r="AF4413" s="99"/>
      <c r="AG4413" s="99"/>
      <c r="AH4413" s="99"/>
      <c r="AI4413" s="99"/>
      <c r="AJ4413" s="99"/>
      <c r="AK4413" s="99"/>
      <c r="AL4413" s="99"/>
      <c r="AM4413" s="99"/>
      <c r="AN4413" s="99"/>
      <c r="AO4413" s="99"/>
      <c r="AP4413" s="99"/>
      <c r="AQ4413" s="99"/>
      <c r="AR4413" s="99"/>
      <c r="AS4413" s="99"/>
      <c r="AT4413" s="99"/>
      <c r="AU4413" s="99"/>
      <c r="AV4413" s="99"/>
      <c r="AW4413" s="99"/>
      <c r="AX4413" s="99"/>
      <c r="AY4413" s="99"/>
      <c r="AZ4413" s="99"/>
      <c r="BA4413" s="99"/>
      <c r="BB4413" s="107">
        <v>45884</v>
      </c>
    </row>
    <row r="4414" spans="1:54" s="238" customFormat="1" ht="13.95" customHeight="1" x14ac:dyDescent="0.25">
      <c r="A4414" s="236" t="s">
        <v>9918</v>
      </c>
      <c r="B4414" s="220" t="s">
        <v>8672</v>
      </c>
      <c r="C4414" s="190" t="s">
        <v>9919</v>
      </c>
      <c r="D4414" s="190" t="s">
        <v>9920</v>
      </c>
      <c r="E4414" s="237">
        <v>2006</v>
      </c>
      <c r="F4414" s="237">
        <v>300</v>
      </c>
      <c r="G4414" s="190" t="s">
        <v>1</v>
      </c>
      <c r="H4414" s="190">
        <v>0</v>
      </c>
      <c r="I4414" s="190">
        <v>0</v>
      </c>
      <c r="J4414" s="190">
        <v>1</v>
      </c>
      <c r="K4414" s="190">
        <v>1</v>
      </c>
      <c r="L4414" s="190">
        <v>1</v>
      </c>
      <c r="M4414" s="190">
        <v>0</v>
      </c>
      <c r="N4414" s="190">
        <v>0</v>
      </c>
      <c r="O4414" s="190">
        <v>0</v>
      </c>
      <c r="P4414" s="190">
        <v>0</v>
      </c>
      <c r="Q4414" s="190">
        <v>0</v>
      </c>
      <c r="R4414" s="190">
        <v>0</v>
      </c>
      <c r="S4414" s="190">
        <v>1</v>
      </c>
      <c r="T4414" s="190">
        <v>0</v>
      </c>
      <c r="U4414" s="99"/>
      <c r="V4414" s="99"/>
      <c r="W4414" s="99"/>
      <c r="X4414" s="99"/>
      <c r="Y4414" s="99"/>
      <c r="Z4414" s="99"/>
      <c r="AA4414" s="99"/>
      <c r="AB4414" s="99"/>
      <c r="AC4414" s="99"/>
      <c r="AD4414" s="99"/>
      <c r="AE4414" s="99"/>
      <c r="AF4414" s="99"/>
      <c r="AG4414" s="99"/>
      <c r="AH4414" s="99"/>
      <c r="AI4414" s="99"/>
      <c r="AJ4414" s="99"/>
      <c r="AK4414" s="99"/>
      <c r="AL4414" s="99"/>
      <c r="AM4414" s="99"/>
      <c r="AN4414" s="99"/>
      <c r="AO4414" s="99"/>
      <c r="AP4414" s="99"/>
      <c r="AQ4414" s="99"/>
      <c r="AR4414" s="99"/>
      <c r="AS4414" s="99"/>
      <c r="AT4414" s="99"/>
      <c r="AU4414" s="99"/>
      <c r="AV4414" s="99"/>
      <c r="AW4414" s="99"/>
      <c r="AX4414" s="99"/>
      <c r="AY4414" s="99"/>
      <c r="AZ4414" s="99"/>
      <c r="BA4414" s="99"/>
      <c r="BB4414" s="107">
        <v>45884</v>
      </c>
    </row>
    <row r="4415" spans="1:54" s="238" customFormat="1" ht="13.95" customHeight="1" x14ac:dyDescent="0.25">
      <c r="A4415" s="236" t="s">
        <v>9921</v>
      </c>
      <c r="B4415" s="220" t="s">
        <v>8672</v>
      </c>
      <c r="C4415" s="190" t="s">
        <v>9922</v>
      </c>
      <c r="D4415" s="190" t="s">
        <v>9923</v>
      </c>
      <c r="E4415" s="237">
        <v>2006</v>
      </c>
      <c r="F4415" s="237">
        <v>300</v>
      </c>
      <c r="G4415" s="190" t="s">
        <v>1</v>
      </c>
      <c r="H4415" s="190">
        <v>0</v>
      </c>
      <c r="I4415" s="190">
        <v>0</v>
      </c>
      <c r="J4415" s="190">
        <v>1</v>
      </c>
      <c r="K4415" s="190">
        <v>1</v>
      </c>
      <c r="L4415" s="190">
        <v>1</v>
      </c>
      <c r="M4415" s="190">
        <v>1</v>
      </c>
      <c r="N4415" s="190">
        <v>0</v>
      </c>
      <c r="O4415" s="190">
        <v>0</v>
      </c>
      <c r="P4415" s="190">
        <v>0</v>
      </c>
      <c r="Q4415" s="190">
        <v>0</v>
      </c>
      <c r="R4415" s="190">
        <v>0</v>
      </c>
      <c r="S4415" s="190">
        <v>0</v>
      </c>
      <c r="T4415" s="190">
        <v>0</v>
      </c>
      <c r="U4415" s="99"/>
      <c r="V4415" s="99"/>
      <c r="W4415" s="99"/>
      <c r="X4415" s="99"/>
      <c r="Y4415" s="99"/>
      <c r="Z4415" s="99"/>
      <c r="AA4415" s="99"/>
      <c r="AB4415" s="99"/>
      <c r="AC4415" s="99"/>
      <c r="AD4415" s="99"/>
      <c r="AE4415" s="99"/>
      <c r="AF4415" s="99"/>
      <c r="AG4415" s="99"/>
      <c r="AH4415" s="99"/>
      <c r="AI4415" s="99"/>
      <c r="AJ4415" s="99"/>
      <c r="AK4415" s="99"/>
      <c r="AL4415" s="99"/>
      <c r="AM4415" s="99"/>
      <c r="AN4415" s="99"/>
      <c r="AO4415" s="99"/>
      <c r="AP4415" s="99"/>
      <c r="AQ4415" s="99"/>
      <c r="AR4415" s="99"/>
      <c r="AS4415" s="99"/>
      <c r="AT4415" s="99"/>
      <c r="AU4415" s="99"/>
      <c r="AV4415" s="99"/>
      <c r="AW4415" s="99"/>
      <c r="AX4415" s="99"/>
      <c r="AY4415" s="99"/>
      <c r="AZ4415" s="99"/>
      <c r="BA4415" s="99"/>
      <c r="BB4415" s="107">
        <v>45884</v>
      </c>
    </row>
    <row r="4416" spans="1:54" s="238" customFormat="1" ht="13.95" customHeight="1" x14ac:dyDescent="0.25">
      <c r="A4416" s="236" t="s">
        <v>9924</v>
      </c>
      <c r="B4416" s="220" t="s">
        <v>8672</v>
      </c>
      <c r="C4416" s="190" t="s">
        <v>9925</v>
      </c>
      <c r="D4416" s="190" t="s">
        <v>9926</v>
      </c>
      <c r="E4416" s="237">
        <v>1970</v>
      </c>
      <c r="F4416" s="237">
        <v>3000</v>
      </c>
      <c r="G4416" s="190" t="s">
        <v>1</v>
      </c>
      <c r="H4416" s="190">
        <v>0</v>
      </c>
      <c r="I4416" s="190">
        <v>0</v>
      </c>
      <c r="J4416" s="190">
        <v>1</v>
      </c>
      <c r="K4416" s="190">
        <v>1</v>
      </c>
      <c r="L4416" s="190">
        <v>1</v>
      </c>
      <c r="M4416" s="190">
        <v>1</v>
      </c>
      <c r="N4416" s="190">
        <v>0</v>
      </c>
      <c r="O4416" s="190">
        <v>1</v>
      </c>
      <c r="P4416" s="190">
        <v>0</v>
      </c>
      <c r="Q4416" s="190">
        <v>0</v>
      </c>
      <c r="R4416" s="190">
        <v>1</v>
      </c>
      <c r="S4416" s="190">
        <v>0</v>
      </c>
      <c r="T4416" s="190">
        <v>0</v>
      </c>
      <c r="U4416" s="99"/>
      <c r="V4416" s="99"/>
      <c r="W4416" s="99"/>
      <c r="X4416" s="99"/>
      <c r="Y4416" s="99"/>
      <c r="Z4416" s="99"/>
      <c r="AA4416" s="99"/>
      <c r="AB4416" s="99"/>
      <c r="AC4416" s="99"/>
      <c r="AD4416" s="99"/>
      <c r="AE4416" s="99"/>
      <c r="AF4416" s="99"/>
      <c r="AG4416" s="99"/>
      <c r="AH4416" s="99"/>
      <c r="AI4416" s="99"/>
      <c r="AJ4416" s="99"/>
      <c r="AK4416" s="99"/>
      <c r="AL4416" s="99"/>
      <c r="AM4416" s="99"/>
      <c r="AN4416" s="99"/>
      <c r="AO4416" s="99"/>
      <c r="AP4416" s="99"/>
      <c r="AQ4416" s="99"/>
      <c r="AR4416" s="99"/>
      <c r="AS4416" s="99"/>
      <c r="AT4416" s="99"/>
      <c r="AU4416" s="99"/>
      <c r="AV4416" s="99"/>
      <c r="AW4416" s="99"/>
      <c r="AX4416" s="99"/>
      <c r="AY4416" s="99"/>
      <c r="AZ4416" s="99"/>
      <c r="BA4416" s="190" t="s">
        <v>9927</v>
      </c>
      <c r="BB4416" s="107">
        <v>45884</v>
      </c>
    </row>
    <row r="4417" spans="1:54" s="238" customFormat="1" ht="13.95" customHeight="1" x14ac:dyDescent="0.25">
      <c r="A4417" s="236" t="s">
        <v>9928</v>
      </c>
      <c r="B4417" s="220" t="s">
        <v>8672</v>
      </c>
      <c r="C4417" s="190" t="s">
        <v>9929</v>
      </c>
      <c r="D4417" s="190" t="s">
        <v>9930</v>
      </c>
      <c r="E4417" s="237">
        <v>2008</v>
      </c>
      <c r="F4417" s="237">
        <v>3000</v>
      </c>
      <c r="G4417" s="190" t="s">
        <v>1</v>
      </c>
      <c r="H4417" s="190">
        <v>0</v>
      </c>
      <c r="I4417" s="190">
        <v>0</v>
      </c>
      <c r="J4417" s="190">
        <v>1</v>
      </c>
      <c r="K4417" s="190">
        <v>0</v>
      </c>
      <c r="L4417" s="190">
        <v>1</v>
      </c>
      <c r="M4417" s="190">
        <v>1</v>
      </c>
      <c r="N4417" s="190">
        <v>1</v>
      </c>
      <c r="O4417" s="190">
        <v>0</v>
      </c>
      <c r="P4417" s="190">
        <v>1</v>
      </c>
      <c r="Q4417" s="190">
        <v>0</v>
      </c>
      <c r="R4417" s="190">
        <v>0</v>
      </c>
      <c r="S4417" s="190">
        <v>0</v>
      </c>
      <c r="T4417" s="190">
        <v>0</v>
      </c>
      <c r="U4417" s="99"/>
      <c r="V4417" s="99"/>
      <c r="W4417" s="99"/>
      <c r="X4417" s="99"/>
      <c r="Y4417" s="99"/>
      <c r="Z4417" s="99"/>
      <c r="AA4417" s="99"/>
      <c r="AB4417" s="99"/>
      <c r="AC4417" s="99"/>
      <c r="AD4417" s="99"/>
      <c r="AE4417" s="99"/>
      <c r="AF4417" s="99"/>
      <c r="AG4417" s="99"/>
      <c r="AH4417" s="99"/>
      <c r="AI4417" s="99"/>
      <c r="AJ4417" s="99"/>
      <c r="AK4417" s="99"/>
      <c r="AL4417" s="99"/>
      <c r="AM4417" s="99"/>
      <c r="AN4417" s="99"/>
      <c r="AO4417" s="99"/>
      <c r="AP4417" s="99"/>
      <c r="AQ4417" s="99"/>
      <c r="AR4417" s="99"/>
      <c r="AS4417" s="99"/>
      <c r="AT4417" s="99"/>
      <c r="AU4417" s="99"/>
      <c r="AV4417" s="99"/>
      <c r="AW4417" s="99"/>
      <c r="AX4417" s="99"/>
      <c r="AY4417" s="99"/>
      <c r="AZ4417" s="99"/>
      <c r="BA4417" s="99"/>
      <c r="BB4417" s="107">
        <v>45884</v>
      </c>
    </row>
    <row r="4418" spans="1:54" s="238" customFormat="1" ht="13.95" customHeight="1" x14ac:dyDescent="0.25">
      <c r="A4418" s="236" t="s">
        <v>9931</v>
      </c>
      <c r="B4418" s="220" t="s">
        <v>8672</v>
      </c>
      <c r="C4418" s="190" t="s">
        <v>9932</v>
      </c>
      <c r="D4418" s="190" t="s">
        <v>9933</v>
      </c>
      <c r="E4418" s="237">
        <v>2007</v>
      </c>
      <c r="F4418" s="237">
        <v>3100</v>
      </c>
      <c r="G4418" s="190" t="s">
        <v>1</v>
      </c>
      <c r="H4418" s="190">
        <v>0</v>
      </c>
      <c r="I4418" s="190">
        <v>0</v>
      </c>
      <c r="J4418" s="190">
        <v>1</v>
      </c>
      <c r="K4418" s="190">
        <v>0</v>
      </c>
      <c r="L4418" s="190">
        <v>0</v>
      </c>
      <c r="M4418" s="190">
        <v>0</v>
      </c>
      <c r="N4418" s="190">
        <v>0</v>
      </c>
      <c r="O4418" s="190">
        <v>0</v>
      </c>
      <c r="P4418" s="190">
        <v>0</v>
      </c>
      <c r="Q4418" s="190">
        <v>0</v>
      </c>
      <c r="R4418" s="190">
        <v>0</v>
      </c>
      <c r="S4418" s="190">
        <v>0</v>
      </c>
      <c r="T4418" s="190">
        <v>0</v>
      </c>
      <c r="U4418" s="99"/>
      <c r="V4418" s="99"/>
      <c r="W4418" s="99"/>
      <c r="X4418" s="99"/>
      <c r="Y4418" s="99"/>
      <c r="Z4418" s="99"/>
      <c r="AA4418" s="99"/>
      <c r="AB4418" s="99"/>
      <c r="AC4418" s="99"/>
      <c r="AD4418" s="99"/>
      <c r="AE4418" s="99"/>
      <c r="AF4418" s="99"/>
      <c r="AG4418" s="99"/>
      <c r="AH4418" s="99"/>
      <c r="AI4418" s="99"/>
      <c r="AJ4418" s="99"/>
      <c r="AK4418" s="99"/>
      <c r="AL4418" s="99"/>
      <c r="AM4418" s="99"/>
      <c r="AN4418" s="99"/>
      <c r="AO4418" s="99"/>
      <c r="AP4418" s="99"/>
      <c r="AQ4418" s="99"/>
      <c r="AR4418" s="99"/>
      <c r="AS4418" s="99"/>
      <c r="AT4418" s="99"/>
      <c r="AU4418" s="99"/>
      <c r="AV4418" s="99"/>
      <c r="AW4418" s="99"/>
      <c r="AX4418" s="99"/>
      <c r="AY4418" s="99"/>
      <c r="AZ4418" s="99"/>
      <c r="BA4418" s="99"/>
      <c r="BB4418" s="107">
        <v>45884</v>
      </c>
    </row>
    <row r="4419" spans="1:54" s="238" customFormat="1" ht="13.95" customHeight="1" x14ac:dyDescent="0.25">
      <c r="A4419" s="236" t="s">
        <v>9934</v>
      </c>
      <c r="B4419" s="220" t="s">
        <v>8672</v>
      </c>
      <c r="C4419" s="190" t="s">
        <v>9935</v>
      </c>
      <c r="D4419" s="190" t="s">
        <v>9936</v>
      </c>
      <c r="E4419" s="237">
        <v>1973</v>
      </c>
      <c r="F4419" s="237">
        <v>3200</v>
      </c>
      <c r="G4419" s="190" t="s">
        <v>1</v>
      </c>
      <c r="H4419" s="190">
        <v>0</v>
      </c>
      <c r="I4419" s="190">
        <v>0</v>
      </c>
      <c r="J4419" s="190">
        <v>0</v>
      </c>
      <c r="K4419" s="190">
        <v>0</v>
      </c>
      <c r="L4419" s="190">
        <v>1</v>
      </c>
      <c r="M4419" s="190">
        <v>0</v>
      </c>
      <c r="N4419" s="190">
        <v>0</v>
      </c>
      <c r="O4419" s="190">
        <v>1</v>
      </c>
      <c r="P4419" s="190">
        <v>0</v>
      </c>
      <c r="Q4419" s="190">
        <v>0</v>
      </c>
      <c r="R4419" s="190">
        <v>1</v>
      </c>
      <c r="S4419" s="190">
        <v>0</v>
      </c>
      <c r="T4419" s="190">
        <v>0</v>
      </c>
      <c r="U4419" s="99"/>
      <c r="V4419" s="99"/>
      <c r="W4419" s="99"/>
      <c r="X4419" s="99"/>
      <c r="Y4419" s="99"/>
      <c r="Z4419" s="99"/>
      <c r="AA4419" s="99"/>
      <c r="AB4419" s="99"/>
      <c r="AC4419" s="99"/>
      <c r="AD4419" s="99"/>
      <c r="AE4419" s="99"/>
      <c r="AF4419" s="99"/>
      <c r="AG4419" s="99"/>
      <c r="AH4419" s="99"/>
      <c r="AI4419" s="99"/>
      <c r="AJ4419" s="99"/>
      <c r="AK4419" s="99"/>
      <c r="AL4419" s="99"/>
      <c r="AM4419" s="99"/>
      <c r="AN4419" s="99"/>
      <c r="AO4419" s="99"/>
      <c r="AP4419" s="99"/>
      <c r="AQ4419" s="99"/>
      <c r="AR4419" s="99"/>
      <c r="AS4419" s="99"/>
      <c r="AT4419" s="99"/>
      <c r="AU4419" s="99"/>
      <c r="AV4419" s="99"/>
      <c r="AW4419" s="99"/>
      <c r="AX4419" s="99"/>
      <c r="AY4419" s="99"/>
      <c r="AZ4419" s="99"/>
      <c r="BA4419" s="99"/>
      <c r="BB4419" s="107">
        <v>45884</v>
      </c>
    </row>
    <row r="4420" spans="1:54" s="238" customFormat="1" ht="13.95" customHeight="1" x14ac:dyDescent="0.25">
      <c r="A4420" s="236" t="s">
        <v>9937</v>
      </c>
      <c r="B4420" s="220" t="s">
        <v>8672</v>
      </c>
      <c r="C4420" s="190" t="s">
        <v>9938</v>
      </c>
      <c r="D4420" s="190" t="s">
        <v>9939</v>
      </c>
      <c r="E4420" s="237">
        <v>1985</v>
      </c>
      <c r="F4420" s="237">
        <v>3200</v>
      </c>
      <c r="G4420" s="190" t="s">
        <v>1</v>
      </c>
      <c r="H4420" s="190">
        <v>1</v>
      </c>
      <c r="I4420" s="190">
        <v>0</v>
      </c>
      <c r="J4420" s="190">
        <v>1</v>
      </c>
      <c r="K4420" s="190">
        <v>0</v>
      </c>
      <c r="L4420" s="190">
        <v>0</v>
      </c>
      <c r="M4420" s="190">
        <v>0</v>
      </c>
      <c r="N4420" s="190">
        <v>0</v>
      </c>
      <c r="O4420" s="190">
        <v>0</v>
      </c>
      <c r="P4420" s="190">
        <v>0</v>
      </c>
      <c r="Q4420" s="190">
        <v>0</v>
      </c>
      <c r="R4420" s="190">
        <v>0</v>
      </c>
      <c r="S4420" s="190">
        <v>0</v>
      </c>
      <c r="T4420" s="190">
        <v>0</v>
      </c>
      <c r="U4420" s="99"/>
      <c r="V4420" s="99"/>
      <c r="W4420" s="99"/>
      <c r="X4420" s="99"/>
      <c r="Y4420" s="99"/>
      <c r="Z4420" s="99"/>
      <c r="AA4420" s="99"/>
      <c r="AB4420" s="99"/>
      <c r="AC4420" s="99"/>
      <c r="AD4420" s="99"/>
      <c r="AE4420" s="99"/>
      <c r="AF4420" s="99"/>
      <c r="AG4420" s="99"/>
      <c r="AH4420" s="99"/>
      <c r="AI4420" s="99"/>
      <c r="AJ4420" s="99"/>
      <c r="AK4420" s="99"/>
      <c r="AL4420" s="99"/>
      <c r="AM4420" s="99"/>
      <c r="AN4420" s="99"/>
      <c r="AO4420" s="99"/>
      <c r="AP4420" s="99"/>
      <c r="AQ4420" s="99"/>
      <c r="AR4420" s="99"/>
      <c r="AS4420" s="99"/>
      <c r="AT4420" s="99"/>
      <c r="AU4420" s="99"/>
      <c r="AV4420" s="99"/>
      <c r="AW4420" s="99"/>
      <c r="AX4420" s="99"/>
      <c r="AY4420" s="99"/>
      <c r="AZ4420" s="99"/>
      <c r="BA4420" s="99"/>
      <c r="BB4420" s="107">
        <v>45884</v>
      </c>
    </row>
    <row r="4421" spans="1:54" s="238" customFormat="1" ht="13.95" customHeight="1" x14ac:dyDescent="0.25">
      <c r="A4421" s="236" t="s">
        <v>9940</v>
      </c>
      <c r="B4421" s="220" t="s">
        <v>8672</v>
      </c>
      <c r="C4421" s="190" t="s">
        <v>9941</v>
      </c>
      <c r="D4421" s="190" t="s">
        <v>9942</v>
      </c>
      <c r="E4421" s="237">
        <v>1984</v>
      </c>
      <c r="F4421" s="237">
        <v>3200</v>
      </c>
      <c r="G4421" s="190" t="s">
        <v>1</v>
      </c>
      <c r="H4421" s="190">
        <v>0</v>
      </c>
      <c r="I4421" s="190">
        <v>0</v>
      </c>
      <c r="J4421" s="190">
        <v>1</v>
      </c>
      <c r="K4421" s="190">
        <v>1</v>
      </c>
      <c r="L4421" s="190">
        <v>0</v>
      </c>
      <c r="M4421" s="190">
        <v>0</v>
      </c>
      <c r="N4421" s="190">
        <v>0</v>
      </c>
      <c r="O4421" s="190">
        <v>1</v>
      </c>
      <c r="P4421" s="190">
        <v>1</v>
      </c>
      <c r="Q4421" s="190">
        <v>0</v>
      </c>
      <c r="R4421" s="190">
        <v>0</v>
      </c>
      <c r="S4421" s="190">
        <v>1</v>
      </c>
      <c r="T4421" s="190">
        <v>0</v>
      </c>
      <c r="U4421" s="99"/>
      <c r="V4421" s="99"/>
      <c r="W4421" s="99"/>
      <c r="X4421" s="99"/>
      <c r="Y4421" s="99"/>
      <c r="Z4421" s="99"/>
      <c r="AA4421" s="99"/>
      <c r="AB4421" s="99"/>
      <c r="AC4421" s="99"/>
      <c r="AD4421" s="99"/>
      <c r="AE4421" s="99"/>
      <c r="AF4421" s="99"/>
      <c r="AG4421" s="99"/>
      <c r="AH4421" s="99"/>
      <c r="AI4421" s="99"/>
      <c r="AJ4421" s="99"/>
      <c r="AK4421" s="99"/>
      <c r="AL4421" s="99"/>
      <c r="AM4421" s="99"/>
      <c r="AN4421" s="99"/>
      <c r="AO4421" s="99"/>
      <c r="AP4421" s="99"/>
      <c r="AQ4421" s="99"/>
      <c r="AR4421" s="99"/>
      <c r="AS4421" s="99"/>
      <c r="AT4421" s="99"/>
      <c r="AU4421" s="99"/>
      <c r="AV4421" s="99"/>
      <c r="AW4421" s="99"/>
      <c r="AX4421" s="99"/>
      <c r="AY4421" s="99"/>
      <c r="AZ4421" s="99"/>
      <c r="BA4421" s="99"/>
      <c r="BB4421" s="107">
        <v>45884</v>
      </c>
    </row>
    <row r="4422" spans="1:54" s="238" customFormat="1" ht="13.95" customHeight="1" x14ac:dyDescent="0.25">
      <c r="A4422" s="236" t="s">
        <v>9943</v>
      </c>
      <c r="B4422" s="220" t="s">
        <v>8672</v>
      </c>
      <c r="C4422" s="190" t="s">
        <v>9944</v>
      </c>
      <c r="D4422" s="190" t="s">
        <v>9945</v>
      </c>
      <c r="E4422" s="237">
        <v>1976</v>
      </c>
      <c r="F4422" s="237">
        <v>3400</v>
      </c>
      <c r="G4422" s="190" t="s">
        <v>1</v>
      </c>
      <c r="H4422" s="190">
        <v>0</v>
      </c>
      <c r="I4422" s="190">
        <v>0</v>
      </c>
      <c r="J4422" s="190">
        <v>1</v>
      </c>
      <c r="K4422" s="190">
        <v>0</v>
      </c>
      <c r="L4422" s="190">
        <v>1</v>
      </c>
      <c r="M4422" s="190">
        <v>0</v>
      </c>
      <c r="N4422" s="190">
        <v>0</v>
      </c>
      <c r="O4422" s="190">
        <v>1</v>
      </c>
      <c r="P4422" s="190">
        <v>1</v>
      </c>
      <c r="Q4422" s="190">
        <v>0</v>
      </c>
      <c r="R4422" s="190">
        <v>0</v>
      </c>
      <c r="S4422" s="190">
        <v>0</v>
      </c>
      <c r="T4422" s="190">
        <v>0</v>
      </c>
      <c r="U4422" s="99"/>
      <c r="V4422" s="99"/>
      <c r="W4422" s="99"/>
      <c r="X4422" s="99"/>
      <c r="Y4422" s="99"/>
      <c r="Z4422" s="99"/>
      <c r="AA4422" s="99"/>
      <c r="AB4422" s="99"/>
      <c r="AC4422" s="99"/>
      <c r="AD4422" s="99"/>
      <c r="AE4422" s="99"/>
      <c r="AF4422" s="99"/>
      <c r="AG4422" s="99"/>
      <c r="AH4422" s="99"/>
      <c r="AI4422" s="99"/>
      <c r="AJ4422" s="99"/>
      <c r="AK4422" s="99"/>
      <c r="AL4422" s="99"/>
      <c r="AM4422" s="99"/>
      <c r="AN4422" s="99"/>
      <c r="AO4422" s="99"/>
      <c r="AP4422" s="99"/>
      <c r="AQ4422" s="99"/>
      <c r="AR4422" s="99"/>
      <c r="AS4422" s="99"/>
      <c r="AT4422" s="99"/>
      <c r="AU4422" s="99"/>
      <c r="AV4422" s="99"/>
      <c r="AW4422" s="99"/>
      <c r="AX4422" s="99"/>
      <c r="AY4422" s="99"/>
      <c r="AZ4422" s="99"/>
      <c r="BA4422" s="190" t="s">
        <v>8819</v>
      </c>
      <c r="BB4422" s="107">
        <v>45884</v>
      </c>
    </row>
    <row r="4423" spans="1:54" s="238" customFormat="1" ht="13.95" customHeight="1" x14ac:dyDescent="0.25">
      <c r="A4423" s="236" t="s">
        <v>9946</v>
      </c>
      <c r="B4423" s="220" t="s">
        <v>8672</v>
      </c>
      <c r="C4423" s="190" t="s">
        <v>9947</v>
      </c>
      <c r="D4423" s="190" t="s">
        <v>9948</v>
      </c>
      <c r="E4423" s="237">
        <v>1970</v>
      </c>
      <c r="F4423" s="237">
        <v>3500</v>
      </c>
      <c r="G4423" s="190" t="s">
        <v>1</v>
      </c>
      <c r="H4423" s="190">
        <v>1</v>
      </c>
      <c r="I4423" s="190">
        <v>0</v>
      </c>
      <c r="J4423" s="190">
        <v>1</v>
      </c>
      <c r="K4423" s="190">
        <v>1</v>
      </c>
      <c r="L4423" s="190">
        <v>1</v>
      </c>
      <c r="M4423" s="190">
        <v>1</v>
      </c>
      <c r="N4423" s="190">
        <v>0</v>
      </c>
      <c r="O4423" s="190">
        <v>1</v>
      </c>
      <c r="P4423" s="190">
        <v>1</v>
      </c>
      <c r="Q4423" s="190">
        <v>0</v>
      </c>
      <c r="R4423" s="190">
        <v>0</v>
      </c>
      <c r="S4423" s="190">
        <v>0</v>
      </c>
      <c r="T4423" s="190">
        <v>0</v>
      </c>
      <c r="U4423" s="99"/>
      <c r="V4423" s="99"/>
      <c r="W4423" s="99"/>
      <c r="X4423" s="99"/>
      <c r="Y4423" s="99"/>
      <c r="Z4423" s="99"/>
      <c r="AA4423" s="99"/>
      <c r="AB4423" s="99"/>
      <c r="AC4423" s="99"/>
      <c r="AD4423" s="99"/>
      <c r="AE4423" s="99"/>
      <c r="AF4423" s="99"/>
      <c r="AG4423" s="99"/>
      <c r="AH4423" s="99"/>
      <c r="AI4423" s="99"/>
      <c r="AJ4423" s="99"/>
      <c r="AK4423" s="99"/>
      <c r="AL4423" s="99"/>
      <c r="AM4423" s="99"/>
      <c r="AN4423" s="99"/>
      <c r="AO4423" s="99"/>
      <c r="AP4423" s="99"/>
      <c r="AQ4423" s="99"/>
      <c r="AR4423" s="99"/>
      <c r="AS4423" s="99"/>
      <c r="AT4423" s="99"/>
      <c r="AU4423" s="99"/>
      <c r="AV4423" s="99"/>
      <c r="AW4423" s="99"/>
      <c r="AX4423" s="99"/>
      <c r="AY4423" s="99"/>
      <c r="AZ4423" s="99"/>
      <c r="BA4423" s="99"/>
      <c r="BB4423" s="107">
        <v>45884</v>
      </c>
    </row>
    <row r="4424" spans="1:54" s="238" customFormat="1" ht="13.95" customHeight="1" x14ac:dyDescent="0.25">
      <c r="A4424" s="236" t="s">
        <v>9949</v>
      </c>
      <c r="B4424" s="220" t="s">
        <v>8672</v>
      </c>
      <c r="C4424" s="190" t="s">
        <v>9950</v>
      </c>
      <c r="D4424" s="190" t="s">
        <v>9951</v>
      </c>
      <c r="E4424" s="237">
        <v>2007</v>
      </c>
      <c r="F4424" s="237">
        <v>3500</v>
      </c>
      <c r="G4424" s="190" t="s">
        <v>1</v>
      </c>
      <c r="H4424" s="190">
        <v>1</v>
      </c>
      <c r="I4424" s="190">
        <v>0</v>
      </c>
      <c r="J4424" s="190">
        <v>0</v>
      </c>
      <c r="K4424" s="190">
        <v>0</v>
      </c>
      <c r="L4424" s="190">
        <v>1</v>
      </c>
      <c r="M4424" s="190">
        <v>0</v>
      </c>
      <c r="N4424" s="190">
        <v>0</v>
      </c>
      <c r="O4424" s="190">
        <v>0</v>
      </c>
      <c r="P4424" s="190">
        <v>1</v>
      </c>
      <c r="Q4424" s="190">
        <v>0</v>
      </c>
      <c r="R4424" s="190">
        <v>0</v>
      </c>
      <c r="S4424" s="190">
        <v>0</v>
      </c>
      <c r="T4424" s="190">
        <v>0</v>
      </c>
      <c r="U4424" s="99"/>
      <c r="V4424" s="99"/>
      <c r="W4424" s="99"/>
      <c r="X4424" s="99"/>
      <c r="Y4424" s="99"/>
      <c r="Z4424" s="99"/>
      <c r="AA4424" s="99"/>
      <c r="AB4424" s="99"/>
      <c r="AC4424" s="99"/>
      <c r="AD4424" s="99"/>
      <c r="AE4424" s="99"/>
      <c r="AF4424" s="99"/>
      <c r="AG4424" s="99"/>
      <c r="AH4424" s="99"/>
      <c r="AI4424" s="99"/>
      <c r="AJ4424" s="99"/>
      <c r="AK4424" s="99"/>
      <c r="AL4424" s="99"/>
      <c r="AM4424" s="99"/>
      <c r="AN4424" s="99"/>
      <c r="AO4424" s="99"/>
      <c r="AP4424" s="99"/>
      <c r="AQ4424" s="99"/>
      <c r="AR4424" s="99"/>
      <c r="AS4424" s="99"/>
      <c r="AT4424" s="99"/>
      <c r="AU4424" s="99"/>
      <c r="AV4424" s="99"/>
      <c r="AW4424" s="99"/>
      <c r="AX4424" s="99"/>
      <c r="AY4424" s="99"/>
      <c r="AZ4424" s="99"/>
      <c r="BA4424" s="99"/>
      <c r="BB4424" s="107">
        <v>45884</v>
      </c>
    </row>
    <row r="4425" spans="1:54" s="238" customFormat="1" ht="13.95" customHeight="1" x14ac:dyDescent="0.25">
      <c r="A4425" s="236" t="s">
        <v>9952</v>
      </c>
      <c r="B4425" s="220" t="s">
        <v>8672</v>
      </c>
      <c r="C4425" s="190" t="s">
        <v>9953</v>
      </c>
      <c r="D4425" s="190" t="s">
        <v>9954</v>
      </c>
      <c r="E4425" s="237">
        <v>1970</v>
      </c>
      <c r="F4425" s="237">
        <v>3600</v>
      </c>
      <c r="G4425" s="190" t="s">
        <v>1</v>
      </c>
      <c r="H4425" s="190">
        <v>0</v>
      </c>
      <c r="I4425" s="190">
        <v>0</v>
      </c>
      <c r="J4425" s="190">
        <v>1</v>
      </c>
      <c r="K4425" s="190">
        <v>1</v>
      </c>
      <c r="L4425" s="190">
        <v>1</v>
      </c>
      <c r="M4425" s="190">
        <v>0</v>
      </c>
      <c r="N4425" s="190">
        <v>0</v>
      </c>
      <c r="O4425" s="190">
        <v>0</v>
      </c>
      <c r="P4425" s="190">
        <v>0</v>
      </c>
      <c r="Q4425" s="190">
        <v>0</v>
      </c>
      <c r="R4425" s="190">
        <v>1</v>
      </c>
      <c r="S4425" s="190">
        <v>0</v>
      </c>
      <c r="T4425" s="190">
        <v>0</v>
      </c>
      <c r="U4425" s="99"/>
      <c r="V4425" s="99"/>
      <c r="W4425" s="99"/>
      <c r="X4425" s="99"/>
      <c r="Y4425" s="99"/>
      <c r="Z4425" s="99"/>
      <c r="AA4425" s="99"/>
      <c r="AB4425" s="99"/>
      <c r="AC4425" s="99"/>
      <c r="AD4425" s="99"/>
      <c r="AE4425" s="99"/>
      <c r="AF4425" s="99"/>
      <c r="AG4425" s="99"/>
      <c r="AH4425" s="99"/>
      <c r="AI4425" s="99"/>
      <c r="AJ4425" s="99"/>
      <c r="AK4425" s="99"/>
      <c r="AL4425" s="99"/>
      <c r="AM4425" s="99"/>
      <c r="AN4425" s="99"/>
      <c r="AO4425" s="99"/>
      <c r="AP4425" s="99"/>
      <c r="AQ4425" s="99"/>
      <c r="AR4425" s="99"/>
      <c r="AS4425" s="99"/>
      <c r="AT4425" s="99"/>
      <c r="AU4425" s="99"/>
      <c r="AV4425" s="99"/>
      <c r="AW4425" s="99"/>
      <c r="AX4425" s="99"/>
      <c r="AY4425" s="99"/>
      <c r="AZ4425" s="99"/>
      <c r="BA4425" s="190" t="s">
        <v>8819</v>
      </c>
      <c r="BB4425" s="107">
        <v>45884</v>
      </c>
    </row>
    <row r="4426" spans="1:54" s="238" customFormat="1" ht="13.95" customHeight="1" x14ac:dyDescent="0.25">
      <c r="A4426" s="236" t="s">
        <v>9955</v>
      </c>
      <c r="B4426" s="220" t="s">
        <v>8672</v>
      </c>
      <c r="C4426" s="190" t="s">
        <v>9956</v>
      </c>
      <c r="D4426" s="190" t="s">
        <v>9957</v>
      </c>
      <c r="E4426" s="237">
        <v>1983</v>
      </c>
      <c r="F4426" s="237">
        <v>3700</v>
      </c>
      <c r="G4426" s="190" t="s">
        <v>1</v>
      </c>
      <c r="H4426" s="190">
        <v>0</v>
      </c>
      <c r="I4426" s="190">
        <v>0</v>
      </c>
      <c r="J4426" s="190">
        <v>1</v>
      </c>
      <c r="K4426" s="190">
        <v>0</v>
      </c>
      <c r="L4426" s="190">
        <v>1</v>
      </c>
      <c r="M4426" s="190">
        <v>0</v>
      </c>
      <c r="N4426" s="190">
        <v>0</v>
      </c>
      <c r="O4426" s="190">
        <v>0</v>
      </c>
      <c r="P4426" s="190">
        <v>1</v>
      </c>
      <c r="Q4426" s="190">
        <v>0</v>
      </c>
      <c r="R4426" s="190">
        <v>1</v>
      </c>
      <c r="S4426" s="190">
        <v>0</v>
      </c>
      <c r="T4426" s="190">
        <v>0</v>
      </c>
      <c r="U4426" s="99"/>
      <c r="V4426" s="99"/>
      <c r="W4426" s="99"/>
      <c r="X4426" s="99"/>
      <c r="Y4426" s="99"/>
      <c r="Z4426" s="99"/>
      <c r="AA4426" s="99"/>
      <c r="AB4426" s="99"/>
      <c r="AC4426" s="99"/>
      <c r="AD4426" s="99"/>
      <c r="AE4426" s="99"/>
      <c r="AF4426" s="99"/>
      <c r="AG4426" s="99"/>
      <c r="AH4426" s="99"/>
      <c r="AI4426" s="99"/>
      <c r="AJ4426" s="99"/>
      <c r="AK4426" s="99"/>
      <c r="AL4426" s="99"/>
      <c r="AM4426" s="99"/>
      <c r="AN4426" s="99"/>
      <c r="AO4426" s="99"/>
      <c r="AP4426" s="99"/>
      <c r="AQ4426" s="99"/>
      <c r="AR4426" s="99"/>
      <c r="AS4426" s="99"/>
      <c r="AT4426" s="99"/>
      <c r="AU4426" s="99"/>
      <c r="AV4426" s="99"/>
      <c r="AW4426" s="99"/>
      <c r="AX4426" s="99"/>
      <c r="AY4426" s="99"/>
      <c r="AZ4426" s="99"/>
      <c r="BA4426" s="190" t="s">
        <v>9958</v>
      </c>
      <c r="BB4426" s="107">
        <v>45884</v>
      </c>
    </row>
    <row r="4427" spans="1:54" s="238" customFormat="1" ht="13.95" customHeight="1" x14ac:dyDescent="0.25">
      <c r="A4427" s="236" t="s">
        <v>9959</v>
      </c>
      <c r="B4427" s="220" t="s">
        <v>8672</v>
      </c>
      <c r="C4427" s="190" t="s">
        <v>9960</v>
      </c>
      <c r="D4427" s="190" t="s">
        <v>9961</v>
      </c>
      <c r="E4427" s="237">
        <v>2007</v>
      </c>
      <c r="F4427" s="237">
        <v>3800</v>
      </c>
      <c r="G4427" s="190" t="s">
        <v>1</v>
      </c>
      <c r="H4427" s="190">
        <v>0</v>
      </c>
      <c r="I4427" s="190">
        <v>0</v>
      </c>
      <c r="J4427" s="190">
        <v>1</v>
      </c>
      <c r="K4427" s="190">
        <v>0</v>
      </c>
      <c r="L4427" s="190">
        <v>1</v>
      </c>
      <c r="M4427" s="190">
        <v>0</v>
      </c>
      <c r="N4427" s="190">
        <v>0</v>
      </c>
      <c r="O4427" s="190">
        <v>1</v>
      </c>
      <c r="P4427" s="190">
        <v>1</v>
      </c>
      <c r="Q4427" s="190">
        <v>0</v>
      </c>
      <c r="R4427" s="190">
        <v>1</v>
      </c>
      <c r="S4427" s="190">
        <v>0</v>
      </c>
      <c r="T4427" s="190">
        <v>0</v>
      </c>
      <c r="U4427" s="99"/>
      <c r="V4427" s="99"/>
      <c r="W4427" s="99"/>
      <c r="X4427" s="99"/>
      <c r="Y4427" s="99"/>
      <c r="Z4427" s="99"/>
      <c r="AA4427" s="99"/>
      <c r="AB4427" s="99"/>
      <c r="AC4427" s="99"/>
      <c r="AD4427" s="99"/>
      <c r="AE4427" s="99"/>
      <c r="AF4427" s="99"/>
      <c r="AG4427" s="99"/>
      <c r="AH4427" s="99"/>
      <c r="AI4427" s="99"/>
      <c r="AJ4427" s="99"/>
      <c r="AK4427" s="99"/>
      <c r="AL4427" s="99"/>
      <c r="AM4427" s="99"/>
      <c r="AN4427" s="99"/>
      <c r="AO4427" s="99"/>
      <c r="AP4427" s="99"/>
      <c r="AQ4427" s="99"/>
      <c r="AR4427" s="99"/>
      <c r="AS4427" s="99"/>
      <c r="AT4427" s="99"/>
      <c r="AU4427" s="99"/>
      <c r="AV4427" s="99"/>
      <c r="AW4427" s="99"/>
      <c r="AX4427" s="99"/>
      <c r="AY4427" s="99"/>
      <c r="AZ4427" s="99"/>
      <c r="BA4427" s="190" t="s">
        <v>8819</v>
      </c>
      <c r="BB4427" s="107">
        <v>45884</v>
      </c>
    </row>
    <row r="4428" spans="1:54" s="238" customFormat="1" ht="13.95" customHeight="1" x14ac:dyDescent="0.25">
      <c r="A4428" s="236" t="s">
        <v>9962</v>
      </c>
      <c r="B4428" s="220" t="s">
        <v>8672</v>
      </c>
      <c r="C4428" s="190" t="s">
        <v>9963</v>
      </c>
      <c r="D4428" s="190" t="s">
        <v>9964</v>
      </c>
      <c r="E4428" s="237">
        <v>1982</v>
      </c>
      <c r="F4428" s="237">
        <v>3900</v>
      </c>
      <c r="G4428" s="190" t="s">
        <v>1</v>
      </c>
      <c r="H4428" s="190">
        <v>1</v>
      </c>
      <c r="I4428" s="190">
        <v>0</v>
      </c>
      <c r="J4428" s="190">
        <v>1</v>
      </c>
      <c r="K4428" s="190">
        <v>0</v>
      </c>
      <c r="L4428" s="190">
        <v>0</v>
      </c>
      <c r="M4428" s="190">
        <v>0</v>
      </c>
      <c r="N4428" s="190">
        <v>0</v>
      </c>
      <c r="O4428" s="190">
        <v>0</v>
      </c>
      <c r="P4428" s="190">
        <v>1</v>
      </c>
      <c r="Q4428" s="190">
        <v>0</v>
      </c>
      <c r="R4428" s="190">
        <v>0</v>
      </c>
      <c r="S4428" s="190">
        <v>0</v>
      </c>
      <c r="T4428" s="190">
        <v>0</v>
      </c>
      <c r="U4428" s="99"/>
      <c r="V4428" s="99"/>
      <c r="W4428" s="99"/>
      <c r="X4428" s="99"/>
      <c r="Y4428" s="99"/>
      <c r="Z4428" s="99"/>
      <c r="AA4428" s="99"/>
      <c r="AB4428" s="99"/>
      <c r="AC4428" s="99"/>
      <c r="AD4428" s="99"/>
      <c r="AE4428" s="99"/>
      <c r="AF4428" s="99"/>
      <c r="AG4428" s="99"/>
      <c r="AH4428" s="99"/>
      <c r="AI4428" s="99"/>
      <c r="AJ4428" s="99"/>
      <c r="AK4428" s="99"/>
      <c r="AL4428" s="99"/>
      <c r="AM4428" s="99"/>
      <c r="AN4428" s="99"/>
      <c r="AO4428" s="99"/>
      <c r="AP4428" s="99"/>
      <c r="AQ4428" s="99"/>
      <c r="AR4428" s="99"/>
      <c r="AS4428" s="99"/>
      <c r="AT4428" s="99"/>
      <c r="AU4428" s="99"/>
      <c r="AV4428" s="99"/>
      <c r="AW4428" s="99"/>
      <c r="AX4428" s="99"/>
      <c r="AY4428" s="99"/>
      <c r="AZ4428" s="99"/>
      <c r="BA4428" s="190" t="s">
        <v>9167</v>
      </c>
      <c r="BB4428" s="107">
        <v>45884</v>
      </c>
    </row>
    <row r="4429" spans="1:54" s="238" customFormat="1" ht="13.95" customHeight="1" x14ac:dyDescent="0.25">
      <c r="A4429" s="236" t="s">
        <v>9965</v>
      </c>
      <c r="B4429" s="220" t="s">
        <v>8672</v>
      </c>
      <c r="C4429" s="190" t="s">
        <v>9966</v>
      </c>
      <c r="D4429" s="190" t="s">
        <v>9967</v>
      </c>
      <c r="E4429" s="237">
        <v>1970</v>
      </c>
      <c r="F4429" s="237">
        <v>4000</v>
      </c>
      <c r="G4429" s="190" t="s">
        <v>1</v>
      </c>
      <c r="H4429" s="190">
        <v>0</v>
      </c>
      <c r="I4429" s="190">
        <v>0</v>
      </c>
      <c r="J4429" s="190">
        <v>1</v>
      </c>
      <c r="K4429" s="190">
        <v>0</v>
      </c>
      <c r="L4429" s="190">
        <v>1</v>
      </c>
      <c r="M4429" s="190">
        <v>0</v>
      </c>
      <c r="N4429" s="190">
        <v>1</v>
      </c>
      <c r="O4429" s="190">
        <v>1</v>
      </c>
      <c r="P4429" s="190">
        <v>1</v>
      </c>
      <c r="Q4429" s="190">
        <v>1</v>
      </c>
      <c r="R4429" s="190">
        <v>1</v>
      </c>
      <c r="S4429" s="190">
        <v>0</v>
      </c>
      <c r="T4429" s="190">
        <v>0</v>
      </c>
      <c r="U4429" s="99"/>
      <c r="V4429" s="99"/>
      <c r="W4429" s="99"/>
      <c r="X4429" s="99"/>
      <c r="Y4429" s="99"/>
      <c r="Z4429" s="99"/>
      <c r="AA4429" s="99"/>
      <c r="AB4429" s="99"/>
      <c r="AC4429" s="99"/>
      <c r="AD4429" s="99"/>
      <c r="AE4429" s="99"/>
      <c r="AF4429" s="99"/>
      <c r="AG4429" s="99"/>
      <c r="AH4429" s="99"/>
      <c r="AI4429" s="99"/>
      <c r="AJ4429" s="99"/>
      <c r="AK4429" s="99"/>
      <c r="AL4429" s="99"/>
      <c r="AM4429" s="99"/>
      <c r="AN4429" s="99"/>
      <c r="AO4429" s="99"/>
      <c r="AP4429" s="99"/>
      <c r="AQ4429" s="99"/>
      <c r="AR4429" s="99"/>
      <c r="AS4429" s="99"/>
      <c r="AT4429" s="99"/>
      <c r="AU4429" s="99"/>
      <c r="AV4429" s="99"/>
      <c r="AW4429" s="99"/>
      <c r="AX4429" s="99"/>
      <c r="AY4429" s="99"/>
      <c r="AZ4429" s="99"/>
      <c r="BA4429" s="99"/>
      <c r="BB4429" s="107">
        <v>45884</v>
      </c>
    </row>
    <row r="4430" spans="1:54" s="238" customFormat="1" ht="13.95" customHeight="1" x14ac:dyDescent="0.25">
      <c r="A4430" s="236" t="s">
        <v>9968</v>
      </c>
      <c r="B4430" s="220" t="s">
        <v>8672</v>
      </c>
      <c r="C4430" s="190" t="s">
        <v>9969</v>
      </c>
      <c r="D4430" s="190" t="s">
        <v>9970</v>
      </c>
      <c r="E4430" s="237">
        <v>2007</v>
      </c>
      <c r="F4430" s="237">
        <v>4100</v>
      </c>
      <c r="G4430" s="190" t="s">
        <v>1</v>
      </c>
      <c r="H4430" s="190">
        <v>0</v>
      </c>
      <c r="I4430" s="190">
        <v>0</v>
      </c>
      <c r="J4430" s="190">
        <v>1</v>
      </c>
      <c r="K4430" s="190">
        <v>0</v>
      </c>
      <c r="L4430" s="190">
        <v>1</v>
      </c>
      <c r="M4430" s="190">
        <v>0</v>
      </c>
      <c r="N4430" s="190">
        <v>0</v>
      </c>
      <c r="O4430" s="190">
        <v>1</v>
      </c>
      <c r="P4430" s="190">
        <v>1</v>
      </c>
      <c r="Q4430" s="190">
        <v>0</v>
      </c>
      <c r="R4430" s="190">
        <v>1</v>
      </c>
      <c r="S4430" s="190">
        <v>0</v>
      </c>
      <c r="T4430" s="190">
        <v>0</v>
      </c>
      <c r="U4430" s="99"/>
      <c r="V4430" s="99"/>
      <c r="W4430" s="99"/>
      <c r="X4430" s="99"/>
      <c r="Y4430" s="99"/>
      <c r="Z4430" s="99"/>
      <c r="AA4430" s="99"/>
      <c r="AB4430" s="99"/>
      <c r="AC4430" s="99"/>
      <c r="AD4430" s="99"/>
      <c r="AE4430" s="99"/>
      <c r="AF4430" s="99"/>
      <c r="AG4430" s="99"/>
      <c r="AH4430" s="99"/>
      <c r="AI4430" s="99"/>
      <c r="AJ4430" s="99"/>
      <c r="AK4430" s="99"/>
      <c r="AL4430" s="99"/>
      <c r="AM4430" s="99"/>
      <c r="AN4430" s="99"/>
      <c r="AO4430" s="99"/>
      <c r="AP4430" s="99"/>
      <c r="AQ4430" s="99"/>
      <c r="AR4430" s="99"/>
      <c r="AS4430" s="99"/>
      <c r="AT4430" s="99"/>
      <c r="AU4430" s="99"/>
      <c r="AV4430" s="99"/>
      <c r="AW4430" s="99"/>
      <c r="AX4430" s="99"/>
      <c r="AY4430" s="99"/>
      <c r="AZ4430" s="99"/>
      <c r="BA4430" s="190" t="s">
        <v>8819</v>
      </c>
      <c r="BB4430" s="107">
        <v>45884</v>
      </c>
    </row>
    <row r="4431" spans="1:54" s="238" customFormat="1" ht="13.95" customHeight="1" x14ac:dyDescent="0.25">
      <c r="A4431" s="236" t="s">
        <v>9971</v>
      </c>
      <c r="B4431" s="220" t="s">
        <v>8672</v>
      </c>
      <c r="C4431" s="190" t="s">
        <v>9972</v>
      </c>
      <c r="D4431" s="190" t="s">
        <v>9973</v>
      </c>
      <c r="E4431" s="237">
        <v>1970</v>
      </c>
      <c r="F4431" s="237">
        <v>4100</v>
      </c>
      <c r="G4431" s="190" t="s">
        <v>1</v>
      </c>
      <c r="H4431" s="190">
        <v>1</v>
      </c>
      <c r="I4431" s="190">
        <v>0</v>
      </c>
      <c r="J4431" s="190">
        <v>1</v>
      </c>
      <c r="K4431" s="190">
        <v>1</v>
      </c>
      <c r="L4431" s="190">
        <v>1</v>
      </c>
      <c r="M4431" s="190">
        <v>1</v>
      </c>
      <c r="N4431" s="190">
        <v>0</v>
      </c>
      <c r="O4431" s="190">
        <v>1</v>
      </c>
      <c r="P4431" s="190">
        <v>1</v>
      </c>
      <c r="Q4431" s="190">
        <v>1</v>
      </c>
      <c r="R4431" s="190">
        <v>1</v>
      </c>
      <c r="S4431" s="190">
        <v>0</v>
      </c>
      <c r="T4431" s="190">
        <v>0</v>
      </c>
      <c r="U4431" s="99"/>
      <c r="V4431" s="99"/>
      <c r="W4431" s="99"/>
      <c r="X4431" s="99"/>
      <c r="Y4431" s="99"/>
      <c r="Z4431" s="99"/>
      <c r="AA4431" s="99"/>
      <c r="AB4431" s="99"/>
      <c r="AC4431" s="99"/>
      <c r="AD4431" s="99"/>
      <c r="AE4431" s="99"/>
      <c r="AF4431" s="99"/>
      <c r="AG4431" s="99"/>
      <c r="AH4431" s="99"/>
      <c r="AI4431" s="99"/>
      <c r="AJ4431" s="99"/>
      <c r="AK4431" s="99"/>
      <c r="AL4431" s="99"/>
      <c r="AM4431" s="99"/>
      <c r="AN4431" s="99"/>
      <c r="AO4431" s="99"/>
      <c r="AP4431" s="99"/>
      <c r="AQ4431" s="99"/>
      <c r="AR4431" s="99"/>
      <c r="AS4431" s="99"/>
      <c r="AT4431" s="99"/>
      <c r="AU4431" s="99"/>
      <c r="AV4431" s="99"/>
      <c r="AW4431" s="99"/>
      <c r="AX4431" s="99"/>
      <c r="AY4431" s="99"/>
      <c r="AZ4431" s="99"/>
      <c r="BA4431" s="99"/>
      <c r="BB4431" s="107">
        <v>45884</v>
      </c>
    </row>
    <row r="4432" spans="1:54" s="238" customFormat="1" ht="13.95" customHeight="1" x14ac:dyDescent="0.25">
      <c r="A4432" s="236" t="s">
        <v>9974</v>
      </c>
      <c r="B4432" s="220" t="s">
        <v>8672</v>
      </c>
      <c r="C4432" s="190" t="s">
        <v>9975</v>
      </c>
      <c r="D4432" s="190" t="s">
        <v>9976</v>
      </c>
      <c r="E4432" s="237">
        <v>1988</v>
      </c>
      <c r="F4432" s="237">
        <v>4300</v>
      </c>
      <c r="G4432" s="190" t="s">
        <v>1</v>
      </c>
      <c r="H4432" s="190">
        <v>0</v>
      </c>
      <c r="I4432" s="190">
        <v>0</v>
      </c>
      <c r="J4432" s="190">
        <v>1</v>
      </c>
      <c r="K4432" s="190">
        <v>0</v>
      </c>
      <c r="L4432" s="190">
        <v>0</v>
      </c>
      <c r="M4432" s="190">
        <v>1</v>
      </c>
      <c r="N4432" s="190">
        <v>0</v>
      </c>
      <c r="O4432" s="190">
        <v>1</v>
      </c>
      <c r="P4432" s="190">
        <v>1</v>
      </c>
      <c r="Q4432" s="190">
        <v>0</v>
      </c>
      <c r="R4432" s="190">
        <v>0</v>
      </c>
      <c r="S4432" s="190">
        <v>0</v>
      </c>
      <c r="T4432" s="190">
        <v>0</v>
      </c>
      <c r="U4432" s="99"/>
      <c r="V4432" s="99"/>
      <c r="W4432" s="99"/>
      <c r="X4432" s="99"/>
      <c r="Y4432" s="99"/>
      <c r="Z4432" s="99"/>
      <c r="AA4432" s="99"/>
      <c r="AB4432" s="99"/>
      <c r="AC4432" s="99"/>
      <c r="AD4432" s="99"/>
      <c r="AE4432" s="99"/>
      <c r="AF4432" s="99"/>
      <c r="AG4432" s="99"/>
      <c r="AH4432" s="99"/>
      <c r="AI4432" s="99"/>
      <c r="AJ4432" s="99"/>
      <c r="AK4432" s="99"/>
      <c r="AL4432" s="99"/>
      <c r="AM4432" s="99"/>
      <c r="AN4432" s="99"/>
      <c r="AO4432" s="99"/>
      <c r="AP4432" s="99"/>
      <c r="AQ4432" s="99"/>
      <c r="AR4432" s="99"/>
      <c r="AS4432" s="99"/>
      <c r="AT4432" s="99"/>
      <c r="AU4432" s="99"/>
      <c r="AV4432" s="99"/>
      <c r="AW4432" s="99"/>
      <c r="AX4432" s="99"/>
      <c r="AY4432" s="99"/>
      <c r="AZ4432" s="99"/>
      <c r="BA4432" s="99"/>
      <c r="BB4432" s="107">
        <v>45884</v>
      </c>
    </row>
    <row r="4433" spans="1:54" s="238" customFormat="1" ht="13.95" customHeight="1" x14ac:dyDescent="0.25">
      <c r="A4433" s="236" t="s">
        <v>9977</v>
      </c>
      <c r="B4433" s="220" t="s">
        <v>8672</v>
      </c>
      <c r="C4433" s="190" t="s">
        <v>9978</v>
      </c>
      <c r="D4433" s="190" t="s">
        <v>9979</v>
      </c>
      <c r="E4433" s="237">
        <v>1970</v>
      </c>
      <c r="F4433" s="237">
        <v>4600</v>
      </c>
      <c r="G4433" s="190" t="s">
        <v>1</v>
      </c>
      <c r="H4433" s="190">
        <v>0</v>
      </c>
      <c r="I4433" s="190">
        <v>0</v>
      </c>
      <c r="J4433" s="190">
        <v>1</v>
      </c>
      <c r="K4433" s="190">
        <v>1</v>
      </c>
      <c r="L4433" s="190">
        <v>1</v>
      </c>
      <c r="M4433" s="190">
        <v>0</v>
      </c>
      <c r="N4433" s="190">
        <v>0</v>
      </c>
      <c r="O4433" s="190">
        <v>1</v>
      </c>
      <c r="P4433" s="190">
        <v>1</v>
      </c>
      <c r="Q4433" s="190">
        <v>1</v>
      </c>
      <c r="R4433" s="190">
        <v>1</v>
      </c>
      <c r="S4433" s="190">
        <v>0</v>
      </c>
      <c r="T4433" s="190">
        <v>0</v>
      </c>
      <c r="U4433" s="99"/>
      <c r="V4433" s="99"/>
      <c r="W4433" s="99"/>
      <c r="X4433" s="99"/>
      <c r="Y4433" s="99"/>
      <c r="Z4433" s="99"/>
      <c r="AA4433" s="99"/>
      <c r="AB4433" s="99"/>
      <c r="AC4433" s="99"/>
      <c r="AD4433" s="99"/>
      <c r="AE4433" s="99"/>
      <c r="AF4433" s="99"/>
      <c r="AG4433" s="99"/>
      <c r="AH4433" s="99"/>
      <c r="AI4433" s="99"/>
      <c r="AJ4433" s="99"/>
      <c r="AK4433" s="99"/>
      <c r="AL4433" s="99"/>
      <c r="AM4433" s="99"/>
      <c r="AN4433" s="99"/>
      <c r="AO4433" s="99"/>
      <c r="AP4433" s="99"/>
      <c r="AQ4433" s="99"/>
      <c r="AR4433" s="99"/>
      <c r="AS4433" s="99"/>
      <c r="AT4433" s="99"/>
      <c r="AU4433" s="99"/>
      <c r="AV4433" s="99"/>
      <c r="AW4433" s="99"/>
      <c r="AX4433" s="99"/>
      <c r="AY4433" s="99"/>
      <c r="AZ4433" s="99"/>
      <c r="BA4433" s="190" t="s">
        <v>21657</v>
      </c>
      <c r="BB4433" s="107">
        <v>45884</v>
      </c>
    </row>
    <row r="4434" spans="1:54" s="238" customFormat="1" ht="13.95" customHeight="1" x14ac:dyDescent="0.25">
      <c r="A4434" s="236" t="s">
        <v>9980</v>
      </c>
      <c r="B4434" s="220" t="s">
        <v>8672</v>
      </c>
      <c r="C4434" s="190" t="s">
        <v>9981</v>
      </c>
      <c r="D4434" s="190" t="s">
        <v>9982</v>
      </c>
      <c r="E4434" s="237">
        <v>1991</v>
      </c>
      <c r="F4434" s="237">
        <v>4600</v>
      </c>
      <c r="G4434" s="190" t="s">
        <v>1</v>
      </c>
      <c r="H4434" s="190">
        <v>1</v>
      </c>
      <c r="I4434" s="190">
        <v>0</v>
      </c>
      <c r="J4434" s="190">
        <v>1</v>
      </c>
      <c r="K4434" s="190">
        <v>1</v>
      </c>
      <c r="L4434" s="190">
        <v>1</v>
      </c>
      <c r="M4434" s="190">
        <v>1</v>
      </c>
      <c r="N4434" s="190">
        <v>0</v>
      </c>
      <c r="O4434" s="190">
        <v>0</v>
      </c>
      <c r="P4434" s="190">
        <v>1</v>
      </c>
      <c r="Q4434" s="190">
        <v>0</v>
      </c>
      <c r="R4434" s="190">
        <v>1</v>
      </c>
      <c r="S4434" s="190">
        <v>0</v>
      </c>
      <c r="T4434" s="190">
        <v>0</v>
      </c>
      <c r="U4434" s="99"/>
      <c r="V4434" s="99"/>
      <c r="W4434" s="99"/>
      <c r="X4434" s="99"/>
      <c r="Y4434" s="99"/>
      <c r="Z4434" s="99"/>
      <c r="AA4434" s="99"/>
      <c r="AB4434" s="99"/>
      <c r="AC4434" s="99"/>
      <c r="AD4434" s="99"/>
      <c r="AE4434" s="99"/>
      <c r="AF4434" s="99"/>
      <c r="AG4434" s="99"/>
      <c r="AH4434" s="99"/>
      <c r="AI4434" s="99"/>
      <c r="AJ4434" s="99"/>
      <c r="AK4434" s="99"/>
      <c r="AL4434" s="99"/>
      <c r="AM4434" s="99"/>
      <c r="AN4434" s="99"/>
      <c r="AO4434" s="99"/>
      <c r="AP4434" s="99"/>
      <c r="AQ4434" s="99"/>
      <c r="AR4434" s="99"/>
      <c r="AS4434" s="99"/>
      <c r="AT4434" s="99"/>
      <c r="AU4434" s="99"/>
      <c r="AV4434" s="99"/>
      <c r="AW4434" s="99"/>
      <c r="AX4434" s="99"/>
      <c r="AY4434" s="99"/>
      <c r="AZ4434" s="99"/>
      <c r="BA4434" s="99"/>
      <c r="BB4434" s="107">
        <v>45884</v>
      </c>
    </row>
    <row r="4435" spans="1:54" s="238" customFormat="1" ht="13.95" customHeight="1" x14ac:dyDescent="0.25">
      <c r="A4435" s="236" t="s">
        <v>9983</v>
      </c>
      <c r="B4435" s="220" t="s">
        <v>8672</v>
      </c>
      <c r="C4435" s="190" t="s">
        <v>9984</v>
      </c>
      <c r="D4435" s="190" t="s">
        <v>9985</v>
      </c>
      <c r="E4435" s="237">
        <v>2007</v>
      </c>
      <c r="F4435" s="237">
        <v>5100</v>
      </c>
      <c r="G4435" s="190" t="s">
        <v>1</v>
      </c>
      <c r="H4435" s="190">
        <v>0</v>
      </c>
      <c r="I4435" s="190">
        <v>0</v>
      </c>
      <c r="J4435" s="190">
        <v>1</v>
      </c>
      <c r="K4435" s="190">
        <v>1</v>
      </c>
      <c r="L4435" s="190">
        <v>1</v>
      </c>
      <c r="M4435" s="190">
        <v>0</v>
      </c>
      <c r="N4435" s="190">
        <v>0</v>
      </c>
      <c r="O4435" s="190">
        <v>1</v>
      </c>
      <c r="P4435" s="190">
        <v>1</v>
      </c>
      <c r="Q4435" s="190">
        <v>0</v>
      </c>
      <c r="R4435" s="190">
        <v>0</v>
      </c>
      <c r="S4435" s="190">
        <v>0</v>
      </c>
      <c r="T4435" s="190">
        <v>0</v>
      </c>
      <c r="U4435" s="99"/>
      <c r="V4435" s="99"/>
      <c r="W4435" s="99"/>
      <c r="X4435" s="99"/>
      <c r="Y4435" s="99"/>
      <c r="Z4435" s="99"/>
      <c r="AA4435" s="99"/>
      <c r="AB4435" s="99"/>
      <c r="AC4435" s="99"/>
      <c r="AD4435" s="99"/>
      <c r="AE4435" s="99"/>
      <c r="AF4435" s="99"/>
      <c r="AG4435" s="99"/>
      <c r="AH4435" s="99"/>
      <c r="AI4435" s="99"/>
      <c r="AJ4435" s="99"/>
      <c r="AK4435" s="99"/>
      <c r="AL4435" s="99"/>
      <c r="AM4435" s="99"/>
      <c r="AN4435" s="99"/>
      <c r="AO4435" s="99"/>
      <c r="AP4435" s="99"/>
      <c r="AQ4435" s="99"/>
      <c r="AR4435" s="99"/>
      <c r="AS4435" s="99"/>
      <c r="AT4435" s="99"/>
      <c r="AU4435" s="99"/>
      <c r="AV4435" s="99"/>
      <c r="AW4435" s="99"/>
      <c r="AX4435" s="99"/>
      <c r="AY4435" s="99"/>
      <c r="AZ4435" s="99"/>
      <c r="BA4435" s="190" t="s">
        <v>9986</v>
      </c>
      <c r="BB4435" s="107">
        <v>45884</v>
      </c>
    </row>
    <row r="4436" spans="1:54" s="238" customFormat="1" ht="13.95" customHeight="1" x14ac:dyDescent="0.25">
      <c r="A4436" s="236" t="s">
        <v>9987</v>
      </c>
      <c r="B4436" s="220" t="s">
        <v>8672</v>
      </c>
      <c r="C4436" s="190" t="s">
        <v>5611</v>
      </c>
      <c r="D4436" s="190" t="s">
        <v>9988</v>
      </c>
      <c r="E4436" s="237">
        <v>2004</v>
      </c>
      <c r="F4436" s="237">
        <v>5300</v>
      </c>
      <c r="G4436" s="190" t="s">
        <v>1</v>
      </c>
      <c r="H4436" s="190">
        <v>0</v>
      </c>
      <c r="I4436" s="190">
        <v>0</v>
      </c>
      <c r="J4436" s="190">
        <v>1</v>
      </c>
      <c r="K4436" s="190">
        <v>1</v>
      </c>
      <c r="L4436" s="190">
        <v>1</v>
      </c>
      <c r="M4436" s="190">
        <v>1</v>
      </c>
      <c r="N4436" s="190">
        <v>0</v>
      </c>
      <c r="O4436" s="190">
        <v>0</v>
      </c>
      <c r="P4436" s="190">
        <v>0</v>
      </c>
      <c r="Q4436" s="190">
        <v>0</v>
      </c>
      <c r="R4436" s="190">
        <v>1</v>
      </c>
      <c r="S4436" s="190">
        <v>0</v>
      </c>
      <c r="T4436" s="190">
        <v>0</v>
      </c>
      <c r="U4436" s="99"/>
      <c r="V4436" s="99"/>
      <c r="W4436" s="99"/>
      <c r="X4436" s="99"/>
      <c r="Y4436" s="99"/>
      <c r="Z4436" s="99"/>
      <c r="AA4436" s="99"/>
      <c r="AB4436" s="99"/>
      <c r="AC4436" s="99"/>
      <c r="AD4436" s="99"/>
      <c r="AE4436" s="99"/>
      <c r="AF4436" s="99"/>
      <c r="AG4436" s="99"/>
      <c r="AH4436" s="99"/>
      <c r="AI4436" s="99"/>
      <c r="AJ4436" s="99"/>
      <c r="AK4436" s="99"/>
      <c r="AL4436" s="99"/>
      <c r="AM4436" s="99"/>
      <c r="AN4436" s="99"/>
      <c r="AO4436" s="99"/>
      <c r="AP4436" s="99"/>
      <c r="AQ4436" s="99"/>
      <c r="AR4436" s="99"/>
      <c r="AS4436" s="99"/>
      <c r="AT4436" s="99"/>
      <c r="AU4436" s="99"/>
      <c r="AV4436" s="99"/>
      <c r="AW4436" s="99"/>
      <c r="AX4436" s="99"/>
      <c r="AY4436" s="99"/>
      <c r="AZ4436" s="99"/>
      <c r="BA4436" s="99"/>
      <c r="BB4436" s="107">
        <v>45884</v>
      </c>
    </row>
    <row r="4437" spans="1:54" s="238" customFormat="1" ht="13.95" customHeight="1" x14ac:dyDescent="0.25">
      <c r="A4437" s="236" t="s">
        <v>9989</v>
      </c>
      <c r="B4437" s="220" t="s">
        <v>8672</v>
      </c>
      <c r="C4437" s="190" t="s">
        <v>9990</v>
      </c>
      <c r="D4437" s="190" t="s">
        <v>9991</v>
      </c>
      <c r="E4437" s="237">
        <v>1986</v>
      </c>
      <c r="F4437" s="237">
        <v>5900</v>
      </c>
      <c r="G4437" s="190" t="s">
        <v>1</v>
      </c>
      <c r="H4437" s="190">
        <v>0</v>
      </c>
      <c r="I4437" s="190">
        <v>0</v>
      </c>
      <c r="J4437" s="190">
        <v>1</v>
      </c>
      <c r="K4437" s="190">
        <v>0</v>
      </c>
      <c r="L4437" s="190">
        <v>0</v>
      </c>
      <c r="M4437" s="190">
        <v>1</v>
      </c>
      <c r="N4437" s="190">
        <v>0</v>
      </c>
      <c r="O4437" s="190">
        <v>1</v>
      </c>
      <c r="P4437" s="190">
        <v>1</v>
      </c>
      <c r="Q4437" s="190">
        <v>0</v>
      </c>
      <c r="R4437" s="190">
        <v>0</v>
      </c>
      <c r="S4437" s="190">
        <v>0</v>
      </c>
      <c r="T4437" s="190">
        <v>1</v>
      </c>
      <c r="U4437" s="99"/>
      <c r="V4437" s="99"/>
      <c r="W4437" s="99"/>
      <c r="X4437" s="99"/>
      <c r="Y4437" s="99"/>
      <c r="Z4437" s="99"/>
      <c r="AA4437" s="99"/>
      <c r="AB4437" s="99"/>
      <c r="AC4437" s="99"/>
      <c r="AD4437" s="99"/>
      <c r="AE4437" s="99"/>
      <c r="AF4437" s="99"/>
      <c r="AG4437" s="99"/>
      <c r="AH4437" s="99"/>
      <c r="AI4437" s="99"/>
      <c r="AJ4437" s="99"/>
      <c r="AK4437" s="99"/>
      <c r="AL4437" s="99"/>
      <c r="AM4437" s="99"/>
      <c r="AN4437" s="99"/>
      <c r="AO4437" s="99"/>
      <c r="AP4437" s="99"/>
      <c r="AQ4437" s="99"/>
      <c r="AR4437" s="99"/>
      <c r="AS4437" s="99"/>
      <c r="AT4437" s="99"/>
      <c r="AU4437" s="99"/>
      <c r="AV4437" s="99"/>
      <c r="AW4437" s="99"/>
      <c r="AX4437" s="99"/>
      <c r="AY4437" s="99"/>
      <c r="AZ4437" s="99"/>
      <c r="BA4437" s="190" t="s">
        <v>9992</v>
      </c>
      <c r="BB4437" s="107">
        <v>45884</v>
      </c>
    </row>
    <row r="4438" spans="1:54" s="238" customFormat="1" ht="13.95" customHeight="1" x14ac:dyDescent="0.25">
      <c r="A4438" s="236" t="s">
        <v>9993</v>
      </c>
      <c r="B4438" s="220" t="s">
        <v>8672</v>
      </c>
      <c r="C4438" s="190" t="s">
        <v>9994</v>
      </c>
      <c r="D4438" s="190" t="s">
        <v>9995</v>
      </c>
      <c r="E4438" s="237">
        <v>1997</v>
      </c>
      <c r="F4438" s="237">
        <v>600</v>
      </c>
      <c r="G4438" s="190" t="s">
        <v>1</v>
      </c>
      <c r="H4438" s="190">
        <v>0</v>
      </c>
      <c r="I4438" s="190">
        <v>0</v>
      </c>
      <c r="J4438" s="190">
        <v>1</v>
      </c>
      <c r="K4438" s="190">
        <v>1</v>
      </c>
      <c r="L4438" s="190">
        <v>1</v>
      </c>
      <c r="M4438" s="190">
        <v>1</v>
      </c>
      <c r="N4438" s="190">
        <v>0</v>
      </c>
      <c r="O4438" s="190">
        <v>1</v>
      </c>
      <c r="P4438" s="190">
        <v>1</v>
      </c>
      <c r="Q4438" s="190">
        <v>1</v>
      </c>
      <c r="R4438" s="190">
        <v>1</v>
      </c>
      <c r="S4438" s="190">
        <v>0</v>
      </c>
      <c r="T4438" s="190">
        <v>0</v>
      </c>
      <c r="U4438" s="99"/>
      <c r="V4438" s="99"/>
      <c r="W4438" s="99"/>
      <c r="X4438" s="99"/>
      <c r="Y4438" s="99"/>
      <c r="Z4438" s="99"/>
      <c r="AA4438" s="99"/>
      <c r="AB4438" s="99"/>
      <c r="AC4438" s="99"/>
      <c r="AD4438" s="99"/>
      <c r="AE4438" s="99"/>
      <c r="AF4438" s="99"/>
      <c r="AG4438" s="99"/>
      <c r="AH4438" s="99"/>
      <c r="AI4438" s="99"/>
      <c r="AJ4438" s="99"/>
      <c r="AK4438" s="99"/>
      <c r="AL4438" s="99"/>
      <c r="AM4438" s="99"/>
      <c r="AN4438" s="99"/>
      <c r="AO4438" s="99"/>
      <c r="AP4438" s="99"/>
      <c r="AQ4438" s="99"/>
      <c r="AR4438" s="99"/>
      <c r="AS4438" s="99"/>
      <c r="AT4438" s="99"/>
      <c r="AU4438" s="99"/>
      <c r="AV4438" s="99"/>
      <c r="AW4438" s="99"/>
      <c r="AX4438" s="99"/>
      <c r="AY4438" s="99"/>
      <c r="AZ4438" s="99"/>
      <c r="BA4438" s="99"/>
      <c r="BB4438" s="107">
        <v>45884</v>
      </c>
    </row>
    <row r="4439" spans="1:54" s="238" customFormat="1" ht="13.95" customHeight="1" x14ac:dyDescent="0.25">
      <c r="A4439" s="236" t="s">
        <v>9996</v>
      </c>
      <c r="B4439" s="220" t="s">
        <v>8672</v>
      </c>
      <c r="C4439" s="190" t="s">
        <v>9997</v>
      </c>
      <c r="D4439" s="190" t="s">
        <v>9998</v>
      </c>
      <c r="E4439" s="237">
        <v>1974</v>
      </c>
      <c r="F4439" s="237">
        <v>6100</v>
      </c>
      <c r="G4439" s="190" t="s">
        <v>1</v>
      </c>
      <c r="H4439" s="190">
        <v>0</v>
      </c>
      <c r="I4439" s="190">
        <v>0</v>
      </c>
      <c r="J4439" s="190">
        <v>0</v>
      </c>
      <c r="K4439" s="190">
        <v>1</v>
      </c>
      <c r="L4439" s="190">
        <v>1</v>
      </c>
      <c r="M4439" s="190">
        <v>1</v>
      </c>
      <c r="N4439" s="190">
        <v>0</v>
      </c>
      <c r="O4439" s="190">
        <v>0</v>
      </c>
      <c r="P4439" s="190">
        <v>1</v>
      </c>
      <c r="Q4439" s="190">
        <v>1</v>
      </c>
      <c r="R4439" s="190">
        <v>0</v>
      </c>
      <c r="S4439" s="190">
        <v>0</v>
      </c>
      <c r="T4439" s="190">
        <v>0</v>
      </c>
      <c r="U4439" s="99"/>
      <c r="V4439" s="99"/>
      <c r="W4439" s="99"/>
      <c r="X4439" s="99"/>
      <c r="Y4439" s="99"/>
      <c r="Z4439" s="99"/>
      <c r="AA4439" s="99"/>
      <c r="AB4439" s="99"/>
      <c r="AC4439" s="99"/>
      <c r="AD4439" s="99"/>
      <c r="AE4439" s="99"/>
      <c r="AF4439" s="99"/>
      <c r="AG4439" s="99"/>
      <c r="AH4439" s="99"/>
      <c r="AI4439" s="99"/>
      <c r="AJ4439" s="99"/>
      <c r="AK4439" s="99"/>
      <c r="AL4439" s="99"/>
      <c r="AM4439" s="99"/>
      <c r="AN4439" s="99"/>
      <c r="AO4439" s="99"/>
      <c r="AP4439" s="99"/>
      <c r="AQ4439" s="99"/>
      <c r="AR4439" s="99"/>
      <c r="AS4439" s="99"/>
      <c r="AT4439" s="99"/>
      <c r="AU4439" s="99"/>
      <c r="AV4439" s="99"/>
      <c r="AW4439" s="99"/>
      <c r="AX4439" s="99"/>
      <c r="AY4439" s="99"/>
      <c r="AZ4439" s="99"/>
      <c r="BA4439" s="99"/>
      <c r="BB4439" s="107">
        <v>45884</v>
      </c>
    </row>
    <row r="4440" spans="1:54" s="238" customFormat="1" ht="13.95" customHeight="1" x14ac:dyDescent="0.25">
      <c r="A4440" s="236" t="s">
        <v>9999</v>
      </c>
      <c r="B4440" s="220" t="s">
        <v>8672</v>
      </c>
      <c r="C4440" s="190" t="s">
        <v>10000</v>
      </c>
      <c r="D4440" s="190" t="s">
        <v>10001</v>
      </c>
      <c r="E4440" s="237">
        <v>2014</v>
      </c>
      <c r="F4440" s="237">
        <v>700</v>
      </c>
      <c r="G4440" s="190" t="s">
        <v>1</v>
      </c>
      <c r="H4440" s="190">
        <v>0</v>
      </c>
      <c r="I4440" s="190">
        <v>0</v>
      </c>
      <c r="J4440" s="190">
        <v>1</v>
      </c>
      <c r="K4440" s="190">
        <v>1</v>
      </c>
      <c r="L4440" s="190">
        <v>1</v>
      </c>
      <c r="M4440" s="190">
        <v>1</v>
      </c>
      <c r="N4440" s="190">
        <v>0</v>
      </c>
      <c r="O4440" s="190">
        <v>0</v>
      </c>
      <c r="P4440" s="190">
        <v>0</v>
      </c>
      <c r="Q4440" s="190">
        <v>0</v>
      </c>
      <c r="R4440" s="190">
        <v>1</v>
      </c>
      <c r="S4440" s="190">
        <v>0</v>
      </c>
      <c r="T4440" s="190">
        <v>0</v>
      </c>
      <c r="U4440" s="99"/>
      <c r="V4440" s="99"/>
      <c r="W4440" s="99"/>
      <c r="X4440" s="99"/>
      <c r="Y4440" s="99"/>
      <c r="Z4440" s="99"/>
      <c r="AA4440" s="99"/>
      <c r="AB4440" s="99"/>
      <c r="AC4440" s="99"/>
      <c r="AD4440" s="99"/>
      <c r="AE4440" s="99"/>
      <c r="AF4440" s="99"/>
      <c r="AG4440" s="99"/>
      <c r="AH4440" s="99"/>
      <c r="AI4440" s="99"/>
      <c r="AJ4440" s="99"/>
      <c r="AK4440" s="99"/>
      <c r="AL4440" s="99"/>
      <c r="AM4440" s="99"/>
      <c r="AN4440" s="99"/>
      <c r="AO4440" s="99"/>
      <c r="AP4440" s="99"/>
      <c r="AQ4440" s="99"/>
      <c r="AR4440" s="99"/>
      <c r="AS4440" s="99"/>
      <c r="AT4440" s="99"/>
      <c r="AU4440" s="99"/>
      <c r="AV4440" s="99"/>
      <c r="AW4440" s="99"/>
      <c r="AX4440" s="99"/>
      <c r="AY4440" s="99"/>
      <c r="AZ4440" s="99"/>
      <c r="BA4440" s="99"/>
      <c r="BB4440" s="107">
        <v>45884</v>
      </c>
    </row>
    <row r="4441" spans="1:54" s="238" customFormat="1" ht="13.95" customHeight="1" x14ac:dyDescent="0.25">
      <c r="A4441" s="236" t="s">
        <v>10002</v>
      </c>
      <c r="B4441" s="220" t="s">
        <v>8672</v>
      </c>
      <c r="C4441" s="190" t="s">
        <v>8661</v>
      </c>
      <c r="D4441" s="190" t="s">
        <v>10003</v>
      </c>
      <c r="E4441" s="237">
        <v>1970</v>
      </c>
      <c r="F4441" s="237">
        <v>7200</v>
      </c>
      <c r="G4441" s="190" t="s">
        <v>1</v>
      </c>
      <c r="H4441" s="190">
        <v>0</v>
      </c>
      <c r="I4441" s="190">
        <v>0</v>
      </c>
      <c r="J4441" s="190">
        <v>1</v>
      </c>
      <c r="K4441" s="190">
        <v>1</v>
      </c>
      <c r="L4441" s="190">
        <v>1</v>
      </c>
      <c r="M4441" s="190">
        <v>1</v>
      </c>
      <c r="N4441" s="190">
        <v>0</v>
      </c>
      <c r="O4441" s="190">
        <v>1</v>
      </c>
      <c r="P4441" s="190">
        <v>1</v>
      </c>
      <c r="Q4441" s="190">
        <v>0</v>
      </c>
      <c r="R4441" s="190">
        <v>1</v>
      </c>
      <c r="S4441" s="190">
        <v>0</v>
      </c>
      <c r="T4441" s="190">
        <v>0</v>
      </c>
      <c r="U4441" s="99"/>
      <c r="V4441" s="99"/>
      <c r="W4441" s="99"/>
      <c r="X4441" s="99"/>
      <c r="Y4441" s="99"/>
      <c r="Z4441" s="99"/>
      <c r="AA4441" s="99"/>
      <c r="AB4441" s="99"/>
      <c r="AC4441" s="99"/>
      <c r="AD4441" s="99"/>
      <c r="AE4441" s="99"/>
      <c r="AF4441" s="99"/>
      <c r="AG4441" s="99"/>
      <c r="AH4441" s="99"/>
      <c r="AI4441" s="99"/>
      <c r="AJ4441" s="99"/>
      <c r="AK4441" s="99"/>
      <c r="AL4441" s="99"/>
      <c r="AM4441" s="99"/>
      <c r="AN4441" s="99"/>
      <c r="AO4441" s="99"/>
      <c r="AP4441" s="99"/>
      <c r="AQ4441" s="99"/>
      <c r="AR4441" s="99"/>
      <c r="AS4441" s="99"/>
      <c r="AT4441" s="99"/>
      <c r="AU4441" s="99"/>
      <c r="AV4441" s="99"/>
      <c r="AW4441" s="99"/>
      <c r="AX4441" s="99"/>
      <c r="AY4441" s="99"/>
      <c r="AZ4441" s="99"/>
      <c r="BA4441" s="99"/>
      <c r="BB4441" s="107">
        <v>45884</v>
      </c>
    </row>
    <row r="4442" spans="1:54" s="238" customFormat="1" ht="13.95" customHeight="1" x14ac:dyDescent="0.25">
      <c r="A4442" s="236" t="s">
        <v>10004</v>
      </c>
      <c r="B4442" s="220" t="s">
        <v>8672</v>
      </c>
      <c r="C4442" s="190" t="s">
        <v>10005</v>
      </c>
      <c r="D4442" s="190" t="s">
        <v>10006</v>
      </c>
      <c r="E4442" s="237">
        <v>1970</v>
      </c>
      <c r="F4442" s="237">
        <v>7600</v>
      </c>
      <c r="G4442" s="190" t="s">
        <v>3</v>
      </c>
      <c r="H4442" s="190">
        <v>1</v>
      </c>
      <c r="I4442" s="190">
        <v>0</v>
      </c>
      <c r="J4442" s="190">
        <v>1</v>
      </c>
      <c r="K4442" s="190">
        <v>1</v>
      </c>
      <c r="L4442" s="190">
        <v>1</v>
      </c>
      <c r="M4442" s="190">
        <v>1</v>
      </c>
      <c r="N4442" s="190">
        <v>1</v>
      </c>
      <c r="O4442" s="190">
        <v>1</v>
      </c>
      <c r="P4442" s="190">
        <v>0</v>
      </c>
      <c r="Q4442" s="190">
        <v>1</v>
      </c>
      <c r="R4442" s="190">
        <v>0</v>
      </c>
      <c r="S4442" s="190">
        <v>0</v>
      </c>
      <c r="T4442" s="190">
        <v>0</v>
      </c>
      <c r="U4442" s="190">
        <v>0</v>
      </c>
      <c r="V4442" s="190">
        <v>0</v>
      </c>
      <c r="W4442" s="190" t="s">
        <v>174</v>
      </c>
      <c r="X4442" s="190" t="s">
        <v>174</v>
      </c>
      <c r="Y4442" s="190">
        <v>0</v>
      </c>
      <c r="Z4442" s="190">
        <v>0</v>
      </c>
      <c r="AA4442" s="190">
        <v>0</v>
      </c>
      <c r="AB4442" s="190">
        <v>0</v>
      </c>
      <c r="AC4442" s="190">
        <v>0</v>
      </c>
      <c r="AD4442" s="190">
        <v>0</v>
      </c>
      <c r="AE4442" s="190">
        <v>0</v>
      </c>
      <c r="AF4442" s="190">
        <v>0</v>
      </c>
      <c r="AG4442" s="190">
        <v>0</v>
      </c>
      <c r="AH4442" s="190">
        <v>0</v>
      </c>
      <c r="AI4442" s="190">
        <v>0</v>
      </c>
      <c r="AJ4442" s="190">
        <v>0</v>
      </c>
      <c r="AK4442" s="190">
        <v>0</v>
      </c>
      <c r="AL4442" s="190">
        <v>0</v>
      </c>
      <c r="AM4442" s="190" t="s">
        <v>174</v>
      </c>
      <c r="AN4442" s="190" t="s">
        <v>174</v>
      </c>
      <c r="AO4442" s="190" t="s">
        <v>174</v>
      </c>
      <c r="AP4442" s="190" t="s">
        <v>174</v>
      </c>
      <c r="AQ4442" s="190" t="s">
        <v>174</v>
      </c>
      <c r="AR4442" s="190" t="s">
        <v>174</v>
      </c>
      <c r="AS4442" s="190" t="s">
        <v>174</v>
      </c>
      <c r="AT4442" s="239" t="s">
        <v>174</v>
      </c>
      <c r="AU4442" s="190">
        <v>0</v>
      </c>
      <c r="AV4442" s="190">
        <v>0</v>
      </c>
      <c r="AW4442" s="190" t="s">
        <v>174</v>
      </c>
      <c r="AX4442" s="190" t="s">
        <v>174</v>
      </c>
      <c r="AY4442" s="190" t="s">
        <v>174</v>
      </c>
      <c r="AZ4442" s="190"/>
      <c r="BA4442" s="190"/>
      <c r="BB4442" s="107">
        <v>45884</v>
      </c>
    </row>
    <row r="4443" spans="1:54" s="238" customFormat="1" ht="13.95" customHeight="1" x14ac:dyDescent="0.25">
      <c r="A4443" s="236" t="s">
        <v>10007</v>
      </c>
      <c r="B4443" s="220" t="s">
        <v>8672</v>
      </c>
      <c r="C4443" s="190" t="s">
        <v>10008</v>
      </c>
      <c r="D4443" s="190" t="s">
        <v>10009</v>
      </c>
      <c r="E4443" s="237">
        <v>2002</v>
      </c>
      <c r="F4443" s="237">
        <v>7700</v>
      </c>
      <c r="G4443" s="190" t="s">
        <v>1</v>
      </c>
      <c r="H4443" s="190">
        <v>0</v>
      </c>
      <c r="I4443" s="190">
        <v>0</v>
      </c>
      <c r="J4443" s="190">
        <v>1</v>
      </c>
      <c r="K4443" s="190">
        <v>1</v>
      </c>
      <c r="L4443" s="190">
        <v>1</v>
      </c>
      <c r="M4443" s="190">
        <v>1</v>
      </c>
      <c r="N4443" s="190">
        <v>0</v>
      </c>
      <c r="O4443" s="190">
        <v>1</v>
      </c>
      <c r="P4443" s="190">
        <v>0</v>
      </c>
      <c r="Q4443" s="190">
        <v>0</v>
      </c>
      <c r="R4443" s="190">
        <v>0</v>
      </c>
      <c r="S4443" s="190">
        <v>0</v>
      </c>
      <c r="T4443" s="190">
        <v>0</v>
      </c>
      <c r="U4443" s="99"/>
      <c r="V4443" s="99"/>
      <c r="W4443" s="99"/>
      <c r="X4443" s="99"/>
      <c r="Y4443" s="99"/>
      <c r="Z4443" s="99"/>
      <c r="AA4443" s="99"/>
      <c r="AB4443" s="99"/>
      <c r="AC4443" s="99"/>
      <c r="AD4443" s="99"/>
      <c r="AE4443" s="99"/>
      <c r="AF4443" s="99"/>
      <c r="AG4443" s="99"/>
      <c r="AH4443" s="99"/>
      <c r="AI4443" s="99"/>
      <c r="AJ4443" s="99"/>
      <c r="AK4443" s="99"/>
      <c r="AL4443" s="99"/>
      <c r="AM4443" s="99"/>
      <c r="AN4443" s="99"/>
      <c r="AO4443" s="99"/>
      <c r="AP4443" s="99"/>
      <c r="AQ4443" s="99"/>
      <c r="AR4443" s="99"/>
      <c r="AS4443" s="99"/>
      <c r="AT4443" s="99"/>
      <c r="AU4443" s="99"/>
      <c r="AV4443" s="99"/>
      <c r="AW4443" s="99"/>
      <c r="AX4443" s="99"/>
      <c r="AY4443" s="99"/>
      <c r="AZ4443" s="99"/>
      <c r="BA4443" s="190" t="s">
        <v>10010</v>
      </c>
      <c r="BB4443" s="107">
        <v>45884</v>
      </c>
    </row>
    <row r="4444" spans="1:54" s="238" customFormat="1" ht="13.95" customHeight="1" x14ac:dyDescent="0.25">
      <c r="A4444" s="236" t="s">
        <v>10011</v>
      </c>
      <c r="B4444" s="220" t="s">
        <v>8672</v>
      </c>
      <c r="C4444" s="190" t="s">
        <v>10012</v>
      </c>
      <c r="D4444" s="190" t="s">
        <v>10013</v>
      </c>
      <c r="E4444" s="237">
        <v>1986</v>
      </c>
      <c r="F4444" s="237">
        <v>8100</v>
      </c>
      <c r="G4444" s="190" t="s">
        <v>3</v>
      </c>
      <c r="H4444" s="190">
        <v>1</v>
      </c>
      <c r="I4444" s="190">
        <v>0</v>
      </c>
      <c r="J4444" s="190">
        <v>1</v>
      </c>
      <c r="K4444" s="190">
        <v>0</v>
      </c>
      <c r="L4444" s="190">
        <v>0</v>
      </c>
      <c r="M4444" s="190">
        <v>0</v>
      </c>
      <c r="N4444" s="190">
        <v>0</v>
      </c>
      <c r="O4444" s="190">
        <v>0</v>
      </c>
      <c r="P4444" s="190">
        <v>0</v>
      </c>
      <c r="Q4444" s="190">
        <v>0</v>
      </c>
      <c r="R4444" s="190">
        <v>0</v>
      </c>
      <c r="S4444" s="190">
        <v>0</v>
      </c>
      <c r="T4444" s="190">
        <v>0</v>
      </c>
      <c r="U4444" s="190">
        <v>0</v>
      </c>
      <c r="V4444" s="190">
        <v>0</v>
      </c>
      <c r="W4444" s="190" t="s">
        <v>174</v>
      </c>
      <c r="X4444" s="190" t="s">
        <v>174</v>
      </c>
      <c r="Y4444" s="190">
        <v>0</v>
      </c>
      <c r="Z4444" s="190">
        <v>0</v>
      </c>
      <c r="AA4444" s="190">
        <v>0</v>
      </c>
      <c r="AB4444" s="190">
        <v>0</v>
      </c>
      <c r="AC4444" s="190">
        <v>0</v>
      </c>
      <c r="AD4444" s="190">
        <v>0</v>
      </c>
      <c r="AE4444" s="190">
        <v>0</v>
      </c>
      <c r="AF4444" s="190">
        <v>0</v>
      </c>
      <c r="AG4444" s="190">
        <v>0</v>
      </c>
      <c r="AH4444" s="190">
        <v>0</v>
      </c>
      <c r="AI4444" s="190">
        <v>0</v>
      </c>
      <c r="AJ4444" s="190">
        <v>0</v>
      </c>
      <c r="AK4444" s="190">
        <v>0</v>
      </c>
      <c r="AL4444" s="190">
        <v>0</v>
      </c>
      <c r="AM4444" s="190" t="s">
        <v>174</v>
      </c>
      <c r="AN4444" s="190" t="s">
        <v>174</v>
      </c>
      <c r="AO4444" s="190" t="s">
        <v>174</v>
      </c>
      <c r="AP4444" s="190" t="s">
        <v>174</v>
      </c>
      <c r="AQ4444" s="190" t="s">
        <v>174</v>
      </c>
      <c r="AR4444" s="190" t="s">
        <v>174</v>
      </c>
      <c r="AS4444" s="190" t="s">
        <v>174</v>
      </c>
      <c r="AT4444" s="239" t="s">
        <v>174</v>
      </c>
      <c r="AU4444" s="190">
        <v>0</v>
      </c>
      <c r="AV4444" s="190">
        <v>0</v>
      </c>
      <c r="AW4444" s="190" t="s">
        <v>174</v>
      </c>
      <c r="AX4444" s="190" t="s">
        <v>174</v>
      </c>
      <c r="AY4444" s="190" t="s">
        <v>174</v>
      </c>
      <c r="AZ4444" s="190"/>
      <c r="BA4444" s="190" t="s">
        <v>19741</v>
      </c>
      <c r="BB4444" s="107">
        <v>45884</v>
      </c>
    </row>
    <row r="4445" spans="1:54" s="238" customFormat="1" ht="13.95" customHeight="1" x14ac:dyDescent="0.25">
      <c r="A4445" s="236" t="s">
        <v>10014</v>
      </c>
      <c r="B4445" s="220" t="s">
        <v>8672</v>
      </c>
      <c r="C4445" s="190" t="s">
        <v>10015</v>
      </c>
      <c r="D4445" s="190" t="s">
        <v>19923</v>
      </c>
      <c r="E4445" s="237">
        <v>2007</v>
      </c>
      <c r="F4445" s="237">
        <v>8300</v>
      </c>
      <c r="G4445" s="190" t="s">
        <v>10</v>
      </c>
      <c r="H4445" s="190">
        <v>1</v>
      </c>
      <c r="I4445" s="190">
        <v>1</v>
      </c>
      <c r="J4445" s="190">
        <v>1</v>
      </c>
      <c r="K4445" s="190">
        <v>0</v>
      </c>
      <c r="L4445" s="190">
        <v>0</v>
      </c>
      <c r="M4445" s="190">
        <v>1</v>
      </c>
      <c r="N4445" s="190">
        <v>0</v>
      </c>
      <c r="O4445" s="190">
        <v>0</v>
      </c>
      <c r="P4445" s="190">
        <v>1</v>
      </c>
      <c r="Q4445" s="190">
        <v>0</v>
      </c>
      <c r="R4445" s="190">
        <v>0</v>
      </c>
      <c r="S4445" s="190">
        <v>0</v>
      </c>
      <c r="T4445" s="190">
        <v>0</v>
      </c>
      <c r="U4445" s="190">
        <v>0</v>
      </c>
      <c r="V4445" s="190">
        <v>0</v>
      </c>
      <c r="W4445" s="190" t="s">
        <v>174</v>
      </c>
      <c r="X4445" s="190" t="s">
        <v>174</v>
      </c>
      <c r="Y4445" s="190">
        <v>0</v>
      </c>
      <c r="Z4445" s="190">
        <v>0</v>
      </c>
      <c r="AA4445" s="190">
        <v>0</v>
      </c>
      <c r="AB4445" s="190">
        <v>0</v>
      </c>
      <c r="AC4445" s="190">
        <v>0</v>
      </c>
      <c r="AD4445" s="190">
        <v>0</v>
      </c>
      <c r="AE4445" s="190">
        <v>0</v>
      </c>
      <c r="AF4445" s="190">
        <v>0</v>
      </c>
      <c r="AG4445" s="190">
        <v>0</v>
      </c>
      <c r="AH4445" s="190">
        <v>0</v>
      </c>
      <c r="AI4445" s="190">
        <v>0</v>
      </c>
      <c r="AJ4445" s="190">
        <v>0</v>
      </c>
      <c r="AK4445" s="190">
        <v>0</v>
      </c>
      <c r="AL4445" s="190">
        <v>0</v>
      </c>
      <c r="AM4445" s="190" t="s">
        <v>174</v>
      </c>
      <c r="AN4445" s="190" t="s">
        <v>174</v>
      </c>
      <c r="AO4445" s="190" t="s">
        <v>174</v>
      </c>
      <c r="AP4445" s="190" t="s">
        <v>174</v>
      </c>
      <c r="AQ4445" s="190" t="s">
        <v>174</v>
      </c>
      <c r="AR4445" s="190" t="s">
        <v>174</v>
      </c>
      <c r="AS4445" s="190" t="s">
        <v>174</v>
      </c>
      <c r="AT4445" s="239" t="s">
        <v>174</v>
      </c>
      <c r="AU4445" s="190">
        <v>0</v>
      </c>
      <c r="AV4445" s="190">
        <v>0</v>
      </c>
      <c r="AW4445" s="190" t="s">
        <v>174</v>
      </c>
      <c r="AX4445" s="190" t="s">
        <v>174</v>
      </c>
      <c r="AY4445" s="190" t="s">
        <v>174</v>
      </c>
      <c r="AZ4445" s="190"/>
      <c r="BA4445" s="190" t="s">
        <v>19742</v>
      </c>
      <c r="BB4445" s="107">
        <v>45884</v>
      </c>
    </row>
    <row r="4446" spans="1:54" s="238" customFormat="1" ht="13.95" customHeight="1" x14ac:dyDescent="0.25">
      <c r="A4446" s="236" t="s">
        <v>10016</v>
      </c>
      <c r="B4446" s="220" t="s">
        <v>8672</v>
      </c>
      <c r="C4446" s="190" t="s">
        <v>10017</v>
      </c>
      <c r="D4446" s="190" t="s">
        <v>10018</v>
      </c>
      <c r="E4446" s="237">
        <v>2008</v>
      </c>
      <c r="F4446" s="237">
        <v>9000</v>
      </c>
      <c r="G4446" s="190" t="s">
        <v>3</v>
      </c>
      <c r="H4446" s="190">
        <v>1</v>
      </c>
      <c r="I4446" s="190">
        <v>1</v>
      </c>
      <c r="J4446" s="190">
        <v>1</v>
      </c>
      <c r="K4446" s="190">
        <v>1</v>
      </c>
      <c r="L4446" s="190">
        <v>1</v>
      </c>
      <c r="M4446" s="190">
        <v>1</v>
      </c>
      <c r="N4446" s="190">
        <v>1</v>
      </c>
      <c r="O4446" s="190">
        <v>0</v>
      </c>
      <c r="P4446" s="190">
        <v>0</v>
      </c>
      <c r="Q4446" s="190">
        <v>0</v>
      </c>
      <c r="R4446" s="190">
        <v>0</v>
      </c>
      <c r="S4446" s="190">
        <v>0</v>
      </c>
      <c r="T4446" s="190">
        <v>0</v>
      </c>
      <c r="U4446" s="190">
        <v>0</v>
      </c>
      <c r="V4446" s="190">
        <v>0</v>
      </c>
      <c r="W4446" s="190" t="s">
        <v>174</v>
      </c>
      <c r="X4446" s="190" t="s">
        <v>174</v>
      </c>
      <c r="Y4446" s="190">
        <v>0</v>
      </c>
      <c r="Z4446" s="190">
        <v>0</v>
      </c>
      <c r="AA4446" s="190">
        <v>0</v>
      </c>
      <c r="AB4446" s="190">
        <v>0</v>
      </c>
      <c r="AC4446" s="190">
        <v>0</v>
      </c>
      <c r="AD4446" s="190">
        <v>0</v>
      </c>
      <c r="AE4446" s="190">
        <v>0</v>
      </c>
      <c r="AF4446" s="190">
        <v>0</v>
      </c>
      <c r="AG4446" s="190">
        <v>0</v>
      </c>
      <c r="AH4446" s="190">
        <v>0</v>
      </c>
      <c r="AI4446" s="190">
        <v>0</v>
      </c>
      <c r="AJ4446" s="190">
        <v>0</v>
      </c>
      <c r="AK4446" s="190">
        <v>0</v>
      </c>
      <c r="AL4446" s="190">
        <v>0</v>
      </c>
      <c r="AM4446" s="190" t="s">
        <v>174</v>
      </c>
      <c r="AN4446" s="190" t="s">
        <v>174</v>
      </c>
      <c r="AO4446" s="190" t="s">
        <v>174</v>
      </c>
      <c r="AP4446" s="190" t="s">
        <v>174</v>
      </c>
      <c r="AQ4446" s="190" t="s">
        <v>174</v>
      </c>
      <c r="AR4446" s="190" t="s">
        <v>174</v>
      </c>
      <c r="AS4446" s="190" t="s">
        <v>174</v>
      </c>
      <c r="AT4446" s="239" t="s">
        <v>174</v>
      </c>
      <c r="AU4446" s="190">
        <v>1</v>
      </c>
      <c r="AV4446" s="190">
        <v>0</v>
      </c>
      <c r="AW4446" s="190" t="s">
        <v>174</v>
      </c>
      <c r="AX4446" s="190" t="s">
        <v>174</v>
      </c>
      <c r="AY4446" s="190" t="s">
        <v>174</v>
      </c>
      <c r="AZ4446" s="190"/>
      <c r="BA4446" s="190"/>
      <c r="BB4446" s="107">
        <v>45884</v>
      </c>
    </row>
    <row r="4447" spans="1:54" s="238" customFormat="1" ht="13.95" customHeight="1" x14ac:dyDescent="0.25">
      <c r="A4447" s="236" t="s">
        <v>10019</v>
      </c>
      <c r="B4447" s="220" t="s">
        <v>8672</v>
      </c>
      <c r="C4447" s="190" t="s">
        <v>10020</v>
      </c>
      <c r="D4447" s="190" t="s">
        <v>10021</v>
      </c>
      <c r="E4447" s="237">
        <v>1983</v>
      </c>
      <c r="F4447" s="237">
        <v>9100</v>
      </c>
      <c r="G4447" s="190" t="s">
        <v>3</v>
      </c>
      <c r="H4447" s="190">
        <v>1</v>
      </c>
      <c r="I4447" s="190">
        <v>0</v>
      </c>
      <c r="J4447" s="190">
        <v>1</v>
      </c>
      <c r="K4447" s="190">
        <v>0</v>
      </c>
      <c r="L4447" s="190">
        <v>1</v>
      </c>
      <c r="M4447" s="190">
        <v>0</v>
      </c>
      <c r="N4447" s="190">
        <v>0</v>
      </c>
      <c r="O4447" s="190">
        <v>1</v>
      </c>
      <c r="P4447" s="190">
        <v>1</v>
      </c>
      <c r="Q4447" s="190">
        <v>0</v>
      </c>
      <c r="R4447" s="190">
        <v>1</v>
      </c>
      <c r="S4447" s="190">
        <v>0</v>
      </c>
      <c r="T4447" s="190">
        <v>0</v>
      </c>
      <c r="U4447" s="190">
        <v>0</v>
      </c>
      <c r="V4447" s="190">
        <v>0</v>
      </c>
      <c r="W4447" s="190" t="s">
        <v>174</v>
      </c>
      <c r="X4447" s="190" t="s">
        <v>174</v>
      </c>
      <c r="Y4447" s="190">
        <v>0</v>
      </c>
      <c r="Z4447" s="190">
        <v>0</v>
      </c>
      <c r="AA4447" s="190">
        <v>0</v>
      </c>
      <c r="AB4447" s="190">
        <v>0</v>
      </c>
      <c r="AC4447" s="190">
        <v>0</v>
      </c>
      <c r="AD4447" s="190">
        <v>0</v>
      </c>
      <c r="AE4447" s="190">
        <v>0</v>
      </c>
      <c r="AF4447" s="190">
        <v>0</v>
      </c>
      <c r="AG4447" s="190">
        <v>0</v>
      </c>
      <c r="AH4447" s="190">
        <v>0</v>
      </c>
      <c r="AI4447" s="190">
        <v>0</v>
      </c>
      <c r="AJ4447" s="190">
        <v>0</v>
      </c>
      <c r="AK4447" s="190">
        <v>0</v>
      </c>
      <c r="AL4447" s="190">
        <v>0</v>
      </c>
      <c r="AM4447" s="190" t="s">
        <v>174</v>
      </c>
      <c r="AN4447" s="190" t="s">
        <v>174</v>
      </c>
      <c r="AO4447" s="190" t="s">
        <v>174</v>
      </c>
      <c r="AP4447" s="190" t="s">
        <v>174</v>
      </c>
      <c r="AQ4447" s="190" t="s">
        <v>174</v>
      </c>
      <c r="AR4447" s="190" t="s">
        <v>174</v>
      </c>
      <c r="AS4447" s="190" t="s">
        <v>174</v>
      </c>
      <c r="AT4447" s="239" t="s">
        <v>174</v>
      </c>
      <c r="AU4447" s="190">
        <v>1</v>
      </c>
      <c r="AV4447" s="190">
        <v>0</v>
      </c>
      <c r="AW4447" s="190" t="s">
        <v>174</v>
      </c>
      <c r="AX4447" s="190" t="s">
        <v>174</v>
      </c>
      <c r="AY4447" s="190" t="s">
        <v>174</v>
      </c>
      <c r="AZ4447" s="190"/>
      <c r="BA4447" s="190" t="s">
        <v>19741</v>
      </c>
      <c r="BB4447" s="107">
        <v>45884</v>
      </c>
    </row>
    <row r="4448" spans="1:54" s="238" customFormat="1" ht="13.95" customHeight="1" x14ac:dyDescent="0.25">
      <c r="A4448" s="236" t="s">
        <v>10022</v>
      </c>
      <c r="B4448" s="220" t="s">
        <v>8672</v>
      </c>
      <c r="C4448" s="190" t="s">
        <v>10023</v>
      </c>
      <c r="D4448" s="190" t="s">
        <v>10024</v>
      </c>
      <c r="E4448" s="237">
        <v>1977</v>
      </c>
      <c r="F4448" s="237">
        <v>9700</v>
      </c>
      <c r="G4448" s="190" t="s">
        <v>3</v>
      </c>
      <c r="H4448" s="190">
        <v>0</v>
      </c>
      <c r="I4448" s="190">
        <v>0</v>
      </c>
      <c r="J4448" s="190">
        <v>1</v>
      </c>
      <c r="K4448" s="190">
        <v>0</v>
      </c>
      <c r="L4448" s="190">
        <v>0</v>
      </c>
      <c r="M4448" s="190">
        <v>0</v>
      </c>
      <c r="N4448" s="190">
        <v>0</v>
      </c>
      <c r="O4448" s="190">
        <v>0</v>
      </c>
      <c r="P4448" s="190">
        <v>0</v>
      </c>
      <c r="Q4448" s="190">
        <v>0</v>
      </c>
      <c r="R4448" s="190">
        <v>0</v>
      </c>
      <c r="S4448" s="190">
        <v>0</v>
      </c>
      <c r="T4448" s="190">
        <v>0</v>
      </c>
      <c r="U4448" s="190">
        <v>0</v>
      </c>
      <c r="V4448" s="190">
        <v>0</v>
      </c>
      <c r="W4448" s="190" t="s">
        <v>174</v>
      </c>
      <c r="X4448" s="190" t="s">
        <v>174</v>
      </c>
      <c r="Y4448" s="190">
        <v>0</v>
      </c>
      <c r="Z4448" s="190">
        <v>0</v>
      </c>
      <c r="AA4448" s="190">
        <v>0</v>
      </c>
      <c r="AB4448" s="190">
        <v>0</v>
      </c>
      <c r="AC4448" s="190">
        <v>0</v>
      </c>
      <c r="AD4448" s="190">
        <v>0</v>
      </c>
      <c r="AE4448" s="190">
        <v>0</v>
      </c>
      <c r="AF4448" s="190">
        <v>0</v>
      </c>
      <c r="AG4448" s="190">
        <v>0</v>
      </c>
      <c r="AH4448" s="190">
        <v>0</v>
      </c>
      <c r="AI4448" s="190">
        <v>0</v>
      </c>
      <c r="AJ4448" s="190">
        <v>0</v>
      </c>
      <c r="AK4448" s="190">
        <v>0</v>
      </c>
      <c r="AL4448" s="190">
        <v>0</v>
      </c>
      <c r="AM4448" s="190" t="s">
        <v>174</v>
      </c>
      <c r="AN4448" s="190" t="s">
        <v>174</v>
      </c>
      <c r="AO4448" s="190" t="s">
        <v>174</v>
      </c>
      <c r="AP4448" s="190" t="s">
        <v>174</v>
      </c>
      <c r="AQ4448" s="190" t="s">
        <v>174</v>
      </c>
      <c r="AR4448" s="190" t="s">
        <v>174</v>
      </c>
      <c r="AS4448" s="190" t="s">
        <v>174</v>
      </c>
      <c r="AT4448" s="239" t="s">
        <v>174</v>
      </c>
      <c r="AU4448" s="190">
        <v>0</v>
      </c>
      <c r="AV4448" s="190">
        <v>0</v>
      </c>
      <c r="AW4448" s="190" t="s">
        <v>174</v>
      </c>
      <c r="AX4448" s="190" t="s">
        <v>174</v>
      </c>
      <c r="AY4448" s="190" t="s">
        <v>174</v>
      </c>
      <c r="AZ4448" s="190"/>
      <c r="BA4448" s="190" t="s">
        <v>19743</v>
      </c>
      <c r="BB4448" s="107">
        <v>45884</v>
      </c>
    </row>
    <row r="4449" spans="1:54" s="238" customFormat="1" ht="13.95" customHeight="1" x14ac:dyDescent="0.25">
      <c r="A4449" s="236" t="s">
        <v>10025</v>
      </c>
      <c r="B4449" s="220" t="s">
        <v>8672</v>
      </c>
      <c r="C4449" s="190" t="s">
        <v>10026</v>
      </c>
      <c r="D4449" s="190" t="s">
        <v>19924</v>
      </c>
      <c r="E4449" s="237">
        <v>2003</v>
      </c>
      <c r="F4449" s="237">
        <v>9800</v>
      </c>
      <c r="G4449" s="190" t="s">
        <v>11</v>
      </c>
      <c r="H4449" s="190">
        <v>0</v>
      </c>
      <c r="I4449" s="190">
        <v>0</v>
      </c>
      <c r="J4449" s="190">
        <v>0</v>
      </c>
      <c r="K4449" s="190">
        <v>0</v>
      </c>
      <c r="L4449" s="190">
        <v>0</v>
      </c>
      <c r="M4449" s="190">
        <v>0</v>
      </c>
      <c r="N4449" s="190">
        <v>0</v>
      </c>
      <c r="O4449" s="190">
        <v>0</v>
      </c>
      <c r="P4449" s="190">
        <v>0</v>
      </c>
      <c r="Q4449" s="190">
        <v>0</v>
      </c>
      <c r="R4449" s="190">
        <v>0</v>
      </c>
      <c r="S4449" s="190">
        <v>0</v>
      </c>
      <c r="T4449" s="190">
        <v>0</v>
      </c>
      <c r="U4449" s="190">
        <v>0</v>
      </c>
      <c r="V4449" s="190">
        <v>0</v>
      </c>
      <c r="W4449" s="190" t="s">
        <v>174</v>
      </c>
      <c r="X4449" s="190" t="s">
        <v>174</v>
      </c>
      <c r="Y4449" s="190">
        <v>0</v>
      </c>
      <c r="Z4449" s="190">
        <v>0</v>
      </c>
      <c r="AA4449" s="190">
        <v>0</v>
      </c>
      <c r="AB4449" s="190">
        <v>0</v>
      </c>
      <c r="AC4449" s="190">
        <v>0</v>
      </c>
      <c r="AD4449" s="190">
        <v>0</v>
      </c>
      <c r="AE4449" s="190">
        <v>0</v>
      </c>
      <c r="AF4449" s="190">
        <v>0</v>
      </c>
      <c r="AG4449" s="190">
        <v>0</v>
      </c>
      <c r="AH4449" s="190">
        <v>0</v>
      </c>
      <c r="AI4449" s="190">
        <v>0</v>
      </c>
      <c r="AJ4449" s="190">
        <v>0</v>
      </c>
      <c r="AK4449" s="190">
        <v>0</v>
      </c>
      <c r="AL4449" s="190">
        <v>0</v>
      </c>
      <c r="AM4449" s="190" t="s">
        <v>174</v>
      </c>
      <c r="AN4449" s="190" t="s">
        <v>174</v>
      </c>
      <c r="AO4449" s="190" t="s">
        <v>174</v>
      </c>
      <c r="AP4449" s="190" t="s">
        <v>174</v>
      </c>
      <c r="AQ4449" s="190" t="s">
        <v>174</v>
      </c>
      <c r="AR4449" s="190" t="s">
        <v>174</v>
      </c>
      <c r="AS4449" s="190" t="s">
        <v>174</v>
      </c>
      <c r="AT4449" s="239" t="s">
        <v>174</v>
      </c>
      <c r="AU4449" s="190">
        <v>0</v>
      </c>
      <c r="AV4449" s="190">
        <v>0</v>
      </c>
      <c r="AW4449" s="190" t="s">
        <v>174</v>
      </c>
      <c r="AX4449" s="190" t="s">
        <v>174</v>
      </c>
      <c r="AY4449" s="190" t="s">
        <v>174</v>
      </c>
      <c r="AZ4449" s="190"/>
      <c r="BA4449" s="190"/>
      <c r="BB4449" s="107">
        <v>45884</v>
      </c>
    </row>
    <row r="4450" spans="1:54" s="238" customFormat="1" ht="13.95" customHeight="1" x14ac:dyDescent="0.25">
      <c r="A4450" s="236" t="s">
        <v>10027</v>
      </c>
      <c r="B4450" s="220" t="s">
        <v>8672</v>
      </c>
      <c r="C4450" s="190" t="s">
        <v>10028</v>
      </c>
      <c r="D4450" s="190" t="s">
        <v>10029</v>
      </c>
      <c r="E4450" s="237">
        <v>2003</v>
      </c>
      <c r="F4450" s="237">
        <v>100</v>
      </c>
      <c r="G4450" s="190" t="s">
        <v>1</v>
      </c>
      <c r="H4450" s="190">
        <v>0</v>
      </c>
      <c r="I4450" s="190">
        <v>0</v>
      </c>
      <c r="J4450" s="190">
        <v>0</v>
      </c>
      <c r="K4450" s="190">
        <v>1</v>
      </c>
      <c r="L4450" s="190">
        <v>0</v>
      </c>
      <c r="M4450" s="190">
        <v>0</v>
      </c>
      <c r="N4450" s="190">
        <v>0</v>
      </c>
      <c r="O4450" s="190">
        <v>0</v>
      </c>
      <c r="P4450" s="190">
        <v>1</v>
      </c>
      <c r="Q4450" s="190">
        <v>0</v>
      </c>
      <c r="R4450" s="190">
        <v>0</v>
      </c>
      <c r="S4450" s="190">
        <v>0</v>
      </c>
      <c r="T4450" s="190">
        <v>0</v>
      </c>
      <c r="U4450" s="99"/>
      <c r="V4450" s="99"/>
      <c r="W4450" s="99"/>
      <c r="X4450" s="99"/>
      <c r="Y4450" s="99"/>
      <c r="Z4450" s="99"/>
      <c r="AA4450" s="99"/>
      <c r="AB4450" s="99"/>
      <c r="AC4450" s="99"/>
      <c r="AD4450" s="99"/>
      <c r="AE4450" s="99"/>
      <c r="AF4450" s="99"/>
      <c r="AG4450" s="99"/>
      <c r="AH4450" s="99"/>
      <c r="AI4450" s="99"/>
      <c r="AJ4450" s="99"/>
      <c r="AK4450" s="99"/>
      <c r="AL4450" s="99"/>
      <c r="AM4450" s="99"/>
      <c r="AN4450" s="99"/>
      <c r="AO4450" s="99"/>
      <c r="AP4450" s="99"/>
      <c r="AQ4450" s="99"/>
      <c r="AR4450" s="99"/>
      <c r="AS4450" s="99"/>
      <c r="AT4450" s="99"/>
      <c r="AU4450" s="99"/>
      <c r="AV4450" s="99"/>
      <c r="AW4450" s="99"/>
      <c r="AX4450" s="99"/>
      <c r="AY4450" s="99"/>
      <c r="AZ4450" s="99"/>
      <c r="BA4450" s="99"/>
      <c r="BB4450" s="107">
        <v>45884</v>
      </c>
    </row>
    <row r="4451" spans="1:54" s="238" customFormat="1" ht="13.95" customHeight="1" x14ac:dyDescent="0.25">
      <c r="A4451" s="236" t="s">
        <v>10030</v>
      </c>
      <c r="B4451" s="220" t="s">
        <v>8672</v>
      </c>
      <c r="C4451" s="190" t="s">
        <v>10031</v>
      </c>
      <c r="D4451" s="190" t="s">
        <v>10032</v>
      </c>
      <c r="E4451" s="237">
        <v>2003</v>
      </c>
      <c r="F4451" s="237">
        <v>300</v>
      </c>
      <c r="G4451" s="190" t="s">
        <v>1</v>
      </c>
      <c r="H4451" s="190">
        <v>0</v>
      </c>
      <c r="I4451" s="190">
        <v>0</v>
      </c>
      <c r="J4451" s="190">
        <v>1</v>
      </c>
      <c r="K4451" s="190">
        <v>0</v>
      </c>
      <c r="L4451" s="190">
        <v>1</v>
      </c>
      <c r="M4451" s="190">
        <v>0</v>
      </c>
      <c r="N4451" s="190">
        <v>0</v>
      </c>
      <c r="O4451" s="190">
        <v>0</v>
      </c>
      <c r="P4451" s="190">
        <v>1</v>
      </c>
      <c r="Q4451" s="190">
        <v>0</v>
      </c>
      <c r="R4451" s="190">
        <v>0</v>
      </c>
      <c r="S4451" s="190">
        <v>0</v>
      </c>
      <c r="T4451" s="190">
        <v>0</v>
      </c>
      <c r="U4451" s="99"/>
      <c r="V4451" s="99"/>
      <c r="W4451" s="99"/>
      <c r="X4451" s="99"/>
      <c r="Y4451" s="99"/>
      <c r="Z4451" s="99"/>
      <c r="AA4451" s="99"/>
      <c r="AB4451" s="99"/>
      <c r="AC4451" s="99"/>
      <c r="AD4451" s="99"/>
      <c r="AE4451" s="99"/>
      <c r="AF4451" s="99"/>
      <c r="AG4451" s="99"/>
      <c r="AH4451" s="99"/>
      <c r="AI4451" s="99"/>
      <c r="AJ4451" s="99"/>
      <c r="AK4451" s="99"/>
      <c r="AL4451" s="99"/>
      <c r="AM4451" s="99"/>
      <c r="AN4451" s="99"/>
      <c r="AO4451" s="99"/>
      <c r="AP4451" s="99"/>
      <c r="AQ4451" s="99"/>
      <c r="AR4451" s="99"/>
      <c r="AS4451" s="99"/>
      <c r="AT4451" s="99"/>
      <c r="AU4451" s="99"/>
      <c r="AV4451" s="99"/>
      <c r="AW4451" s="99"/>
      <c r="AX4451" s="99"/>
      <c r="AY4451" s="99"/>
      <c r="AZ4451" s="99"/>
      <c r="BA4451" s="99"/>
      <c r="BB4451" s="107">
        <v>45884</v>
      </c>
    </row>
    <row r="4452" spans="1:54" s="238" customFormat="1" ht="13.95" customHeight="1" x14ac:dyDescent="0.25">
      <c r="A4452" s="236" t="s">
        <v>10033</v>
      </c>
      <c r="B4452" s="220" t="s">
        <v>8672</v>
      </c>
      <c r="C4452" s="190" t="s">
        <v>10034</v>
      </c>
      <c r="D4452" s="190" t="s">
        <v>10035</v>
      </c>
      <c r="E4452" s="237">
        <v>2003</v>
      </c>
      <c r="F4452" s="237">
        <v>200</v>
      </c>
      <c r="G4452" s="190" t="s">
        <v>1</v>
      </c>
      <c r="H4452" s="190">
        <v>0</v>
      </c>
      <c r="I4452" s="190">
        <v>0</v>
      </c>
      <c r="J4452" s="190">
        <v>0</v>
      </c>
      <c r="K4452" s="190">
        <v>0</v>
      </c>
      <c r="L4452" s="190">
        <v>0</v>
      </c>
      <c r="M4452" s="190">
        <v>0</v>
      </c>
      <c r="N4452" s="190">
        <v>0</v>
      </c>
      <c r="O4452" s="190">
        <v>0</v>
      </c>
      <c r="P4452" s="190">
        <v>0</v>
      </c>
      <c r="Q4452" s="190">
        <v>0</v>
      </c>
      <c r="R4452" s="190">
        <v>0</v>
      </c>
      <c r="S4452" s="190">
        <v>0</v>
      </c>
      <c r="T4452" s="190">
        <v>0</v>
      </c>
      <c r="U4452" s="99"/>
      <c r="V4452" s="99"/>
      <c r="W4452" s="99"/>
      <c r="X4452" s="99"/>
      <c r="Y4452" s="99"/>
      <c r="Z4452" s="99"/>
      <c r="AA4452" s="99"/>
      <c r="AB4452" s="99"/>
      <c r="AC4452" s="99"/>
      <c r="AD4452" s="99"/>
      <c r="AE4452" s="99"/>
      <c r="AF4452" s="99"/>
      <c r="AG4452" s="99"/>
      <c r="AH4452" s="99"/>
      <c r="AI4452" s="99"/>
      <c r="AJ4452" s="99"/>
      <c r="AK4452" s="99"/>
      <c r="AL4452" s="99"/>
      <c r="AM4452" s="99"/>
      <c r="AN4452" s="99"/>
      <c r="AO4452" s="99"/>
      <c r="AP4452" s="99"/>
      <c r="AQ4452" s="99"/>
      <c r="AR4452" s="99"/>
      <c r="AS4452" s="99"/>
      <c r="AT4452" s="99"/>
      <c r="AU4452" s="99"/>
      <c r="AV4452" s="99"/>
      <c r="AW4452" s="99"/>
      <c r="AX4452" s="99"/>
      <c r="AY4452" s="99"/>
      <c r="AZ4452" s="99"/>
      <c r="BA4452" s="99"/>
      <c r="BB4452" s="107">
        <v>45884</v>
      </c>
    </row>
    <row r="4453" spans="1:54" s="238" customFormat="1" ht="13.95" customHeight="1" x14ac:dyDescent="0.25">
      <c r="A4453" s="236" t="s">
        <v>10036</v>
      </c>
      <c r="B4453" s="220" t="s">
        <v>8672</v>
      </c>
      <c r="C4453" s="190" t="s">
        <v>10037</v>
      </c>
      <c r="D4453" s="190" t="s">
        <v>10038</v>
      </c>
      <c r="E4453" s="237">
        <v>2004</v>
      </c>
      <c r="F4453" s="237">
        <v>100</v>
      </c>
      <c r="G4453" s="190" t="s">
        <v>1</v>
      </c>
      <c r="H4453" s="190">
        <v>0</v>
      </c>
      <c r="I4453" s="190">
        <v>0</v>
      </c>
      <c r="J4453" s="190">
        <v>0</v>
      </c>
      <c r="K4453" s="190">
        <v>1</v>
      </c>
      <c r="L4453" s="190">
        <v>0</v>
      </c>
      <c r="M4453" s="190">
        <v>0</v>
      </c>
      <c r="N4453" s="190">
        <v>0</v>
      </c>
      <c r="O4453" s="190">
        <v>0</v>
      </c>
      <c r="P4453" s="190">
        <v>1</v>
      </c>
      <c r="Q4453" s="190">
        <v>0</v>
      </c>
      <c r="R4453" s="190">
        <v>0</v>
      </c>
      <c r="S4453" s="190">
        <v>0</v>
      </c>
      <c r="T4453" s="190">
        <v>0</v>
      </c>
      <c r="U4453" s="99"/>
      <c r="V4453" s="99"/>
      <c r="W4453" s="99"/>
      <c r="X4453" s="99"/>
      <c r="Y4453" s="99"/>
      <c r="Z4453" s="99"/>
      <c r="AA4453" s="99"/>
      <c r="AB4453" s="99"/>
      <c r="AC4453" s="99"/>
      <c r="AD4453" s="99"/>
      <c r="AE4453" s="99"/>
      <c r="AF4453" s="99"/>
      <c r="AG4453" s="99"/>
      <c r="AH4453" s="99"/>
      <c r="AI4453" s="99"/>
      <c r="AJ4453" s="99"/>
      <c r="AK4453" s="99"/>
      <c r="AL4453" s="99"/>
      <c r="AM4453" s="99"/>
      <c r="AN4453" s="99"/>
      <c r="AO4453" s="99"/>
      <c r="AP4453" s="99"/>
      <c r="AQ4453" s="99"/>
      <c r="AR4453" s="99"/>
      <c r="AS4453" s="99"/>
      <c r="AT4453" s="99"/>
      <c r="AU4453" s="99"/>
      <c r="AV4453" s="99"/>
      <c r="AW4453" s="99"/>
      <c r="AX4453" s="99"/>
      <c r="AY4453" s="99"/>
      <c r="AZ4453" s="99"/>
      <c r="BA4453" s="99"/>
      <c r="BB4453" s="107">
        <v>45884</v>
      </c>
    </row>
    <row r="4454" spans="1:54" s="238" customFormat="1" ht="13.95" customHeight="1" x14ac:dyDescent="0.25">
      <c r="A4454" s="236" t="s">
        <v>10039</v>
      </c>
      <c r="B4454" s="220" t="s">
        <v>8672</v>
      </c>
      <c r="C4454" s="190" t="s">
        <v>10040</v>
      </c>
      <c r="D4454" s="190" t="s">
        <v>10038</v>
      </c>
      <c r="E4454" s="237">
        <v>2005</v>
      </c>
      <c r="F4454" s="237">
        <v>100</v>
      </c>
      <c r="G4454" s="190" t="s">
        <v>1</v>
      </c>
      <c r="H4454" s="190">
        <v>0</v>
      </c>
      <c r="I4454" s="190">
        <v>0</v>
      </c>
      <c r="J4454" s="190">
        <v>0</v>
      </c>
      <c r="K4454" s="190">
        <v>1</v>
      </c>
      <c r="L4454" s="190">
        <v>0</v>
      </c>
      <c r="M4454" s="190">
        <v>0</v>
      </c>
      <c r="N4454" s="190">
        <v>0</v>
      </c>
      <c r="O4454" s="190">
        <v>0</v>
      </c>
      <c r="P4454" s="190">
        <v>1</v>
      </c>
      <c r="Q4454" s="190">
        <v>0</v>
      </c>
      <c r="R4454" s="190">
        <v>0</v>
      </c>
      <c r="S4454" s="190">
        <v>0</v>
      </c>
      <c r="T4454" s="190">
        <v>0</v>
      </c>
      <c r="U4454" s="99"/>
      <c r="V4454" s="99"/>
      <c r="W4454" s="99"/>
      <c r="X4454" s="99"/>
      <c r="Y4454" s="99"/>
      <c r="Z4454" s="99"/>
      <c r="AA4454" s="99"/>
      <c r="AB4454" s="99"/>
      <c r="AC4454" s="99"/>
      <c r="AD4454" s="99"/>
      <c r="AE4454" s="99"/>
      <c r="AF4454" s="99"/>
      <c r="AG4454" s="99"/>
      <c r="AH4454" s="99"/>
      <c r="AI4454" s="99"/>
      <c r="AJ4454" s="99"/>
      <c r="AK4454" s="99"/>
      <c r="AL4454" s="99"/>
      <c r="AM4454" s="99"/>
      <c r="AN4454" s="99"/>
      <c r="AO4454" s="99"/>
      <c r="AP4454" s="99"/>
      <c r="AQ4454" s="99"/>
      <c r="AR4454" s="99"/>
      <c r="AS4454" s="99"/>
      <c r="AT4454" s="99"/>
      <c r="AU4454" s="99"/>
      <c r="AV4454" s="99"/>
      <c r="AW4454" s="99"/>
      <c r="AX4454" s="99"/>
      <c r="AY4454" s="99"/>
      <c r="AZ4454" s="99"/>
      <c r="BA4454" s="99"/>
      <c r="BB4454" s="107">
        <v>45884</v>
      </c>
    </row>
    <row r="4455" spans="1:54" s="238" customFormat="1" ht="13.95" customHeight="1" x14ac:dyDescent="0.25">
      <c r="A4455" s="236" t="s">
        <v>10041</v>
      </c>
      <c r="B4455" s="220" t="s">
        <v>8672</v>
      </c>
      <c r="C4455" s="190" t="s">
        <v>10042</v>
      </c>
      <c r="D4455" s="190" t="s">
        <v>10043</v>
      </c>
      <c r="E4455" s="237">
        <v>2005</v>
      </c>
      <c r="F4455" s="237">
        <v>200</v>
      </c>
      <c r="G4455" s="190" t="s">
        <v>1</v>
      </c>
      <c r="H4455" s="190">
        <v>0</v>
      </c>
      <c r="I4455" s="190">
        <v>0</v>
      </c>
      <c r="J4455" s="190">
        <v>0</v>
      </c>
      <c r="K4455" s="190">
        <v>1</v>
      </c>
      <c r="L4455" s="190">
        <v>0</v>
      </c>
      <c r="M4455" s="190">
        <v>0</v>
      </c>
      <c r="N4455" s="190">
        <v>0</v>
      </c>
      <c r="O4455" s="190">
        <v>0</v>
      </c>
      <c r="P4455" s="190">
        <v>0</v>
      </c>
      <c r="Q4455" s="190">
        <v>0</v>
      </c>
      <c r="R4455" s="190">
        <v>0</v>
      </c>
      <c r="S4455" s="190">
        <v>0</v>
      </c>
      <c r="T4455" s="190">
        <v>0</v>
      </c>
      <c r="U4455" s="99"/>
      <c r="V4455" s="99"/>
      <c r="W4455" s="99"/>
      <c r="X4455" s="99"/>
      <c r="Y4455" s="99"/>
      <c r="Z4455" s="99"/>
      <c r="AA4455" s="99"/>
      <c r="AB4455" s="99"/>
      <c r="AC4455" s="99"/>
      <c r="AD4455" s="99"/>
      <c r="AE4455" s="99"/>
      <c r="AF4455" s="99"/>
      <c r="AG4455" s="99"/>
      <c r="AH4455" s="99"/>
      <c r="AI4455" s="99"/>
      <c r="AJ4455" s="99"/>
      <c r="AK4455" s="99"/>
      <c r="AL4455" s="99"/>
      <c r="AM4455" s="99"/>
      <c r="AN4455" s="99"/>
      <c r="AO4455" s="99"/>
      <c r="AP4455" s="99"/>
      <c r="AQ4455" s="99"/>
      <c r="AR4455" s="99"/>
      <c r="AS4455" s="99"/>
      <c r="AT4455" s="99"/>
      <c r="AU4455" s="99"/>
      <c r="AV4455" s="99"/>
      <c r="AW4455" s="99"/>
      <c r="AX4455" s="99"/>
      <c r="AY4455" s="99"/>
      <c r="AZ4455" s="99"/>
      <c r="BA4455" s="99"/>
      <c r="BB4455" s="107">
        <v>45884</v>
      </c>
    </row>
    <row r="4456" spans="1:54" s="238" customFormat="1" ht="13.95" customHeight="1" x14ac:dyDescent="0.25">
      <c r="A4456" s="236" t="s">
        <v>10044</v>
      </c>
      <c r="B4456" s="220" t="s">
        <v>8672</v>
      </c>
      <c r="C4456" s="190" t="s">
        <v>10045</v>
      </c>
      <c r="D4456" s="190" t="s">
        <v>10046</v>
      </c>
      <c r="E4456" s="237">
        <v>2005</v>
      </c>
      <c r="F4456" s="237">
        <v>1100</v>
      </c>
      <c r="G4456" s="190" t="s">
        <v>1</v>
      </c>
      <c r="H4456" s="190">
        <v>0</v>
      </c>
      <c r="I4456" s="190">
        <v>0</v>
      </c>
      <c r="J4456" s="190">
        <v>1</v>
      </c>
      <c r="K4456" s="190">
        <v>1</v>
      </c>
      <c r="L4456" s="190">
        <v>1</v>
      </c>
      <c r="M4456" s="190">
        <v>1</v>
      </c>
      <c r="N4456" s="190">
        <v>0</v>
      </c>
      <c r="O4456" s="190">
        <v>0</v>
      </c>
      <c r="P4456" s="190">
        <v>1</v>
      </c>
      <c r="Q4456" s="190">
        <v>0</v>
      </c>
      <c r="R4456" s="190">
        <v>1</v>
      </c>
      <c r="S4456" s="190">
        <v>0</v>
      </c>
      <c r="T4456" s="190">
        <v>0</v>
      </c>
      <c r="U4456" s="99"/>
      <c r="V4456" s="99"/>
      <c r="W4456" s="99"/>
      <c r="X4456" s="99"/>
      <c r="Y4456" s="99"/>
      <c r="Z4456" s="99"/>
      <c r="AA4456" s="99"/>
      <c r="AB4456" s="99"/>
      <c r="AC4456" s="99"/>
      <c r="AD4456" s="99"/>
      <c r="AE4456" s="99"/>
      <c r="AF4456" s="99"/>
      <c r="AG4456" s="99"/>
      <c r="AH4456" s="99"/>
      <c r="AI4456" s="99"/>
      <c r="AJ4456" s="99"/>
      <c r="AK4456" s="99"/>
      <c r="AL4456" s="99"/>
      <c r="AM4456" s="99"/>
      <c r="AN4456" s="99"/>
      <c r="AO4456" s="99"/>
      <c r="AP4456" s="99"/>
      <c r="AQ4456" s="99"/>
      <c r="AR4456" s="99"/>
      <c r="AS4456" s="99"/>
      <c r="AT4456" s="99"/>
      <c r="AU4456" s="99"/>
      <c r="AV4456" s="99"/>
      <c r="AW4456" s="99"/>
      <c r="AX4456" s="99"/>
      <c r="AY4456" s="99"/>
      <c r="AZ4456" s="99"/>
      <c r="BA4456" s="99"/>
      <c r="BB4456" s="107">
        <v>45884</v>
      </c>
    </row>
    <row r="4457" spans="1:54" s="238" customFormat="1" ht="13.95" customHeight="1" x14ac:dyDescent="0.25">
      <c r="A4457" s="236" t="s">
        <v>10047</v>
      </c>
      <c r="B4457" s="220" t="s">
        <v>8672</v>
      </c>
      <c r="C4457" s="190" t="s">
        <v>10048</v>
      </c>
      <c r="D4457" s="190" t="s">
        <v>10049</v>
      </c>
      <c r="E4457" s="237">
        <v>1989</v>
      </c>
      <c r="F4457" s="237">
        <v>200</v>
      </c>
      <c r="G4457" s="190" t="s">
        <v>1</v>
      </c>
      <c r="H4457" s="190">
        <v>0</v>
      </c>
      <c r="I4457" s="190">
        <v>0</v>
      </c>
      <c r="J4457" s="190">
        <v>1</v>
      </c>
      <c r="K4457" s="190">
        <v>1</v>
      </c>
      <c r="L4457" s="190">
        <v>0</v>
      </c>
      <c r="M4457" s="190">
        <v>0</v>
      </c>
      <c r="N4457" s="190">
        <v>0</v>
      </c>
      <c r="O4457" s="190">
        <v>1</v>
      </c>
      <c r="P4457" s="190">
        <v>0</v>
      </c>
      <c r="Q4457" s="190">
        <v>0</v>
      </c>
      <c r="R4457" s="190">
        <v>1</v>
      </c>
      <c r="S4457" s="190">
        <v>1</v>
      </c>
      <c r="T4457" s="190">
        <v>0</v>
      </c>
      <c r="U4457" s="99"/>
      <c r="V4457" s="99"/>
      <c r="W4457" s="99"/>
      <c r="X4457" s="99"/>
      <c r="Y4457" s="99"/>
      <c r="Z4457" s="99"/>
      <c r="AA4457" s="99"/>
      <c r="AB4457" s="99"/>
      <c r="AC4457" s="99"/>
      <c r="AD4457" s="99"/>
      <c r="AE4457" s="99"/>
      <c r="AF4457" s="99"/>
      <c r="AG4457" s="99"/>
      <c r="AH4457" s="99"/>
      <c r="AI4457" s="99"/>
      <c r="AJ4457" s="99"/>
      <c r="AK4457" s="99"/>
      <c r="AL4457" s="99"/>
      <c r="AM4457" s="99"/>
      <c r="AN4457" s="99"/>
      <c r="AO4457" s="99"/>
      <c r="AP4457" s="99"/>
      <c r="AQ4457" s="99"/>
      <c r="AR4457" s="99"/>
      <c r="AS4457" s="99"/>
      <c r="AT4457" s="99"/>
      <c r="AU4457" s="99"/>
      <c r="AV4457" s="99"/>
      <c r="AW4457" s="99"/>
      <c r="AX4457" s="99"/>
      <c r="AY4457" s="99"/>
      <c r="AZ4457" s="99"/>
      <c r="BA4457" s="99"/>
      <c r="BB4457" s="107">
        <v>45884</v>
      </c>
    </row>
    <row r="4458" spans="1:54" s="238" customFormat="1" ht="13.95" customHeight="1" x14ac:dyDescent="0.25">
      <c r="A4458" s="236" t="s">
        <v>10050</v>
      </c>
      <c r="B4458" s="220" t="s">
        <v>8672</v>
      </c>
      <c r="C4458" s="190" t="s">
        <v>10051</v>
      </c>
      <c r="D4458" s="190" t="s">
        <v>10052</v>
      </c>
      <c r="E4458" s="237">
        <v>2005</v>
      </c>
      <c r="F4458" s="237">
        <v>200</v>
      </c>
      <c r="G4458" s="190" t="s">
        <v>1</v>
      </c>
      <c r="H4458" s="190">
        <v>0</v>
      </c>
      <c r="I4458" s="190">
        <v>0</v>
      </c>
      <c r="J4458" s="190">
        <v>0</v>
      </c>
      <c r="K4458" s="190">
        <v>1</v>
      </c>
      <c r="L4458" s="190">
        <v>0</v>
      </c>
      <c r="M4458" s="190">
        <v>0</v>
      </c>
      <c r="N4458" s="190">
        <v>0</v>
      </c>
      <c r="O4458" s="190">
        <v>0</v>
      </c>
      <c r="P4458" s="190">
        <v>1</v>
      </c>
      <c r="Q4458" s="190">
        <v>0</v>
      </c>
      <c r="R4458" s="190">
        <v>0</v>
      </c>
      <c r="S4458" s="190">
        <v>0</v>
      </c>
      <c r="T4458" s="190">
        <v>0</v>
      </c>
      <c r="U4458" s="99"/>
      <c r="V4458" s="99"/>
      <c r="W4458" s="99"/>
      <c r="X4458" s="99"/>
      <c r="Y4458" s="99"/>
      <c r="Z4458" s="99"/>
      <c r="AA4458" s="99"/>
      <c r="AB4458" s="99"/>
      <c r="AC4458" s="99"/>
      <c r="AD4458" s="99"/>
      <c r="AE4458" s="99"/>
      <c r="AF4458" s="99"/>
      <c r="AG4458" s="99"/>
      <c r="AH4458" s="99"/>
      <c r="AI4458" s="99"/>
      <c r="AJ4458" s="99"/>
      <c r="AK4458" s="99"/>
      <c r="AL4458" s="99"/>
      <c r="AM4458" s="99"/>
      <c r="AN4458" s="99"/>
      <c r="AO4458" s="99"/>
      <c r="AP4458" s="99"/>
      <c r="AQ4458" s="99"/>
      <c r="AR4458" s="99"/>
      <c r="AS4458" s="99"/>
      <c r="AT4458" s="99"/>
      <c r="AU4458" s="99"/>
      <c r="AV4458" s="99"/>
      <c r="AW4458" s="99"/>
      <c r="AX4458" s="99"/>
      <c r="AY4458" s="99"/>
      <c r="AZ4458" s="99"/>
      <c r="BA4458" s="99"/>
      <c r="BB4458" s="107">
        <v>45884</v>
      </c>
    </row>
    <row r="4459" spans="1:54" s="238" customFormat="1" ht="13.95" customHeight="1" x14ac:dyDescent="0.25">
      <c r="A4459" s="236" t="s">
        <v>10053</v>
      </c>
      <c r="B4459" s="220" t="s">
        <v>8672</v>
      </c>
      <c r="C4459" s="190" t="s">
        <v>10054</v>
      </c>
      <c r="D4459" s="190" t="s">
        <v>10055</v>
      </c>
      <c r="E4459" s="237">
        <v>2005</v>
      </c>
      <c r="F4459" s="237">
        <v>600</v>
      </c>
      <c r="G4459" s="190" t="s">
        <v>1</v>
      </c>
      <c r="H4459" s="190">
        <v>0</v>
      </c>
      <c r="I4459" s="190">
        <v>0</v>
      </c>
      <c r="J4459" s="190">
        <v>0</v>
      </c>
      <c r="K4459" s="190">
        <v>1</v>
      </c>
      <c r="L4459" s="190">
        <v>0</v>
      </c>
      <c r="M4459" s="190">
        <v>0</v>
      </c>
      <c r="N4459" s="190">
        <v>0</v>
      </c>
      <c r="O4459" s="190">
        <v>0</v>
      </c>
      <c r="P4459" s="190">
        <v>1</v>
      </c>
      <c r="Q4459" s="190">
        <v>0</v>
      </c>
      <c r="R4459" s="190">
        <v>0</v>
      </c>
      <c r="S4459" s="190">
        <v>0</v>
      </c>
      <c r="T4459" s="190">
        <v>0</v>
      </c>
      <c r="U4459" s="99"/>
      <c r="V4459" s="99"/>
      <c r="W4459" s="99"/>
      <c r="X4459" s="99"/>
      <c r="Y4459" s="99"/>
      <c r="Z4459" s="99"/>
      <c r="AA4459" s="99"/>
      <c r="AB4459" s="99"/>
      <c r="AC4459" s="99"/>
      <c r="AD4459" s="99"/>
      <c r="AE4459" s="99"/>
      <c r="AF4459" s="99"/>
      <c r="AG4459" s="99"/>
      <c r="AH4459" s="99"/>
      <c r="AI4459" s="99"/>
      <c r="AJ4459" s="99"/>
      <c r="AK4459" s="99"/>
      <c r="AL4459" s="99"/>
      <c r="AM4459" s="99"/>
      <c r="AN4459" s="99"/>
      <c r="AO4459" s="99"/>
      <c r="AP4459" s="99"/>
      <c r="AQ4459" s="99"/>
      <c r="AR4459" s="99"/>
      <c r="AS4459" s="99"/>
      <c r="AT4459" s="99"/>
      <c r="AU4459" s="99"/>
      <c r="AV4459" s="99"/>
      <c r="AW4459" s="99"/>
      <c r="AX4459" s="99"/>
      <c r="AY4459" s="99"/>
      <c r="AZ4459" s="99"/>
      <c r="BA4459" s="99"/>
      <c r="BB4459" s="107">
        <v>45884</v>
      </c>
    </row>
    <row r="4460" spans="1:54" s="238" customFormat="1" ht="13.95" customHeight="1" x14ac:dyDescent="0.25">
      <c r="A4460" s="236" t="s">
        <v>10056</v>
      </c>
      <c r="B4460" s="220" t="s">
        <v>8672</v>
      </c>
      <c r="C4460" s="190" t="s">
        <v>10057</v>
      </c>
      <c r="D4460" s="190" t="s">
        <v>19925</v>
      </c>
      <c r="E4460" s="237">
        <v>1994</v>
      </c>
      <c r="F4460" s="237">
        <v>9500</v>
      </c>
      <c r="G4460" s="190" t="s">
        <v>11</v>
      </c>
      <c r="H4460" s="190">
        <v>0</v>
      </c>
      <c r="I4460" s="190">
        <v>0</v>
      </c>
      <c r="J4460" s="190">
        <v>1</v>
      </c>
      <c r="K4460" s="190">
        <v>1</v>
      </c>
      <c r="L4460" s="190">
        <v>0</v>
      </c>
      <c r="M4460" s="190">
        <v>1</v>
      </c>
      <c r="N4460" s="190">
        <v>0</v>
      </c>
      <c r="O4460" s="190">
        <v>0</v>
      </c>
      <c r="P4460" s="190">
        <v>0</v>
      </c>
      <c r="Q4460" s="190">
        <v>0</v>
      </c>
      <c r="R4460" s="190">
        <v>0</v>
      </c>
      <c r="S4460" s="190">
        <v>0</v>
      </c>
      <c r="T4460" s="190">
        <v>1</v>
      </c>
      <c r="U4460" s="190">
        <v>0</v>
      </c>
      <c r="V4460" s="190">
        <v>0</v>
      </c>
      <c r="W4460" s="190" t="s">
        <v>174</v>
      </c>
      <c r="X4460" s="190" t="s">
        <v>174</v>
      </c>
      <c r="Y4460" s="190">
        <v>0</v>
      </c>
      <c r="Z4460" s="190">
        <v>0</v>
      </c>
      <c r="AA4460" s="190">
        <v>0</v>
      </c>
      <c r="AB4460" s="190">
        <v>0</v>
      </c>
      <c r="AC4460" s="190">
        <v>0</v>
      </c>
      <c r="AD4460" s="190">
        <v>0</v>
      </c>
      <c r="AE4460" s="190">
        <v>0</v>
      </c>
      <c r="AF4460" s="190">
        <v>0</v>
      </c>
      <c r="AG4460" s="190">
        <v>0</v>
      </c>
      <c r="AH4460" s="190">
        <v>0</v>
      </c>
      <c r="AI4460" s="190">
        <v>0</v>
      </c>
      <c r="AJ4460" s="190">
        <v>0</v>
      </c>
      <c r="AK4460" s="190">
        <v>0</v>
      </c>
      <c r="AL4460" s="190">
        <v>0</v>
      </c>
      <c r="AM4460" s="190" t="s">
        <v>174</v>
      </c>
      <c r="AN4460" s="190" t="s">
        <v>174</v>
      </c>
      <c r="AO4460" s="190" t="s">
        <v>174</v>
      </c>
      <c r="AP4460" s="190" t="s">
        <v>174</v>
      </c>
      <c r="AQ4460" s="190" t="s">
        <v>174</v>
      </c>
      <c r="AR4460" s="190" t="s">
        <v>174</v>
      </c>
      <c r="AS4460" s="190" t="s">
        <v>174</v>
      </c>
      <c r="AT4460" s="239" t="s">
        <v>174</v>
      </c>
      <c r="AU4460" s="190">
        <v>0</v>
      </c>
      <c r="AV4460" s="190">
        <v>0</v>
      </c>
      <c r="AW4460" s="190" t="s">
        <v>174</v>
      </c>
      <c r="AX4460" s="190" t="s">
        <v>174</v>
      </c>
      <c r="AY4460" s="190" t="s">
        <v>174</v>
      </c>
      <c r="AZ4460" s="190"/>
      <c r="BA4460" s="190"/>
      <c r="BB4460" s="107">
        <v>45884</v>
      </c>
    </row>
    <row r="4461" spans="1:54" s="238" customFormat="1" ht="13.95" customHeight="1" x14ac:dyDescent="0.25">
      <c r="A4461" s="236" t="s">
        <v>10058</v>
      </c>
      <c r="B4461" s="220" t="s">
        <v>8672</v>
      </c>
      <c r="C4461" s="190" t="s">
        <v>10059</v>
      </c>
      <c r="D4461" s="190" t="s">
        <v>10060</v>
      </c>
      <c r="E4461" s="237">
        <v>2005</v>
      </c>
      <c r="F4461" s="237">
        <v>700</v>
      </c>
      <c r="G4461" s="190" t="s">
        <v>1</v>
      </c>
      <c r="H4461" s="190">
        <v>0</v>
      </c>
      <c r="I4461" s="190">
        <v>0</v>
      </c>
      <c r="J4461" s="190">
        <v>0</v>
      </c>
      <c r="K4461" s="190">
        <v>0</v>
      </c>
      <c r="L4461" s="190">
        <v>0</v>
      </c>
      <c r="M4461" s="190">
        <v>0</v>
      </c>
      <c r="N4461" s="190">
        <v>0</v>
      </c>
      <c r="O4461" s="190">
        <v>1</v>
      </c>
      <c r="P4461" s="190">
        <v>0</v>
      </c>
      <c r="Q4461" s="190">
        <v>0</v>
      </c>
      <c r="R4461" s="190">
        <v>0</v>
      </c>
      <c r="S4461" s="190">
        <v>0</v>
      </c>
      <c r="T4461" s="190">
        <v>0</v>
      </c>
      <c r="U4461" s="99"/>
      <c r="V4461" s="99"/>
      <c r="W4461" s="99"/>
      <c r="X4461" s="99"/>
      <c r="Y4461" s="99"/>
      <c r="Z4461" s="99"/>
      <c r="AA4461" s="99"/>
      <c r="AB4461" s="99"/>
      <c r="AC4461" s="99"/>
      <c r="AD4461" s="99"/>
      <c r="AE4461" s="99"/>
      <c r="AF4461" s="99"/>
      <c r="AG4461" s="99"/>
      <c r="AH4461" s="99"/>
      <c r="AI4461" s="99"/>
      <c r="AJ4461" s="99"/>
      <c r="AK4461" s="99"/>
      <c r="AL4461" s="99"/>
      <c r="AM4461" s="99"/>
      <c r="AN4461" s="99"/>
      <c r="AO4461" s="99"/>
      <c r="AP4461" s="99"/>
      <c r="AQ4461" s="99"/>
      <c r="AR4461" s="99"/>
      <c r="AS4461" s="99"/>
      <c r="AT4461" s="99"/>
      <c r="AU4461" s="99"/>
      <c r="AV4461" s="99"/>
      <c r="AW4461" s="99"/>
      <c r="AX4461" s="99"/>
      <c r="AY4461" s="99"/>
      <c r="AZ4461" s="99"/>
      <c r="BA4461" s="99"/>
      <c r="BB4461" s="107">
        <v>45884</v>
      </c>
    </row>
    <row r="4462" spans="1:54" s="238" customFormat="1" ht="13.95" customHeight="1" x14ac:dyDescent="0.25">
      <c r="A4462" s="236" t="s">
        <v>10061</v>
      </c>
      <c r="B4462" s="220" t="s">
        <v>8672</v>
      </c>
      <c r="C4462" s="190" t="s">
        <v>10062</v>
      </c>
      <c r="D4462" s="190" t="s">
        <v>10063</v>
      </c>
      <c r="E4462" s="237">
        <v>2006</v>
      </c>
      <c r="F4462" s="237">
        <v>100</v>
      </c>
      <c r="G4462" s="190" t="s">
        <v>1</v>
      </c>
      <c r="H4462" s="190">
        <v>0</v>
      </c>
      <c r="I4462" s="190">
        <v>0</v>
      </c>
      <c r="J4462" s="190">
        <v>0</v>
      </c>
      <c r="K4462" s="190">
        <v>1</v>
      </c>
      <c r="L4462" s="190">
        <v>0</v>
      </c>
      <c r="M4462" s="190">
        <v>0</v>
      </c>
      <c r="N4462" s="190">
        <v>0</v>
      </c>
      <c r="O4462" s="190">
        <v>0</v>
      </c>
      <c r="P4462" s="190">
        <v>1</v>
      </c>
      <c r="Q4462" s="190">
        <v>0</v>
      </c>
      <c r="R4462" s="190">
        <v>0</v>
      </c>
      <c r="S4462" s="190">
        <v>0</v>
      </c>
      <c r="T4462" s="190">
        <v>0</v>
      </c>
      <c r="U4462" s="99"/>
      <c r="V4462" s="99"/>
      <c r="W4462" s="99"/>
      <c r="X4462" s="99"/>
      <c r="Y4462" s="99"/>
      <c r="Z4462" s="99"/>
      <c r="AA4462" s="99"/>
      <c r="AB4462" s="99"/>
      <c r="AC4462" s="99"/>
      <c r="AD4462" s="99"/>
      <c r="AE4462" s="99"/>
      <c r="AF4462" s="99"/>
      <c r="AG4462" s="99"/>
      <c r="AH4462" s="99"/>
      <c r="AI4462" s="99"/>
      <c r="AJ4462" s="99"/>
      <c r="AK4462" s="99"/>
      <c r="AL4462" s="99"/>
      <c r="AM4462" s="99"/>
      <c r="AN4462" s="99"/>
      <c r="AO4462" s="99"/>
      <c r="AP4462" s="99"/>
      <c r="AQ4462" s="99"/>
      <c r="AR4462" s="99"/>
      <c r="AS4462" s="99"/>
      <c r="AT4462" s="99"/>
      <c r="AU4462" s="99"/>
      <c r="AV4462" s="99"/>
      <c r="AW4462" s="99"/>
      <c r="AX4462" s="99"/>
      <c r="AY4462" s="99"/>
      <c r="AZ4462" s="99"/>
      <c r="BA4462" s="99"/>
      <c r="BB4462" s="107">
        <v>45884</v>
      </c>
    </row>
    <row r="4463" spans="1:54" s="238" customFormat="1" ht="13.95" customHeight="1" x14ac:dyDescent="0.25">
      <c r="A4463" s="236" t="s">
        <v>10064</v>
      </c>
      <c r="B4463" s="220" t="s">
        <v>8672</v>
      </c>
      <c r="C4463" s="190" t="s">
        <v>10065</v>
      </c>
      <c r="D4463" s="190" t="s">
        <v>10066</v>
      </c>
      <c r="E4463" s="237">
        <v>2006</v>
      </c>
      <c r="F4463" s="237">
        <v>500</v>
      </c>
      <c r="G4463" s="190" t="s">
        <v>1</v>
      </c>
      <c r="H4463" s="190">
        <v>0</v>
      </c>
      <c r="I4463" s="190">
        <v>0</v>
      </c>
      <c r="J4463" s="190">
        <v>0</v>
      </c>
      <c r="K4463" s="190">
        <v>1</v>
      </c>
      <c r="L4463" s="190">
        <v>0</v>
      </c>
      <c r="M4463" s="190">
        <v>0</v>
      </c>
      <c r="N4463" s="190">
        <v>0</v>
      </c>
      <c r="O4463" s="190">
        <v>0</v>
      </c>
      <c r="P4463" s="190">
        <v>0</v>
      </c>
      <c r="Q4463" s="190">
        <v>0</v>
      </c>
      <c r="R4463" s="190">
        <v>0</v>
      </c>
      <c r="S4463" s="190">
        <v>0</v>
      </c>
      <c r="T4463" s="190">
        <v>0</v>
      </c>
      <c r="U4463" s="99"/>
      <c r="V4463" s="99"/>
      <c r="W4463" s="99"/>
      <c r="X4463" s="99"/>
      <c r="Y4463" s="99"/>
      <c r="Z4463" s="99"/>
      <c r="AA4463" s="99"/>
      <c r="AB4463" s="99"/>
      <c r="AC4463" s="99"/>
      <c r="AD4463" s="99"/>
      <c r="AE4463" s="99"/>
      <c r="AF4463" s="99"/>
      <c r="AG4463" s="99"/>
      <c r="AH4463" s="99"/>
      <c r="AI4463" s="99"/>
      <c r="AJ4463" s="99"/>
      <c r="AK4463" s="99"/>
      <c r="AL4463" s="99"/>
      <c r="AM4463" s="99"/>
      <c r="AN4463" s="99"/>
      <c r="AO4463" s="99"/>
      <c r="AP4463" s="99"/>
      <c r="AQ4463" s="99"/>
      <c r="AR4463" s="99"/>
      <c r="AS4463" s="99"/>
      <c r="AT4463" s="99"/>
      <c r="AU4463" s="99"/>
      <c r="AV4463" s="99"/>
      <c r="AW4463" s="99"/>
      <c r="AX4463" s="99"/>
      <c r="AY4463" s="99"/>
      <c r="AZ4463" s="99"/>
      <c r="BA4463" s="99"/>
      <c r="BB4463" s="107">
        <v>45884</v>
      </c>
    </row>
    <row r="4464" spans="1:54" s="238" customFormat="1" ht="13.95" customHeight="1" x14ac:dyDescent="0.25">
      <c r="A4464" s="236" t="s">
        <v>10067</v>
      </c>
      <c r="B4464" s="220" t="s">
        <v>8672</v>
      </c>
      <c r="C4464" s="190" t="s">
        <v>6210</v>
      </c>
      <c r="D4464" s="190" t="s">
        <v>10068</v>
      </c>
      <c r="E4464" s="237">
        <v>2007</v>
      </c>
      <c r="F4464" s="237">
        <v>400</v>
      </c>
      <c r="G4464" s="190" t="s">
        <v>1</v>
      </c>
      <c r="H4464" s="190">
        <v>0</v>
      </c>
      <c r="I4464" s="190">
        <v>0</v>
      </c>
      <c r="J4464" s="190">
        <v>1</v>
      </c>
      <c r="K4464" s="190">
        <v>1</v>
      </c>
      <c r="L4464" s="190">
        <v>0</v>
      </c>
      <c r="M4464" s="190">
        <v>1</v>
      </c>
      <c r="N4464" s="190">
        <v>0</v>
      </c>
      <c r="O4464" s="190">
        <v>0</v>
      </c>
      <c r="P4464" s="190">
        <v>0</v>
      </c>
      <c r="Q4464" s="190">
        <v>0</v>
      </c>
      <c r="R4464" s="190">
        <v>0</v>
      </c>
      <c r="S4464" s="190">
        <v>0</v>
      </c>
      <c r="T4464" s="190">
        <v>0</v>
      </c>
      <c r="U4464" s="99"/>
      <c r="V4464" s="99"/>
      <c r="W4464" s="99"/>
      <c r="X4464" s="99"/>
      <c r="Y4464" s="99"/>
      <c r="Z4464" s="99"/>
      <c r="AA4464" s="99"/>
      <c r="AB4464" s="99"/>
      <c r="AC4464" s="99"/>
      <c r="AD4464" s="99"/>
      <c r="AE4464" s="99"/>
      <c r="AF4464" s="99"/>
      <c r="AG4464" s="99"/>
      <c r="AH4464" s="99"/>
      <c r="AI4464" s="99"/>
      <c r="AJ4464" s="99"/>
      <c r="AK4464" s="99"/>
      <c r="AL4464" s="99"/>
      <c r="AM4464" s="99"/>
      <c r="AN4464" s="99"/>
      <c r="AO4464" s="99"/>
      <c r="AP4464" s="99"/>
      <c r="AQ4464" s="99"/>
      <c r="AR4464" s="99"/>
      <c r="AS4464" s="99"/>
      <c r="AT4464" s="99"/>
      <c r="AU4464" s="99"/>
      <c r="AV4464" s="99"/>
      <c r="AW4464" s="99"/>
      <c r="AX4464" s="99"/>
      <c r="AY4464" s="99"/>
      <c r="AZ4464" s="99"/>
      <c r="BA4464" s="99"/>
      <c r="BB4464" s="107">
        <v>45884</v>
      </c>
    </row>
    <row r="4465" spans="1:54" s="238" customFormat="1" ht="13.95" customHeight="1" x14ac:dyDescent="0.25">
      <c r="A4465" s="236" t="s">
        <v>10069</v>
      </c>
      <c r="B4465" s="220" t="s">
        <v>8672</v>
      </c>
      <c r="C4465" s="190" t="s">
        <v>10070</v>
      </c>
      <c r="D4465" s="190" t="s">
        <v>10071</v>
      </c>
      <c r="E4465" s="237">
        <v>2007</v>
      </c>
      <c r="F4465" s="237">
        <v>200</v>
      </c>
      <c r="G4465" s="190" t="s">
        <v>1</v>
      </c>
      <c r="H4465" s="190">
        <v>0</v>
      </c>
      <c r="I4465" s="190">
        <v>0</v>
      </c>
      <c r="J4465" s="190">
        <v>1</v>
      </c>
      <c r="K4465" s="190">
        <v>1</v>
      </c>
      <c r="L4465" s="190">
        <v>1</v>
      </c>
      <c r="M4465" s="190">
        <v>0</v>
      </c>
      <c r="N4465" s="190">
        <v>0</v>
      </c>
      <c r="O4465" s="190">
        <v>0</v>
      </c>
      <c r="P4465" s="190">
        <v>1</v>
      </c>
      <c r="Q4465" s="190">
        <v>0</v>
      </c>
      <c r="R4465" s="190">
        <v>0</v>
      </c>
      <c r="S4465" s="190">
        <v>0</v>
      </c>
      <c r="T4465" s="190">
        <v>0</v>
      </c>
      <c r="U4465" s="99"/>
      <c r="V4465" s="99"/>
      <c r="W4465" s="99"/>
      <c r="X4465" s="99"/>
      <c r="Y4465" s="99"/>
      <c r="Z4465" s="99"/>
      <c r="AA4465" s="99"/>
      <c r="AB4465" s="99"/>
      <c r="AC4465" s="99"/>
      <c r="AD4465" s="99"/>
      <c r="AE4465" s="99"/>
      <c r="AF4465" s="99"/>
      <c r="AG4465" s="99"/>
      <c r="AH4465" s="99"/>
      <c r="AI4465" s="99"/>
      <c r="AJ4465" s="99"/>
      <c r="AK4465" s="99"/>
      <c r="AL4465" s="99"/>
      <c r="AM4465" s="99"/>
      <c r="AN4465" s="99"/>
      <c r="AO4465" s="99"/>
      <c r="AP4465" s="99"/>
      <c r="AQ4465" s="99"/>
      <c r="AR4465" s="99"/>
      <c r="AS4465" s="99"/>
      <c r="AT4465" s="99"/>
      <c r="AU4465" s="99"/>
      <c r="AV4465" s="99"/>
      <c r="AW4465" s="99"/>
      <c r="AX4465" s="99"/>
      <c r="AY4465" s="99"/>
      <c r="AZ4465" s="99"/>
      <c r="BA4465" s="99"/>
      <c r="BB4465" s="107">
        <v>45884</v>
      </c>
    </row>
    <row r="4466" spans="1:54" s="238" customFormat="1" ht="13.95" customHeight="1" x14ac:dyDescent="0.25">
      <c r="A4466" s="236" t="s">
        <v>10072</v>
      </c>
      <c r="B4466" s="220" t="s">
        <v>8672</v>
      </c>
      <c r="C4466" s="190" t="s">
        <v>10073</v>
      </c>
      <c r="D4466" s="190" t="s">
        <v>10071</v>
      </c>
      <c r="E4466" s="237">
        <v>2007</v>
      </c>
      <c r="F4466" s="237">
        <v>300</v>
      </c>
      <c r="G4466" s="190" t="s">
        <v>1</v>
      </c>
      <c r="H4466" s="190">
        <v>0</v>
      </c>
      <c r="I4466" s="190">
        <v>0</v>
      </c>
      <c r="J4466" s="190">
        <v>1</v>
      </c>
      <c r="K4466" s="190">
        <v>1</v>
      </c>
      <c r="L4466" s="190">
        <v>1</v>
      </c>
      <c r="M4466" s="190">
        <v>1</v>
      </c>
      <c r="N4466" s="190">
        <v>0</v>
      </c>
      <c r="O4466" s="190">
        <v>0</v>
      </c>
      <c r="P4466" s="190">
        <v>0</v>
      </c>
      <c r="Q4466" s="190">
        <v>0</v>
      </c>
      <c r="R4466" s="190">
        <v>1</v>
      </c>
      <c r="S4466" s="190">
        <v>0</v>
      </c>
      <c r="T4466" s="190">
        <v>0</v>
      </c>
      <c r="U4466" s="99"/>
      <c r="V4466" s="99"/>
      <c r="W4466" s="99"/>
      <c r="X4466" s="99"/>
      <c r="Y4466" s="99"/>
      <c r="Z4466" s="99"/>
      <c r="AA4466" s="99"/>
      <c r="AB4466" s="99"/>
      <c r="AC4466" s="99"/>
      <c r="AD4466" s="99"/>
      <c r="AE4466" s="99"/>
      <c r="AF4466" s="99"/>
      <c r="AG4466" s="99"/>
      <c r="AH4466" s="99"/>
      <c r="AI4466" s="99"/>
      <c r="AJ4466" s="99"/>
      <c r="AK4466" s="99"/>
      <c r="AL4466" s="99"/>
      <c r="AM4466" s="99"/>
      <c r="AN4466" s="99"/>
      <c r="AO4466" s="99"/>
      <c r="AP4466" s="99"/>
      <c r="AQ4466" s="99"/>
      <c r="AR4466" s="99"/>
      <c r="AS4466" s="99"/>
      <c r="AT4466" s="99"/>
      <c r="AU4466" s="99"/>
      <c r="AV4466" s="99"/>
      <c r="AW4466" s="99"/>
      <c r="AX4466" s="99"/>
      <c r="AY4466" s="99"/>
      <c r="AZ4466" s="99"/>
      <c r="BA4466" s="99"/>
      <c r="BB4466" s="107">
        <v>45884</v>
      </c>
    </row>
    <row r="4467" spans="1:54" s="238" customFormat="1" ht="13.95" customHeight="1" x14ac:dyDescent="0.25">
      <c r="A4467" s="236" t="s">
        <v>10074</v>
      </c>
      <c r="B4467" s="220" t="s">
        <v>8672</v>
      </c>
      <c r="C4467" s="190" t="s">
        <v>10075</v>
      </c>
      <c r="D4467" s="190" t="s">
        <v>10076</v>
      </c>
      <c r="E4467" s="237">
        <v>2007</v>
      </c>
      <c r="F4467" s="237">
        <v>100</v>
      </c>
      <c r="G4467" s="190" t="s">
        <v>1</v>
      </c>
      <c r="H4467" s="190">
        <v>0</v>
      </c>
      <c r="I4467" s="190">
        <v>0</v>
      </c>
      <c r="J4467" s="190">
        <v>0</v>
      </c>
      <c r="K4467" s="190">
        <v>1</v>
      </c>
      <c r="L4467" s="190">
        <v>0</v>
      </c>
      <c r="M4467" s="190">
        <v>0</v>
      </c>
      <c r="N4467" s="190">
        <v>0</v>
      </c>
      <c r="O4467" s="190">
        <v>0</v>
      </c>
      <c r="P4467" s="190">
        <v>1</v>
      </c>
      <c r="Q4467" s="190">
        <v>0</v>
      </c>
      <c r="R4467" s="190">
        <v>0</v>
      </c>
      <c r="S4467" s="190">
        <v>0</v>
      </c>
      <c r="T4467" s="190">
        <v>0</v>
      </c>
      <c r="U4467" s="99"/>
      <c r="V4467" s="99"/>
      <c r="W4467" s="99"/>
      <c r="X4467" s="99"/>
      <c r="Y4467" s="99"/>
      <c r="Z4467" s="99"/>
      <c r="AA4467" s="99"/>
      <c r="AB4467" s="99"/>
      <c r="AC4467" s="99"/>
      <c r="AD4467" s="99"/>
      <c r="AE4467" s="99"/>
      <c r="AF4467" s="99"/>
      <c r="AG4467" s="99"/>
      <c r="AH4467" s="99"/>
      <c r="AI4467" s="99"/>
      <c r="AJ4467" s="99"/>
      <c r="AK4467" s="99"/>
      <c r="AL4467" s="99"/>
      <c r="AM4467" s="99"/>
      <c r="AN4467" s="99"/>
      <c r="AO4467" s="99"/>
      <c r="AP4467" s="99"/>
      <c r="AQ4467" s="99"/>
      <c r="AR4467" s="99"/>
      <c r="AS4467" s="99"/>
      <c r="AT4467" s="99"/>
      <c r="AU4467" s="99"/>
      <c r="AV4467" s="99"/>
      <c r="AW4467" s="99"/>
      <c r="AX4467" s="99"/>
      <c r="AY4467" s="99"/>
      <c r="AZ4467" s="99"/>
      <c r="BA4467" s="99"/>
      <c r="BB4467" s="107">
        <v>45884</v>
      </c>
    </row>
    <row r="4468" spans="1:54" s="238" customFormat="1" ht="13.95" customHeight="1" x14ac:dyDescent="0.25">
      <c r="A4468" s="236" t="s">
        <v>10077</v>
      </c>
      <c r="B4468" s="220" t="s">
        <v>8672</v>
      </c>
      <c r="C4468" s="190" t="s">
        <v>10078</v>
      </c>
      <c r="D4468" s="190" t="s">
        <v>10079</v>
      </c>
      <c r="E4468" s="237">
        <v>2009</v>
      </c>
      <c r="F4468" s="237">
        <v>400</v>
      </c>
      <c r="G4468" s="190" t="s">
        <v>1</v>
      </c>
      <c r="H4468" s="190">
        <v>0</v>
      </c>
      <c r="I4468" s="190">
        <v>0</v>
      </c>
      <c r="J4468" s="190">
        <v>0</v>
      </c>
      <c r="K4468" s="190">
        <v>0</v>
      </c>
      <c r="L4468" s="190">
        <v>0</v>
      </c>
      <c r="M4468" s="190">
        <v>0</v>
      </c>
      <c r="N4468" s="190">
        <v>0</v>
      </c>
      <c r="O4468" s="190">
        <v>0</v>
      </c>
      <c r="P4468" s="190">
        <v>0</v>
      </c>
      <c r="Q4468" s="190">
        <v>0</v>
      </c>
      <c r="R4468" s="190">
        <v>0</v>
      </c>
      <c r="S4468" s="190">
        <v>0</v>
      </c>
      <c r="T4468" s="190">
        <v>0</v>
      </c>
      <c r="U4468" s="99"/>
      <c r="V4468" s="99"/>
      <c r="W4468" s="99"/>
      <c r="X4468" s="99"/>
      <c r="Y4468" s="99"/>
      <c r="Z4468" s="99"/>
      <c r="AA4468" s="99"/>
      <c r="AB4468" s="99"/>
      <c r="AC4468" s="99"/>
      <c r="AD4468" s="99"/>
      <c r="AE4468" s="99"/>
      <c r="AF4468" s="99"/>
      <c r="AG4468" s="99"/>
      <c r="AH4468" s="99"/>
      <c r="AI4468" s="99"/>
      <c r="AJ4468" s="99"/>
      <c r="AK4468" s="99"/>
      <c r="AL4468" s="99"/>
      <c r="AM4468" s="99"/>
      <c r="AN4468" s="99"/>
      <c r="AO4468" s="99"/>
      <c r="AP4468" s="99"/>
      <c r="AQ4468" s="99"/>
      <c r="AR4468" s="99"/>
      <c r="AS4468" s="99"/>
      <c r="AT4468" s="99"/>
      <c r="AU4468" s="99"/>
      <c r="AV4468" s="99"/>
      <c r="AW4468" s="99"/>
      <c r="AX4468" s="99"/>
      <c r="AY4468" s="99"/>
      <c r="AZ4468" s="99"/>
      <c r="BA4468" s="99"/>
      <c r="BB4468" s="107">
        <v>45884</v>
      </c>
    </row>
    <row r="4469" spans="1:54" s="238" customFormat="1" ht="13.95" customHeight="1" x14ac:dyDescent="0.25">
      <c r="A4469" s="236" t="s">
        <v>10080</v>
      </c>
      <c r="B4469" s="220" t="s">
        <v>8672</v>
      </c>
      <c r="C4469" s="190" t="s">
        <v>10081</v>
      </c>
      <c r="D4469" s="190" t="s">
        <v>10082</v>
      </c>
      <c r="E4469" s="237">
        <v>1998</v>
      </c>
      <c r="F4469" s="237">
        <v>500</v>
      </c>
      <c r="G4469" s="190" t="s">
        <v>1</v>
      </c>
      <c r="H4469" s="190">
        <v>0</v>
      </c>
      <c r="I4469" s="190">
        <v>0</v>
      </c>
      <c r="J4469" s="190">
        <v>0</v>
      </c>
      <c r="K4469" s="190">
        <v>1</v>
      </c>
      <c r="L4469" s="190">
        <v>0</v>
      </c>
      <c r="M4469" s="190">
        <v>1</v>
      </c>
      <c r="N4469" s="190">
        <v>0</v>
      </c>
      <c r="O4469" s="190">
        <v>1</v>
      </c>
      <c r="P4469" s="190">
        <v>1</v>
      </c>
      <c r="Q4469" s="190">
        <v>0</v>
      </c>
      <c r="R4469" s="190">
        <v>0</v>
      </c>
      <c r="S4469" s="190">
        <v>0</v>
      </c>
      <c r="T4469" s="190">
        <v>0</v>
      </c>
      <c r="U4469" s="99"/>
      <c r="V4469" s="99"/>
      <c r="W4469" s="99"/>
      <c r="X4469" s="99"/>
      <c r="Y4469" s="99"/>
      <c r="Z4469" s="99"/>
      <c r="AA4469" s="99"/>
      <c r="AB4469" s="99"/>
      <c r="AC4469" s="99"/>
      <c r="AD4469" s="99"/>
      <c r="AE4469" s="99"/>
      <c r="AF4469" s="99"/>
      <c r="AG4469" s="99"/>
      <c r="AH4469" s="99"/>
      <c r="AI4469" s="99"/>
      <c r="AJ4469" s="99"/>
      <c r="AK4469" s="99"/>
      <c r="AL4469" s="99"/>
      <c r="AM4469" s="99"/>
      <c r="AN4469" s="99"/>
      <c r="AO4469" s="99"/>
      <c r="AP4469" s="99"/>
      <c r="AQ4469" s="99"/>
      <c r="AR4469" s="99"/>
      <c r="AS4469" s="99"/>
      <c r="AT4469" s="99"/>
      <c r="AU4469" s="99"/>
      <c r="AV4469" s="99"/>
      <c r="AW4469" s="99"/>
      <c r="AX4469" s="99"/>
      <c r="AY4469" s="99"/>
      <c r="AZ4469" s="99"/>
      <c r="BA4469" s="99"/>
      <c r="BB4469" s="107">
        <v>45884</v>
      </c>
    </row>
    <row r="4470" spans="1:54" s="238" customFormat="1" ht="13.95" customHeight="1" x14ac:dyDescent="0.25">
      <c r="A4470" s="236" t="s">
        <v>10083</v>
      </c>
      <c r="B4470" s="220" t="s">
        <v>8672</v>
      </c>
      <c r="C4470" s="190" t="s">
        <v>10084</v>
      </c>
      <c r="D4470" s="190" t="s">
        <v>10085</v>
      </c>
      <c r="E4470" s="237">
        <v>2009</v>
      </c>
      <c r="F4470" s="237">
        <v>200</v>
      </c>
      <c r="G4470" s="190" t="s">
        <v>1</v>
      </c>
      <c r="H4470" s="190">
        <v>0</v>
      </c>
      <c r="I4470" s="190">
        <v>0</v>
      </c>
      <c r="J4470" s="190">
        <v>0</v>
      </c>
      <c r="K4470" s="190">
        <v>1</v>
      </c>
      <c r="L4470" s="190">
        <v>0</v>
      </c>
      <c r="M4470" s="190">
        <v>0</v>
      </c>
      <c r="N4470" s="190">
        <v>0</v>
      </c>
      <c r="O4470" s="190">
        <v>0</v>
      </c>
      <c r="P4470" s="190">
        <v>1</v>
      </c>
      <c r="Q4470" s="190">
        <v>0</v>
      </c>
      <c r="R4470" s="190">
        <v>0</v>
      </c>
      <c r="S4470" s="190">
        <v>0</v>
      </c>
      <c r="T4470" s="190">
        <v>0</v>
      </c>
      <c r="U4470" s="99"/>
      <c r="V4470" s="99"/>
      <c r="W4470" s="99"/>
      <c r="X4470" s="99"/>
      <c r="Y4470" s="99"/>
      <c r="Z4470" s="99"/>
      <c r="AA4470" s="99"/>
      <c r="AB4470" s="99"/>
      <c r="AC4470" s="99"/>
      <c r="AD4470" s="99"/>
      <c r="AE4470" s="99"/>
      <c r="AF4470" s="99"/>
      <c r="AG4470" s="99"/>
      <c r="AH4470" s="99"/>
      <c r="AI4470" s="99"/>
      <c r="AJ4470" s="99"/>
      <c r="AK4470" s="99"/>
      <c r="AL4470" s="99"/>
      <c r="AM4470" s="99"/>
      <c r="AN4470" s="99"/>
      <c r="AO4470" s="99"/>
      <c r="AP4470" s="99"/>
      <c r="AQ4470" s="99"/>
      <c r="AR4470" s="99"/>
      <c r="AS4470" s="99"/>
      <c r="AT4470" s="99"/>
      <c r="AU4470" s="99"/>
      <c r="AV4470" s="99"/>
      <c r="AW4470" s="99"/>
      <c r="AX4470" s="99"/>
      <c r="AY4470" s="99"/>
      <c r="AZ4470" s="99"/>
      <c r="BA4470" s="99"/>
      <c r="BB4470" s="107">
        <v>45884</v>
      </c>
    </row>
    <row r="4471" spans="1:54" s="238" customFormat="1" ht="13.95" customHeight="1" x14ac:dyDescent="0.25">
      <c r="A4471" s="236" t="s">
        <v>10086</v>
      </c>
      <c r="B4471" s="220" t="s">
        <v>8672</v>
      </c>
      <c r="C4471" s="190" t="s">
        <v>10087</v>
      </c>
      <c r="D4471" s="190" t="s">
        <v>10088</v>
      </c>
      <c r="E4471" s="237">
        <v>2009</v>
      </c>
      <c r="F4471" s="237">
        <v>600</v>
      </c>
      <c r="G4471" s="190" t="s">
        <v>1</v>
      </c>
      <c r="H4471" s="190">
        <v>0</v>
      </c>
      <c r="I4471" s="190">
        <v>0</v>
      </c>
      <c r="J4471" s="190">
        <v>0</v>
      </c>
      <c r="K4471" s="190">
        <v>0</v>
      </c>
      <c r="L4471" s="190">
        <v>0</v>
      </c>
      <c r="M4471" s="190">
        <v>0</v>
      </c>
      <c r="N4471" s="190">
        <v>0</v>
      </c>
      <c r="O4471" s="190">
        <v>0</v>
      </c>
      <c r="P4471" s="190">
        <v>0</v>
      </c>
      <c r="Q4471" s="190">
        <v>0</v>
      </c>
      <c r="R4471" s="190">
        <v>0</v>
      </c>
      <c r="S4471" s="190">
        <v>0</v>
      </c>
      <c r="T4471" s="190">
        <v>0</v>
      </c>
      <c r="U4471" s="99"/>
      <c r="V4471" s="99"/>
      <c r="W4471" s="99"/>
      <c r="X4471" s="99"/>
      <c r="Y4471" s="99"/>
      <c r="Z4471" s="99"/>
      <c r="AA4471" s="99"/>
      <c r="AB4471" s="99"/>
      <c r="AC4471" s="99"/>
      <c r="AD4471" s="99"/>
      <c r="AE4471" s="99"/>
      <c r="AF4471" s="99"/>
      <c r="AG4471" s="99"/>
      <c r="AH4471" s="99"/>
      <c r="AI4471" s="99"/>
      <c r="AJ4471" s="99"/>
      <c r="AK4471" s="99"/>
      <c r="AL4471" s="99"/>
      <c r="AM4471" s="99"/>
      <c r="AN4471" s="99"/>
      <c r="AO4471" s="99"/>
      <c r="AP4471" s="99"/>
      <c r="AQ4471" s="99"/>
      <c r="AR4471" s="99"/>
      <c r="AS4471" s="99"/>
      <c r="AT4471" s="99"/>
      <c r="AU4471" s="99"/>
      <c r="AV4471" s="99"/>
      <c r="AW4471" s="99"/>
      <c r="AX4471" s="99"/>
      <c r="AY4471" s="99"/>
      <c r="AZ4471" s="99"/>
      <c r="BA4471" s="99"/>
      <c r="BB4471" s="107">
        <v>45884</v>
      </c>
    </row>
    <row r="4472" spans="1:54" s="238" customFormat="1" ht="13.95" customHeight="1" x14ac:dyDescent="0.25">
      <c r="A4472" s="236" t="s">
        <v>10089</v>
      </c>
      <c r="B4472" s="220" t="s">
        <v>8672</v>
      </c>
      <c r="C4472" s="190" t="s">
        <v>10090</v>
      </c>
      <c r="D4472" s="190" t="s">
        <v>10091</v>
      </c>
      <c r="E4472" s="237">
        <v>2009</v>
      </c>
      <c r="F4472" s="237">
        <v>100</v>
      </c>
      <c r="G4472" s="190" t="s">
        <v>1</v>
      </c>
      <c r="H4472" s="190">
        <v>0</v>
      </c>
      <c r="I4472" s="190">
        <v>0</v>
      </c>
      <c r="J4472" s="190">
        <v>0</v>
      </c>
      <c r="K4472" s="190">
        <v>1</v>
      </c>
      <c r="L4472" s="190">
        <v>0</v>
      </c>
      <c r="M4472" s="190">
        <v>0</v>
      </c>
      <c r="N4472" s="190">
        <v>0</v>
      </c>
      <c r="O4472" s="190">
        <v>0</v>
      </c>
      <c r="P4472" s="190">
        <v>1</v>
      </c>
      <c r="Q4472" s="190">
        <v>0</v>
      </c>
      <c r="R4472" s="190">
        <v>0</v>
      </c>
      <c r="S4472" s="190">
        <v>0</v>
      </c>
      <c r="T4472" s="190">
        <v>0</v>
      </c>
      <c r="U4472" s="99"/>
      <c r="V4472" s="99"/>
      <c r="W4472" s="99"/>
      <c r="X4472" s="99"/>
      <c r="Y4472" s="99"/>
      <c r="Z4472" s="99"/>
      <c r="AA4472" s="99"/>
      <c r="AB4472" s="99"/>
      <c r="AC4472" s="99"/>
      <c r="AD4472" s="99"/>
      <c r="AE4472" s="99"/>
      <c r="AF4472" s="99"/>
      <c r="AG4472" s="99"/>
      <c r="AH4472" s="99"/>
      <c r="AI4472" s="99"/>
      <c r="AJ4472" s="99"/>
      <c r="AK4472" s="99"/>
      <c r="AL4472" s="99"/>
      <c r="AM4472" s="99"/>
      <c r="AN4472" s="99"/>
      <c r="AO4472" s="99"/>
      <c r="AP4472" s="99"/>
      <c r="AQ4472" s="99"/>
      <c r="AR4472" s="99"/>
      <c r="AS4472" s="99"/>
      <c r="AT4472" s="99"/>
      <c r="AU4472" s="99"/>
      <c r="AV4472" s="99"/>
      <c r="AW4472" s="99"/>
      <c r="AX4472" s="99"/>
      <c r="AY4472" s="99"/>
      <c r="AZ4472" s="99"/>
      <c r="BA4472" s="99"/>
      <c r="BB4472" s="107">
        <v>45884</v>
      </c>
    </row>
    <row r="4473" spans="1:54" s="238" customFormat="1" ht="13.95" customHeight="1" x14ac:dyDescent="0.25">
      <c r="A4473" s="236" t="s">
        <v>10092</v>
      </c>
      <c r="B4473" s="220" t="s">
        <v>8672</v>
      </c>
      <c r="C4473" s="190" t="s">
        <v>10093</v>
      </c>
      <c r="D4473" s="190" t="s">
        <v>10094</v>
      </c>
      <c r="E4473" s="237">
        <v>2009</v>
      </c>
      <c r="F4473" s="237">
        <v>100</v>
      </c>
      <c r="G4473" s="190" t="s">
        <v>1</v>
      </c>
      <c r="H4473" s="190">
        <v>0</v>
      </c>
      <c r="I4473" s="190">
        <v>0</v>
      </c>
      <c r="J4473" s="190">
        <v>0</v>
      </c>
      <c r="K4473" s="190">
        <v>0</v>
      </c>
      <c r="L4473" s="190">
        <v>0</v>
      </c>
      <c r="M4473" s="190">
        <v>0</v>
      </c>
      <c r="N4473" s="190">
        <v>0</v>
      </c>
      <c r="O4473" s="190">
        <v>0</v>
      </c>
      <c r="P4473" s="190">
        <v>0</v>
      </c>
      <c r="Q4473" s="190">
        <v>0</v>
      </c>
      <c r="R4473" s="190">
        <v>0</v>
      </c>
      <c r="S4473" s="190">
        <v>0</v>
      </c>
      <c r="T4473" s="190">
        <v>0</v>
      </c>
      <c r="U4473" s="99"/>
      <c r="V4473" s="99"/>
      <c r="W4473" s="99"/>
      <c r="X4473" s="99"/>
      <c r="Y4473" s="99"/>
      <c r="Z4473" s="99"/>
      <c r="AA4473" s="99"/>
      <c r="AB4473" s="99"/>
      <c r="AC4473" s="99"/>
      <c r="AD4473" s="99"/>
      <c r="AE4473" s="99"/>
      <c r="AF4473" s="99"/>
      <c r="AG4473" s="99"/>
      <c r="AH4473" s="99"/>
      <c r="AI4473" s="99"/>
      <c r="AJ4473" s="99"/>
      <c r="AK4473" s="99"/>
      <c r="AL4473" s="99"/>
      <c r="AM4473" s="99"/>
      <c r="AN4473" s="99"/>
      <c r="AO4473" s="99"/>
      <c r="AP4473" s="99"/>
      <c r="AQ4473" s="99"/>
      <c r="AR4473" s="99"/>
      <c r="AS4473" s="99"/>
      <c r="AT4473" s="99"/>
      <c r="AU4473" s="99"/>
      <c r="AV4473" s="99"/>
      <c r="AW4473" s="99"/>
      <c r="AX4473" s="99"/>
      <c r="AY4473" s="99"/>
      <c r="AZ4473" s="99"/>
      <c r="BA4473" s="99"/>
      <c r="BB4473" s="107">
        <v>45884</v>
      </c>
    </row>
    <row r="4474" spans="1:54" s="238" customFormat="1" ht="13.95" customHeight="1" x14ac:dyDescent="0.25">
      <c r="A4474" s="236" t="s">
        <v>10095</v>
      </c>
      <c r="B4474" s="220" t="s">
        <v>8672</v>
      </c>
      <c r="C4474" s="190" t="s">
        <v>10096</v>
      </c>
      <c r="D4474" s="190" t="s">
        <v>10097</v>
      </c>
      <c r="E4474" s="237">
        <v>2009</v>
      </c>
      <c r="F4474" s="237">
        <v>200</v>
      </c>
      <c r="G4474" s="190" t="s">
        <v>1</v>
      </c>
      <c r="H4474" s="190">
        <v>0</v>
      </c>
      <c r="I4474" s="190">
        <v>0</v>
      </c>
      <c r="J4474" s="190">
        <v>0</v>
      </c>
      <c r="K4474" s="190">
        <v>0</v>
      </c>
      <c r="L4474" s="190">
        <v>0</v>
      </c>
      <c r="M4474" s="190">
        <v>0</v>
      </c>
      <c r="N4474" s="190">
        <v>0</v>
      </c>
      <c r="O4474" s="190">
        <v>0</v>
      </c>
      <c r="P4474" s="190">
        <v>0</v>
      </c>
      <c r="Q4474" s="190">
        <v>0</v>
      </c>
      <c r="R4474" s="190">
        <v>0</v>
      </c>
      <c r="S4474" s="190">
        <v>0</v>
      </c>
      <c r="T4474" s="190">
        <v>0</v>
      </c>
      <c r="U4474" s="99"/>
      <c r="V4474" s="99"/>
      <c r="W4474" s="99"/>
      <c r="X4474" s="99"/>
      <c r="Y4474" s="99"/>
      <c r="Z4474" s="99"/>
      <c r="AA4474" s="99"/>
      <c r="AB4474" s="99"/>
      <c r="AC4474" s="99"/>
      <c r="AD4474" s="99"/>
      <c r="AE4474" s="99"/>
      <c r="AF4474" s="99"/>
      <c r="AG4474" s="99"/>
      <c r="AH4474" s="99"/>
      <c r="AI4474" s="99"/>
      <c r="AJ4474" s="99"/>
      <c r="AK4474" s="99"/>
      <c r="AL4474" s="99"/>
      <c r="AM4474" s="99"/>
      <c r="AN4474" s="99"/>
      <c r="AO4474" s="99"/>
      <c r="AP4474" s="99"/>
      <c r="AQ4474" s="99"/>
      <c r="AR4474" s="99"/>
      <c r="AS4474" s="99"/>
      <c r="AT4474" s="99"/>
      <c r="AU4474" s="99"/>
      <c r="AV4474" s="99"/>
      <c r="AW4474" s="99"/>
      <c r="AX4474" s="99"/>
      <c r="AY4474" s="99"/>
      <c r="AZ4474" s="99"/>
      <c r="BA4474" s="99"/>
      <c r="BB4474" s="107">
        <v>45884</v>
      </c>
    </row>
    <row r="4475" spans="1:54" s="238" customFormat="1" ht="13.95" customHeight="1" x14ac:dyDescent="0.25">
      <c r="A4475" s="236" t="s">
        <v>10098</v>
      </c>
      <c r="B4475" s="220" t="s">
        <v>8672</v>
      </c>
      <c r="C4475" s="190" t="s">
        <v>10099</v>
      </c>
      <c r="D4475" s="190" t="s">
        <v>10100</v>
      </c>
      <c r="E4475" s="237">
        <v>2009</v>
      </c>
      <c r="F4475" s="237">
        <v>100</v>
      </c>
      <c r="G4475" s="190" t="s">
        <v>1</v>
      </c>
      <c r="H4475" s="190">
        <v>0</v>
      </c>
      <c r="I4475" s="190">
        <v>0</v>
      </c>
      <c r="J4475" s="190">
        <v>0</v>
      </c>
      <c r="K4475" s="190">
        <v>1</v>
      </c>
      <c r="L4475" s="190">
        <v>0</v>
      </c>
      <c r="M4475" s="190">
        <v>0</v>
      </c>
      <c r="N4475" s="190">
        <v>0</v>
      </c>
      <c r="O4475" s="190">
        <v>0</v>
      </c>
      <c r="P4475" s="190">
        <v>1</v>
      </c>
      <c r="Q4475" s="190">
        <v>0</v>
      </c>
      <c r="R4475" s="190">
        <v>0</v>
      </c>
      <c r="S4475" s="190">
        <v>0</v>
      </c>
      <c r="T4475" s="190">
        <v>0</v>
      </c>
      <c r="U4475" s="99"/>
      <c r="V4475" s="99"/>
      <c r="W4475" s="99"/>
      <c r="X4475" s="99"/>
      <c r="Y4475" s="99"/>
      <c r="Z4475" s="99"/>
      <c r="AA4475" s="99"/>
      <c r="AB4475" s="99"/>
      <c r="AC4475" s="99"/>
      <c r="AD4475" s="99"/>
      <c r="AE4475" s="99"/>
      <c r="AF4475" s="99"/>
      <c r="AG4475" s="99"/>
      <c r="AH4475" s="99"/>
      <c r="AI4475" s="99"/>
      <c r="AJ4475" s="99"/>
      <c r="AK4475" s="99"/>
      <c r="AL4475" s="99"/>
      <c r="AM4475" s="99"/>
      <c r="AN4475" s="99"/>
      <c r="AO4475" s="99"/>
      <c r="AP4475" s="99"/>
      <c r="AQ4475" s="99"/>
      <c r="AR4475" s="99"/>
      <c r="AS4475" s="99"/>
      <c r="AT4475" s="99"/>
      <c r="AU4475" s="99"/>
      <c r="AV4475" s="99"/>
      <c r="AW4475" s="99"/>
      <c r="AX4475" s="99"/>
      <c r="AY4475" s="99"/>
      <c r="AZ4475" s="99"/>
      <c r="BA4475" s="99"/>
      <c r="BB4475" s="107">
        <v>45884</v>
      </c>
    </row>
    <row r="4476" spans="1:54" s="238" customFormat="1" ht="13.95" customHeight="1" x14ac:dyDescent="0.25">
      <c r="A4476" s="236" t="s">
        <v>10101</v>
      </c>
      <c r="B4476" s="220" t="s">
        <v>8672</v>
      </c>
      <c r="C4476" s="190" t="s">
        <v>10102</v>
      </c>
      <c r="D4476" s="190" t="s">
        <v>10103</v>
      </c>
      <c r="E4476" s="237">
        <v>2000</v>
      </c>
      <c r="F4476" s="237">
        <v>100</v>
      </c>
      <c r="G4476" s="190" t="s">
        <v>1</v>
      </c>
      <c r="H4476" s="190">
        <v>0</v>
      </c>
      <c r="I4476" s="190">
        <v>0</v>
      </c>
      <c r="J4476" s="190">
        <v>1</v>
      </c>
      <c r="K4476" s="190">
        <v>1</v>
      </c>
      <c r="L4476" s="190">
        <v>1</v>
      </c>
      <c r="M4476" s="190">
        <v>1</v>
      </c>
      <c r="N4476" s="190">
        <v>0</v>
      </c>
      <c r="O4476" s="190">
        <v>0</v>
      </c>
      <c r="P4476" s="190">
        <v>1</v>
      </c>
      <c r="Q4476" s="190">
        <v>0</v>
      </c>
      <c r="R4476" s="190">
        <v>1</v>
      </c>
      <c r="S4476" s="190">
        <v>0</v>
      </c>
      <c r="T4476" s="190">
        <v>0</v>
      </c>
      <c r="U4476" s="99"/>
      <c r="V4476" s="99"/>
      <c r="W4476" s="99"/>
      <c r="X4476" s="99"/>
      <c r="Y4476" s="99"/>
      <c r="Z4476" s="99"/>
      <c r="AA4476" s="99"/>
      <c r="AB4476" s="99"/>
      <c r="AC4476" s="99"/>
      <c r="AD4476" s="99"/>
      <c r="AE4476" s="99"/>
      <c r="AF4476" s="99"/>
      <c r="AG4476" s="99"/>
      <c r="AH4476" s="99"/>
      <c r="AI4476" s="99"/>
      <c r="AJ4476" s="99"/>
      <c r="AK4476" s="99"/>
      <c r="AL4476" s="99"/>
      <c r="AM4476" s="99"/>
      <c r="AN4476" s="99"/>
      <c r="AO4476" s="99"/>
      <c r="AP4476" s="99"/>
      <c r="AQ4476" s="99"/>
      <c r="AR4476" s="99"/>
      <c r="AS4476" s="99"/>
      <c r="AT4476" s="99"/>
      <c r="AU4476" s="99"/>
      <c r="AV4476" s="99"/>
      <c r="AW4476" s="99"/>
      <c r="AX4476" s="99"/>
      <c r="AY4476" s="99"/>
      <c r="AZ4476" s="99"/>
      <c r="BA4476" s="99"/>
      <c r="BB4476" s="107">
        <v>45884</v>
      </c>
    </row>
    <row r="4477" spans="1:54" s="238" customFormat="1" ht="13.95" customHeight="1" x14ac:dyDescent="0.25">
      <c r="A4477" s="236" t="s">
        <v>10104</v>
      </c>
      <c r="B4477" s="220" t="s">
        <v>8672</v>
      </c>
      <c r="C4477" s="190" t="s">
        <v>10105</v>
      </c>
      <c r="D4477" s="190" t="s">
        <v>10106</v>
      </c>
      <c r="E4477" s="237">
        <v>2009</v>
      </c>
      <c r="F4477" s="237">
        <v>100</v>
      </c>
      <c r="G4477" s="190" t="s">
        <v>1</v>
      </c>
      <c r="H4477" s="190">
        <v>0</v>
      </c>
      <c r="I4477" s="190">
        <v>0</v>
      </c>
      <c r="J4477" s="190">
        <v>0</v>
      </c>
      <c r="K4477" s="190">
        <v>1</v>
      </c>
      <c r="L4477" s="190">
        <v>0</v>
      </c>
      <c r="M4477" s="190">
        <v>0</v>
      </c>
      <c r="N4477" s="190">
        <v>0</v>
      </c>
      <c r="O4477" s="190">
        <v>0</v>
      </c>
      <c r="P4477" s="190">
        <v>1</v>
      </c>
      <c r="Q4477" s="190">
        <v>0</v>
      </c>
      <c r="R4477" s="190">
        <v>0</v>
      </c>
      <c r="S4477" s="190">
        <v>0</v>
      </c>
      <c r="T4477" s="190">
        <v>0</v>
      </c>
      <c r="U4477" s="99"/>
      <c r="V4477" s="99"/>
      <c r="W4477" s="99"/>
      <c r="X4477" s="99"/>
      <c r="Y4477" s="99"/>
      <c r="Z4477" s="99"/>
      <c r="AA4477" s="99"/>
      <c r="AB4477" s="99"/>
      <c r="AC4477" s="99"/>
      <c r="AD4477" s="99"/>
      <c r="AE4477" s="99"/>
      <c r="AF4477" s="99"/>
      <c r="AG4477" s="99"/>
      <c r="AH4477" s="99"/>
      <c r="AI4477" s="99"/>
      <c r="AJ4477" s="99"/>
      <c r="AK4477" s="99"/>
      <c r="AL4477" s="99"/>
      <c r="AM4477" s="99"/>
      <c r="AN4477" s="99"/>
      <c r="AO4477" s="99"/>
      <c r="AP4477" s="99"/>
      <c r="AQ4477" s="99"/>
      <c r="AR4477" s="99"/>
      <c r="AS4477" s="99"/>
      <c r="AT4477" s="99"/>
      <c r="AU4477" s="99"/>
      <c r="AV4477" s="99"/>
      <c r="AW4477" s="99"/>
      <c r="AX4477" s="99"/>
      <c r="AY4477" s="99"/>
      <c r="AZ4477" s="99"/>
      <c r="BA4477" s="99"/>
      <c r="BB4477" s="107">
        <v>45884</v>
      </c>
    </row>
    <row r="4478" spans="1:54" s="238" customFormat="1" ht="13.95" customHeight="1" x14ac:dyDescent="0.25">
      <c r="A4478" s="236" t="s">
        <v>10107</v>
      </c>
      <c r="B4478" s="220" t="s">
        <v>8672</v>
      </c>
      <c r="C4478" s="190" t="s">
        <v>10108</v>
      </c>
      <c r="D4478" s="190" t="s">
        <v>10109</v>
      </c>
      <c r="E4478" s="237">
        <v>2009</v>
      </c>
      <c r="F4478" s="237">
        <v>300</v>
      </c>
      <c r="G4478" s="190" t="s">
        <v>1</v>
      </c>
      <c r="H4478" s="190">
        <v>0</v>
      </c>
      <c r="I4478" s="190">
        <v>0</v>
      </c>
      <c r="J4478" s="190">
        <v>1</v>
      </c>
      <c r="K4478" s="190">
        <v>1</v>
      </c>
      <c r="L4478" s="190">
        <v>1</v>
      </c>
      <c r="M4478" s="190">
        <v>1</v>
      </c>
      <c r="N4478" s="190">
        <v>0</v>
      </c>
      <c r="O4478" s="190">
        <v>0</v>
      </c>
      <c r="P4478" s="190">
        <v>0</v>
      </c>
      <c r="Q4478" s="190">
        <v>0</v>
      </c>
      <c r="R4478" s="190">
        <v>1</v>
      </c>
      <c r="S4478" s="190">
        <v>0</v>
      </c>
      <c r="T4478" s="190">
        <v>0</v>
      </c>
      <c r="U4478" s="99"/>
      <c r="V4478" s="99"/>
      <c r="W4478" s="99"/>
      <c r="X4478" s="99"/>
      <c r="Y4478" s="99"/>
      <c r="Z4478" s="99"/>
      <c r="AA4478" s="99"/>
      <c r="AB4478" s="99"/>
      <c r="AC4478" s="99"/>
      <c r="AD4478" s="99"/>
      <c r="AE4478" s="99"/>
      <c r="AF4478" s="99"/>
      <c r="AG4478" s="99"/>
      <c r="AH4478" s="99"/>
      <c r="AI4478" s="99"/>
      <c r="AJ4478" s="99"/>
      <c r="AK4478" s="99"/>
      <c r="AL4478" s="99"/>
      <c r="AM4478" s="99"/>
      <c r="AN4478" s="99"/>
      <c r="AO4478" s="99"/>
      <c r="AP4478" s="99"/>
      <c r="AQ4478" s="99"/>
      <c r="AR4478" s="99"/>
      <c r="AS4478" s="99"/>
      <c r="AT4478" s="99"/>
      <c r="AU4478" s="99"/>
      <c r="AV4478" s="99"/>
      <c r="AW4478" s="99"/>
      <c r="AX4478" s="99"/>
      <c r="AY4478" s="99"/>
      <c r="AZ4478" s="99"/>
      <c r="BA4478" s="99"/>
      <c r="BB4478" s="107">
        <v>45884</v>
      </c>
    </row>
    <row r="4479" spans="1:54" s="238" customFormat="1" ht="13.95" customHeight="1" x14ac:dyDescent="0.25">
      <c r="A4479" s="236" t="s">
        <v>10110</v>
      </c>
      <c r="B4479" s="220" t="s">
        <v>8672</v>
      </c>
      <c r="C4479" s="190" t="s">
        <v>10111</v>
      </c>
      <c r="D4479" s="190" t="s">
        <v>10112</v>
      </c>
      <c r="E4479" s="237">
        <v>2010</v>
      </c>
      <c r="F4479" s="237">
        <v>200</v>
      </c>
      <c r="G4479" s="190" t="s">
        <v>1</v>
      </c>
      <c r="H4479" s="190">
        <v>0</v>
      </c>
      <c r="I4479" s="190">
        <v>0</v>
      </c>
      <c r="J4479" s="190">
        <v>0</v>
      </c>
      <c r="K4479" s="190">
        <v>0</v>
      </c>
      <c r="L4479" s="190">
        <v>0</v>
      </c>
      <c r="M4479" s="190">
        <v>0</v>
      </c>
      <c r="N4479" s="190">
        <v>0</v>
      </c>
      <c r="O4479" s="190">
        <v>1</v>
      </c>
      <c r="P4479" s="190">
        <v>1</v>
      </c>
      <c r="Q4479" s="190">
        <v>0</v>
      </c>
      <c r="R4479" s="190">
        <v>0</v>
      </c>
      <c r="S4479" s="190">
        <v>0</v>
      </c>
      <c r="T4479" s="190">
        <v>0</v>
      </c>
      <c r="U4479" s="99"/>
      <c r="V4479" s="99"/>
      <c r="W4479" s="99"/>
      <c r="X4479" s="99"/>
      <c r="Y4479" s="99"/>
      <c r="Z4479" s="99"/>
      <c r="AA4479" s="99"/>
      <c r="AB4479" s="99"/>
      <c r="AC4479" s="99"/>
      <c r="AD4479" s="99"/>
      <c r="AE4479" s="99"/>
      <c r="AF4479" s="99"/>
      <c r="AG4479" s="99"/>
      <c r="AH4479" s="99"/>
      <c r="AI4479" s="99"/>
      <c r="AJ4479" s="99"/>
      <c r="AK4479" s="99"/>
      <c r="AL4479" s="99"/>
      <c r="AM4479" s="99"/>
      <c r="AN4479" s="99"/>
      <c r="AO4479" s="99"/>
      <c r="AP4479" s="99"/>
      <c r="AQ4479" s="99"/>
      <c r="AR4479" s="99"/>
      <c r="AS4479" s="99"/>
      <c r="AT4479" s="99"/>
      <c r="AU4479" s="99"/>
      <c r="AV4479" s="99"/>
      <c r="AW4479" s="99"/>
      <c r="AX4479" s="99"/>
      <c r="AY4479" s="99"/>
      <c r="AZ4479" s="99"/>
      <c r="BA4479" s="190" t="s">
        <v>10113</v>
      </c>
      <c r="BB4479" s="107">
        <v>45884</v>
      </c>
    </row>
    <row r="4480" spans="1:54" s="238" customFormat="1" ht="13.95" customHeight="1" x14ac:dyDescent="0.25">
      <c r="A4480" s="236" t="s">
        <v>10114</v>
      </c>
      <c r="B4480" s="220" t="s">
        <v>8672</v>
      </c>
      <c r="C4480" s="190" t="s">
        <v>10115</v>
      </c>
      <c r="D4480" s="190" t="s">
        <v>10116</v>
      </c>
      <c r="E4480" s="237">
        <v>2010</v>
      </c>
      <c r="F4480" s="237">
        <v>200</v>
      </c>
      <c r="G4480" s="190" t="s">
        <v>1</v>
      </c>
      <c r="H4480" s="190">
        <v>0</v>
      </c>
      <c r="I4480" s="190">
        <v>0</v>
      </c>
      <c r="J4480" s="190">
        <v>0</v>
      </c>
      <c r="K4480" s="190">
        <v>0</v>
      </c>
      <c r="L4480" s="190">
        <v>1</v>
      </c>
      <c r="M4480" s="190">
        <v>0</v>
      </c>
      <c r="N4480" s="190">
        <v>0</v>
      </c>
      <c r="O4480" s="190">
        <v>1</v>
      </c>
      <c r="P4480" s="190">
        <v>1</v>
      </c>
      <c r="Q4480" s="190">
        <v>1</v>
      </c>
      <c r="R4480" s="190">
        <v>0</v>
      </c>
      <c r="S4480" s="190">
        <v>0</v>
      </c>
      <c r="T4480" s="190">
        <v>0</v>
      </c>
      <c r="U4480" s="99"/>
      <c r="V4480" s="99"/>
      <c r="W4480" s="99"/>
      <c r="X4480" s="99"/>
      <c r="Y4480" s="99"/>
      <c r="Z4480" s="99"/>
      <c r="AA4480" s="99"/>
      <c r="AB4480" s="99"/>
      <c r="AC4480" s="99"/>
      <c r="AD4480" s="99"/>
      <c r="AE4480" s="99"/>
      <c r="AF4480" s="99"/>
      <c r="AG4480" s="99"/>
      <c r="AH4480" s="99"/>
      <c r="AI4480" s="99"/>
      <c r="AJ4480" s="99"/>
      <c r="AK4480" s="99"/>
      <c r="AL4480" s="99"/>
      <c r="AM4480" s="99"/>
      <c r="AN4480" s="99"/>
      <c r="AO4480" s="99"/>
      <c r="AP4480" s="99"/>
      <c r="AQ4480" s="99"/>
      <c r="AR4480" s="99"/>
      <c r="AS4480" s="99"/>
      <c r="AT4480" s="99"/>
      <c r="AU4480" s="99"/>
      <c r="AV4480" s="99"/>
      <c r="AW4480" s="99"/>
      <c r="AX4480" s="99"/>
      <c r="AY4480" s="99"/>
      <c r="AZ4480" s="99"/>
      <c r="BA4480" s="99"/>
      <c r="BB4480" s="107">
        <v>45884</v>
      </c>
    </row>
    <row r="4481" spans="1:54" s="238" customFormat="1" ht="13.95" customHeight="1" x14ac:dyDescent="0.25">
      <c r="A4481" s="236" t="s">
        <v>10117</v>
      </c>
      <c r="B4481" s="220" t="s">
        <v>8672</v>
      </c>
      <c r="C4481" s="190" t="s">
        <v>10118</v>
      </c>
      <c r="D4481" s="190" t="s">
        <v>10119</v>
      </c>
      <c r="E4481" s="237">
        <v>2010</v>
      </c>
      <c r="F4481" s="237">
        <v>1000</v>
      </c>
      <c r="G4481" s="190" t="s">
        <v>1</v>
      </c>
      <c r="H4481" s="190">
        <v>0</v>
      </c>
      <c r="I4481" s="190">
        <v>0</v>
      </c>
      <c r="J4481" s="190">
        <v>1</v>
      </c>
      <c r="K4481" s="190">
        <v>0</v>
      </c>
      <c r="L4481" s="190">
        <v>0</v>
      </c>
      <c r="M4481" s="190">
        <v>1</v>
      </c>
      <c r="N4481" s="190">
        <v>0</v>
      </c>
      <c r="O4481" s="190">
        <v>0</v>
      </c>
      <c r="P4481" s="190">
        <v>0</v>
      </c>
      <c r="Q4481" s="190">
        <v>0</v>
      </c>
      <c r="R4481" s="190">
        <v>0</v>
      </c>
      <c r="S4481" s="190">
        <v>0</v>
      </c>
      <c r="T4481" s="190">
        <v>0</v>
      </c>
      <c r="U4481" s="99"/>
      <c r="V4481" s="99"/>
      <c r="W4481" s="99"/>
      <c r="X4481" s="99"/>
      <c r="Y4481" s="99"/>
      <c r="Z4481" s="99"/>
      <c r="AA4481" s="99"/>
      <c r="AB4481" s="99"/>
      <c r="AC4481" s="99"/>
      <c r="AD4481" s="99"/>
      <c r="AE4481" s="99"/>
      <c r="AF4481" s="99"/>
      <c r="AG4481" s="99"/>
      <c r="AH4481" s="99"/>
      <c r="AI4481" s="99"/>
      <c r="AJ4481" s="99"/>
      <c r="AK4481" s="99"/>
      <c r="AL4481" s="99"/>
      <c r="AM4481" s="99"/>
      <c r="AN4481" s="99"/>
      <c r="AO4481" s="99"/>
      <c r="AP4481" s="99"/>
      <c r="AQ4481" s="99"/>
      <c r="AR4481" s="99"/>
      <c r="AS4481" s="99"/>
      <c r="AT4481" s="99"/>
      <c r="AU4481" s="99"/>
      <c r="AV4481" s="99"/>
      <c r="AW4481" s="99"/>
      <c r="AX4481" s="99"/>
      <c r="AY4481" s="99"/>
      <c r="AZ4481" s="99"/>
      <c r="BA4481" s="99"/>
      <c r="BB4481" s="107">
        <v>45884</v>
      </c>
    </row>
    <row r="4482" spans="1:54" s="238" customFormat="1" ht="13.95" customHeight="1" x14ac:dyDescent="0.25">
      <c r="A4482" s="236" t="s">
        <v>10120</v>
      </c>
      <c r="B4482" s="220" t="s">
        <v>8672</v>
      </c>
      <c r="C4482" s="190" t="s">
        <v>10121</v>
      </c>
      <c r="D4482" s="190" t="s">
        <v>10122</v>
      </c>
      <c r="E4482" s="237">
        <v>2011</v>
      </c>
      <c r="F4482" s="237">
        <v>300</v>
      </c>
      <c r="G4482" s="190" t="s">
        <v>1</v>
      </c>
      <c r="H4482" s="190">
        <v>0</v>
      </c>
      <c r="I4482" s="190">
        <v>0</v>
      </c>
      <c r="J4482" s="190">
        <v>1</v>
      </c>
      <c r="K4482" s="190">
        <v>1</v>
      </c>
      <c r="L4482" s="190">
        <v>1</v>
      </c>
      <c r="M4482" s="190">
        <v>1</v>
      </c>
      <c r="N4482" s="190">
        <v>0</v>
      </c>
      <c r="O4482" s="190">
        <v>0</v>
      </c>
      <c r="P4482" s="190">
        <v>0</v>
      </c>
      <c r="Q4482" s="190">
        <v>0</v>
      </c>
      <c r="R4482" s="190">
        <v>0</v>
      </c>
      <c r="S4482" s="190">
        <v>0</v>
      </c>
      <c r="T4482" s="190">
        <v>0</v>
      </c>
      <c r="U4482" s="99"/>
      <c r="V4482" s="99"/>
      <c r="W4482" s="99"/>
      <c r="X4482" s="99"/>
      <c r="Y4482" s="99"/>
      <c r="Z4482" s="99"/>
      <c r="AA4482" s="99"/>
      <c r="AB4482" s="99"/>
      <c r="AC4482" s="99"/>
      <c r="AD4482" s="99"/>
      <c r="AE4482" s="99"/>
      <c r="AF4482" s="99"/>
      <c r="AG4482" s="99"/>
      <c r="AH4482" s="99"/>
      <c r="AI4482" s="99"/>
      <c r="AJ4482" s="99"/>
      <c r="AK4482" s="99"/>
      <c r="AL4482" s="99"/>
      <c r="AM4482" s="99"/>
      <c r="AN4482" s="99"/>
      <c r="AO4482" s="99"/>
      <c r="AP4482" s="99"/>
      <c r="AQ4482" s="99"/>
      <c r="AR4482" s="99"/>
      <c r="AS4482" s="99"/>
      <c r="AT4482" s="99"/>
      <c r="AU4482" s="99"/>
      <c r="AV4482" s="99"/>
      <c r="AW4482" s="99"/>
      <c r="AX4482" s="99"/>
      <c r="AY4482" s="99"/>
      <c r="AZ4482" s="99"/>
      <c r="BA4482" s="99"/>
      <c r="BB4482" s="107">
        <v>45884</v>
      </c>
    </row>
    <row r="4483" spans="1:54" s="238" customFormat="1" ht="13.95" customHeight="1" x14ac:dyDescent="0.25">
      <c r="A4483" s="236" t="s">
        <v>10123</v>
      </c>
      <c r="B4483" s="220" t="s">
        <v>8672</v>
      </c>
      <c r="C4483" s="190" t="s">
        <v>10124</v>
      </c>
      <c r="D4483" s="190" t="s">
        <v>10125</v>
      </c>
      <c r="E4483" s="237">
        <v>2013</v>
      </c>
      <c r="F4483" s="237">
        <v>400</v>
      </c>
      <c r="G4483" s="190" t="s">
        <v>1</v>
      </c>
      <c r="H4483" s="190">
        <v>0</v>
      </c>
      <c r="I4483" s="190">
        <v>0</v>
      </c>
      <c r="J4483" s="190">
        <v>1</v>
      </c>
      <c r="K4483" s="190">
        <v>1</v>
      </c>
      <c r="L4483" s="190">
        <v>1</v>
      </c>
      <c r="M4483" s="190">
        <v>0</v>
      </c>
      <c r="N4483" s="190">
        <v>1</v>
      </c>
      <c r="O4483" s="190">
        <v>0</v>
      </c>
      <c r="P4483" s="190">
        <v>0</v>
      </c>
      <c r="Q4483" s="190">
        <v>0</v>
      </c>
      <c r="R4483" s="190">
        <v>0</v>
      </c>
      <c r="S4483" s="190">
        <v>0</v>
      </c>
      <c r="T4483" s="190">
        <v>0</v>
      </c>
      <c r="U4483" s="99"/>
      <c r="V4483" s="99"/>
      <c r="W4483" s="99"/>
      <c r="X4483" s="99"/>
      <c r="Y4483" s="99"/>
      <c r="Z4483" s="99"/>
      <c r="AA4483" s="99"/>
      <c r="AB4483" s="99"/>
      <c r="AC4483" s="99"/>
      <c r="AD4483" s="99"/>
      <c r="AE4483" s="99"/>
      <c r="AF4483" s="99"/>
      <c r="AG4483" s="99"/>
      <c r="AH4483" s="99"/>
      <c r="AI4483" s="99"/>
      <c r="AJ4483" s="99"/>
      <c r="AK4483" s="99"/>
      <c r="AL4483" s="99"/>
      <c r="AM4483" s="99"/>
      <c r="AN4483" s="99"/>
      <c r="AO4483" s="99"/>
      <c r="AP4483" s="99"/>
      <c r="AQ4483" s="99"/>
      <c r="AR4483" s="99"/>
      <c r="AS4483" s="99"/>
      <c r="AT4483" s="99"/>
      <c r="AU4483" s="99"/>
      <c r="AV4483" s="99"/>
      <c r="AW4483" s="99"/>
      <c r="AX4483" s="99"/>
      <c r="AY4483" s="99"/>
      <c r="AZ4483" s="99"/>
      <c r="BA4483" s="99"/>
      <c r="BB4483" s="107">
        <v>45884</v>
      </c>
    </row>
    <row r="4484" spans="1:54" s="238" customFormat="1" ht="13.95" customHeight="1" x14ac:dyDescent="0.25">
      <c r="A4484" s="236" t="s">
        <v>10126</v>
      </c>
      <c r="B4484" s="220" t="s">
        <v>8672</v>
      </c>
      <c r="C4484" s="190" t="s">
        <v>10127</v>
      </c>
      <c r="D4484" s="190" t="s">
        <v>10128</v>
      </c>
      <c r="E4484" s="237">
        <v>2003</v>
      </c>
      <c r="F4484" s="237">
        <v>1000</v>
      </c>
      <c r="G4484" s="190" t="s">
        <v>1</v>
      </c>
      <c r="H4484" s="190">
        <v>0</v>
      </c>
      <c r="I4484" s="190">
        <v>0</v>
      </c>
      <c r="J4484" s="190">
        <v>1</v>
      </c>
      <c r="K4484" s="190">
        <v>1</v>
      </c>
      <c r="L4484" s="190">
        <v>0</v>
      </c>
      <c r="M4484" s="190">
        <v>1</v>
      </c>
      <c r="N4484" s="190">
        <v>0</v>
      </c>
      <c r="O4484" s="190">
        <v>1</v>
      </c>
      <c r="P4484" s="190">
        <v>1</v>
      </c>
      <c r="Q4484" s="190">
        <v>0</v>
      </c>
      <c r="R4484" s="190">
        <v>0</v>
      </c>
      <c r="S4484" s="190">
        <v>0</v>
      </c>
      <c r="T4484" s="190">
        <v>0</v>
      </c>
      <c r="U4484" s="99"/>
      <c r="V4484" s="99"/>
      <c r="W4484" s="99"/>
      <c r="X4484" s="99"/>
      <c r="Y4484" s="99"/>
      <c r="Z4484" s="99"/>
      <c r="AA4484" s="99"/>
      <c r="AB4484" s="99"/>
      <c r="AC4484" s="99"/>
      <c r="AD4484" s="99"/>
      <c r="AE4484" s="99"/>
      <c r="AF4484" s="99"/>
      <c r="AG4484" s="99"/>
      <c r="AH4484" s="99"/>
      <c r="AI4484" s="99"/>
      <c r="AJ4484" s="99"/>
      <c r="AK4484" s="99"/>
      <c r="AL4484" s="99"/>
      <c r="AM4484" s="99"/>
      <c r="AN4484" s="99"/>
      <c r="AO4484" s="99"/>
      <c r="AP4484" s="99"/>
      <c r="AQ4484" s="99"/>
      <c r="AR4484" s="99"/>
      <c r="AS4484" s="99"/>
      <c r="AT4484" s="99"/>
      <c r="AU4484" s="99"/>
      <c r="AV4484" s="99"/>
      <c r="AW4484" s="99"/>
      <c r="AX4484" s="99"/>
      <c r="AY4484" s="99"/>
      <c r="AZ4484" s="99"/>
      <c r="BA4484" s="99"/>
      <c r="BB4484" s="107">
        <v>45884</v>
      </c>
    </row>
    <row r="4485" spans="1:54" s="238" customFormat="1" ht="13.95" customHeight="1" x14ac:dyDescent="0.25">
      <c r="A4485" s="236" t="s">
        <v>10129</v>
      </c>
      <c r="B4485" s="220" t="s">
        <v>8672</v>
      </c>
      <c r="C4485" s="190" t="s">
        <v>10130</v>
      </c>
      <c r="D4485" s="190" t="s">
        <v>10131</v>
      </c>
      <c r="E4485" s="237">
        <v>1974</v>
      </c>
      <c r="F4485" s="237">
        <v>400</v>
      </c>
      <c r="G4485" s="190" t="s">
        <v>1</v>
      </c>
      <c r="H4485" s="190">
        <v>0</v>
      </c>
      <c r="I4485" s="190">
        <v>0</v>
      </c>
      <c r="J4485" s="190">
        <v>0</v>
      </c>
      <c r="K4485" s="190">
        <v>1</v>
      </c>
      <c r="L4485" s="190">
        <v>1</v>
      </c>
      <c r="M4485" s="190">
        <v>0</v>
      </c>
      <c r="N4485" s="190">
        <v>0</v>
      </c>
      <c r="O4485" s="190">
        <v>1</v>
      </c>
      <c r="P4485" s="190">
        <v>1</v>
      </c>
      <c r="Q4485" s="190">
        <v>0</v>
      </c>
      <c r="R4485" s="190">
        <v>1</v>
      </c>
      <c r="S4485" s="190">
        <v>0</v>
      </c>
      <c r="T4485" s="190">
        <v>0</v>
      </c>
      <c r="U4485" s="99"/>
      <c r="V4485" s="99"/>
      <c r="W4485" s="99"/>
      <c r="X4485" s="99"/>
      <c r="Y4485" s="99"/>
      <c r="Z4485" s="99"/>
      <c r="AA4485" s="99"/>
      <c r="AB4485" s="99"/>
      <c r="AC4485" s="99"/>
      <c r="AD4485" s="99"/>
      <c r="AE4485" s="99"/>
      <c r="AF4485" s="99"/>
      <c r="AG4485" s="99"/>
      <c r="AH4485" s="99"/>
      <c r="AI4485" s="99"/>
      <c r="AJ4485" s="99"/>
      <c r="AK4485" s="99"/>
      <c r="AL4485" s="99"/>
      <c r="AM4485" s="99"/>
      <c r="AN4485" s="99"/>
      <c r="AO4485" s="99"/>
      <c r="AP4485" s="99"/>
      <c r="AQ4485" s="99"/>
      <c r="AR4485" s="99"/>
      <c r="AS4485" s="99"/>
      <c r="AT4485" s="99"/>
      <c r="AU4485" s="99"/>
      <c r="AV4485" s="99"/>
      <c r="AW4485" s="99"/>
      <c r="AX4485" s="99"/>
      <c r="AY4485" s="99"/>
      <c r="AZ4485" s="99"/>
      <c r="BA4485" s="190" t="s">
        <v>10010</v>
      </c>
      <c r="BB4485" s="107">
        <v>45884</v>
      </c>
    </row>
    <row r="4486" spans="1:54" s="238" customFormat="1" ht="13.95" customHeight="1" x14ac:dyDescent="0.25">
      <c r="A4486" s="236" t="s">
        <v>10132</v>
      </c>
      <c r="B4486" s="220" t="s">
        <v>8672</v>
      </c>
      <c r="C4486" s="190" t="s">
        <v>10133</v>
      </c>
      <c r="D4486" s="190" t="s">
        <v>10134</v>
      </c>
      <c r="E4486" s="237">
        <v>1974</v>
      </c>
      <c r="F4486" s="237">
        <v>400</v>
      </c>
      <c r="G4486" s="190" t="s">
        <v>1</v>
      </c>
      <c r="H4486" s="190">
        <v>0</v>
      </c>
      <c r="I4486" s="190">
        <v>0</v>
      </c>
      <c r="J4486" s="190">
        <v>0</v>
      </c>
      <c r="K4486" s="190">
        <v>1</v>
      </c>
      <c r="L4486" s="190">
        <v>1</v>
      </c>
      <c r="M4486" s="190">
        <v>0</v>
      </c>
      <c r="N4486" s="190">
        <v>0</v>
      </c>
      <c r="O4486" s="190">
        <v>0</v>
      </c>
      <c r="P4486" s="190">
        <v>1</v>
      </c>
      <c r="Q4486" s="190">
        <v>0</v>
      </c>
      <c r="R4486" s="190">
        <v>1</v>
      </c>
      <c r="S4486" s="190">
        <v>1</v>
      </c>
      <c r="T4486" s="190">
        <v>0</v>
      </c>
      <c r="U4486" s="99"/>
      <c r="V4486" s="99"/>
      <c r="W4486" s="99"/>
      <c r="X4486" s="99"/>
      <c r="Y4486" s="99"/>
      <c r="Z4486" s="99"/>
      <c r="AA4486" s="99"/>
      <c r="AB4486" s="99"/>
      <c r="AC4486" s="99"/>
      <c r="AD4486" s="99"/>
      <c r="AE4486" s="99"/>
      <c r="AF4486" s="99"/>
      <c r="AG4486" s="99"/>
      <c r="AH4486" s="99"/>
      <c r="AI4486" s="99"/>
      <c r="AJ4486" s="99"/>
      <c r="AK4486" s="99"/>
      <c r="AL4486" s="99"/>
      <c r="AM4486" s="99"/>
      <c r="AN4486" s="99"/>
      <c r="AO4486" s="99"/>
      <c r="AP4486" s="99"/>
      <c r="AQ4486" s="99"/>
      <c r="AR4486" s="99"/>
      <c r="AS4486" s="99"/>
      <c r="AT4486" s="99"/>
      <c r="AU4486" s="99"/>
      <c r="AV4486" s="99"/>
      <c r="AW4486" s="99"/>
      <c r="AX4486" s="99"/>
      <c r="AY4486" s="99"/>
      <c r="AZ4486" s="99"/>
      <c r="BA4486" s="99"/>
      <c r="BB4486" s="107">
        <v>45884</v>
      </c>
    </row>
    <row r="4487" spans="1:54" s="238" customFormat="1" ht="13.95" customHeight="1" x14ac:dyDescent="0.25">
      <c r="A4487" s="236" t="s">
        <v>10135</v>
      </c>
      <c r="B4487" s="220" t="s">
        <v>8672</v>
      </c>
      <c r="C4487" s="190" t="s">
        <v>10136</v>
      </c>
      <c r="D4487" s="190" t="s">
        <v>10137</v>
      </c>
      <c r="E4487" s="237">
        <v>1974</v>
      </c>
      <c r="F4487" s="237">
        <v>300</v>
      </c>
      <c r="G4487" s="190" t="s">
        <v>1</v>
      </c>
      <c r="H4487" s="190">
        <v>0</v>
      </c>
      <c r="I4487" s="190">
        <v>0</v>
      </c>
      <c r="J4487" s="190">
        <v>1</v>
      </c>
      <c r="K4487" s="190">
        <v>0</v>
      </c>
      <c r="L4487" s="190">
        <v>0</v>
      </c>
      <c r="M4487" s="190">
        <v>0</v>
      </c>
      <c r="N4487" s="190">
        <v>0</v>
      </c>
      <c r="O4487" s="190">
        <v>1</v>
      </c>
      <c r="P4487" s="190">
        <v>0</v>
      </c>
      <c r="Q4487" s="190">
        <v>0</v>
      </c>
      <c r="R4487" s="190">
        <v>1</v>
      </c>
      <c r="S4487" s="190">
        <v>0</v>
      </c>
      <c r="T4487" s="190">
        <v>0</v>
      </c>
      <c r="U4487" s="99"/>
      <c r="V4487" s="99"/>
      <c r="W4487" s="99"/>
      <c r="X4487" s="99"/>
      <c r="Y4487" s="99"/>
      <c r="Z4487" s="99"/>
      <c r="AA4487" s="99"/>
      <c r="AB4487" s="99"/>
      <c r="AC4487" s="99"/>
      <c r="AD4487" s="99"/>
      <c r="AE4487" s="99"/>
      <c r="AF4487" s="99"/>
      <c r="AG4487" s="99"/>
      <c r="AH4487" s="99"/>
      <c r="AI4487" s="99"/>
      <c r="AJ4487" s="99"/>
      <c r="AK4487" s="99"/>
      <c r="AL4487" s="99"/>
      <c r="AM4487" s="99"/>
      <c r="AN4487" s="99"/>
      <c r="AO4487" s="99"/>
      <c r="AP4487" s="99"/>
      <c r="AQ4487" s="99"/>
      <c r="AR4487" s="99"/>
      <c r="AS4487" s="99"/>
      <c r="AT4487" s="99"/>
      <c r="AU4487" s="99"/>
      <c r="AV4487" s="99"/>
      <c r="AW4487" s="99"/>
      <c r="AX4487" s="99"/>
      <c r="AY4487" s="99"/>
      <c r="AZ4487" s="99"/>
      <c r="BA4487" s="190" t="s">
        <v>8819</v>
      </c>
      <c r="BB4487" s="107">
        <v>45884</v>
      </c>
    </row>
    <row r="4488" spans="1:54" s="238" customFormat="1" ht="13.95" customHeight="1" x14ac:dyDescent="0.25">
      <c r="A4488" s="236" t="s">
        <v>10138</v>
      </c>
      <c r="B4488" s="220" t="s">
        <v>8672</v>
      </c>
      <c r="C4488" s="190" t="s">
        <v>10139</v>
      </c>
      <c r="D4488" s="190" t="s">
        <v>10140</v>
      </c>
      <c r="E4488" s="237">
        <v>1974</v>
      </c>
      <c r="F4488" s="237">
        <v>700</v>
      </c>
      <c r="G4488" s="190" t="s">
        <v>1</v>
      </c>
      <c r="H4488" s="190">
        <v>0</v>
      </c>
      <c r="I4488" s="190">
        <v>0</v>
      </c>
      <c r="J4488" s="190">
        <v>1</v>
      </c>
      <c r="K4488" s="190">
        <v>0</v>
      </c>
      <c r="L4488" s="190">
        <v>1</v>
      </c>
      <c r="M4488" s="190">
        <v>0</v>
      </c>
      <c r="N4488" s="190">
        <v>0</v>
      </c>
      <c r="O4488" s="190">
        <v>1</v>
      </c>
      <c r="P4488" s="190">
        <v>1</v>
      </c>
      <c r="Q4488" s="190">
        <v>0</v>
      </c>
      <c r="R4488" s="190">
        <v>1</v>
      </c>
      <c r="S4488" s="190">
        <v>0</v>
      </c>
      <c r="T4488" s="190">
        <v>0</v>
      </c>
      <c r="U4488" s="99"/>
      <c r="V4488" s="99"/>
      <c r="W4488" s="99"/>
      <c r="X4488" s="99"/>
      <c r="Y4488" s="99"/>
      <c r="Z4488" s="99"/>
      <c r="AA4488" s="99"/>
      <c r="AB4488" s="99"/>
      <c r="AC4488" s="99"/>
      <c r="AD4488" s="99"/>
      <c r="AE4488" s="99"/>
      <c r="AF4488" s="99"/>
      <c r="AG4488" s="99"/>
      <c r="AH4488" s="99"/>
      <c r="AI4488" s="99"/>
      <c r="AJ4488" s="99"/>
      <c r="AK4488" s="99"/>
      <c r="AL4488" s="99"/>
      <c r="AM4488" s="99"/>
      <c r="AN4488" s="99"/>
      <c r="AO4488" s="99"/>
      <c r="AP4488" s="99"/>
      <c r="AQ4488" s="99"/>
      <c r="AR4488" s="99"/>
      <c r="AS4488" s="99"/>
      <c r="AT4488" s="99"/>
      <c r="AU4488" s="99"/>
      <c r="AV4488" s="99"/>
      <c r="AW4488" s="99"/>
      <c r="AX4488" s="99"/>
      <c r="AY4488" s="99"/>
      <c r="AZ4488" s="99"/>
      <c r="BA4488" s="99"/>
      <c r="BB4488" s="107">
        <v>45884</v>
      </c>
    </row>
    <row r="4489" spans="1:54" s="238" customFormat="1" ht="13.95" customHeight="1" x14ac:dyDescent="0.25">
      <c r="A4489" s="236" t="s">
        <v>10141</v>
      </c>
      <c r="B4489" s="220" t="s">
        <v>8672</v>
      </c>
      <c r="C4489" s="190" t="s">
        <v>10142</v>
      </c>
      <c r="D4489" s="190" t="s">
        <v>10143</v>
      </c>
      <c r="E4489" s="237">
        <v>1974</v>
      </c>
      <c r="F4489" s="237">
        <v>600</v>
      </c>
      <c r="G4489" s="190" t="s">
        <v>1</v>
      </c>
      <c r="H4489" s="190">
        <v>0</v>
      </c>
      <c r="I4489" s="190">
        <v>0</v>
      </c>
      <c r="J4489" s="190">
        <v>1</v>
      </c>
      <c r="K4489" s="190">
        <v>0</v>
      </c>
      <c r="L4489" s="190">
        <v>1</v>
      </c>
      <c r="M4489" s="190">
        <v>0</v>
      </c>
      <c r="N4489" s="190">
        <v>0</v>
      </c>
      <c r="O4489" s="190">
        <v>1</v>
      </c>
      <c r="P4489" s="190">
        <v>1</v>
      </c>
      <c r="Q4489" s="190">
        <v>0</v>
      </c>
      <c r="R4489" s="190">
        <v>0</v>
      </c>
      <c r="S4489" s="190">
        <v>0</v>
      </c>
      <c r="T4489" s="190">
        <v>0</v>
      </c>
      <c r="U4489" s="99"/>
      <c r="V4489" s="99"/>
      <c r="W4489" s="99"/>
      <c r="X4489" s="99"/>
      <c r="Y4489" s="99"/>
      <c r="Z4489" s="99"/>
      <c r="AA4489" s="99"/>
      <c r="AB4489" s="99"/>
      <c r="AC4489" s="99"/>
      <c r="AD4489" s="99"/>
      <c r="AE4489" s="99"/>
      <c r="AF4489" s="99"/>
      <c r="AG4489" s="99"/>
      <c r="AH4489" s="99"/>
      <c r="AI4489" s="99"/>
      <c r="AJ4489" s="99"/>
      <c r="AK4489" s="99"/>
      <c r="AL4489" s="99"/>
      <c r="AM4489" s="99"/>
      <c r="AN4489" s="99"/>
      <c r="AO4489" s="99"/>
      <c r="AP4489" s="99"/>
      <c r="AQ4489" s="99"/>
      <c r="AR4489" s="99"/>
      <c r="AS4489" s="99"/>
      <c r="AT4489" s="99"/>
      <c r="AU4489" s="99"/>
      <c r="AV4489" s="99"/>
      <c r="AW4489" s="99"/>
      <c r="AX4489" s="99"/>
      <c r="AY4489" s="99"/>
      <c r="AZ4489" s="99"/>
      <c r="BA4489" s="190" t="s">
        <v>10144</v>
      </c>
      <c r="BB4489" s="107">
        <v>45884</v>
      </c>
    </row>
    <row r="4490" spans="1:54" s="238" customFormat="1" ht="13.95" customHeight="1" x14ac:dyDescent="0.25">
      <c r="A4490" s="236" t="s">
        <v>10145</v>
      </c>
      <c r="B4490" s="220" t="s">
        <v>8672</v>
      </c>
      <c r="C4490" s="190" t="s">
        <v>10146</v>
      </c>
      <c r="D4490" s="190" t="s">
        <v>10147</v>
      </c>
      <c r="E4490" s="237">
        <v>1975</v>
      </c>
      <c r="F4490" s="237">
        <v>100</v>
      </c>
      <c r="G4490" s="190" t="s">
        <v>1</v>
      </c>
      <c r="H4490" s="190">
        <v>0</v>
      </c>
      <c r="I4490" s="190">
        <v>0</v>
      </c>
      <c r="J4490" s="190">
        <v>0</v>
      </c>
      <c r="K4490" s="190">
        <v>1</v>
      </c>
      <c r="L4490" s="190">
        <v>0</v>
      </c>
      <c r="M4490" s="190">
        <v>1</v>
      </c>
      <c r="N4490" s="190">
        <v>0</v>
      </c>
      <c r="O4490" s="190">
        <v>0</v>
      </c>
      <c r="P4490" s="190">
        <v>1</v>
      </c>
      <c r="Q4490" s="190">
        <v>0</v>
      </c>
      <c r="R4490" s="190">
        <v>1</v>
      </c>
      <c r="S4490" s="190">
        <v>0</v>
      </c>
      <c r="T4490" s="190">
        <v>0</v>
      </c>
      <c r="U4490" s="99"/>
      <c r="V4490" s="99"/>
      <c r="W4490" s="99"/>
      <c r="X4490" s="99"/>
      <c r="Y4490" s="99"/>
      <c r="Z4490" s="99"/>
      <c r="AA4490" s="99"/>
      <c r="AB4490" s="99"/>
      <c r="AC4490" s="99"/>
      <c r="AD4490" s="99"/>
      <c r="AE4490" s="99"/>
      <c r="AF4490" s="99"/>
      <c r="AG4490" s="99"/>
      <c r="AH4490" s="99"/>
      <c r="AI4490" s="99"/>
      <c r="AJ4490" s="99"/>
      <c r="AK4490" s="99"/>
      <c r="AL4490" s="99"/>
      <c r="AM4490" s="99"/>
      <c r="AN4490" s="99"/>
      <c r="AO4490" s="99"/>
      <c r="AP4490" s="99"/>
      <c r="AQ4490" s="99"/>
      <c r="AR4490" s="99"/>
      <c r="AS4490" s="99"/>
      <c r="AT4490" s="99"/>
      <c r="AU4490" s="99"/>
      <c r="AV4490" s="99"/>
      <c r="AW4490" s="99"/>
      <c r="AX4490" s="99"/>
      <c r="AY4490" s="99"/>
      <c r="AZ4490" s="99"/>
      <c r="BA4490" s="99"/>
      <c r="BB4490" s="107">
        <v>45884</v>
      </c>
    </row>
    <row r="4491" spans="1:54" s="238" customFormat="1" ht="13.95" customHeight="1" x14ac:dyDescent="0.25">
      <c r="A4491" s="236" t="s">
        <v>10148</v>
      </c>
      <c r="B4491" s="220" t="s">
        <v>8672</v>
      </c>
      <c r="C4491" s="190" t="s">
        <v>10149</v>
      </c>
      <c r="D4491" s="190" t="s">
        <v>10150</v>
      </c>
      <c r="E4491" s="237">
        <v>2010</v>
      </c>
      <c r="F4491" s="237">
        <v>1500</v>
      </c>
      <c r="G4491" s="190" t="s">
        <v>1</v>
      </c>
      <c r="H4491" s="190">
        <v>0</v>
      </c>
      <c r="I4491" s="190">
        <v>0</v>
      </c>
      <c r="J4491" s="190">
        <v>1</v>
      </c>
      <c r="K4491" s="190">
        <v>0</v>
      </c>
      <c r="L4491" s="190">
        <v>1</v>
      </c>
      <c r="M4491" s="190">
        <v>0</v>
      </c>
      <c r="N4491" s="190">
        <v>0</v>
      </c>
      <c r="O4491" s="190">
        <v>1</v>
      </c>
      <c r="P4491" s="190">
        <v>1</v>
      </c>
      <c r="Q4491" s="190">
        <v>0</v>
      </c>
      <c r="R4491" s="190">
        <v>1</v>
      </c>
      <c r="S4491" s="190">
        <v>1</v>
      </c>
      <c r="T4491" s="190">
        <v>0</v>
      </c>
      <c r="U4491" s="99"/>
      <c r="V4491" s="99"/>
      <c r="W4491" s="99"/>
      <c r="X4491" s="99"/>
      <c r="Y4491" s="99"/>
      <c r="Z4491" s="99"/>
      <c r="AA4491" s="99"/>
      <c r="AB4491" s="99"/>
      <c r="AC4491" s="99"/>
      <c r="AD4491" s="99"/>
      <c r="AE4491" s="99"/>
      <c r="AF4491" s="99"/>
      <c r="AG4491" s="99"/>
      <c r="AH4491" s="99"/>
      <c r="AI4491" s="99"/>
      <c r="AJ4491" s="99"/>
      <c r="AK4491" s="99"/>
      <c r="AL4491" s="99"/>
      <c r="AM4491" s="99"/>
      <c r="AN4491" s="99"/>
      <c r="AO4491" s="99"/>
      <c r="AP4491" s="99"/>
      <c r="AQ4491" s="99"/>
      <c r="AR4491" s="99"/>
      <c r="AS4491" s="99"/>
      <c r="AT4491" s="99"/>
      <c r="AU4491" s="99"/>
      <c r="AV4491" s="99"/>
      <c r="AW4491" s="99"/>
      <c r="AX4491" s="99"/>
      <c r="AY4491" s="99"/>
      <c r="AZ4491" s="99"/>
      <c r="BA4491" s="190" t="s">
        <v>10151</v>
      </c>
      <c r="BB4491" s="107">
        <v>45884</v>
      </c>
    </row>
    <row r="4492" spans="1:54" s="238" customFormat="1" ht="13.95" customHeight="1" x14ac:dyDescent="0.25">
      <c r="A4492" s="236" t="s">
        <v>10152</v>
      </c>
      <c r="B4492" s="220" t="s">
        <v>8672</v>
      </c>
      <c r="C4492" s="190" t="s">
        <v>10153</v>
      </c>
      <c r="D4492" s="190" t="s">
        <v>10154</v>
      </c>
      <c r="E4492" s="237">
        <v>1975</v>
      </c>
      <c r="F4492" s="237">
        <v>300</v>
      </c>
      <c r="G4492" s="190" t="s">
        <v>1</v>
      </c>
      <c r="H4492" s="190">
        <v>0</v>
      </c>
      <c r="I4492" s="190">
        <v>0</v>
      </c>
      <c r="J4492" s="190">
        <v>1</v>
      </c>
      <c r="K4492" s="190">
        <v>1</v>
      </c>
      <c r="L4492" s="190">
        <v>1</v>
      </c>
      <c r="M4492" s="190">
        <v>0</v>
      </c>
      <c r="N4492" s="190">
        <v>0</v>
      </c>
      <c r="O4492" s="190">
        <v>1</v>
      </c>
      <c r="P4492" s="190">
        <v>1</v>
      </c>
      <c r="Q4492" s="190">
        <v>0</v>
      </c>
      <c r="R4492" s="190">
        <v>1</v>
      </c>
      <c r="S4492" s="190">
        <v>0</v>
      </c>
      <c r="T4492" s="190">
        <v>0</v>
      </c>
      <c r="U4492" s="99"/>
      <c r="V4492" s="99"/>
      <c r="W4492" s="99"/>
      <c r="X4492" s="99"/>
      <c r="Y4492" s="99"/>
      <c r="Z4492" s="99"/>
      <c r="AA4492" s="99"/>
      <c r="AB4492" s="99"/>
      <c r="AC4492" s="99"/>
      <c r="AD4492" s="99"/>
      <c r="AE4492" s="99"/>
      <c r="AF4492" s="99"/>
      <c r="AG4492" s="99"/>
      <c r="AH4492" s="99"/>
      <c r="AI4492" s="99"/>
      <c r="AJ4492" s="99"/>
      <c r="AK4492" s="99"/>
      <c r="AL4492" s="99"/>
      <c r="AM4492" s="99"/>
      <c r="AN4492" s="99"/>
      <c r="AO4492" s="99"/>
      <c r="AP4492" s="99"/>
      <c r="AQ4492" s="99"/>
      <c r="AR4492" s="99"/>
      <c r="AS4492" s="99"/>
      <c r="AT4492" s="99"/>
      <c r="AU4492" s="99"/>
      <c r="AV4492" s="99"/>
      <c r="AW4492" s="99"/>
      <c r="AX4492" s="99"/>
      <c r="AY4492" s="99"/>
      <c r="AZ4492" s="99"/>
      <c r="BA4492" s="99"/>
      <c r="BB4492" s="107">
        <v>45884</v>
      </c>
    </row>
    <row r="4493" spans="1:54" s="238" customFormat="1" ht="13.95" customHeight="1" x14ac:dyDescent="0.25">
      <c r="A4493" s="236" t="s">
        <v>10155</v>
      </c>
      <c r="B4493" s="220" t="s">
        <v>8672</v>
      </c>
      <c r="C4493" s="190" t="s">
        <v>10156</v>
      </c>
      <c r="D4493" s="190" t="s">
        <v>10157</v>
      </c>
      <c r="E4493" s="237">
        <v>1975</v>
      </c>
      <c r="F4493" s="237">
        <v>300</v>
      </c>
      <c r="G4493" s="190" t="s">
        <v>1</v>
      </c>
      <c r="H4493" s="190">
        <v>0</v>
      </c>
      <c r="I4493" s="190">
        <v>0</v>
      </c>
      <c r="J4493" s="190">
        <v>1</v>
      </c>
      <c r="K4493" s="190">
        <v>1</v>
      </c>
      <c r="L4493" s="190">
        <v>1</v>
      </c>
      <c r="M4493" s="190">
        <v>0</v>
      </c>
      <c r="N4493" s="190">
        <v>0</v>
      </c>
      <c r="O4493" s="190">
        <v>0</v>
      </c>
      <c r="P4493" s="190">
        <v>0</v>
      </c>
      <c r="Q4493" s="190">
        <v>0</v>
      </c>
      <c r="R4493" s="190">
        <v>0</v>
      </c>
      <c r="S4493" s="190">
        <v>0</v>
      </c>
      <c r="T4493" s="190">
        <v>0</v>
      </c>
      <c r="U4493" s="99"/>
      <c r="V4493" s="99"/>
      <c r="W4493" s="99"/>
      <c r="X4493" s="99"/>
      <c r="Y4493" s="99"/>
      <c r="Z4493" s="99"/>
      <c r="AA4493" s="99"/>
      <c r="AB4493" s="99"/>
      <c r="AC4493" s="99"/>
      <c r="AD4493" s="99"/>
      <c r="AE4493" s="99"/>
      <c r="AF4493" s="99"/>
      <c r="AG4493" s="99"/>
      <c r="AH4493" s="99"/>
      <c r="AI4493" s="99"/>
      <c r="AJ4493" s="99"/>
      <c r="AK4493" s="99"/>
      <c r="AL4493" s="99"/>
      <c r="AM4493" s="99"/>
      <c r="AN4493" s="99"/>
      <c r="AO4493" s="99"/>
      <c r="AP4493" s="99"/>
      <c r="AQ4493" s="99"/>
      <c r="AR4493" s="99"/>
      <c r="AS4493" s="99"/>
      <c r="AT4493" s="99"/>
      <c r="AU4493" s="99"/>
      <c r="AV4493" s="99"/>
      <c r="AW4493" s="99"/>
      <c r="AX4493" s="99"/>
      <c r="AY4493" s="99"/>
      <c r="AZ4493" s="99"/>
      <c r="BA4493" s="99"/>
      <c r="BB4493" s="107">
        <v>45884</v>
      </c>
    </row>
    <row r="4494" spans="1:54" s="238" customFormat="1" ht="13.95" customHeight="1" x14ac:dyDescent="0.25">
      <c r="A4494" s="236" t="s">
        <v>10158</v>
      </c>
      <c r="B4494" s="220" t="s">
        <v>8672</v>
      </c>
      <c r="C4494" s="190" t="s">
        <v>10159</v>
      </c>
      <c r="D4494" s="190" t="s">
        <v>10160</v>
      </c>
      <c r="E4494" s="237">
        <v>1975</v>
      </c>
      <c r="F4494" s="237">
        <v>200</v>
      </c>
      <c r="G4494" s="190" t="s">
        <v>1</v>
      </c>
      <c r="H4494" s="190">
        <v>0</v>
      </c>
      <c r="I4494" s="190">
        <v>0</v>
      </c>
      <c r="J4494" s="190">
        <v>0</v>
      </c>
      <c r="K4494" s="190">
        <v>0</v>
      </c>
      <c r="L4494" s="190">
        <v>1</v>
      </c>
      <c r="M4494" s="190">
        <v>0</v>
      </c>
      <c r="N4494" s="190">
        <v>0</v>
      </c>
      <c r="O4494" s="190">
        <v>0</v>
      </c>
      <c r="P4494" s="190">
        <v>1</v>
      </c>
      <c r="Q4494" s="190">
        <v>1</v>
      </c>
      <c r="R4494" s="190">
        <v>0</v>
      </c>
      <c r="S4494" s="190">
        <v>0</v>
      </c>
      <c r="T4494" s="190">
        <v>0</v>
      </c>
      <c r="U4494" s="99"/>
      <c r="V4494" s="99"/>
      <c r="W4494" s="99"/>
      <c r="X4494" s="99"/>
      <c r="Y4494" s="99"/>
      <c r="Z4494" s="99"/>
      <c r="AA4494" s="99"/>
      <c r="AB4494" s="99"/>
      <c r="AC4494" s="99"/>
      <c r="AD4494" s="99"/>
      <c r="AE4494" s="99"/>
      <c r="AF4494" s="99"/>
      <c r="AG4494" s="99"/>
      <c r="AH4494" s="99"/>
      <c r="AI4494" s="99"/>
      <c r="AJ4494" s="99"/>
      <c r="AK4494" s="99"/>
      <c r="AL4494" s="99"/>
      <c r="AM4494" s="99"/>
      <c r="AN4494" s="99"/>
      <c r="AO4494" s="99"/>
      <c r="AP4494" s="99"/>
      <c r="AQ4494" s="99"/>
      <c r="AR4494" s="99"/>
      <c r="AS4494" s="99"/>
      <c r="AT4494" s="99"/>
      <c r="AU4494" s="99"/>
      <c r="AV4494" s="99"/>
      <c r="AW4494" s="99"/>
      <c r="AX4494" s="99"/>
      <c r="AY4494" s="99"/>
      <c r="AZ4494" s="99"/>
      <c r="BA4494" s="190" t="s">
        <v>10161</v>
      </c>
      <c r="BB4494" s="107">
        <v>45884</v>
      </c>
    </row>
    <row r="4495" spans="1:54" s="238" customFormat="1" ht="13.95" customHeight="1" x14ac:dyDescent="0.25">
      <c r="A4495" s="236" t="s">
        <v>10162</v>
      </c>
      <c r="B4495" s="220" t="s">
        <v>8672</v>
      </c>
      <c r="C4495" s="190" t="s">
        <v>10163</v>
      </c>
      <c r="D4495" s="190" t="s">
        <v>10164</v>
      </c>
      <c r="E4495" s="237">
        <v>1975</v>
      </c>
      <c r="F4495" s="237">
        <v>100</v>
      </c>
      <c r="G4495" s="190" t="s">
        <v>1</v>
      </c>
      <c r="H4495" s="190">
        <v>0</v>
      </c>
      <c r="I4495" s="190">
        <v>0</v>
      </c>
      <c r="J4495" s="190">
        <v>0</v>
      </c>
      <c r="K4495" s="190">
        <v>0</v>
      </c>
      <c r="L4495" s="190">
        <v>0</v>
      </c>
      <c r="M4495" s="190">
        <v>0</v>
      </c>
      <c r="N4495" s="190">
        <v>0</v>
      </c>
      <c r="O4495" s="190">
        <v>0</v>
      </c>
      <c r="P4495" s="190">
        <v>0</v>
      </c>
      <c r="Q4495" s="190">
        <v>0</v>
      </c>
      <c r="R4495" s="190">
        <v>0</v>
      </c>
      <c r="S4495" s="190">
        <v>0</v>
      </c>
      <c r="T4495" s="190">
        <v>0</v>
      </c>
      <c r="U4495" s="99"/>
      <c r="V4495" s="99"/>
      <c r="W4495" s="99"/>
      <c r="X4495" s="99"/>
      <c r="Y4495" s="99"/>
      <c r="Z4495" s="99"/>
      <c r="AA4495" s="99"/>
      <c r="AB4495" s="99"/>
      <c r="AC4495" s="99"/>
      <c r="AD4495" s="99"/>
      <c r="AE4495" s="99"/>
      <c r="AF4495" s="99"/>
      <c r="AG4495" s="99"/>
      <c r="AH4495" s="99"/>
      <c r="AI4495" s="99"/>
      <c r="AJ4495" s="99"/>
      <c r="AK4495" s="99"/>
      <c r="AL4495" s="99"/>
      <c r="AM4495" s="99"/>
      <c r="AN4495" s="99"/>
      <c r="AO4495" s="99"/>
      <c r="AP4495" s="99"/>
      <c r="AQ4495" s="99"/>
      <c r="AR4495" s="99"/>
      <c r="AS4495" s="99"/>
      <c r="AT4495" s="99"/>
      <c r="AU4495" s="99"/>
      <c r="AV4495" s="99"/>
      <c r="AW4495" s="99"/>
      <c r="AX4495" s="99"/>
      <c r="AY4495" s="99"/>
      <c r="AZ4495" s="99"/>
      <c r="BA4495" s="99"/>
      <c r="BB4495" s="107">
        <v>45884</v>
      </c>
    </row>
    <row r="4496" spans="1:54" s="238" customFormat="1" ht="13.95" customHeight="1" x14ac:dyDescent="0.25">
      <c r="A4496" s="236" t="s">
        <v>10165</v>
      </c>
      <c r="B4496" s="220" t="s">
        <v>8672</v>
      </c>
      <c r="C4496" s="190" t="s">
        <v>10166</v>
      </c>
      <c r="D4496" s="190" t="s">
        <v>10167</v>
      </c>
      <c r="E4496" s="237">
        <v>2014</v>
      </c>
      <c r="F4496" s="237">
        <v>100</v>
      </c>
      <c r="G4496" s="190" t="s">
        <v>1</v>
      </c>
      <c r="H4496" s="190">
        <v>0</v>
      </c>
      <c r="I4496" s="190">
        <v>0</v>
      </c>
      <c r="J4496" s="190">
        <v>0</v>
      </c>
      <c r="K4496" s="190">
        <v>1</v>
      </c>
      <c r="L4496" s="190">
        <v>0</v>
      </c>
      <c r="M4496" s="190">
        <v>0</v>
      </c>
      <c r="N4496" s="190">
        <v>0</v>
      </c>
      <c r="O4496" s="190">
        <v>0</v>
      </c>
      <c r="P4496" s="190">
        <v>1</v>
      </c>
      <c r="Q4496" s="190">
        <v>0</v>
      </c>
      <c r="R4496" s="190">
        <v>0</v>
      </c>
      <c r="S4496" s="190">
        <v>0</v>
      </c>
      <c r="T4496" s="190">
        <v>0</v>
      </c>
      <c r="U4496" s="99"/>
      <c r="V4496" s="99"/>
      <c r="W4496" s="99"/>
      <c r="X4496" s="99"/>
      <c r="Y4496" s="99"/>
      <c r="Z4496" s="99"/>
      <c r="AA4496" s="99"/>
      <c r="AB4496" s="99"/>
      <c r="AC4496" s="99"/>
      <c r="AD4496" s="99"/>
      <c r="AE4496" s="99"/>
      <c r="AF4496" s="99"/>
      <c r="AG4496" s="99"/>
      <c r="AH4496" s="99"/>
      <c r="AI4496" s="99"/>
      <c r="AJ4496" s="99"/>
      <c r="AK4496" s="99"/>
      <c r="AL4496" s="99"/>
      <c r="AM4496" s="99"/>
      <c r="AN4496" s="99"/>
      <c r="AO4496" s="99"/>
      <c r="AP4496" s="99"/>
      <c r="AQ4496" s="99"/>
      <c r="AR4496" s="99"/>
      <c r="AS4496" s="99"/>
      <c r="AT4496" s="99"/>
      <c r="AU4496" s="99"/>
      <c r="AV4496" s="99"/>
      <c r="AW4496" s="99"/>
      <c r="AX4496" s="99"/>
      <c r="AY4496" s="99"/>
      <c r="AZ4496" s="99"/>
      <c r="BA4496" s="99"/>
      <c r="BB4496" s="107">
        <v>45884</v>
      </c>
    </row>
    <row r="4497" spans="1:54" s="238" customFormat="1" ht="13.95" customHeight="1" x14ac:dyDescent="0.25">
      <c r="A4497" s="236" t="s">
        <v>10168</v>
      </c>
      <c r="B4497" s="220" t="s">
        <v>8672</v>
      </c>
      <c r="C4497" s="190" t="s">
        <v>10169</v>
      </c>
      <c r="D4497" s="190" t="s">
        <v>10170</v>
      </c>
      <c r="E4497" s="237">
        <v>2014</v>
      </c>
      <c r="F4497" s="237">
        <v>2400</v>
      </c>
      <c r="G4497" s="190" t="s">
        <v>1</v>
      </c>
      <c r="H4497" s="190">
        <v>0</v>
      </c>
      <c r="I4497" s="190">
        <v>0</v>
      </c>
      <c r="J4497" s="190">
        <v>1</v>
      </c>
      <c r="K4497" s="190">
        <v>1</v>
      </c>
      <c r="L4497" s="190">
        <v>1</v>
      </c>
      <c r="M4497" s="190">
        <v>1</v>
      </c>
      <c r="N4497" s="190">
        <v>0</v>
      </c>
      <c r="O4497" s="190">
        <v>0</v>
      </c>
      <c r="P4497" s="190">
        <v>1</v>
      </c>
      <c r="Q4497" s="190">
        <v>0</v>
      </c>
      <c r="R4497" s="190">
        <v>0</v>
      </c>
      <c r="S4497" s="190">
        <v>1</v>
      </c>
      <c r="T4497" s="190">
        <v>0</v>
      </c>
      <c r="U4497" s="99"/>
      <c r="V4497" s="99"/>
      <c r="W4497" s="99"/>
      <c r="X4497" s="99"/>
      <c r="Y4497" s="99"/>
      <c r="Z4497" s="99"/>
      <c r="AA4497" s="99"/>
      <c r="AB4497" s="99"/>
      <c r="AC4497" s="99"/>
      <c r="AD4497" s="99"/>
      <c r="AE4497" s="99"/>
      <c r="AF4497" s="99"/>
      <c r="AG4497" s="99"/>
      <c r="AH4497" s="99"/>
      <c r="AI4497" s="99"/>
      <c r="AJ4497" s="99"/>
      <c r="AK4497" s="99"/>
      <c r="AL4497" s="99"/>
      <c r="AM4497" s="99"/>
      <c r="AN4497" s="99"/>
      <c r="AO4497" s="99"/>
      <c r="AP4497" s="99"/>
      <c r="AQ4497" s="99"/>
      <c r="AR4497" s="99"/>
      <c r="AS4497" s="99"/>
      <c r="AT4497" s="99"/>
      <c r="AU4497" s="99"/>
      <c r="AV4497" s="99"/>
      <c r="AW4497" s="99"/>
      <c r="AX4497" s="99"/>
      <c r="AY4497" s="99"/>
      <c r="AZ4497" s="99"/>
      <c r="BA4497" s="99"/>
      <c r="BB4497" s="107">
        <v>45884</v>
      </c>
    </row>
    <row r="4498" spans="1:54" s="238" customFormat="1" ht="13.95" customHeight="1" x14ac:dyDescent="0.25">
      <c r="A4498" s="236" t="s">
        <v>10171</v>
      </c>
      <c r="B4498" s="220" t="s">
        <v>8672</v>
      </c>
      <c r="C4498" s="190" t="s">
        <v>10172</v>
      </c>
      <c r="D4498" s="190" t="s">
        <v>10173</v>
      </c>
      <c r="E4498" s="237">
        <v>1982</v>
      </c>
      <c r="F4498" s="237">
        <v>200</v>
      </c>
      <c r="G4498" s="190" t="s">
        <v>1</v>
      </c>
      <c r="H4498" s="190">
        <v>0</v>
      </c>
      <c r="I4498" s="190">
        <v>0</v>
      </c>
      <c r="J4498" s="190">
        <v>0</v>
      </c>
      <c r="K4498" s="190">
        <v>0</v>
      </c>
      <c r="L4498" s="190">
        <v>0</v>
      </c>
      <c r="M4498" s="190">
        <v>0</v>
      </c>
      <c r="N4498" s="190">
        <v>0</v>
      </c>
      <c r="O4498" s="190">
        <v>0</v>
      </c>
      <c r="P4498" s="190">
        <v>1</v>
      </c>
      <c r="Q4498" s="190">
        <v>0</v>
      </c>
      <c r="R4498" s="190">
        <v>0</v>
      </c>
      <c r="S4498" s="190">
        <v>0</v>
      </c>
      <c r="T4498" s="190">
        <v>0</v>
      </c>
      <c r="U4498" s="99"/>
      <c r="V4498" s="99"/>
      <c r="W4498" s="99"/>
      <c r="X4498" s="99"/>
      <c r="Y4498" s="99"/>
      <c r="Z4498" s="99"/>
      <c r="AA4498" s="99"/>
      <c r="AB4498" s="99"/>
      <c r="AC4498" s="99"/>
      <c r="AD4498" s="99"/>
      <c r="AE4498" s="99"/>
      <c r="AF4498" s="99"/>
      <c r="AG4498" s="99"/>
      <c r="AH4498" s="99"/>
      <c r="AI4498" s="99"/>
      <c r="AJ4498" s="99"/>
      <c r="AK4498" s="99"/>
      <c r="AL4498" s="99"/>
      <c r="AM4498" s="99"/>
      <c r="AN4498" s="99"/>
      <c r="AO4498" s="99"/>
      <c r="AP4498" s="99"/>
      <c r="AQ4498" s="99"/>
      <c r="AR4498" s="99"/>
      <c r="AS4498" s="99"/>
      <c r="AT4498" s="99"/>
      <c r="AU4498" s="99"/>
      <c r="AV4498" s="99"/>
      <c r="AW4498" s="99"/>
      <c r="AX4498" s="99"/>
      <c r="AY4498" s="99"/>
      <c r="AZ4498" s="99"/>
      <c r="BA4498" s="99"/>
      <c r="BB4498" s="107">
        <v>45884</v>
      </c>
    </row>
    <row r="4499" spans="1:54" s="238" customFormat="1" ht="13.95" customHeight="1" x14ac:dyDescent="0.25">
      <c r="A4499" s="236" t="s">
        <v>10174</v>
      </c>
      <c r="B4499" s="220" t="s">
        <v>8672</v>
      </c>
      <c r="C4499" s="190" t="s">
        <v>10175</v>
      </c>
      <c r="D4499" s="190" t="s">
        <v>10176</v>
      </c>
      <c r="E4499" s="237">
        <v>1985</v>
      </c>
      <c r="F4499" s="237">
        <v>100</v>
      </c>
      <c r="G4499" s="190" t="s">
        <v>1</v>
      </c>
      <c r="H4499" s="190">
        <v>0</v>
      </c>
      <c r="I4499" s="190">
        <v>0</v>
      </c>
      <c r="J4499" s="190">
        <v>0</v>
      </c>
      <c r="K4499" s="190">
        <v>1</v>
      </c>
      <c r="L4499" s="190">
        <v>1</v>
      </c>
      <c r="M4499" s="190">
        <v>0</v>
      </c>
      <c r="N4499" s="190">
        <v>0</v>
      </c>
      <c r="O4499" s="190">
        <v>0</v>
      </c>
      <c r="P4499" s="190">
        <v>0</v>
      </c>
      <c r="Q4499" s="190">
        <v>0</v>
      </c>
      <c r="R4499" s="190">
        <v>0</v>
      </c>
      <c r="S4499" s="190">
        <v>0</v>
      </c>
      <c r="T4499" s="190">
        <v>0</v>
      </c>
      <c r="U4499" s="99"/>
      <c r="V4499" s="99"/>
      <c r="W4499" s="99"/>
      <c r="X4499" s="99"/>
      <c r="Y4499" s="99"/>
      <c r="Z4499" s="99"/>
      <c r="AA4499" s="99"/>
      <c r="AB4499" s="99"/>
      <c r="AC4499" s="99"/>
      <c r="AD4499" s="99"/>
      <c r="AE4499" s="99"/>
      <c r="AF4499" s="99"/>
      <c r="AG4499" s="99"/>
      <c r="AH4499" s="99"/>
      <c r="AI4499" s="99"/>
      <c r="AJ4499" s="99"/>
      <c r="AK4499" s="99"/>
      <c r="AL4499" s="99"/>
      <c r="AM4499" s="99"/>
      <c r="AN4499" s="99"/>
      <c r="AO4499" s="99"/>
      <c r="AP4499" s="99"/>
      <c r="AQ4499" s="99"/>
      <c r="AR4499" s="99"/>
      <c r="AS4499" s="99"/>
      <c r="AT4499" s="99"/>
      <c r="AU4499" s="99"/>
      <c r="AV4499" s="99"/>
      <c r="AW4499" s="99"/>
      <c r="AX4499" s="99"/>
      <c r="AY4499" s="99"/>
      <c r="AZ4499" s="99"/>
      <c r="BA4499" s="99"/>
      <c r="BB4499" s="107">
        <v>45884</v>
      </c>
    </row>
    <row r="4500" spans="1:54" s="238" customFormat="1" ht="13.95" customHeight="1" x14ac:dyDescent="0.25">
      <c r="A4500" s="236" t="s">
        <v>10177</v>
      </c>
      <c r="B4500" s="220" t="s">
        <v>8672</v>
      </c>
      <c r="C4500" s="190" t="s">
        <v>10178</v>
      </c>
      <c r="D4500" s="190" t="s">
        <v>10179</v>
      </c>
      <c r="E4500" s="237">
        <v>1976</v>
      </c>
      <c r="F4500" s="237">
        <v>400</v>
      </c>
      <c r="G4500" s="190" t="s">
        <v>1</v>
      </c>
      <c r="H4500" s="190">
        <v>0</v>
      </c>
      <c r="I4500" s="190">
        <v>0</v>
      </c>
      <c r="J4500" s="190">
        <v>0</v>
      </c>
      <c r="K4500" s="190">
        <v>1</v>
      </c>
      <c r="L4500" s="190">
        <v>1</v>
      </c>
      <c r="M4500" s="190">
        <v>0</v>
      </c>
      <c r="N4500" s="190">
        <v>0</v>
      </c>
      <c r="O4500" s="190">
        <v>0</v>
      </c>
      <c r="P4500" s="190">
        <v>0</v>
      </c>
      <c r="Q4500" s="190">
        <v>0</v>
      </c>
      <c r="R4500" s="190">
        <v>1</v>
      </c>
      <c r="S4500" s="190">
        <v>0</v>
      </c>
      <c r="T4500" s="190">
        <v>0</v>
      </c>
      <c r="U4500" s="99"/>
      <c r="V4500" s="99"/>
      <c r="W4500" s="99"/>
      <c r="X4500" s="99"/>
      <c r="Y4500" s="99"/>
      <c r="Z4500" s="99"/>
      <c r="AA4500" s="99"/>
      <c r="AB4500" s="99"/>
      <c r="AC4500" s="99"/>
      <c r="AD4500" s="99"/>
      <c r="AE4500" s="99"/>
      <c r="AF4500" s="99"/>
      <c r="AG4500" s="99"/>
      <c r="AH4500" s="99"/>
      <c r="AI4500" s="99"/>
      <c r="AJ4500" s="99"/>
      <c r="AK4500" s="99"/>
      <c r="AL4500" s="99"/>
      <c r="AM4500" s="99"/>
      <c r="AN4500" s="99"/>
      <c r="AO4500" s="99"/>
      <c r="AP4500" s="99"/>
      <c r="AQ4500" s="99"/>
      <c r="AR4500" s="99"/>
      <c r="AS4500" s="99"/>
      <c r="AT4500" s="99"/>
      <c r="AU4500" s="99"/>
      <c r="AV4500" s="99"/>
      <c r="AW4500" s="99"/>
      <c r="AX4500" s="99"/>
      <c r="AY4500" s="99"/>
      <c r="AZ4500" s="99"/>
      <c r="BA4500" s="99"/>
      <c r="BB4500" s="107">
        <v>45884</v>
      </c>
    </row>
    <row r="4501" spans="1:54" s="238" customFormat="1" ht="13.95" customHeight="1" x14ac:dyDescent="0.25">
      <c r="A4501" s="236" t="s">
        <v>10180</v>
      </c>
      <c r="B4501" s="220" t="s">
        <v>8672</v>
      </c>
      <c r="C4501" s="190" t="s">
        <v>10181</v>
      </c>
      <c r="D4501" s="190" t="s">
        <v>10182</v>
      </c>
      <c r="E4501" s="237">
        <v>1976</v>
      </c>
      <c r="F4501" s="237">
        <v>400</v>
      </c>
      <c r="G4501" s="190" t="s">
        <v>1</v>
      </c>
      <c r="H4501" s="190">
        <v>0</v>
      </c>
      <c r="I4501" s="190">
        <v>0</v>
      </c>
      <c r="J4501" s="190">
        <v>0</v>
      </c>
      <c r="K4501" s="190">
        <v>0</v>
      </c>
      <c r="L4501" s="190">
        <v>0</v>
      </c>
      <c r="M4501" s="190">
        <v>0</v>
      </c>
      <c r="N4501" s="190">
        <v>0</v>
      </c>
      <c r="O4501" s="190">
        <v>1</v>
      </c>
      <c r="P4501" s="190">
        <v>0</v>
      </c>
      <c r="Q4501" s="190">
        <v>0</v>
      </c>
      <c r="R4501" s="190">
        <v>1</v>
      </c>
      <c r="S4501" s="190">
        <v>0</v>
      </c>
      <c r="T4501" s="190">
        <v>0</v>
      </c>
      <c r="U4501" s="99"/>
      <c r="V4501" s="99"/>
      <c r="W4501" s="99"/>
      <c r="X4501" s="99"/>
      <c r="Y4501" s="99"/>
      <c r="Z4501" s="99"/>
      <c r="AA4501" s="99"/>
      <c r="AB4501" s="99"/>
      <c r="AC4501" s="99"/>
      <c r="AD4501" s="99"/>
      <c r="AE4501" s="99"/>
      <c r="AF4501" s="99"/>
      <c r="AG4501" s="99"/>
      <c r="AH4501" s="99"/>
      <c r="AI4501" s="99"/>
      <c r="AJ4501" s="99"/>
      <c r="AK4501" s="99"/>
      <c r="AL4501" s="99"/>
      <c r="AM4501" s="99"/>
      <c r="AN4501" s="99"/>
      <c r="AO4501" s="99"/>
      <c r="AP4501" s="99"/>
      <c r="AQ4501" s="99"/>
      <c r="AR4501" s="99"/>
      <c r="AS4501" s="99"/>
      <c r="AT4501" s="99"/>
      <c r="AU4501" s="99"/>
      <c r="AV4501" s="99"/>
      <c r="AW4501" s="99"/>
      <c r="AX4501" s="99"/>
      <c r="AY4501" s="99"/>
      <c r="AZ4501" s="99"/>
      <c r="BA4501" s="99"/>
      <c r="BB4501" s="107">
        <v>45884</v>
      </c>
    </row>
    <row r="4502" spans="1:54" s="238" customFormat="1" ht="13.95" customHeight="1" x14ac:dyDescent="0.25">
      <c r="A4502" s="236" t="s">
        <v>10183</v>
      </c>
      <c r="B4502" s="220" t="s">
        <v>8672</v>
      </c>
      <c r="C4502" s="190" t="s">
        <v>10184</v>
      </c>
      <c r="D4502" s="190" t="s">
        <v>10185</v>
      </c>
      <c r="E4502" s="237">
        <v>1976</v>
      </c>
      <c r="F4502" s="237">
        <v>400</v>
      </c>
      <c r="G4502" s="190" t="s">
        <v>1</v>
      </c>
      <c r="H4502" s="190">
        <v>0</v>
      </c>
      <c r="I4502" s="190">
        <v>0</v>
      </c>
      <c r="J4502" s="190">
        <v>1</v>
      </c>
      <c r="K4502" s="190">
        <v>0</v>
      </c>
      <c r="L4502" s="190">
        <v>0</v>
      </c>
      <c r="M4502" s="190">
        <v>0</v>
      </c>
      <c r="N4502" s="190">
        <v>0</v>
      </c>
      <c r="O4502" s="190">
        <v>1</v>
      </c>
      <c r="P4502" s="190">
        <v>1</v>
      </c>
      <c r="Q4502" s="190">
        <v>0</v>
      </c>
      <c r="R4502" s="190">
        <v>1</v>
      </c>
      <c r="S4502" s="190">
        <v>0</v>
      </c>
      <c r="T4502" s="190">
        <v>0</v>
      </c>
      <c r="U4502" s="99"/>
      <c r="V4502" s="99"/>
      <c r="W4502" s="99"/>
      <c r="X4502" s="99"/>
      <c r="Y4502" s="99"/>
      <c r="Z4502" s="99"/>
      <c r="AA4502" s="99"/>
      <c r="AB4502" s="99"/>
      <c r="AC4502" s="99"/>
      <c r="AD4502" s="99"/>
      <c r="AE4502" s="99"/>
      <c r="AF4502" s="99"/>
      <c r="AG4502" s="99"/>
      <c r="AH4502" s="99"/>
      <c r="AI4502" s="99"/>
      <c r="AJ4502" s="99"/>
      <c r="AK4502" s="99"/>
      <c r="AL4502" s="99"/>
      <c r="AM4502" s="99"/>
      <c r="AN4502" s="99"/>
      <c r="AO4502" s="99"/>
      <c r="AP4502" s="99"/>
      <c r="AQ4502" s="99"/>
      <c r="AR4502" s="99"/>
      <c r="AS4502" s="99"/>
      <c r="AT4502" s="99"/>
      <c r="AU4502" s="99"/>
      <c r="AV4502" s="99"/>
      <c r="AW4502" s="99"/>
      <c r="AX4502" s="99"/>
      <c r="AY4502" s="99"/>
      <c r="AZ4502" s="99"/>
      <c r="BA4502" s="99"/>
      <c r="BB4502" s="107">
        <v>45884</v>
      </c>
    </row>
    <row r="4503" spans="1:54" s="238" customFormat="1" ht="13.95" customHeight="1" x14ac:dyDescent="0.25">
      <c r="A4503" s="236" t="s">
        <v>10186</v>
      </c>
      <c r="B4503" s="220" t="s">
        <v>8672</v>
      </c>
      <c r="C4503" s="190" t="s">
        <v>10187</v>
      </c>
      <c r="D4503" s="190" t="s">
        <v>10188</v>
      </c>
      <c r="E4503" s="237">
        <v>1976</v>
      </c>
      <c r="F4503" s="237">
        <v>200</v>
      </c>
      <c r="G4503" s="190" t="s">
        <v>1</v>
      </c>
      <c r="H4503" s="190">
        <v>0</v>
      </c>
      <c r="I4503" s="190">
        <v>0</v>
      </c>
      <c r="J4503" s="190">
        <v>0</v>
      </c>
      <c r="K4503" s="190">
        <v>0</v>
      </c>
      <c r="L4503" s="190">
        <v>0</v>
      </c>
      <c r="M4503" s="190">
        <v>0</v>
      </c>
      <c r="N4503" s="190">
        <v>0</v>
      </c>
      <c r="O4503" s="190">
        <v>1</v>
      </c>
      <c r="P4503" s="190">
        <v>0</v>
      </c>
      <c r="Q4503" s="190">
        <v>0</v>
      </c>
      <c r="R4503" s="190">
        <v>1</v>
      </c>
      <c r="S4503" s="190">
        <v>0</v>
      </c>
      <c r="T4503" s="190">
        <v>0</v>
      </c>
      <c r="U4503" s="99"/>
      <c r="V4503" s="99"/>
      <c r="W4503" s="99"/>
      <c r="X4503" s="99"/>
      <c r="Y4503" s="99"/>
      <c r="Z4503" s="99"/>
      <c r="AA4503" s="99"/>
      <c r="AB4503" s="99"/>
      <c r="AC4503" s="99"/>
      <c r="AD4503" s="99"/>
      <c r="AE4503" s="99"/>
      <c r="AF4503" s="99"/>
      <c r="AG4503" s="99"/>
      <c r="AH4503" s="99"/>
      <c r="AI4503" s="99"/>
      <c r="AJ4503" s="99"/>
      <c r="AK4503" s="99"/>
      <c r="AL4503" s="99"/>
      <c r="AM4503" s="99"/>
      <c r="AN4503" s="99"/>
      <c r="AO4503" s="99"/>
      <c r="AP4503" s="99"/>
      <c r="AQ4503" s="99"/>
      <c r="AR4503" s="99"/>
      <c r="AS4503" s="99"/>
      <c r="AT4503" s="99"/>
      <c r="AU4503" s="99"/>
      <c r="AV4503" s="99"/>
      <c r="AW4503" s="99"/>
      <c r="AX4503" s="99"/>
      <c r="AY4503" s="99"/>
      <c r="AZ4503" s="99"/>
      <c r="BA4503" s="99"/>
      <c r="BB4503" s="107">
        <v>45884</v>
      </c>
    </row>
    <row r="4504" spans="1:54" s="238" customFormat="1" ht="13.95" customHeight="1" x14ac:dyDescent="0.25">
      <c r="A4504" s="236" t="s">
        <v>10189</v>
      </c>
      <c r="B4504" s="220" t="s">
        <v>8672</v>
      </c>
      <c r="C4504" s="190" t="s">
        <v>10190</v>
      </c>
      <c r="D4504" s="190" t="s">
        <v>10191</v>
      </c>
      <c r="E4504" s="237">
        <v>1976</v>
      </c>
      <c r="F4504" s="237">
        <v>300</v>
      </c>
      <c r="G4504" s="190" t="s">
        <v>1</v>
      </c>
      <c r="H4504" s="190">
        <v>0</v>
      </c>
      <c r="I4504" s="190">
        <v>0</v>
      </c>
      <c r="J4504" s="190">
        <v>0</v>
      </c>
      <c r="K4504" s="190">
        <v>0</v>
      </c>
      <c r="L4504" s="190">
        <v>0</v>
      </c>
      <c r="M4504" s="190">
        <v>0</v>
      </c>
      <c r="N4504" s="190">
        <v>0</v>
      </c>
      <c r="O4504" s="190">
        <v>1</v>
      </c>
      <c r="P4504" s="190">
        <v>0</v>
      </c>
      <c r="Q4504" s="190">
        <v>0</v>
      </c>
      <c r="R4504" s="190">
        <v>1</v>
      </c>
      <c r="S4504" s="190">
        <v>1</v>
      </c>
      <c r="T4504" s="190">
        <v>0</v>
      </c>
      <c r="U4504" s="99"/>
      <c r="V4504" s="99"/>
      <c r="W4504" s="99"/>
      <c r="X4504" s="99"/>
      <c r="Y4504" s="99"/>
      <c r="Z4504" s="99"/>
      <c r="AA4504" s="99"/>
      <c r="AB4504" s="99"/>
      <c r="AC4504" s="99"/>
      <c r="AD4504" s="99"/>
      <c r="AE4504" s="99"/>
      <c r="AF4504" s="99"/>
      <c r="AG4504" s="99"/>
      <c r="AH4504" s="99"/>
      <c r="AI4504" s="99"/>
      <c r="AJ4504" s="99"/>
      <c r="AK4504" s="99"/>
      <c r="AL4504" s="99"/>
      <c r="AM4504" s="99"/>
      <c r="AN4504" s="99"/>
      <c r="AO4504" s="99"/>
      <c r="AP4504" s="99"/>
      <c r="AQ4504" s="99"/>
      <c r="AR4504" s="99"/>
      <c r="AS4504" s="99"/>
      <c r="AT4504" s="99"/>
      <c r="AU4504" s="99"/>
      <c r="AV4504" s="99"/>
      <c r="AW4504" s="99"/>
      <c r="AX4504" s="99"/>
      <c r="AY4504" s="99"/>
      <c r="AZ4504" s="99"/>
      <c r="BA4504" s="99"/>
      <c r="BB4504" s="107">
        <v>45884</v>
      </c>
    </row>
    <row r="4505" spans="1:54" s="238" customFormat="1" ht="13.95" customHeight="1" x14ac:dyDescent="0.25">
      <c r="A4505" s="236" t="s">
        <v>10192</v>
      </c>
      <c r="B4505" s="220" t="s">
        <v>8672</v>
      </c>
      <c r="C4505" s="190" t="s">
        <v>10193</v>
      </c>
      <c r="D4505" s="190" t="s">
        <v>10194</v>
      </c>
      <c r="E4505" s="237">
        <v>1976</v>
      </c>
      <c r="F4505" s="237">
        <v>300</v>
      </c>
      <c r="G4505" s="190" t="s">
        <v>1</v>
      </c>
      <c r="H4505" s="190">
        <v>0</v>
      </c>
      <c r="I4505" s="190">
        <v>0</v>
      </c>
      <c r="J4505" s="190">
        <v>1</v>
      </c>
      <c r="K4505" s="190">
        <v>1</v>
      </c>
      <c r="L4505" s="190">
        <v>1</v>
      </c>
      <c r="M4505" s="190">
        <v>0</v>
      </c>
      <c r="N4505" s="190">
        <v>0</v>
      </c>
      <c r="O4505" s="190">
        <v>0</v>
      </c>
      <c r="P4505" s="190">
        <v>1</v>
      </c>
      <c r="Q4505" s="190">
        <v>0</v>
      </c>
      <c r="R4505" s="190">
        <v>1</v>
      </c>
      <c r="S4505" s="190">
        <v>0</v>
      </c>
      <c r="T4505" s="190">
        <v>0</v>
      </c>
      <c r="U4505" s="99"/>
      <c r="V4505" s="99"/>
      <c r="W4505" s="99"/>
      <c r="X4505" s="99"/>
      <c r="Y4505" s="99"/>
      <c r="Z4505" s="99"/>
      <c r="AA4505" s="99"/>
      <c r="AB4505" s="99"/>
      <c r="AC4505" s="99"/>
      <c r="AD4505" s="99"/>
      <c r="AE4505" s="99"/>
      <c r="AF4505" s="99"/>
      <c r="AG4505" s="99"/>
      <c r="AH4505" s="99"/>
      <c r="AI4505" s="99"/>
      <c r="AJ4505" s="99"/>
      <c r="AK4505" s="99"/>
      <c r="AL4505" s="99"/>
      <c r="AM4505" s="99"/>
      <c r="AN4505" s="99"/>
      <c r="AO4505" s="99"/>
      <c r="AP4505" s="99"/>
      <c r="AQ4505" s="99"/>
      <c r="AR4505" s="99"/>
      <c r="AS4505" s="99"/>
      <c r="AT4505" s="99"/>
      <c r="AU4505" s="99"/>
      <c r="AV4505" s="99"/>
      <c r="AW4505" s="99"/>
      <c r="AX4505" s="99"/>
      <c r="AY4505" s="99"/>
      <c r="AZ4505" s="99"/>
      <c r="BA4505" s="99"/>
      <c r="BB4505" s="107">
        <v>45884</v>
      </c>
    </row>
    <row r="4506" spans="1:54" s="238" customFormat="1" ht="13.95" customHeight="1" x14ac:dyDescent="0.25">
      <c r="A4506" s="236" t="s">
        <v>10195</v>
      </c>
      <c r="B4506" s="220" t="s">
        <v>8672</v>
      </c>
      <c r="C4506" s="190" t="s">
        <v>10196</v>
      </c>
      <c r="D4506" s="190" t="s">
        <v>10154</v>
      </c>
      <c r="E4506" s="237">
        <v>1985</v>
      </c>
      <c r="F4506" s="237">
        <v>300</v>
      </c>
      <c r="G4506" s="190" t="s">
        <v>1</v>
      </c>
      <c r="H4506" s="190">
        <v>0</v>
      </c>
      <c r="I4506" s="190">
        <v>0</v>
      </c>
      <c r="J4506" s="190">
        <v>0</v>
      </c>
      <c r="K4506" s="190">
        <v>1</v>
      </c>
      <c r="L4506" s="190">
        <v>0</v>
      </c>
      <c r="M4506" s="190">
        <v>0</v>
      </c>
      <c r="N4506" s="190">
        <v>1</v>
      </c>
      <c r="O4506" s="190">
        <v>0</v>
      </c>
      <c r="P4506" s="190">
        <v>0</v>
      </c>
      <c r="Q4506" s="190">
        <v>0</v>
      </c>
      <c r="R4506" s="190">
        <v>0</v>
      </c>
      <c r="S4506" s="190">
        <v>0</v>
      </c>
      <c r="T4506" s="190">
        <v>0</v>
      </c>
      <c r="U4506" s="99"/>
      <c r="V4506" s="99"/>
      <c r="W4506" s="99"/>
      <c r="X4506" s="99"/>
      <c r="Y4506" s="99"/>
      <c r="Z4506" s="99"/>
      <c r="AA4506" s="99"/>
      <c r="AB4506" s="99"/>
      <c r="AC4506" s="99"/>
      <c r="AD4506" s="99"/>
      <c r="AE4506" s="99"/>
      <c r="AF4506" s="99"/>
      <c r="AG4506" s="99"/>
      <c r="AH4506" s="99"/>
      <c r="AI4506" s="99"/>
      <c r="AJ4506" s="99"/>
      <c r="AK4506" s="99"/>
      <c r="AL4506" s="99"/>
      <c r="AM4506" s="99"/>
      <c r="AN4506" s="99"/>
      <c r="AO4506" s="99"/>
      <c r="AP4506" s="99"/>
      <c r="AQ4506" s="99"/>
      <c r="AR4506" s="99"/>
      <c r="AS4506" s="99"/>
      <c r="AT4506" s="99"/>
      <c r="AU4506" s="99"/>
      <c r="AV4506" s="99"/>
      <c r="AW4506" s="99"/>
      <c r="AX4506" s="99"/>
      <c r="AY4506" s="99"/>
      <c r="AZ4506" s="99"/>
      <c r="BA4506" s="190" t="s">
        <v>9427</v>
      </c>
      <c r="BB4506" s="107">
        <v>45884</v>
      </c>
    </row>
    <row r="4507" spans="1:54" s="238" customFormat="1" ht="13.95" customHeight="1" x14ac:dyDescent="0.25">
      <c r="A4507" s="236" t="s">
        <v>10197</v>
      </c>
      <c r="B4507" s="220" t="s">
        <v>8672</v>
      </c>
      <c r="C4507" s="190" t="s">
        <v>10198</v>
      </c>
      <c r="D4507" s="190" t="s">
        <v>10199</v>
      </c>
      <c r="E4507" s="237">
        <v>1985</v>
      </c>
      <c r="F4507" s="237">
        <v>200</v>
      </c>
      <c r="G4507" s="190" t="s">
        <v>1</v>
      </c>
      <c r="H4507" s="190">
        <v>0</v>
      </c>
      <c r="I4507" s="190">
        <v>0</v>
      </c>
      <c r="J4507" s="190">
        <v>0</v>
      </c>
      <c r="K4507" s="190">
        <v>0</v>
      </c>
      <c r="L4507" s="190">
        <v>1</v>
      </c>
      <c r="M4507" s="190">
        <v>0</v>
      </c>
      <c r="N4507" s="190">
        <v>0</v>
      </c>
      <c r="O4507" s="190">
        <v>0</v>
      </c>
      <c r="P4507" s="190">
        <v>0</v>
      </c>
      <c r="Q4507" s="190">
        <v>0</v>
      </c>
      <c r="R4507" s="190">
        <v>0</v>
      </c>
      <c r="S4507" s="190">
        <v>0</v>
      </c>
      <c r="T4507" s="190">
        <v>0</v>
      </c>
      <c r="U4507" s="99"/>
      <c r="V4507" s="99"/>
      <c r="W4507" s="99"/>
      <c r="X4507" s="99"/>
      <c r="Y4507" s="99"/>
      <c r="Z4507" s="99"/>
      <c r="AA4507" s="99"/>
      <c r="AB4507" s="99"/>
      <c r="AC4507" s="99"/>
      <c r="AD4507" s="99"/>
      <c r="AE4507" s="99"/>
      <c r="AF4507" s="99"/>
      <c r="AG4507" s="99"/>
      <c r="AH4507" s="99"/>
      <c r="AI4507" s="99"/>
      <c r="AJ4507" s="99"/>
      <c r="AK4507" s="99"/>
      <c r="AL4507" s="99"/>
      <c r="AM4507" s="99"/>
      <c r="AN4507" s="99"/>
      <c r="AO4507" s="99"/>
      <c r="AP4507" s="99"/>
      <c r="AQ4507" s="99"/>
      <c r="AR4507" s="99"/>
      <c r="AS4507" s="99"/>
      <c r="AT4507" s="99"/>
      <c r="AU4507" s="99"/>
      <c r="AV4507" s="99"/>
      <c r="AW4507" s="99"/>
      <c r="AX4507" s="99"/>
      <c r="AY4507" s="99"/>
      <c r="AZ4507" s="99"/>
      <c r="BA4507" s="99"/>
      <c r="BB4507" s="107">
        <v>45884</v>
      </c>
    </row>
    <row r="4508" spans="1:54" s="238" customFormat="1" ht="13.95" customHeight="1" x14ac:dyDescent="0.25">
      <c r="A4508" s="236" t="s">
        <v>10200</v>
      </c>
      <c r="B4508" s="220" t="s">
        <v>8672</v>
      </c>
      <c r="C4508" s="190" t="s">
        <v>10201</v>
      </c>
      <c r="D4508" s="190" t="s">
        <v>10202</v>
      </c>
      <c r="E4508" s="237">
        <v>1976</v>
      </c>
      <c r="F4508" s="237">
        <v>500</v>
      </c>
      <c r="G4508" s="190" t="s">
        <v>1</v>
      </c>
      <c r="H4508" s="190">
        <v>0</v>
      </c>
      <c r="I4508" s="190">
        <v>0</v>
      </c>
      <c r="J4508" s="190">
        <v>1</v>
      </c>
      <c r="K4508" s="190">
        <v>0</v>
      </c>
      <c r="L4508" s="190">
        <v>1</v>
      </c>
      <c r="M4508" s="190">
        <v>0</v>
      </c>
      <c r="N4508" s="190">
        <v>0</v>
      </c>
      <c r="O4508" s="190">
        <v>1</v>
      </c>
      <c r="P4508" s="190">
        <v>0</v>
      </c>
      <c r="Q4508" s="190">
        <v>0</v>
      </c>
      <c r="R4508" s="190">
        <v>1</v>
      </c>
      <c r="S4508" s="190">
        <v>0</v>
      </c>
      <c r="T4508" s="190">
        <v>0</v>
      </c>
      <c r="U4508" s="99"/>
      <c r="V4508" s="99"/>
      <c r="W4508" s="99"/>
      <c r="X4508" s="99"/>
      <c r="Y4508" s="99"/>
      <c r="Z4508" s="99"/>
      <c r="AA4508" s="99"/>
      <c r="AB4508" s="99"/>
      <c r="AC4508" s="99"/>
      <c r="AD4508" s="99"/>
      <c r="AE4508" s="99"/>
      <c r="AF4508" s="99"/>
      <c r="AG4508" s="99"/>
      <c r="AH4508" s="99"/>
      <c r="AI4508" s="99"/>
      <c r="AJ4508" s="99"/>
      <c r="AK4508" s="99"/>
      <c r="AL4508" s="99"/>
      <c r="AM4508" s="99"/>
      <c r="AN4508" s="99"/>
      <c r="AO4508" s="99"/>
      <c r="AP4508" s="99"/>
      <c r="AQ4508" s="99"/>
      <c r="AR4508" s="99"/>
      <c r="AS4508" s="99"/>
      <c r="AT4508" s="99"/>
      <c r="AU4508" s="99"/>
      <c r="AV4508" s="99"/>
      <c r="AW4508" s="99"/>
      <c r="AX4508" s="99"/>
      <c r="AY4508" s="99"/>
      <c r="AZ4508" s="99"/>
      <c r="BA4508" s="190" t="s">
        <v>8819</v>
      </c>
      <c r="BB4508" s="107">
        <v>45884</v>
      </c>
    </row>
    <row r="4509" spans="1:54" s="238" customFormat="1" ht="13.95" customHeight="1" x14ac:dyDescent="0.25">
      <c r="A4509" s="236" t="s">
        <v>10203</v>
      </c>
      <c r="B4509" s="220" t="s">
        <v>8672</v>
      </c>
      <c r="C4509" s="190" t="s">
        <v>10204</v>
      </c>
      <c r="D4509" s="190" t="s">
        <v>10205</v>
      </c>
      <c r="E4509" s="237">
        <v>1986</v>
      </c>
      <c r="F4509" s="237">
        <v>400</v>
      </c>
      <c r="G4509" s="190" t="s">
        <v>1</v>
      </c>
      <c r="H4509" s="190">
        <v>0</v>
      </c>
      <c r="I4509" s="190">
        <v>0</v>
      </c>
      <c r="J4509" s="190">
        <v>0</v>
      </c>
      <c r="K4509" s="190">
        <v>0</v>
      </c>
      <c r="L4509" s="190">
        <v>1</v>
      </c>
      <c r="M4509" s="190">
        <v>0</v>
      </c>
      <c r="N4509" s="190">
        <v>0</v>
      </c>
      <c r="O4509" s="190">
        <v>0</v>
      </c>
      <c r="P4509" s="190">
        <v>0</v>
      </c>
      <c r="Q4509" s="190">
        <v>0</v>
      </c>
      <c r="R4509" s="190">
        <v>0</v>
      </c>
      <c r="S4509" s="190">
        <v>0</v>
      </c>
      <c r="T4509" s="190">
        <v>0</v>
      </c>
      <c r="U4509" s="99"/>
      <c r="V4509" s="99"/>
      <c r="W4509" s="99"/>
      <c r="X4509" s="99"/>
      <c r="Y4509" s="99"/>
      <c r="Z4509" s="99"/>
      <c r="AA4509" s="99"/>
      <c r="AB4509" s="99"/>
      <c r="AC4509" s="99"/>
      <c r="AD4509" s="99"/>
      <c r="AE4509" s="99"/>
      <c r="AF4509" s="99"/>
      <c r="AG4509" s="99"/>
      <c r="AH4509" s="99"/>
      <c r="AI4509" s="99"/>
      <c r="AJ4509" s="99"/>
      <c r="AK4509" s="99"/>
      <c r="AL4509" s="99"/>
      <c r="AM4509" s="99"/>
      <c r="AN4509" s="99"/>
      <c r="AO4509" s="99"/>
      <c r="AP4509" s="99"/>
      <c r="AQ4509" s="99"/>
      <c r="AR4509" s="99"/>
      <c r="AS4509" s="99"/>
      <c r="AT4509" s="99"/>
      <c r="AU4509" s="99"/>
      <c r="AV4509" s="99"/>
      <c r="AW4509" s="99"/>
      <c r="AX4509" s="99"/>
      <c r="AY4509" s="99"/>
      <c r="AZ4509" s="99"/>
      <c r="BA4509" s="99"/>
      <c r="BB4509" s="107">
        <v>45884</v>
      </c>
    </row>
    <row r="4510" spans="1:54" s="238" customFormat="1" ht="13.95" customHeight="1" x14ac:dyDescent="0.25">
      <c r="A4510" s="236" t="s">
        <v>10206</v>
      </c>
      <c r="B4510" s="220" t="s">
        <v>8672</v>
      </c>
      <c r="C4510" s="190" t="s">
        <v>10207</v>
      </c>
      <c r="D4510" s="190" t="s">
        <v>10208</v>
      </c>
      <c r="E4510" s="237">
        <v>1986</v>
      </c>
      <c r="F4510" s="237">
        <v>200</v>
      </c>
      <c r="G4510" s="190" t="s">
        <v>1</v>
      </c>
      <c r="H4510" s="190">
        <v>0</v>
      </c>
      <c r="I4510" s="190">
        <v>0</v>
      </c>
      <c r="J4510" s="190">
        <v>0</v>
      </c>
      <c r="K4510" s="190">
        <v>1</v>
      </c>
      <c r="L4510" s="190">
        <v>1</v>
      </c>
      <c r="M4510" s="190">
        <v>1</v>
      </c>
      <c r="N4510" s="190">
        <v>0</v>
      </c>
      <c r="O4510" s="190">
        <v>0</v>
      </c>
      <c r="P4510" s="190">
        <v>1</v>
      </c>
      <c r="Q4510" s="190">
        <v>0</v>
      </c>
      <c r="R4510" s="190">
        <v>0</v>
      </c>
      <c r="S4510" s="190">
        <v>0</v>
      </c>
      <c r="T4510" s="190">
        <v>0</v>
      </c>
      <c r="U4510" s="99"/>
      <c r="V4510" s="99"/>
      <c r="W4510" s="99"/>
      <c r="X4510" s="99"/>
      <c r="Y4510" s="99"/>
      <c r="Z4510" s="99"/>
      <c r="AA4510" s="99"/>
      <c r="AB4510" s="99"/>
      <c r="AC4510" s="99"/>
      <c r="AD4510" s="99"/>
      <c r="AE4510" s="99"/>
      <c r="AF4510" s="99"/>
      <c r="AG4510" s="99"/>
      <c r="AH4510" s="99"/>
      <c r="AI4510" s="99"/>
      <c r="AJ4510" s="99"/>
      <c r="AK4510" s="99"/>
      <c r="AL4510" s="99"/>
      <c r="AM4510" s="99"/>
      <c r="AN4510" s="99"/>
      <c r="AO4510" s="99"/>
      <c r="AP4510" s="99"/>
      <c r="AQ4510" s="99"/>
      <c r="AR4510" s="99"/>
      <c r="AS4510" s="99"/>
      <c r="AT4510" s="99"/>
      <c r="AU4510" s="99"/>
      <c r="AV4510" s="99"/>
      <c r="AW4510" s="99"/>
      <c r="AX4510" s="99"/>
      <c r="AY4510" s="99"/>
      <c r="AZ4510" s="99"/>
      <c r="BA4510" s="99"/>
      <c r="BB4510" s="107">
        <v>45884</v>
      </c>
    </row>
    <row r="4511" spans="1:54" s="238" customFormat="1" ht="13.95" customHeight="1" x14ac:dyDescent="0.25">
      <c r="A4511" s="236" t="s">
        <v>10209</v>
      </c>
      <c r="B4511" s="220" t="s">
        <v>8672</v>
      </c>
      <c r="C4511" s="190" t="s">
        <v>10210</v>
      </c>
      <c r="D4511" s="190" t="s">
        <v>10211</v>
      </c>
      <c r="E4511" s="237">
        <v>1988</v>
      </c>
      <c r="F4511" s="237">
        <v>200</v>
      </c>
      <c r="G4511" s="190" t="s">
        <v>1</v>
      </c>
      <c r="H4511" s="190">
        <v>0</v>
      </c>
      <c r="I4511" s="190">
        <v>0</v>
      </c>
      <c r="J4511" s="190">
        <v>0</v>
      </c>
      <c r="K4511" s="190">
        <v>1</v>
      </c>
      <c r="L4511" s="190">
        <v>1</v>
      </c>
      <c r="M4511" s="190">
        <v>0</v>
      </c>
      <c r="N4511" s="190">
        <v>0</v>
      </c>
      <c r="O4511" s="190">
        <v>0</v>
      </c>
      <c r="P4511" s="190">
        <v>0</v>
      </c>
      <c r="Q4511" s="190">
        <v>0</v>
      </c>
      <c r="R4511" s="190">
        <v>0</v>
      </c>
      <c r="S4511" s="190">
        <v>0</v>
      </c>
      <c r="T4511" s="190">
        <v>0</v>
      </c>
      <c r="U4511" s="99"/>
      <c r="V4511" s="99"/>
      <c r="W4511" s="99"/>
      <c r="X4511" s="99"/>
      <c r="Y4511" s="99"/>
      <c r="Z4511" s="99"/>
      <c r="AA4511" s="99"/>
      <c r="AB4511" s="99"/>
      <c r="AC4511" s="99"/>
      <c r="AD4511" s="99"/>
      <c r="AE4511" s="99"/>
      <c r="AF4511" s="99"/>
      <c r="AG4511" s="99"/>
      <c r="AH4511" s="99"/>
      <c r="AI4511" s="99"/>
      <c r="AJ4511" s="99"/>
      <c r="AK4511" s="99"/>
      <c r="AL4511" s="99"/>
      <c r="AM4511" s="99"/>
      <c r="AN4511" s="99"/>
      <c r="AO4511" s="99"/>
      <c r="AP4511" s="99"/>
      <c r="AQ4511" s="99"/>
      <c r="AR4511" s="99"/>
      <c r="AS4511" s="99"/>
      <c r="AT4511" s="99"/>
      <c r="AU4511" s="99"/>
      <c r="AV4511" s="99"/>
      <c r="AW4511" s="99"/>
      <c r="AX4511" s="99"/>
      <c r="AY4511" s="99"/>
      <c r="AZ4511" s="99"/>
      <c r="BA4511" s="99"/>
      <c r="BB4511" s="107">
        <v>45884</v>
      </c>
    </row>
    <row r="4512" spans="1:54" s="238" customFormat="1" ht="13.95" customHeight="1" x14ac:dyDescent="0.25">
      <c r="A4512" s="236" t="s">
        <v>10212</v>
      </c>
      <c r="B4512" s="220" t="s">
        <v>8672</v>
      </c>
      <c r="C4512" s="190" t="s">
        <v>10213</v>
      </c>
      <c r="D4512" s="190" t="s">
        <v>10214</v>
      </c>
      <c r="E4512" s="237">
        <v>1991</v>
      </c>
      <c r="F4512" s="237">
        <v>200</v>
      </c>
      <c r="G4512" s="190" t="s">
        <v>1</v>
      </c>
      <c r="H4512" s="190">
        <v>0</v>
      </c>
      <c r="I4512" s="190">
        <v>0</v>
      </c>
      <c r="J4512" s="190">
        <v>0</v>
      </c>
      <c r="K4512" s="190">
        <v>1</v>
      </c>
      <c r="L4512" s="190">
        <v>0</v>
      </c>
      <c r="M4512" s="190">
        <v>0</v>
      </c>
      <c r="N4512" s="190">
        <v>0</v>
      </c>
      <c r="O4512" s="190">
        <v>0</v>
      </c>
      <c r="P4512" s="190">
        <v>0</v>
      </c>
      <c r="Q4512" s="190">
        <v>0</v>
      </c>
      <c r="R4512" s="190">
        <v>0</v>
      </c>
      <c r="S4512" s="190">
        <v>0</v>
      </c>
      <c r="T4512" s="190">
        <v>0</v>
      </c>
      <c r="U4512" s="99"/>
      <c r="V4512" s="99"/>
      <c r="W4512" s="99"/>
      <c r="X4512" s="99"/>
      <c r="Y4512" s="99"/>
      <c r="Z4512" s="99"/>
      <c r="AA4512" s="99"/>
      <c r="AB4512" s="99"/>
      <c r="AC4512" s="99"/>
      <c r="AD4512" s="99"/>
      <c r="AE4512" s="99"/>
      <c r="AF4512" s="99"/>
      <c r="AG4512" s="99"/>
      <c r="AH4512" s="99"/>
      <c r="AI4512" s="99"/>
      <c r="AJ4512" s="99"/>
      <c r="AK4512" s="99"/>
      <c r="AL4512" s="99"/>
      <c r="AM4512" s="99"/>
      <c r="AN4512" s="99"/>
      <c r="AO4512" s="99"/>
      <c r="AP4512" s="99"/>
      <c r="AQ4512" s="99"/>
      <c r="AR4512" s="99"/>
      <c r="AS4512" s="99"/>
      <c r="AT4512" s="99"/>
      <c r="AU4512" s="99"/>
      <c r="AV4512" s="99"/>
      <c r="AW4512" s="99"/>
      <c r="AX4512" s="99"/>
      <c r="AY4512" s="99"/>
      <c r="AZ4512" s="99"/>
      <c r="BA4512" s="99"/>
      <c r="BB4512" s="107">
        <v>45884</v>
      </c>
    </row>
    <row r="4513" spans="1:54" s="238" customFormat="1" ht="13.95" customHeight="1" x14ac:dyDescent="0.25">
      <c r="A4513" s="236" t="s">
        <v>10215</v>
      </c>
      <c r="B4513" s="220" t="s">
        <v>8672</v>
      </c>
      <c r="C4513" s="190" t="s">
        <v>10216</v>
      </c>
      <c r="D4513" s="190" t="s">
        <v>10217</v>
      </c>
      <c r="E4513" s="237">
        <v>1991</v>
      </c>
      <c r="F4513" s="237">
        <v>100</v>
      </c>
      <c r="G4513" s="190" t="s">
        <v>1</v>
      </c>
      <c r="H4513" s="190">
        <v>0</v>
      </c>
      <c r="I4513" s="190">
        <v>0</v>
      </c>
      <c r="J4513" s="190">
        <v>0</v>
      </c>
      <c r="K4513" s="190">
        <v>0</v>
      </c>
      <c r="L4513" s="190">
        <v>0</v>
      </c>
      <c r="M4513" s="190">
        <v>0</v>
      </c>
      <c r="N4513" s="190">
        <v>0</v>
      </c>
      <c r="O4513" s="190">
        <v>0</v>
      </c>
      <c r="P4513" s="190">
        <v>1</v>
      </c>
      <c r="Q4513" s="190">
        <v>0</v>
      </c>
      <c r="R4513" s="190">
        <v>0</v>
      </c>
      <c r="S4513" s="190">
        <v>0</v>
      </c>
      <c r="T4513" s="190">
        <v>0</v>
      </c>
      <c r="U4513" s="99"/>
      <c r="V4513" s="99"/>
      <c r="W4513" s="99"/>
      <c r="X4513" s="99"/>
      <c r="Y4513" s="99"/>
      <c r="Z4513" s="99"/>
      <c r="AA4513" s="99"/>
      <c r="AB4513" s="99"/>
      <c r="AC4513" s="99"/>
      <c r="AD4513" s="99"/>
      <c r="AE4513" s="99"/>
      <c r="AF4513" s="99"/>
      <c r="AG4513" s="99"/>
      <c r="AH4513" s="99"/>
      <c r="AI4513" s="99"/>
      <c r="AJ4513" s="99"/>
      <c r="AK4513" s="99"/>
      <c r="AL4513" s="99"/>
      <c r="AM4513" s="99"/>
      <c r="AN4513" s="99"/>
      <c r="AO4513" s="99"/>
      <c r="AP4513" s="99"/>
      <c r="AQ4513" s="99"/>
      <c r="AR4513" s="99"/>
      <c r="AS4513" s="99"/>
      <c r="AT4513" s="99"/>
      <c r="AU4513" s="99"/>
      <c r="AV4513" s="99"/>
      <c r="AW4513" s="99"/>
      <c r="AX4513" s="99"/>
      <c r="AY4513" s="99"/>
      <c r="AZ4513" s="99"/>
      <c r="BA4513" s="99"/>
      <c r="BB4513" s="107">
        <v>45884</v>
      </c>
    </row>
    <row r="4514" spans="1:54" s="238" customFormat="1" ht="13.95" customHeight="1" x14ac:dyDescent="0.25">
      <c r="A4514" s="236" t="s">
        <v>10218</v>
      </c>
      <c r="B4514" s="220" t="s">
        <v>8672</v>
      </c>
      <c r="C4514" s="190" t="s">
        <v>10219</v>
      </c>
      <c r="D4514" s="190" t="s">
        <v>10220</v>
      </c>
      <c r="E4514" s="237">
        <v>1977</v>
      </c>
      <c r="F4514" s="237">
        <v>300</v>
      </c>
      <c r="G4514" s="190" t="s">
        <v>1</v>
      </c>
      <c r="H4514" s="190">
        <v>0</v>
      </c>
      <c r="I4514" s="190">
        <v>0</v>
      </c>
      <c r="J4514" s="190">
        <v>0</v>
      </c>
      <c r="K4514" s="190">
        <v>1</v>
      </c>
      <c r="L4514" s="190">
        <v>0</v>
      </c>
      <c r="M4514" s="190">
        <v>0</v>
      </c>
      <c r="N4514" s="190">
        <v>0</v>
      </c>
      <c r="O4514" s="190">
        <v>1</v>
      </c>
      <c r="P4514" s="190">
        <v>1</v>
      </c>
      <c r="Q4514" s="190">
        <v>0</v>
      </c>
      <c r="R4514" s="190">
        <v>0</v>
      </c>
      <c r="S4514" s="190">
        <v>0</v>
      </c>
      <c r="T4514" s="190">
        <v>0</v>
      </c>
      <c r="U4514" s="99"/>
      <c r="V4514" s="99"/>
      <c r="W4514" s="99"/>
      <c r="X4514" s="99"/>
      <c r="Y4514" s="99"/>
      <c r="Z4514" s="99"/>
      <c r="AA4514" s="99"/>
      <c r="AB4514" s="99"/>
      <c r="AC4514" s="99"/>
      <c r="AD4514" s="99"/>
      <c r="AE4514" s="99"/>
      <c r="AF4514" s="99"/>
      <c r="AG4514" s="99"/>
      <c r="AH4514" s="99"/>
      <c r="AI4514" s="99"/>
      <c r="AJ4514" s="99"/>
      <c r="AK4514" s="99"/>
      <c r="AL4514" s="99"/>
      <c r="AM4514" s="99"/>
      <c r="AN4514" s="99"/>
      <c r="AO4514" s="99"/>
      <c r="AP4514" s="99"/>
      <c r="AQ4514" s="99"/>
      <c r="AR4514" s="99"/>
      <c r="AS4514" s="99"/>
      <c r="AT4514" s="99"/>
      <c r="AU4514" s="99"/>
      <c r="AV4514" s="99"/>
      <c r="AW4514" s="99"/>
      <c r="AX4514" s="99"/>
      <c r="AY4514" s="99"/>
      <c r="AZ4514" s="99"/>
      <c r="BA4514" s="99"/>
      <c r="BB4514" s="107">
        <v>45884</v>
      </c>
    </row>
    <row r="4515" spans="1:54" s="238" customFormat="1" ht="13.95" customHeight="1" x14ac:dyDescent="0.25">
      <c r="A4515" s="236" t="s">
        <v>10221</v>
      </c>
      <c r="B4515" s="220" t="s">
        <v>8672</v>
      </c>
      <c r="C4515" s="190" t="s">
        <v>10222</v>
      </c>
      <c r="D4515" s="190" t="s">
        <v>10223</v>
      </c>
      <c r="E4515" s="237">
        <v>1992</v>
      </c>
      <c r="F4515" s="237">
        <v>300</v>
      </c>
      <c r="G4515" s="190" t="s">
        <v>1</v>
      </c>
      <c r="H4515" s="190">
        <v>0</v>
      </c>
      <c r="I4515" s="190">
        <v>0</v>
      </c>
      <c r="J4515" s="190">
        <v>0</v>
      </c>
      <c r="K4515" s="190">
        <v>0</v>
      </c>
      <c r="L4515" s="190">
        <v>0</v>
      </c>
      <c r="M4515" s="190">
        <v>1</v>
      </c>
      <c r="N4515" s="190">
        <v>0</v>
      </c>
      <c r="O4515" s="190">
        <v>0</v>
      </c>
      <c r="P4515" s="190">
        <v>1</v>
      </c>
      <c r="Q4515" s="190">
        <v>0</v>
      </c>
      <c r="R4515" s="190">
        <v>0</v>
      </c>
      <c r="S4515" s="190">
        <v>0</v>
      </c>
      <c r="T4515" s="190">
        <v>0</v>
      </c>
      <c r="U4515" s="99"/>
      <c r="V4515" s="99"/>
      <c r="W4515" s="99"/>
      <c r="X4515" s="99"/>
      <c r="Y4515" s="99"/>
      <c r="Z4515" s="99"/>
      <c r="AA4515" s="99"/>
      <c r="AB4515" s="99"/>
      <c r="AC4515" s="99"/>
      <c r="AD4515" s="99"/>
      <c r="AE4515" s="99"/>
      <c r="AF4515" s="99"/>
      <c r="AG4515" s="99"/>
      <c r="AH4515" s="99"/>
      <c r="AI4515" s="99"/>
      <c r="AJ4515" s="99"/>
      <c r="AK4515" s="99"/>
      <c r="AL4515" s="99"/>
      <c r="AM4515" s="99"/>
      <c r="AN4515" s="99"/>
      <c r="AO4515" s="99"/>
      <c r="AP4515" s="99"/>
      <c r="AQ4515" s="99"/>
      <c r="AR4515" s="99"/>
      <c r="AS4515" s="99"/>
      <c r="AT4515" s="99"/>
      <c r="AU4515" s="99"/>
      <c r="AV4515" s="99"/>
      <c r="AW4515" s="99"/>
      <c r="AX4515" s="99"/>
      <c r="AY4515" s="99"/>
      <c r="AZ4515" s="99"/>
      <c r="BA4515" s="99"/>
      <c r="BB4515" s="107">
        <v>45884</v>
      </c>
    </row>
    <row r="4516" spans="1:54" s="238" customFormat="1" ht="13.95" customHeight="1" x14ac:dyDescent="0.25">
      <c r="A4516" s="236" t="s">
        <v>10224</v>
      </c>
      <c r="B4516" s="220" t="s">
        <v>8672</v>
      </c>
      <c r="C4516" s="190" t="s">
        <v>10225</v>
      </c>
      <c r="D4516" s="190" t="s">
        <v>10226</v>
      </c>
      <c r="E4516" s="237">
        <v>1977</v>
      </c>
      <c r="F4516" s="237">
        <v>800</v>
      </c>
      <c r="G4516" s="190" t="s">
        <v>1</v>
      </c>
      <c r="H4516" s="190">
        <v>0</v>
      </c>
      <c r="I4516" s="190">
        <v>0</v>
      </c>
      <c r="J4516" s="190">
        <v>1</v>
      </c>
      <c r="K4516" s="190">
        <v>1</v>
      </c>
      <c r="L4516" s="190">
        <v>1</v>
      </c>
      <c r="M4516" s="190">
        <v>1</v>
      </c>
      <c r="N4516" s="190">
        <v>0</v>
      </c>
      <c r="O4516" s="190">
        <v>1</v>
      </c>
      <c r="P4516" s="190">
        <v>1</v>
      </c>
      <c r="Q4516" s="190">
        <v>0</v>
      </c>
      <c r="R4516" s="190">
        <v>1</v>
      </c>
      <c r="S4516" s="190">
        <v>0</v>
      </c>
      <c r="T4516" s="190">
        <v>0</v>
      </c>
      <c r="U4516" s="99"/>
      <c r="V4516" s="99"/>
      <c r="W4516" s="99"/>
      <c r="X4516" s="99"/>
      <c r="Y4516" s="99"/>
      <c r="Z4516" s="99"/>
      <c r="AA4516" s="99"/>
      <c r="AB4516" s="99"/>
      <c r="AC4516" s="99"/>
      <c r="AD4516" s="99"/>
      <c r="AE4516" s="99"/>
      <c r="AF4516" s="99"/>
      <c r="AG4516" s="99"/>
      <c r="AH4516" s="99"/>
      <c r="AI4516" s="99"/>
      <c r="AJ4516" s="99"/>
      <c r="AK4516" s="99"/>
      <c r="AL4516" s="99"/>
      <c r="AM4516" s="99"/>
      <c r="AN4516" s="99"/>
      <c r="AO4516" s="99"/>
      <c r="AP4516" s="99"/>
      <c r="AQ4516" s="99"/>
      <c r="AR4516" s="99"/>
      <c r="AS4516" s="99"/>
      <c r="AT4516" s="99"/>
      <c r="AU4516" s="99"/>
      <c r="AV4516" s="99"/>
      <c r="AW4516" s="99"/>
      <c r="AX4516" s="99"/>
      <c r="AY4516" s="99"/>
      <c r="AZ4516" s="99"/>
      <c r="BA4516" s="99"/>
      <c r="BB4516" s="107">
        <v>45884</v>
      </c>
    </row>
    <row r="4517" spans="1:54" s="238" customFormat="1" ht="13.95" customHeight="1" x14ac:dyDescent="0.25">
      <c r="A4517" s="236" t="s">
        <v>10227</v>
      </c>
      <c r="B4517" s="220" t="s">
        <v>8672</v>
      </c>
      <c r="C4517" s="190" t="s">
        <v>10228</v>
      </c>
      <c r="D4517" s="190" t="s">
        <v>10229</v>
      </c>
      <c r="E4517" s="237">
        <v>1992</v>
      </c>
      <c r="F4517" s="237">
        <v>200</v>
      </c>
      <c r="G4517" s="190" t="s">
        <v>1</v>
      </c>
      <c r="H4517" s="190">
        <v>0</v>
      </c>
      <c r="I4517" s="190">
        <v>0</v>
      </c>
      <c r="J4517" s="190">
        <v>0</v>
      </c>
      <c r="K4517" s="190">
        <v>1</v>
      </c>
      <c r="L4517" s="190">
        <v>0</v>
      </c>
      <c r="M4517" s="190">
        <v>0</v>
      </c>
      <c r="N4517" s="190">
        <v>0</v>
      </c>
      <c r="O4517" s="190">
        <v>0</v>
      </c>
      <c r="P4517" s="190">
        <v>1</v>
      </c>
      <c r="Q4517" s="190">
        <v>0</v>
      </c>
      <c r="R4517" s="190">
        <v>0</v>
      </c>
      <c r="S4517" s="190">
        <v>0</v>
      </c>
      <c r="T4517" s="190">
        <v>0</v>
      </c>
      <c r="U4517" s="99"/>
      <c r="V4517" s="99"/>
      <c r="W4517" s="99"/>
      <c r="X4517" s="99"/>
      <c r="Y4517" s="99"/>
      <c r="Z4517" s="99"/>
      <c r="AA4517" s="99"/>
      <c r="AB4517" s="99"/>
      <c r="AC4517" s="99"/>
      <c r="AD4517" s="99"/>
      <c r="AE4517" s="99"/>
      <c r="AF4517" s="99"/>
      <c r="AG4517" s="99"/>
      <c r="AH4517" s="99"/>
      <c r="AI4517" s="99"/>
      <c r="AJ4517" s="99"/>
      <c r="AK4517" s="99"/>
      <c r="AL4517" s="99"/>
      <c r="AM4517" s="99"/>
      <c r="AN4517" s="99"/>
      <c r="AO4517" s="99"/>
      <c r="AP4517" s="99"/>
      <c r="AQ4517" s="99"/>
      <c r="AR4517" s="99"/>
      <c r="AS4517" s="99"/>
      <c r="AT4517" s="99"/>
      <c r="AU4517" s="99"/>
      <c r="AV4517" s="99"/>
      <c r="AW4517" s="99"/>
      <c r="AX4517" s="99"/>
      <c r="AY4517" s="99"/>
      <c r="AZ4517" s="99"/>
      <c r="BA4517" s="99"/>
      <c r="BB4517" s="107">
        <v>45884</v>
      </c>
    </row>
    <row r="4518" spans="1:54" s="238" customFormat="1" ht="13.95" customHeight="1" x14ac:dyDescent="0.25">
      <c r="A4518" s="236" t="s">
        <v>10230</v>
      </c>
      <c r="B4518" s="220" t="s">
        <v>8672</v>
      </c>
      <c r="C4518" s="190" t="s">
        <v>10231</v>
      </c>
      <c r="D4518" s="190" t="s">
        <v>10232</v>
      </c>
      <c r="E4518" s="237">
        <v>1992</v>
      </c>
      <c r="F4518" s="237">
        <v>100</v>
      </c>
      <c r="G4518" s="190" t="s">
        <v>1</v>
      </c>
      <c r="H4518" s="190">
        <v>0</v>
      </c>
      <c r="I4518" s="190">
        <v>0</v>
      </c>
      <c r="J4518" s="190">
        <v>0</v>
      </c>
      <c r="K4518" s="190">
        <v>1</v>
      </c>
      <c r="L4518" s="190">
        <v>0</v>
      </c>
      <c r="M4518" s="190">
        <v>1</v>
      </c>
      <c r="N4518" s="190">
        <v>0</v>
      </c>
      <c r="O4518" s="190">
        <v>0</v>
      </c>
      <c r="P4518" s="190">
        <v>1</v>
      </c>
      <c r="Q4518" s="190">
        <v>0</v>
      </c>
      <c r="R4518" s="190">
        <v>1</v>
      </c>
      <c r="S4518" s="190">
        <v>0</v>
      </c>
      <c r="T4518" s="190">
        <v>0</v>
      </c>
      <c r="U4518" s="99"/>
      <c r="V4518" s="99"/>
      <c r="W4518" s="99"/>
      <c r="X4518" s="99"/>
      <c r="Y4518" s="99"/>
      <c r="Z4518" s="99"/>
      <c r="AA4518" s="99"/>
      <c r="AB4518" s="99"/>
      <c r="AC4518" s="99"/>
      <c r="AD4518" s="99"/>
      <c r="AE4518" s="99"/>
      <c r="AF4518" s="99"/>
      <c r="AG4518" s="99"/>
      <c r="AH4518" s="99"/>
      <c r="AI4518" s="99"/>
      <c r="AJ4518" s="99"/>
      <c r="AK4518" s="99"/>
      <c r="AL4518" s="99"/>
      <c r="AM4518" s="99"/>
      <c r="AN4518" s="99"/>
      <c r="AO4518" s="99"/>
      <c r="AP4518" s="99"/>
      <c r="AQ4518" s="99"/>
      <c r="AR4518" s="99"/>
      <c r="AS4518" s="99"/>
      <c r="AT4518" s="99"/>
      <c r="AU4518" s="99"/>
      <c r="AV4518" s="99"/>
      <c r="AW4518" s="99"/>
      <c r="AX4518" s="99"/>
      <c r="AY4518" s="99"/>
      <c r="AZ4518" s="99"/>
      <c r="BA4518" s="99"/>
      <c r="BB4518" s="107">
        <v>45884</v>
      </c>
    </row>
    <row r="4519" spans="1:54" s="238" customFormat="1" ht="13.95" customHeight="1" x14ac:dyDescent="0.25">
      <c r="A4519" s="236" t="s">
        <v>10233</v>
      </c>
      <c r="B4519" s="220" t="s">
        <v>8672</v>
      </c>
      <c r="C4519" s="190" t="s">
        <v>10234</v>
      </c>
      <c r="D4519" s="190" t="s">
        <v>10235</v>
      </c>
      <c r="E4519" s="237">
        <v>1992</v>
      </c>
      <c r="F4519" s="237">
        <v>100</v>
      </c>
      <c r="G4519" s="190" t="s">
        <v>1</v>
      </c>
      <c r="H4519" s="190">
        <v>0</v>
      </c>
      <c r="I4519" s="190">
        <v>0</v>
      </c>
      <c r="J4519" s="190">
        <v>0</v>
      </c>
      <c r="K4519" s="190">
        <v>1</v>
      </c>
      <c r="L4519" s="190">
        <v>1</v>
      </c>
      <c r="M4519" s="190">
        <v>0</v>
      </c>
      <c r="N4519" s="190">
        <v>0</v>
      </c>
      <c r="O4519" s="190">
        <v>0</v>
      </c>
      <c r="P4519" s="190">
        <v>0</v>
      </c>
      <c r="Q4519" s="190">
        <v>0</v>
      </c>
      <c r="R4519" s="190">
        <v>0</v>
      </c>
      <c r="S4519" s="190">
        <v>0</v>
      </c>
      <c r="T4519" s="190">
        <v>0</v>
      </c>
      <c r="U4519" s="99"/>
      <c r="V4519" s="99"/>
      <c r="W4519" s="99"/>
      <c r="X4519" s="99"/>
      <c r="Y4519" s="99"/>
      <c r="Z4519" s="99"/>
      <c r="AA4519" s="99"/>
      <c r="AB4519" s="99"/>
      <c r="AC4519" s="99"/>
      <c r="AD4519" s="99"/>
      <c r="AE4519" s="99"/>
      <c r="AF4519" s="99"/>
      <c r="AG4519" s="99"/>
      <c r="AH4519" s="99"/>
      <c r="AI4519" s="99"/>
      <c r="AJ4519" s="99"/>
      <c r="AK4519" s="99"/>
      <c r="AL4519" s="99"/>
      <c r="AM4519" s="99"/>
      <c r="AN4519" s="99"/>
      <c r="AO4519" s="99"/>
      <c r="AP4519" s="99"/>
      <c r="AQ4519" s="99"/>
      <c r="AR4519" s="99"/>
      <c r="AS4519" s="99"/>
      <c r="AT4519" s="99"/>
      <c r="AU4519" s="99"/>
      <c r="AV4519" s="99"/>
      <c r="AW4519" s="99"/>
      <c r="AX4519" s="99"/>
      <c r="AY4519" s="99"/>
      <c r="AZ4519" s="99"/>
      <c r="BA4519" s="99"/>
      <c r="BB4519" s="107">
        <v>45884</v>
      </c>
    </row>
    <row r="4520" spans="1:54" s="238" customFormat="1" ht="13.95" customHeight="1" x14ac:dyDescent="0.25">
      <c r="A4520" s="236" t="s">
        <v>10236</v>
      </c>
      <c r="B4520" s="220" t="s">
        <v>8672</v>
      </c>
      <c r="C4520" s="190" t="s">
        <v>10237</v>
      </c>
      <c r="D4520" s="190" t="s">
        <v>10238</v>
      </c>
      <c r="E4520" s="237">
        <v>1993</v>
      </c>
      <c r="F4520" s="237">
        <v>700</v>
      </c>
      <c r="G4520" s="190" t="s">
        <v>1</v>
      </c>
      <c r="H4520" s="190">
        <v>0</v>
      </c>
      <c r="I4520" s="190">
        <v>0</v>
      </c>
      <c r="J4520" s="190">
        <v>1</v>
      </c>
      <c r="K4520" s="190">
        <v>1</v>
      </c>
      <c r="L4520" s="190">
        <v>0</v>
      </c>
      <c r="M4520" s="190">
        <v>0</v>
      </c>
      <c r="N4520" s="190">
        <v>0</v>
      </c>
      <c r="O4520" s="190">
        <v>0</v>
      </c>
      <c r="P4520" s="190">
        <v>0</v>
      </c>
      <c r="Q4520" s="190">
        <v>0</v>
      </c>
      <c r="R4520" s="190">
        <v>0</v>
      </c>
      <c r="S4520" s="190">
        <v>0</v>
      </c>
      <c r="T4520" s="190">
        <v>0</v>
      </c>
      <c r="U4520" s="99"/>
      <c r="V4520" s="99"/>
      <c r="W4520" s="99"/>
      <c r="X4520" s="99"/>
      <c r="Y4520" s="99"/>
      <c r="Z4520" s="99"/>
      <c r="AA4520" s="99"/>
      <c r="AB4520" s="99"/>
      <c r="AC4520" s="99"/>
      <c r="AD4520" s="99"/>
      <c r="AE4520" s="99"/>
      <c r="AF4520" s="99"/>
      <c r="AG4520" s="99"/>
      <c r="AH4520" s="99"/>
      <c r="AI4520" s="99"/>
      <c r="AJ4520" s="99"/>
      <c r="AK4520" s="99"/>
      <c r="AL4520" s="99"/>
      <c r="AM4520" s="99"/>
      <c r="AN4520" s="99"/>
      <c r="AO4520" s="99"/>
      <c r="AP4520" s="99"/>
      <c r="AQ4520" s="99"/>
      <c r="AR4520" s="99"/>
      <c r="AS4520" s="99"/>
      <c r="AT4520" s="99"/>
      <c r="AU4520" s="99"/>
      <c r="AV4520" s="99"/>
      <c r="AW4520" s="99"/>
      <c r="AX4520" s="99"/>
      <c r="AY4520" s="99"/>
      <c r="AZ4520" s="99"/>
      <c r="BA4520" s="99"/>
      <c r="BB4520" s="107">
        <v>45884</v>
      </c>
    </row>
    <row r="4521" spans="1:54" s="238" customFormat="1" ht="13.95" customHeight="1" x14ac:dyDescent="0.25">
      <c r="A4521" s="236" t="s">
        <v>10239</v>
      </c>
      <c r="B4521" s="220" t="s">
        <v>8672</v>
      </c>
      <c r="C4521" s="190" t="s">
        <v>10240</v>
      </c>
      <c r="D4521" s="190" t="s">
        <v>10241</v>
      </c>
      <c r="E4521" s="237">
        <v>1994</v>
      </c>
      <c r="F4521" s="237">
        <v>500</v>
      </c>
      <c r="G4521" s="190" t="s">
        <v>1</v>
      </c>
      <c r="H4521" s="190">
        <v>0</v>
      </c>
      <c r="I4521" s="190">
        <v>0</v>
      </c>
      <c r="J4521" s="190">
        <v>1</v>
      </c>
      <c r="K4521" s="190">
        <v>1</v>
      </c>
      <c r="L4521" s="190">
        <v>1</v>
      </c>
      <c r="M4521" s="190">
        <v>1</v>
      </c>
      <c r="N4521" s="190">
        <v>0</v>
      </c>
      <c r="O4521" s="190">
        <v>0</v>
      </c>
      <c r="P4521" s="190">
        <v>0</v>
      </c>
      <c r="Q4521" s="190">
        <v>0</v>
      </c>
      <c r="R4521" s="190">
        <v>0</v>
      </c>
      <c r="S4521" s="190">
        <v>1</v>
      </c>
      <c r="T4521" s="190">
        <v>0</v>
      </c>
      <c r="U4521" s="99"/>
      <c r="V4521" s="99"/>
      <c r="W4521" s="99"/>
      <c r="X4521" s="99"/>
      <c r="Y4521" s="99"/>
      <c r="Z4521" s="99"/>
      <c r="AA4521" s="99"/>
      <c r="AB4521" s="99"/>
      <c r="AC4521" s="99"/>
      <c r="AD4521" s="99"/>
      <c r="AE4521" s="99"/>
      <c r="AF4521" s="99"/>
      <c r="AG4521" s="99"/>
      <c r="AH4521" s="99"/>
      <c r="AI4521" s="99"/>
      <c r="AJ4521" s="99"/>
      <c r="AK4521" s="99"/>
      <c r="AL4521" s="99"/>
      <c r="AM4521" s="99"/>
      <c r="AN4521" s="99"/>
      <c r="AO4521" s="99"/>
      <c r="AP4521" s="99"/>
      <c r="AQ4521" s="99"/>
      <c r="AR4521" s="99"/>
      <c r="AS4521" s="99"/>
      <c r="AT4521" s="99"/>
      <c r="AU4521" s="99"/>
      <c r="AV4521" s="99"/>
      <c r="AW4521" s="99"/>
      <c r="AX4521" s="99"/>
      <c r="AY4521" s="99"/>
      <c r="AZ4521" s="99"/>
      <c r="BA4521" s="99"/>
      <c r="BB4521" s="107">
        <v>45884</v>
      </c>
    </row>
    <row r="4522" spans="1:54" s="238" customFormat="1" ht="13.95" customHeight="1" x14ac:dyDescent="0.25">
      <c r="A4522" s="236" t="s">
        <v>10242</v>
      </c>
      <c r="B4522" s="220" t="s">
        <v>8672</v>
      </c>
      <c r="C4522" s="190" t="s">
        <v>10243</v>
      </c>
      <c r="D4522" s="190" t="s">
        <v>10244</v>
      </c>
      <c r="E4522" s="237">
        <v>1978</v>
      </c>
      <c r="F4522" s="237">
        <v>100</v>
      </c>
      <c r="G4522" s="190" t="s">
        <v>1</v>
      </c>
      <c r="H4522" s="190">
        <v>0</v>
      </c>
      <c r="I4522" s="190">
        <v>0</v>
      </c>
      <c r="J4522" s="190">
        <v>0</v>
      </c>
      <c r="K4522" s="190">
        <v>0</v>
      </c>
      <c r="L4522" s="190">
        <v>0</v>
      </c>
      <c r="M4522" s="190">
        <v>0</v>
      </c>
      <c r="N4522" s="190">
        <v>0</v>
      </c>
      <c r="O4522" s="190">
        <v>0</v>
      </c>
      <c r="P4522" s="190">
        <v>0</v>
      </c>
      <c r="Q4522" s="190">
        <v>0</v>
      </c>
      <c r="R4522" s="190">
        <v>0</v>
      </c>
      <c r="S4522" s="190">
        <v>0</v>
      </c>
      <c r="T4522" s="190">
        <v>0</v>
      </c>
      <c r="U4522" s="99"/>
      <c r="V4522" s="99"/>
      <c r="W4522" s="99"/>
      <c r="X4522" s="99"/>
      <c r="Y4522" s="99"/>
      <c r="Z4522" s="99"/>
      <c r="AA4522" s="99"/>
      <c r="AB4522" s="99"/>
      <c r="AC4522" s="99"/>
      <c r="AD4522" s="99"/>
      <c r="AE4522" s="99"/>
      <c r="AF4522" s="99"/>
      <c r="AG4522" s="99"/>
      <c r="AH4522" s="99"/>
      <c r="AI4522" s="99"/>
      <c r="AJ4522" s="99"/>
      <c r="AK4522" s="99"/>
      <c r="AL4522" s="99"/>
      <c r="AM4522" s="99"/>
      <c r="AN4522" s="99"/>
      <c r="AO4522" s="99"/>
      <c r="AP4522" s="99"/>
      <c r="AQ4522" s="99"/>
      <c r="AR4522" s="99"/>
      <c r="AS4522" s="99"/>
      <c r="AT4522" s="99"/>
      <c r="AU4522" s="99"/>
      <c r="AV4522" s="99"/>
      <c r="AW4522" s="99"/>
      <c r="AX4522" s="99"/>
      <c r="AY4522" s="99"/>
      <c r="AZ4522" s="99"/>
      <c r="BA4522" s="99"/>
      <c r="BB4522" s="107">
        <v>45884</v>
      </c>
    </row>
    <row r="4523" spans="1:54" s="238" customFormat="1" ht="13.95" customHeight="1" x14ac:dyDescent="0.25">
      <c r="A4523" s="236" t="s">
        <v>10245</v>
      </c>
      <c r="B4523" s="220" t="s">
        <v>8672</v>
      </c>
      <c r="C4523" s="190" t="s">
        <v>10246</v>
      </c>
      <c r="D4523" s="190" t="s">
        <v>10247</v>
      </c>
      <c r="E4523" s="237">
        <v>1994</v>
      </c>
      <c r="F4523" s="237">
        <v>700</v>
      </c>
      <c r="G4523" s="190" t="s">
        <v>1</v>
      </c>
      <c r="H4523" s="190">
        <v>0</v>
      </c>
      <c r="I4523" s="190">
        <v>0</v>
      </c>
      <c r="J4523" s="190">
        <v>1</v>
      </c>
      <c r="K4523" s="190">
        <v>1</v>
      </c>
      <c r="L4523" s="190">
        <v>1</v>
      </c>
      <c r="M4523" s="190">
        <v>1</v>
      </c>
      <c r="N4523" s="190">
        <v>0</v>
      </c>
      <c r="O4523" s="190">
        <v>0</v>
      </c>
      <c r="P4523" s="190">
        <v>0</v>
      </c>
      <c r="Q4523" s="190">
        <v>0</v>
      </c>
      <c r="R4523" s="190">
        <v>1</v>
      </c>
      <c r="S4523" s="190">
        <v>0</v>
      </c>
      <c r="T4523" s="190">
        <v>0</v>
      </c>
      <c r="U4523" s="99"/>
      <c r="V4523" s="99"/>
      <c r="W4523" s="99"/>
      <c r="X4523" s="99"/>
      <c r="Y4523" s="99"/>
      <c r="Z4523" s="99"/>
      <c r="AA4523" s="99"/>
      <c r="AB4523" s="99"/>
      <c r="AC4523" s="99"/>
      <c r="AD4523" s="99"/>
      <c r="AE4523" s="99"/>
      <c r="AF4523" s="99"/>
      <c r="AG4523" s="99"/>
      <c r="AH4523" s="99"/>
      <c r="AI4523" s="99"/>
      <c r="AJ4523" s="99"/>
      <c r="AK4523" s="99"/>
      <c r="AL4523" s="99"/>
      <c r="AM4523" s="99"/>
      <c r="AN4523" s="99"/>
      <c r="AO4523" s="99"/>
      <c r="AP4523" s="99"/>
      <c r="AQ4523" s="99"/>
      <c r="AR4523" s="99"/>
      <c r="AS4523" s="99"/>
      <c r="AT4523" s="99"/>
      <c r="AU4523" s="99"/>
      <c r="AV4523" s="99"/>
      <c r="AW4523" s="99"/>
      <c r="AX4523" s="99"/>
      <c r="AY4523" s="99"/>
      <c r="AZ4523" s="99"/>
      <c r="BA4523" s="99"/>
      <c r="BB4523" s="107">
        <v>45884</v>
      </c>
    </row>
    <row r="4524" spans="1:54" s="238" customFormat="1" ht="13.95" customHeight="1" x14ac:dyDescent="0.25">
      <c r="A4524" s="236" t="s">
        <v>10248</v>
      </c>
      <c r="B4524" s="220" t="s">
        <v>8672</v>
      </c>
      <c r="C4524" s="190" t="s">
        <v>10249</v>
      </c>
      <c r="D4524" s="190" t="s">
        <v>10250</v>
      </c>
      <c r="E4524" s="237">
        <v>1995</v>
      </c>
      <c r="F4524" s="237">
        <v>200</v>
      </c>
      <c r="G4524" s="190" t="s">
        <v>1</v>
      </c>
      <c r="H4524" s="190">
        <v>0</v>
      </c>
      <c r="I4524" s="190">
        <v>0</v>
      </c>
      <c r="J4524" s="190">
        <v>0</v>
      </c>
      <c r="K4524" s="190">
        <v>1</v>
      </c>
      <c r="L4524" s="190">
        <v>1</v>
      </c>
      <c r="M4524" s="190">
        <v>1</v>
      </c>
      <c r="N4524" s="190">
        <v>0</v>
      </c>
      <c r="O4524" s="190">
        <v>0</v>
      </c>
      <c r="P4524" s="190">
        <v>1</v>
      </c>
      <c r="Q4524" s="190">
        <v>0</v>
      </c>
      <c r="R4524" s="190">
        <v>0</v>
      </c>
      <c r="S4524" s="190">
        <v>0</v>
      </c>
      <c r="T4524" s="190">
        <v>0</v>
      </c>
      <c r="U4524" s="99"/>
      <c r="V4524" s="99"/>
      <c r="W4524" s="99"/>
      <c r="X4524" s="99"/>
      <c r="Y4524" s="99"/>
      <c r="Z4524" s="99"/>
      <c r="AA4524" s="99"/>
      <c r="AB4524" s="99"/>
      <c r="AC4524" s="99"/>
      <c r="AD4524" s="99"/>
      <c r="AE4524" s="99"/>
      <c r="AF4524" s="99"/>
      <c r="AG4524" s="99"/>
      <c r="AH4524" s="99"/>
      <c r="AI4524" s="99"/>
      <c r="AJ4524" s="99"/>
      <c r="AK4524" s="99"/>
      <c r="AL4524" s="99"/>
      <c r="AM4524" s="99"/>
      <c r="AN4524" s="99"/>
      <c r="AO4524" s="99"/>
      <c r="AP4524" s="99"/>
      <c r="AQ4524" s="99"/>
      <c r="AR4524" s="99"/>
      <c r="AS4524" s="99"/>
      <c r="AT4524" s="99"/>
      <c r="AU4524" s="99"/>
      <c r="AV4524" s="99"/>
      <c r="AW4524" s="99"/>
      <c r="AX4524" s="99"/>
      <c r="AY4524" s="99"/>
      <c r="AZ4524" s="99"/>
      <c r="BA4524" s="99"/>
      <c r="BB4524" s="107">
        <v>45884</v>
      </c>
    </row>
    <row r="4525" spans="1:54" s="238" customFormat="1" ht="13.95" customHeight="1" x14ac:dyDescent="0.25">
      <c r="A4525" s="236" t="s">
        <v>10251</v>
      </c>
      <c r="B4525" s="220" t="s">
        <v>8672</v>
      </c>
      <c r="C4525" s="190" t="s">
        <v>10252</v>
      </c>
      <c r="D4525" s="190" t="s">
        <v>10253</v>
      </c>
      <c r="E4525" s="237">
        <v>1979</v>
      </c>
      <c r="F4525" s="237">
        <v>300</v>
      </c>
      <c r="G4525" s="190" t="s">
        <v>1</v>
      </c>
      <c r="H4525" s="190">
        <v>0</v>
      </c>
      <c r="I4525" s="190">
        <v>0</v>
      </c>
      <c r="J4525" s="190">
        <v>0</v>
      </c>
      <c r="K4525" s="190">
        <v>1</v>
      </c>
      <c r="L4525" s="190">
        <v>0</v>
      </c>
      <c r="M4525" s="190">
        <v>0</v>
      </c>
      <c r="N4525" s="190">
        <v>0</v>
      </c>
      <c r="O4525" s="190">
        <v>1</v>
      </c>
      <c r="P4525" s="190">
        <v>1</v>
      </c>
      <c r="Q4525" s="190">
        <v>0</v>
      </c>
      <c r="R4525" s="190">
        <v>0</v>
      </c>
      <c r="S4525" s="190">
        <v>0</v>
      </c>
      <c r="T4525" s="190">
        <v>0</v>
      </c>
      <c r="U4525" s="99"/>
      <c r="V4525" s="99"/>
      <c r="W4525" s="99"/>
      <c r="X4525" s="99"/>
      <c r="Y4525" s="99"/>
      <c r="Z4525" s="99"/>
      <c r="AA4525" s="99"/>
      <c r="AB4525" s="99"/>
      <c r="AC4525" s="99"/>
      <c r="AD4525" s="99"/>
      <c r="AE4525" s="99"/>
      <c r="AF4525" s="99"/>
      <c r="AG4525" s="99"/>
      <c r="AH4525" s="99"/>
      <c r="AI4525" s="99"/>
      <c r="AJ4525" s="99"/>
      <c r="AK4525" s="99"/>
      <c r="AL4525" s="99"/>
      <c r="AM4525" s="99"/>
      <c r="AN4525" s="99"/>
      <c r="AO4525" s="99"/>
      <c r="AP4525" s="99"/>
      <c r="AQ4525" s="99"/>
      <c r="AR4525" s="99"/>
      <c r="AS4525" s="99"/>
      <c r="AT4525" s="99"/>
      <c r="AU4525" s="99"/>
      <c r="AV4525" s="99"/>
      <c r="AW4525" s="99"/>
      <c r="AX4525" s="99"/>
      <c r="AY4525" s="99"/>
      <c r="AZ4525" s="99"/>
      <c r="BA4525" s="99"/>
      <c r="BB4525" s="107">
        <v>45884</v>
      </c>
    </row>
    <row r="4526" spans="1:54" s="238" customFormat="1" ht="13.95" customHeight="1" x14ac:dyDescent="0.25">
      <c r="A4526" s="236" t="s">
        <v>10254</v>
      </c>
      <c r="B4526" s="220" t="s">
        <v>8672</v>
      </c>
      <c r="C4526" s="190" t="s">
        <v>10255</v>
      </c>
      <c r="D4526" s="190" t="s">
        <v>10256</v>
      </c>
      <c r="E4526" s="237">
        <v>1996</v>
      </c>
      <c r="F4526" s="237">
        <v>100</v>
      </c>
      <c r="G4526" s="190" t="s">
        <v>1</v>
      </c>
      <c r="H4526" s="190">
        <v>0</v>
      </c>
      <c r="I4526" s="190">
        <v>0</v>
      </c>
      <c r="J4526" s="190">
        <v>1</v>
      </c>
      <c r="K4526" s="190">
        <v>1</v>
      </c>
      <c r="L4526" s="190">
        <v>1</v>
      </c>
      <c r="M4526" s="190">
        <v>0</v>
      </c>
      <c r="N4526" s="190">
        <v>0</v>
      </c>
      <c r="O4526" s="190">
        <v>0</v>
      </c>
      <c r="P4526" s="190">
        <v>0</v>
      </c>
      <c r="Q4526" s="190">
        <v>0</v>
      </c>
      <c r="R4526" s="190">
        <v>0</v>
      </c>
      <c r="S4526" s="190">
        <v>0</v>
      </c>
      <c r="T4526" s="190">
        <v>0</v>
      </c>
      <c r="U4526" s="99"/>
      <c r="V4526" s="99"/>
      <c r="W4526" s="99"/>
      <c r="X4526" s="99"/>
      <c r="Y4526" s="99"/>
      <c r="Z4526" s="99"/>
      <c r="AA4526" s="99"/>
      <c r="AB4526" s="99"/>
      <c r="AC4526" s="99"/>
      <c r="AD4526" s="99"/>
      <c r="AE4526" s="99"/>
      <c r="AF4526" s="99"/>
      <c r="AG4526" s="99"/>
      <c r="AH4526" s="99"/>
      <c r="AI4526" s="99"/>
      <c r="AJ4526" s="99"/>
      <c r="AK4526" s="99"/>
      <c r="AL4526" s="99"/>
      <c r="AM4526" s="99"/>
      <c r="AN4526" s="99"/>
      <c r="AO4526" s="99"/>
      <c r="AP4526" s="99"/>
      <c r="AQ4526" s="99"/>
      <c r="AR4526" s="99"/>
      <c r="AS4526" s="99"/>
      <c r="AT4526" s="99"/>
      <c r="AU4526" s="99"/>
      <c r="AV4526" s="99"/>
      <c r="AW4526" s="99"/>
      <c r="AX4526" s="99"/>
      <c r="AY4526" s="99"/>
      <c r="AZ4526" s="99"/>
      <c r="BA4526" s="99"/>
      <c r="BB4526" s="107">
        <v>45884</v>
      </c>
    </row>
    <row r="4527" spans="1:54" s="238" customFormat="1" ht="13.95" customHeight="1" x14ac:dyDescent="0.25">
      <c r="A4527" s="236" t="s">
        <v>10257</v>
      </c>
      <c r="B4527" s="220" t="s">
        <v>8672</v>
      </c>
      <c r="C4527" s="190" t="s">
        <v>10258</v>
      </c>
      <c r="D4527" s="190" t="s">
        <v>10259</v>
      </c>
      <c r="E4527" s="237">
        <v>1996</v>
      </c>
      <c r="F4527" s="237">
        <v>300</v>
      </c>
      <c r="G4527" s="190" t="s">
        <v>1</v>
      </c>
      <c r="H4527" s="190">
        <v>0</v>
      </c>
      <c r="I4527" s="190">
        <v>0</v>
      </c>
      <c r="J4527" s="190">
        <v>0</v>
      </c>
      <c r="K4527" s="190">
        <v>0</v>
      </c>
      <c r="L4527" s="190">
        <v>0</v>
      </c>
      <c r="M4527" s="190">
        <v>0</v>
      </c>
      <c r="N4527" s="190">
        <v>0</v>
      </c>
      <c r="O4527" s="190">
        <v>0</v>
      </c>
      <c r="P4527" s="190">
        <v>0</v>
      </c>
      <c r="Q4527" s="190">
        <v>0</v>
      </c>
      <c r="R4527" s="190">
        <v>0</v>
      </c>
      <c r="S4527" s="190">
        <v>0</v>
      </c>
      <c r="T4527" s="190">
        <v>0</v>
      </c>
      <c r="U4527" s="99"/>
      <c r="V4527" s="99"/>
      <c r="W4527" s="99"/>
      <c r="X4527" s="99"/>
      <c r="Y4527" s="99"/>
      <c r="Z4527" s="99"/>
      <c r="AA4527" s="99"/>
      <c r="AB4527" s="99"/>
      <c r="AC4527" s="99"/>
      <c r="AD4527" s="99"/>
      <c r="AE4527" s="99"/>
      <c r="AF4527" s="99"/>
      <c r="AG4527" s="99"/>
      <c r="AH4527" s="99"/>
      <c r="AI4527" s="99"/>
      <c r="AJ4527" s="99"/>
      <c r="AK4527" s="99"/>
      <c r="AL4527" s="99"/>
      <c r="AM4527" s="99"/>
      <c r="AN4527" s="99"/>
      <c r="AO4527" s="99"/>
      <c r="AP4527" s="99"/>
      <c r="AQ4527" s="99"/>
      <c r="AR4527" s="99"/>
      <c r="AS4527" s="99"/>
      <c r="AT4527" s="99"/>
      <c r="AU4527" s="99"/>
      <c r="AV4527" s="99"/>
      <c r="AW4527" s="99"/>
      <c r="AX4527" s="99"/>
      <c r="AY4527" s="99"/>
      <c r="AZ4527" s="99"/>
      <c r="BA4527" s="99"/>
      <c r="BB4527" s="107">
        <v>45884</v>
      </c>
    </row>
    <row r="4528" spans="1:54" s="238" customFormat="1" ht="13.95" customHeight="1" x14ac:dyDescent="0.25">
      <c r="A4528" s="236" t="s">
        <v>10260</v>
      </c>
      <c r="B4528" s="220" t="s">
        <v>8672</v>
      </c>
      <c r="C4528" s="190" t="s">
        <v>10261</v>
      </c>
      <c r="D4528" s="190" t="s">
        <v>10262</v>
      </c>
      <c r="E4528" s="237">
        <v>1996</v>
      </c>
      <c r="F4528" s="237">
        <v>100</v>
      </c>
      <c r="G4528" s="190" t="s">
        <v>1</v>
      </c>
      <c r="H4528" s="190">
        <v>0</v>
      </c>
      <c r="I4528" s="190">
        <v>0</v>
      </c>
      <c r="J4528" s="190">
        <v>0</v>
      </c>
      <c r="K4528" s="190">
        <v>1</v>
      </c>
      <c r="L4528" s="190">
        <v>0</v>
      </c>
      <c r="M4528" s="190">
        <v>0</v>
      </c>
      <c r="N4528" s="190">
        <v>0</v>
      </c>
      <c r="O4528" s="190">
        <v>0</v>
      </c>
      <c r="P4528" s="190">
        <v>1</v>
      </c>
      <c r="Q4528" s="190">
        <v>0</v>
      </c>
      <c r="R4528" s="190">
        <v>0</v>
      </c>
      <c r="S4528" s="190">
        <v>0</v>
      </c>
      <c r="T4528" s="190">
        <v>0</v>
      </c>
      <c r="U4528" s="99"/>
      <c r="V4528" s="99"/>
      <c r="W4528" s="99"/>
      <c r="X4528" s="99"/>
      <c r="Y4528" s="99"/>
      <c r="Z4528" s="99"/>
      <c r="AA4528" s="99"/>
      <c r="AB4528" s="99"/>
      <c r="AC4528" s="99"/>
      <c r="AD4528" s="99"/>
      <c r="AE4528" s="99"/>
      <c r="AF4528" s="99"/>
      <c r="AG4528" s="99"/>
      <c r="AH4528" s="99"/>
      <c r="AI4528" s="99"/>
      <c r="AJ4528" s="99"/>
      <c r="AK4528" s="99"/>
      <c r="AL4528" s="99"/>
      <c r="AM4528" s="99"/>
      <c r="AN4528" s="99"/>
      <c r="AO4528" s="99"/>
      <c r="AP4528" s="99"/>
      <c r="AQ4528" s="99"/>
      <c r="AR4528" s="99"/>
      <c r="AS4528" s="99"/>
      <c r="AT4528" s="99"/>
      <c r="AU4528" s="99"/>
      <c r="AV4528" s="99"/>
      <c r="AW4528" s="99"/>
      <c r="AX4528" s="99"/>
      <c r="AY4528" s="99"/>
      <c r="AZ4528" s="99"/>
      <c r="BA4528" s="99"/>
      <c r="BB4528" s="107">
        <v>45884</v>
      </c>
    </row>
    <row r="4529" spans="1:54" s="238" customFormat="1" ht="13.95" customHeight="1" x14ac:dyDescent="0.25">
      <c r="A4529" s="236" t="s">
        <v>10263</v>
      </c>
      <c r="B4529" s="220" t="s">
        <v>8672</v>
      </c>
      <c r="C4529" s="190" t="s">
        <v>10264</v>
      </c>
      <c r="D4529" s="190" t="s">
        <v>10265</v>
      </c>
      <c r="E4529" s="237">
        <v>1979</v>
      </c>
      <c r="F4529" s="237">
        <v>400</v>
      </c>
      <c r="G4529" s="190" t="s">
        <v>1</v>
      </c>
      <c r="H4529" s="190">
        <v>0</v>
      </c>
      <c r="I4529" s="190">
        <v>0</v>
      </c>
      <c r="J4529" s="190">
        <v>0</v>
      </c>
      <c r="K4529" s="190">
        <v>1</v>
      </c>
      <c r="L4529" s="190">
        <v>1</v>
      </c>
      <c r="M4529" s="190">
        <v>0</v>
      </c>
      <c r="N4529" s="190">
        <v>0</v>
      </c>
      <c r="O4529" s="190">
        <v>1</v>
      </c>
      <c r="P4529" s="190">
        <v>1</v>
      </c>
      <c r="Q4529" s="190">
        <v>0</v>
      </c>
      <c r="R4529" s="190">
        <v>0</v>
      </c>
      <c r="S4529" s="190">
        <v>0</v>
      </c>
      <c r="T4529" s="190">
        <v>0</v>
      </c>
      <c r="U4529" s="99"/>
      <c r="V4529" s="99"/>
      <c r="W4529" s="99"/>
      <c r="X4529" s="99"/>
      <c r="Y4529" s="99"/>
      <c r="Z4529" s="99"/>
      <c r="AA4529" s="99"/>
      <c r="AB4529" s="99"/>
      <c r="AC4529" s="99"/>
      <c r="AD4529" s="99"/>
      <c r="AE4529" s="99"/>
      <c r="AF4529" s="99"/>
      <c r="AG4529" s="99"/>
      <c r="AH4529" s="99"/>
      <c r="AI4529" s="99"/>
      <c r="AJ4529" s="99"/>
      <c r="AK4529" s="99"/>
      <c r="AL4529" s="99"/>
      <c r="AM4529" s="99"/>
      <c r="AN4529" s="99"/>
      <c r="AO4529" s="99"/>
      <c r="AP4529" s="99"/>
      <c r="AQ4529" s="99"/>
      <c r="AR4529" s="99"/>
      <c r="AS4529" s="99"/>
      <c r="AT4529" s="99"/>
      <c r="AU4529" s="99"/>
      <c r="AV4529" s="99"/>
      <c r="AW4529" s="99"/>
      <c r="AX4529" s="99"/>
      <c r="AY4529" s="99"/>
      <c r="AZ4529" s="99"/>
      <c r="BA4529" s="99"/>
      <c r="BB4529" s="107">
        <v>45884</v>
      </c>
    </row>
    <row r="4530" spans="1:54" s="238" customFormat="1" ht="13.95" customHeight="1" x14ac:dyDescent="0.25">
      <c r="A4530" s="236" t="s">
        <v>10266</v>
      </c>
      <c r="B4530" s="220" t="s">
        <v>8672</v>
      </c>
      <c r="C4530" s="190" t="s">
        <v>10267</v>
      </c>
      <c r="D4530" s="190" t="s">
        <v>10268</v>
      </c>
      <c r="E4530" s="237">
        <v>1979</v>
      </c>
      <c r="F4530" s="237">
        <v>100</v>
      </c>
      <c r="G4530" s="190" t="s">
        <v>1</v>
      </c>
      <c r="H4530" s="190">
        <v>0</v>
      </c>
      <c r="I4530" s="190">
        <v>0</v>
      </c>
      <c r="J4530" s="190">
        <v>0</v>
      </c>
      <c r="K4530" s="190">
        <v>0</v>
      </c>
      <c r="L4530" s="190">
        <v>0</v>
      </c>
      <c r="M4530" s="190">
        <v>0</v>
      </c>
      <c r="N4530" s="190">
        <v>0</v>
      </c>
      <c r="O4530" s="190">
        <v>0</v>
      </c>
      <c r="P4530" s="190">
        <v>1</v>
      </c>
      <c r="Q4530" s="190">
        <v>0</v>
      </c>
      <c r="R4530" s="190">
        <v>0</v>
      </c>
      <c r="S4530" s="190">
        <v>0</v>
      </c>
      <c r="T4530" s="190">
        <v>0</v>
      </c>
      <c r="U4530" s="99"/>
      <c r="V4530" s="99"/>
      <c r="W4530" s="99"/>
      <c r="X4530" s="99"/>
      <c r="Y4530" s="99"/>
      <c r="Z4530" s="99"/>
      <c r="AA4530" s="99"/>
      <c r="AB4530" s="99"/>
      <c r="AC4530" s="99"/>
      <c r="AD4530" s="99"/>
      <c r="AE4530" s="99"/>
      <c r="AF4530" s="99"/>
      <c r="AG4530" s="99"/>
      <c r="AH4530" s="99"/>
      <c r="AI4530" s="99"/>
      <c r="AJ4530" s="99"/>
      <c r="AK4530" s="99"/>
      <c r="AL4530" s="99"/>
      <c r="AM4530" s="99"/>
      <c r="AN4530" s="99"/>
      <c r="AO4530" s="99"/>
      <c r="AP4530" s="99"/>
      <c r="AQ4530" s="99"/>
      <c r="AR4530" s="99"/>
      <c r="AS4530" s="99"/>
      <c r="AT4530" s="99"/>
      <c r="AU4530" s="99"/>
      <c r="AV4530" s="99"/>
      <c r="AW4530" s="99"/>
      <c r="AX4530" s="99"/>
      <c r="AY4530" s="99"/>
      <c r="AZ4530" s="99"/>
      <c r="BA4530" s="99"/>
      <c r="BB4530" s="107">
        <v>45884</v>
      </c>
    </row>
    <row r="4531" spans="1:54" s="238" customFormat="1" ht="13.95" customHeight="1" x14ac:dyDescent="0.25">
      <c r="A4531" s="236" t="s">
        <v>10269</v>
      </c>
      <c r="B4531" s="220" t="s">
        <v>8672</v>
      </c>
      <c r="C4531" s="190" t="s">
        <v>10270</v>
      </c>
      <c r="D4531" s="190" t="s">
        <v>10271</v>
      </c>
      <c r="E4531" s="237">
        <v>1979</v>
      </c>
      <c r="F4531" s="237">
        <v>300</v>
      </c>
      <c r="G4531" s="190" t="s">
        <v>1</v>
      </c>
      <c r="H4531" s="190">
        <v>0</v>
      </c>
      <c r="I4531" s="190">
        <v>0</v>
      </c>
      <c r="J4531" s="190">
        <v>1</v>
      </c>
      <c r="K4531" s="190">
        <v>0</v>
      </c>
      <c r="L4531" s="190">
        <v>0</v>
      </c>
      <c r="M4531" s="190">
        <v>0</v>
      </c>
      <c r="N4531" s="190">
        <v>0</v>
      </c>
      <c r="O4531" s="190">
        <v>1</v>
      </c>
      <c r="P4531" s="190">
        <v>0</v>
      </c>
      <c r="Q4531" s="190">
        <v>0</v>
      </c>
      <c r="R4531" s="190">
        <v>0</v>
      </c>
      <c r="S4531" s="190">
        <v>0</v>
      </c>
      <c r="T4531" s="190">
        <v>0</v>
      </c>
      <c r="U4531" s="99"/>
      <c r="V4531" s="99"/>
      <c r="W4531" s="99"/>
      <c r="X4531" s="99"/>
      <c r="Y4531" s="99"/>
      <c r="Z4531" s="99"/>
      <c r="AA4531" s="99"/>
      <c r="AB4531" s="99"/>
      <c r="AC4531" s="99"/>
      <c r="AD4531" s="99"/>
      <c r="AE4531" s="99"/>
      <c r="AF4531" s="99"/>
      <c r="AG4531" s="99"/>
      <c r="AH4531" s="99"/>
      <c r="AI4531" s="99"/>
      <c r="AJ4531" s="99"/>
      <c r="AK4531" s="99"/>
      <c r="AL4531" s="99"/>
      <c r="AM4531" s="99"/>
      <c r="AN4531" s="99"/>
      <c r="AO4531" s="99"/>
      <c r="AP4531" s="99"/>
      <c r="AQ4531" s="99"/>
      <c r="AR4531" s="99"/>
      <c r="AS4531" s="99"/>
      <c r="AT4531" s="99"/>
      <c r="AU4531" s="99"/>
      <c r="AV4531" s="99"/>
      <c r="AW4531" s="99"/>
      <c r="AX4531" s="99"/>
      <c r="AY4531" s="99"/>
      <c r="AZ4531" s="99"/>
      <c r="BA4531" s="99"/>
      <c r="BB4531" s="107">
        <v>45884</v>
      </c>
    </row>
    <row r="4532" spans="1:54" s="238" customFormat="1" ht="13.95" customHeight="1" x14ac:dyDescent="0.25">
      <c r="A4532" s="236" t="s">
        <v>10272</v>
      </c>
      <c r="B4532" s="220" t="s">
        <v>8672</v>
      </c>
      <c r="C4532" s="190" t="s">
        <v>10273</v>
      </c>
      <c r="D4532" s="190" t="s">
        <v>10274</v>
      </c>
      <c r="E4532" s="237">
        <v>1997</v>
      </c>
      <c r="F4532" s="237">
        <v>200</v>
      </c>
      <c r="G4532" s="190" t="s">
        <v>1</v>
      </c>
      <c r="H4532" s="190">
        <v>0</v>
      </c>
      <c r="I4532" s="190">
        <v>0</v>
      </c>
      <c r="J4532" s="190">
        <v>0</v>
      </c>
      <c r="K4532" s="190">
        <v>0</v>
      </c>
      <c r="L4532" s="190">
        <v>0</v>
      </c>
      <c r="M4532" s="190">
        <v>0</v>
      </c>
      <c r="N4532" s="190">
        <v>0</v>
      </c>
      <c r="O4532" s="190">
        <v>0</v>
      </c>
      <c r="P4532" s="190">
        <v>1</v>
      </c>
      <c r="Q4532" s="190">
        <v>0</v>
      </c>
      <c r="R4532" s="190">
        <v>0</v>
      </c>
      <c r="S4532" s="190">
        <v>0</v>
      </c>
      <c r="T4532" s="190">
        <v>0</v>
      </c>
      <c r="U4532" s="99"/>
      <c r="V4532" s="99"/>
      <c r="W4532" s="99"/>
      <c r="X4532" s="99"/>
      <c r="Y4532" s="99"/>
      <c r="Z4532" s="99"/>
      <c r="AA4532" s="99"/>
      <c r="AB4532" s="99"/>
      <c r="AC4532" s="99"/>
      <c r="AD4532" s="99"/>
      <c r="AE4532" s="99"/>
      <c r="AF4532" s="99"/>
      <c r="AG4532" s="99"/>
      <c r="AH4532" s="99"/>
      <c r="AI4532" s="99"/>
      <c r="AJ4532" s="99"/>
      <c r="AK4532" s="99"/>
      <c r="AL4532" s="99"/>
      <c r="AM4532" s="99"/>
      <c r="AN4532" s="99"/>
      <c r="AO4532" s="99"/>
      <c r="AP4532" s="99"/>
      <c r="AQ4532" s="99"/>
      <c r="AR4532" s="99"/>
      <c r="AS4532" s="99"/>
      <c r="AT4532" s="99"/>
      <c r="AU4532" s="99"/>
      <c r="AV4532" s="99"/>
      <c r="AW4532" s="99"/>
      <c r="AX4532" s="99"/>
      <c r="AY4532" s="99"/>
      <c r="AZ4532" s="99"/>
      <c r="BA4532" s="190" t="s">
        <v>8819</v>
      </c>
      <c r="BB4532" s="107">
        <v>45884</v>
      </c>
    </row>
    <row r="4533" spans="1:54" s="238" customFormat="1" ht="13.95" customHeight="1" x14ac:dyDescent="0.25">
      <c r="A4533" s="236" t="s">
        <v>10275</v>
      </c>
      <c r="B4533" s="220" t="s">
        <v>8672</v>
      </c>
      <c r="C4533" s="190" t="s">
        <v>10276</v>
      </c>
      <c r="D4533" s="190" t="s">
        <v>10277</v>
      </c>
      <c r="E4533" s="237">
        <v>1997</v>
      </c>
      <c r="F4533" s="237">
        <v>100</v>
      </c>
      <c r="G4533" s="190" t="s">
        <v>1</v>
      </c>
      <c r="H4533" s="190">
        <v>0</v>
      </c>
      <c r="I4533" s="190">
        <v>0</v>
      </c>
      <c r="J4533" s="190">
        <v>0</v>
      </c>
      <c r="K4533" s="190">
        <v>0</v>
      </c>
      <c r="L4533" s="190">
        <v>0</v>
      </c>
      <c r="M4533" s="190">
        <v>0</v>
      </c>
      <c r="N4533" s="190">
        <v>0</v>
      </c>
      <c r="O4533" s="190">
        <v>0</v>
      </c>
      <c r="P4533" s="190">
        <v>0</v>
      </c>
      <c r="Q4533" s="190">
        <v>0</v>
      </c>
      <c r="R4533" s="190">
        <v>0</v>
      </c>
      <c r="S4533" s="190">
        <v>0</v>
      </c>
      <c r="T4533" s="190">
        <v>0</v>
      </c>
      <c r="U4533" s="99"/>
      <c r="V4533" s="99"/>
      <c r="W4533" s="99"/>
      <c r="X4533" s="99"/>
      <c r="Y4533" s="99"/>
      <c r="Z4533" s="99"/>
      <c r="AA4533" s="99"/>
      <c r="AB4533" s="99"/>
      <c r="AC4533" s="99"/>
      <c r="AD4533" s="99"/>
      <c r="AE4533" s="99"/>
      <c r="AF4533" s="99"/>
      <c r="AG4533" s="99"/>
      <c r="AH4533" s="99"/>
      <c r="AI4533" s="99"/>
      <c r="AJ4533" s="99"/>
      <c r="AK4533" s="99"/>
      <c r="AL4533" s="99"/>
      <c r="AM4533" s="99"/>
      <c r="AN4533" s="99"/>
      <c r="AO4533" s="99"/>
      <c r="AP4533" s="99"/>
      <c r="AQ4533" s="99"/>
      <c r="AR4533" s="99"/>
      <c r="AS4533" s="99"/>
      <c r="AT4533" s="99"/>
      <c r="AU4533" s="99"/>
      <c r="AV4533" s="99"/>
      <c r="AW4533" s="99"/>
      <c r="AX4533" s="99"/>
      <c r="AY4533" s="99"/>
      <c r="AZ4533" s="99"/>
      <c r="BA4533" s="99"/>
      <c r="BB4533" s="107">
        <v>45884</v>
      </c>
    </row>
    <row r="4534" spans="1:54" s="238" customFormat="1" ht="13.95" customHeight="1" x14ac:dyDescent="0.25">
      <c r="A4534" s="236" t="s">
        <v>10278</v>
      </c>
      <c r="B4534" s="220" t="s">
        <v>8672</v>
      </c>
      <c r="C4534" s="190" t="s">
        <v>10279</v>
      </c>
      <c r="D4534" s="190" t="s">
        <v>10280</v>
      </c>
      <c r="E4534" s="237">
        <v>1979</v>
      </c>
      <c r="F4534" s="237">
        <v>100</v>
      </c>
      <c r="G4534" s="190" t="s">
        <v>1</v>
      </c>
      <c r="H4534" s="190">
        <v>0</v>
      </c>
      <c r="I4534" s="190">
        <v>0</v>
      </c>
      <c r="J4534" s="190">
        <v>0</v>
      </c>
      <c r="K4534" s="190">
        <v>1</v>
      </c>
      <c r="L4534" s="190">
        <v>0</v>
      </c>
      <c r="M4534" s="190">
        <v>0</v>
      </c>
      <c r="N4534" s="190">
        <v>0</v>
      </c>
      <c r="O4534" s="190">
        <v>0</v>
      </c>
      <c r="P4534" s="190">
        <v>1</v>
      </c>
      <c r="Q4534" s="190">
        <v>0</v>
      </c>
      <c r="R4534" s="190">
        <v>1</v>
      </c>
      <c r="S4534" s="190">
        <v>0</v>
      </c>
      <c r="T4534" s="190">
        <v>0</v>
      </c>
      <c r="U4534" s="99"/>
      <c r="V4534" s="99"/>
      <c r="W4534" s="99"/>
      <c r="X4534" s="99"/>
      <c r="Y4534" s="99"/>
      <c r="Z4534" s="99"/>
      <c r="AA4534" s="99"/>
      <c r="AB4534" s="99"/>
      <c r="AC4534" s="99"/>
      <c r="AD4534" s="99"/>
      <c r="AE4534" s="99"/>
      <c r="AF4534" s="99"/>
      <c r="AG4534" s="99"/>
      <c r="AH4534" s="99"/>
      <c r="AI4534" s="99"/>
      <c r="AJ4534" s="99"/>
      <c r="AK4534" s="99"/>
      <c r="AL4534" s="99"/>
      <c r="AM4534" s="99"/>
      <c r="AN4534" s="99"/>
      <c r="AO4534" s="99"/>
      <c r="AP4534" s="99"/>
      <c r="AQ4534" s="99"/>
      <c r="AR4534" s="99"/>
      <c r="AS4534" s="99"/>
      <c r="AT4534" s="99"/>
      <c r="AU4534" s="99"/>
      <c r="AV4534" s="99"/>
      <c r="AW4534" s="99"/>
      <c r="AX4534" s="99"/>
      <c r="AY4534" s="99"/>
      <c r="AZ4534" s="99"/>
      <c r="BA4534" s="99"/>
      <c r="BB4534" s="107">
        <v>45884</v>
      </c>
    </row>
    <row r="4535" spans="1:54" s="238" customFormat="1" ht="13.95" customHeight="1" x14ac:dyDescent="0.25">
      <c r="A4535" s="236" t="s">
        <v>10281</v>
      </c>
      <c r="B4535" s="220" t="s">
        <v>8672</v>
      </c>
      <c r="C4535" s="190" t="s">
        <v>10282</v>
      </c>
      <c r="D4535" s="190" t="s">
        <v>10283</v>
      </c>
      <c r="E4535" s="237">
        <v>1997</v>
      </c>
      <c r="F4535" s="237">
        <v>100</v>
      </c>
      <c r="G4535" s="190" t="s">
        <v>1</v>
      </c>
      <c r="H4535" s="190">
        <v>0</v>
      </c>
      <c r="I4535" s="190">
        <v>0</v>
      </c>
      <c r="J4535" s="190">
        <v>1</v>
      </c>
      <c r="K4535" s="190">
        <v>1</v>
      </c>
      <c r="L4535" s="190">
        <v>1</v>
      </c>
      <c r="M4535" s="190">
        <v>0</v>
      </c>
      <c r="N4535" s="190">
        <v>0</v>
      </c>
      <c r="O4535" s="190">
        <v>0</v>
      </c>
      <c r="P4535" s="190">
        <v>0</v>
      </c>
      <c r="Q4535" s="190">
        <v>0</v>
      </c>
      <c r="R4535" s="190">
        <v>0</v>
      </c>
      <c r="S4535" s="190">
        <v>0</v>
      </c>
      <c r="T4535" s="190">
        <v>0</v>
      </c>
      <c r="U4535" s="99"/>
      <c r="V4535" s="99"/>
      <c r="W4535" s="99"/>
      <c r="X4535" s="99"/>
      <c r="Y4535" s="99"/>
      <c r="Z4535" s="99"/>
      <c r="AA4535" s="99"/>
      <c r="AB4535" s="99"/>
      <c r="AC4535" s="99"/>
      <c r="AD4535" s="99"/>
      <c r="AE4535" s="99"/>
      <c r="AF4535" s="99"/>
      <c r="AG4535" s="99"/>
      <c r="AH4535" s="99"/>
      <c r="AI4535" s="99"/>
      <c r="AJ4535" s="99"/>
      <c r="AK4535" s="99"/>
      <c r="AL4535" s="99"/>
      <c r="AM4535" s="99"/>
      <c r="AN4535" s="99"/>
      <c r="AO4535" s="99"/>
      <c r="AP4535" s="99"/>
      <c r="AQ4535" s="99"/>
      <c r="AR4535" s="99"/>
      <c r="AS4535" s="99"/>
      <c r="AT4535" s="99"/>
      <c r="AU4535" s="99"/>
      <c r="AV4535" s="99"/>
      <c r="AW4535" s="99"/>
      <c r="AX4535" s="99"/>
      <c r="AY4535" s="99"/>
      <c r="AZ4535" s="99"/>
      <c r="BA4535" s="99"/>
      <c r="BB4535" s="107">
        <v>45884</v>
      </c>
    </row>
    <row r="4536" spans="1:54" s="238" customFormat="1" ht="13.95" customHeight="1" x14ac:dyDescent="0.25">
      <c r="A4536" s="236" t="s">
        <v>10284</v>
      </c>
      <c r="B4536" s="220" t="s">
        <v>8672</v>
      </c>
      <c r="C4536" s="190" t="s">
        <v>10285</v>
      </c>
      <c r="D4536" s="190" t="s">
        <v>10262</v>
      </c>
      <c r="E4536" s="237">
        <v>1997</v>
      </c>
      <c r="F4536" s="237">
        <v>100</v>
      </c>
      <c r="G4536" s="190" t="s">
        <v>1</v>
      </c>
      <c r="H4536" s="190">
        <v>0</v>
      </c>
      <c r="I4536" s="190">
        <v>0</v>
      </c>
      <c r="J4536" s="190">
        <v>0</v>
      </c>
      <c r="K4536" s="190">
        <v>1</v>
      </c>
      <c r="L4536" s="190">
        <v>0</v>
      </c>
      <c r="M4536" s="190">
        <v>0</v>
      </c>
      <c r="N4536" s="190">
        <v>0</v>
      </c>
      <c r="O4536" s="190">
        <v>0</v>
      </c>
      <c r="P4536" s="190">
        <v>1</v>
      </c>
      <c r="Q4536" s="190">
        <v>0</v>
      </c>
      <c r="R4536" s="190">
        <v>0</v>
      </c>
      <c r="S4536" s="190">
        <v>0</v>
      </c>
      <c r="T4536" s="190">
        <v>0</v>
      </c>
      <c r="U4536" s="99"/>
      <c r="V4536" s="99"/>
      <c r="W4536" s="99"/>
      <c r="X4536" s="99"/>
      <c r="Y4536" s="99"/>
      <c r="Z4536" s="99"/>
      <c r="AA4536" s="99"/>
      <c r="AB4536" s="99"/>
      <c r="AC4536" s="99"/>
      <c r="AD4536" s="99"/>
      <c r="AE4536" s="99"/>
      <c r="AF4536" s="99"/>
      <c r="AG4536" s="99"/>
      <c r="AH4536" s="99"/>
      <c r="AI4536" s="99"/>
      <c r="AJ4536" s="99"/>
      <c r="AK4536" s="99"/>
      <c r="AL4536" s="99"/>
      <c r="AM4536" s="99"/>
      <c r="AN4536" s="99"/>
      <c r="AO4536" s="99"/>
      <c r="AP4536" s="99"/>
      <c r="AQ4536" s="99"/>
      <c r="AR4536" s="99"/>
      <c r="AS4536" s="99"/>
      <c r="AT4536" s="99"/>
      <c r="AU4536" s="99"/>
      <c r="AV4536" s="99"/>
      <c r="AW4536" s="99"/>
      <c r="AX4536" s="99"/>
      <c r="AY4536" s="99"/>
      <c r="AZ4536" s="99"/>
      <c r="BA4536" s="99"/>
      <c r="BB4536" s="107">
        <v>45884</v>
      </c>
    </row>
    <row r="4537" spans="1:54" s="238" customFormat="1" ht="13.95" customHeight="1" x14ac:dyDescent="0.25">
      <c r="A4537" s="236" t="s">
        <v>10286</v>
      </c>
      <c r="B4537" s="220" t="s">
        <v>8672</v>
      </c>
      <c r="C4537" s="190" t="s">
        <v>10287</v>
      </c>
      <c r="D4537" s="190" t="s">
        <v>10288</v>
      </c>
      <c r="E4537" s="237">
        <v>1997</v>
      </c>
      <c r="F4537" s="237">
        <v>300</v>
      </c>
      <c r="G4537" s="190" t="s">
        <v>1</v>
      </c>
      <c r="H4537" s="190">
        <v>0</v>
      </c>
      <c r="I4537" s="190">
        <v>0</v>
      </c>
      <c r="J4537" s="190">
        <v>0</v>
      </c>
      <c r="K4537" s="190">
        <v>1</v>
      </c>
      <c r="L4537" s="190">
        <v>0</v>
      </c>
      <c r="M4537" s="190">
        <v>0</v>
      </c>
      <c r="N4537" s="190">
        <v>0</v>
      </c>
      <c r="O4537" s="190">
        <v>0</v>
      </c>
      <c r="P4537" s="190">
        <v>1</v>
      </c>
      <c r="Q4537" s="190">
        <v>0</v>
      </c>
      <c r="R4537" s="190">
        <v>1</v>
      </c>
      <c r="S4537" s="190">
        <v>0</v>
      </c>
      <c r="T4537" s="190">
        <v>0</v>
      </c>
      <c r="U4537" s="99"/>
      <c r="V4537" s="99"/>
      <c r="W4537" s="99"/>
      <c r="X4537" s="99"/>
      <c r="Y4537" s="99"/>
      <c r="Z4537" s="99"/>
      <c r="AA4537" s="99"/>
      <c r="AB4537" s="99"/>
      <c r="AC4537" s="99"/>
      <c r="AD4537" s="99"/>
      <c r="AE4537" s="99"/>
      <c r="AF4537" s="99"/>
      <c r="AG4537" s="99"/>
      <c r="AH4537" s="99"/>
      <c r="AI4537" s="99"/>
      <c r="AJ4537" s="99"/>
      <c r="AK4537" s="99"/>
      <c r="AL4537" s="99"/>
      <c r="AM4537" s="99"/>
      <c r="AN4537" s="99"/>
      <c r="AO4537" s="99"/>
      <c r="AP4537" s="99"/>
      <c r="AQ4537" s="99"/>
      <c r="AR4537" s="99"/>
      <c r="AS4537" s="99"/>
      <c r="AT4537" s="99"/>
      <c r="AU4537" s="99"/>
      <c r="AV4537" s="99"/>
      <c r="AW4537" s="99"/>
      <c r="AX4537" s="99"/>
      <c r="AY4537" s="99"/>
      <c r="AZ4537" s="99"/>
      <c r="BA4537" s="99"/>
      <c r="BB4537" s="107">
        <v>45884</v>
      </c>
    </row>
    <row r="4538" spans="1:54" s="238" customFormat="1" ht="13.95" customHeight="1" x14ac:dyDescent="0.25">
      <c r="A4538" s="236" t="s">
        <v>10289</v>
      </c>
      <c r="B4538" s="220" t="s">
        <v>8672</v>
      </c>
      <c r="C4538" s="190" t="s">
        <v>10290</v>
      </c>
      <c r="D4538" s="190" t="s">
        <v>10291</v>
      </c>
      <c r="E4538" s="237">
        <v>1997</v>
      </c>
      <c r="F4538" s="237">
        <v>200</v>
      </c>
      <c r="G4538" s="190" t="s">
        <v>1</v>
      </c>
      <c r="H4538" s="190">
        <v>0</v>
      </c>
      <c r="I4538" s="190">
        <v>0</v>
      </c>
      <c r="J4538" s="190">
        <v>0</v>
      </c>
      <c r="K4538" s="190">
        <v>1</v>
      </c>
      <c r="L4538" s="190">
        <v>0</v>
      </c>
      <c r="M4538" s="190">
        <v>0</v>
      </c>
      <c r="N4538" s="190">
        <v>0</v>
      </c>
      <c r="O4538" s="190">
        <v>0</v>
      </c>
      <c r="P4538" s="190">
        <v>0</v>
      </c>
      <c r="Q4538" s="190">
        <v>0</v>
      </c>
      <c r="R4538" s="190">
        <v>0</v>
      </c>
      <c r="S4538" s="190">
        <v>0</v>
      </c>
      <c r="T4538" s="190">
        <v>0</v>
      </c>
      <c r="U4538" s="99"/>
      <c r="V4538" s="99"/>
      <c r="W4538" s="99"/>
      <c r="X4538" s="99"/>
      <c r="Y4538" s="99"/>
      <c r="Z4538" s="99"/>
      <c r="AA4538" s="99"/>
      <c r="AB4538" s="99"/>
      <c r="AC4538" s="99"/>
      <c r="AD4538" s="99"/>
      <c r="AE4538" s="99"/>
      <c r="AF4538" s="99"/>
      <c r="AG4538" s="99"/>
      <c r="AH4538" s="99"/>
      <c r="AI4538" s="99"/>
      <c r="AJ4538" s="99"/>
      <c r="AK4538" s="99"/>
      <c r="AL4538" s="99"/>
      <c r="AM4538" s="99"/>
      <c r="AN4538" s="99"/>
      <c r="AO4538" s="99"/>
      <c r="AP4538" s="99"/>
      <c r="AQ4538" s="99"/>
      <c r="AR4538" s="99"/>
      <c r="AS4538" s="99"/>
      <c r="AT4538" s="99"/>
      <c r="AU4538" s="99"/>
      <c r="AV4538" s="99"/>
      <c r="AW4538" s="99"/>
      <c r="AX4538" s="99"/>
      <c r="AY4538" s="99"/>
      <c r="AZ4538" s="99"/>
      <c r="BA4538" s="99"/>
      <c r="BB4538" s="107">
        <v>45884</v>
      </c>
    </row>
    <row r="4539" spans="1:54" s="238" customFormat="1" ht="13.95" customHeight="1" x14ac:dyDescent="0.25">
      <c r="A4539" s="236" t="s">
        <v>10292</v>
      </c>
      <c r="B4539" s="220" t="s">
        <v>8672</v>
      </c>
      <c r="C4539" s="190" t="s">
        <v>10293</v>
      </c>
      <c r="D4539" s="190" t="s">
        <v>10294</v>
      </c>
      <c r="E4539" s="237">
        <v>1997</v>
      </c>
      <c r="F4539" s="237">
        <v>100</v>
      </c>
      <c r="G4539" s="190" t="s">
        <v>1</v>
      </c>
      <c r="H4539" s="190">
        <v>0</v>
      </c>
      <c r="I4539" s="190">
        <v>0</v>
      </c>
      <c r="J4539" s="190">
        <v>0</v>
      </c>
      <c r="K4539" s="190">
        <v>1</v>
      </c>
      <c r="L4539" s="190">
        <v>0</v>
      </c>
      <c r="M4539" s="190">
        <v>0</v>
      </c>
      <c r="N4539" s="190">
        <v>0</v>
      </c>
      <c r="O4539" s="190">
        <v>0</v>
      </c>
      <c r="P4539" s="190">
        <v>0</v>
      </c>
      <c r="Q4539" s="190">
        <v>0</v>
      </c>
      <c r="R4539" s="190">
        <v>0</v>
      </c>
      <c r="S4539" s="190">
        <v>0</v>
      </c>
      <c r="T4539" s="190">
        <v>0</v>
      </c>
      <c r="U4539" s="99"/>
      <c r="V4539" s="99"/>
      <c r="W4539" s="99"/>
      <c r="X4539" s="99"/>
      <c r="Y4539" s="99"/>
      <c r="Z4539" s="99"/>
      <c r="AA4539" s="99"/>
      <c r="AB4539" s="99"/>
      <c r="AC4539" s="99"/>
      <c r="AD4539" s="99"/>
      <c r="AE4539" s="99"/>
      <c r="AF4539" s="99"/>
      <c r="AG4539" s="99"/>
      <c r="AH4539" s="99"/>
      <c r="AI4539" s="99"/>
      <c r="AJ4539" s="99"/>
      <c r="AK4539" s="99"/>
      <c r="AL4539" s="99"/>
      <c r="AM4539" s="99"/>
      <c r="AN4539" s="99"/>
      <c r="AO4539" s="99"/>
      <c r="AP4539" s="99"/>
      <c r="AQ4539" s="99"/>
      <c r="AR4539" s="99"/>
      <c r="AS4539" s="99"/>
      <c r="AT4539" s="99"/>
      <c r="AU4539" s="99"/>
      <c r="AV4539" s="99"/>
      <c r="AW4539" s="99"/>
      <c r="AX4539" s="99"/>
      <c r="AY4539" s="99"/>
      <c r="AZ4539" s="99"/>
      <c r="BA4539" s="99"/>
      <c r="BB4539" s="107">
        <v>45884</v>
      </c>
    </row>
    <row r="4540" spans="1:54" s="238" customFormat="1" ht="13.95" customHeight="1" x14ac:dyDescent="0.25">
      <c r="A4540" s="236" t="s">
        <v>10295</v>
      </c>
      <c r="B4540" s="220" t="s">
        <v>8672</v>
      </c>
      <c r="C4540" s="190" t="s">
        <v>10296</v>
      </c>
      <c r="D4540" s="190" t="s">
        <v>10297</v>
      </c>
      <c r="E4540" s="237">
        <v>1998</v>
      </c>
      <c r="F4540" s="237">
        <v>200</v>
      </c>
      <c r="G4540" s="190" t="s">
        <v>1</v>
      </c>
      <c r="H4540" s="190">
        <v>0</v>
      </c>
      <c r="I4540" s="190">
        <v>0</v>
      </c>
      <c r="J4540" s="190">
        <v>0</v>
      </c>
      <c r="K4540" s="190">
        <v>1</v>
      </c>
      <c r="L4540" s="190">
        <v>0</v>
      </c>
      <c r="M4540" s="190">
        <v>1</v>
      </c>
      <c r="N4540" s="190">
        <v>0</v>
      </c>
      <c r="O4540" s="190">
        <v>1</v>
      </c>
      <c r="P4540" s="190">
        <v>1</v>
      </c>
      <c r="Q4540" s="190">
        <v>0</v>
      </c>
      <c r="R4540" s="190">
        <v>0</v>
      </c>
      <c r="S4540" s="190">
        <v>0</v>
      </c>
      <c r="T4540" s="190">
        <v>0</v>
      </c>
      <c r="U4540" s="99"/>
      <c r="V4540" s="99"/>
      <c r="W4540" s="99"/>
      <c r="X4540" s="99"/>
      <c r="Y4540" s="99"/>
      <c r="Z4540" s="99"/>
      <c r="AA4540" s="99"/>
      <c r="AB4540" s="99"/>
      <c r="AC4540" s="99"/>
      <c r="AD4540" s="99"/>
      <c r="AE4540" s="99"/>
      <c r="AF4540" s="99"/>
      <c r="AG4540" s="99"/>
      <c r="AH4540" s="99"/>
      <c r="AI4540" s="99"/>
      <c r="AJ4540" s="99"/>
      <c r="AK4540" s="99"/>
      <c r="AL4540" s="99"/>
      <c r="AM4540" s="99"/>
      <c r="AN4540" s="99"/>
      <c r="AO4540" s="99"/>
      <c r="AP4540" s="99"/>
      <c r="AQ4540" s="99"/>
      <c r="AR4540" s="99"/>
      <c r="AS4540" s="99"/>
      <c r="AT4540" s="99"/>
      <c r="AU4540" s="99"/>
      <c r="AV4540" s="99"/>
      <c r="AW4540" s="99"/>
      <c r="AX4540" s="99"/>
      <c r="AY4540" s="99"/>
      <c r="AZ4540" s="99"/>
      <c r="BA4540" s="99"/>
      <c r="BB4540" s="107">
        <v>45884</v>
      </c>
    </row>
    <row r="4541" spans="1:54" s="238" customFormat="1" ht="13.95" customHeight="1" x14ac:dyDescent="0.25">
      <c r="A4541" s="236" t="s">
        <v>10298</v>
      </c>
      <c r="B4541" s="220" t="s">
        <v>8672</v>
      </c>
      <c r="C4541" s="190" t="s">
        <v>10299</v>
      </c>
      <c r="D4541" s="190" t="s">
        <v>10300</v>
      </c>
      <c r="E4541" s="237">
        <v>1980</v>
      </c>
      <c r="F4541" s="237">
        <v>1100</v>
      </c>
      <c r="G4541" s="190" t="s">
        <v>1</v>
      </c>
      <c r="H4541" s="190">
        <v>0</v>
      </c>
      <c r="I4541" s="190">
        <v>0</v>
      </c>
      <c r="J4541" s="190">
        <v>1</v>
      </c>
      <c r="K4541" s="190">
        <v>0</v>
      </c>
      <c r="L4541" s="190">
        <v>1</v>
      </c>
      <c r="M4541" s="190">
        <v>0</v>
      </c>
      <c r="N4541" s="190">
        <v>0</v>
      </c>
      <c r="O4541" s="190">
        <v>1</v>
      </c>
      <c r="P4541" s="190">
        <v>0</v>
      </c>
      <c r="Q4541" s="190">
        <v>0</v>
      </c>
      <c r="R4541" s="190">
        <v>0</v>
      </c>
      <c r="S4541" s="190">
        <v>0</v>
      </c>
      <c r="T4541" s="190">
        <v>0</v>
      </c>
      <c r="U4541" s="99"/>
      <c r="V4541" s="99"/>
      <c r="W4541" s="99"/>
      <c r="X4541" s="99"/>
      <c r="Y4541" s="99"/>
      <c r="Z4541" s="99"/>
      <c r="AA4541" s="99"/>
      <c r="AB4541" s="99"/>
      <c r="AC4541" s="99"/>
      <c r="AD4541" s="99"/>
      <c r="AE4541" s="99"/>
      <c r="AF4541" s="99"/>
      <c r="AG4541" s="99"/>
      <c r="AH4541" s="99"/>
      <c r="AI4541" s="99"/>
      <c r="AJ4541" s="99"/>
      <c r="AK4541" s="99"/>
      <c r="AL4541" s="99"/>
      <c r="AM4541" s="99"/>
      <c r="AN4541" s="99"/>
      <c r="AO4541" s="99"/>
      <c r="AP4541" s="99"/>
      <c r="AQ4541" s="99"/>
      <c r="AR4541" s="99"/>
      <c r="AS4541" s="99"/>
      <c r="AT4541" s="99"/>
      <c r="AU4541" s="99"/>
      <c r="AV4541" s="99"/>
      <c r="AW4541" s="99"/>
      <c r="AX4541" s="99"/>
      <c r="AY4541" s="99"/>
      <c r="AZ4541" s="99"/>
      <c r="BA4541" s="190" t="s">
        <v>8819</v>
      </c>
      <c r="BB4541" s="107">
        <v>45884</v>
      </c>
    </row>
    <row r="4542" spans="1:54" s="238" customFormat="1" ht="13.95" customHeight="1" x14ac:dyDescent="0.25">
      <c r="A4542" s="236" t="s">
        <v>10301</v>
      </c>
      <c r="B4542" s="220" t="s">
        <v>8672</v>
      </c>
      <c r="C4542" s="190" t="s">
        <v>10302</v>
      </c>
      <c r="D4542" s="190" t="s">
        <v>10303</v>
      </c>
      <c r="E4542" s="237">
        <v>1998</v>
      </c>
      <c r="F4542" s="237">
        <v>100</v>
      </c>
      <c r="G4542" s="190" t="s">
        <v>1</v>
      </c>
      <c r="H4542" s="190">
        <v>0</v>
      </c>
      <c r="I4542" s="190">
        <v>0</v>
      </c>
      <c r="J4542" s="190">
        <v>0</v>
      </c>
      <c r="K4542" s="190">
        <v>0</v>
      </c>
      <c r="L4542" s="190">
        <v>1</v>
      </c>
      <c r="M4542" s="190">
        <v>0</v>
      </c>
      <c r="N4542" s="190">
        <v>0</v>
      </c>
      <c r="O4542" s="190">
        <v>0</v>
      </c>
      <c r="P4542" s="190">
        <v>0</v>
      </c>
      <c r="Q4542" s="190">
        <v>0</v>
      </c>
      <c r="R4542" s="190">
        <v>0</v>
      </c>
      <c r="S4542" s="190">
        <v>0</v>
      </c>
      <c r="T4542" s="190">
        <v>0</v>
      </c>
      <c r="U4542" s="99"/>
      <c r="V4542" s="99"/>
      <c r="W4542" s="99"/>
      <c r="X4542" s="99"/>
      <c r="Y4542" s="99"/>
      <c r="Z4542" s="99"/>
      <c r="AA4542" s="99"/>
      <c r="AB4542" s="99"/>
      <c r="AC4542" s="99"/>
      <c r="AD4542" s="99"/>
      <c r="AE4542" s="99"/>
      <c r="AF4542" s="99"/>
      <c r="AG4542" s="99"/>
      <c r="AH4542" s="99"/>
      <c r="AI4542" s="99"/>
      <c r="AJ4542" s="99"/>
      <c r="AK4542" s="99"/>
      <c r="AL4542" s="99"/>
      <c r="AM4542" s="99"/>
      <c r="AN4542" s="99"/>
      <c r="AO4542" s="99"/>
      <c r="AP4542" s="99"/>
      <c r="AQ4542" s="99"/>
      <c r="AR4542" s="99"/>
      <c r="AS4542" s="99"/>
      <c r="AT4542" s="99"/>
      <c r="AU4542" s="99"/>
      <c r="AV4542" s="99"/>
      <c r="AW4542" s="99"/>
      <c r="AX4542" s="99"/>
      <c r="AY4542" s="99"/>
      <c r="AZ4542" s="99"/>
      <c r="BA4542" s="99"/>
      <c r="BB4542" s="107">
        <v>45884</v>
      </c>
    </row>
    <row r="4543" spans="1:54" s="238" customFormat="1" ht="13.95" customHeight="1" x14ac:dyDescent="0.25">
      <c r="A4543" s="236" t="s">
        <v>10304</v>
      </c>
      <c r="B4543" s="220" t="s">
        <v>8672</v>
      </c>
      <c r="C4543" s="190" t="s">
        <v>10305</v>
      </c>
      <c r="D4543" s="190" t="s">
        <v>10306</v>
      </c>
      <c r="E4543" s="237">
        <v>1980</v>
      </c>
      <c r="F4543" s="237">
        <v>700</v>
      </c>
      <c r="G4543" s="190" t="s">
        <v>1</v>
      </c>
      <c r="H4543" s="190">
        <v>0</v>
      </c>
      <c r="I4543" s="190">
        <v>0</v>
      </c>
      <c r="J4543" s="190">
        <v>1</v>
      </c>
      <c r="K4543" s="190">
        <v>0</v>
      </c>
      <c r="L4543" s="190">
        <v>1</v>
      </c>
      <c r="M4543" s="190">
        <v>0</v>
      </c>
      <c r="N4543" s="190">
        <v>0</v>
      </c>
      <c r="O4543" s="190">
        <v>1</v>
      </c>
      <c r="P4543" s="190">
        <v>1</v>
      </c>
      <c r="Q4543" s="190">
        <v>0</v>
      </c>
      <c r="R4543" s="190">
        <v>0</v>
      </c>
      <c r="S4543" s="190">
        <v>0</v>
      </c>
      <c r="T4543" s="190">
        <v>0</v>
      </c>
      <c r="U4543" s="99"/>
      <c r="V4543" s="99"/>
      <c r="W4543" s="99"/>
      <c r="X4543" s="99"/>
      <c r="Y4543" s="99"/>
      <c r="Z4543" s="99"/>
      <c r="AA4543" s="99"/>
      <c r="AB4543" s="99"/>
      <c r="AC4543" s="99"/>
      <c r="AD4543" s="99"/>
      <c r="AE4543" s="99"/>
      <c r="AF4543" s="99"/>
      <c r="AG4543" s="99"/>
      <c r="AH4543" s="99"/>
      <c r="AI4543" s="99"/>
      <c r="AJ4543" s="99"/>
      <c r="AK4543" s="99"/>
      <c r="AL4543" s="99"/>
      <c r="AM4543" s="99"/>
      <c r="AN4543" s="99"/>
      <c r="AO4543" s="99"/>
      <c r="AP4543" s="99"/>
      <c r="AQ4543" s="99"/>
      <c r="AR4543" s="99"/>
      <c r="AS4543" s="99"/>
      <c r="AT4543" s="99"/>
      <c r="AU4543" s="99"/>
      <c r="AV4543" s="99"/>
      <c r="AW4543" s="99"/>
      <c r="AX4543" s="99"/>
      <c r="AY4543" s="99"/>
      <c r="AZ4543" s="99"/>
      <c r="BA4543" s="99"/>
      <c r="BB4543" s="107">
        <v>45884</v>
      </c>
    </row>
    <row r="4544" spans="1:54" s="238" customFormat="1" ht="13.95" customHeight="1" x14ac:dyDescent="0.25">
      <c r="A4544" s="236" t="s">
        <v>10307</v>
      </c>
      <c r="B4544" s="220" t="s">
        <v>8672</v>
      </c>
      <c r="C4544" s="190" t="s">
        <v>10308</v>
      </c>
      <c r="D4544" s="190" t="s">
        <v>10309</v>
      </c>
      <c r="E4544" s="237">
        <v>1980</v>
      </c>
      <c r="F4544" s="237">
        <v>100</v>
      </c>
      <c r="G4544" s="190" t="s">
        <v>1</v>
      </c>
      <c r="H4544" s="190">
        <v>0</v>
      </c>
      <c r="I4544" s="190">
        <v>0</v>
      </c>
      <c r="J4544" s="190">
        <v>0</v>
      </c>
      <c r="K4544" s="190">
        <v>1</v>
      </c>
      <c r="L4544" s="190">
        <v>0</v>
      </c>
      <c r="M4544" s="190">
        <v>0</v>
      </c>
      <c r="N4544" s="190">
        <v>0</v>
      </c>
      <c r="O4544" s="190">
        <v>0</v>
      </c>
      <c r="P4544" s="190">
        <v>0</v>
      </c>
      <c r="Q4544" s="190">
        <v>0</v>
      </c>
      <c r="R4544" s="190">
        <v>0</v>
      </c>
      <c r="S4544" s="190">
        <v>0</v>
      </c>
      <c r="T4544" s="190">
        <v>0</v>
      </c>
      <c r="U4544" s="99"/>
      <c r="V4544" s="99"/>
      <c r="W4544" s="99"/>
      <c r="X4544" s="99"/>
      <c r="Y4544" s="99"/>
      <c r="Z4544" s="99"/>
      <c r="AA4544" s="99"/>
      <c r="AB4544" s="99"/>
      <c r="AC4544" s="99"/>
      <c r="AD4544" s="99"/>
      <c r="AE4544" s="99"/>
      <c r="AF4544" s="99"/>
      <c r="AG4544" s="99"/>
      <c r="AH4544" s="99"/>
      <c r="AI4544" s="99"/>
      <c r="AJ4544" s="99"/>
      <c r="AK4544" s="99"/>
      <c r="AL4544" s="99"/>
      <c r="AM4544" s="99"/>
      <c r="AN4544" s="99"/>
      <c r="AO4544" s="99"/>
      <c r="AP4544" s="99"/>
      <c r="AQ4544" s="99"/>
      <c r="AR4544" s="99"/>
      <c r="AS4544" s="99"/>
      <c r="AT4544" s="99"/>
      <c r="AU4544" s="99"/>
      <c r="AV4544" s="99"/>
      <c r="AW4544" s="99"/>
      <c r="AX4544" s="99"/>
      <c r="AY4544" s="99"/>
      <c r="AZ4544" s="99"/>
      <c r="BA4544" s="99"/>
      <c r="BB4544" s="107">
        <v>45884</v>
      </c>
    </row>
    <row r="4545" spans="1:54" s="238" customFormat="1" ht="13.95" customHeight="1" x14ac:dyDescent="0.25">
      <c r="A4545" s="236" t="s">
        <v>10310</v>
      </c>
      <c r="B4545" s="220" t="s">
        <v>8672</v>
      </c>
      <c r="C4545" s="190" t="s">
        <v>10311</v>
      </c>
      <c r="D4545" s="190" t="s">
        <v>10312</v>
      </c>
      <c r="E4545" s="237">
        <v>1981</v>
      </c>
      <c r="F4545" s="237">
        <v>400</v>
      </c>
      <c r="G4545" s="190" t="s">
        <v>1</v>
      </c>
      <c r="H4545" s="190">
        <v>0</v>
      </c>
      <c r="I4545" s="190">
        <v>0</v>
      </c>
      <c r="J4545" s="190">
        <v>0</v>
      </c>
      <c r="K4545" s="190">
        <v>0</v>
      </c>
      <c r="L4545" s="190">
        <v>1</v>
      </c>
      <c r="M4545" s="190">
        <v>0</v>
      </c>
      <c r="N4545" s="190">
        <v>0</v>
      </c>
      <c r="O4545" s="190">
        <v>1</v>
      </c>
      <c r="P4545" s="190">
        <v>1</v>
      </c>
      <c r="Q4545" s="190">
        <v>0</v>
      </c>
      <c r="R4545" s="190">
        <v>1</v>
      </c>
      <c r="S4545" s="190">
        <v>0</v>
      </c>
      <c r="T4545" s="190">
        <v>0</v>
      </c>
      <c r="U4545" s="99"/>
      <c r="V4545" s="99"/>
      <c r="W4545" s="99"/>
      <c r="X4545" s="99"/>
      <c r="Y4545" s="99"/>
      <c r="Z4545" s="99"/>
      <c r="AA4545" s="99"/>
      <c r="AB4545" s="99"/>
      <c r="AC4545" s="99"/>
      <c r="AD4545" s="99"/>
      <c r="AE4545" s="99"/>
      <c r="AF4545" s="99"/>
      <c r="AG4545" s="99"/>
      <c r="AH4545" s="99"/>
      <c r="AI4545" s="99"/>
      <c r="AJ4545" s="99"/>
      <c r="AK4545" s="99"/>
      <c r="AL4545" s="99"/>
      <c r="AM4545" s="99"/>
      <c r="AN4545" s="99"/>
      <c r="AO4545" s="99"/>
      <c r="AP4545" s="99"/>
      <c r="AQ4545" s="99"/>
      <c r="AR4545" s="99"/>
      <c r="AS4545" s="99"/>
      <c r="AT4545" s="99"/>
      <c r="AU4545" s="99"/>
      <c r="AV4545" s="99"/>
      <c r="AW4545" s="99"/>
      <c r="AX4545" s="99"/>
      <c r="AY4545" s="99"/>
      <c r="AZ4545" s="99"/>
      <c r="BA4545" s="99"/>
      <c r="BB4545" s="107">
        <v>45884</v>
      </c>
    </row>
    <row r="4546" spans="1:54" s="238" customFormat="1" ht="13.95" customHeight="1" x14ac:dyDescent="0.25">
      <c r="A4546" s="236" t="s">
        <v>10313</v>
      </c>
      <c r="B4546" s="220" t="s">
        <v>8672</v>
      </c>
      <c r="C4546" s="190" t="s">
        <v>10314</v>
      </c>
      <c r="D4546" s="190" t="s">
        <v>10315</v>
      </c>
      <c r="E4546" s="237">
        <v>1981</v>
      </c>
      <c r="F4546" s="237">
        <v>300</v>
      </c>
      <c r="G4546" s="190" t="s">
        <v>1</v>
      </c>
      <c r="H4546" s="190">
        <v>0</v>
      </c>
      <c r="I4546" s="190">
        <v>0</v>
      </c>
      <c r="J4546" s="190">
        <v>0</v>
      </c>
      <c r="K4546" s="190">
        <v>0</v>
      </c>
      <c r="L4546" s="190">
        <v>1</v>
      </c>
      <c r="M4546" s="190">
        <v>0</v>
      </c>
      <c r="N4546" s="190">
        <v>0</v>
      </c>
      <c r="O4546" s="190">
        <v>1</v>
      </c>
      <c r="P4546" s="190">
        <v>0</v>
      </c>
      <c r="Q4546" s="190">
        <v>0</v>
      </c>
      <c r="R4546" s="190">
        <v>0</v>
      </c>
      <c r="S4546" s="190">
        <v>0</v>
      </c>
      <c r="T4546" s="190">
        <v>0</v>
      </c>
      <c r="U4546" s="99"/>
      <c r="V4546" s="99"/>
      <c r="W4546" s="99"/>
      <c r="X4546" s="99"/>
      <c r="Y4546" s="99"/>
      <c r="Z4546" s="99"/>
      <c r="AA4546" s="99"/>
      <c r="AB4546" s="99"/>
      <c r="AC4546" s="99"/>
      <c r="AD4546" s="99"/>
      <c r="AE4546" s="99"/>
      <c r="AF4546" s="99"/>
      <c r="AG4546" s="99"/>
      <c r="AH4546" s="99"/>
      <c r="AI4546" s="99"/>
      <c r="AJ4546" s="99"/>
      <c r="AK4546" s="99"/>
      <c r="AL4546" s="99"/>
      <c r="AM4546" s="99"/>
      <c r="AN4546" s="99"/>
      <c r="AO4546" s="99"/>
      <c r="AP4546" s="99"/>
      <c r="AQ4546" s="99"/>
      <c r="AR4546" s="99"/>
      <c r="AS4546" s="99"/>
      <c r="AT4546" s="99"/>
      <c r="AU4546" s="99"/>
      <c r="AV4546" s="99"/>
      <c r="AW4546" s="99"/>
      <c r="AX4546" s="99"/>
      <c r="AY4546" s="99"/>
      <c r="AZ4546" s="99"/>
      <c r="BA4546" s="99"/>
      <c r="BB4546" s="107">
        <v>45884</v>
      </c>
    </row>
    <row r="4547" spans="1:54" s="238" customFormat="1" ht="13.95" customHeight="1" x14ac:dyDescent="0.25">
      <c r="A4547" s="236" t="s">
        <v>10316</v>
      </c>
      <c r="B4547" s="220" t="s">
        <v>8672</v>
      </c>
      <c r="C4547" s="190" t="s">
        <v>10317</v>
      </c>
      <c r="D4547" s="190" t="s">
        <v>10318</v>
      </c>
      <c r="E4547" s="237">
        <v>1999</v>
      </c>
      <c r="F4547" s="237">
        <v>200</v>
      </c>
      <c r="G4547" s="190" t="s">
        <v>1</v>
      </c>
      <c r="H4547" s="190">
        <v>0</v>
      </c>
      <c r="I4547" s="190">
        <v>0</v>
      </c>
      <c r="J4547" s="190">
        <v>0</v>
      </c>
      <c r="K4547" s="190">
        <v>1</v>
      </c>
      <c r="L4547" s="190">
        <v>0</v>
      </c>
      <c r="M4547" s="190">
        <v>0</v>
      </c>
      <c r="N4547" s="190">
        <v>0</v>
      </c>
      <c r="O4547" s="190">
        <v>0</v>
      </c>
      <c r="P4547" s="190">
        <v>0</v>
      </c>
      <c r="Q4547" s="190">
        <v>0</v>
      </c>
      <c r="R4547" s="190">
        <v>0</v>
      </c>
      <c r="S4547" s="190">
        <v>0</v>
      </c>
      <c r="T4547" s="190">
        <v>0</v>
      </c>
      <c r="U4547" s="99"/>
      <c r="V4547" s="99"/>
      <c r="W4547" s="99"/>
      <c r="X4547" s="99"/>
      <c r="Y4547" s="99"/>
      <c r="Z4547" s="99"/>
      <c r="AA4547" s="99"/>
      <c r="AB4547" s="99"/>
      <c r="AC4547" s="99"/>
      <c r="AD4547" s="99"/>
      <c r="AE4547" s="99"/>
      <c r="AF4547" s="99"/>
      <c r="AG4547" s="99"/>
      <c r="AH4547" s="99"/>
      <c r="AI4547" s="99"/>
      <c r="AJ4547" s="99"/>
      <c r="AK4547" s="99"/>
      <c r="AL4547" s="99"/>
      <c r="AM4547" s="99"/>
      <c r="AN4547" s="99"/>
      <c r="AO4547" s="99"/>
      <c r="AP4547" s="99"/>
      <c r="AQ4547" s="99"/>
      <c r="AR4547" s="99"/>
      <c r="AS4547" s="99"/>
      <c r="AT4547" s="99"/>
      <c r="AU4547" s="99"/>
      <c r="AV4547" s="99"/>
      <c r="AW4547" s="99"/>
      <c r="AX4547" s="99"/>
      <c r="AY4547" s="99"/>
      <c r="AZ4547" s="99"/>
      <c r="BA4547" s="99"/>
      <c r="BB4547" s="107">
        <v>45884</v>
      </c>
    </row>
    <row r="4548" spans="1:54" s="238" customFormat="1" ht="13.95" customHeight="1" x14ac:dyDescent="0.25">
      <c r="A4548" s="236" t="s">
        <v>10319</v>
      </c>
      <c r="B4548" s="220" t="s">
        <v>8672</v>
      </c>
      <c r="C4548" s="190" t="s">
        <v>10320</v>
      </c>
      <c r="D4548" s="190" t="s">
        <v>10321</v>
      </c>
      <c r="E4548" s="237">
        <v>1999</v>
      </c>
      <c r="F4548" s="237">
        <v>100</v>
      </c>
      <c r="G4548" s="190" t="s">
        <v>1</v>
      </c>
      <c r="H4548" s="190">
        <v>0</v>
      </c>
      <c r="I4548" s="190">
        <v>0</v>
      </c>
      <c r="J4548" s="190">
        <v>1</v>
      </c>
      <c r="K4548" s="190">
        <v>1</v>
      </c>
      <c r="L4548" s="190">
        <v>0</v>
      </c>
      <c r="M4548" s="190">
        <v>1</v>
      </c>
      <c r="N4548" s="190">
        <v>0</v>
      </c>
      <c r="O4548" s="190">
        <v>0</v>
      </c>
      <c r="P4548" s="190">
        <v>1</v>
      </c>
      <c r="Q4548" s="190">
        <v>0</v>
      </c>
      <c r="R4548" s="190">
        <v>0</v>
      </c>
      <c r="S4548" s="190">
        <v>0</v>
      </c>
      <c r="T4548" s="190">
        <v>0</v>
      </c>
      <c r="U4548" s="99"/>
      <c r="V4548" s="99"/>
      <c r="W4548" s="99"/>
      <c r="X4548" s="99"/>
      <c r="Y4548" s="99"/>
      <c r="Z4548" s="99"/>
      <c r="AA4548" s="99"/>
      <c r="AB4548" s="99"/>
      <c r="AC4548" s="99"/>
      <c r="AD4548" s="99"/>
      <c r="AE4548" s="99"/>
      <c r="AF4548" s="99"/>
      <c r="AG4548" s="99"/>
      <c r="AH4548" s="99"/>
      <c r="AI4548" s="99"/>
      <c r="AJ4548" s="99"/>
      <c r="AK4548" s="99"/>
      <c r="AL4548" s="99"/>
      <c r="AM4548" s="99"/>
      <c r="AN4548" s="99"/>
      <c r="AO4548" s="99"/>
      <c r="AP4548" s="99"/>
      <c r="AQ4548" s="99"/>
      <c r="AR4548" s="99"/>
      <c r="AS4548" s="99"/>
      <c r="AT4548" s="99"/>
      <c r="AU4548" s="99"/>
      <c r="AV4548" s="99"/>
      <c r="AW4548" s="99"/>
      <c r="AX4548" s="99"/>
      <c r="AY4548" s="99"/>
      <c r="AZ4548" s="99"/>
      <c r="BA4548" s="99"/>
      <c r="BB4548" s="107">
        <v>45884</v>
      </c>
    </row>
    <row r="4549" spans="1:54" s="238" customFormat="1" ht="13.95" customHeight="1" x14ac:dyDescent="0.25">
      <c r="A4549" s="236" t="s">
        <v>10322</v>
      </c>
      <c r="B4549" s="220" t="s">
        <v>8672</v>
      </c>
      <c r="C4549" s="190" t="s">
        <v>10323</v>
      </c>
      <c r="D4549" s="190" t="s">
        <v>10324</v>
      </c>
      <c r="E4549" s="237">
        <v>2001</v>
      </c>
      <c r="F4549" s="237">
        <v>100</v>
      </c>
      <c r="G4549" s="190" t="s">
        <v>1</v>
      </c>
      <c r="H4549" s="190">
        <v>0</v>
      </c>
      <c r="I4549" s="190">
        <v>0</v>
      </c>
      <c r="J4549" s="190">
        <v>0</v>
      </c>
      <c r="K4549" s="190">
        <v>0</v>
      </c>
      <c r="L4549" s="190">
        <v>0</v>
      </c>
      <c r="M4549" s="190">
        <v>0</v>
      </c>
      <c r="N4549" s="190">
        <v>0</v>
      </c>
      <c r="O4549" s="190">
        <v>0</v>
      </c>
      <c r="P4549" s="190">
        <v>0</v>
      </c>
      <c r="Q4549" s="190">
        <v>0</v>
      </c>
      <c r="R4549" s="190">
        <v>0</v>
      </c>
      <c r="S4549" s="190">
        <v>0</v>
      </c>
      <c r="T4549" s="190">
        <v>0</v>
      </c>
      <c r="U4549" s="99"/>
      <c r="V4549" s="99"/>
      <c r="W4549" s="99"/>
      <c r="X4549" s="99"/>
      <c r="Y4549" s="99"/>
      <c r="Z4549" s="99"/>
      <c r="AA4549" s="99"/>
      <c r="AB4549" s="99"/>
      <c r="AC4549" s="99"/>
      <c r="AD4549" s="99"/>
      <c r="AE4549" s="99"/>
      <c r="AF4549" s="99"/>
      <c r="AG4549" s="99"/>
      <c r="AH4549" s="99"/>
      <c r="AI4549" s="99"/>
      <c r="AJ4549" s="99"/>
      <c r="AK4549" s="99"/>
      <c r="AL4549" s="99"/>
      <c r="AM4549" s="99"/>
      <c r="AN4549" s="99"/>
      <c r="AO4549" s="99"/>
      <c r="AP4549" s="99"/>
      <c r="AQ4549" s="99"/>
      <c r="AR4549" s="99"/>
      <c r="AS4549" s="99"/>
      <c r="AT4549" s="99"/>
      <c r="AU4549" s="99"/>
      <c r="AV4549" s="99"/>
      <c r="AW4549" s="99"/>
      <c r="AX4549" s="99"/>
      <c r="AY4549" s="99"/>
      <c r="AZ4549" s="99"/>
      <c r="BA4549" s="99"/>
      <c r="BB4549" s="107">
        <v>45884</v>
      </c>
    </row>
    <row r="4550" spans="1:54" s="238" customFormat="1" ht="13.95" customHeight="1" x14ac:dyDescent="0.25">
      <c r="A4550" s="236" t="s">
        <v>10325</v>
      </c>
      <c r="B4550" s="220" t="s">
        <v>8672</v>
      </c>
      <c r="C4550" s="190" t="s">
        <v>10326</v>
      </c>
      <c r="D4550" s="190" t="s">
        <v>10327</v>
      </c>
      <c r="E4550" s="237">
        <v>2002</v>
      </c>
      <c r="F4550" s="237">
        <v>300</v>
      </c>
      <c r="G4550" s="190" t="s">
        <v>1</v>
      </c>
      <c r="H4550" s="190">
        <v>0</v>
      </c>
      <c r="I4550" s="190">
        <v>0</v>
      </c>
      <c r="J4550" s="190">
        <v>0</v>
      </c>
      <c r="K4550" s="190">
        <v>1</v>
      </c>
      <c r="L4550" s="190">
        <v>0</v>
      </c>
      <c r="M4550" s="190">
        <v>1</v>
      </c>
      <c r="N4550" s="190">
        <v>0</v>
      </c>
      <c r="O4550" s="190">
        <v>0</v>
      </c>
      <c r="P4550" s="190">
        <v>0</v>
      </c>
      <c r="Q4550" s="190">
        <v>0</v>
      </c>
      <c r="R4550" s="190">
        <v>0</v>
      </c>
      <c r="S4550" s="190">
        <v>0</v>
      </c>
      <c r="T4550" s="190">
        <v>0</v>
      </c>
      <c r="U4550" s="99"/>
      <c r="V4550" s="99"/>
      <c r="W4550" s="99"/>
      <c r="X4550" s="99"/>
      <c r="Y4550" s="99"/>
      <c r="Z4550" s="99"/>
      <c r="AA4550" s="99"/>
      <c r="AB4550" s="99"/>
      <c r="AC4550" s="99"/>
      <c r="AD4550" s="99"/>
      <c r="AE4550" s="99"/>
      <c r="AF4550" s="99"/>
      <c r="AG4550" s="99"/>
      <c r="AH4550" s="99"/>
      <c r="AI4550" s="99"/>
      <c r="AJ4550" s="99"/>
      <c r="AK4550" s="99"/>
      <c r="AL4550" s="99"/>
      <c r="AM4550" s="99"/>
      <c r="AN4550" s="99"/>
      <c r="AO4550" s="99"/>
      <c r="AP4550" s="99"/>
      <c r="AQ4550" s="99"/>
      <c r="AR4550" s="99"/>
      <c r="AS4550" s="99"/>
      <c r="AT4550" s="99"/>
      <c r="AU4550" s="99"/>
      <c r="AV4550" s="99"/>
      <c r="AW4550" s="99"/>
      <c r="AX4550" s="99"/>
      <c r="AY4550" s="99"/>
      <c r="AZ4550" s="99"/>
      <c r="BA4550" s="99"/>
      <c r="BB4550" s="107">
        <v>45884</v>
      </c>
    </row>
    <row r="4551" spans="1:54" s="238" customFormat="1" ht="13.95" customHeight="1" x14ac:dyDescent="0.25">
      <c r="A4551" s="236" t="s">
        <v>10328</v>
      </c>
      <c r="B4551" s="220" t="s">
        <v>8672</v>
      </c>
      <c r="C4551" s="190" t="s">
        <v>10329</v>
      </c>
      <c r="D4551" s="190" t="s">
        <v>10330</v>
      </c>
      <c r="E4551" s="237">
        <v>2002</v>
      </c>
      <c r="F4551" s="237">
        <v>100</v>
      </c>
      <c r="G4551" s="190" t="s">
        <v>1</v>
      </c>
      <c r="H4551" s="190">
        <v>0</v>
      </c>
      <c r="I4551" s="190">
        <v>0</v>
      </c>
      <c r="J4551" s="190">
        <v>0</v>
      </c>
      <c r="K4551" s="190">
        <v>1</v>
      </c>
      <c r="L4551" s="190">
        <v>0</v>
      </c>
      <c r="M4551" s="190">
        <v>0</v>
      </c>
      <c r="N4551" s="190">
        <v>0</v>
      </c>
      <c r="O4551" s="190">
        <v>0</v>
      </c>
      <c r="P4551" s="190">
        <v>1</v>
      </c>
      <c r="Q4551" s="190">
        <v>0</v>
      </c>
      <c r="R4551" s="190">
        <v>0</v>
      </c>
      <c r="S4551" s="190">
        <v>0</v>
      </c>
      <c r="T4551" s="190">
        <v>0</v>
      </c>
      <c r="U4551" s="99"/>
      <c r="V4551" s="99"/>
      <c r="W4551" s="99"/>
      <c r="X4551" s="99"/>
      <c r="Y4551" s="99"/>
      <c r="Z4551" s="99"/>
      <c r="AA4551" s="99"/>
      <c r="AB4551" s="99"/>
      <c r="AC4551" s="99"/>
      <c r="AD4551" s="99"/>
      <c r="AE4551" s="99"/>
      <c r="AF4551" s="99"/>
      <c r="AG4551" s="99"/>
      <c r="AH4551" s="99"/>
      <c r="AI4551" s="99"/>
      <c r="AJ4551" s="99"/>
      <c r="AK4551" s="99"/>
      <c r="AL4551" s="99"/>
      <c r="AM4551" s="99"/>
      <c r="AN4551" s="99"/>
      <c r="AO4551" s="99"/>
      <c r="AP4551" s="99"/>
      <c r="AQ4551" s="99"/>
      <c r="AR4551" s="99"/>
      <c r="AS4551" s="99"/>
      <c r="AT4551" s="99"/>
      <c r="AU4551" s="99"/>
      <c r="AV4551" s="99"/>
      <c r="AW4551" s="99"/>
      <c r="AX4551" s="99"/>
      <c r="AY4551" s="99"/>
      <c r="AZ4551" s="99"/>
      <c r="BA4551" s="99"/>
      <c r="BB4551" s="107">
        <v>45884</v>
      </c>
    </row>
    <row r="4552" spans="1:54" s="238" customFormat="1" ht="13.95" customHeight="1" x14ac:dyDescent="0.25">
      <c r="A4552" s="236" t="s">
        <v>10331</v>
      </c>
      <c r="B4552" s="220" t="s">
        <v>8672</v>
      </c>
      <c r="C4552" s="190" t="s">
        <v>10332</v>
      </c>
      <c r="D4552" s="190" t="s">
        <v>9294</v>
      </c>
      <c r="E4552" s="237">
        <v>2002</v>
      </c>
      <c r="F4552" s="237">
        <v>100</v>
      </c>
      <c r="G4552" s="190" t="s">
        <v>1</v>
      </c>
      <c r="H4552" s="190">
        <v>0</v>
      </c>
      <c r="I4552" s="190">
        <v>0</v>
      </c>
      <c r="J4552" s="190">
        <v>0</v>
      </c>
      <c r="K4552" s="190">
        <v>0</v>
      </c>
      <c r="L4552" s="190">
        <v>0</v>
      </c>
      <c r="M4552" s="190">
        <v>0</v>
      </c>
      <c r="N4552" s="190">
        <v>1</v>
      </c>
      <c r="O4552" s="190">
        <v>0</v>
      </c>
      <c r="P4552" s="190">
        <v>0</v>
      </c>
      <c r="Q4552" s="190">
        <v>0</v>
      </c>
      <c r="R4552" s="190">
        <v>0</v>
      </c>
      <c r="S4552" s="190">
        <v>0</v>
      </c>
      <c r="T4552" s="190">
        <v>0</v>
      </c>
      <c r="U4552" s="99"/>
      <c r="V4552" s="99"/>
      <c r="W4552" s="99"/>
      <c r="X4552" s="99"/>
      <c r="Y4552" s="99"/>
      <c r="Z4552" s="99"/>
      <c r="AA4552" s="99"/>
      <c r="AB4552" s="99"/>
      <c r="AC4552" s="99"/>
      <c r="AD4552" s="99"/>
      <c r="AE4552" s="99"/>
      <c r="AF4552" s="99"/>
      <c r="AG4552" s="99"/>
      <c r="AH4552" s="99"/>
      <c r="AI4552" s="99"/>
      <c r="AJ4552" s="99"/>
      <c r="AK4552" s="99"/>
      <c r="AL4552" s="99"/>
      <c r="AM4552" s="99"/>
      <c r="AN4552" s="99"/>
      <c r="AO4552" s="99"/>
      <c r="AP4552" s="99"/>
      <c r="AQ4552" s="99"/>
      <c r="AR4552" s="99"/>
      <c r="AS4552" s="99"/>
      <c r="AT4552" s="99"/>
      <c r="AU4552" s="99"/>
      <c r="AV4552" s="99"/>
      <c r="AW4552" s="99"/>
      <c r="AX4552" s="99"/>
      <c r="AY4552" s="99"/>
      <c r="AZ4552" s="99"/>
      <c r="BA4552" s="99"/>
      <c r="BB4552" s="107">
        <v>45884</v>
      </c>
    </row>
    <row r="4553" spans="1:54" s="238" customFormat="1" ht="13.95" customHeight="1" x14ac:dyDescent="0.25">
      <c r="A4553" s="236" t="s">
        <v>10333</v>
      </c>
      <c r="B4553" s="220" t="s">
        <v>8672</v>
      </c>
      <c r="C4553" s="190" t="s">
        <v>10334</v>
      </c>
      <c r="D4553" s="190" t="s">
        <v>19926</v>
      </c>
      <c r="E4553" s="237">
        <v>2004</v>
      </c>
      <c r="F4553" s="237">
        <v>11400</v>
      </c>
      <c r="G4553" s="190" t="s">
        <v>3</v>
      </c>
      <c r="H4553" s="190">
        <v>1</v>
      </c>
      <c r="I4553" s="190">
        <v>1</v>
      </c>
      <c r="J4553" s="190">
        <v>1</v>
      </c>
      <c r="K4553" s="190">
        <v>0</v>
      </c>
      <c r="L4553" s="190">
        <v>0</v>
      </c>
      <c r="M4553" s="190">
        <v>0</v>
      </c>
      <c r="N4553" s="190">
        <v>0</v>
      </c>
      <c r="O4553" s="190">
        <v>0</v>
      </c>
      <c r="P4553" s="190">
        <v>0</v>
      </c>
      <c r="Q4553" s="190">
        <v>0</v>
      </c>
      <c r="R4553" s="190">
        <v>0</v>
      </c>
      <c r="S4553" s="190">
        <v>0</v>
      </c>
      <c r="T4553" s="190">
        <v>0</v>
      </c>
      <c r="U4553" s="190">
        <v>0</v>
      </c>
      <c r="V4553" s="190">
        <v>0</v>
      </c>
      <c r="W4553" s="190" t="s">
        <v>174</v>
      </c>
      <c r="X4553" s="190" t="s">
        <v>174</v>
      </c>
      <c r="Y4553" s="190">
        <v>0</v>
      </c>
      <c r="Z4553" s="190">
        <v>0</v>
      </c>
      <c r="AA4553" s="190">
        <v>0</v>
      </c>
      <c r="AB4553" s="190">
        <v>0</v>
      </c>
      <c r="AC4553" s="190">
        <v>0</v>
      </c>
      <c r="AD4553" s="190">
        <v>0</v>
      </c>
      <c r="AE4553" s="190">
        <v>0</v>
      </c>
      <c r="AF4553" s="190">
        <v>0</v>
      </c>
      <c r="AG4553" s="190">
        <v>0</v>
      </c>
      <c r="AH4553" s="190">
        <v>0</v>
      </c>
      <c r="AI4553" s="190">
        <v>0</v>
      </c>
      <c r="AJ4553" s="190">
        <v>0</v>
      </c>
      <c r="AK4553" s="190">
        <v>0</v>
      </c>
      <c r="AL4553" s="190">
        <v>0</v>
      </c>
      <c r="AM4553" s="190" t="s">
        <v>174</v>
      </c>
      <c r="AN4553" s="190" t="s">
        <v>174</v>
      </c>
      <c r="AO4553" s="190" t="s">
        <v>174</v>
      </c>
      <c r="AP4553" s="190" t="s">
        <v>174</v>
      </c>
      <c r="AQ4553" s="190" t="s">
        <v>174</v>
      </c>
      <c r="AR4553" s="190" t="s">
        <v>174</v>
      </c>
      <c r="AS4553" s="190" t="s">
        <v>174</v>
      </c>
      <c r="AT4553" s="239" t="s">
        <v>174</v>
      </c>
      <c r="AU4553" s="190">
        <v>0</v>
      </c>
      <c r="AV4553" s="190">
        <v>0</v>
      </c>
      <c r="AW4553" s="190" t="s">
        <v>174</v>
      </c>
      <c r="AX4553" s="190" t="s">
        <v>174</v>
      </c>
      <c r="AY4553" s="190" t="s">
        <v>174</v>
      </c>
      <c r="AZ4553" s="190"/>
      <c r="BA4553" s="190"/>
      <c r="BB4553" s="107">
        <v>45884</v>
      </c>
    </row>
    <row r="4554" spans="1:54" s="238" customFormat="1" ht="13.95" customHeight="1" x14ac:dyDescent="0.25">
      <c r="A4554" s="236" t="s">
        <v>10335</v>
      </c>
      <c r="B4554" s="220" t="s">
        <v>8672</v>
      </c>
      <c r="C4554" s="190" t="s">
        <v>10336</v>
      </c>
      <c r="D4554" s="190" t="s">
        <v>19927</v>
      </c>
      <c r="E4554" s="237">
        <v>1994</v>
      </c>
      <c r="F4554" s="237">
        <v>11500</v>
      </c>
      <c r="G4554" s="190" t="s">
        <v>11</v>
      </c>
      <c r="H4554" s="190">
        <v>0</v>
      </c>
      <c r="I4554" s="190">
        <v>0</v>
      </c>
      <c r="J4554" s="190">
        <v>0</v>
      </c>
      <c r="K4554" s="190">
        <v>1</v>
      </c>
      <c r="L4554" s="190">
        <v>1</v>
      </c>
      <c r="M4554" s="190">
        <v>1</v>
      </c>
      <c r="N4554" s="190">
        <v>0</v>
      </c>
      <c r="O4554" s="190">
        <v>1</v>
      </c>
      <c r="P4554" s="190">
        <v>1</v>
      </c>
      <c r="Q4554" s="190">
        <v>1</v>
      </c>
      <c r="R4554" s="190">
        <v>1</v>
      </c>
      <c r="S4554" s="190">
        <v>1</v>
      </c>
      <c r="T4554" s="190">
        <v>0</v>
      </c>
      <c r="U4554" s="190">
        <v>0</v>
      </c>
      <c r="V4554" s="190">
        <v>0</v>
      </c>
      <c r="W4554" s="190" t="s">
        <v>174</v>
      </c>
      <c r="X4554" s="190" t="s">
        <v>174</v>
      </c>
      <c r="Y4554" s="190">
        <v>0</v>
      </c>
      <c r="Z4554" s="190">
        <v>0</v>
      </c>
      <c r="AA4554" s="190">
        <v>0</v>
      </c>
      <c r="AB4554" s="190">
        <v>0</v>
      </c>
      <c r="AC4554" s="190">
        <v>0</v>
      </c>
      <c r="AD4554" s="190">
        <v>0</v>
      </c>
      <c r="AE4554" s="190">
        <v>0</v>
      </c>
      <c r="AF4554" s="190">
        <v>0</v>
      </c>
      <c r="AG4554" s="190">
        <v>0</v>
      </c>
      <c r="AH4554" s="190">
        <v>0</v>
      </c>
      <c r="AI4554" s="190">
        <v>0</v>
      </c>
      <c r="AJ4554" s="190">
        <v>0</v>
      </c>
      <c r="AK4554" s="190">
        <v>0</v>
      </c>
      <c r="AL4554" s="190">
        <v>0</v>
      </c>
      <c r="AM4554" s="190" t="s">
        <v>174</v>
      </c>
      <c r="AN4554" s="190" t="s">
        <v>174</v>
      </c>
      <c r="AO4554" s="190" t="s">
        <v>174</v>
      </c>
      <c r="AP4554" s="190" t="s">
        <v>174</v>
      </c>
      <c r="AQ4554" s="190" t="s">
        <v>174</v>
      </c>
      <c r="AR4554" s="190" t="s">
        <v>174</v>
      </c>
      <c r="AS4554" s="190" t="s">
        <v>174</v>
      </c>
      <c r="AT4554" s="239" t="s">
        <v>174</v>
      </c>
      <c r="AU4554" s="190">
        <v>0</v>
      </c>
      <c r="AV4554" s="190">
        <v>0</v>
      </c>
      <c r="AW4554" s="190" t="s">
        <v>174</v>
      </c>
      <c r="AX4554" s="190" t="s">
        <v>174</v>
      </c>
      <c r="AY4554" s="190" t="s">
        <v>174</v>
      </c>
      <c r="AZ4554" s="190"/>
      <c r="BA4554" s="190" t="s">
        <v>10337</v>
      </c>
      <c r="BB4554" s="107">
        <v>45884</v>
      </c>
    </row>
    <row r="4555" spans="1:54" s="238" customFormat="1" ht="13.95" customHeight="1" x14ac:dyDescent="0.25">
      <c r="A4555" s="236" t="s">
        <v>10338</v>
      </c>
      <c r="B4555" s="220" t="s">
        <v>8672</v>
      </c>
      <c r="C4555" s="190" t="s">
        <v>10339</v>
      </c>
      <c r="D4555" s="190" t="s">
        <v>19928</v>
      </c>
      <c r="E4555" s="237">
        <v>1970</v>
      </c>
      <c r="F4555" s="237">
        <v>13800</v>
      </c>
      <c r="G4555" s="190" t="s">
        <v>3</v>
      </c>
      <c r="H4555" s="190">
        <v>1</v>
      </c>
      <c r="I4555" s="190">
        <v>1</v>
      </c>
      <c r="J4555" s="190">
        <v>1</v>
      </c>
      <c r="K4555" s="190">
        <v>1</v>
      </c>
      <c r="L4555" s="190">
        <v>1</v>
      </c>
      <c r="M4555" s="190">
        <v>0</v>
      </c>
      <c r="N4555" s="190">
        <v>0</v>
      </c>
      <c r="O4555" s="190">
        <v>1</v>
      </c>
      <c r="P4555" s="190">
        <v>1</v>
      </c>
      <c r="Q4555" s="190">
        <v>0</v>
      </c>
      <c r="R4555" s="190">
        <v>0</v>
      </c>
      <c r="S4555" s="190">
        <v>1</v>
      </c>
      <c r="T4555" s="190">
        <v>0</v>
      </c>
      <c r="U4555" s="190">
        <v>0</v>
      </c>
      <c r="V4555" s="190">
        <v>0</v>
      </c>
      <c r="W4555" s="190" t="s">
        <v>174</v>
      </c>
      <c r="X4555" s="190" t="s">
        <v>174</v>
      </c>
      <c r="Y4555" s="190">
        <v>0</v>
      </c>
      <c r="Z4555" s="190">
        <v>1</v>
      </c>
      <c r="AA4555" s="190">
        <v>0</v>
      </c>
      <c r="AB4555" s="190">
        <v>1</v>
      </c>
      <c r="AC4555" s="190">
        <v>0</v>
      </c>
      <c r="AD4555" s="190">
        <v>0</v>
      </c>
      <c r="AE4555" s="190">
        <v>0</v>
      </c>
      <c r="AF4555" s="190">
        <v>0</v>
      </c>
      <c r="AG4555" s="190">
        <v>0</v>
      </c>
      <c r="AH4555" s="190">
        <v>0</v>
      </c>
      <c r="AI4555" s="190">
        <v>0</v>
      </c>
      <c r="AJ4555" s="190">
        <v>0</v>
      </c>
      <c r="AK4555" s="190">
        <v>0</v>
      </c>
      <c r="AL4555" s="190">
        <v>0</v>
      </c>
      <c r="AM4555" s="190" t="s">
        <v>174</v>
      </c>
      <c r="AN4555" s="190" t="s">
        <v>174</v>
      </c>
      <c r="AO4555" s="190" t="s">
        <v>174</v>
      </c>
      <c r="AP4555" s="190" t="s">
        <v>174</v>
      </c>
      <c r="AQ4555" s="190" t="s">
        <v>174</v>
      </c>
      <c r="AR4555" s="190" t="s">
        <v>174</v>
      </c>
      <c r="AS4555" s="190" t="s">
        <v>174</v>
      </c>
      <c r="AT4555" s="239" t="s">
        <v>174</v>
      </c>
      <c r="AU4555" s="190">
        <v>1</v>
      </c>
      <c r="AV4555" s="190">
        <v>0</v>
      </c>
      <c r="AW4555" s="190" t="s">
        <v>174</v>
      </c>
      <c r="AX4555" s="190" t="s">
        <v>174</v>
      </c>
      <c r="AY4555" s="190" t="s">
        <v>174</v>
      </c>
      <c r="AZ4555" s="190"/>
      <c r="BA4555" s="190" t="s">
        <v>10340</v>
      </c>
      <c r="BB4555" s="107">
        <v>45884</v>
      </c>
    </row>
    <row r="4556" spans="1:54" s="238" customFormat="1" ht="13.95" customHeight="1" x14ac:dyDescent="0.25">
      <c r="A4556" s="236" t="s">
        <v>10341</v>
      </c>
      <c r="B4556" s="220" t="s">
        <v>8672</v>
      </c>
      <c r="C4556" s="190" t="s">
        <v>4601</v>
      </c>
      <c r="D4556" s="190" t="s">
        <v>10342</v>
      </c>
      <c r="E4556" s="237">
        <v>2007</v>
      </c>
      <c r="F4556" s="237">
        <v>19100</v>
      </c>
      <c r="G4556" s="190" t="s">
        <v>3</v>
      </c>
      <c r="H4556" s="190">
        <v>1</v>
      </c>
      <c r="I4556" s="190">
        <v>1</v>
      </c>
      <c r="J4556" s="190">
        <v>1</v>
      </c>
      <c r="K4556" s="190">
        <v>1</v>
      </c>
      <c r="L4556" s="190">
        <v>1</v>
      </c>
      <c r="M4556" s="190">
        <v>1</v>
      </c>
      <c r="N4556" s="190">
        <v>0</v>
      </c>
      <c r="O4556" s="190">
        <v>0</v>
      </c>
      <c r="P4556" s="190">
        <v>0</v>
      </c>
      <c r="Q4556" s="190">
        <v>0</v>
      </c>
      <c r="R4556" s="190">
        <v>0</v>
      </c>
      <c r="S4556" s="190">
        <v>0</v>
      </c>
      <c r="T4556" s="190">
        <v>0</v>
      </c>
      <c r="U4556" s="190">
        <v>0</v>
      </c>
      <c r="V4556" s="190">
        <v>0</v>
      </c>
      <c r="W4556" s="190" t="s">
        <v>174</v>
      </c>
      <c r="X4556" s="190" t="s">
        <v>174</v>
      </c>
      <c r="Y4556" s="190">
        <v>0</v>
      </c>
      <c r="Z4556" s="190">
        <v>0</v>
      </c>
      <c r="AA4556" s="190">
        <v>0</v>
      </c>
      <c r="AB4556" s="190">
        <v>0</v>
      </c>
      <c r="AC4556" s="190">
        <v>0</v>
      </c>
      <c r="AD4556" s="190">
        <v>0</v>
      </c>
      <c r="AE4556" s="190">
        <v>0</v>
      </c>
      <c r="AF4556" s="190">
        <v>0</v>
      </c>
      <c r="AG4556" s="190">
        <v>0</v>
      </c>
      <c r="AH4556" s="190">
        <v>0</v>
      </c>
      <c r="AI4556" s="190">
        <v>0</v>
      </c>
      <c r="AJ4556" s="190">
        <v>0</v>
      </c>
      <c r="AK4556" s="190">
        <v>0</v>
      </c>
      <c r="AL4556" s="190">
        <v>0</v>
      </c>
      <c r="AM4556" s="190" t="s">
        <v>174</v>
      </c>
      <c r="AN4556" s="190" t="s">
        <v>174</v>
      </c>
      <c r="AO4556" s="190" t="s">
        <v>174</v>
      </c>
      <c r="AP4556" s="190" t="s">
        <v>174</v>
      </c>
      <c r="AQ4556" s="190" t="s">
        <v>174</v>
      </c>
      <c r="AR4556" s="190" t="s">
        <v>174</v>
      </c>
      <c r="AS4556" s="190" t="s">
        <v>174</v>
      </c>
      <c r="AT4556" s="239" t="s">
        <v>174</v>
      </c>
      <c r="AU4556" s="190">
        <v>0</v>
      </c>
      <c r="AV4556" s="190">
        <v>0</v>
      </c>
      <c r="AW4556" s="190" t="s">
        <v>174</v>
      </c>
      <c r="AX4556" s="190" t="s">
        <v>174</v>
      </c>
      <c r="AY4556" s="190" t="s">
        <v>174</v>
      </c>
      <c r="AZ4556" s="190"/>
      <c r="BA4556" s="190"/>
      <c r="BB4556" s="107">
        <v>45884</v>
      </c>
    </row>
    <row r="4557" spans="1:54" s="238" customFormat="1" ht="13.95" customHeight="1" x14ac:dyDescent="0.25">
      <c r="A4557" s="236" t="s">
        <v>10343</v>
      </c>
      <c r="B4557" s="220" t="s">
        <v>8672</v>
      </c>
      <c r="C4557" s="190" t="s">
        <v>10344</v>
      </c>
      <c r="D4557" s="190" t="s">
        <v>10345</v>
      </c>
      <c r="E4557" s="237">
        <v>1984</v>
      </c>
      <c r="F4557" s="237">
        <v>19900</v>
      </c>
      <c r="G4557" s="190" t="s">
        <v>3</v>
      </c>
      <c r="H4557" s="190">
        <v>1</v>
      </c>
      <c r="I4557" s="190">
        <v>0</v>
      </c>
      <c r="J4557" s="190">
        <v>1</v>
      </c>
      <c r="K4557" s="190">
        <v>1</v>
      </c>
      <c r="L4557" s="190">
        <v>1</v>
      </c>
      <c r="M4557" s="190">
        <v>1</v>
      </c>
      <c r="N4557" s="190">
        <v>1</v>
      </c>
      <c r="O4557" s="190">
        <v>0</v>
      </c>
      <c r="P4557" s="190">
        <v>1</v>
      </c>
      <c r="Q4557" s="190">
        <v>0</v>
      </c>
      <c r="R4557" s="190">
        <v>0</v>
      </c>
      <c r="S4557" s="190">
        <v>0</v>
      </c>
      <c r="T4557" s="190">
        <v>0</v>
      </c>
      <c r="U4557" s="190">
        <v>0</v>
      </c>
      <c r="V4557" s="190">
        <v>0</v>
      </c>
      <c r="W4557" s="190" t="s">
        <v>174</v>
      </c>
      <c r="X4557" s="190" t="s">
        <v>174</v>
      </c>
      <c r="Y4557" s="190">
        <v>0</v>
      </c>
      <c r="Z4557" s="190">
        <v>0</v>
      </c>
      <c r="AA4557" s="190">
        <v>0</v>
      </c>
      <c r="AB4557" s="190">
        <v>0</v>
      </c>
      <c r="AC4557" s="190">
        <v>0</v>
      </c>
      <c r="AD4557" s="190">
        <v>0</v>
      </c>
      <c r="AE4557" s="190">
        <v>0</v>
      </c>
      <c r="AF4557" s="190">
        <v>0</v>
      </c>
      <c r="AG4557" s="190">
        <v>0</v>
      </c>
      <c r="AH4557" s="190">
        <v>0</v>
      </c>
      <c r="AI4557" s="190">
        <v>0</v>
      </c>
      <c r="AJ4557" s="190">
        <v>0</v>
      </c>
      <c r="AK4557" s="190">
        <v>0</v>
      </c>
      <c r="AL4557" s="190">
        <v>0</v>
      </c>
      <c r="AM4557" s="190" t="s">
        <v>174</v>
      </c>
      <c r="AN4557" s="190" t="s">
        <v>174</v>
      </c>
      <c r="AO4557" s="190" t="s">
        <v>174</v>
      </c>
      <c r="AP4557" s="190" t="s">
        <v>174</v>
      </c>
      <c r="AQ4557" s="190" t="s">
        <v>174</v>
      </c>
      <c r="AR4557" s="190" t="s">
        <v>174</v>
      </c>
      <c r="AS4557" s="190" t="s">
        <v>174</v>
      </c>
      <c r="AT4557" s="239" t="s">
        <v>174</v>
      </c>
      <c r="AU4557" s="190">
        <v>0</v>
      </c>
      <c r="AV4557" s="190">
        <v>0</v>
      </c>
      <c r="AW4557" s="190" t="s">
        <v>174</v>
      </c>
      <c r="AX4557" s="190" t="s">
        <v>174</v>
      </c>
      <c r="AY4557" s="190" t="s">
        <v>174</v>
      </c>
      <c r="AZ4557" s="190"/>
      <c r="BA4557" s="190" t="s">
        <v>19741</v>
      </c>
      <c r="BB4557" s="107">
        <v>45884</v>
      </c>
    </row>
    <row r="4558" spans="1:54" s="238" customFormat="1" ht="13.95" customHeight="1" x14ac:dyDescent="0.25">
      <c r="A4558" s="236" t="s">
        <v>10346</v>
      </c>
      <c r="B4558" s="220" t="s">
        <v>8672</v>
      </c>
      <c r="C4558" s="190" t="s">
        <v>10347</v>
      </c>
      <c r="D4558" s="190" t="s">
        <v>10348</v>
      </c>
      <c r="E4558" s="237">
        <v>2010</v>
      </c>
      <c r="F4558" s="237">
        <v>19900</v>
      </c>
      <c r="G4558" s="190" t="s">
        <v>10</v>
      </c>
      <c r="H4558" s="190">
        <v>1</v>
      </c>
      <c r="I4558" s="190">
        <v>1</v>
      </c>
      <c r="J4558" s="190">
        <v>0</v>
      </c>
      <c r="K4558" s="190">
        <v>0</v>
      </c>
      <c r="L4558" s="190">
        <v>0</v>
      </c>
      <c r="M4558" s="190">
        <v>0</v>
      </c>
      <c r="N4558" s="190">
        <v>0</v>
      </c>
      <c r="O4558" s="190">
        <v>0</v>
      </c>
      <c r="P4558" s="190">
        <v>0</v>
      </c>
      <c r="Q4558" s="190">
        <v>0</v>
      </c>
      <c r="R4558" s="190">
        <v>0</v>
      </c>
      <c r="S4558" s="190">
        <v>0</v>
      </c>
      <c r="T4558" s="190">
        <v>0</v>
      </c>
      <c r="U4558" s="190">
        <v>0</v>
      </c>
      <c r="V4558" s="190">
        <v>0</v>
      </c>
      <c r="W4558" s="190" t="s">
        <v>174</v>
      </c>
      <c r="X4558" s="190" t="s">
        <v>174</v>
      </c>
      <c r="Y4558" s="190">
        <v>0</v>
      </c>
      <c r="Z4558" s="190">
        <v>0</v>
      </c>
      <c r="AA4558" s="190">
        <v>0</v>
      </c>
      <c r="AB4558" s="190">
        <v>0</v>
      </c>
      <c r="AC4558" s="190">
        <v>0</v>
      </c>
      <c r="AD4558" s="190">
        <v>0</v>
      </c>
      <c r="AE4558" s="190">
        <v>0</v>
      </c>
      <c r="AF4558" s="190">
        <v>0</v>
      </c>
      <c r="AG4558" s="190">
        <v>0</v>
      </c>
      <c r="AH4558" s="190">
        <v>0</v>
      </c>
      <c r="AI4558" s="190">
        <v>0</v>
      </c>
      <c r="AJ4558" s="190">
        <v>0</v>
      </c>
      <c r="AK4558" s="190">
        <v>0</v>
      </c>
      <c r="AL4558" s="190">
        <v>0</v>
      </c>
      <c r="AM4558" s="190" t="s">
        <v>174</v>
      </c>
      <c r="AN4558" s="190" t="s">
        <v>174</v>
      </c>
      <c r="AO4558" s="190" t="s">
        <v>174</v>
      </c>
      <c r="AP4558" s="190" t="s">
        <v>174</v>
      </c>
      <c r="AQ4558" s="190" t="s">
        <v>174</v>
      </c>
      <c r="AR4558" s="190" t="s">
        <v>174</v>
      </c>
      <c r="AS4558" s="190" t="s">
        <v>174</v>
      </c>
      <c r="AT4558" s="239" t="s">
        <v>174</v>
      </c>
      <c r="AU4558" s="190">
        <v>0</v>
      </c>
      <c r="AV4558" s="190">
        <v>0</v>
      </c>
      <c r="AW4558" s="190" t="s">
        <v>174</v>
      </c>
      <c r="AX4558" s="190" t="s">
        <v>174</v>
      </c>
      <c r="AY4558" s="190" t="s">
        <v>174</v>
      </c>
      <c r="AZ4558" s="190"/>
      <c r="BA4558" s="190" t="s">
        <v>19744</v>
      </c>
      <c r="BB4558" s="107">
        <v>45884</v>
      </c>
    </row>
    <row r="4559" spans="1:54" s="238" customFormat="1" ht="13.95" customHeight="1" x14ac:dyDescent="0.25">
      <c r="A4559" s="236" t="s">
        <v>10349</v>
      </c>
      <c r="B4559" s="220" t="s">
        <v>8672</v>
      </c>
      <c r="C4559" s="190" t="s">
        <v>10350</v>
      </c>
      <c r="D4559" s="190" t="s">
        <v>10351</v>
      </c>
      <c r="E4559" s="237">
        <v>1983</v>
      </c>
      <c r="F4559" s="237">
        <v>22300</v>
      </c>
      <c r="G4559" s="190" t="s">
        <v>3</v>
      </c>
      <c r="H4559" s="190">
        <v>1</v>
      </c>
      <c r="I4559" s="190">
        <v>0</v>
      </c>
      <c r="J4559" s="190">
        <v>1</v>
      </c>
      <c r="K4559" s="190">
        <v>0</v>
      </c>
      <c r="L4559" s="190">
        <v>0</v>
      </c>
      <c r="M4559" s="190">
        <v>0</v>
      </c>
      <c r="N4559" s="190">
        <v>0</v>
      </c>
      <c r="O4559" s="190">
        <v>0</v>
      </c>
      <c r="P4559" s="190">
        <v>0</v>
      </c>
      <c r="Q4559" s="190">
        <v>0</v>
      </c>
      <c r="R4559" s="190">
        <v>0</v>
      </c>
      <c r="S4559" s="190">
        <v>0</v>
      </c>
      <c r="T4559" s="190">
        <v>0</v>
      </c>
      <c r="U4559" s="190">
        <v>0</v>
      </c>
      <c r="V4559" s="190">
        <v>0</v>
      </c>
      <c r="W4559" s="190" t="s">
        <v>174</v>
      </c>
      <c r="X4559" s="190" t="s">
        <v>174</v>
      </c>
      <c r="Y4559" s="190">
        <v>0</v>
      </c>
      <c r="Z4559" s="190">
        <v>0</v>
      </c>
      <c r="AA4559" s="190">
        <v>0</v>
      </c>
      <c r="AB4559" s="190">
        <v>0</v>
      </c>
      <c r="AC4559" s="190">
        <v>0</v>
      </c>
      <c r="AD4559" s="190">
        <v>0</v>
      </c>
      <c r="AE4559" s="190">
        <v>0</v>
      </c>
      <c r="AF4559" s="190">
        <v>0</v>
      </c>
      <c r="AG4559" s="190">
        <v>0</v>
      </c>
      <c r="AH4559" s="190">
        <v>0</v>
      </c>
      <c r="AI4559" s="190">
        <v>0</v>
      </c>
      <c r="AJ4559" s="190">
        <v>0</v>
      </c>
      <c r="AK4559" s="190">
        <v>0</v>
      </c>
      <c r="AL4559" s="190">
        <v>0</v>
      </c>
      <c r="AM4559" s="190" t="s">
        <v>174</v>
      </c>
      <c r="AN4559" s="190" t="s">
        <v>174</v>
      </c>
      <c r="AO4559" s="190" t="s">
        <v>174</v>
      </c>
      <c r="AP4559" s="190" t="s">
        <v>174</v>
      </c>
      <c r="AQ4559" s="190" t="s">
        <v>174</v>
      </c>
      <c r="AR4559" s="190" t="s">
        <v>174</v>
      </c>
      <c r="AS4559" s="190" t="s">
        <v>174</v>
      </c>
      <c r="AT4559" s="239" t="s">
        <v>174</v>
      </c>
      <c r="AU4559" s="190">
        <v>0</v>
      </c>
      <c r="AV4559" s="190">
        <v>0</v>
      </c>
      <c r="AW4559" s="190" t="s">
        <v>174</v>
      </c>
      <c r="AX4559" s="190" t="s">
        <v>174</v>
      </c>
      <c r="AY4559" s="190" t="s">
        <v>174</v>
      </c>
      <c r="AZ4559" s="190"/>
      <c r="BA4559" s="190" t="s">
        <v>19741</v>
      </c>
      <c r="BB4559" s="107">
        <v>45884</v>
      </c>
    </row>
    <row r="4560" spans="1:54" s="238" customFormat="1" ht="13.95" customHeight="1" x14ac:dyDescent="0.25">
      <c r="A4560" s="236" t="s">
        <v>10352</v>
      </c>
      <c r="B4560" s="220" t="s">
        <v>8672</v>
      </c>
      <c r="C4560" s="190" t="s">
        <v>10353</v>
      </c>
      <c r="D4560" s="190" t="s">
        <v>19929</v>
      </c>
      <c r="E4560" s="237">
        <v>1990</v>
      </c>
      <c r="F4560" s="237">
        <v>27000</v>
      </c>
      <c r="G4560" s="190" t="s">
        <v>3</v>
      </c>
      <c r="H4560" s="190">
        <v>1</v>
      </c>
      <c r="I4560" s="190">
        <v>1</v>
      </c>
      <c r="J4560" s="190">
        <v>1</v>
      </c>
      <c r="K4560" s="190">
        <v>1</v>
      </c>
      <c r="L4560" s="190">
        <v>1</v>
      </c>
      <c r="M4560" s="190">
        <v>1</v>
      </c>
      <c r="N4560" s="190">
        <v>0</v>
      </c>
      <c r="O4560" s="190">
        <v>1</v>
      </c>
      <c r="P4560" s="190">
        <v>1</v>
      </c>
      <c r="Q4560" s="190">
        <v>0</v>
      </c>
      <c r="R4560" s="190">
        <v>0</v>
      </c>
      <c r="S4560" s="190">
        <v>0</v>
      </c>
      <c r="T4560" s="190">
        <v>0</v>
      </c>
      <c r="U4560" s="190">
        <v>0</v>
      </c>
      <c r="V4560" s="190">
        <v>0</v>
      </c>
      <c r="W4560" s="190" t="s">
        <v>174</v>
      </c>
      <c r="X4560" s="190" t="s">
        <v>174</v>
      </c>
      <c r="Y4560" s="190">
        <v>0</v>
      </c>
      <c r="Z4560" s="190">
        <v>0</v>
      </c>
      <c r="AA4560" s="190">
        <v>0</v>
      </c>
      <c r="AB4560" s="190">
        <v>0</v>
      </c>
      <c r="AC4560" s="190">
        <v>0</v>
      </c>
      <c r="AD4560" s="190">
        <v>0</v>
      </c>
      <c r="AE4560" s="190">
        <v>0</v>
      </c>
      <c r="AF4560" s="190">
        <v>0</v>
      </c>
      <c r="AG4560" s="190">
        <v>0</v>
      </c>
      <c r="AH4560" s="190">
        <v>0</v>
      </c>
      <c r="AI4560" s="190">
        <v>0</v>
      </c>
      <c r="AJ4560" s="190">
        <v>0</v>
      </c>
      <c r="AK4560" s="190">
        <v>0</v>
      </c>
      <c r="AL4560" s="190">
        <v>0</v>
      </c>
      <c r="AM4560" s="190" t="s">
        <v>174</v>
      </c>
      <c r="AN4560" s="190" t="s">
        <v>174</v>
      </c>
      <c r="AO4560" s="190" t="s">
        <v>174</v>
      </c>
      <c r="AP4560" s="190" t="s">
        <v>174</v>
      </c>
      <c r="AQ4560" s="190" t="s">
        <v>174</v>
      </c>
      <c r="AR4560" s="190" t="s">
        <v>174</v>
      </c>
      <c r="AS4560" s="190" t="s">
        <v>174</v>
      </c>
      <c r="AT4560" s="239" t="s">
        <v>174</v>
      </c>
      <c r="AU4560" s="190">
        <v>0</v>
      </c>
      <c r="AV4560" s="190">
        <v>0</v>
      </c>
      <c r="AW4560" s="190" t="s">
        <v>174</v>
      </c>
      <c r="AX4560" s="190" t="s">
        <v>174</v>
      </c>
      <c r="AY4560" s="190" t="s">
        <v>174</v>
      </c>
      <c r="AZ4560" s="190"/>
      <c r="BA4560" s="190" t="s">
        <v>22210</v>
      </c>
      <c r="BB4560" s="107">
        <v>45884</v>
      </c>
    </row>
    <row r="4561" spans="1:54" s="238" customFormat="1" ht="13.95" customHeight="1" x14ac:dyDescent="0.25">
      <c r="A4561" s="236" t="s">
        <v>10354</v>
      </c>
      <c r="B4561" s="220" t="s">
        <v>8672</v>
      </c>
      <c r="C4561" s="190" t="s">
        <v>10355</v>
      </c>
      <c r="D4561" s="190" t="s">
        <v>19930</v>
      </c>
      <c r="E4561" s="237">
        <v>1994</v>
      </c>
      <c r="F4561" s="237">
        <v>26800</v>
      </c>
      <c r="G4561" s="190" t="s">
        <v>11</v>
      </c>
      <c r="H4561" s="190">
        <v>0</v>
      </c>
      <c r="I4561" s="190">
        <v>0</v>
      </c>
      <c r="J4561" s="190">
        <v>0</v>
      </c>
      <c r="K4561" s="190">
        <v>1</v>
      </c>
      <c r="L4561" s="190">
        <v>1</v>
      </c>
      <c r="M4561" s="190">
        <v>0</v>
      </c>
      <c r="N4561" s="190">
        <v>0</v>
      </c>
      <c r="O4561" s="190">
        <v>1</v>
      </c>
      <c r="P4561" s="190">
        <v>1</v>
      </c>
      <c r="Q4561" s="190">
        <v>1</v>
      </c>
      <c r="R4561" s="190">
        <v>1</v>
      </c>
      <c r="S4561" s="190">
        <v>0</v>
      </c>
      <c r="T4561" s="190">
        <v>0</v>
      </c>
      <c r="U4561" s="190">
        <v>0</v>
      </c>
      <c r="V4561" s="190">
        <v>0</v>
      </c>
      <c r="W4561" s="190" t="s">
        <v>174</v>
      </c>
      <c r="X4561" s="190" t="s">
        <v>174</v>
      </c>
      <c r="Y4561" s="190">
        <v>0</v>
      </c>
      <c r="Z4561" s="190">
        <v>0</v>
      </c>
      <c r="AA4561" s="190">
        <v>0</v>
      </c>
      <c r="AB4561" s="190">
        <v>0</v>
      </c>
      <c r="AC4561" s="190">
        <v>0</v>
      </c>
      <c r="AD4561" s="190">
        <v>0</v>
      </c>
      <c r="AE4561" s="190">
        <v>0</v>
      </c>
      <c r="AF4561" s="190">
        <v>0</v>
      </c>
      <c r="AG4561" s="190">
        <v>0</v>
      </c>
      <c r="AH4561" s="190">
        <v>0</v>
      </c>
      <c r="AI4561" s="190">
        <v>0</v>
      </c>
      <c r="AJ4561" s="190">
        <v>0</v>
      </c>
      <c r="AK4561" s="190">
        <v>0</v>
      </c>
      <c r="AL4561" s="190">
        <v>0</v>
      </c>
      <c r="AM4561" s="190" t="s">
        <v>174</v>
      </c>
      <c r="AN4561" s="190" t="s">
        <v>174</v>
      </c>
      <c r="AO4561" s="190" t="s">
        <v>174</v>
      </c>
      <c r="AP4561" s="190" t="s">
        <v>174</v>
      </c>
      <c r="AQ4561" s="190" t="s">
        <v>174</v>
      </c>
      <c r="AR4561" s="190" t="s">
        <v>174</v>
      </c>
      <c r="AS4561" s="190" t="s">
        <v>174</v>
      </c>
      <c r="AT4561" s="239" t="s">
        <v>174</v>
      </c>
      <c r="AU4561" s="190">
        <v>0</v>
      </c>
      <c r="AV4561" s="190">
        <v>0</v>
      </c>
      <c r="AW4561" s="190" t="s">
        <v>174</v>
      </c>
      <c r="AX4561" s="190" t="s">
        <v>174</v>
      </c>
      <c r="AY4561" s="190" t="s">
        <v>174</v>
      </c>
      <c r="AZ4561" s="190"/>
      <c r="BA4561" s="190" t="s">
        <v>19745</v>
      </c>
      <c r="BB4561" s="107">
        <v>45884</v>
      </c>
    </row>
    <row r="4562" spans="1:54" s="238" customFormat="1" ht="13.95" customHeight="1" x14ac:dyDescent="0.25">
      <c r="A4562" s="236" t="s">
        <v>10356</v>
      </c>
      <c r="B4562" s="220" t="s">
        <v>8672</v>
      </c>
      <c r="C4562" s="190" t="s">
        <v>10357</v>
      </c>
      <c r="D4562" s="190" t="s">
        <v>10358</v>
      </c>
      <c r="E4562" s="237">
        <v>2005</v>
      </c>
      <c r="F4562" s="237">
        <v>30100</v>
      </c>
      <c r="G4562" s="190" t="s">
        <v>3</v>
      </c>
      <c r="H4562" s="190">
        <v>1</v>
      </c>
      <c r="I4562" s="190">
        <v>1</v>
      </c>
      <c r="J4562" s="190">
        <v>1</v>
      </c>
      <c r="K4562" s="190">
        <v>0</v>
      </c>
      <c r="L4562" s="190">
        <v>0</v>
      </c>
      <c r="M4562" s="190">
        <v>0</v>
      </c>
      <c r="N4562" s="190">
        <v>0</v>
      </c>
      <c r="O4562" s="190">
        <v>0</v>
      </c>
      <c r="P4562" s="190">
        <v>0</v>
      </c>
      <c r="Q4562" s="190">
        <v>0</v>
      </c>
      <c r="R4562" s="190">
        <v>0</v>
      </c>
      <c r="S4562" s="190">
        <v>0</v>
      </c>
      <c r="T4562" s="190">
        <v>0</v>
      </c>
      <c r="U4562" s="190">
        <v>0</v>
      </c>
      <c r="V4562" s="190">
        <v>0</v>
      </c>
      <c r="W4562" s="190" t="s">
        <v>174</v>
      </c>
      <c r="X4562" s="190" t="s">
        <v>174</v>
      </c>
      <c r="Y4562" s="190">
        <v>0</v>
      </c>
      <c r="Z4562" s="190">
        <v>0</v>
      </c>
      <c r="AA4562" s="190">
        <v>1</v>
      </c>
      <c r="AB4562" s="190">
        <v>0</v>
      </c>
      <c r="AC4562" s="190">
        <v>0</v>
      </c>
      <c r="AD4562" s="190">
        <v>0</v>
      </c>
      <c r="AE4562" s="190">
        <v>1</v>
      </c>
      <c r="AF4562" s="190">
        <v>0</v>
      </c>
      <c r="AG4562" s="190">
        <v>0</v>
      </c>
      <c r="AH4562" s="190">
        <v>0</v>
      </c>
      <c r="AI4562" s="190">
        <v>0</v>
      </c>
      <c r="AJ4562" s="190">
        <v>0</v>
      </c>
      <c r="AK4562" s="190">
        <v>0</v>
      </c>
      <c r="AL4562" s="190">
        <v>0</v>
      </c>
      <c r="AM4562" s="190" t="s">
        <v>174</v>
      </c>
      <c r="AN4562" s="190" t="s">
        <v>174</v>
      </c>
      <c r="AO4562" s="190" t="s">
        <v>174</v>
      </c>
      <c r="AP4562" s="190" t="s">
        <v>174</v>
      </c>
      <c r="AQ4562" s="190" t="s">
        <v>174</v>
      </c>
      <c r="AR4562" s="190" t="s">
        <v>174</v>
      </c>
      <c r="AS4562" s="190" t="s">
        <v>174</v>
      </c>
      <c r="AT4562" s="237">
        <v>1</v>
      </c>
      <c r="AU4562" s="190">
        <v>1</v>
      </c>
      <c r="AV4562" s="190">
        <v>0</v>
      </c>
      <c r="AW4562" s="190" t="s">
        <v>174</v>
      </c>
      <c r="AX4562" s="190" t="s">
        <v>174</v>
      </c>
      <c r="AY4562" s="190" t="s">
        <v>174</v>
      </c>
      <c r="AZ4562" s="190"/>
      <c r="BA4562" s="190" t="s">
        <v>19746</v>
      </c>
      <c r="BB4562" s="107">
        <v>45884</v>
      </c>
    </row>
    <row r="4563" spans="1:54" s="238" customFormat="1" ht="13.95" customHeight="1" x14ac:dyDescent="0.25">
      <c r="A4563" s="236" t="s">
        <v>10359</v>
      </c>
      <c r="B4563" s="220" t="s">
        <v>8672</v>
      </c>
      <c r="C4563" s="190" t="s">
        <v>10360</v>
      </c>
      <c r="D4563" s="190" t="s">
        <v>10361</v>
      </c>
      <c r="E4563" s="237">
        <v>1986</v>
      </c>
      <c r="F4563" s="237">
        <v>44200</v>
      </c>
      <c r="G4563" s="190" t="s">
        <v>6</v>
      </c>
      <c r="H4563" s="190">
        <v>1</v>
      </c>
      <c r="I4563" s="190">
        <v>1</v>
      </c>
      <c r="J4563" s="190">
        <v>1</v>
      </c>
      <c r="K4563" s="190">
        <v>0</v>
      </c>
      <c r="L4563" s="190">
        <v>0</v>
      </c>
      <c r="M4563" s="190">
        <v>1</v>
      </c>
      <c r="N4563" s="190">
        <v>0</v>
      </c>
      <c r="O4563" s="190">
        <v>0</v>
      </c>
      <c r="P4563" s="190">
        <v>1</v>
      </c>
      <c r="Q4563" s="190">
        <v>0</v>
      </c>
      <c r="R4563" s="190">
        <v>0</v>
      </c>
      <c r="S4563" s="190">
        <v>0</v>
      </c>
      <c r="T4563" s="190">
        <v>0</v>
      </c>
      <c r="U4563" s="190">
        <v>0</v>
      </c>
      <c r="V4563" s="190">
        <v>0</v>
      </c>
      <c r="W4563" s="190" t="s">
        <v>174</v>
      </c>
      <c r="X4563" s="190" t="s">
        <v>174</v>
      </c>
      <c r="Y4563" s="190">
        <v>0</v>
      </c>
      <c r="Z4563" s="190">
        <v>1</v>
      </c>
      <c r="AA4563" s="190">
        <v>0</v>
      </c>
      <c r="AB4563" s="190">
        <v>0</v>
      </c>
      <c r="AC4563" s="190">
        <v>0</v>
      </c>
      <c r="AD4563" s="190">
        <v>0</v>
      </c>
      <c r="AE4563" s="190">
        <v>0</v>
      </c>
      <c r="AF4563" s="190">
        <v>0</v>
      </c>
      <c r="AG4563" s="190">
        <v>0</v>
      </c>
      <c r="AH4563" s="190">
        <v>0</v>
      </c>
      <c r="AI4563" s="190">
        <v>0</v>
      </c>
      <c r="AJ4563" s="190">
        <v>0</v>
      </c>
      <c r="AK4563" s="190">
        <v>0</v>
      </c>
      <c r="AL4563" s="190">
        <v>0</v>
      </c>
      <c r="AM4563" s="190" t="s">
        <v>174</v>
      </c>
      <c r="AN4563" s="190" t="s">
        <v>174</v>
      </c>
      <c r="AO4563" s="190" t="s">
        <v>174</v>
      </c>
      <c r="AP4563" s="190" t="s">
        <v>174</v>
      </c>
      <c r="AQ4563" s="190" t="s">
        <v>174</v>
      </c>
      <c r="AR4563" s="190" t="s">
        <v>174</v>
      </c>
      <c r="AS4563" s="190" t="s">
        <v>174</v>
      </c>
      <c r="AT4563" s="239" t="s">
        <v>174</v>
      </c>
      <c r="AU4563" s="190">
        <v>1</v>
      </c>
      <c r="AV4563" s="190">
        <v>0</v>
      </c>
      <c r="AW4563" s="190" t="s">
        <v>174</v>
      </c>
      <c r="AX4563" s="190" t="s">
        <v>174</v>
      </c>
      <c r="AY4563" s="190" t="s">
        <v>174</v>
      </c>
      <c r="AZ4563" s="190"/>
      <c r="BA4563" s="190" t="s">
        <v>22211</v>
      </c>
      <c r="BB4563" s="107">
        <v>45884</v>
      </c>
    </row>
    <row r="4564" spans="1:54" s="238" customFormat="1" ht="13.95" customHeight="1" x14ac:dyDescent="0.25">
      <c r="A4564" s="236" t="s">
        <v>22260</v>
      </c>
      <c r="B4564" s="220" t="s">
        <v>10362</v>
      </c>
      <c r="C4564" s="190" t="s">
        <v>10363</v>
      </c>
      <c r="D4564" s="190" t="s">
        <v>10364</v>
      </c>
      <c r="E4564" s="237">
        <v>2016</v>
      </c>
      <c r="F4564" s="237">
        <v>1700</v>
      </c>
      <c r="G4564" s="190" t="s">
        <v>1</v>
      </c>
      <c r="H4564" s="190">
        <v>0</v>
      </c>
      <c r="I4564" s="190">
        <v>0</v>
      </c>
      <c r="J4564" s="190">
        <v>1</v>
      </c>
      <c r="K4564" s="190">
        <v>1</v>
      </c>
      <c r="L4564" s="190">
        <v>1</v>
      </c>
      <c r="M4564" s="190">
        <v>1</v>
      </c>
      <c r="N4564" s="190">
        <v>0</v>
      </c>
      <c r="O4564" s="190">
        <v>0</v>
      </c>
      <c r="P4564" s="190">
        <v>0</v>
      </c>
      <c r="Q4564" s="190">
        <v>0</v>
      </c>
      <c r="R4564" s="190">
        <v>0</v>
      </c>
      <c r="S4564" s="190">
        <v>0</v>
      </c>
      <c r="T4564" s="190">
        <v>0</v>
      </c>
      <c r="U4564" s="99"/>
      <c r="V4564" s="99"/>
      <c r="W4564" s="99"/>
      <c r="X4564" s="99"/>
      <c r="Y4564" s="99"/>
      <c r="Z4564" s="99"/>
      <c r="AA4564" s="99"/>
      <c r="AB4564" s="99"/>
      <c r="AC4564" s="99"/>
      <c r="AD4564" s="99"/>
      <c r="AE4564" s="99"/>
      <c r="AF4564" s="99"/>
      <c r="AG4564" s="99"/>
      <c r="AH4564" s="99"/>
      <c r="AI4564" s="99"/>
      <c r="AJ4564" s="99"/>
      <c r="AK4564" s="99"/>
      <c r="AL4564" s="99"/>
      <c r="AM4564" s="99"/>
      <c r="AN4564" s="99"/>
      <c r="AO4564" s="99"/>
      <c r="AP4564" s="99"/>
      <c r="AQ4564" s="99"/>
      <c r="AR4564" s="99"/>
      <c r="AS4564" s="99"/>
      <c r="AT4564" s="99"/>
      <c r="AU4564" s="99"/>
      <c r="AV4564" s="99"/>
      <c r="AW4564" s="99"/>
      <c r="AX4564" s="99"/>
      <c r="AY4564" s="99"/>
      <c r="AZ4564" s="99"/>
      <c r="BA4564" s="99"/>
      <c r="BB4564" s="107">
        <v>45884</v>
      </c>
    </row>
    <row r="4565" spans="1:54" s="238" customFormat="1" ht="13.95" customHeight="1" x14ac:dyDescent="0.25">
      <c r="A4565" s="236" t="s">
        <v>10365</v>
      </c>
      <c r="B4565" s="220" t="s">
        <v>8672</v>
      </c>
      <c r="C4565" s="190" t="s">
        <v>22026</v>
      </c>
      <c r="D4565" s="190" t="s">
        <v>10366</v>
      </c>
      <c r="E4565" s="237">
        <v>1994</v>
      </c>
      <c r="F4565" s="237">
        <v>122800</v>
      </c>
      <c r="G4565" s="190" t="s">
        <v>10</v>
      </c>
      <c r="H4565" s="190">
        <v>1</v>
      </c>
      <c r="I4565" s="190">
        <v>1</v>
      </c>
      <c r="J4565" s="190">
        <v>1</v>
      </c>
      <c r="K4565" s="190">
        <v>0</v>
      </c>
      <c r="L4565" s="190">
        <v>0</v>
      </c>
      <c r="M4565" s="190">
        <v>0</v>
      </c>
      <c r="N4565" s="190">
        <v>0</v>
      </c>
      <c r="O4565" s="190">
        <v>0</v>
      </c>
      <c r="P4565" s="190">
        <v>0</v>
      </c>
      <c r="Q4565" s="190">
        <v>0</v>
      </c>
      <c r="R4565" s="190">
        <v>0</v>
      </c>
      <c r="S4565" s="190">
        <v>0</v>
      </c>
      <c r="T4565" s="190">
        <v>0</v>
      </c>
      <c r="U4565" s="190">
        <v>0</v>
      </c>
      <c r="V4565" s="190">
        <v>0</v>
      </c>
      <c r="W4565" s="190" t="s">
        <v>174</v>
      </c>
      <c r="X4565" s="190" t="s">
        <v>174</v>
      </c>
      <c r="Y4565" s="190">
        <v>0</v>
      </c>
      <c r="Z4565" s="190">
        <v>0</v>
      </c>
      <c r="AA4565" s="190">
        <v>0</v>
      </c>
      <c r="AB4565" s="190">
        <v>0</v>
      </c>
      <c r="AC4565" s="190">
        <v>0</v>
      </c>
      <c r="AD4565" s="190">
        <v>0</v>
      </c>
      <c r="AE4565" s="190">
        <v>0</v>
      </c>
      <c r="AF4565" s="190">
        <v>0</v>
      </c>
      <c r="AG4565" s="190">
        <v>0</v>
      </c>
      <c r="AH4565" s="190">
        <v>0</v>
      </c>
      <c r="AI4565" s="190">
        <v>0</v>
      </c>
      <c r="AJ4565" s="190">
        <v>0</v>
      </c>
      <c r="AK4565" s="190">
        <v>0</v>
      </c>
      <c r="AL4565" s="190">
        <v>0</v>
      </c>
      <c r="AM4565" s="190" t="s">
        <v>174</v>
      </c>
      <c r="AN4565" s="190" t="s">
        <v>174</v>
      </c>
      <c r="AO4565" s="190" t="s">
        <v>174</v>
      </c>
      <c r="AP4565" s="190" t="s">
        <v>174</v>
      </c>
      <c r="AQ4565" s="190" t="s">
        <v>174</v>
      </c>
      <c r="AR4565" s="190" t="s">
        <v>174</v>
      </c>
      <c r="AS4565" s="190" t="s">
        <v>174</v>
      </c>
      <c r="AT4565" s="239" t="s">
        <v>174</v>
      </c>
      <c r="AU4565" s="190">
        <v>1</v>
      </c>
      <c r="AV4565" s="190">
        <v>0</v>
      </c>
      <c r="AW4565" s="190" t="s">
        <v>174</v>
      </c>
      <c r="AX4565" s="190" t="s">
        <v>174</v>
      </c>
      <c r="AY4565" s="190" t="s">
        <v>174</v>
      </c>
      <c r="AZ4565" s="190"/>
      <c r="BA4565" s="190"/>
      <c r="BB4565" s="107">
        <v>45884</v>
      </c>
    </row>
    <row r="4566" spans="1:54" s="238" customFormat="1" ht="13.95" customHeight="1" x14ac:dyDescent="0.25">
      <c r="A4566" s="236" t="s">
        <v>10367</v>
      </c>
      <c r="B4566" s="220" t="s">
        <v>8672</v>
      </c>
      <c r="C4566" s="190" t="s">
        <v>10368</v>
      </c>
      <c r="D4566" s="190" t="s">
        <v>10369</v>
      </c>
      <c r="E4566" s="237">
        <v>1996</v>
      </c>
      <c r="F4566" s="237">
        <v>47200</v>
      </c>
      <c r="G4566" s="190" t="s">
        <v>10</v>
      </c>
      <c r="H4566" s="190">
        <v>1</v>
      </c>
      <c r="I4566" s="190">
        <v>1</v>
      </c>
      <c r="J4566" s="190">
        <v>1</v>
      </c>
      <c r="K4566" s="190">
        <v>0</v>
      </c>
      <c r="L4566" s="190">
        <v>0</v>
      </c>
      <c r="M4566" s="190">
        <v>0</v>
      </c>
      <c r="N4566" s="190">
        <v>0</v>
      </c>
      <c r="O4566" s="190">
        <v>0</v>
      </c>
      <c r="P4566" s="190">
        <v>0</v>
      </c>
      <c r="Q4566" s="190">
        <v>0</v>
      </c>
      <c r="R4566" s="190">
        <v>0</v>
      </c>
      <c r="S4566" s="190">
        <v>0</v>
      </c>
      <c r="T4566" s="190">
        <v>0</v>
      </c>
      <c r="U4566" s="190">
        <v>0</v>
      </c>
      <c r="V4566" s="190">
        <v>0</v>
      </c>
      <c r="W4566" s="190" t="s">
        <v>174</v>
      </c>
      <c r="X4566" s="190" t="s">
        <v>174</v>
      </c>
      <c r="Y4566" s="190">
        <v>0</v>
      </c>
      <c r="Z4566" s="190">
        <v>0</v>
      </c>
      <c r="AA4566" s="190">
        <v>0</v>
      </c>
      <c r="AB4566" s="190">
        <v>0</v>
      </c>
      <c r="AC4566" s="190">
        <v>0</v>
      </c>
      <c r="AD4566" s="190">
        <v>0</v>
      </c>
      <c r="AE4566" s="190">
        <v>0</v>
      </c>
      <c r="AF4566" s="190">
        <v>0</v>
      </c>
      <c r="AG4566" s="190">
        <v>0</v>
      </c>
      <c r="AH4566" s="190">
        <v>0</v>
      </c>
      <c r="AI4566" s="190">
        <v>0</v>
      </c>
      <c r="AJ4566" s="190">
        <v>0</v>
      </c>
      <c r="AK4566" s="190">
        <v>0</v>
      </c>
      <c r="AL4566" s="190">
        <v>0</v>
      </c>
      <c r="AM4566" s="190" t="s">
        <v>174</v>
      </c>
      <c r="AN4566" s="190" t="s">
        <v>174</v>
      </c>
      <c r="AO4566" s="190" t="s">
        <v>174</v>
      </c>
      <c r="AP4566" s="190" t="s">
        <v>174</v>
      </c>
      <c r="AQ4566" s="190" t="s">
        <v>174</v>
      </c>
      <c r="AR4566" s="190" t="s">
        <v>174</v>
      </c>
      <c r="AS4566" s="190" t="s">
        <v>174</v>
      </c>
      <c r="AT4566" s="239" t="s">
        <v>174</v>
      </c>
      <c r="AU4566" s="190">
        <v>1</v>
      </c>
      <c r="AV4566" s="190">
        <v>0</v>
      </c>
      <c r="AW4566" s="190" t="s">
        <v>174</v>
      </c>
      <c r="AX4566" s="190" t="s">
        <v>174</v>
      </c>
      <c r="AY4566" s="190" t="s">
        <v>174</v>
      </c>
      <c r="AZ4566" s="190"/>
      <c r="BA4566" s="190" t="s">
        <v>19747</v>
      </c>
      <c r="BB4566" s="107">
        <v>45884</v>
      </c>
    </row>
    <row r="4567" spans="1:54" s="238" customFormat="1" ht="13.95" customHeight="1" x14ac:dyDescent="0.25">
      <c r="A4567" s="236" t="s">
        <v>10370</v>
      </c>
      <c r="B4567" s="220" t="s">
        <v>8672</v>
      </c>
      <c r="C4567" s="190" t="s">
        <v>10371</v>
      </c>
      <c r="D4567" s="190" t="s">
        <v>19931</v>
      </c>
      <c r="E4567" s="237">
        <v>2006</v>
      </c>
      <c r="F4567" s="237">
        <v>48200</v>
      </c>
      <c r="G4567" s="190" t="s">
        <v>7</v>
      </c>
      <c r="H4567" s="190">
        <v>1</v>
      </c>
      <c r="I4567" s="190">
        <v>1</v>
      </c>
      <c r="J4567" s="190">
        <v>1</v>
      </c>
      <c r="K4567" s="190">
        <v>1</v>
      </c>
      <c r="L4567" s="190">
        <v>0</v>
      </c>
      <c r="M4567" s="190">
        <v>1</v>
      </c>
      <c r="N4567" s="190">
        <v>1</v>
      </c>
      <c r="O4567" s="190">
        <v>0</v>
      </c>
      <c r="P4567" s="190">
        <v>1</v>
      </c>
      <c r="Q4567" s="190">
        <v>0</v>
      </c>
      <c r="R4567" s="190">
        <v>0</v>
      </c>
      <c r="S4567" s="190">
        <v>0</v>
      </c>
      <c r="T4567" s="190">
        <v>0</v>
      </c>
      <c r="U4567" s="190">
        <v>0</v>
      </c>
      <c r="V4567" s="190">
        <v>0</v>
      </c>
      <c r="W4567" s="190" t="s">
        <v>174</v>
      </c>
      <c r="X4567" s="190" t="s">
        <v>174</v>
      </c>
      <c r="Y4567" s="190">
        <v>0</v>
      </c>
      <c r="Z4567" s="190">
        <v>0</v>
      </c>
      <c r="AA4567" s="190">
        <v>0</v>
      </c>
      <c r="AB4567" s="190">
        <v>0</v>
      </c>
      <c r="AC4567" s="190">
        <v>0</v>
      </c>
      <c r="AD4567" s="190">
        <v>0</v>
      </c>
      <c r="AE4567" s="190">
        <v>0</v>
      </c>
      <c r="AF4567" s="190">
        <v>1</v>
      </c>
      <c r="AG4567" s="190">
        <v>0</v>
      </c>
      <c r="AH4567" s="190">
        <v>0</v>
      </c>
      <c r="AI4567" s="190">
        <v>0</v>
      </c>
      <c r="AJ4567" s="190">
        <v>0</v>
      </c>
      <c r="AK4567" s="190">
        <v>0</v>
      </c>
      <c r="AL4567" s="190">
        <v>0</v>
      </c>
      <c r="AM4567" s="190" t="s">
        <v>174</v>
      </c>
      <c r="AN4567" s="190" t="s">
        <v>174</v>
      </c>
      <c r="AO4567" s="190" t="s">
        <v>174</v>
      </c>
      <c r="AP4567" s="190" t="s">
        <v>174</v>
      </c>
      <c r="AQ4567" s="190" t="s">
        <v>174</v>
      </c>
      <c r="AR4567" s="190" t="s">
        <v>174</v>
      </c>
      <c r="AS4567" s="190" t="s">
        <v>174</v>
      </c>
      <c r="AT4567" s="190">
        <v>1</v>
      </c>
      <c r="AU4567" s="190">
        <v>1</v>
      </c>
      <c r="AV4567" s="190">
        <v>0</v>
      </c>
      <c r="AW4567" s="190" t="s">
        <v>174</v>
      </c>
      <c r="AX4567" s="190" t="s">
        <v>174</v>
      </c>
      <c r="AY4567" s="190" t="s">
        <v>174</v>
      </c>
      <c r="AZ4567" s="190"/>
      <c r="BA4567" s="190" t="s">
        <v>22212</v>
      </c>
      <c r="BB4567" s="107">
        <v>45884</v>
      </c>
    </row>
    <row r="4568" spans="1:54" s="238" customFormat="1" ht="13.95" customHeight="1" x14ac:dyDescent="0.25">
      <c r="A4568" s="236" t="s">
        <v>10372</v>
      </c>
      <c r="B4568" s="220" t="s">
        <v>8672</v>
      </c>
      <c r="C4568" s="190" t="s">
        <v>10373</v>
      </c>
      <c r="D4568" s="190" t="s">
        <v>19932</v>
      </c>
      <c r="E4568" s="237">
        <v>1970</v>
      </c>
      <c r="F4568" s="237">
        <v>49000</v>
      </c>
      <c r="G4568" s="190" t="s">
        <v>7</v>
      </c>
      <c r="H4568" s="190">
        <v>1</v>
      </c>
      <c r="I4568" s="190">
        <v>1</v>
      </c>
      <c r="J4568" s="190">
        <v>1</v>
      </c>
      <c r="K4568" s="190">
        <v>1</v>
      </c>
      <c r="L4568" s="190">
        <v>1</v>
      </c>
      <c r="M4568" s="190">
        <v>0</v>
      </c>
      <c r="N4568" s="190">
        <v>0</v>
      </c>
      <c r="O4568" s="190">
        <v>1</v>
      </c>
      <c r="P4568" s="190">
        <v>1</v>
      </c>
      <c r="Q4568" s="190">
        <v>1</v>
      </c>
      <c r="R4568" s="190">
        <v>1</v>
      </c>
      <c r="S4568" s="190">
        <v>0</v>
      </c>
      <c r="T4568" s="190">
        <v>0</v>
      </c>
      <c r="U4568" s="190">
        <v>0</v>
      </c>
      <c r="V4568" s="190">
        <v>0</v>
      </c>
      <c r="W4568" s="190" t="s">
        <v>174</v>
      </c>
      <c r="X4568" s="190" t="s">
        <v>174</v>
      </c>
      <c r="Y4568" s="190">
        <v>0</v>
      </c>
      <c r="Z4568" s="190">
        <v>1</v>
      </c>
      <c r="AA4568" s="190">
        <v>0</v>
      </c>
      <c r="AB4568" s="190">
        <v>1</v>
      </c>
      <c r="AC4568" s="190">
        <v>0</v>
      </c>
      <c r="AD4568" s="190">
        <v>0</v>
      </c>
      <c r="AE4568" s="190">
        <v>0</v>
      </c>
      <c r="AF4568" s="190">
        <v>0</v>
      </c>
      <c r="AG4568" s="190">
        <v>0</v>
      </c>
      <c r="AH4568" s="190">
        <v>0</v>
      </c>
      <c r="AI4568" s="190">
        <v>0</v>
      </c>
      <c r="AJ4568" s="190">
        <v>0</v>
      </c>
      <c r="AK4568" s="190">
        <v>0</v>
      </c>
      <c r="AL4568" s="190">
        <v>0</v>
      </c>
      <c r="AM4568" s="190" t="s">
        <v>174</v>
      </c>
      <c r="AN4568" s="190" t="s">
        <v>174</v>
      </c>
      <c r="AO4568" s="190" t="s">
        <v>174</v>
      </c>
      <c r="AP4568" s="190" t="s">
        <v>174</v>
      </c>
      <c r="AQ4568" s="190" t="s">
        <v>174</v>
      </c>
      <c r="AR4568" s="190" t="s">
        <v>174</v>
      </c>
      <c r="AS4568" s="190" t="s">
        <v>174</v>
      </c>
      <c r="AT4568" s="190">
        <v>1</v>
      </c>
      <c r="AU4568" s="190">
        <v>1</v>
      </c>
      <c r="AV4568" s="190">
        <v>0</v>
      </c>
      <c r="AW4568" s="190" t="s">
        <v>174</v>
      </c>
      <c r="AX4568" s="190" t="s">
        <v>174</v>
      </c>
      <c r="AY4568" s="190" t="s">
        <v>174</v>
      </c>
      <c r="AZ4568" s="190"/>
      <c r="BA4568" s="190" t="s">
        <v>22213</v>
      </c>
      <c r="BB4568" s="107">
        <v>45884</v>
      </c>
    </row>
    <row r="4569" spans="1:54" s="238" customFormat="1" ht="13.95" customHeight="1" x14ac:dyDescent="0.25">
      <c r="A4569" s="236" t="s">
        <v>10375</v>
      </c>
      <c r="B4569" s="220" t="s">
        <v>8672</v>
      </c>
      <c r="C4569" s="190" t="s">
        <v>10376</v>
      </c>
      <c r="D4569" s="190" t="s">
        <v>19933</v>
      </c>
      <c r="E4569" s="237">
        <v>2002</v>
      </c>
      <c r="F4569" s="237">
        <v>64600</v>
      </c>
      <c r="G4569" s="190" t="s">
        <v>11</v>
      </c>
      <c r="H4569" s="190">
        <v>0</v>
      </c>
      <c r="I4569" s="190">
        <v>0</v>
      </c>
      <c r="J4569" s="190">
        <v>0</v>
      </c>
      <c r="K4569" s="190">
        <v>0</v>
      </c>
      <c r="L4569" s="190">
        <v>0</v>
      </c>
      <c r="M4569" s="190">
        <v>0</v>
      </c>
      <c r="N4569" s="190">
        <v>1</v>
      </c>
      <c r="O4569" s="190">
        <v>0</v>
      </c>
      <c r="P4569" s="190">
        <v>0</v>
      </c>
      <c r="Q4569" s="190">
        <v>0</v>
      </c>
      <c r="R4569" s="190">
        <v>0</v>
      </c>
      <c r="S4569" s="190">
        <v>0</v>
      </c>
      <c r="T4569" s="190">
        <v>0</v>
      </c>
      <c r="U4569" s="190">
        <v>0</v>
      </c>
      <c r="V4569" s="190">
        <v>0</v>
      </c>
      <c r="W4569" s="190" t="s">
        <v>174</v>
      </c>
      <c r="X4569" s="190" t="s">
        <v>174</v>
      </c>
      <c r="Y4569" s="190">
        <v>0</v>
      </c>
      <c r="Z4569" s="190">
        <v>0</v>
      </c>
      <c r="AA4569" s="190">
        <v>0</v>
      </c>
      <c r="AB4569" s="190">
        <v>0</v>
      </c>
      <c r="AC4569" s="190">
        <v>0</v>
      </c>
      <c r="AD4569" s="190">
        <v>0</v>
      </c>
      <c r="AE4569" s="190">
        <v>0</v>
      </c>
      <c r="AF4569" s="190">
        <v>0</v>
      </c>
      <c r="AG4569" s="190">
        <v>0</v>
      </c>
      <c r="AH4569" s="190">
        <v>0</v>
      </c>
      <c r="AI4569" s="190">
        <v>0</v>
      </c>
      <c r="AJ4569" s="190">
        <v>0</v>
      </c>
      <c r="AK4569" s="190">
        <v>0</v>
      </c>
      <c r="AL4569" s="190">
        <v>0</v>
      </c>
      <c r="AM4569" s="190" t="s">
        <v>174</v>
      </c>
      <c r="AN4569" s="190" t="s">
        <v>174</v>
      </c>
      <c r="AO4569" s="190" t="s">
        <v>174</v>
      </c>
      <c r="AP4569" s="190" t="s">
        <v>174</v>
      </c>
      <c r="AQ4569" s="190" t="s">
        <v>174</v>
      </c>
      <c r="AR4569" s="190" t="s">
        <v>174</v>
      </c>
      <c r="AS4569" s="190" t="s">
        <v>174</v>
      </c>
      <c r="AT4569" s="239" t="s">
        <v>174</v>
      </c>
      <c r="AU4569" s="190">
        <v>0</v>
      </c>
      <c r="AV4569" s="190">
        <v>0</v>
      </c>
      <c r="AW4569" s="190" t="s">
        <v>174</v>
      </c>
      <c r="AX4569" s="190" t="s">
        <v>174</v>
      </c>
      <c r="AY4569" s="190" t="s">
        <v>174</v>
      </c>
      <c r="AZ4569" s="190"/>
      <c r="BA4569" s="190" t="s">
        <v>14803</v>
      </c>
      <c r="BB4569" s="107">
        <v>45884</v>
      </c>
    </row>
    <row r="4570" spans="1:54" s="238" customFormat="1" ht="13.95" customHeight="1" x14ac:dyDescent="0.25">
      <c r="A4570" s="236" t="s">
        <v>19748</v>
      </c>
      <c r="B4570" s="220" t="s">
        <v>8672</v>
      </c>
      <c r="C4570" s="239" t="s">
        <v>10377</v>
      </c>
      <c r="D4570" s="190" t="s">
        <v>10378</v>
      </c>
      <c r="E4570" s="237">
        <v>1989</v>
      </c>
      <c r="F4570" s="237">
        <v>65800</v>
      </c>
      <c r="G4570" s="190" t="s">
        <v>8</v>
      </c>
      <c r="H4570" s="190">
        <v>1</v>
      </c>
      <c r="I4570" s="190">
        <v>0</v>
      </c>
      <c r="J4570" s="190">
        <v>1</v>
      </c>
      <c r="K4570" s="190">
        <v>0</v>
      </c>
      <c r="L4570" s="190">
        <v>0</v>
      </c>
      <c r="M4570" s="190">
        <v>0</v>
      </c>
      <c r="N4570" s="190">
        <v>0</v>
      </c>
      <c r="O4570" s="190">
        <v>0</v>
      </c>
      <c r="P4570" s="190">
        <v>0</v>
      </c>
      <c r="Q4570" s="190">
        <v>0</v>
      </c>
      <c r="R4570" s="190">
        <v>0</v>
      </c>
      <c r="S4570" s="190">
        <v>0</v>
      </c>
      <c r="T4570" s="190">
        <v>0</v>
      </c>
      <c r="U4570" s="190">
        <v>0</v>
      </c>
      <c r="V4570" s="190">
        <v>0</v>
      </c>
      <c r="W4570" s="190" t="s">
        <v>174</v>
      </c>
      <c r="X4570" s="190" t="s">
        <v>174</v>
      </c>
      <c r="Y4570" s="190">
        <v>0</v>
      </c>
      <c r="Z4570" s="190">
        <v>0</v>
      </c>
      <c r="AA4570" s="190">
        <v>0</v>
      </c>
      <c r="AB4570" s="190">
        <v>0</v>
      </c>
      <c r="AC4570" s="190">
        <v>0</v>
      </c>
      <c r="AD4570" s="190">
        <v>0</v>
      </c>
      <c r="AE4570" s="190">
        <v>0</v>
      </c>
      <c r="AF4570" s="190">
        <v>0</v>
      </c>
      <c r="AG4570" s="190">
        <v>0</v>
      </c>
      <c r="AH4570" s="190">
        <v>0</v>
      </c>
      <c r="AI4570" s="190">
        <v>0</v>
      </c>
      <c r="AJ4570" s="190">
        <v>0</v>
      </c>
      <c r="AK4570" s="190">
        <v>0</v>
      </c>
      <c r="AL4570" s="190">
        <v>0</v>
      </c>
      <c r="AM4570" s="190" t="s">
        <v>174</v>
      </c>
      <c r="AN4570" s="190" t="s">
        <v>174</v>
      </c>
      <c r="AO4570" s="190" t="s">
        <v>174</v>
      </c>
      <c r="AP4570" s="190" t="s">
        <v>174</v>
      </c>
      <c r="AQ4570" s="190" t="s">
        <v>174</v>
      </c>
      <c r="AR4570" s="190" t="s">
        <v>174</v>
      </c>
      <c r="AS4570" s="190" t="s">
        <v>174</v>
      </c>
      <c r="AT4570" s="239" t="s">
        <v>174</v>
      </c>
      <c r="AU4570" s="190">
        <v>0</v>
      </c>
      <c r="AV4570" s="190">
        <v>0</v>
      </c>
      <c r="AW4570" s="190" t="s">
        <v>174</v>
      </c>
      <c r="AX4570" s="190" t="s">
        <v>174</v>
      </c>
      <c r="AY4570" s="190" t="s">
        <v>174</v>
      </c>
      <c r="AZ4570" s="190"/>
      <c r="BA4570" s="190"/>
      <c r="BB4570" s="107">
        <v>45884</v>
      </c>
    </row>
    <row r="4571" spans="1:54" s="238" customFormat="1" ht="13.95" customHeight="1" x14ac:dyDescent="0.25">
      <c r="A4571" s="236" t="s">
        <v>10379</v>
      </c>
      <c r="B4571" s="220" t="s">
        <v>8672</v>
      </c>
      <c r="C4571" s="190" t="s">
        <v>10380</v>
      </c>
      <c r="D4571" s="190" t="s">
        <v>10381</v>
      </c>
      <c r="E4571" s="237">
        <v>1997</v>
      </c>
      <c r="F4571" s="237">
        <v>64700</v>
      </c>
      <c r="G4571" s="190" t="s">
        <v>10</v>
      </c>
      <c r="H4571" s="190">
        <v>1</v>
      </c>
      <c r="I4571" s="190">
        <v>0</v>
      </c>
      <c r="J4571" s="190">
        <v>1</v>
      </c>
      <c r="K4571" s="190">
        <v>0</v>
      </c>
      <c r="L4571" s="190">
        <v>0</v>
      </c>
      <c r="M4571" s="190">
        <v>0</v>
      </c>
      <c r="N4571" s="190">
        <v>0</v>
      </c>
      <c r="O4571" s="190">
        <v>0</v>
      </c>
      <c r="P4571" s="190">
        <v>0</v>
      </c>
      <c r="Q4571" s="190">
        <v>0</v>
      </c>
      <c r="R4571" s="190">
        <v>0</v>
      </c>
      <c r="S4571" s="190">
        <v>0</v>
      </c>
      <c r="T4571" s="190">
        <v>0</v>
      </c>
      <c r="U4571" s="190">
        <v>0</v>
      </c>
      <c r="V4571" s="190">
        <v>0</v>
      </c>
      <c r="W4571" s="190" t="s">
        <v>174</v>
      </c>
      <c r="X4571" s="190" t="s">
        <v>174</v>
      </c>
      <c r="Y4571" s="190">
        <v>0</v>
      </c>
      <c r="Z4571" s="190">
        <v>0</v>
      </c>
      <c r="AA4571" s="190">
        <v>0</v>
      </c>
      <c r="AB4571" s="190">
        <v>0</v>
      </c>
      <c r="AC4571" s="190">
        <v>0</v>
      </c>
      <c r="AD4571" s="190">
        <v>0</v>
      </c>
      <c r="AE4571" s="190">
        <v>0</v>
      </c>
      <c r="AF4571" s="190">
        <v>0</v>
      </c>
      <c r="AG4571" s="190">
        <v>0</v>
      </c>
      <c r="AH4571" s="190">
        <v>0</v>
      </c>
      <c r="AI4571" s="190">
        <v>0</v>
      </c>
      <c r="AJ4571" s="190">
        <v>0</v>
      </c>
      <c r="AK4571" s="190">
        <v>0</v>
      </c>
      <c r="AL4571" s="190">
        <v>0</v>
      </c>
      <c r="AM4571" s="190" t="s">
        <v>174</v>
      </c>
      <c r="AN4571" s="190" t="s">
        <v>174</v>
      </c>
      <c r="AO4571" s="190" t="s">
        <v>174</v>
      </c>
      <c r="AP4571" s="190" t="s">
        <v>174</v>
      </c>
      <c r="AQ4571" s="190" t="s">
        <v>174</v>
      </c>
      <c r="AR4571" s="190" t="s">
        <v>174</v>
      </c>
      <c r="AS4571" s="190" t="s">
        <v>174</v>
      </c>
      <c r="AT4571" s="239" t="s">
        <v>174</v>
      </c>
      <c r="AU4571" s="190">
        <v>0</v>
      </c>
      <c r="AV4571" s="190">
        <v>0</v>
      </c>
      <c r="AW4571" s="190" t="s">
        <v>174</v>
      </c>
      <c r="AX4571" s="190" t="s">
        <v>174</v>
      </c>
      <c r="AY4571" s="190" t="s">
        <v>174</v>
      </c>
      <c r="AZ4571" s="190"/>
      <c r="BA4571" s="190" t="s">
        <v>19749</v>
      </c>
      <c r="BB4571" s="107">
        <v>45884</v>
      </c>
    </row>
    <row r="4572" spans="1:54" s="238" customFormat="1" ht="13.95" customHeight="1" x14ac:dyDescent="0.25">
      <c r="A4572" s="236" t="s">
        <v>10382</v>
      </c>
      <c r="B4572" s="220" t="s">
        <v>8672</v>
      </c>
      <c r="C4572" s="190" t="s">
        <v>10383</v>
      </c>
      <c r="D4572" s="190" t="s">
        <v>10384</v>
      </c>
      <c r="E4572" s="237">
        <v>1984</v>
      </c>
      <c r="F4572" s="237">
        <v>77100</v>
      </c>
      <c r="G4572" s="190" t="s">
        <v>10</v>
      </c>
      <c r="H4572" s="190">
        <v>1</v>
      </c>
      <c r="I4572" s="190">
        <v>1</v>
      </c>
      <c r="J4572" s="190">
        <v>1</v>
      </c>
      <c r="K4572" s="190">
        <v>0</v>
      </c>
      <c r="L4572" s="190">
        <v>0</v>
      </c>
      <c r="M4572" s="190">
        <v>1</v>
      </c>
      <c r="N4572" s="190">
        <v>0</v>
      </c>
      <c r="O4572" s="190">
        <v>0</v>
      </c>
      <c r="P4572" s="190">
        <v>0</v>
      </c>
      <c r="Q4572" s="190">
        <v>0</v>
      </c>
      <c r="R4572" s="190">
        <v>0</v>
      </c>
      <c r="S4572" s="190">
        <v>0</v>
      </c>
      <c r="T4572" s="190">
        <v>0</v>
      </c>
      <c r="U4572" s="190">
        <v>0</v>
      </c>
      <c r="V4572" s="190">
        <v>0</v>
      </c>
      <c r="W4572" s="190" t="s">
        <v>174</v>
      </c>
      <c r="X4572" s="190" t="s">
        <v>174</v>
      </c>
      <c r="Y4572" s="190">
        <v>0</v>
      </c>
      <c r="Z4572" s="190">
        <v>0</v>
      </c>
      <c r="AA4572" s="190">
        <v>0</v>
      </c>
      <c r="AB4572" s="190">
        <v>0</v>
      </c>
      <c r="AC4572" s="190">
        <v>0</v>
      </c>
      <c r="AD4572" s="190">
        <v>0</v>
      </c>
      <c r="AE4572" s="190">
        <v>0</v>
      </c>
      <c r="AF4572" s="190">
        <v>0</v>
      </c>
      <c r="AG4572" s="190">
        <v>0</v>
      </c>
      <c r="AH4572" s="190">
        <v>0</v>
      </c>
      <c r="AI4572" s="190">
        <v>0</v>
      </c>
      <c r="AJ4572" s="190">
        <v>0</v>
      </c>
      <c r="AK4572" s="190">
        <v>0</v>
      </c>
      <c r="AL4572" s="190">
        <v>0</v>
      </c>
      <c r="AM4572" s="190" t="s">
        <v>174</v>
      </c>
      <c r="AN4572" s="190" t="s">
        <v>174</v>
      </c>
      <c r="AO4572" s="190" t="s">
        <v>174</v>
      </c>
      <c r="AP4572" s="190" t="s">
        <v>174</v>
      </c>
      <c r="AQ4572" s="190" t="s">
        <v>174</v>
      </c>
      <c r="AR4572" s="190" t="s">
        <v>174</v>
      </c>
      <c r="AS4572" s="190" t="s">
        <v>174</v>
      </c>
      <c r="AT4572" s="239" t="s">
        <v>174</v>
      </c>
      <c r="AU4572" s="190">
        <v>0</v>
      </c>
      <c r="AV4572" s="190">
        <v>0</v>
      </c>
      <c r="AW4572" s="190" t="s">
        <v>174</v>
      </c>
      <c r="AX4572" s="190" t="s">
        <v>174</v>
      </c>
      <c r="AY4572" s="190" t="s">
        <v>174</v>
      </c>
      <c r="AZ4572" s="190"/>
      <c r="BA4572" s="190" t="s">
        <v>22214</v>
      </c>
      <c r="BB4572" s="107">
        <v>45884</v>
      </c>
    </row>
    <row r="4573" spans="1:54" s="238" customFormat="1" ht="13.95" customHeight="1" x14ac:dyDescent="0.25">
      <c r="A4573" s="236" t="s">
        <v>10385</v>
      </c>
      <c r="B4573" s="220" t="s">
        <v>8672</v>
      </c>
      <c r="C4573" s="190" t="s">
        <v>10386</v>
      </c>
      <c r="D4573" s="190" t="s">
        <v>10387</v>
      </c>
      <c r="E4573" s="237">
        <v>1997</v>
      </c>
      <c r="F4573" s="237">
        <v>97200</v>
      </c>
      <c r="G4573" s="190" t="s">
        <v>6</v>
      </c>
      <c r="H4573" s="190">
        <v>1</v>
      </c>
      <c r="I4573" s="190">
        <v>1</v>
      </c>
      <c r="J4573" s="190">
        <v>1</v>
      </c>
      <c r="K4573" s="190">
        <v>1</v>
      </c>
      <c r="L4573" s="190">
        <v>0</v>
      </c>
      <c r="M4573" s="190">
        <v>1</v>
      </c>
      <c r="N4573" s="190">
        <v>0</v>
      </c>
      <c r="O4573" s="190">
        <v>1</v>
      </c>
      <c r="P4573" s="190">
        <v>0</v>
      </c>
      <c r="Q4573" s="190">
        <v>0</v>
      </c>
      <c r="R4573" s="190">
        <v>0</v>
      </c>
      <c r="S4573" s="190">
        <v>0</v>
      </c>
      <c r="T4573" s="190">
        <v>0</v>
      </c>
      <c r="U4573" s="190">
        <v>0</v>
      </c>
      <c r="V4573" s="190">
        <v>0</v>
      </c>
      <c r="W4573" s="190" t="s">
        <v>174</v>
      </c>
      <c r="X4573" s="190" t="s">
        <v>174</v>
      </c>
      <c r="Y4573" s="190">
        <v>0</v>
      </c>
      <c r="Z4573" s="190">
        <v>1</v>
      </c>
      <c r="AA4573" s="190">
        <v>0</v>
      </c>
      <c r="AB4573" s="190">
        <v>1</v>
      </c>
      <c r="AC4573" s="190">
        <v>0</v>
      </c>
      <c r="AD4573" s="190">
        <v>0</v>
      </c>
      <c r="AE4573" s="190">
        <v>0</v>
      </c>
      <c r="AF4573" s="190">
        <v>0</v>
      </c>
      <c r="AG4573" s="190">
        <v>0</v>
      </c>
      <c r="AH4573" s="190">
        <v>0</v>
      </c>
      <c r="AI4573" s="190">
        <v>0</v>
      </c>
      <c r="AJ4573" s="190">
        <v>0</v>
      </c>
      <c r="AK4573" s="190">
        <v>0</v>
      </c>
      <c r="AL4573" s="190">
        <v>0</v>
      </c>
      <c r="AM4573" s="190" t="s">
        <v>174</v>
      </c>
      <c r="AN4573" s="190" t="s">
        <v>174</v>
      </c>
      <c r="AO4573" s="190" t="s">
        <v>174</v>
      </c>
      <c r="AP4573" s="190" t="s">
        <v>174</v>
      </c>
      <c r="AQ4573" s="190" t="s">
        <v>174</v>
      </c>
      <c r="AR4573" s="190" t="s">
        <v>174</v>
      </c>
      <c r="AS4573" s="190" t="s">
        <v>174</v>
      </c>
      <c r="AT4573" s="239" t="s">
        <v>174</v>
      </c>
      <c r="AU4573" s="190">
        <v>1</v>
      </c>
      <c r="AV4573" s="190">
        <v>0</v>
      </c>
      <c r="AW4573" s="190" t="s">
        <v>174</v>
      </c>
      <c r="AX4573" s="190" t="s">
        <v>174</v>
      </c>
      <c r="AY4573" s="190" t="s">
        <v>174</v>
      </c>
      <c r="AZ4573" s="190"/>
      <c r="BA4573" s="190" t="s">
        <v>22215</v>
      </c>
      <c r="BB4573" s="107">
        <v>45884</v>
      </c>
    </row>
    <row r="4574" spans="1:54" s="238" customFormat="1" ht="13.95" customHeight="1" x14ac:dyDescent="0.25">
      <c r="A4574" s="236" t="s">
        <v>10388</v>
      </c>
      <c r="B4574" s="220" t="s">
        <v>8672</v>
      </c>
      <c r="C4574" s="190" t="s">
        <v>10389</v>
      </c>
      <c r="D4574" s="190" t="s">
        <v>10390</v>
      </c>
      <c r="E4574" s="237">
        <v>1991</v>
      </c>
      <c r="F4574" s="237">
        <v>105000</v>
      </c>
      <c r="G4574" s="190" t="s">
        <v>6</v>
      </c>
      <c r="H4574" s="190">
        <v>1</v>
      </c>
      <c r="I4574" s="190">
        <v>1</v>
      </c>
      <c r="J4574" s="190">
        <v>1</v>
      </c>
      <c r="K4574" s="190">
        <v>0</v>
      </c>
      <c r="L4574" s="190">
        <v>0</v>
      </c>
      <c r="M4574" s="190">
        <v>1</v>
      </c>
      <c r="N4574" s="190">
        <v>0</v>
      </c>
      <c r="O4574" s="190">
        <v>1</v>
      </c>
      <c r="P4574" s="190">
        <v>1</v>
      </c>
      <c r="Q4574" s="190">
        <v>1</v>
      </c>
      <c r="R4574" s="190">
        <v>0</v>
      </c>
      <c r="S4574" s="190">
        <v>0</v>
      </c>
      <c r="T4574" s="190">
        <v>0</v>
      </c>
      <c r="U4574" s="190">
        <v>0</v>
      </c>
      <c r="V4574" s="190">
        <v>0</v>
      </c>
      <c r="W4574" s="190" t="s">
        <v>174</v>
      </c>
      <c r="X4574" s="190" t="s">
        <v>174</v>
      </c>
      <c r="Y4574" s="190">
        <v>0</v>
      </c>
      <c r="Z4574" s="190">
        <v>0</v>
      </c>
      <c r="AA4574" s="190">
        <v>0</v>
      </c>
      <c r="AB4574" s="190">
        <v>0</v>
      </c>
      <c r="AC4574" s="190">
        <v>0</v>
      </c>
      <c r="AD4574" s="190">
        <v>0</v>
      </c>
      <c r="AE4574" s="190">
        <v>0</v>
      </c>
      <c r="AF4574" s="190">
        <v>0</v>
      </c>
      <c r="AG4574" s="190">
        <v>1</v>
      </c>
      <c r="AH4574" s="190">
        <v>0</v>
      </c>
      <c r="AI4574" s="190">
        <v>0</v>
      </c>
      <c r="AJ4574" s="190">
        <v>0</v>
      </c>
      <c r="AK4574" s="190">
        <v>0</v>
      </c>
      <c r="AL4574" s="190">
        <v>0</v>
      </c>
      <c r="AM4574" s="190" t="s">
        <v>174</v>
      </c>
      <c r="AN4574" s="190" t="s">
        <v>174</v>
      </c>
      <c r="AO4574" s="190" t="s">
        <v>174</v>
      </c>
      <c r="AP4574" s="190" t="s">
        <v>174</v>
      </c>
      <c r="AQ4574" s="190" t="s">
        <v>174</v>
      </c>
      <c r="AR4574" s="190" t="s">
        <v>174</v>
      </c>
      <c r="AS4574" s="190" t="s">
        <v>174</v>
      </c>
      <c r="AT4574" s="190">
        <v>1</v>
      </c>
      <c r="AU4574" s="190">
        <v>1</v>
      </c>
      <c r="AV4574" s="190">
        <v>0</v>
      </c>
      <c r="AW4574" s="190" t="s">
        <v>174</v>
      </c>
      <c r="AX4574" s="190" t="s">
        <v>174</v>
      </c>
      <c r="AY4574" s="190" t="s">
        <v>174</v>
      </c>
      <c r="AZ4574" s="190"/>
      <c r="BA4574" s="190" t="s">
        <v>19750</v>
      </c>
      <c r="BB4574" s="107">
        <v>45884</v>
      </c>
    </row>
    <row r="4575" spans="1:54" s="238" customFormat="1" ht="13.95" customHeight="1" x14ac:dyDescent="0.25">
      <c r="A4575" s="236" t="s">
        <v>10391</v>
      </c>
      <c r="B4575" s="220" t="s">
        <v>8672</v>
      </c>
      <c r="C4575" s="190" t="s">
        <v>10392</v>
      </c>
      <c r="D4575" s="190" t="s">
        <v>19934</v>
      </c>
      <c r="E4575" s="237">
        <v>1970</v>
      </c>
      <c r="F4575" s="237">
        <v>135000</v>
      </c>
      <c r="G4575" s="190" t="s">
        <v>0</v>
      </c>
      <c r="H4575" s="190">
        <v>1</v>
      </c>
      <c r="I4575" s="190">
        <v>1</v>
      </c>
      <c r="J4575" s="190">
        <v>1</v>
      </c>
      <c r="K4575" s="190">
        <v>1</v>
      </c>
      <c r="L4575" s="190">
        <v>0</v>
      </c>
      <c r="M4575" s="190">
        <v>1</v>
      </c>
      <c r="N4575" s="190">
        <v>0</v>
      </c>
      <c r="O4575" s="190">
        <v>1</v>
      </c>
      <c r="P4575" s="190">
        <v>1</v>
      </c>
      <c r="Q4575" s="190">
        <v>0</v>
      </c>
      <c r="R4575" s="190">
        <v>0</v>
      </c>
      <c r="S4575" s="190">
        <v>0</v>
      </c>
      <c r="T4575" s="190">
        <v>0</v>
      </c>
      <c r="U4575" s="190">
        <v>0</v>
      </c>
      <c r="V4575" s="190">
        <v>0</v>
      </c>
      <c r="W4575" s="190" t="s">
        <v>174</v>
      </c>
      <c r="X4575" s="190" t="s">
        <v>174</v>
      </c>
      <c r="Y4575" s="190">
        <v>1</v>
      </c>
      <c r="Z4575" s="190">
        <v>1</v>
      </c>
      <c r="AA4575" s="190">
        <v>0</v>
      </c>
      <c r="AB4575" s="190">
        <v>1</v>
      </c>
      <c r="AC4575" s="190">
        <v>0</v>
      </c>
      <c r="AD4575" s="190">
        <v>0</v>
      </c>
      <c r="AE4575" s="190">
        <v>0</v>
      </c>
      <c r="AF4575" s="190">
        <v>1</v>
      </c>
      <c r="AG4575" s="190">
        <v>0</v>
      </c>
      <c r="AH4575" s="190">
        <v>0</v>
      </c>
      <c r="AI4575" s="190">
        <v>0</v>
      </c>
      <c r="AJ4575" s="190">
        <v>0</v>
      </c>
      <c r="AK4575" s="190">
        <v>0</v>
      </c>
      <c r="AL4575" s="190">
        <v>0</v>
      </c>
      <c r="AM4575" s="190" t="s">
        <v>174</v>
      </c>
      <c r="AN4575" s="190" t="s">
        <v>174</v>
      </c>
      <c r="AO4575" s="190" t="s">
        <v>174</v>
      </c>
      <c r="AP4575" s="190" t="s">
        <v>174</v>
      </c>
      <c r="AQ4575" s="190" t="s">
        <v>174</v>
      </c>
      <c r="AR4575" s="190" t="s">
        <v>174</v>
      </c>
      <c r="AS4575" s="190" t="s">
        <v>174</v>
      </c>
      <c r="AT4575" s="190">
        <v>1</v>
      </c>
      <c r="AU4575" s="190">
        <v>1</v>
      </c>
      <c r="AV4575" s="190">
        <v>0</v>
      </c>
      <c r="AW4575" s="190" t="s">
        <v>174</v>
      </c>
      <c r="AX4575" s="190" t="s">
        <v>174</v>
      </c>
      <c r="AY4575" s="190" t="s">
        <v>174</v>
      </c>
      <c r="AZ4575" s="190"/>
      <c r="BA4575" s="190" t="s">
        <v>19751</v>
      </c>
      <c r="BB4575" s="107">
        <v>45884</v>
      </c>
    </row>
    <row r="4576" spans="1:54" s="238" customFormat="1" ht="13.95" customHeight="1" x14ac:dyDescent="0.25">
      <c r="A4576" s="236" t="s">
        <v>10393</v>
      </c>
      <c r="B4576" s="220" t="s">
        <v>8672</v>
      </c>
      <c r="C4576" s="190" t="s">
        <v>10394</v>
      </c>
      <c r="D4576" s="190" t="s">
        <v>10395</v>
      </c>
      <c r="E4576" s="237">
        <v>1987</v>
      </c>
      <c r="F4576" s="237">
        <v>157000</v>
      </c>
      <c r="G4576" s="190" t="s">
        <v>0</v>
      </c>
      <c r="H4576" s="190">
        <v>1</v>
      </c>
      <c r="I4576" s="190">
        <v>1</v>
      </c>
      <c r="J4576" s="190">
        <v>1</v>
      </c>
      <c r="K4576" s="190">
        <v>1</v>
      </c>
      <c r="L4576" s="190">
        <v>0</v>
      </c>
      <c r="M4576" s="190">
        <v>1</v>
      </c>
      <c r="N4576" s="190">
        <v>0</v>
      </c>
      <c r="O4576" s="190">
        <v>1</v>
      </c>
      <c r="P4576" s="190">
        <v>1</v>
      </c>
      <c r="Q4576" s="190">
        <v>0</v>
      </c>
      <c r="R4576" s="190">
        <v>0</v>
      </c>
      <c r="S4576" s="190">
        <v>0</v>
      </c>
      <c r="T4576" s="190">
        <v>0</v>
      </c>
      <c r="U4576" s="190">
        <v>0</v>
      </c>
      <c r="V4576" s="190">
        <v>0</v>
      </c>
      <c r="W4576" s="190" t="s">
        <v>174</v>
      </c>
      <c r="X4576" s="190" t="s">
        <v>174</v>
      </c>
      <c r="Y4576" s="190">
        <v>1</v>
      </c>
      <c r="Z4576" s="190">
        <v>1</v>
      </c>
      <c r="AA4576" s="190">
        <v>0</v>
      </c>
      <c r="AB4576" s="190">
        <v>1</v>
      </c>
      <c r="AC4576" s="190">
        <v>0</v>
      </c>
      <c r="AD4576" s="190">
        <v>0</v>
      </c>
      <c r="AE4576" s="190">
        <v>0</v>
      </c>
      <c r="AF4576" s="190">
        <v>1</v>
      </c>
      <c r="AG4576" s="190">
        <v>0</v>
      </c>
      <c r="AH4576" s="190">
        <v>0</v>
      </c>
      <c r="AI4576" s="190">
        <v>0</v>
      </c>
      <c r="AJ4576" s="190">
        <v>0</v>
      </c>
      <c r="AK4576" s="190">
        <v>0</v>
      </c>
      <c r="AL4576" s="190">
        <v>0</v>
      </c>
      <c r="AM4576" s="190" t="s">
        <v>174</v>
      </c>
      <c r="AN4576" s="190" t="s">
        <v>174</v>
      </c>
      <c r="AO4576" s="190" t="s">
        <v>174</v>
      </c>
      <c r="AP4576" s="190" t="s">
        <v>174</v>
      </c>
      <c r="AQ4576" s="190" t="s">
        <v>174</v>
      </c>
      <c r="AR4576" s="190" t="s">
        <v>174</v>
      </c>
      <c r="AS4576" s="190" t="s">
        <v>174</v>
      </c>
      <c r="AT4576" s="190">
        <v>1</v>
      </c>
      <c r="AU4576" s="190">
        <v>1</v>
      </c>
      <c r="AV4576" s="190">
        <v>0</v>
      </c>
      <c r="AW4576" s="190" t="s">
        <v>174</v>
      </c>
      <c r="AX4576" s="190" t="s">
        <v>174</v>
      </c>
      <c r="AY4576" s="190" t="s">
        <v>174</v>
      </c>
      <c r="AZ4576" s="190"/>
      <c r="BA4576" s="190" t="s">
        <v>22216</v>
      </c>
      <c r="BB4576" s="107">
        <v>45884</v>
      </c>
    </row>
    <row r="4577" spans="1:54" s="238" customFormat="1" ht="13.95" customHeight="1" x14ac:dyDescent="0.25">
      <c r="A4577" s="236" t="s">
        <v>10396</v>
      </c>
      <c r="B4577" s="220" t="s">
        <v>8672</v>
      </c>
      <c r="C4577" s="190" t="s">
        <v>10397</v>
      </c>
      <c r="D4577" s="190" t="s">
        <v>10398</v>
      </c>
      <c r="E4577" s="237">
        <v>1985</v>
      </c>
      <c r="F4577" s="237">
        <v>246900</v>
      </c>
      <c r="G4577" s="190" t="s">
        <v>6</v>
      </c>
      <c r="H4577" s="190">
        <v>1</v>
      </c>
      <c r="I4577" s="190">
        <v>1</v>
      </c>
      <c r="J4577" s="190">
        <v>1</v>
      </c>
      <c r="K4577" s="190">
        <v>0</v>
      </c>
      <c r="L4577" s="190">
        <v>1</v>
      </c>
      <c r="M4577" s="190">
        <v>1</v>
      </c>
      <c r="N4577" s="190">
        <v>0</v>
      </c>
      <c r="O4577" s="190">
        <v>1</v>
      </c>
      <c r="P4577" s="190">
        <v>1</v>
      </c>
      <c r="Q4577" s="190">
        <v>1</v>
      </c>
      <c r="R4577" s="190">
        <v>0</v>
      </c>
      <c r="S4577" s="190">
        <v>0</v>
      </c>
      <c r="T4577" s="190">
        <v>0</v>
      </c>
      <c r="U4577" s="190">
        <v>0</v>
      </c>
      <c r="V4577" s="190">
        <v>0</v>
      </c>
      <c r="W4577" s="190" t="s">
        <v>174</v>
      </c>
      <c r="X4577" s="190" t="s">
        <v>174</v>
      </c>
      <c r="Y4577" s="190">
        <v>1</v>
      </c>
      <c r="Z4577" s="190">
        <v>0</v>
      </c>
      <c r="AA4577" s="190">
        <v>0</v>
      </c>
      <c r="AB4577" s="190">
        <v>0</v>
      </c>
      <c r="AC4577" s="190">
        <v>0</v>
      </c>
      <c r="AD4577" s="190">
        <v>0</v>
      </c>
      <c r="AE4577" s="190">
        <v>0</v>
      </c>
      <c r="AF4577" s="190">
        <v>0</v>
      </c>
      <c r="AG4577" s="190">
        <v>0</v>
      </c>
      <c r="AH4577" s="190">
        <v>1</v>
      </c>
      <c r="AI4577" s="190">
        <v>1</v>
      </c>
      <c r="AJ4577" s="190">
        <v>0</v>
      </c>
      <c r="AK4577" s="190">
        <v>0</v>
      </c>
      <c r="AL4577" s="190">
        <v>1</v>
      </c>
      <c r="AM4577" s="190" t="s">
        <v>174</v>
      </c>
      <c r="AN4577" s="190" t="s">
        <v>174</v>
      </c>
      <c r="AO4577" s="190" t="s">
        <v>174</v>
      </c>
      <c r="AP4577" s="190" t="s">
        <v>174</v>
      </c>
      <c r="AQ4577" s="190" t="s">
        <v>174</v>
      </c>
      <c r="AR4577" s="190" t="s">
        <v>174</v>
      </c>
      <c r="AS4577" s="190" t="s">
        <v>174</v>
      </c>
      <c r="AT4577" s="239" t="s">
        <v>174</v>
      </c>
      <c r="AU4577" s="190">
        <v>1</v>
      </c>
      <c r="AV4577" s="190">
        <v>0</v>
      </c>
      <c r="AW4577" s="190" t="s">
        <v>174</v>
      </c>
      <c r="AX4577" s="190" t="s">
        <v>174</v>
      </c>
      <c r="AY4577" s="190" t="s">
        <v>174</v>
      </c>
      <c r="AZ4577" s="190"/>
      <c r="BA4577" s="190" t="s">
        <v>22217</v>
      </c>
      <c r="BB4577" s="107">
        <v>45884</v>
      </c>
    </row>
    <row r="4578" spans="1:54" s="238" customFormat="1" ht="13.95" customHeight="1" x14ac:dyDescent="0.25">
      <c r="A4578" s="236" t="s">
        <v>19752</v>
      </c>
      <c r="B4578" s="220" t="s">
        <v>10362</v>
      </c>
      <c r="C4578" s="190" t="s">
        <v>10399</v>
      </c>
      <c r="D4578" s="190" t="s">
        <v>10400</v>
      </c>
      <c r="E4578" s="237">
        <v>2015</v>
      </c>
      <c r="F4578" s="237">
        <v>100</v>
      </c>
      <c r="G4578" s="190" t="s">
        <v>1</v>
      </c>
      <c r="H4578" s="190">
        <v>0</v>
      </c>
      <c r="I4578" s="190">
        <v>0</v>
      </c>
      <c r="J4578" s="190">
        <v>0</v>
      </c>
      <c r="K4578" s="190">
        <v>0</v>
      </c>
      <c r="L4578" s="190">
        <v>1</v>
      </c>
      <c r="M4578" s="190">
        <v>0</v>
      </c>
      <c r="N4578" s="190">
        <v>0</v>
      </c>
      <c r="O4578" s="190">
        <v>0</v>
      </c>
      <c r="P4578" s="190">
        <v>0</v>
      </c>
      <c r="Q4578" s="190">
        <v>0</v>
      </c>
      <c r="R4578" s="190">
        <v>0</v>
      </c>
      <c r="S4578" s="190">
        <v>0</v>
      </c>
      <c r="T4578" s="190">
        <v>0</v>
      </c>
      <c r="U4578" s="99"/>
      <c r="V4578" s="99"/>
      <c r="W4578" s="99"/>
      <c r="X4578" s="99"/>
      <c r="Y4578" s="99"/>
      <c r="Z4578" s="99"/>
      <c r="AA4578" s="99"/>
      <c r="AB4578" s="99"/>
      <c r="AC4578" s="99"/>
      <c r="AD4578" s="99"/>
      <c r="AE4578" s="99"/>
      <c r="AF4578" s="99"/>
      <c r="AG4578" s="99"/>
      <c r="AH4578" s="99"/>
      <c r="AI4578" s="99"/>
      <c r="AJ4578" s="99"/>
      <c r="AK4578" s="99"/>
      <c r="AL4578" s="99"/>
      <c r="AM4578" s="99"/>
      <c r="AN4578" s="99"/>
      <c r="AO4578" s="99"/>
      <c r="AP4578" s="99"/>
      <c r="AQ4578" s="99"/>
      <c r="AR4578" s="99"/>
      <c r="AS4578" s="99"/>
      <c r="AT4578" s="99"/>
      <c r="AU4578" s="99"/>
      <c r="AV4578" s="99"/>
      <c r="AW4578" s="99"/>
      <c r="AX4578" s="99"/>
      <c r="AY4578" s="99"/>
      <c r="AZ4578" s="99"/>
      <c r="BA4578" s="99"/>
      <c r="BB4578" s="107">
        <v>45884</v>
      </c>
    </row>
    <row r="4579" spans="1:54" s="238" customFormat="1" ht="13.95" customHeight="1" x14ac:dyDescent="0.25">
      <c r="A4579" s="236" t="s">
        <v>21862</v>
      </c>
      <c r="B4579" s="220" t="s">
        <v>10362</v>
      </c>
      <c r="C4579" s="190" t="s">
        <v>10401</v>
      </c>
      <c r="D4579" s="190" t="s">
        <v>10402</v>
      </c>
      <c r="E4579" s="237">
        <v>2015</v>
      </c>
      <c r="F4579" s="237">
        <v>7700</v>
      </c>
      <c r="G4579" s="190" t="s">
        <v>1</v>
      </c>
      <c r="H4579" s="190">
        <v>0</v>
      </c>
      <c r="I4579" s="190">
        <v>0</v>
      </c>
      <c r="J4579" s="190">
        <v>0</v>
      </c>
      <c r="K4579" s="190">
        <v>0</v>
      </c>
      <c r="L4579" s="190">
        <v>0</v>
      </c>
      <c r="M4579" s="190">
        <v>0</v>
      </c>
      <c r="N4579" s="190">
        <v>0</v>
      </c>
      <c r="O4579" s="190">
        <v>0</v>
      </c>
      <c r="P4579" s="190">
        <v>0</v>
      </c>
      <c r="Q4579" s="190">
        <v>0</v>
      </c>
      <c r="R4579" s="190">
        <v>0</v>
      </c>
      <c r="S4579" s="190">
        <v>0</v>
      </c>
      <c r="T4579" s="190">
        <v>0</v>
      </c>
      <c r="U4579" s="99"/>
      <c r="V4579" s="99"/>
      <c r="W4579" s="99"/>
      <c r="X4579" s="99"/>
      <c r="Y4579" s="99"/>
      <c r="Z4579" s="99"/>
      <c r="AA4579" s="99"/>
      <c r="AB4579" s="99"/>
      <c r="AC4579" s="99"/>
      <c r="AD4579" s="99"/>
      <c r="AE4579" s="99"/>
      <c r="AF4579" s="99"/>
      <c r="AG4579" s="99"/>
      <c r="AH4579" s="99"/>
      <c r="AI4579" s="99"/>
      <c r="AJ4579" s="99"/>
      <c r="AK4579" s="99"/>
      <c r="AL4579" s="99"/>
      <c r="AM4579" s="99"/>
      <c r="AN4579" s="99"/>
      <c r="AO4579" s="99"/>
      <c r="AP4579" s="99"/>
      <c r="AQ4579" s="99"/>
      <c r="AR4579" s="99"/>
      <c r="AS4579" s="99"/>
      <c r="AT4579" s="99"/>
      <c r="AU4579" s="99"/>
      <c r="AV4579" s="99"/>
      <c r="AW4579" s="99"/>
      <c r="AX4579" s="99"/>
      <c r="AY4579" s="99"/>
      <c r="AZ4579" s="99"/>
      <c r="BA4579" s="99"/>
      <c r="BB4579" s="107">
        <v>45884</v>
      </c>
    </row>
    <row r="4580" spans="1:54" s="238" customFormat="1" ht="13.95" customHeight="1" x14ac:dyDescent="0.25">
      <c r="A4580" s="236" t="s">
        <v>19753</v>
      </c>
      <c r="B4580" s="220" t="s">
        <v>10362</v>
      </c>
      <c r="C4580" s="190" t="s">
        <v>10403</v>
      </c>
      <c r="D4580" s="190" t="s">
        <v>10404</v>
      </c>
      <c r="E4580" s="237">
        <v>2016</v>
      </c>
      <c r="F4580" s="237">
        <v>200</v>
      </c>
      <c r="G4580" s="190" t="s">
        <v>1</v>
      </c>
      <c r="H4580" s="190">
        <v>0</v>
      </c>
      <c r="I4580" s="190">
        <v>0</v>
      </c>
      <c r="J4580" s="190">
        <v>0</v>
      </c>
      <c r="K4580" s="190">
        <v>1</v>
      </c>
      <c r="L4580" s="190">
        <v>0</v>
      </c>
      <c r="M4580" s="190">
        <v>0</v>
      </c>
      <c r="N4580" s="190">
        <v>0</v>
      </c>
      <c r="O4580" s="190">
        <v>0</v>
      </c>
      <c r="P4580" s="190">
        <v>1</v>
      </c>
      <c r="Q4580" s="190">
        <v>0</v>
      </c>
      <c r="R4580" s="190">
        <v>0</v>
      </c>
      <c r="S4580" s="190">
        <v>0</v>
      </c>
      <c r="T4580" s="190">
        <v>0</v>
      </c>
      <c r="U4580" s="99"/>
      <c r="V4580" s="99"/>
      <c r="W4580" s="99"/>
      <c r="X4580" s="99"/>
      <c r="Y4580" s="99"/>
      <c r="Z4580" s="99"/>
      <c r="AA4580" s="99"/>
      <c r="AB4580" s="99"/>
      <c r="AC4580" s="99"/>
      <c r="AD4580" s="99"/>
      <c r="AE4580" s="99"/>
      <c r="AF4580" s="99"/>
      <c r="AG4580" s="99"/>
      <c r="AH4580" s="99"/>
      <c r="AI4580" s="99"/>
      <c r="AJ4580" s="99"/>
      <c r="AK4580" s="99"/>
      <c r="AL4580" s="99"/>
      <c r="AM4580" s="99"/>
      <c r="AN4580" s="99"/>
      <c r="AO4580" s="99"/>
      <c r="AP4580" s="99"/>
      <c r="AQ4580" s="99"/>
      <c r="AR4580" s="99"/>
      <c r="AS4580" s="99"/>
      <c r="AT4580" s="99"/>
      <c r="AU4580" s="99"/>
      <c r="AV4580" s="99"/>
      <c r="AW4580" s="99"/>
      <c r="AX4580" s="99"/>
      <c r="AY4580" s="99"/>
      <c r="AZ4580" s="99"/>
      <c r="BA4580" s="99"/>
      <c r="BB4580" s="107">
        <v>45884</v>
      </c>
    </row>
    <row r="4581" spans="1:54" s="238" customFormat="1" ht="13.95" customHeight="1" x14ac:dyDescent="0.25">
      <c r="A4581" s="236" t="s">
        <v>19754</v>
      </c>
      <c r="B4581" s="220" t="s">
        <v>10362</v>
      </c>
      <c r="C4581" s="190" t="s">
        <v>10405</v>
      </c>
      <c r="D4581" s="190" t="s">
        <v>10406</v>
      </c>
      <c r="E4581" s="237">
        <v>2015</v>
      </c>
      <c r="F4581" s="237">
        <v>1700</v>
      </c>
      <c r="G4581" s="190" t="s">
        <v>1</v>
      </c>
      <c r="H4581" s="190">
        <v>0</v>
      </c>
      <c r="I4581" s="190">
        <v>0</v>
      </c>
      <c r="J4581" s="190">
        <v>1</v>
      </c>
      <c r="K4581" s="190">
        <v>0</v>
      </c>
      <c r="L4581" s="190">
        <v>1</v>
      </c>
      <c r="M4581" s="190">
        <v>1</v>
      </c>
      <c r="N4581" s="190">
        <v>0</v>
      </c>
      <c r="O4581" s="190">
        <v>0</v>
      </c>
      <c r="P4581" s="190">
        <v>0</v>
      </c>
      <c r="Q4581" s="190">
        <v>0</v>
      </c>
      <c r="R4581" s="190">
        <v>1</v>
      </c>
      <c r="S4581" s="190">
        <v>0</v>
      </c>
      <c r="T4581" s="190">
        <v>0</v>
      </c>
      <c r="U4581" s="99"/>
      <c r="V4581" s="99"/>
      <c r="W4581" s="99"/>
      <c r="X4581" s="99"/>
      <c r="Y4581" s="99"/>
      <c r="Z4581" s="99"/>
      <c r="AA4581" s="99"/>
      <c r="AB4581" s="99"/>
      <c r="AC4581" s="99"/>
      <c r="AD4581" s="99"/>
      <c r="AE4581" s="99"/>
      <c r="AF4581" s="99"/>
      <c r="AG4581" s="99"/>
      <c r="AH4581" s="99"/>
      <c r="AI4581" s="99"/>
      <c r="AJ4581" s="99"/>
      <c r="AK4581" s="99"/>
      <c r="AL4581" s="99"/>
      <c r="AM4581" s="99"/>
      <c r="AN4581" s="99"/>
      <c r="AO4581" s="99"/>
      <c r="AP4581" s="99"/>
      <c r="AQ4581" s="99"/>
      <c r="AR4581" s="99"/>
      <c r="AS4581" s="99"/>
      <c r="AT4581" s="99"/>
      <c r="AU4581" s="99"/>
      <c r="AV4581" s="99"/>
      <c r="AW4581" s="99"/>
      <c r="AX4581" s="99"/>
      <c r="AY4581" s="99"/>
      <c r="AZ4581" s="99"/>
      <c r="BA4581" s="99"/>
      <c r="BB4581" s="107">
        <v>45884</v>
      </c>
    </row>
    <row r="4582" spans="1:54" s="238" customFormat="1" ht="13.95" customHeight="1" x14ac:dyDescent="0.25">
      <c r="A4582" s="236" t="s">
        <v>19845</v>
      </c>
      <c r="B4582" s="220" t="s">
        <v>10362</v>
      </c>
      <c r="C4582" s="190" t="s">
        <v>10407</v>
      </c>
      <c r="D4582" s="190" t="s">
        <v>10408</v>
      </c>
      <c r="E4582" s="237">
        <v>2016</v>
      </c>
      <c r="F4582" s="237">
        <v>500</v>
      </c>
      <c r="G4582" s="190" t="s">
        <v>1</v>
      </c>
      <c r="H4582" s="190">
        <v>0</v>
      </c>
      <c r="I4582" s="190">
        <v>0</v>
      </c>
      <c r="J4582" s="190">
        <v>1</v>
      </c>
      <c r="K4582" s="190">
        <v>0</v>
      </c>
      <c r="L4582" s="190">
        <v>1</v>
      </c>
      <c r="M4582" s="190">
        <v>1</v>
      </c>
      <c r="N4582" s="190">
        <v>0</v>
      </c>
      <c r="O4582" s="190">
        <v>0</v>
      </c>
      <c r="P4582" s="190">
        <v>0</v>
      </c>
      <c r="Q4582" s="190">
        <v>0</v>
      </c>
      <c r="R4582" s="190">
        <v>1</v>
      </c>
      <c r="S4582" s="190">
        <v>0</v>
      </c>
      <c r="T4582" s="190">
        <v>0</v>
      </c>
      <c r="U4582" s="99"/>
      <c r="V4582" s="99"/>
      <c r="W4582" s="99"/>
      <c r="X4582" s="99"/>
      <c r="Y4582" s="99"/>
      <c r="Z4582" s="99"/>
      <c r="AA4582" s="99"/>
      <c r="AB4582" s="99"/>
      <c r="AC4582" s="99"/>
      <c r="AD4582" s="99"/>
      <c r="AE4582" s="99"/>
      <c r="AF4582" s="99"/>
      <c r="AG4582" s="99"/>
      <c r="AH4582" s="99"/>
      <c r="AI4582" s="99"/>
      <c r="AJ4582" s="99"/>
      <c r="AK4582" s="99"/>
      <c r="AL4582" s="99"/>
      <c r="AM4582" s="99"/>
      <c r="AN4582" s="99"/>
      <c r="AO4582" s="99"/>
      <c r="AP4582" s="99"/>
      <c r="AQ4582" s="99"/>
      <c r="AR4582" s="99"/>
      <c r="AS4582" s="99"/>
      <c r="AT4582" s="99"/>
      <c r="AU4582" s="99"/>
      <c r="AV4582" s="99"/>
      <c r="AW4582" s="99"/>
      <c r="AX4582" s="99"/>
      <c r="AY4582" s="99"/>
      <c r="AZ4582" s="99"/>
      <c r="BA4582" s="99"/>
      <c r="BB4582" s="107">
        <v>45884</v>
      </c>
    </row>
    <row r="4583" spans="1:54" s="238" customFormat="1" ht="13.95" customHeight="1" x14ac:dyDescent="0.25">
      <c r="A4583" s="236" t="s">
        <v>21863</v>
      </c>
      <c r="B4583" s="220" t="s">
        <v>10362</v>
      </c>
      <c r="C4583" s="190" t="s">
        <v>10409</v>
      </c>
      <c r="D4583" s="190" t="s">
        <v>10410</v>
      </c>
      <c r="E4583" s="237">
        <v>2016</v>
      </c>
      <c r="F4583" s="237">
        <v>100</v>
      </c>
      <c r="G4583" s="190" t="s">
        <v>1</v>
      </c>
      <c r="H4583" s="190">
        <v>0</v>
      </c>
      <c r="I4583" s="190">
        <v>0</v>
      </c>
      <c r="J4583" s="190">
        <v>0</v>
      </c>
      <c r="K4583" s="190">
        <v>1</v>
      </c>
      <c r="L4583" s="190">
        <v>0</v>
      </c>
      <c r="M4583" s="190">
        <v>0</v>
      </c>
      <c r="N4583" s="190">
        <v>0</v>
      </c>
      <c r="O4583" s="190">
        <v>0</v>
      </c>
      <c r="P4583" s="190">
        <v>1</v>
      </c>
      <c r="Q4583" s="190">
        <v>0</v>
      </c>
      <c r="R4583" s="190">
        <v>0</v>
      </c>
      <c r="S4583" s="190">
        <v>0</v>
      </c>
      <c r="T4583" s="190">
        <v>0</v>
      </c>
      <c r="U4583" s="99"/>
      <c r="V4583" s="99"/>
      <c r="W4583" s="99"/>
      <c r="X4583" s="99"/>
      <c r="Y4583" s="99"/>
      <c r="Z4583" s="99"/>
      <c r="AA4583" s="99"/>
      <c r="AB4583" s="99"/>
      <c r="AC4583" s="99"/>
      <c r="AD4583" s="99"/>
      <c r="AE4583" s="99"/>
      <c r="AF4583" s="99"/>
      <c r="AG4583" s="99"/>
      <c r="AH4583" s="99"/>
      <c r="AI4583" s="99"/>
      <c r="AJ4583" s="99"/>
      <c r="AK4583" s="99"/>
      <c r="AL4583" s="99"/>
      <c r="AM4583" s="99"/>
      <c r="AN4583" s="99"/>
      <c r="AO4583" s="99"/>
      <c r="AP4583" s="99"/>
      <c r="AQ4583" s="99"/>
      <c r="AR4583" s="99"/>
      <c r="AS4583" s="99"/>
      <c r="AT4583" s="99"/>
      <c r="AU4583" s="99"/>
      <c r="AV4583" s="99"/>
      <c r="AW4583" s="99"/>
      <c r="AX4583" s="99"/>
      <c r="AY4583" s="99"/>
      <c r="AZ4583" s="99"/>
      <c r="BA4583" s="99"/>
      <c r="BB4583" s="107">
        <v>45884</v>
      </c>
    </row>
    <row r="4584" spans="1:54" s="238" customFormat="1" ht="13.95" customHeight="1" x14ac:dyDescent="0.25">
      <c r="A4584" s="236" t="s">
        <v>19756</v>
      </c>
      <c r="B4584" s="220" t="s">
        <v>8672</v>
      </c>
      <c r="C4584" s="239" t="s">
        <v>19755</v>
      </c>
      <c r="D4584" s="190" t="s">
        <v>19935</v>
      </c>
      <c r="E4584" s="237">
        <v>1993</v>
      </c>
      <c r="F4584" s="237">
        <v>36500</v>
      </c>
      <c r="G4584" s="190" t="s">
        <v>8</v>
      </c>
      <c r="H4584" s="190">
        <v>0</v>
      </c>
      <c r="I4584" s="190">
        <v>0</v>
      </c>
      <c r="J4584" s="190">
        <v>0</v>
      </c>
      <c r="K4584" s="190">
        <v>0</v>
      </c>
      <c r="L4584" s="190">
        <v>0</v>
      </c>
      <c r="M4584" s="190">
        <v>0</v>
      </c>
      <c r="N4584" s="190">
        <v>0</v>
      </c>
      <c r="O4584" s="190">
        <v>0</v>
      </c>
      <c r="P4584" s="190">
        <v>0</v>
      </c>
      <c r="Q4584" s="190">
        <v>0</v>
      </c>
      <c r="R4584" s="190">
        <v>0</v>
      </c>
      <c r="S4584" s="190">
        <v>0</v>
      </c>
      <c r="T4584" s="190">
        <v>0</v>
      </c>
      <c r="U4584" s="190">
        <v>0</v>
      </c>
      <c r="V4584" s="190">
        <v>0</v>
      </c>
      <c r="W4584" s="190" t="s">
        <v>174</v>
      </c>
      <c r="X4584" s="190" t="s">
        <v>174</v>
      </c>
      <c r="Y4584" s="190">
        <v>0</v>
      </c>
      <c r="Z4584" s="190">
        <v>0</v>
      </c>
      <c r="AA4584" s="190">
        <v>0</v>
      </c>
      <c r="AB4584" s="190">
        <v>0</v>
      </c>
      <c r="AC4584" s="190">
        <v>0</v>
      </c>
      <c r="AD4584" s="190">
        <v>0</v>
      </c>
      <c r="AE4584" s="190">
        <v>0</v>
      </c>
      <c r="AF4584" s="190">
        <v>0</v>
      </c>
      <c r="AG4584" s="190">
        <v>0</v>
      </c>
      <c r="AH4584" s="190">
        <v>0</v>
      </c>
      <c r="AI4584" s="190">
        <v>0</v>
      </c>
      <c r="AJ4584" s="190">
        <v>0</v>
      </c>
      <c r="AK4584" s="190">
        <v>0</v>
      </c>
      <c r="AL4584" s="190">
        <v>0</v>
      </c>
      <c r="AM4584" s="190" t="s">
        <v>174</v>
      </c>
      <c r="AN4584" s="190" t="s">
        <v>174</v>
      </c>
      <c r="AO4584" s="190" t="s">
        <v>174</v>
      </c>
      <c r="AP4584" s="190" t="s">
        <v>174</v>
      </c>
      <c r="AQ4584" s="190" t="s">
        <v>174</v>
      </c>
      <c r="AR4584" s="190" t="s">
        <v>174</v>
      </c>
      <c r="AS4584" s="190" t="s">
        <v>174</v>
      </c>
      <c r="AT4584" s="239" t="s">
        <v>174</v>
      </c>
      <c r="AU4584" s="190">
        <v>0</v>
      </c>
      <c r="AV4584" s="190">
        <v>0</v>
      </c>
      <c r="AW4584" s="190" t="s">
        <v>174</v>
      </c>
      <c r="AX4584" s="190" t="s">
        <v>174</v>
      </c>
      <c r="AY4584" s="190" t="s">
        <v>174</v>
      </c>
      <c r="AZ4584" s="190"/>
      <c r="BA4584" s="190"/>
      <c r="BB4584" s="107">
        <v>45884</v>
      </c>
    </row>
    <row r="4585" spans="1:54" s="238" customFormat="1" ht="15.75" customHeight="1" x14ac:dyDescent="0.25">
      <c r="A4585" s="236" t="s">
        <v>19851</v>
      </c>
      <c r="B4585" s="220" t="s">
        <v>10362</v>
      </c>
      <c r="C4585" s="136" t="s">
        <v>19846</v>
      </c>
      <c r="D4585" s="190" t="s">
        <v>19936</v>
      </c>
      <c r="E4585" s="240">
        <v>2017</v>
      </c>
      <c r="F4585" s="240">
        <v>300</v>
      </c>
      <c r="G4585" s="190" t="s">
        <v>1</v>
      </c>
      <c r="H4585" s="190">
        <v>0</v>
      </c>
      <c r="I4585" s="190">
        <v>0</v>
      </c>
      <c r="J4585" s="190">
        <v>1</v>
      </c>
      <c r="K4585" s="190">
        <v>1</v>
      </c>
      <c r="L4585" s="190">
        <v>1</v>
      </c>
      <c r="M4585" s="190">
        <v>1</v>
      </c>
      <c r="N4585" s="190">
        <v>0</v>
      </c>
      <c r="O4585" s="190">
        <v>0</v>
      </c>
      <c r="P4585" s="190">
        <v>1</v>
      </c>
      <c r="Q4585" s="190">
        <v>0</v>
      </c>
      <c r="R4585" s="190">
        <v>1</v>
      </c>
      <c r="S4585" s="190">
        <v>0</v>
      </c>
      <c r="T4585" s="190">
        <v>0</v>
      </c>
      <c r="U4585" s="99"/>
      <c r="V4585" s="99"/>
      <c r="W4585" s="99"/>
      <c r="X4585" s="99"/>
      <c r="Y4585" s="99"/>
      <c r="Z4585" s="99"/>
      <c r="AA4585" s="99"/>
      <c r="AB4585" s="99"/>
      <c r="AC4585" s="99"/>
      <c r="AD4585" s="99"/>
      <c r="AE4585" s="99"/>
      <c r="AF4585" s="99"/>
      <c r="AG4585" s="99"/>
      <c r="AH4585" s="99"/>
      <c r="AI4585" s="99"/>
      <c r="AJ4585" s="99"/>
      <c r="AK4585" s="99"/>
      <c r="AL4585" s="99"/>
      <c r="AM4585" s="99"/>
      <c r="AN4585" s="99"/>
      <c r="AO4585" s="99"/>
      <c r="AP4585" s="99"/>
      <c r="AQ4585" s="99"/>
      <c r="AR4585" s="99"/>
      <c r="AS4585" s="99"/>
      <c r="AT4585" s="99"/>
      <c r="AU4585" s="99"/>
      <c r="AV4585" s="99"/>
      <c r="AW4585" s="99"/>
      <c r="AX4585" s="99"/>
      <c r="AY4585" s="99"/>
      <c r="AZ4585" s="99"/>
      <c r="BA4585" s="99"/>
      <c r="BB4585" s="107">
        <v>45884</v>
      </c>
    </row>
    <row r="4586" spans="1:54" s="238" customFormat="1" ht="15.75" customHeight="1" x14ac:dyDescent="0.25">
      <c r="A4586" s="236" t="s">
        <v>19852</v>
      </c>
      <c r="B4586" s="220" t="s">
        <v>10362</v>
      </c>
      <c r="C4586" s="136" t="s">
        <v>19847</v>
      </c>
      <c r="D4586" s="136" t="s">
        <v>19937</v>
      </c>
      <c r="E4586" s="240">
        <v>2017</v>
      </c>
      <c r="F4586" s="240">
        <v>3400</v>
      </c>
      <c r="G4586" s="190" t="s">
        <v>1</v>
      </c>
      <c r="H4586" s="190">
        <v>0</v>
      </c>
      <c r="I4586" s="190">
        <v>0</v>
      </c>
      <c r="J4586" s="190">
        <v>1</v>
      </c>
      <c r="K4586" s="190">
        <v>1</v>
      </c>
      <c r="L4586" s="190">
        <v>1</v>
      </c>
      <c r="M4586" s="190">
        <v>1</v>
      </c>
      <c r="N4586" s="190">
        <v>1</v>
      </c>
      <c r="O4586" s="190">
        <v>0</v>
      </c>
      <c r="P4586" s="190">
        <v>1</v>
      </c>
      <c r="Q4586" s="190">
        <v>0</v>
      </c>
      <c r="R4586" s="190">
        <v>0</v>
      </c>
      <c r="S4586" s="190">
        <v>0</v>
      </c>
      <c r="T4586" s="190">
        <v>0</v>
      </c>
      <c r="U4586" s="99"/>
      <c r="V4586" s="99"/>
      <c r="W4586" s="99"/>
      <c r="X4586" s="99"/>
      <c r="Y4586" s="99"/>
      <c r="Z4586" s="99"/>
      <c r="AA4586" s="99"/>
      <c r="AB4586" s="99"/>
      <c r="AC4586" s="99"/>
      <c r="AD4586" s="99"/>
      <c r="AE4586" s="99"/>
      <c r="AF4586" s="99"/>
      <c r="AG4586" s="99"/>
      <c r="AH4586" s="99"/>
      <c r="AI4586" s="99"/>
      <c r="AJ4586" s="99"/>
      <c r="AK4586" s="99"/>
      <c r="AL4586" s="99"/>
      <c r="AM4586" s="99"/>
      <c r="AN4586" s="99"/>
      <c r="AO4586" s="99"/>
      <c r="AP4586" s="99"/>
      <c r="AQ4586" s="99"/>
      <c r="AR4586" s="99"/>
      <c r="AS4586" s="99"/>
      <c r="AT4586" s="99"/>
      <c r="AU4586" s="99"/>
      <c r="AV4586" s="99"/>
      <c r="AW4586" s="99"/>
      <c r="AX4586" s="99"/>
      <c r="AY4586" s="99"/>
      <c r="AZ4586" s="99"/>
      <c r="BA4586" s="99"/>
      <c r="BB4586" s="107">
        <v>45884</v>
      </c>
    </row>
    <row r="4587" spans="1:54" s="238" customFormat="1" ht="15.75" customHeight="1" x14ac:dyDescent="0.25">
      <c r="A4587" s="236" t="s">
        <v>19853</v>
      </c>
      <c r="B4587" s="220" t="s">
        <v>10362</v>
      </c>
      <c r="C4587" s="136" t="s">
        <v>19848</v>
      </c>
      <c r="D4587" s="136" t="s">
        <v>19938</v>
      </c>
      <c r="E4587" s="240">
        <v>2017</v>
      </c>
      <c r="F4587" s="240">
        <v>100</v>
      </c>
      <c r="G4587" s="190" t="s">
        <v>1</v>
      </c>
      <c r="H4587" s="190">
        <v>0</v>
      </c>
      <c r="I4587" s="190">
        <v>0</v>
      </c>
      <c r="J4587" s="190">
        <v>0</v>
      </c>
      <c r="K4587" s="190">
        <v>1</v>
      </c>
      <c r="L4587" s="190">
        <v>0</v>
      </c>
      <c r="M4587" s="190">
        <v>0</v>
      </c>
      <c r="N4587" s="190">
        <v>0</v>
      </c>
      <c r="O4587" s="190">
        <v>0</v>
      </c>
      <c r="P4587" s="190">
        <v>0</v>
      </c>
      <c r="Q4587" s="190">
        <v>0</v>
      </c>
      <c r="R4587" s="190">
        <v>0</v>
      </c>
      <c r="S4587" s="190">
        <v>0</v>
      </c>
      <c r="T4587" s="190">
        <v>0</v>
      </c>
      <c r="U4587" s="99"/>
      <c r="V4587" s="99"/>
      <c r="W4587" s="99"/>
      <c r="X4587" s="99"/>
      <c r="Y4587" s="99"/>
      <c r="Z4587" s="99"/>
      <c r="AA4587" s="99"/>
      <c r="AB4587" s="99"/>
      <c r="AC4587" s="99"/>
      <c r="AD4587" s="99"/>
      <c r="AE4587" s="99"/>
      <c r="AF4587" s="99"/>
      <c r="AG4587" s="99"/>
      <c r="AH4587" s="99"/>
      <c r="AI4587" s="99"/>
      <c r="AJ4587" s="99"/>
      <c r="AK4587" s="99"/>
      <c r="AL4587" s="99"/>
      <c r="AM4587" s="99"/>
      <c r="AN4587" s="99"/>
      <c r="AO4587" s="99"/>
      <c r="AP4587" s="99"/>
      <c r="AQ4587" s="99"/>
      <c r="AR4587" s="99"/>
      <c r="AS4587" s="99"/>
      <c r="AT4587" s="99"/>
      <c r="AU4587" s="99"/>
      <c r="AV4587" s="99"/>
      <c r="AW4587" s="99"/>
      <c r="AX4587" s="99"/>
      <c r="AY4587" s="99"/>
      <c r="AZ4587" s="99"/>
      <c r="BA4587" s="99"/>
      <c r="BB4587" s="107">
        <v>45884</v>
      </c>
    </row>
    <row r="4588" spans="1:54" s="238" customFormat="1" ht="15.75" customHeight="1" x14ac:dyDescent="0.25">
      <c r="A4588" s="236" t="s">
        <v>19854</v>
      </c>
      <c r="B4588" s="220" t="s">
        <v>10362</v>
      </c>
      <c r="C4588" s="136" t="s">
        <v>19849</v>
      </c>
      <c r="D4588" s="136" t="s">
        <v>10300</v>
      </c>
      <c r="E4588" s="240">
        <v>2017</v>
      </c>
      <c r="F4588" s="240">
        <v>400</v>
      </c>
      <c r="G4588" s="190" t="s">
        <v>1</v>
      </c>
      <c r="H4588" s="190">
        <v>0</v>
      </c>
      <c r="I4588" s="190">
        <v>0</v>
      </c>
      <c r="J4588" s="190">
        <v>1</v>
      </c>
      <c r="K4588" s="190">
        <v>0</v>
      </c>
      <c r="L4588" s="190">
        <v>0</v>
      </c>
      <c r="M4588" s="190">
        <v>0</v>
      </c>
      <c r="N4588" s="190">
        <v>1</v>
      </c>
      <c r="O4588" s="190">
        <v>0</v>
      </c>
      <c r="P4588" s="190">
        <v>0</v>
      </c>
      <c r="Q4588" s="190">
        <v>0</v>
      </c>
      <c r="R4588" s="190">
        <v>0</v>
      </c>
      <c r="S4588" s="190">
        <v>0</v>
      </c>
      <c r="T4588" s="190">
        <v>0</v>
      </c>
      <c r="U4588" s="99"/>
      <c r="V4588" s="99"/>
      <c r="W4588" s="99"/>
      <c r="X4588" s="99"/>
      <c r="Y4588" s="99"/>
      <c r="Z4588" s="99"/>
      <c r="AA4588" s="99"/>
      <c r="AB4588" s="99"/>
      <c r="AC4588" s="99"/>
      <c r="AD4588" s="99"/>
      <c r="AE4588" s="99"/>
      <c r="AF4588" s="99"/>
      <c r="AG4588" s="99"/>
      <c r="AH4588" s="99"/>
      <c r="AI4588" s="99"/>
      <c r="AJ4588" s="99"/>
      <c r="AK4588" s="99"/>
      <c r="AL4588" s="99"/>
      <c r="AM4588" s="99"/>
      <c r="AN4588" s="99"/>
      <c r="AO4588" s="99"/>
      <c r="AP4588" s="99"/>
      <c r="AQ4588" s="99"/>
      <c r="AR4588" s="99"/>
      <c r="AS4588" s="99"/>
      <c r="AT4588" s="99"/>
      <c r="AU4588" s="99"/>
      <c r="AV4588" s="99"/>
      <c r="AW4588" s="99"/>
      <c r="AX4588" s="99"/>
      <c r="AY4588" s="99"/>
      <c r="AZ4588" s="99"/>
      <c r="BA4588" s="99"/>
      <c r="BB4588" s="107">
        <v>45884</v>
      </c>
    </row>
    <row r="4589" spans="1:54" s="238" customFormat="1" ht="15.75" customHeight="1" x14ac:dyDescent="0.25">
      <c r="A4589" s="236" t="s">
        <v>19855</v>
      </c>
      <c r="B4589" s="220" t="s">
        <v>10362</v>
      </c>
      <c r="C4589" s="136" t="s">
        <v>19850</v>
      </c>
      <c r="D4589" s="136" t="s">
        <v>19939</v>
      </c>
      <c r="E4589" s="240">
        <v>2017</v>
      </c>
      <c r="F4589" s="240">
        <v>300</v>
      </c>
      <c r="G4589" s="190" t="s">
        <v>1</v>
      </c>
      <c r="H4589" s="190">
        <v>0</v>
      </c>
      <c r="I4589" s="190">
        <v>0</v>
      </c>
      <c r="J4589" s="190">
        <v>1</v>
      </c>
      <c r="K4589" s="190">
        <v>0</v>
      </c>
      <c r="L4589" s="190">
        <v>0</v>
      </c>
      <c r="M4589" s="190">
        <v>1</v>
      </c>
      <c r="N4589" s="190">
        <v>1</v>
      </c>
      <c r="O4589" s="190">
        <v>0</v>
      </c>
      <c r="P4589" s="190">
        <v>1</v>
      </c>
      <c r="Q4589" s="190">
        <v>0</v>
      </c>
      <c r="R4589" s="190">
        <v>0</v>
      </c>
      <c r="S4589" s="190">
        <v>0</v>
      </c>
      <c r="T4589" s="190">
        <v>0</v>
      </c>
      <c r="U4589" s="99"/>
      <c r="V4589" s="99"/>
      <c r="W4589" s="99"/>
      <c r="X4589" s="99"/>
      <c r="Y4589" s="99"/>
      <c r="Z4589" s="99"/>
      <c r="AA4589" s="99"/>
      <c r="AB4589" s="99"/>
      <c r="AC4589" s="99"/>
      <c r="AD4589" s="99"/>
      <c r="AE4589" s="99"/>
      <c r="AF4589" s="99"/>
      <c r="AG4589" s="99"/>
      <c r="AH4589" s="99"/>
      <c r="AI4589" s="99"/>
      <c r="AJ4589" s="99"/>
      <c r="AK4589" s="99"/>
      <c r="AL4589" s="99"/>
      <c r="AM4589" s="99"/>
      <c r="AN4589" s="99"/>
      <c r="AO4589" s="99"/>
      <c r="AP4589" s="99"/>
      <c r="AQ4589" s="99"/>
      <c r="AR4589" s="99"/>
      <c r="AS4589" s="99"/>
      <c r="AT4589" s="99"/>
      <c r="AU4589" s="99"/>
      <c r="AV4589" s="99"/>
      <c r="AW4589" s="99"/>
      <c r="AX4589" s="99"/>
      <c r="AY4589" s="99"/>
      <c r="AZ4589" s="99"/>
      <c r="BA4589" s="99"/>
      <c r="BB4589" s="107">
        <v>45884</v>
      </c>
    </row>
    <row r="4590" spans="1:54" s="238" customFormat="1" ht="15.75" customHeight="1" x14ac:dyDescent="0.25">
      <c r="A4590" s="236" t="s">
        <v>20517</v>
      </c>
      <c r="B4590" s="220" t="s">
        <v>10362</v>
      </c>
      <c r="C4590" s="136" t="s">
        <v>21658</v>
      </c>
      <c r="D4590" s="136" t="s">
        <v>21659</v>
      </c>
      <c r="E4590" s="240">
        <v>2018</v>
      </c>
      <c r="F4590" s="240">
        <v>200</v>
      </c>
      <c r="G4590" s="190" t="s">
        <v>1</v>
      </c>
      <c r="H4590" s="190">
        <v>0</v>
      </c>
      <c r="I4590" s="190">
        <v>0</v>
      </c>
      <c r="J4590" s="190">
        <v>0</v>
      </c>
      <c r="K4590" s="190">
        <v>1</v>
      </c>
      <c r="L4590" s="190">
        <v>0</v>
      </c>
      <c r="M4590" s="190">
        <v>0</v>
      </c>
      <c r="N4590" s="190">
        <v>0</v>
      </c>
      <c r="O4590" s="190">
        <v>0</v>
      </c>
      <c r="P4590" s="190">
        <v>1</v>
      </c>
      <c r="Q4590" s="190">
        <v>0</v>
      </c>
      <c r="R4590" s="190">
        <v>0</v>
      </c>
      <c r="S4590" s="190">
        <v>0</v>
      </c>
      <c r="T4590" s="190">
        <v>0</v>
      </c>
      <c r="U4590" s="99"/>
      <c r="V4590" s="99"/>
      <c r="W4590" s="99"/>
      <c r="X4590" s="99"/>
      <c r="Y4590" s="99"/>
      <c r="Z4590" s="99"/>
      <c r="AA4590" s="99"/>
      <c r="AB4590" s="99"/>
      <c r="AC4590" s="99"/>
      <c r="AD4590" s="99"/>
      <c r="AE4590" s="99"/>
      <c r="AF4590" s="99"/>
      <c r="AG4590" s="99"/>
      <c r="AH4590" s="99"/>
      <c r="AI4590" s="99"/>
      <c r="AJ4590" s="99"/>
      <c r="AK4590" s="99"/>
      <c r="AL4590" s="99"/>
      <c r="AM4590" s="99"/>
      <c r="AN4590" s="99"/>
      <c r="AO4590" s="99"/>
      <c r="AP4590" s="99"/>
      <c r="AQ4590" s="99"/>
      <c r="AR4590" s="99"/>
      <c r="AS4590" s="99"/>
      <c r="AT4590" s="99"/>
      <c r="AU4590" s="99"/>
      <c r="AV4590" s="99"/>
      <c r="AW4590" s="99"/>
      <c r="AX4590" s="99"/>
      <c r="AY4590" s="99"/>
      <c r="AZ4590" s="99"/>
      <c r="BA4590" s="99"/>
      <c r="BB4590" s="107">
        <v>45884</v>
      </c>
    </row>
    <row r="4591" spans="1:54" s="238" customFormat="1" ht="15.75" customHeight="1" x14ac:dyDescent="0.25">
      <c r="A4591" s="236" t="s">
        <v>20518</v>
      </c>
      <c r="B4591" s="220" t="s">
        <v>10362</v>
      </c>
      <c r="C4591" s="136" t="s">
        <v>16127</v>
      </c>
      <c r="D4591" s="136" t="s">
        <v>21660</v>
      </c>
      <c r="E4591" s="240">
        <v>2018</v>
      </c>
      <c r="F4591" s="240">
        <v>200</v>
      </c>
      <c r="G4591" s="190" t="s">
        <v>1</v>
      </c>
      <c r="H4591" s="190">
        <v>0</v>
      </c>
      <c r="I4591" s="190">
        <v>0</v>
      </c>
      <c r="J4591" s="190">
        <v>0</v>
      </c>
      <c r="K4591" s="190">
        <v>1</v>
      </c>
      <c r="L4591" s="190">
        <v>0</v>
      </c>
      <c r="M4591" s="190">
        <v>0</v>
      </c>
      <c r="N4591" s="190">
        <v>0</v>
      </c>
      <c r="O4591" s="190">
        <v>0</v>
      </c>
      <c r="P4591" s="190">
        <v>1</v>
      </c>
      <c r="Q4591" s="190">
        <v>0</v>
      </c>
      <c r="R4591" s="190">
        <v>0</v>
      </c>
      <c r="S4591" s="190">
        <v>0</v>
      </c>
      <c r="T4591" s="190">
        <v>0</v>
      </c>
      <c r="U4591" s="99"/>
      <c r="V4591" s="99"/>
      <c r="W4591" s="99"/>
      <c r="X4591" s="99"/>
      <c r="Y4591" s="99"/>
      <c r="Z4591" s="99"/>
      <c r="AA4591" s="99"/>
      <c r="AB4591" s="99"/>
      <c r="AC4591" s="99"/>
      <c r="AD4591" s="99"/>
      <c r="AE4591" s="99"/>
      <c r="AF4591" s="99"/>
      <c r="AG4591" s="99"/>
      <c r="AH4591" s="99"/>
      <c r="AI4591" s="99"/>
      <c r="AJ4591" s="99"/>
      <c r="AK4591" s="99"/>
      <c r="AL4591" s="99"/>
      <c r="AM4591" s="99"/>
      <c r="AN4591" s="99"/>
      <c r="AO4591" s="99"/>
      <c r="AP4591" s="99"/>
      <c r="AQ4591" s="99"/>
      <c r="AR4591" s="99"/>
      <c r="AS4591" s="99"/>
      <c r="AT4591" s="99"/>
      <c r="AU4591" s="99"/>
      <c r="AV4591" s="99"/>
      <c r="AW4591" s="99"/>
      <c r="AX4591" s="99"/>
      <c r="AY4591" s="99"/>
      <c r="AZ4591" s="99"/>
      <c r="BA4591" s="99"/>
      <c r="BB4591" s="107">
        <v>45884</v>
      </c>
    </row>
    <row r="4592" spans="1:54" s="238" customFormat="1" ht="15.75" customHeight="1" x14ac:dyDescent="0.25">
      <c r="A4592" s="236" t="s">
        <v>20519</v>
      </c>
      <c r="B4592" s="220" t="s">
        <v>10362</v>
      </c>
      <c r="C4592" s="136" t="s">
        <v>21864</v>
      </c>
      <c r="D4592" s="136" t="s">
        <v>21661</v>
      </c>
      <c r="E4592" s="240">
        <v>2019</v>
      </c>
      <c r="F4592" s="240">
        <v>700</v>
      </c>
      <c r="G4592" s="190" t="s">
        <v>1</v>
      </c>
      <c r="H4592" s="190">
        <v>0</v>
      </c>
      <c r="I4592" s="190">
        <v>0</v>
      </c>
      <c r="J4592" s="190">
        <v>1</v>
      </c>
      <c r="K4592" s="190">
        <v>0</v>
      </c>
      <c r="L4592" s="190">
        <v>0</v>
      </c>
      <c r="M4592" s="190">
        <v>0</v>
      </c>
      <c r="N4592" s="190">
        <v>0</v>
      </c>
      <c r="O4592" s="190">
        <v>0</v>
      </c>
      <c r="P4592" s="190">
        <v>0</v>
      </c>
      <c r="Q4592" s="190">
        <v>0</v>
      </c>
      <c r="R4592" s="190">
        <v>0</v>
      </c>
      <c r="S4592" s="190">
        <v>0</v>
      </c>
      <c r="T4592" s="190">
        <v>0</v>
      </c>
      <c r="U4592" s="99"/>
      <c r="V4592" s="99"/>
      <c r="W4592" s="99"/>
      <c r="X4592" s="99"/>
      <c r="Y4592" s="99"/>
      <c r="Z4592" s="99"/>
      <c r="AA4592" s="99"/>
      <c r="AB4592" s="99"/>
      <c r="AC4592" s="99"/>
      <c r="AD4592" s="99"/>
      <c r="AE4592" s="99"/>
      <c r="AF4592" s="99"/>
      <c r="AG4592" s="99"/>
      <c r="AH4592" s="99"/>
      <c r="AI4592" s="99"/>
      <c r="AJ4592" s="99"/>
      <c r="AK4592" s="99"/>
      <c r="AL4592" s="99"/>
      <c r="AM4592" s="99"/>
      <c r="AN4592" s="99"/>
      <c r="AO4592" s="99"/>
      <c r="AP4592" s="99"/>
      <c r="AQ4592" s="99"/>
      <c r="AR4592" s="99"/>
      <c r="AS4592" s="99"/>
      <c r="AT4592" s="99"/>
      <c r="AU4592" s="99"/>
      <c r="AV4592" s="99"/>
      <c r="AW4592" s="99"/>
      <c r="AX4592" s="99"/>
      <c r="AY4592" s="99"/>
      <c r="AZ4592" s="99"/>
      <c r="BA4592" s="99"/>
      <c r="BB4592" s="107">
        <v>45884</v>
      </c>
    </row>
    <row r="4593" spans="1:54" s="238" customFormat="1" ht="15.75" customHeight="1" x14ac:dyDescent="0.25">
      <c r="A4593" s="236" t="s">
        <v>20520</v>
      </c>
      <c r="B4593" s="220" t="s">
        <v>10362</v>
      </c>
      <c r="C4593" s="136" t="s">
        <v>21865</v>
      </c>
      <c r="D4593" s="136" t="s">
        <v>21662</v>
      </c>
      <c r="E4593" s="240">
        <v>2019</v>
      </c>
      <c r="F4593" s="240">
        <v>800</v>
      </c>
      <c r="G4593" s="190" t="s">
        <v>1</v>
      </c>
      <c r="H4593" s="190">
        <v>0</v>
      </c>
      <c r="I4593" s="190">
        <v>0</v>
      </c>
      <c r="J4593" s="190">
        <v>0</v>
      </c>
      <c r="K4593" s="190">
        <v>0</v>
      </c>
      <c r="L4593" s="190">
        <v>0</v>
      </c>
      <c r="M4593" s="190">
        <v>0</v>
      </c>
      <c r="N4593" s="190">
        <v>0</v>
      </c>
      <c r="O4593" s="190">
        <v>0</v>
      </c>
      <c r="P4593" s="190">
        <v>0</v>
      </c>
      <c r="Q4593" s="190">
        <v>0</v>
      </c>
      <c r="R4593" s="190">
        <v>0</v>
      </c>
      <c r="S4593" s="190">
        <v>0</v>
      </c>
      <c r="T4593" s="190">
        <v>0</v>
      </c>
      <c r="U4593" s="99"/>
      <c r="V4593" s="99"/>
      <c r="W4593" s="99"/>
      <c r="X4593" s="99"/>
      <c r="Y4593" s="99"/>
      <c r="Z4593" s="99"/>
      <c r="AA4593" s="99"/>
      <c r="AB4593" s="99"/>
      <c r="AC4593" s="99"/>
      <c r="AD4593" s="99"/>
      <c r="AE4593" s="99"/>
      <c r="AF4593" s="99"/>
      <c r="AG4593" s="99"/>
      <c r="AH4593" s="99"/>
      <c r="AI4593" s="99"/>
      <c r="AJ4593" s="99"/>
      <c r="AK4593" s="99"/>
      <c r="AL4593" s="99"/>
      <c r="AM4593" s="99"/>
      <c r="AN4593" s="99"/>
      <c r="AO4593" s="99"/>
      <c r="AP4593" s="99"/>
      <c r="AQ4593" s="99"/>
      <c r="AR4593" s="99"/>
      <c r="AS4593" s="99"/>
      <c r="AT4593" s="99"/>
      <c r="AU4593" s="99"/>
      <c r="AV4593" s="99"/>
      <c r="AW4593" s="99"/>
      <c r="AX4593" s="99"/>
      <c r="AY4593" s="99"/>
      <c r="AZ4593" s="99"/>
      <c r="BA4593" s="99"/>
      <c r="BB4593" s="107">
        <v>45884</v>
      </c>
    </row>
    <row r="4594" spans="1:54" s="238" customFormat="1" ht="15.75" customHeight="1" x14ac:dyDescent="0.25">
      <c r="A4594" s="236" t="s">
        <v>20521</v>
      </c>
      <c r="B4594" s="220" t="s">
        <v>10362</v>
      </c>
      <c r="C4594" s="136" t="s">
        <v>20515</v>
      </c>
      <c r="D4594" s="136" t="s">
        <v>21663</v>
      </c>
      <c r="E4594" s="240">
        <v>2019</v>
      </c>
      <c r="F4594" s="240">
        <v>2300</v>
      </c>
      <c r="G4594" s="190" t="s">
        <v>1</v>
      </c>
      <c r="H4594" s="190">
        <v>0</v>
      </c>
      <c r="I4594" s="190">
        <v>0</v>
      </c>
      <c r="J4594" s="190">
        <v>1</v>
      </c>
      <c r="K4594" s="190">
        <v>1</v>
      </c>
      <c r="L4594" s="190">
        <v>1</v>
      </c>
      <c r="M4594" s="190">
        <v>1</v>
      </c>
      <c r="N4594" s="190">
        <v>1</v>
      </c>
      <c r="O4594" s="190">
        <v>0</v>
      </c>
      <c r="P4594" s="190">
        <v>0</v>
      </c>
      <c r="Q4594" s="190">
        <v>0</v>
      </c>
      <c r="R4594" s="190">
        <v>1</v>
      </c>
      <c r="S4594" s="190">
        <v>0</v>
      </c>
      <c r="T4594" s="190">
        <v>0</v>
      </c>
      <c r="U4594" s="99"/>
      <c r="V4594" s="99"/>
      <c r="W4594" s="99"/>
      <c r="X4594" s="99"/>
      <c r="Y4594" s="99"/>
      <c r="Z4594" s="99"/>
      <c r="AA4594" s="99"/>
      <c r="AB4594" s="99"/>
      <c r="AC4594" s="99"/>
      <c r="AD4594" s="99"/>
      <c r="AE4594" s="99"/>
      <c r="AF4594" s="99"/>
      <c r="AG4594" s="99"/>
      <c r="AH4594" s="99"/>
      <c r="AI4594" s="99"/>
      <c r="AJ4594" s="99"/>
      <c r="AK4594" s="99"/>
      <c r="AL4594" s="99"/>
      <c r="AM4594" s="99"/>
      <c r="AN4594" s="99"/>
      <c r="AO4594" s="99"/>
      <c r="AP4594" s="99"/>
      <c r="AQ4594" s="99"/>
      <c r="AR4594" s="99"/>
      <c r="AS4594" s="99"/>
      <c r="AT4594" s="99"/>
      <c r="AU4594" s="99"/>
      <c r="AV4594" s="99"/>
      <c r="AW4594" s="99"/>
      <c r="AX4594" s="99"/>
      <c r="AY4594" s="99"/>
      <c r="AZ4594" s="99"/>
      <c r="BA4594" s="99"/>
      <c r="BB4594" s="107">
        <v>45884</v>
      </c>
    </row>
    <row r="4595" spans="1:54" s="238" customFormat="1" ht="13.95" customHeight="1" x14ac:dyDescent="0.25">
      <c r="A4595" s="236" t="s">
        <v>21673</v>
      </c>
      <c r="B4595" s="220" t="s">
        <v>10362</v>
      </c>
      <c r="C4595" s="190" t="s">
        <v>21664</v>
      </c>
      <c r="D4595" s="190" t="s">
        <v>21665</v>
      </c>
      <c r="E4595" s="237">
        <v>2020</v>
      </c>
      <c r="F4595" s="237">
        <v>300</v>
      </c>
      <c r="G4595" s="190" t="s">
        <v>1</v>
      </c>
      <c r="H4595" s="190">
        <v>0</v>
      </c>
      <c r="I4595" s="190">
        <v>0</v>
      </c>
      <c r="J4595" s="190">
        <v>1</v>
      </c>
      <c r="K4595" s="190">
        <v>1</v>
      </c>
      <c r="L4595" s="190">
        <v>1</v>
      </c>
      <c r="M4595" s="190">
        <v>1</v>
      </c>
      <c r="N4595" s="190">
        <v>0</v>
      </c>
      <c r="O4595" s="190">
        <v>0</v>
      </c>
      <c r="P4595" s="190">
        <v>0</v>
      </c>
      <c r="Q4595" s="190">
        <v>0</v>
      </c>
      <c r="R4595" s="190">
        <v>0</v>
      </c>
      <c r="S4595" s="190">
        <v>0</v>
      </c>
      <c r="T4595" s="190">
        <v>0</v>
      </c>
      <c r="U4595" s="99"/>
      <c r="V4595" s="99"/>
      <c r="W4595" s="99"/>
      <c r="X4595" s="99"/>
      <c r="Y4595" s="99"/>
      <c r="Z4595" s="99"/>
      <c r="AA4595" s="99"/>
      <c r="AB4595" s="99"/>
      <c r="AC4595" s="99"/>
      <c r="AD4595" s="99"/>
      <c r="AE4595" s="99"/>
      <c r="AF4595" s="99"/>
      <c r="AG4595" s="99"/>
      <c r="AH4595" s="99"/>
      <c r="AI4595" s="99"/>
      <c r="AJ4595" s="99"/>
      <c r="AK4595" s="99"/>
      <c r="AL4595" s="99"/>
      <c r="AM4595" s="99"/>
      <c r="AN4595" s="99"/>
      <c r="AO4595" s="99"/>
      <c r="AP4595" s="99"/>
      <c r="AQ4595" s="99"/>
      <c r="AR4595" s="99"/>
      <c r="AS4595" s="99"/>
      <c r="AT4595" s="99"/>
      <c r="AU4595" s="99"/>
      <c r="AV4595" s="99"/>
      <c r="AW4595" s="99"/>
      <c r="AX4595" s="99"/>
      <c r="AY4595" s="99"/>
      <c r="AZ4595" s="99"/>
      <c r="BA4595" s="99"/>
      <c r="BB4595" s="107">
        <v>45884</v>
      </c>
    </row>
    <row r="4596" spans="1:54" s="238" customFormat="1" ht="13.95" customHeight="1" x14ac:dyDescent="0.25">
      <c r="A4596" s="236" t="s">
        <v>21674</v>
      </c>
      <c r="B4596" s="220" t="s">
        <v>10362</v>
      </c>
      <c r="C4596" s="190" t="s">
        <v>21866</v>
      </c>
      <c r="D4596" s="190" t="s">
        <v>21666</v>
      </c>
      <c r="E4596" s="237">
        <v>2020</v>
      </c>
      <c r="F4596" s="237">
        <v>300</v>
      </c>
      <c r="G4596" s="190" t="s">
        <v>1</v>
      </c>
      <c r="H4596" s="190">
        <v>0</v>
      </c>
      <c r="I4596" s="190">
        <v>0</v>
      </c>
      <c r="J4596" s="190">
        <v>1</v>
      </c>
      <c r="K4596" s="190">
        <v>0</v>
      </c>
      <c r="L4596" s="190">
        <v>0</v>
      </c>
      <c r="M4596" s="190">
        <v>0</v>
      </c>
      <c r="N4596" s="190">
        <v>0</v>
      </c>
      <c r="O4596" s="190">
        <v>0</v>
      </c>
      <c r="P4596" s="190">
        <v>0</v>
      </c>
      <c r="Q4596" s="190">
        <v>0</v>
      </c>
      <c r="R4596" s="190">
        <v>0</v>
      </c>
      <c r="S4596" s="190">
        <v>0</v>
      </c>
      <c r="T4596" s="190">
        <v>0</v>
      </c>
      <c r="U4596" s="99"/>
      <c r="V4596" s="99"/>
      <c r="W4596" s="99"/>
      <c r="X4596" s="99"/>
      <c r="Y4596" s="99"/>
      <c r="Z4596" s="99"/>
      <c r="AA4596" s="99"/>
      <c r="AB4596" s="99"/>
      <c r="AC4596" s="99"/>
      <c r="AD4596" s="99"/>
      <c r="AE4596" s="99"/>
      <c r="AF4596" s="99"/>
      <c r="AG4596" s="99"/>
      <c r="AH4596" s="99"/>
      <c r="AI4596" s="99"/>
      <c r="AJ4596" s="99"/>
      <c r="AK4596" s="99"/>
      <c r="AL4596" s="99"/>
      <c r="AM4596" s="99"/>
      <c r="AN4596" s="99"/>
      <c r="AO4596" s="99"/>
      <c r="AP4596" s="99"/>
      <c r="AQ4596" s="99"/>
      <c r="AR4596" s="99"/>
      <c r="AS4596" s="99"/>
      <c r="AT4596" s="99"/>
      <c r="AU4596" s="99"/>
      <c r="AV4596" s="99"/>
      <c r="AW4596" s="99"/>
      <c r="AX4596" s="99"/>
      <c r="AY4596" s="99"/>
      <c r="AZ4596" s="99"/>
      <c r="BA4596" s="99"/>
      <c r="BB4596" s="107">
        <v>45884</v>
      </c>
    </row>
    <row r="4597" spans="1:54" s="238" customFormat="1" ht="13.95" customHeight="1" x14ac:dyDescent="0.25">
      <c r="A4597" s="236" t="s">
        <v>21675</v>
      </c>
      <c r="B4597" s="220" t="s">
        <v>10362</v>
      </c>
      <c r="C4597" s="190" t="s">
        <v>21667</v>
      </c>
      <c r="D4597" s="190" t="s">
        <v>21668</v>
      </c>
      <c r="E4597" s="237">
        <v>2020</v>
      </c>
      <c r="F4597" s="237">
        <v>100000</v>
      </c>
      <c r="G4597" s="190" t="s">
        <v>0</v>
      </c>
      <c r="H4597" s="190">
        <v>1</v>
      </c>
      <c r="I4597" s="190">
        <v>1</v>
      </c>
      <c r="J4597" s="190">
        <v>1</v>
      </c>
      <c r="K4597" s="190">
        <v>0</v>
      </c>
      <c r="L4597" s="190">
        <v>1</v>
      </c>
      <c r="M4597" s="190">
        <v>1</v>
      </c>
      <c r="N4597" s="190">
        <v>1</v>
      </c>
      <c r="O4597" s="190">
        <v>0</v>
      </c>
      <c r="P4597" s="190">
        <v>1</v>
      </c>
      <c r="Q4597" s="190">
        <v>1</v>
      </c>
      <c r="R4597" s="190">
        <v>0</v>
      </c>
      <c r="S4597" s="190">
        <v>0</v>
      </c>
      <c r="T4597" s="190">
        <v>0</v>
      </c>
      <c r="U4597" s="190">
        <v>0</v>
      </c>
      <c r="V4597" s="190">
        <v>0</v>
      </c>
      <c r="W4597" s="190">
        <v>1</v>
      </c>
      <c r="X4597" s="190">
        <v>0</v>
      </c>
      <c r="Y4597" s="190">
        <v>0</v>
      </c>
      <c r="Z4597" s="190">
        <v>0</v>
      </c>
      <c r="AA4597" s="190">
        <v>1</v>
      </c>
      <c r="AB4597" s="190">
        <v>0</v>
      </c>
      <c r="AC4597" s="190">
        <v>1</v>
      </c>
      <c r="AD4597" s="190">
        <v>1</v>
      </c>
      <c r="AE4597" s="190">
        <v>0</v>
      </c>
      <c r="AF4597" s="190">
        <v>0</v>
      </c>
      <c r="AG4597" s="190">
        <v>0</v>
      </c>
      <c r="AH4597" s="190">
        <v>0</v>
      </c>
      <c r="AI4597" s="190">
        <v>0</v>
      </c>
      <c r="AJ4597" s="190">
        <v>0</v>
      </c>
      <c r="AK4597" s="190">
        <v>0</v>
      </c>
      <c r="AL4597" s="190">
        <v>0</v>
      </c>
      <c r="AM4597" s="190">
        <v>0</v>
      </c>
      <c r="AN4597" s="190">
        <v>0</v>
      </c>
      <c r="AO4597" s="190">
        <v>0</v>
      </c>
      <c r="AP4597" s="190">
        <v>0</v>
      </c>
      <c r="AQ4597" s="190">
        <v>0</v>
      </c>
      <c r="AR4597" s="190">
        <v>0</v>
      </c>
      <c r="AS4597" s="190">
        <v>0</v>
      </c>
      <c r="AT4597" s="190">
        <v>0</v>
      </c>
      <c r="AU4597" s="190">
        <v>1</v>
      </c>
      <c r="AV4597" s="190">
        <v>0</v>
      </c>
      <c r="AW4597" s="190">
        <v>1</v>
      </c>
      <c r="AX4597" s="190" t="s">
        <v>22218</v>
      </c>
      <c r="AY4597" s="190"/>
      <c r="AZ4597" s="142"/>
      <c r="BA4597" s="190" t="s">
        <v>21669</v>
      </c>
      <c r="BB4597" s="107">
        <v>45884</v>
      </c>
    </row>
    <row r="4598" spans="1:54" s="238" customFormat="1" ht="13.95" customHeight="1" x14ac:dyDescent="0.25">
      <c r="A4598" s="236" t="s">
        <v>21676</v>
      </c>
      <c r="B4598" s="220" t="s">
        <v>10362</v>
      </c>
      <c r="C4598" s="190" t="s">
        <v>21670</v>
      </c>
      <c r="D4598" s="190" t="s">
        <v>21867</v>
      </c>
      <c r="E4598" s="237">
        <v>2020</v>
      </c>
      <c r="F4598" s="237">
        <v>200</v>
      </c>
      <c r="G4598" s="190" t="s">
        <v>1</v>
      </c>
      <c r="H4598" s="190">
        <v>0</v>
      </c>
      <c r="I4598" s="190">
        <v>0</v>
      </c>
      <c r="J4598" s="190">
        <v>0</v>
      </c>
      <c r="K4598" s="190">
        <v>1</v>
      </c>
      <c r="L4598" s="190">
        <v>0</v>
      </c>
      <c r="M4598" s="190">
        <v>0</v>
      </c>
      <c r="N4598" s="190">
        <v>0</v>
      </c>
      <c r="O4598" s="190">
        <v>0</v>
      </c>
      <c r="P4598" s="190">
        <v>1</v>
      </c>
      <c r="Q4598" s="190">
        <v>0</v>
      </c>
      <c r="R4598" s="190">
        <v>0</v>
      </c>
      <c r="S4598" s="190">
        <v>0</v>
      </c>
      <c r="T4598" s="190">
        <v>0</v>
      </c>
      <c r="U4598" s="99"/>
      <c r="V4598" s="99"/>
      <c r="W4598" s="99"/>
      <c r="X4598" s="99"/>
      <c r="Y4598" s="99"/>
      <c r="Z4598" s="99"/>
      <c r="AA4598" s="99"/>
      <c r="AB4598" s="99"/>
      <c r="AC4598" s="99"/>
      <c r="AD4598" s="99"/>
      <c r="AE4598" s="99"/>
      <c r="AF4598" s="99"/>
      <c r="AG4598" s="99"/>
      <c r="AH4598" s="99"/>
      <c r="AI4598" s="99"/>
      <c r="AJ4598" s="99"/>
      <c r="AK4598" s="99"/>
      <c r="AL4598" s="99"/>
      <c r="AM4598" s="99"/>
      <c r="AN4598" s="99"/>
      <c r="AO4598" s="99"/>
      <c r="AP4598" s="99"/>
      <c r="AQ4598" s="99"/>
      <c r="AR4598" s="99"/>
      <c r="AS4598" s="99"/>
      <c r="AT4598" s="99"/>
      <c r="AU4598" s="99"/>
      <c r="AV4598" s="99"/>
      <c r="AW4598" s="99"/>
      <c r="AX4598" s="99"/>
      <c r="AY4598" s="99"/>
      <c r="AZ4598" s="99"/>
      <c r="BA4598" s="99"/>
      <c r="BB4598" s="107">
        <v>45884</v>
      </c>
    </row>
    <row r="4599" spans="1:54" s="238" customFormat="1" ht="13.95" customHeight="1" x14ac:dyDescent="0.25">
      <c r="A4599" s="236" t="s">
        <v>21868</v>
      </c>
      <c r="B4599" s="220" t="s">
        <v>10362</v>
      </c>
      <c r="C4599" s="190" t="s">
        <v>21671</v>
      </c>
      <c r="D4599" s="190" t="s">
        <v>21672</v>
      </c>
      <c r="E4599" s="237">
        <v>2020</v>
      </c>
      <c r="F4599" s="237">
        <v>200</v>
      </c>
      <c r="G4599" s="190" t="s">
        <v>1</v>
      </c>
      <c r="H4599" s="190">
        <v>0</v>
      </c>
      <c r="I4599" s="190">
        <v>0</v>
      </c>
      <c r="J4599" s="190">
        <v>1</v>
      </c>
      <c r="K4599" s="190">
        <v>1</v>
      </c>
      <c r="L4599" s="190">
        <v>1</v>
      </c>
      <c r="M4599" s="190">
        <v>0</v>
      </c>
      <c r="N4599" s="190"/>
      <c r="O4599" s="190">
        <v>0</v>
      </c>
      <c r="P4599" s="190">
        <v>1</v>
      </c>
      <c r="Q4599" s="190">
        <v>0</v>
      </c>
      <c r="R4599" s="190">
        <v>0</v>
      </c>
      <c r="S4599" s="190">
        <v>0</v>
      </c>
      <c r="T4599" s="190">
        <v>0</v>
      </c>
      <c r="U4599" s="99"/>
      <c r="V4599" s="99"/>
      <c r="W4599" s="99"/>
      <c r="X4599" s="99"/>
      <c r="Y4599" s="99"/>
      <c r="Z4599" s="99"/>
      <c r="AA4599" s="99"/>
      <c r="AB4599" s="99"/>
      <c r="AC4599" s="99"/>
      <c r="AD4599" s="99"/>
      <c r="AE4599" s="99"/>
      <c r="AF4599" s="99"/>
      <c r="AG4599" s="99"/>
      <c r="AH4599" s="99"/>
      <c r="AI4599" s="99"/>
      <c r="AJ4599" s="99"/>
      <c r="AK4599" s="99"/>
      <c r="AL4599" s="99"/>
      <c r="AM4599" s="99"/>
      <c r="AN4599" s="99"/>
      <c r="AO4599" s="99"/>
      <c r="AP4599" s="99"/>
      <c r="AQ4599" s="99"/>
      <c r="AR4599" s="99"/>
      <c r="AS4599" s="99"/>
      <c r="AT4599" s="99"/>
      <c r="AU4599" s="99"/>
      <c r="AV4599" s="99"/>
      <c r="AW4599" s="99"/>
      <c r="AX4599" s="99"/>
      <c r="AY4599" s="99"/>
      <c r="AZ4599" s="99"/>
      <c r="BA4599" s="99"/>
      <c r="BB4599" s="107">
        <v>45884</v>
      </c>
    </row>
    <row r="4600" spans="1:54" s="238" customFormat="1" ht="13.95" customHeight="1" x14ac:dyDescent="0.25">
      <c r="A4600" s="236" t="s">
        <v>21871</v>
      </c>
      <c r="B4600" s="220" t="s">
        <v>10362</v>
      </c>
      <c r="C4600" s="190" t="s">
        <v>21869</v>
      </c>
      <c r="D4600" s="190" t="s">
        <v>24544</v>
      </c>
      <c r="E4600" s="237">
        <v>2021</v>
      </c>
      <c r="F4600" s="237">
        <v>200</v>
      </c>
      <c r="G4600" s="190" t="s">
        <v>1</v>
      </c>
      <c r="H4600" s="190">
        <v>0</v>
      </c>
      <c r="I4600" s="190">
        <v>0</v>
      </c>
      <c r="J4600" s="190">
        <v>1</v>
      </c>
      <c r="K4600" s="190">
        <v>1</v>
      </c>
      <c r="L4600" s="190">
        <v>1</v>
      </c>
      <c r="M4600" s="190">
        <v>0</v>
      </c>
      <c r="N4600" s="190">
        <v>0</v>
      </c>
      <c r="O4600" s="190">
        <v>0</v>
      </c>
      <c r="P4600" s="190">
        <v>1</v>
      </c>
      <c r="Q4600" s="190">
        <v>0</v>
      </c>
      <c r="R4600" s="190">
        <v>0</v>
      </c>
      <c r="S4600" s="190">
        <v>0</v>
      </c>
      <c r="T4600" s="190">
        <v>0</v>
      </c>
      <c r="U4600" s="99"/>
      <c r="V4600" s="99"/>
      <c r="W4600" s="99"/>
      <c r="X4600" s="99"/>
      <c r="Y4600" s="99"/>
      <c r="Z4600" s="99"/>
      <c r="AA4600" s="99"/>
      <c r="AB4600" s="99"/>
      <c r="AC4600" s="99"/>
      <c r="AD4600" s="99"/>
      <c r="AE4600" s="99"/>
      <c r="AF4600" s="99"/>
      <c r="AG4600" s="99"/>
      <c r="AH4600" s="99"/>
      <c r="AI4600" s="99"/>
      <c r="AJ4600" s="99"/>
      <c r="AK4600" s="99"/>
      <c r="AL4600" s="99"/>
      <c r="AM4600" s="99"/>
      <c r="AN4600" s="99"/>
      <c r="AO4600" s="99"/>
      <c r="AP4600" s="99"/>
      <c r="AQ4600" s="99"/>
      <c r="AR4600" s="99"/>
      <c r="AS4600" s="99"/>
      <c r="AT4600" s="99"/>
      <c r="AU4600" s="99"/>
      <c r="AV4600" s="99"/>
      <c r="AW4600" s="99"/>
      <c r="AX4600" s="99"/>
      <c r="AY4600" s="99"/>
      <c r="AZ4600" s="99"/>
      <c r="BA4600" s="99"/>
      <c r="BB4600" s="107">
        <v>45884</v>
      </c>
    </row>
    <row r="4601" spans="1:54" s="238" customFormat="1" ht="13.95" customHeight="1" x14ac:dyDescent="0.25">
      <c r="A4601" s="236" t="s">
        <v>21872</v>
      </c>
      <c r="B4601" s="220" t="s">
        <v>10362</v>
      </c>
      <c r="C4601" s="190" t="s">
        <v>21870</v>
      </c>
      <c r="D4601" s="190" t="s">
        <v>24545</v>
      </c>
      <c r="E4601" s="237">
        <v>2021</v>
      </c>
      <c r="F4601" s="237">
        <v>200</v>
      </c>
      <c r="G4601" s="190" t="s">
        <v>1</v>
      </c>
      <c r="H4601" s="190">
        <v>0</v>
      </c>
      <c r="I4601" s="190">
        <v>0</v>
      </c>
      <c r="J4601" s="190">
        <v>0</v>
      </c>
      <c r="K4601" s="190">
        <v>1</v>
      </c>
      <c r="L4601" s="190">
        <v>0</v>
      </c>
      <c r="M4601" s="190">
        <v>0</v>
      </c>
      <c r="N4601" s="190">
        <v>0</v>
      </c>
      <c r="O4601" s="190">
        <v>0</v>
      </c>
      <c r="P4601" s="190">
        <v>1</v>
      </c>
      <c r="Q4601" s="190">
        <v>0</v>
      </c>
      <c r="R4601" s="190">
        <v>0</v>
      </c>
      <c r="S4601" s="190">
        <v>0</v>
      </c>
      <c r="T4601" s="190">
        <v>0</v>
      </c>
      <c r="U4601" s="99"/>
      <c r="V4601" s="99"/>
      <c r="W4601" s="99"/>
      <c r="X4601" s="99"/>
      <c r="Y4601" s="99"/>
      <c r="Z4601" s="99"/>
      <c r="AA4601" s="99"/>
      <c r="AB4601" s="99"/>
      <c r="AC4601" s="99"/>
      <c r="AD4601" s="99"/>
      <c r="AE4601" s="99"/>
      <c r="AF4601" s="99"/>
      <c r="AG4601" s="99"/>
      <c r="AH4601" s="99"/>
      <c r="AI4601" s="99"/>
      <c r="AJ4601" s="99"/>
      <c r="AK4601" s="99"/>
      <c r="AL4601" s="99"/>
      <c r="AM4601" s="99"/>
      <c r="AN4601" s="99"/>
      <c r="AO4601" s="99"/>
      <c r="AP4601" s="99"/>
      <c r="AQ4601" s="99"/>
      <c r="AR4601" s="99"/>
      <c r="AS4601" s="99"/>
      <c r="AT4601" s="99"/>
      <c r="AU4601" s="99"/>
      <c r="AV4601" s="99"/>
      <c r="AW4601" s="99"/>
      <c r="AX4601" s="99"/>
      <c r="AY4601" s="99"/>
      <c r="AZ4601" s="99"/>
      <c r="BA4601" s="99"/>
      <c r="BB4601" s="107">
        <v>45884</v>
      </c>
    </row>
    <row r="4602" spans="1:54" s="238" customFormat="1" ht="13.95" customHeight="1" x14ac:dyDescent="0.25">
      <c r="A4602" s="236" t="s">
        <v>24180</v>
      </c>
      <c r="B4602" s="220" t="s">
        <v>10362</v>
      </c>
      <c r="C4602" s="190" t="s">
        <v>24146</v>
      </c>
      <c r="D4602" s="190" t="s">
        <v>24546</v>
      </c>
      <c r="E4602" s="237">
        <v>2023</v>
      </c>
      <c r="F4602" s="237">
        <v>230</v>
      </c>
      <c r="G4602" s="190" t="s">
        <v>1</v>
      </c>
      <c r="H4602" s="190">
        <v>0</v>
      </c>
      <c r="I4602" s="190">
        <v>0</v>
      </c>
      <c r="J4602" s="190">
        <v>1</v>
      </c>
      <c r="K4602" s="190">
        <v>1</v>
      </c>
      <c r="L4602" s="190">
        <v>0</v>
      </c>
      <c r="M4602" s="190">
        <v>0</v>
      </c>
      <c r="N4602" s="190">
        <v>0</v>
      </c>
      <c r="O4602" s="190">
        <v>0</v>
      </c>
      <c r="P4602" s="190">
        <v>1</v>
      </c>
      <c r="Q4602" s="190">
        <v>0</v>
      </c>
      <c r="R4602" s="190">
        <v>0</v>
      </c>
      <c r="S4602" s="190">
        <v>0</v>
      </c>
      <c r="T4602" s="190">
        <v>0</v>
      </c>
      <c r="U4602" s="99"/>
      <c r="V4602" s="99"/>
      <c r="W4602" s="99"/>
      <c r="X4602" s="99"/>
      <c r="Y4602" s="99"/>
      <c r="Z4602" s="99"/>
      <c r="AA4602" s="99"/>
      <c r="AB4602" s="99"/>
      <c r="AC4602" s="99"/>
      <c r="AD4602" s="99"/>
      <c r="AE4602" s="99"/>
      <c r="AF4602" s="99"/>
      <c r="AG4602" s="99"/>
      <c r="AH4602" s="99"/>
      <c r="AI4602" s="99"/>
      <c r="AJ4602" s="99"/>
      <c r="AK4602" s="99"/>
      <c r="AL4602" s="99"/>
      <c r="AM4602" s="99"/>
      <c r="AN4602" s="99"/>
      <c r="AO4602" s="99"/>
      <c r="AP4602" s="99"/>
      <c r="AQ4602" s="99"/>
      <c r="AR4602" s="99"/>
      <c r="AS4602" s="99"/>
      <c r="AT4602" s="99"/>
      <c r="AU4602" s="99"/>
      <c r="AV4602" s="99"/>
      <c r="AW4602" s="99"/>
      <c r="AX4602" s="99"/>
      <c r="AY4602" s="99"/>
      <c r="AZ4602" s="99"/>
      <c r="BA4602" s="99"/>
      <c r="BB4602" s="107">
        <v>45884</v>
      </c>
    </row>
    <row r="4603" spans="1:54" s="245" customFormat="1" ht="13.95" customHeight="1" x14ac:dyDescent="0.25">
      <c r="A4603" s="236" t="s">
        <v>24585</v>
      </c>
      <c r="B4603" s="241" t="s">
        <v>10362</v>
      </c>
      <c r="C4603" s="242" t="s">
        <v>24547</v>
      </c>
      <c r="D4603" s="242" t="s">
        <v>24548</v>
      </c>
      <c r="E4603" s="243">
        <v>2024</v>
      </c>
      <c r="F4603" s="243">
        <v>312</v>
      </c>
      <c r="G4603" s="242" t="s">
        <v>1</v>
      </c>
      <c r="H4603" s="242">
        <v>0</v>
      </c>
      <c r="I4603" s="242">
        <v>0</v>
      </c>
      <c r="J4603" s="242">
        <v>1</v>
      </c>
      <c r="K4603" s="242">
        <v>0</v>
      </c>
      <c r="L4603" s="242">
        <v>0</v>
      </c>
      <c r="M4603" s="242">
        <v>1</v>
      </c>
      <c r="N4603" s="242">
        <v>0</v>
      </c>
      <c r="O4603" s="242">
        <v>0</v>
      </c>
      <c r="P4603" s="242">
        <v>1</v>
      </c>
      <c r="Q4603" s="242">
        <v>0</v>
      </c>
      <c r="R4603" s="242">
        <v>0</v>
      </c>
      <c r="S4603" s="242">
        <v>0</v>
      </c>
      <c r="T4603" s="242">
        <v>0</v>
      </c>
      <c r="U4603" s="244"/>
      <c r="V4603" s="244"/>
      <c r="W4603" s="244"/>
      <c r="X4603" s="244"/>
      <c r="Y4603" s="244"/>
      <c r="Z4603" s="244"/>
      <c r="AA4603" s="244"/>
      <c r="AB4603" s="244"/>
      <c r="AC4603" s="244"/>
      <c r="AD4603" s="244"/>
      <c r="AE4603" s="244"/>
      <c r="AF4603" s="244"/>
      <c r="AG4603" s="244"/>
      <c r="AH4603" s="244"/>
      <c r="AI4603" s="244"/>
      <c r="AJ4603" s="244"/>
      <c r="AK4603" s="244"/>
      <c r="AL4603" s="244"/>
      <c r="AM4603" s="244"/>
      <c r="AN4603" s="244"/>
      <c r="AO4603" s="244"/>
      <c r="AP4603" s="244"/>
      <c r="AQ4603" s="244"/>
      <c r="AR4603" s="244"/>
      <c r="AS4603" s="244"/>
      <c r="AT4603" s="244"/>
      <c r="AU4603" s="244"/>
      <c r="AV4603" s="244"/>
      <c r="AW4603" s="244"/>
      <c r="AX4603" s="244"/>
      <c r="AY4603" s="244"/>
      <c r="AZ4603" s="244"/>
      <c r="BA4603" s="244"/>
      <c r="BB4603" s="107">
        <v>45884</v>
      </c>
    </row>
    <row r="4604" spans="1:54" s="245" customFormat="1" ht="13.95" customHeight="1" x14ac:dyDescent="0.25">
      <c r="A4604" s="236" t="s">
        <v>24586</v>
      </c>
      <c r="B4604" s="241" t="s">
        <v>10362</v>
      </c>
      <c r="C4604" s="242" t="s">
        <v>24549</v>
      </c>
      <c r="D4604" s="242" t="s">
        <v>24550</v>
      </c>
      <c r="E4604" s="243">
        <v>2024</v>
      </c>
      <c r="F4604" s="243">
        <v>613</v>
      </c>
      <c r="G4604" s="242" t="s">
        <v>1</v>
      </c>
      <c r="H4604" s="242">
        <v>0</v>
      </c>
      <c r="I4604" s="242">
        <v>0</v>
      </c>
      <c r="J4604" s="242">
        <v>0</v>
      </c>
      <c r="K4604" s="242">
        <v>0</v>
      </c>
      <c r="L4604" s="242">
        <v>0</v>
      </c>
      <c r="M4604" s="242">
        <v>0</v>
      </c>
      <c r="N4604" s="242">
        <v>0</v>
      </c>
      <c r="O4604" s="242">
        <v>0</v>
      </c>
      <c r="P4604" s="242">
        <v>0</v>
      </c>
      <c r="Q4604" s="242">
        <v>0</v>
      </c>
      <c r="R4604" s="242">
        <v>0</v>
      </c>
      <c r="S4604" s="242">
        <v>0</v>
      </c>
      <c r="T4604" s="242">
        <v>0</v>
      </c>
      <c r="U4604" s="244"/>
      <c r="V4604" s="244"/>
      <c r="W4604" s="244"/>
      <c r="X4604" s="244"/>
      <c r="Y4604" s="244"/>
      <c r="Z4604" s="244"/>
      <c r="AA4604" s="244"/>
      <c r="AB4604" s="244"/>
      <c r="AC4604" s="244"/>
      <c r="AD4604" s="244"/>
      <c r="AE4604" s="244"/>
      <c r="AF4604" s="244"/>
      <c r="AG4604" s="244"/>
      <c r="AH4604" s="244"/>
      <c r="AI4604" s="244"/>
      <c r="AJ4604" s="244"/>
      <c r="AK4604" s="244"/>
      <c r="AL4604" s="244"/>
      <c r="AM4604" s="244"/>
      <c r="AN4604" s="244"/>
      <c r="AO4604" s="244"/>
      <c r="AP4604" s="244"/>
      <c r="AQ4604" s="244"/>
      <c r="AR4604" s="244"/>
      <c r="AS4604" s="244"/>
      <c r="AT4604" s="244"/>
      <c r="AU4604" s="244"/>
      <c r="AV4604" s="244"/>
      <c r="AW4604" s="244"/>
      <c r="AX4604" s="244"/>
      <c r="AY4604" s="244"/>
      <c r="AZ4604" s="244"/>
      <c r="BA4604" s="244"/>
      <c r="BB4604" s="107">
        <v>45884</v>
      </c>
    </row>
    <row r="4605" spans="1:54" s="245" customFormat="1" ht="13.95" customHeight="1" x14ac:dyDescent="0.25">
      <c r="A4605" s="236" t="s">
        <v>24587</v>
      </c>
      <c r="B4605" s="241" t="s">
        <v>10362</v>
      </c>
      <c r="C4605" s="242" t="s">
        <v>24551</v>
      </c>
      <c r="D4605" s="242" t="s">
        <v>24552</v>
      </c>
      <c r="E4605" s="243">
        <v>1994</v>
      </c>
      <c r="F4605" s="243">
        <v>10799</v>
      </c>
      <c r="G4605" s="242" t="s">
        <v>8</v>
      </c>
      <c r="H4605" s="242">
        <v>0</v>
      </c>
      <c r="I4605" s="242">
        <v>0</v>
      </c>
      <c r="J4605" s="242">
        <v>0</v>
      </c>
      <c r="K4605" s="242">
        <v>0</v>
      </c>
      <c r="L4605" s="242">
        <v>0</v>
      </c>
      <c r="M4605" s="242">
        <v>0</v>
      </c>
      <c r="N4605" s="242">
        <v>0</v>
      </c>
      <c r="O4605" s="242">
        <v>0</v>
      </c>
      <c r="P4605" s="242">
        <v>0</v>
      </c>
      <c r="Q4605" s="242">
        <v>0</v>
      </c>
      <c r="R4605" s="242">
        <v>0</v>
      </c>
      <c r="S4605" s="242">
        <v>0</v>
      </c>
      <c r="T4605" s="242">
        <v>0</v>
      </c>
      <c r="U4605" s="244"/>
      <c r="V4605" s="244"/>
      <c r="W4605" s="244"/>
      <c r="X4605" s="244"/>
      <c r="Y4605" s="244"/>
      <c r="Z4605" s="244"/>
      <c r="AA4605" s="244"/>
      <c r="AB4605" s="244"/>
      <c r="AC4605" s="244"/>
      <c r="AD4605" s="244"/>
      <c r="AE4605" s="244"/>
      <c r="AF4605" s="244"/>
      <c r="AG4605" s="244"/>
      <c r="AH4605" s="244"/>
      <c r="AI4605" s="244"/>
      <c r="AJ4605" s="244"/>
      <c r="AK4605" s="244"/>
      <c r="AL4605" s="244"/>
      <c r="AM4605" s="244"/>
      <c r="AN4605" s="244"/>
      <c r="AO4605" s="244"/>
      <c r="AP4605" s="244"/>
      <c r="AQ4605" s="244"/>
      <c r="AR4605" s="244"/>
      <c r="AS4605" s="244"/>
      <c r="AT4605" s="244"/>
      <c r="AU4605" s="244"/>
      <c r="AV4605" s="244"/>
      <c r="AW4605" s="244"/>
      <c r="AX4605" s="244"/>
      <c r="AY4605" s="244"/>
      <c r="AZ4605" s="244"/>
      <c r="BA4605" s="244"/>
      <c r="BB4605" s="107">
        <v>45884</v>
      </c>
    </row>
    <row r="4606" spans="1:54" s="245" customFormat="1" ht="13.95" customHeight="1" x14ac:dyDescent="0.25">
      <c r="A4606" s="236" t="s">
        <v>24588</v>
      </c>
      <c r="B4606" s="241" t="s">
        <v>10362</v>
      </c>
      <c r="C4606" s="242" t="s">
        <v>24553</v>
      </c>
      <c r="D4606" s="242" t="s">
        <v>24554</v>
      </c>
      <c r="E4606" s="243">
        <v>2001</v>
      </c>
      <c r="F4606" s="243">
        <v>765</v>
      </c>
      <c r="G4606" s="242" t="s">
        <v>8</v>
      </c>
      <c r="H4606" s="242">
        <v>0</v>
      </c>
      <c r="I4606" s="242">
        <v>0</v>
      </c>
      <c r="J4606" s="242">
        <v>0</v>
      </c>
      <c r="K4606" s="242">
        <v>0</v>
      </c>
      <c r="L4606" s="242">
        <v>0</v>
      </c>
      <c r="M4606" s="242">
        <v>0</v>
      </c>
      <c r="N4606" s="242">
        <v>0</v>
      </c>
      <c r="O4606" s="242">
        <v>0</v>
      </c>
      <c r="P4606" s="242">
        <v>0</v>
      </c>
      <c r="Q4606" s="242">
        <v>0</v>
      </c>
      <c r="R4606" s="242">
        <v>0</v>
      </c>
      <c r="S4606" s="242">
        <v>0</v>
      </c>
      <c r="T4606" s="242">
        <v>0</v>
      </c>
      <c r="U4606" s="244"/>
      <c r="V4606" s="244"/>
      <c r="W4606" s="244"/>
      <c r="X4606" s="244"/>
      <c r="Y4606" s="244"/>
      <c r="Z4606" s="244"/>
      <c r="AA4606" s="244"/>
      <c r="AB4606" s="244"/>
      <c r="AC4606" s="244"/>
      <c r="AD4606" s="244"/>
      <c r="AE4606" s="244"/>
      <c r="AF4606" s="244"/>
      <c r="AG4606" s="244"/>
      <c r="AH4606" s="244"/>
      <c r="AI4606" s="244"/>
      <c r="AJ4606" s="244"/>
      <c r="AK4606" s="244"/>
      <c r="AL4606" s="244"/>
      <c r="AM4606" s="244"/>
      <c r="AN4606" s="244"/>
      <c r="AO4606" s="244"/>
      <c r="AP4606" s="244"/>
      <c r="AQ4606" s="244"/>
      <c r="AR4606" s="244"/>
      <c r="AS4606" s="244"/>
      <c r="AT4606" s="244"/>
      <c r="AU4606" s="244"/>
      <c r="AV4606" s="244"/>
      <c r="AW4606" s="244"/>
      <c r="AX4606" s="244"/>
      <c r="AY4606" s="244"/>
      <c r="AZ4606" s="244"/>
      <c r="BA4606" s="244"/>
      <c r="BB4606" s="107">
        <v>45884</v>
      </c>
    </row>
    <row r="4607" spans="1:54" s="245" customFormat="1" ht="13.95" customHeight="1" x14ac:dyDescent="0.25">
      <c r="A4607" s="236" t="s">
        <v>24589</v>
      </c>
      <c r="B4607" s="241" t="s">
        <v>10362</v>
      </c>
      <c r="C4607" s="242" t="s">
        <v>24555</v>
      </c>
      <c r="D4607" s="242" t="s">
        <v>24556</v>
      </c>
      <c r="E4607" s="243">
        <v>2001</v>
      </c>
      <c r="F4607" s="243">
        <v>3319</v>
      </c>
      <c r="G4607" s="242" t="s">
        <v>8</v>
      </c>
      <c r="H4607" s="242">
        <v>0</v>
      </c>
      <c r="I4607" s="242">
        <v>0</v>
      </c>
      <c r="J4607" s="242">
        <v>0</v>
      </c>
      <c r="K4607" s="242">
        <v>0</v>
      </c>
      <c r="L4607" s="242">
        <v>0</v>
      </c>
      <c r="M4607" s="242">
        <v>0</v>
      </c>
      <c r="N4607" s="242">
        <v>0</v>
      </c>
      <c r="O4607" s="242">
        <v>0</v>
      </c>
      <c r="P4607" s="242">
        <v>0</v>
      </c>
      <c r="Q4607" s="242">
        <v>0</v>
      </c>
      <c r="R4607" s="242">
        <v>0</v>
      </c>
      <c r="S4607" s="242">
        <v>0</v>
      </c>
      <c r="T4607" s="242">
        <v>0</v>
      </c>
      <c r="U4607" s="244"/>
      <c r="V4607" s="244"/>
      <c r="W4607" s="244"/>
      <c r="X4607" s="244"/>
      <c r="Y4607" s="244"/>
      <c r="Z4607" s="244"/>
      <c r="AA4607" s="244"/>
      <c r="AB4607" s="244"/>
      <c r="AC4607" s="244"/>
      <c r="AD4607" s="244"/>
      <c r="AE4607" s="244"/>
      <c r="AF4607" s="244"/>
      <c r="AG4607" s="244"/>
      <c r="AH4607" s="244"/>
      <c r="AI4607" s="244"/>
      <c r="AJ4607" s="244"/>
      <c r="AK4607" s="244"/>
      <c r="AL4607" s="244"/>
      <c r="AM4607" s="244"/>
      <c r="AN4607" s="244"/>
      <c r="AO4607" s="244"/>
      <c r="AP4607" s="244"/>
      <c r="AQ4607" s="244"/>
      <c r="AR4607" s="244"/>
      <c r="AS4607" s="244"/>
      <c r="AT4607" s="244"/>
      <c r="AU4607" s="244"/>
      <c r="AV4607" s="244"/>
      <c r="AW4607" s="244"/>
      <c r="AX4607" s="244"/>
      <c r="AY4607" s="244"/>
      <c r="AZ4607" s="244"/>
      <c r="BA4607" s="244"/>
      <c r="BB4607" s="107">
        <v>45884</v>
      </c>
    </row>
    <row r="4608" spans="1:54" s="245" customFormat="1" ht="13.95" customHeight="1" x14ac:dyDescent="0.25">
      <c r="A4608" s="236" t="s">
        <v>24590</v>
      </c>
      <c r="B4608" s="241" t="s">
        <v>10362</v>
      </c>
      <c r="C4608" s="242" t="s">
        <v>24557</v>
      </c>
      <c r="D4608" s="242" t="s">
        <v>24558</v>
      </c>
      <c r="E4608" s="243">
        <v>2008</v>
      </c>
      <c r="F4608" s="243">
        <v>4799</v>
      </c>
      <c r="G4608" s="242" t="s">
        <v>8</v>
      </c>
      <c r="H4608" s="242">
        <v>0</v>
      </c>
      <c r="I4608" s="242">
        <v>0</v>
      </c>
      <c r="J4608" s="242">
        <v>0</v>
      </c>
      <c r="K4608" s="242">
        <v>0</v>
      </c>
      <c r="L4608" s="242">
        <v>0</v>
      </c>
      <c r="M4608" s="242">
        <v>0</v>
      </c>
      <c r="N4608" s="242">
        <v>0</v>
      </c>
      <c r="O4608" s="242">
        <v>0</v>
      </c>
      <c r="P4608" s="242">
        <v>0</v>
      </c>
      <c r="Q4608" s="242">
        <v>0</v>
      </c>
      <c r="R4608" s="242">
        <v>0</v>
      </c>
      <c r="S4608" s="242">
        <v>0</v>
      </c>
      <c r="T4608" s="242">
        <v>0</v>
      </c>
      <c r="U4608" s="244"/>
      <c r="V4608" s="244"/>
      <c r="W4608" s="244"/>
      <c r="X4608" s="244"/>
      <c r="Y4608" s="244"/>
      <c r="Z4608" s="244"/>
      <c r="AA4608" s="244"/>
      <c r="AB4608" s="244"/>
      <c r="AC4608" s="244"/>
      <c r="AD4608" s="244"/>
      <c r="AE4608" s="244"/>
      <c r="AF4608" s="244"/>
      <c r="AG4608" s="244"/>
      <c r="AH4608" s="244"/>
      <c r="AI4608" s="244"/>
      <c r="AJ4608" s="244"/>
      <c r="AK4608" s="244"/>
      <c r="AL4608" s="244"/>
      <c r="AM4608" s="244"/>
      <c r="AN4608" s="244"/>
      <c r="AO4608" s="244"/>
      <c r="AP4608" s="244"/>
      <c r="AQ4608" s="244"/>
      <c r="AR4608" s="244"/>
      <c r="AS4608" s="244"/>
      <c r="AT4608" s="244"/>
      <c r="AU4608" s="244"/>
      <c r="AV4608" s="244"/>
      <c r="AW4608" s="244"/>
      <c r="AX4608" s="244"/>
      <c r="AY4608" s="244"/>
      <c r="AZ4608" s="244"/>
      <c r="BA4608" s="244"/>
      <c r="BB4608" s="107">
        <v>45884</v>
      </c>
    </row>
    <row r="4609" spans="1:54" s="245" customFormat="1" ht="13.95" customHeight="1" x14ac:dyDescent="0.25">
      <c r="A4609" s="236" t="s">
        <v>24591</v>
      </c>
      <c r="B4609" s="241" t="s">
        <v>10362</v>
      </c>
      <c r="C4609" s="242" t="s">
        <v>24559</v>
      </c>
      <c r="D4609" s="242" t="s">
        <v>24560</v>
      </c>
      <c r="E4609" s="243">
        <v>2008</v>
      </c>
      <c r="F4609" s="243">
        <v>5493</v>
      </c>
      <c r="G4609" s="242" t="s">
        <v>8</v>
      </c>
      <c r="H4609" s="242">
        <v>0</v>
      </c>
      <c r="I4609" s="242">
        <v>0</v>
      </c>
      <c r="J4609" s="242">
        <v>0</v>
      </c>
      <c r="K4609" s="242">
        <v>0</v>
      </c>
      <c r="L4609" s="242">
        <v>0</v>
      </c>
      <c r="M4609" s="242">
        <v>0</v>
      </c>
      <c r="N4609" s="242">
        <v>0</v>
      </c>
      <c r="O4609" s="242">
        <v>0</v>
      </c>
      <c r="P4609" s="242">
        <v>0</v>
      </c>
      <c r="Q4609" s="242">
        <v>0</v>
      </c>
      <c r="R4609" s="242">
        <v>0</v>
      </c>
      <c r="S4609" s="242">
        <v>0</v>
      </c>
      <c r="T4609" s="242">
        <v>0</v>
      </c>
      <c r="U4609" s="244"/>
      <c r="V4609" s="244"/>
      <c r="W4609" s="244"/>
      <c r="X4609" s="244"/>
      <c r="Y4609" s="244"/>
      <c r="Z4609" s="244"/>
      <c r="AA4609" s="244"/>
      <c r="AB4609" s="244"/>
      <c r="AC4609" s="244"/>
      <c r="AD4609" s="244"/>
      <c r="AE4609" s="244"/>
      <c r="AF4609" s="244"/>
      <c r="AG4609" s="244"/>
      <c r="AH4609" s="244"/>
      <c r="AI4609" s="244"/>
      <c r="AJ4609" s="244"/>
      <c r="AK4609" s="244"/>
      <c r="AL4609" s="244"/>
      <c r="AM4609" s="244"/>
      <c r="AN4609" s="244"/>
      <c r="AO4609" s="244"/>
      <c r="AP4609" s="244"/>
      <c r="AQ4609" s="244"/>
      <c r="AR4609" s="244"/>
      <c r="AS4609" s="244"/>
      <c r="AT4609" s="244"/>
      <c r="AU4609" s="244"/>
      <c r="AV4609" s="244"/>
      <c r="AW4609" s="244"/>
      <c r="AX4609" s="244"/>
      <c r="AY4609" s="244"/>
      <c r="AZ4609" s="244"/>
      <c r="BA4609" s="244"/>
      <c r="BB4609" s="107">
        <v>45884</v>
      </c>
    </row>
    <row r="4610" spans="1:54" s="245" customFormat="1" ht="13.95" customHeight="1" x14ac:dyDescent="0.25">
      <c r="A4610" s="236" t="s">
        <v>24592</v>
      </c>
      <c r="B4610" s="241" t="s">
        <v>10362</v>
      </c>
      <c r="C4610" s="242" t="s">
        <v>24561</v>
      </c>
      <c r="D4610" s="242" t="s">
        <v>24562</v>
      </c>
      <c r="E4610" s="243">
        <v>2008</v>
      </c>
      <c r="F4610" s="243">
        <v>5189</v>
      </c>
      <c r="G4610" s="242" t="s">
        <v>8</v>
      </c>
      <c r="H4610" s="242">
        <v>0</v>
      </c>
      <c r="I4610" s="242">
        <v>0</v>
      </c>
      <c r="J4610" s="242">
        <v>0</v>
      </c>
      <c r="K4610" s="242">
        <v>0</v>
      </c>
      <c r="L4610" s="242">
        <v>0</v>
      </c>
      <c r="M4610" s="242">
        <v>0</v>
      </c>
      <c r="N4610" s="242">
        <v>0</v>
      </c>
      <c r="O4610" s="242">
        <v>0</v>
      </c>
      <c r="P4610" s="242">
        <v>0</v>
      </c>
      <c r="Q4610" s="242">
        <v>0</v>
      </c>
      <c r="R4610" s="242">
        <v>0</v>
      </c>
      <c r="S4610" s="242">
        <v>0</v>
      </c>
      <c r="T4610" s="242">
        <v>0</v>
      </c>
      <c r="U4610" s="244"/>
      <c r="V4610" s="244"/>
      <c r="W4610" s="244"/>
      <c r="X4610" s="244"/>
      <c r="Y4610" s="244"/>
      <c r="Z4610" s="244"/>
      <c r="AA4610" s="244"/>
      <c r="AB4610" s="244"/>
      <c r="AC4610" s="244"/>
      <c r="AD4610" s="244"/>
      <c r="AE4610" s="244"/>
      <c r="AF4610" s="244"/>
      <c r="AG4610" s="244"/>
      <c r="AH4610" s="244"/>
      <c r="AI4610" s="244"/>
      <c r="AJ4610" s="244"/>
      <c r="AK4610" s="244"/>
      <c r="AL4610" s="244"/>
      <c r="AM4610" s="244"/>
      <c r="AN4610" s="244"/>
      <c r="AO4610" s="244"/>
      <c r="AP4610" s="244"/>
      <c r="AQ4610" s="244"/>
      <c r="AR4610" s="244"/>
      <c r="AS4610" s="244"/>
      <c r="AT4610" s="244"/>
      <c r="AU4610" s="244"/>
      <c r="AV4610" s="244"/>
      <c r="AW4610" s="244"/>
      <c r="AX4610" s="244"/>
      <c r="AY4610" s="244"/>
      <c r="AZ4610" s="244"/>
      <c r="BA4610" s="244"/>
      <c r="BB4610" s="107">
        <v>45884</v>
      </c>
    </row>
    <row r="4611" spans="1:54" s="245" customFormat="1" ht="13.95" customHeight="1" x14ac:dyDescent="0.25">
      <c r="A4611" s="236" t="s">
        <v>24593</v>
      </c>
      <c r="B4611" s="241" t="s">
        <v>10362</v>
      </c>
      <c r="C4611" s="242" t="s">
        <v>24563</v>
      </c>
      <c r="D4611" s="242" t="s">
        <v>24564</v>
      </c>
      <c r="E4611" s="243">
        <v>2008</v>
      </c>
      <c r="F4611" s="243">
        <v>4719</v>
      </c>
      <c r="G4611" s="242" t="s">
        <v>8</v>
      </c>
      <c r="H4611" s="242">
        <v>0</v>
      </c>
      <c r="I4611" s="242">
        <v>0</v>
      </c>
      <c r="J4611" s="242">
        <v>0</v>
      </c>
      <c r="K4611" s="242">
        <v>0</v>
      </c>
      <c r="L4611" s="242">
        <v>0</v>
      </c>
      <c r="M4611" s="242">
        <v>0</v>
      </c>
      <c r="N4611" s="242">
        <v>0</v>
      </c>
      <c r="O4611" s="242">
        <v>0</v>
      </c>
      <c r="P4611" s="242">
        <v>0</v>
      </c>
      <c r="Q4611" s="242">
        <v>0</v>
      </c>
      <c r="R4611" s="242">
        <v>0</v>
      </c>
      <c r="S4611" s="242">
        <v>0</v>
      </c>
      <c r="T4611" s="242">
        <v>0</v>
      </c>
      <c r="U4611" s="244"/>
      <c r="V4611" s="244"/>
      <c r="W4611" s="244"/>
      <c r="X4611" s="244"/>
      <c r="Y4611" s="244"/>
      <c r="Z4611" s="244"/>
      <c r="AA4611" s="244"/>
      <c r="AB4611" s="244"/>
      <c r="AC4611" s="244"/>
      <c r="AD4611" s="244"/>
      <c r="AE4611" s="244"/>
      <c r="AF4611" s="244"/>
      <c r="AG4611" s="244"/>
      <c r="AH4611" s="244"/>
      <c r="AI4611" s="244"/>
      <c r="AJ4611" s="244"/>
      <c r="AK4611" s="244"/>
      <c r="AL4611" s="244"/>
      <c r="AM4611" s="244"/>
      <c r="AN4611" s="244"/>
      <c r="AO4611" s="244"/>
      <c r="AP4611" s="244"/>
      <c r="AQ4611" s="244"/>
      <c r="AR4611" s="244"/>
      <c r="AS4611" s="244"/>
      <c r="AT4611" s="244"/>
      <c r="AU4611" s="244"/>
      <c r="AV4611" s="244"/>
      <c r="AW4611" s="244"/>
      <c r="AX4611" s="244"/>
      <c r="AY4611" s="244"/>
      <c r="AZ4611" s="244"/>
      <c r="BA4611" s="244"/>
      <c r="BB4611" s="107">
        <v>45884</v>
      </c>
    </row>
    <row r="4612" spans="1:54" s="245" customFormat="1" ht="13.95" customHeight="1" x14ac:dyDescent="0.25">
      <c r="A4612" s="236" t="s">
        <v>24594</v>
      </c>
      <c r="B4612" s="241" t="s">
        <v>10362</v>
      </c>
      <c r="C4612" s="242" t="s">
        <v>24565</v>
      </c>
      <c r="D4612" s="242" t="s">
        <v>24566</v>
      </c>
      <c r="E4612" s="243">
        <v>2008</v>
      </c>
      <c r="F4612" s="243">
        <v>583</v>
      </c>
      <c r="G4612" s="242" t="s">
        <v>8</v>
      </c>
      <c r="H4612" s="242">
        <v>0</v>
      </c>
      <c r="I4612" s="242">
        <v>0</v>
      </c>
      <c r="J4612" s="242">
        <v>0</v>
      </c>
      <c r="K4612" s="242">
        <v>0</v>
      </c>
      <c r="L4612" s="242">
        <v>0</v>
      </c>
      <c r="M4612" s="242">
        <v>0</v>
      </c>
      <c r="N4612" s="242">
        <v>0</v>
      </c>
      <c r="O4612" s="242">
        <v>0</v>
      </c>
      <c r="P4612" s="242">
        <v>0</v>
      </c>
      <c r="Q4612" s="242">
        <v>0</v>
      </c>
      <c r="R4612" s="242">
        <v>0</v>
      </c>
      <c r="S4612" s="242">
        <v>0</v>
      </c>
      <c r="T4612" s="242">
        <v>0</v>
      </c>
      <c r="U4612" s="244"/>
      <c r="V4612" s="244"/>
      <c r="W4612" s="244"/>
      <c r="X4612" s="244"/>
      <c r="Y4612" s="244"/>
      <c r="Z4612" s="244"/>
      <c r="AA4612" s="244"/>
      <c r="AB4612" s="244"/>
      <c r="AC4612" s="244"/>
      <c r="AD4612" s="244"/>
      <c r="AE4612" s="244"/>
      <c r="AF4612" s="244"/>
      <c r="AG4612" s="244"/>
      <c r="AH4612" s="244"/>
      <c r="AI4612" s="244"/>
      <c r="AJ4612" s="244"/>
      <c r="AK4612" s="244"/>
      <c r="AL4612" s="244"/>
      <c r="AM4612" s="244"/>
      <c r="AN4612" s="244"/>
      <c r="AO4612" s="244"/>
      <c r="AP4612" s="244"/>
      <c r="AQ4612" s="244"/>
      <c r="AR4612" s="244"/>
      <c r="AS4612" s="244"/>
      <c r="AT4612" s="244"/>
      <c r="AU4612" s="244"/>
      <c r="AV4612" s="244"/>
      <c r="AW4612" s="244"/>
      <c r="AX4612" s="244"/>
      <c r="AY4612" s="244"/>
      <c r="AZ4612" s="244"/>
      <c r="BA4612" s="244"/>
      <c r="BB4612" s="107">
        <v>45884</v>
      </c>
    </row>
    <row r="4613" spans="1:54" s="245" customFormat="1" ht="13.95" customHeight="1" x14ac:dyDescent="0.25">
      <c r="A4613" s="236" t="s">
        <v>24595</v>
      </c>
      <c r="B4613" s="241" t="s">
        <v>10362</v>
      </c>
      <c r="C4613" s="242" t="s">
        <v>24567</v>
      </c>
      <c r="D4613" s="242" t="s">
        <v>24568</v>
      </c>
      <c r="E4613" s="243">
        <v>2008</v>
      </c>
      <c r="F4613" s="243">
        <v>968</v>
      </c>
      <c r="G4613" s="242" t="s">
        <v>8</v>
      </c>
      <c r="H4613" s="242">
        <v>0</v>
      </c>
      <c r="I4613" s="242">
        <v>0</v>
      </c>
      <c r="J4613" s="242">
        <v>0</v>
      </c>
      <c r="K4613" s="242">
        <v>0</v>
      </c>
      <c r="L4613" s="242">
        <v>0</v>
      </c>
      <c r="M4613" s="242">
        <v>0</v>
      </c>
      <c r="N4613" s="242">
        <v>0</v>
      </c>
      <c r="O4613" s="242">
        <v>0</v>
      </c>
      <c r="P4613" s="242">
        <v>0</v>
      </c>
      <c r="Q4613" s="242">
        <v>0</v>
      </c>
      <c r="R4613" s="242">
        <v>0</v>
      </c>
      <c r="S4613" s="242">
        <v>0</v>
      </c>
      <c r="T4613" s="242">
        <v>0</v>
      </c>
      <c r="U4613" s="244"/>
      <c r="V4613" s="244"/>
      <c r="W4613" s="244"/>
      <c r="X4613" s="244"/>
      <c r="Y4613" s="244"/>
      <c r="Z4613" s="244"/>
      <c r="AA4613" s="244"/>
      <c r="AB4613" s="244"/>
      <c r="AC4613" s="244"/>
      <c r="AD4613" s="244"/>
      <c r="AE4613" s="244"/>
      <c r="AF4613" s="244"/>
      <c r="AG4613" s="244"/>
      <c r="AH4613" s="244"/>
      <c r="AI4613" s="244"/>
      <c r="AJ4613" s="244"/>
      <c r="AK4613" s="244"/>
      <c r="AL4613" s="244"/>
      <c r="AM4613" s="244"/>
      <c r="AN4613" s="244"/>
      <c r="AO4613" s="244"/>
      <c r="AP4613" s="244"/>
      <c r="AQ4613" s="244"/>
      <c r="AR4613" s="244"/>
      <c r="AS4613" s="244"/>
      <c r="AT4613" s="244"/>
      <c r="AU4613" s="244"/>
      <c r="AV4613" s="244"/>
      <c r="AW4613" s="244"/>
      <c r="AX4613" s="244"/>
      <c r="AY4613" s="244"/>
      <c r="AZ4613" s="244"/>
      <c r="BA4613" s="244"/>
      <c r="BB4613" s="107">
        <v>45884</v>
      </c>
    </row>
    <row r="4614" spans="1:54" s="245" customFormat="1" ht="13.95" customHeight="1" x14ac:dyDescent="0.25">
      <c r="A4614" s="236" t="s">
        <v>24596</v>
      </c>
      <c r="B4614" s="241" t="s">
        <v>10362</v>
      </c>
      <c r="C4614" s="242" t="s">
        <v>24569</v>
      </c>
      <c r="D4614" s="242" t="s">
        <v>24570</v>
      </c>
      <c r="E4614" s="243">
        <v>2008</v>
      </c>
      <c r="F4614" s="243">
        <v>537</v>
      </c>
      <c r="G4614" s="242" t="s">
        <v>8</v>
      </c>
      <c r="H4614" s="242">
        <v>0</v>
      </c>
      <c r="I4614" s="242">
        <v>0</v>
      </c>
      <c r="J4614" s="242">
        <v>0</v>
      </c>
      <c r="K4614" s="242">
        <v>0</v>
      </c>
      <c r="L4614" s="242">
        <v>0</v>
      </c>
      <c r="M4614" s="242">
        <v>0</v>
      </c>
      <c r="N4614" s="242">
        <v>0</v>
      </c>
      <c r="O4614" s="242">
        <v>0</v>
      </c>
      <c r="P4614" s="242">
        <v>0</v>
      </c>
      <c r="Q4614" s="242">
        <v>0</v>
      </c>
      <c r="R4614" s="242">
        <v>0</v>
      </c>
      <c r="S4614" s="242">
        <v>0</v>
      </c>
      <c r="T4614" s="242">
        <v>0</v>
      </c>
      <c r="U4614" s="244"/>
      <c r="V4614" s="244"/>
      <c r="W4614" s="244"/>
      <c r="X4614" s="244"/>
      <c r="Y4614" s="244"/>
      <c r="Z4614" s="244"/>
      <c r="AA4614" s="244"/>
      <c r="AB4614" s="244"/>
      <c r="AC4614" s="244"/>
      <c r="AD4614" s="244"/>
      <c r="AE4614" s="244"/>
      <c r="AF4614" s="244"/>
      <c r="AG4614" s="244"/>
      <c r="AH4614" s="244"/>
      <c r="AI4614" s="244"/>
      <c r="AJ4614" s="244"/>
      <c r="AK4614" s="244"/>
      <c r="AL4614" s="244"/>
      <c r="AM4614" s="244"/>
      <c r="AN4614" s="244"/>
      <c r="AO4614" s="244"/>
      <c r="AP4614" s="244"/>
      <c r="AQ4614" s="244"/>
      <c r="AR4614" s="244"/>
      <c r="AS4614" s="244"/>
      <c r="AT4614" s="244"/>
      <c r="AU4614" s="244"/>
      <c r="AV4614" s="244"/>
      <c r="AW4614" s="244"/>
      <c r="AX4614" s="244"/>
      <c r="AY4614" s="244"/>
      <c r="AZ4614" s="244"/>
      <c r="BA4614" s="244"/>
      <c r="BB4614" s="107">
        <v>45884</v>
      </c>
    </row>
    <row r="4615" spans="1:54" s="245" customFormat="1" ht="13.95" customHeight="1" x14ac:dyDescent="0.25">
      <c r="A4615" s="236" t="s">
        <v>24597</v>
      </c>
      <c r="B4615" s="241" t="s">
        <v>10362</v>
      </c>
      <c r="C4615" s="242" t="s">
        <v>24571</v>
      </c>
      <c r="D4615" s="242" t="s">
        <v>24572</v>
      </c>
      <c r="E4615" s="243">
        <v>2008</v>
      </c>
      <c r="F4615" s="243">
        <v>19986</v>
      </c>
      <c r="G4615" s="242" t="s">
        <v>8</v>
      </c>
      <c r="H4615" s="242">
        <v>0</v>
      </c>
      <c r="I4615" s="242">
        <v>0</v>
      </c>
      <c r="J4615" s="242">
        <v>0</v>
      </c>
      <c r="K4615" s="242">
        <v>0</v>
      </c>
      <c r="L4615" s="242">
        <v>0</v>
      </c>
      <c r="M4615" s="242">
        <v>0</v>
      </c>
      <c r="N4615" s="242">
        <v>0</v>
      </c>
      <c r="O4615" s="242">
        <v>0</v>
      </c>
      <c r="P4615" s="242">
        <v>0</v>
      </c>
      <c r="Q4615" s="242">
        <v>0</v>
      </c>
      <c r="R4615" s="242">
        <v>0</v>
      </c>
      <c r="S4615" s="242">
        <v>0</v>
      </c>
      <c r="T4615" s="242">
        <v>0</v>
      </c>
      <c r="U4615" s="244"/>
      <c r="V4615" s="244"/>
      <c r="W4615" s="244"/>
      <c r="X4615" s="244"/>
      <c r="Y4615" s="244"/>
      <c r="Z4615" s="244"/>
      <c r="AA4615" s="244"/>
      <c r="AB4615" s="244"/>
      <c r="AC4615" s="244"/>
      <c r="AD4615" s="244"/>
      <c r="AE4615" s="244"/>
      <c r="AF4615" s="244"/>
      <c r="AG4615" s="244"/>
      <c r="AH4615" s="244"/>
      <c r="AI4615" s="244"/>
      <c r="AJ4615" s="244"/>
      <c r="AK4615" s="244"/>
      <c r="AL4615" s="244"/>
      <c r="AM4615" s="244"/>
      <c r="AN4615" s="244"/>
      <c r="AO4615" s="244"/>
      <c r="AP4615" s="244"/>
      <c r="AQ4615" s="244"/>
      <c r="AR4615" s="244"/>
      <c r="AS4615" s="244"/>
      <c r="AT4615" s="244"/>
      <c r="AU4615" s="244"/>
      <c r="AV4615" s="244"/>
      <c r="AW4615" s="244"/>
      <c r="AX4615" s="244"/>
      <c r="AY4615" s="244"/>
      <c r="AZ4615" s="244"/>
      <c r="BA4615" s="244"/>
      <c r="BB4615" s="107">
        <v>45884</v>
      </c>
    </row>
    <row r="4616" spans="1:54" s="245" customFormat="1" ht="13.95" customHeight="1" x14ac:dyDescent="0.25">
      <c r="A4616" s="236" t="s">
        <v>24598</v>
      </c>
      <c r="B4616" s="241" t="s">
        <v>10362</v>
      </c>
      <c r="C4616" s="242" t="s">
        <v>24573</v>
      </c>
      <c r="D4616" s="242" t="s">
        <v>24574</v>
      </c>
      <c r="E4616" s="243">
        <v>2008</v>
      </c>
      <c r="F4616" s="243">
        <v>2976</v>
      </c>
      <c r="G4616" s="242" t="s">
        <v>8</v>
      </c>
      <c r="H4616" s="242">
        <v>0</v>
      </c>
      <c r="I4616" s="242">
        <v>0</v>
      </c>
      <c r="J4616" s="242">
        <v>0</v>
      </c>
      <c r="K4616" s="242">
        <v>0</v>
      </c>
      <c r="L4616" s="242">
        <v>0</v>
      </c>
      <c r="M4616" s="242">
        <v>0</v>
      </c>
      <c r="N4616" s="242">
        <v>0</v>
      </c>
      <c r="O4616" s="242">
        <v>0</v>
      </c>
      <c r="P4616" s="242">
        <v>0</v>
      </c>
      <c r="Q4616" s="242">
        <v>0</v>
      </c>
      <c r="R4616" s="242">
        <v>0</v>
      </c>
      <c r="S4616" s="242">
        <v>0</v>
      </c>
      <c r="T4616" s="242">
        <v>0</v>
      </c>
      <c r="U4616" s="244"/>
      <c r="V4616" s="244"/>
      <c r="W4616" s="244"/>
      <c r="X4616" s="244"/>
      <c r="Y4616" s="244"/>
      <c r="Z4616" s="244"/>
      <c r="AA4616" s="244"/>
      <c r="AB4616" s="244"/>
      <c r="AC4616" s="244"/>
      <c r="AD4616" s="244"/>
      <c r="AE4616" s="244"/>
      <c r="AF4616" s="244"/>
      <c r="AG4616" s="244"/>
      <c r="AH4616" s="244"/>
      <c r="AI4616" s="244"/>
      <c r="AJ4616" s="244"/>
      <c r="AK4616" s="244"/>
      <c r="AL4616" s="244"/>
      <c r="AM4616" s="244"/>
      <c r="AN4616" s="244"/>
      <c r="AO4616" s="244"/>
      <c r="AP4616" s="244"/>
      <c r="AQ4616" s="244"/>
      <c r="AR4616" s="244"/>
      <c r="AS4616" s="244"/>
      <c r="AT4616" s="244"/>
      <c r="AU4616" s="244"/>
      <c r="AV4616" s="244"/>
      <c r="AW4616" s="244"/>
      <c r="AX4616" s="244"/>
      <c r="AY4616" s="244"/>
      <c r="AZ4616" s="244"/>
      <c r="BA4616" s="244"/>
      <c r="BB4616" s="107">
        <v>45884</v>
      </c>
    </row>
    <row r="4617" spans="1:54" s="245" customFormat="1" ht="13.95" customHeight="1" x14ac:dyDescent="0.25">
      <c r="A4617" s="236" t="s">
        <v>24599</v>
      </c>
      <c r="B4617" s="241" t="s">
        <v>10362</v>
      </c>
      <c r="C4617" s="242" t="s">
        <v>24575</v>
      </c>
      <c r="D4617" s="242" t="s">
        <v>24576</v>
      </c>
      <c r="E4617" s="243">
        <v>2008</v>
      </c>
      <c r="F4617" s="243">
        <v>806</v>
      </c>
      <c r="G4617" s="242" t="s">
        <v>8</v>
      </c>
      <c r="H4617" s="242">
        <v>0</v>
      </c>
      <c r="I4617" s="242">
        <v>0</v>
      </c>
      <c r="J4617" s="242">
        <v>0</v>
      </c>
      <c r="K4617" s="242">
        <v>0</v>
      </c>
      <c r="L4617" s="242">
        <v>0</v>
      </c>
      <c r="M4617" s="242">
        <v>0</v>
      </c>
      <c r="N4617" s="242">
        <v>0</v>
      </c>
      <c r="O4617" s="242">
        <v>0</v>
      </c>
      <c r="P4617" s="242">
        <v>0</v>
      </c>
      <c r="Q4617" s="242">
        <v>0</v>
      </c>
      <c r="R4617" s="242">
        <v>0</v>
      </c>
      <c r="S4617" s="242">
        <v>0</v>
      </c>
      <c r="T4617" s="242">
        <v>0</v>
      </c>
      <c r="U4617" s="244"/>
      <c r="V4617" s="244"/>
      <c r="W4617" s="244"/>
      <c r="X4617" s="244"/>
      <c r="Y4617" s="244"/>
      <c r="Z4617" s="244"/>
      <c r="AA4617" s="244"/>
      <c r="AB4617" s="244"/>
      <c r="AC4617" s="244"/>
      <c r="AD4617" s="244"/>
      <c r="AE4617" s="244"/>
      <c r="AF4617" s="244"/>
      <c r="AG4617" s="244"/>
      <c r="AH4617" s="244"/>
      <c r="AI4617" s="244"/>
      <c r="AJ4617" s="244"/>
      <c r="AK4617" s="244"/>
      <c r="AL4617" s="244"/>
      <c r="AM4617" s="244"/>
      <c r="AN4617" s="244"/>
      <c r="AO4617" s="244"/>
      <c r="AP4617" s="244"/>
      <c r="AQ4617" s="244"/>
      <c r="AR4617" s="244"/>
      <c r="AS4617" s="244"/>
      <c r="AT4617" s="244"/>
      <c r="AU4617" s="244"/>
      <c r="AV4617" s="244"/>
      <c r="AW4617" s="244"/>
      <c r="AX4617" s="244"/>
      <c r="AY4617" s="244"/>
      <c r="AZ4617" s="244"/>
      <c r="BA4617" s="244"/>
      <c r="BB4617" s="107">
        <v>45884</v>
      </c>
    </row>
    <row r="4618" spans="1:54" s="245" customFormat="1" ht="13.95" customHeight="1" x14ac:dyDescent="0.25">
      <c r="A4618" s="236" t="s">
        <v>24600</v>
      </c>
      <c r="B4618" s="241" t="s">
        <v>10362</v>
      </c>
      <c r="C4618" s="242" t="s">
        <v>24577</v>
      </c>
      <c r="D4618" s="242" t="s">
        <v>24578</v>
      </c>
      <c r="E4618" s="243">
        <v>2008</v>
      </c>
      <c r="F4618" s="243">
        <v>718</v>
      </c>
      <c r="G4618" s="242" t="s">
        <v>8</v>
      </c>
      <c r="H4618" s="242">
        <v>0</v>
      </c>
      <c r="I4618" s="242">
        <v>0</v>
      </c>
      <c r="J4618" s="242">
        <v>0</v>
      </c>
      <c r="K4618" s="242">
        <v>0</v>
      </c>
      <c r="L4618" s="242">
        <v>0</v>
      </c>
      <c r="M4618" s="242">
        <v>0</v>
      </c>
      <c r="N4618" s="242">
        <v>0</v>
      </c>
      <c r="O4618" s="242">
        <v>0</v>
      </c>
      <c r="P4618" s="242">
        <v>0</v>
      </c>
      <c r="Q4618" s="242">
        <v>0</v>
      </c>
      <c r="R4618" s="242">
        <v>0</v>
      </c>
      <c r="S4618" s="242">
        <v>0</v>
      </c>
      <c r="T4618" s="242">
        <v>0</v>
      </c>
      <c r="U4618" s="244"/>
      <c r="V4618" s="244"/>
      <c r="W4618" s="244"/>
      <c r="X4618" s="244"/>
      <c r="Y4618" s="244"/>
      <c r="Z4618" s="244"/>
      <c r="AA4618" s="244"/>
      <c r="AB4618" s="244"/>
      <c r="AC4618" s="244"/>
      <c r="AD4618" s="244"/>
      <c r="AE4618" s="244"/>
      <c r="AF4618" s="244"/>
      <c r="AG4618" s="244"/>
      <c r="AH4618" s="244"/>
      <c r="AI4618" s="244"/>
      <c r="AJ4618" s="244"/>
      <c r="AK4618" s="244"/>
      <c r="AL4618" s="244"/>
      <c r="AM4618" s="244"/>
      <c r="AN4618" s="244"/>
      <c r="AO4618" s="244"/>
      <c r="AP4618" s="244"/>
      <c r="AQ4618" s="244"/>
      <c r="AR4618" s="244"/>
      <c r="AS4618" s="244"/>
      <c r="AT4618" s="244"/>
      <c r="AU4618" s="244"/>
      <c r="AV4618" s="244"/>
      <c r="AW4618" s="244"/>
      <c r="AX4618" s="244"/>
      <c r="AY4618" s="244"/>
      <c r="AZ4618" s="244"/>
      <c r="BA4618" s="244"/>
      <c r="BB4618" s="107">
        <v>45884</v>
      </c>
    </row>
    <row r="4619" spans="1:54" s="245" customFormat="1" ht="13.95" customHeight="1" x14ac:dyDescent="0.25">
      <c r="A4619" s="236" t="s">
        <v>24601</v>
      </c>
      <c r="B4619" s="241" t="s">
        <v>10362</v>
      </c>
      <c r="C4619" s="242" t="s">
        <v>24579</v>
      </c>
      <c r="D4619" s="242" t="s">
        <v>24580</v>
      </c>
      <c r="E4619" s="243">
        <v>2008</v>
      </c>
      <c r="F4619" s="243">
        <v>72388</v>
      </c>
      <c r="G4619" s="242" t="s">
        <v>8</v>
      </c>
      <c r="H4619" s="242">
        <v>0</v>
      </c>
      <c r="I4619" s="242">
        <v>0</v>
      </c>
      <c r="J4619" s="242">
        <v>0</v>
      </c>
      <c r="K4619" s="242">
        <v>0</v>
      </c>
      <c r="L4619" s="242">
        <v>0</v>
      </c>
      <c r="M4619" s="242">
        <v>0</v>
      </c>
      <c r="N4619" s="242">
        <v>0</v>
      </c>
      <c r="O4619" s="242">
        <v>0</v>
      </c>
      <c r="P4619" s="242">
        <v>0</v>
      </c>
      <c r="Q4619" s="242">
        <v>0</v>
      </c>
      <c r="R4619" s="242">
        <v>0</v>
      </c>
      <c r="S4619" s="242">
        <v>0</v>
      </c>
      <c r="T4619" s="242">
        <v>0</v>
      </c>
      <c r="U4619" s="244"/>
      <c r="V4619" s="244"/>
      <c r="W4619" s="244"/>
      <c r="X4619" s="244"/>
      <c r="Y4619" s="244"/>
      <c r="Z4619" s="244"/>
      <c r="AA4619" s="244"/>
      <c r="AB4619" s="244"/>
      <c r="AC4619" s="244"/>
      <c r="AD4619" s="244"/>
      <c r="AE4619" s="244"/>
      <c r="AF4619" s="244"/>
      <c r="AG4619" s="244"/>
      <c r="AH4619" s="244"/>
      <c r="AI4619" s="244"/>
      <c r="AJ4619" s="244"/>
      <c r="AK4619" s="244"/>
      <c r="AL4619" s="244"/>
      <c r="AM4619" s="244"/>
      <c r="AN4619" s="244"/>
      <c r="AO4619" s="244"/>
      <c r="AP4619" s="244"/>
      <c r="AQ4619" s="244"/>
      <c r="AR4619" s="244"/>
      <c r="AS4619" s="244"/>
      <c r="AT4619" s="244"/>
      <c r="AU4619" s="244"/>
      <c r="AV4619" s="244"/>
      <c r="AW4619" s="244"/>
      <c r="AX4619" s="244"/>
      <c r="AY4619" s="244"/>
      <c r="AZ4619" s="244"/>
      <c r="BA4619" s="244"/>
      <c r="BB4619" s="107">
        <v>45884</v>
      </c>
    </row>
    <row r="4620" spans="1:54" s="245" customFormat="1" ht="13.95" customHeight="1" x14ac:dyDescent="0.25">
      <c r="A4620" s="236" t="s">
        <v>24602</v>
      </c>
      <c r="B4620" s="241" t="s">
        <v>10362</v>
      </c>
      <c r="C4620" s="242" t="s">
        <v>24581</v>
      </c>
      <c r="D4620" s="242" t="s">
        <v>24582</v>
      </c>
      <c r="E4620" s="243">
        <v>2008</v>
      </c>
      <c r="F4620" s="243">
        <v>1975</v>
      </c>
      <c r="G4620" s="242" t="s">
        <v>8</v>
      </c>
      <c r="H4620" s="242">
        <v>0</v>
      </c>
      <c r="I4620" s="242">
        <v>0</v>
      </c>
      <c r="J4620" s="242">
        <v>0</v>
      </c>
      <c r="K4620" s="242">
        <v>0</v>
      </c>
      <c r="L4620" s="242">
        <v>0</v>
      </c>
      <c r="M4620" s="242">
        <v>0</v>
      </c>
      <c r="N4620" s="242">
        <v>0</v>
      </c>
      <c r="O4620" s="242">
        <v>0</v>
      </c>
      <c r="P4620" s="242">
        <v>0</v>
      </c>
      <c r="Q4620" s="242">
        <v>0</v>
      </c>
      <c r="R4620" s="242">
        <v>0</v>
      </c>
      <c r="S4620" s="242">
        <v>0</v>
      </c>
      <c r="T4620" s="242">
        <v>0</v>
      </c>
      <c r="U4620" s="244"/>
      <c r="V4620" s="244"/>
      <c r="W4620" s="244"/>
      <c r="X4620" s="244"/>
      <c r="Y4620" s="244"/>
      <c r="Z4620" s="244"/>
      <c r="AA4620" s="244"/>
      <c r="AB4620" s="244"/>
      <c r="AC4620" s="244"/>
      <c r="AD4620" s="244"/>
      <c r="AE4620" s="244"/>
      <c r="AF4620" s="244"/>
      <c r="AG4620" s="244"/>
      <c r="AH4620" s="244"/>
      <c r="AI4620" s="244"/>
      <c r="AJ4620" s="244"/>
      <c r="AK4620" s="244"/>
      <c r="AL4620" s="244"/>
      <c r="AM4620" s="244"/>
      <c r="AN4620" s="244"/>
      <c r="AO4620" s="244"/>
      <c r="AP4620" s="244"/>
      <c r="AQ4620" s="244"/>
      <c r="AR4620" s="244"/>
      <c r="AS4620" s="244"/>
      <c r="AT4620" s="244"/>
      <c r="AU4620" s="244"/>
      <c r="AV4620" s="244"/>
      <c r="AW4620" s="244"/>
      <c r="AX4620" s="244"/>
      <c r="AY4620" s="244"/>
      <c r="AZ4620" s="244"/>
      <c r="BA4620" s="244"/>
      <c r="BB4620" s="107">
        <v>45884</v>
      </c>
    </row>
    <row r="4621" spans="1:54" s="245" customFormat="1" ht="13.95" customHeight="1" x14ac:dyDescent="0.25">
      <c r="A4621" s="236" t="s">
        <v>24603</v>
      </c>
      <c r="B4621" s="241" t="s">
        <v>10362</v>
      </c>
      <c r="C4621" s="242" t="s">
        <v>24583</v>
      </c>
      <c r="D4621" s="242" t="s">
        <v>24584</v>
      </c>
      <c r="E4621" s="243">
        <v>2010</v>
      </c>
      <c r="F4621" s="243">
        <v>3276</v>
      </c>
      <c r="G4621" s="242" t="s">
        <v>8</v>
      </c>
      <c r="H4621" s="242">
        <v>0</v>
      </c>
      <c r="I4621" s="242">
        <v>0</v>
      </c>
      <c r="J4621" s="242">
        <v>0</v>
      </c>
      <c r="K4621" s="242">
        <v>0</v>
      </c>
      <c r="L4621" s="242">
        <v>0</v>
      </c>
      <c r="M4621" s="242">
        <v>0</v>
      </c>
      <c r="N4621" s="242">
        <v>0</v>
      </c>
      <c r="O4621" s="242">
        <v>0</v>
      </c>
      <c r="P4621" s="242">
        <v>0</v>
      </c>
      <c r="Q4621" s="242">
        <v>0</v>
      </c>
      <c r="R4621" s="242">
        <v>0</v>
      </c>
      <c r="S4621" s="242">
        <v>0</v>
      </c>
      <c r="T4621" s="242">
        <v>0</v>
      </c>
      <c r="U4621" s="244"/>
      <c r="V4621" s="244"/>
      <c r="W4621" s="244"/>
      <c r="X4621" s="244"/>
      <c r="Y4621" s="244"/>
      <c r="Z4621" s="244"/>
      <c r="AA4621" s="244"/>
      <c r="AB4621" s="244"/>
      <c r="AC4621" s="244"/>
      <c r="AD4621" s="244"/>
      <c r="AE4621" s="244"/>
      <c r="AF4621" s="244"/>
      <c r="AG4621" s="244"/>
      <c r="AH4621" s="244"/>
      <c r="AI4621" s="244"/>
      <c r="AJ4621" s="244"/>
      <c r="AK4621" s="244"/>
      <c r="AL4621" s="244"/>
      <c r="AM4621" s="244"/>
      <c r="AN4621" s="244"/>
      <c r="AO4621" s="244"/>
      <c r="AP4621" s="244"/>
      <c r="AQ4621" s="244"/>
      <c r="AR4621" s="244"/>
      <c r="AS4621" s="244"/>
      <c r="AT4621" s="244"/>
      <c r="AU4621" s="244"/>
      <c r="AV4621" s="244"/>
      <c r="AW4621" s="244"/>
      <c r="AX4621" s="244"/>
      <c r="AY4621" s="244"/>
      <c r="AZ4621" s="244"/>
      <c r="BA4621" s="244"/>
      <c r="BB4621" s="107">
        <v>45884</v>
      </c>
    </row>
    <row r="4622" spans="1:54" s="8" customFormat="1" ht="13.95" customHeight="1" x14ac:dyDescent="0.25">
      <c r="A4622" s="219" t="s">
        <v>10411</v>
      </c>
      <c r="B4622" s="220" t="s">
        <v>10412</v>
      </c>
      <c r="C4622" s="98" t="s">
        <v>10413</v>
      </c>
      <c r="D4622" s="98" t="s">
        <v>10414</v>
      </c>
      <c r="E4622" s="141" t="s">
        <v>174</v>
      </c>
      <c r="F4622" s="141">
        <v>146</v>
      </c>
      <c r="G4622" s="98" t="s">
        <v>1</v>
      </c>
      <c r="H4622" s="98">
        <v>0</v>
      </c>
      <c r="I4622" s="98">
        <v>0</v>
      </c>
      <c r="J4622" s="98">
        <v>1</v>
      </c>
      <c r="K4622" s="98" t="s">
        <v>174</v>
      </c>
      <c r="L4622" s="98" t="s">
        <v>174</v>
      </c>
      <c r="M4622" s="98" t="s">
        <v>174</v>
      </c>
      <c r="N4622" s="98" t="s">
        <v>174</v>
      </c>
      <c r="O4622" s="98" t="s">
        <v>174</v>
      </c>
      <c r="P4622" s="98" t="s">
        <v>174</v>
      </c>
      <c r="Q4622" s="98" t="s">
        <v>174</v>
      </c>
      <c r="R4622" s="98" t="s">
        <v>174</v>
      </c>
      <c r="S4622" s="98" t="s">
        <v>174</v>
      </c>
      <c r="T4622" s="98" t="s">
        <v>174</v>
      </c>
      <c r="U4622" s="99"/>
      <c r="V4622" s="99"/>
      <c r="W4622" s="99"/>
      <c r="X4622" s="99"/>
      <c r="Y4622" s="99"/>
      <c r="Z4622" s="99"/>
      <c r="AA4622" s="99"/>
      <c r="AB4622" s="99"/>
      <c r="AC4622" s="99"/>
      <c r="AD4622" s="99"/>
      <c r="AE4622" s="99"/>
      <c r="AF4622" s="99"/>
      <c r="AG4622" s="99"/>
      <c r="AH4622" s="99"/>
      <c r="AI4622" s="99"/>
      <c r="AJ4622" s="99"/>
      <c r="AK4622" s="99"/>
      <c r="AL4622" s="99"/>
      <c r="AM4622" s="99"/>
      <c r="AN4622" s="99"/>
      <c r="AO4622" s="99"/>
      <c r="AP4622" s="99"/>
      <c r="AQ4622" s="99"/>
      <c r="AR4622" s="99"/>
      <c r="AS4622" s="99"/>
      <c r="AT4622" s="99"/>
      <c r="AU4622" s="99"/>
      <c r="AV4622" s="99"/>
      <c r="AW4622" s="99"/>
      <c r="AX4622" s="99"/>
      <c r="AY4622" s="99"/>
      <c r="AZ4622" s="99"/>
      <c r="BA4622" s="99"/>
      <c r="BB4622" s="107">
        <v>45884</v>
      </c>
    </row>
    <row r="4623" spans="1:54" s="8" customFormat="1" ht="13.95" customHeight="1" x14ac:dyDescent="0.25">
      <c r="A4623" s="219" t="s">
        <v>10415</v>
      </c>
      <c r="B4623" s="220" t="s">
        <v>10412</v>
      </c>
      <c r="C4623" s="98" t="s">
        <v>10416</v>
      </c>
      <c r="D4623" s="98" t="s">
        <v>10417</v>
      </c>
      <c r="E4623" s="141" t="s">
        <v>174</v>
      </c>
      <c r="F4623" s="141">
        <v>150</v>
      </c>
      <c r="G4623" s="98" t="s">
        <v>1</v>
      </c>
      <c r="H4623" s="98">
        <v>0</v>
      </c>
      <c r="I4623" s="98">
        <v>0</v>
      </c>
      <c r="J4623" s="98">
        <v>0</v>
      </c>
      <c r="K4623" s="98" t="s">
        <v>174</v>
      </c>
      <c r="L4623" s="98" t="s">
        <v>174</v>
      </c>
      <c r="M4623" s="98" t="s">
        <v>174</v>
      </c>
      <c r="N4623" s="98" t="s">
        <v>174</v>
      </c>
      <c r="O4623" s="98" t="s">
        <v>174</v>
      </c>
      <c r="P4623" s="98" t="s">
        <v>174</v>
      </c>
      <c r="Q4623" s="98" t="s">
        <v>174</v>
      </c>
      <c r="R4623" s="98" t="s">
        <v>174</v>
      </c>
      <c r="S4623" s="98" t="s">
        <v>174</v>
      </c>
      <c r="T4623" s="98" t="s">
        <v>174</v>
      </c>
      <c r="U4623" s="99"/>
      <c r="V4623" s="99"/>
      <c r="W4623" s="99"/>
      <c r="X4623" s="99"/>
      <c r="Y4623" s="99"/>
      <c r="Z4623" s="99"/>
      <c r="AA4623" s="99"/>
      <c r="AB4623" s="99"/>
      <c r="AC4623" s="99"/>
      <c r="AD4623" s="99"/>
      <c r="AE4623" s="99"/>
      <c r="AF4623" s="99"/>
      <c r="AG4623" s="99"/>
      <c r="AH4623" s="99"/>
      <c r="AI4623" s="99"/>
      <c r="AJ4623" s="99"/>
      <c r="AK4623" s="99"/>
      <c r="AL4623" s="99"/>
      <c r="AM4623" s="99"/>
      <c r="AN4623" s="99"/>
      <c r="AO4623" s="99"/>
      <c r="AP4623" s="99"/>
      <c r="AQ4623" s="99"/>
      <c r="AR4623" s="99"/>
      <c r="AS4623" s="99"/>
      <c r="AT4623" s="99"/>
      <c r="AU4623" s="99"/>
      <c r="AV4623" s="99"/>
      <c r="AW4623" s="99"/>
      <c r="AX4623" s="99"/>
      <c r="AY4623" s="99"/>
      <c r="AZ4623" s="99"/>
      <c r="BA4623" s="99"/>
      <c r="BB4623" s="107">
        <v>45884</v>
      </c>
    </row>
    <row r="4624" spans="1:54" s="8" customFormat="1" ht="13.95" customHeight="1" x14ac:dyDescent="0.25">
      <c r="A4624" s="219" t="s">
        <v>10418</v>
      </c>
      <c r="B4624" s="220" t="s">
        <v>10412</v>
      </c>
      <c r="C4624" s="98" t="s">
        <v>10419</v>
      </c>
      <c r="D4624" s="98" t="s">
        <v>10420</v>
      </c>
      <c r="E4624" s="141" t="s">
        <v>174</v>
      </c>
      <c r="F4624" s="141">
        <v>168</v>
      </c>
      <c r="G4624" s="98" t="s">
        <v>1</v>
      </c>
      <c r="H4624" s="98">
        <v>0</v>
      </c>
      <c r="I4624" s="98">
        <v>0</v>
      </c>
      <c r="J4624" s="98">
        <v>0</v>
      </c>
      <c r="K4624" s="98" t="s">
        <v>174</v>
      </c>
      <c r="L4624" s="98" t="s">
        <v>174</v>
      </c>
      <c r="M4624" s="98" t="s">
        <v>174</v>
      </c>
      <c r="N4624" s="98" t="s">
        <v>174</v>
      </c>
      <c r="O4624" s="98" t="s">
        <v>174</v>
      </c>
      <c r="P4624" s="98" t="s">
        <v>174</v>
      </c>
      <c r="Q4624" s="98" t="s">
        <v>174</v>
      </c>
      <c r="R4624" s="98" t="s">
        <v>174</v>
      </c>
      <c r="S4624" s="98" t="s">
        <v>174</v>
      </c>
      <c r="T4624" s="98" t="s">
        <v>174</v>
      </c>
      <c r="U4624" s="99"/>
      <c r="V4624" s="99"/>
      <c r="W4624" s="99"/>
      <c r="X4624" s="99"/>
      <c r="Y4624" s="99"/>
      <c r="Z4624" s="99"/>
      <c r="AA4624" s="99"/>
      <c r="AB4624" s="99"/>
      <c r="AC4624" s="99"/>
      <c r="AD4624" s="99"/>
      <c r="AE4624" s="99"/>
      <c r="AF4624" s="99"/>
      <c r="AG4624" s="99"/>
      <c r="AH4624" s="99"/>
      <c r="AI4624" s="99"/>
      <c r="AJ4624" s="99"/>
      <c r="AK4624" s="99"/>
      <c r="AL4624" s="99"/>
      <c r="AM4624" s="99"/>
      <c r="AN4624" s="99"/>
      <c r="AO4624" s="99"/>
      <c r="AP4624" s="99"/>
      <c r="AQ4624" s="99"/>
      <c r="AR4624" s="99"/>
      <c r="AS4624" s="99"/>
      <c r="AT4624" s="99"/>
      <c r="AU4624" s="99"/>
      <c r="AV4624" s="99"/>
      <c r="AW4624" s="99"/>
      <c r="AX4624" s="99"/>
      <c r="AY4624" s="99"/>
      <c r="AZ4624" s="99"/>
      <c r="BA4624" s="99"/>
      <c r="BB4624" s="107">
        <v>45884</v>
      </c>
    </row>
    <row r="4625" spans="1:54" s="8" customFormat="1" ht="13.95" customHeight="1" x14ac:dyDescent="0.25">
      <c r="A4625" s="219" t="s">
        <v>10421</v>
      </c>
      <c r="B4625" s="220" t="s">
        <v>10412</v>
      </c>
      <c r="C4625" s="98" t="s">
        <v>10422</v>
      </c>
      <c r="D4625" s="98" t="s">
        <v>10423</v>
      </c>
      <c r="E4625" s="141" t="s">
        <v>174</v>
      </c>
      <c r="F4625" s="141">
        <v>173</v>
      </c>
      <c r="G4625" s="98" t="s">
        <v>1</v>
      </c>
      <c r="H4625" s="98">
        <v>0</v>
      </c>
      <c r="I4625" s="98">
        <v>0</v>
      </c>
      <c r="J4625" s="98">
        <v>1</v>
      </c>
      <c r="K4625" s="98" t="s">
        <v>174</v>
      </c>
      <c r="L4625" s="98" t="s">
        <v>174</v>
      </c>
      <c r="M4625" s="98" t="s">
        <v>174</v>
      </c>
      <c r="N4625" s="98" t="s">
        <v>174</v>
      </c>
      <c r="O4625" s="98" t="s">
        <v>174</v>
      </c>
      <c r="P4625" s="98" t="s">
        <v>174</v>
      </c>
      <c r="Q4625" s="98" t="s">
        <v>174</v>
      </c>
      <c r="R4625" s="98" t="s">
        <v>174</v>
      </c>
      <c r="S4625" s="98" t="s">
        <v>174</v>
      </c>
      <c r="T4625" s="98" t="s">
        <v>174</v>
      </c>
      <c r="U4625" s="99"/>
      <c r="V4625" s="99"/>
      <c r="W4625" s="99"/>
      <c r="X4625" s="99"/>
      <c r="Y4625" s="99"/>
      <c r="Z4625" s="99"/>
      <c r="AA4625" s="99"/>
      <c r="AB4625" s="99"/>
      <c r="AC4625" s="99"/>
      <c r="AD4625" s="99"/>
      <c r="AE4625" s="99"/>
      <c r="AF4625" s="99"/>
      <c r="AG4625" s="99"/>
      <c r="AH4625" s="99"/>
      <c r="AI4625" s="99"/>
      <c r="AJ4625" s="99"/>
      <c r="AK4625" s="99"/>
      <c r="AL4625" s="99"/>
      <c r="AM4625" s="99"/>
      <c r="AN4625" s="99"/>
      <c r="AO4625" s="99"/>
      <c r="AP4625" s="99"/>
      <c r="AQ4625" s="99"/>
      <c r="AR4625" s="99"/>
      <c r="AS4625" s="99"/>
      <c r="AT4625" s="99"/>
      <c r="AU4625" s="99"/>
      <c r="AV4625" s="99"/>
      <c r="AW4625" s="99"/>
      <c r="AX4625" s="99"/>
      <c r="AY4625" s="99"/>
      <c r="AZ4625" s="99"/>
      <c r="BA4625" s="99"/>
      <c r="BB4625" s="107">
        <v>45884</v>
      </c>
    </row>
    <row r="4626" spans="1:54" s="8" customFormat="1" ht="13.95" customHeight="1" x14ac:dyDescent="0.25">
      <c r="A4626" s="219" t="s">
        <v>10424</v>
      </c>
      <c r="B4626" s="220" t="s">
        <v>10412</v>
      </c>
      <c r="C4626" s="98" t="s">
        <v>10425</v>
      </c>
      <c r="D4626" s="98" t="s">
        <v>10426</v>
      </c>
      <c r="E4626" s="141" t="s">
        <v>174</v>
      </c>
      <c r="F4626" s="141">
        <v>178</v>
      </c>
      <c r="G4626" s="98" t="s">
        <v>1</v>
      </c>
      <c r="H4626" s="98">
        <v>0</v>
      </c>
      <c r="I4626" s="98">
        <v>0</v>
      </c>
      <c r="J4626" s="98">
        <v>0</v>
      </c>
      <c r="K4626" s="98" t="s">
        <v>174</v>
      </c>
      <c r="L4626" s="98" t="s">
        <v>174</v>
      </c>
      <c r="M4626" s="98" t="s">
        <v>174</v>
      </c>
      <c r="N4626" s="98" t="s">
        <v>174</v>
      </c>
      <c r="O4626" s="98" t="s">
        <v>174</v>
      </c>
      <c r="P4626" s="98" t="s">
        <v>174</v>
      </c>
      <c r="Q4626" s="98" t="s">
        <v>174</v>
      </c>
      <c r="R4626" s="98" t="s">
        <v>174</v>
      </c>
      <c r="S4626" s="98" t="s">
        <v>174</v>
      </c>
      <c r="T4626" s="98" t="s">
        <v>174</v>
      </c>
      <c r="U4626" s="99"/>
      <c r="V4626" s="99"/>
      <c r="W4626" s="99"/>
      <c r="X4626" s="99"/>
      <c r="Y4626" s="99"/>
      <c r="Z4626" s="99"/>
      <c r="AA4626" s="99"/>
      <c r="AB4626" s="99"/>
      <c r="AC4626" s="99"/>
      <c r="AD4626" s="99"/>
      <c r="AE4626" s="99"/>
      <c r="AF4626" s="99"/>
      <c r="AG4626" s="99"/>
      <c r="AH4626" s="99"/>
      <c r="AI4626" s="99"/>
      <c r="AJ4626" s="99"/>
      <c r="AK4626" s="99"/>
      <c r="AL4626" s="99"/>
      <c r="AM4626" s="99"/>
      <c r="AN4626" s="99"/>
      <c r="AO4626" s="99"/>
      <c r="AP4626" s="99"/>
      <c r="AQ4626" s="99"/>
      <c r="AR4626" s="99"/>
      <c r="AS4626" s="99"/>
      <c r="AT4626" s="99"/>
      <c r="AU4626" s="99"/>
      <c r="AV4626" s="99"/>
      <c r="AW4626" s="99"/>
      <c r="AX4626" s="99"/>
      <c r="AY4626" s="99"/>
      <c r="AZ4626" s="99"/>
      <c r="BA4626" s="99"/>
      <c r="BB4626" s="107">
        <v>45884</v>
      </c>
    </row>
    <row r="4627" spans="1:54" s="8" customFormat="1" ht="13.95" customHeight="1" x14ac:dyDescent="0.25">
      <c r="A4627" s="219" t="s">
        <v>10427</v>
      </c>
      <c r="B4627" s="220" t="s">
        <v>10412</v>
      </c>
      <c r="C4627" s="98" t="s">
        <v>10428</v>
      </c>
      <c r="D4627" s="98" t="s">
        <v>10429</v>
      </c>
      <c r="E4627" s="141" t="s">
        <v>174</v>
      </c>
      <c r="F4627" s="141">
        <v>188</v>
      </c>
      <c r="G4627" s="98" t="s">
        <v>1</v>
      </c>
      <c r="H4627" s="98">
        <v>0</v>
      </c>
      <c r="I4627" s="98">
        <v>0</v>
      </c>
      <c r="J4627" s="98">
        <v>1</v>
      </c>
      <c r="K4627" s="98" t="s">
        <v>174</v>
      </c>
      <c r="L4627" s="98" t="s">
        <v>174</v>
      </c>
      <c r="M4627" s="98" t="s">
        <v>174</v>
      </c>
      <c r="N4627" s="98" t="s">
        <v>174</v>
      </c>
      <c r="O4627" s="98" t="s">
        <v>174</v>
      </c>
      <c r="P4627" s="98" t="s">
        <v>174</v>
      </c>
      <c r="Q4627" s="98" t="s">
        <v>174</v>
      </c>
      <c r="R4627" s="98" t="s">
        <v>174</v>
      </c>
      <c r="S4627" s="98" t="s">
        <v>174</v>
      </c>
      <c r="T4627" s="98" t="s">
        <v>174</v>
      </c>
      <c r="U4627" s="99"/>
      <c r="V4627" s="99"/>
      <c r="W4627" s="99"/>
      <c r="X4627" s="99"/>
      <c r="Y4627" s="99"/>
      <c r="Z4627" s="99"/>
      <c r="AA4627" s="99"/>
      <c r="AB4627" s="99"/>
      <c r="AC4627" s="99"/>
      <c r="AD4627" s="99"/>
      <c r="AE4627" s="99"/>
      <c r="AF4627" s="99"/>
      <c r="AG4627" s="99"/>
      <c r="AH4627" s="99"/>
      <c r="AI4627" s="99"/>
      <c r="AJ4627" s="99"/>
      <c r="AK4627" s="99"/>
      <c r="AL4627" s="99"/>
      <c r="AM4627" s="99"/>
      <c r="AN4627" s="99"/>
      <c r="AO4627" s="99"/>
      <c r="AP4627" s="99"/>
      <c r="AQ4627" s="99"/>
      <c r="AR4627" s="99"/>
      <c r="AS4627" s="99"/>
      <c r="AT4627" s="99"/>
      <c r="AU4627" s="99"/>
      <c r="AV4627" s="99"/>
      <c r="AW4627" s="99"/>
      <c r="AX4627" s="99"/>
      <c r="AY4627" s="99"/>
      <c r="AZ4627" s="99"/>
      <c r="BA4627" s="99"/>
      <c r="BB4627" s="107">
        <v>45884</v>
      </c>
    </row>
    <row r="4628" spans="1:54" s="8" customFormat="1" ht="13.95" customHeight="1" x14ac:dyDescent="0.25">
      <c r="A4628" s="219" t="s">
        <v>10430</v>
      </c>
      <c r="B4628" s="220" t="s">
        <v>10412</v>
      </c>
      <c r="C4628" s="98" t="s">
        <v>10431</v>
      </c>
      <c r="D4628" s="98" t="s">
        <v>10432</v>
      </c>
      <c r="E4628" s="141" t="s">
        <v>174</v>
      </c>
      <c r="F4628" s="141">
        <v>233</v>
      </c>
      <c r="G4628" s="98" t="s">
        <v>1</v>
      </c>
      <c r="H4628" s="98">
        <v>0</v>
      </c>
      <c r="I4628" s="98">
        <v>0</v>
      </c>
      <c r="J4628" s="98">
        <v>0</v>
      </c>
      <c r="K4628" s="98" t="s">
        <v>174</v>
      </c>
      <c r="L4628" s="98" t="s">
        <v>174</v>
      </c>
      <c r="M4628" s="98" t="s">
        <v>174</v>
      </c>
      <c r="N4628" s="98" t="s">
        <v>174</v>
      </c>
      <c r="O4628" s="98" t="s">
        <v>174</v>
      </c>
      <c r="P4628" s="98" t="s">
        <v>174</v>
      </c>
      <c r="Q4628" s="98" t="s">
        <v>174</v>
      </c>
      <c r="R4628" s="98" t="s">
        <v>174</v>
      </c>
      <c r="S4628" s="98" t="s">
        <v>174</v>
      </c>
      <c r="T4628" s="98" t="s">
        <v>174</v>
      </c>
      <c r="U4628" s="99"/>
      <c r="V4628" s="99"/>
      <c r="W4628" s="99"/>
      <c r="X4628" s="99"/>
      <c r="Y4628" s="99"/>
      <c r="Z4628" s="99"/>
      <c r="AA4628" s="99"/>
      <c r="AB4628" s="99"/>
      <c r="AC4628" s="99"/>
      <c r="AD4628" s="99"/>
      <c r="AE4628" s="99"/>
      <c r="AF4628" s="99"/>
      <c r="AG4628" s="99"/>
      <c r="AH4628" s="99"/>
      <c r="AI4628" s="99"/>
      <c r="AJ4628" s="99"/>
      <c r="AK4628" s="99"/>
      <c r="AL4628" s="99"/>
      <c r="AM4628" s="99"/>
      <c r="AN4628" s="99"/>
      <c r="AO4628" s="99"/>
      <c r="AP4628" s="99"/>
      <c r="AQ4628" s="99"/>
      <c r="AR4628" s="99"/>
      <c r="AS4628" s="99"/>
      <c r="AT4628" s="99"/>
      <c r="AU4628" s="99"/>
      <c r="AV4628" s="99"/>
      <c r="AW4628" s="99"/>
      <c r="AX4628" s="99"/>
      <c r="AY4628" s="99"/>
      <c r="AZ4628" s="99"/>
      <c r="BA4628" s="99"/>
      <c r="BB4628" s="107">
        <v>45884</v>
      </c>
    </row>
    <row r="4629" spans="1:54" s="8" customFormat="1" ht="13.95" customHeight="1" x14ac:dyDescent="0.25">
      <c r="A4629" s="219" t="s">
        <v>10433</v>
      </c>
      <c r="B4629" s="220" t="s">
        <v>10412</v>
      </c>
      <c r="C4629" s="98" t="s">
        <v>10434</v>
      </c>
      <c r="D4629" s="98" t="s">
        <v>10435</v>
      </c>
      <c r="E4629" s="141" t="s">
        <v>174</v>
      </c>
      <c r="F4629" s="141">
        <v>245</v>
      </c>
      <c r="G4629" s="98" t="s">
        <v>1</v>
      </c>
      <c r="H4629" s="98">
        <v>0</v>
      </c>
      <c r="I4629" s="98">
        <v>0</v>
      </c>
      <c r="J4629" s="98">
        <v>1</v>
      </c>
      <c r="K4629" s="98" t="s">
        <v>174</v>
      </c>
      <c r="L4629" s="98" t="s">
        <v>174</v>
      </c>
      <c r="M4629" s="98" t="s">
        <v>174</v>
      </c>
      <c r="N4629" s="98" t="s">
        <v>174</v>
      </c>
      <c r="O4629" s="98" t="s">
        <v>174</v>
      </c>
      <c r="P4629" s="98" t="s">
        <v>174</v>
      </c>
      <c r="Q4629" s="98" t="s">
        <v>174</v>
      </c>
      <c r="R4629" s="98" t="s">
        <v>174</v>
      </c>
      <c r="S4629" s="98" t="s">
        <v>174</v>
      </c>
      <c r="T4629" s="98" t="s">
        <v>174</v>
      </c>
      <c r="U4629" s="99"/>
      <c r="V4629" s="99"/>
      <c r="W4629" s="99"/>
      <c r="X4629" s="99"/>
      <c r="Y4629" s="99"/>
      <c r="Z4629" s="99"/>
      <c r="AA4629" s="99"/>
      <c r="AB4629" s="99"/>
      <c r="AC4629" s="99"/>
      <c r="AD4629" s="99"/>
      <c r="AE4629" s="99"/>
      <c r="AF4629" s="99"/>
      <c r="AG4629" s="99"/>
      <c r="AH4629" s="99"/>
      <c r="AI4629" s="99"/>
      <c r="AJ4629" s="99"/>
      <c r="AK4629" s="99"/>
      <c r="AL4629" s="99"/>
      <c r="AM4629" s="99"/>
      <c r="AN4629" s="99"/>
      <c r="AO4629" s="99"/>
      <c r="AP4629" s="99"/>
      <c r="AQ4629" s="99"/>
      <c r="AR4629" s="99"/>
      <c r="AS4629" s="99"/>
      <c r="AT4629" s="99"/>
      <c r="AU4629" s="99"/>
      <c r="AV4629" s="99"/>
      <c r="AW4629" s="99"/>
      <c r="AX4629" s="99"/>
      <c r="AY4629" s="99"/>
      <c r="AZ4629" s="99"/>
      <c r="BA4629" s="99"/>
      <c r="BB4629" s="107">
        <v>45884</v>
      </c>
    </row>
    <row r="4630" spans="1:54" s="8" customFormat="1" ht="13.95" customHeight="1" x14ac:dyDescent="0.25">
      <c r="A4630" s="219" t="s">
        <v>10436</v>
      </c>
      <c r="B4630" s="220" t="s">
        <v>10412</v>
      </c>
      <c r="C4630" s="98" t="s">
        <v>10437</v>
      </c>
      <c r="D4630" s="98" t="s">
        <v>10438</v>
      </c>
      <c r="E4630" s="141" t="s">
        <v>174</v>
      </c>
      <c r="F4630" s="141">
        <v>258</v>
      </c>
      <c r="G4630" s="98" t="s">
        <v>1</v>
      </c>
      <c r="H4630" s="98">
        <v>0</v>
      </c>
      <c r="I4630" s="98">
        <v>0</v>
      </c>
      <c r="J4630" s="98">
        <v>1</v>
      </c>
      <c r="K4630" s="98" t="s">
        <v>174</v>
      </c>
      <c r="L4630" s="98" t="s">
        <v>174</v>
      </c>
      <c r="M4630" s="98" t="s">
        <v>174</v>
      </c>
      <c r="N4630" s="98" t="s">
        <v>174</v>
      </c>
      <c r="O4630" s="98" t="s">
        <v>174</v>
      </c>
      <c r="P4630" s="98" t="s">
        <v>174</v>
      </c>
      <c r="Q4630" s="98" t="s">
        <v>174</v>
      </c>
      <c r="R4630" s="98" t="s">
        <v>174</v>
      </c>
      <c r="S4630" s="98" t="s">
        <v>174</v>
      </c>
      <c r="T4630" s="98" t="s">
        <v>174</v>
      </c>
      <c r="U4630" s="99"/>
      <c r="V4630" s="99"/>
      <c r="W4630" s="99"/>
      <c r="X4630" s="99"/>
      <c r="Y4630" s="99"/>
      <c r="Z4630" s="99"/>
      <c r="AA4630" s="99"/>
      <c r="AB4630" s="99"/>
      <c r="AC4630" s="99"/>
      <c r="AD4630" s="99"/>
      <c r="AE4630" s="99"/>
      <c r="AF4630" s="99"/>
      <c r="AG4630" s="99"/>
      <c r="AH4630" s="99"/>
      <c r="AI4630" s="99"/>
      <c r="AJ4630" s="99"/>
      <c r="AK4630" s="99"/>
      <c r="AL4630" s="99"/>
      <c r="AM4630" s="99"/>
      <c r="AN4630" s="99"/>
      <c r="AO4630" s="99"/>
      <c r="AP4630" s="99"/>
      <c r="AQ4630" s="99"/>
      <c r="AR4630" s="99"/>
      <c r="AS4630" s="99"/>
      <c r="AT4630" s="99"/>
      <c r="AU4630" s="99"/>
      <c r="AV4630" s="99"/>
      <c r="AW4630" s="99"/>
      <c r="AX4630" s="99"/>
      <c r="AY4630" s="99"/>
      <c r="AZ4630" s="99"/>
      <c r="BA4630" s="99"/>
      <c r="BB4630" s="107">
        <v>45884</v>
      </c>
    </row>
    <row r="4631" spans="1:54" s="8" customFormat="1" ht="13.95" customHeight="1" x14ac:dyDescent="0.25">
      <c r="A4631" s="219" t="s">
        <v>10439</v>
      </c>
      <c r="B4631" s="220" t="s">
        <v>10412</v>
      </c>
      <c r="C4631" s="98" t="s">
        <v>10440</v>
      </c>
      <c r="D4631" s="98" t="s">
        <v>10441</v>
      </c>
      <c r="E4631" s="141" t="s">
        <v>174</v>
      </c>
      <c r="F4631" s="141">
        <v>259</v>
      </c>
      <c r="G4631" s="98" t="s">
        <v>1</v>
      </c>
      <c r="H4631" s="98">
        <v>0</v>
      </c>
      <c r="I4631" s="98">
        <v>0</v>
      </c>
      <c r="J4631" s="98">
        <v>1</v>
      </c>
      <c r="K4631" s="98" t="s">
        <v>174</v>
      </c>
      <c r="L4631" s="98" t="s">
        <v>174</v>
      </c>
      <c r="M4631" s="98" t="s">
        <v>174</v>
      </c>
      <c r="N4631" s="98" t="s">
        <v>174</v>
      </c>
      <c r="O4631" s="98" t="s">
        <v>174</v>
      </c>
      <c r="P4631" s="98" t="s">
        <v>174</v>
      </c>
      <c r="Q4631" s="98" t="s">
        <v>174</v>
      </c>
      <c r="R4631" s="98" t="s">
        <v>174</v>
      </c>
      <c r="S4631" s="98" t="s">
        <v>174</v>
      </c>
      <c r="T4631" s="98" t="s">
        <v>174</v>
      </c>
      <c r="U4631" s="98" t="s">
        <v>174</v>
      </c>
      <c r="V4631" s="98" t="s">
        <v>174</v>
      </c>
      <c r="W4631" s="98" t="s">
        <v>174</v>
      </c>
      <c r="X4631" s="98" t="s">
        <v>174</v>
      </c>
      <c r="Y4631" s="98" t="s">
        <v>174</v>
      </c>
      <c r="Z4631" s="98" t="s">
        <v>174</v>
      </c>
      <c r="AA4631" s="98" t="s">
        <v>174</v>
      </c>
      <c r="AB4631" s="98" t="s">
        <v>174</v>
      </c>
      <c r="AC4631" s="98" t="s">
        <v>174</v>
      </c>
      <c r="AD4631" s="98" t="s">
        <v>174</v>
      </c>
      <c r="AE4631" s="98" t="s">
        <v>174</v>
      </c>
      <c r="AF4631" s="98" t="s">
        <v>174</v>
      </c>
      <c r="AG4631" s="98" t="s">
        <v>174</v>
      </c>
      <c r="AH4631" s="98" t="s">
        <v>174</v>
      </c>
      <c r="AI4631" s="98" t="s">
        <v>174</v>
      </c>
      <c r="AJ4631" s="98" t="s">
        <v>174</v>
      </c>
      <c r="AK4631" s="98" t="s">
        <v>174</v>
      </c>
      <c r="AL4631" s="98" t="s">
        <v>174</v>
      </c>
      <c r="AM4631" s="98" t="s">
        <v>174</v>
      </c>
      <c r="AN4631" s="98" t="s">
        <v>174</v>
      </c>
      <c r="AO4631" s="98" t="s">
        <v>174</v>
      </c>
      <c r="AP4631" s="98" t="s">
        <v>174</v>
      </c>
      <c r="AQ4631" s="98" t="s">
        <v>174</v>
      </c>
      <c r="AR4631" s="98" t="s">
        <v>174</v>
      </c>
      <c r="AS4631" s="98" t="s">
        <v>174</v>
      </c>
      <c r="AT4631" s="129" t="s">
        <v>174</v>
      </c>
      <c r="AU4631" s="98" t="s">
        <v>174</v>
      </c>
      <c r="AV4631" s="98" t="s">
        <v>174</v>
      </c>
      <c r="AW4631" s="98" t="s">
        <v>174</v>
      </c>
      <c r="AX4631" s="98"/>
      <c r="AY4631" s="98"/>
      <c r="AZ4631" s="98"/>
      <c r="BA4631" s="98"/>
      <c r="BB4631" s="107">
        <v>45884</v>
      </c>
    </row>
    <row r="4632" spans="1:54" s="8" customFormat="1" ht="13.95" customHeight="1" x14ac:dyDescent="0.25">
      <c r="A4632" s="219" t="s">
        <v>10442</v>
      </c>
      <c r="B4632" s="220" t="s">
        <v>10412</v>
      </c>
      <c r="C4632" s="98" t="s">
        <v>10443</v>
      </c>
      <c r="D4632" s="98" t="s">
        <v>10444</v>
      </c>
      <c r="E4632" s="141" t="s">
        <v>174</v>
      </c>
      <c r="F4632" s="141">
        <v>259</v>
      </c>
      <c r="G4632" s="98" t="s">
        <v>1</v>
      </c>
      <c r="H4632" s="98">
        <v>0</v>
      </c>
      <c r="I4632" s="98">
        <v>0</v>
      </c>
      <c r="J4632" s="98">
        <v>0</v>
      </c>
      <c r="K4632" s="98" t="s">
        <v>174</v>
      </c>
      <c r="L4632" s="98" t="s">
        <v>174</v>
      </c>
      <c r="M4632" s="98" t="s">
        <v>174</v>
      </c>
      <c r="N4632" s="98" t="s">
        <v>174</v>
      </c>
      <c r="O4632" s="98" t="s">
        <v>174</v>
      </c>
      <c r="P4632" s="98" t="s">
        <v>174</v>
      </c>
      <c r="Q4632" s="98" t="s">
        <v>174</v>
      </c>
      <c r="R4632" s="98" t="s">
        <v>174</v>
      </c>
      <c r="S4632" s="98" t="s">
        <v>174</v>
      </c>
      <c r="T4632" s="98" t="s">
        <v>174</v>
      </c>
      <c r="U4632" s="98" t="s">
        <v>174</v>
      </c>
      <c r="V4632" s="98" t="s">
        <v>174</v>
      </c>
      <c r="W4632" s="98" t="s">
        <v>174</v>
      </c>
      <c r="X4632" s="98" t="s">
        <v>174</v>
      </c>
      <c r="Y4632" s="98" t="s">
        <v>174</v>
      </c>
      <c r="Z4632" s="98" t="s">
        <v>174</v>
      </c>
      <c r="AA4632" s="98" t="s">
        <v>174</v>
      </c>
      <c r="AB4632" s="98" t="s">
        <v>174</v>
      </c>
      <c r="AC4632" s="98" t="s">
        <v>174</v>
      </c>
      <c r="AD4632" s="98" t="s">
        <v>174</v>
      </c>
      <c r="AE4632" s="98" t="s">
        <v>174</v>
      </c>
      <c r="AF4632" s="98" t="s">
        <v>174</v>
      </c>
      <c r="AG4632" s="98" t="s">
        <v>174</v>
      </c>
      <c r="AH4632" s="98" t="s">
        <v>174</v>
      </c>
      <c r="AI4632" s="98" t="s">
        <v>174</v>
      </c>
      <c r="AJ4632" s="98" t="s">
        <v>174</v>
      </c>
      <c r="AK4632" s="98" t="s">
        <v>174</v>
      </c>
      <c r="AL4632" s="98" t="s">
        <v>174</v>
      </c>
      <c r="AM4632" s="98" t="s">
        <v>174</v>
      </c>
      <c r="AN4632" s="98" t="s">
        <v>174</v>
      </c>
      <c r="AO4632" s="98" t="s">
        <v>174</v>
      </c>
      <c r="AP4632" s="98" t="s">
        <v>174</v>
      </c>
      <c r="AQ4632" s="98" t="s">
        <v>174</v>
      </c>
      <c r="AR4632" s="98" t="s">
        <v>174</v>
      </c>
      <c r="AS4632" s="98" t="s">
        <v>174</v>
      </c>
      <c r="AT4632" s="129" t="s">
        <v>174</v>
      </c>
      <c r="AU4632" s="98" t="s">
        <v>174</v>
      </c>
      <c r="AV4632" s="98" t="s">
        <v>174</v>
      </c>
      <c r="AW4632" s="98" t="s">
        <v>174</v>
      </c>
      <c r="AX4632" s="98"/>
      <c r="AY4632" s="98"/>
      <c r="AZ4632" s="98"/>
      <c r="BA4632" s="98"/>
      <c r="BB4632" s="107">
        <v>45884</v>
      </c>
    </row>
    <row r="4633" spans="1:54" s="8" customFormat="1" ht="13.95" customHeight="1" x14ac:dyDescent="0.25">
      <c r="A4633" s="219" t="s">
        <v>10445</v>
      </c>
      <c r="B4633" s="220" t="s">
        <v>10412</v>
      </c>
      <c r="C4633" s="98" t="s">
        <v>10446</v>
      </c>
      <c r="D4633" s="98" t="s">
        <v>10447</v>
      </c>
      <c r="E4633" s="141" t="s">
        <v>174</v>
      </c>
      <c r="F4633" s="141">
        <v>267</v>
      </c>
      <c r="G4633" s="98" t="s">
        <v>1</v>
      </c>
      <c r="H4633" s="98">
        <v>0</v>
      </c>
      <c r="I4633" s="98">
        <v>0</v>
      </c>
      <c r="J4633" s="98">
        <v>0</v>
      </c>
      <c r="K4633" s="98" t="s">
        <v>174</v>
      </c>
      <c r="L4633" s="98" t="s">
        <v>174</v>
      </c>
      <c r="M4633" s="98" t="s">
        <v>174</v>
      </c>
      <c r="N4633" s="98" t="s">
        <v>174</v>
      </c>
      <c r="O4633" s="98" t="s">
        <v>174</v>
      </c>
      <c r="P4633" s="98" t="s">
        <v>174</v>
      </c>
      <c r="Q4633" s="98" t="s">
        <v>174</v>
      </c>
      <c r="R4633" s="98" t="s">
        <v>174</v>
      </c>
      <c r="S4633" s="98" t="s">
        <v>174</v>
      </c>
      <c r="T4633" s="98" t="s">
        <v>174</v>
      </c>
      <c r="U4633" s="98" t="s">
        <v>174</v>
      </c>
      <c r="V4633" s="98" t="s">
        <v>174</v>
      </c>
      <c r="W4633" s="98" t="s">
        <v>174</v>
      </c>
      <c r="X4633" s="98" t="s">
        <v>174</v>
      </c>
      <c r="Y4633" s="98" t="s">
        <v>174</v>
      </c>
      <c r="Z4633" s="98" t="s">
        <v>174</v>
      </c>
      <c r="AA4633" s="98" t="s">
        <v>174</v>
      </c>
      <c r="AB4633" s="98" t="s">
        <v>174</v>
      </c>
      <c r="AC4633" s="98" t="s">
        <v>174</v>
      </c>
      <c r="AD4633" s="98" t="s">
        <v>174</v>
      </c>
      <c r="AE4633" s="98" t="s">
        <v>174</v>
      </c>
      <c r="AF4633" s="98" t="s">
        <v>174</v>
      </c>
      <c r="AG4633" s="98" t="s">
        <v>174</v>
      </c>
      <c r="AH4633" s="98" t="s">
        <v>174</v>
      </c>
      <c r="AI4633" s="98" t="s">
        <v>174</v>
      </c>
      <c r="AJ4633" s="98" t="s">
        <v>174</v>
      </c>
      <c r="AK4633" s="98" t="s">
        <v>174</v>
      </c>
      <c r="AL4633" s="98" t="s">
        <v>174</v>
      </c>
      <c r="AM4633" s="98" t="s">
        <v>174</v>
      </c>
      <c r="AN4633" s="98" t="s">
        <v>174</v>
      </c>
      <c r="AO4633" s="98" t="s">
        <v>174</v>
      </c>
      <c r="AP4633" s="98" t="s">
        <v>174</v>
      </c>
      <c r="AQ4633" s="98" t="s">
        <v>174</v>
      </c>
      <c r="AR4633" s="98" t="s">
        <v>174</v>
      </c>
      <c r="AS4633" s="98" t="s">
        <v>174</v>
      </c>
      <c r="AT4633" s="129" t="s">
        <v>174</v>
      </c>
      <c r="AU4633" s="98" t="s">
        <v>174</v>
      </c>
      <c r="AV4633" s="98" t="s">
        <v>174</v>
      </c>
      <c r="AW4633" s="98" t="s">
        <v>174</v>
      </c>
      <c r="AX4633" s="98"/>
      <c r="AY4633" s="98"/>
      <c r="AZ4633" s="98"/>
      <c r="BA4633" s="98"/>
      <c r="BB4633" s="107">
        <v>45884</v>
      </c>
    </row>
    <row r="4634" spans="1:54" s="8" customFormat="1" ht="13.95" customHeight="1" x14ac:dyDescent="0.25">
      <c r="A4634" s="219" t="s">
        <v>10448</v>
      </c>
      <c r="B4634" s="220" t="s">
        <v>10412</v>
      </c>
      <c r="C4634" s="98" t="s">
        <v>10449</v>
      </c>
      <c r="D4634" s="98" t="s">
        <v>10450</v>
      </c>
      <c r="E4634" s="141" t="s">
        <v>174</v>
      </c>
      <c r="F4634" s="141">
        <v>302</v>
      </c>
      <c r="G4634" s="98" t="s">
        <v>1</v>
      </c>
      <c r="H4634" s="98">
        <v>0</v>
      </c>
      <c r="I4634" s="98">
        <v>0</v>
      </c>
      <c r="J4634" s="98">
        <v>0</v>
      </c>
      <c r="K4634" s="98" t="s">
        <v>174</v>
      </c>
      <c r="L4634" s="98" t="s">
        <v>174</v>
      </c>
      <c r="M4634" s="98" t="s">
        <v>174</v>
      </c>
      <c r="N4634" s="98" t="s">
        <v>174</v>
      </c>
      <c r="O4634" s="98" t="s">
        <v>174</v>
      </c>
      <c r="P4634" s="98" t="s">
        <v>174</v>
      </c>
      <c r="Q4634" s="98" t="s">
        <v>174</v>
      </c>
      <c r="R4634" s="98" t="s">
        <v>174</v>
      </c>
      <c r="S4634" s="98" t="s">
        <v>174</v>
      </c>
      <c r="T4634" s="98" t="s">
        <v>174</v>
      </c>
      <c r="U4634" s="99"/>
      <c r="V4634" s="99"/>
      <c r="W4634" s="99"/>
      <c r="X4634" s="99"/>
      <c r="Y4634" s="99"/>
      <c r="Z4634" s="99"/>
      <c r="AA4634" s="99"/>
      <c r="AB4634" s="99"/>
      <c r="AC4634" s="99"/>
      <c r="AD4634" s="99"/>
      <c r="AE4634" s="99"/>
      <c r="AF4634" s="99"/>
      <c r="AG4634" s="99"/>
      <c r="AH4634" s="99"/>
      <c r="AI4634" s="99"/>
      <c r="AJ4634" s="99"/>
      <c r="AK4634" s="99"/>
      <c r="AL4634" s="99"/>
      <c r="AM4634" s="99"/>
      <c r="AN4634" s="99"/>
      <c r="AO4634" s="99"/>
      <c r="AP4634" s="99"/>
      <c r="AQ4634" s="99"/>
      <c r="AR4634" s="99"/>
      <c r="AS4634" s="99"/>
      <c r="AT4634" s="99"/>
      <c r="AU4634" s="99"/>
      <c r="AV4634" s="99"/>
      <c r="AW4634" s="99"/>
      <c r="AX4634" s="99"/>
      <c r="AY4634" s="99"/>
      <c r="AZ4634" s="99"/>
      <c r="BA4634" s="99"/>
      <c r="BB4634" s="107">
        <v>45884</v>
      </c>
    </row>
    <row r="4635" spans="1:54" s="8" customFormat="1" ht="13.95" customHeight="1" x14ac:dyDescent="0.25">
      <c r="A4635" s="219" t="s">
        <v>10451</v>
      </c>
      <c r="B4635" s="220" t="s">
        <v>10412</v>
      </c>
      <c r="C4635" s="98" t="s">
        <v>10452</v>
      </c>
      <c r="D4635" s="98" t="s">
        <v>10453</v>
      </c>
      <c r="E4635" s="141" t="s">
        <v>174</v>
      </c>
      <c r="F4635" s="141">
        <v>305</v>
      </c>
      <c r="G4635" s="98" t="s">
        <v>1</v>
      </c>
      <c r="H4635" s="98">
        <v>0</v>
      </c>
      <c r="I4635" s="98">
        <v>0</v>
      </c>
      <c r="J4635" s="98">
        <v>1</v>
      </c>
      <c r="K4635" s="98" t="s">
        <v>174</v>
      </c>
      <c r="L4635" s="98" t="s">
        <v>174</v>
      </c>
      <c r="M4635" s="98" t="s">
        <v>174</v>
      </c>
      <c r="N4635" s="98" t="s">
        <v>174</v>
      </c>
      <c r="O4635" s="98" t="s">
        <v>174</v>
      </c>
      <c r="P4635" s="98" t="s">
        <v>174</v>
      </c>
      <c r="Q4635" s="98" t="s">
        <v>174</v>
      </c>
      <c r="R4635" s="98" t="s">
        <v>174</v>
      </c>
      <c r="S4635" s="98" t="s">
        <v>174</v>
      </c>
      <c r="T4635" s="98" t="s">
        <v>174</v>
      </c>
      <c r="U4635" s="98" t="s">
        <v>174</v>
      </c>
      <c r="V4635" s="98" t="s">
        <v>174</v>
      </c>
      <c r="W4635" s="98" t="s">
        <v>174</v>
      </c>
      <c r="X4635" s="98" t="s">
        <v>174</v>
      </c>
      <c r="Y4635" s="98" t="s">
        <v>174</v>
      </c>
      <c r="Z4635" s="98" t="s">
        <v>174</v>
      </c>
      <c r="AA4635" s="98" t="s">
        <v>174</v>
      </c>
      <c r="AB4635" s="98" t="s">
        <v>174</v>
      </c>
      <c r="AC4635" s="98" t="s">
        <v>174</v>
      </c>
      <c r="AD4635" s="98" t="s">
        <v>174</v>
      </c>
      <c r="AE4635" s="98" t="s">
        <v>174</v>
      </c>
      <c r="AF4635" s="98" t="s">
        <v>174</v>
      </c>
      <c r="AG4635" s="98" t="s">
        <v>174</v>
      </c>
      <c r="AH4635" s="98" t="s">
        <v>174</v>
      </c>
      <c r="AI4635" s="98" t="s">
        <v>174</v>
      </c>
      <c r="AJ4635" s="98" t="s">
        <v>174</v>
      </c>
      <c r="AK4635" s="98" t="s">
        <v>174</v>
      </c>
      <c r="AL4635" s="98" t="s">
        <v>174</v>
      </c>
      <c r="AM4635" s="98" t="s">
        <v>174</v>
      </c>
      <c r="AN4635" s="98" t="s">
        <v>174</v>
      </c>
      <c r="AO4635" s="98" t="s">
        <v>174</v>
      </c>
      <c r="AP4635" s="98" t="s">
        <v>174</v>
      </c>
      <c r="AQ4635" s="98" t="s">
        <v>174</v>
      </c>
      <c r="AR4635" s="98" t="s">
        <v>174</v>
      </c>
      <c r="AS4635" s="98" t="s">
        <v>174</v>
      </c>
      <c r="AT4635" s="129" t="s">
        <v>174</v>
      </c>
      <c r="AU4635" s="98" t="s">
        <v>174</v>
      </c>
      <c r="AV4635" s="98" t="s">
        <v>174</v>
      </c>
      <c r="AW4635" s="98" t="s">
        <v>174</v>
      </c>
      <c r="AX4635" s="98"/>
      <c r="AY4635" s="98"/>
      <c r="AZ4635" s="98"/>
      <c r="BA4635" s="98"/>
      <c r="BB4635" s="107">
        <v>45884</v>
      </c>
    </row>
    <row r="4636" spans="1:54" s="8" customFormat="1" ht="13.95" customHeight="1" x14ac:dyDescent="0.25">
      <c r="A4636" s="219" t="s">
        <v>10454</v>
      </c>
      <c r="B4636" s="220" t="s">
        <v>10412</v>
      </c>
      <c r="C4636" s="98" t="s">
        <v>10455</v>
      </c>
      <c r="D4636" s="98" t="s">
        <v>10456</v>
      </c>
      <c r="E4636" s="141" t="s">
        <v>174</v>
      </c>
      <c r="F4636" s="141">
        <v>317</v>
      </c>
      <c r="G4636" s="98" t="s">
        <v>1</v>
      </c>
      <c r="H4636" s="98">
        <v>0</v>
      </c>
      <c r="I4636" s="98">
        <v>0</v>
      </c>
      <c r="J4636" s="98">
        <v>1</v>
      </c>
      <c r="K4636" s="98" t="s">
        <v>174</v>
      </c>
      <c r="L4636" s="98" t="s">
        <v>174</v>
      </c>
      <c r="M4636" s="98" t="s">
        <v>174</v>
      </c>
      <c r="N4636" s="98" t="s">
        <v>174</v>
      </c>
      <c r="O4636" s="98" t="s">
        <v>174</v>
      </c>
      <c r="P4636" s="98" t="s">
        <v>174</v>
      </c>
      <c r="Q4636" s="98" t="s">
        <v>174</v>
      </c>
      <c r="R4636" s="98" t="s">
        <v>174</v>
      </c>
      <c r="S4636" s="98" t="s">
        <v>174</v>
      </c>
      <c r="T4636" s="98" t="s">
        <v>174</v>
      </c>
      <c r="U4636" s="99"/>
      <c r="V4636" s="99"/>
      <c r="W4636" s="99"/>
      <c r="X4636" s="99"/>
      <c r="Y4636" s="99"/>
      <c r="Z4636" s="99"/>
      <c r="AA4636" s="99"/>
      <c r="AB4636" s="99"/>
      <c r="AC4636" s="99"/>
      <c r="AD4636" s="99"/>
      <c r="AE4636" s="99"/>
      <c r="AF4636" s="99"/>
      <c r="AG4636" s="99"/>
      <c r="AH4636" s="99"/>
      <c r="AI4636" s="99"/>
      <c r="AJ4636" s="99"/>
      <c r="AK4636" s="99"/>
      <c r="AL4636" s="99"/>
      <c r="AM4636" s="99"/>
      <c r="AN4636" s="99"/>
      <c r="AO4636" s="99"/>
      <c r="AP4636" s="99"/>
      <c r="AQ4636" s="99"/>
      <c r="AR4636" s="99"/>
      <c r="AS4636" s="99"/>
      <c r="AT4636" s="99"/>
      <c r="AU4636" s="99"/>
      <c r="AV4636" s="99"/>
      <c r="AW4636" s="99"/>
      <c r="AX4636" s="99"/>
      <c r="AY4636" s="99"/>
      <c r="AZ4636" s="99"/>
      <c r="BA4636" s="99"/>
      <c r="BB4636" s="107">
        <v>45884</v>
      </c>
    </row>
    <row r="4637" spans="1:54" s="8" customFormat="1" ht="13.95" customHeight="1" x14ac:dyDescent="0.25">
      <c r="A4637" s="219" t="s">
        <v>10457</v>
      </c>
      <c r="B4637" s="220" t="s">
        <v>10412</v>
      </c>
      <c r="C4637" s="98" t="s">
        <v>10458</v>
      </c>
      <c r="D4637" s="98" t="s">
        <v>10459</v>
      </c>
      <c r="E4637" s="141" t="s">
        <v>174</v>
      </c>
      <c r="F4637" s="141">
        <v>318</v>
      </c>
      <c r="G4637" s="98" t="s">
        <v>1</v>
      </c>
      <c r="H4637" s="98">
        <v>0</v>
      </c>
      <c r="I4637" s="98">
        <v>0</v>
      </c>
      <c r="J4637" s="98">
        <v>1</v>
      </c>
      <c r="K4637" s="98" t="s">
        <v>174</v>
      </c>
      <c r="L4637" s="98" t="s">
        <v>174</v>
      </c>
      <c r="M4637" s="98" t="s">
        <v>174</v>
      </c>
      <c r="N4637" s="98" t="s">
        <v>174</v>
      </c>
      <c r="O4637" s="98" t="s">
        <v>174</v>
      </c>
      <c r="P4637" s="98" t="s">
        <v>174</v>
      </c>
      <c r="Q4637" s="98" t="s">
        <v>174</v>
      </c>
      <c r="R4637" s="98" t="s">
        <v>174</v>
      </c>
      <c r="S4637" s="98" t="s">
        <v>174</v>
      </c>
      <c r="T4637" s="98" t="s">
        <v>174</v>
      </c>
      <c r="U4637" s="99"/>
      <c r="V4637" s="99"/>
      <c r="W4637" s="99"/>
      <c r="X4637" s="99"/>
      <c r="Y4637" s="99"/>
      <c r="Z4637" s="99"/>
      <c r="AA4637" s="99"/>
      <c r="AB4637" s="99"/>
      <c r="AC4637" s="99"/>
      <c r="AD4637" s="99"/>
      <c r="AE4637" s="99"/>
      <c r="AF4637" s="99"/>
      <c r="AG4637" s="99"/>
      <c r="AH4637" s="99"/>
      <c r="AI4637" s="99"/>
      <c r="AJ4637" s="99"/>
      <c r="AK4637" s="99"/>
      <c r="AL4637" s="99"/>
      <c r="AM4637" s="99"/>
      <c r="AN4637" s="99"/>
      <c r="AO4637" s="99"/>
      <c r="AP4637" s="99"/>
      <c r="AQ4637" s="99"/>
      <c r="AR4637" s="99"/>
      <c r="AS4637" s="99"/>
      <c r="AT4637" s="99"/>
      <c r="AU4637" s="99"/>
      <c r="AV4637" s="99"/>
      <c r="AW4637" s="99"/>
      <c r="AX4637" s="99"/>
      <c r="AY4637" s="99"/>
      <c r="AZ4637" s="99"/>
      <c r="BA4637" s="99"/>
      <c r="BB4637" s="107">
        <v>45884</v>
      </c>
    </row>
    <row r="4638" spans="1:54" s="8" customFormat="1" ht="13.95" customHeight="1" x14ac:dyDescent="0.25">
      <c r="A4638" s="219" t="s">
        <v>10460</v>
      </c>
      <c r="B4638" s="220" t="s">
        <v>10412</v>
      </c>
      <c r="C4638" s="98" t="s">
        <v>10461</v>
      </c>
      <c r="D4638" s="98" t="s">
        <v>10462</v>
      </c>
      <c r="E4638" s="141" t="s">
        <v>174</v>
      </c>
      <c r="F4638" s="141">
        <v>329</v>
      </c>
      <c r="G4638" s="98" t="s">
        <v>1</v>
      </c>
      <c r="H4638" s="98">
        <v>0</v>
      </c>
      <c r="I4638" s="98">
        <v>0</v>
      </c>
      <c r="J4638" s="98">
        <v>1</v>
      </c>
      <c r="K4638" s="98" t="s">
        <v>174</v>
      </c>
      <c r="L4638" s="98" t="s">
        <v>174</v>
      </c>
      <c r="M4638" s="98" t="s">
        <v>174</v>
      </c>
      <c r="N4638" s="98" t="s">
        <v>174</v>
      </c>
      <c r="O4638" s="98" t="s">
        <v>174</v>
      </c>
      <c r="P4638" s="98" t="s">
        <v>174</v>
      </c>
      <c r="Q4638" s="98" t="s">
        <v>174</v>
      </c>
      <c r="R4638" s="98" t="s">
        <v>174</v>
      </c>
      <c r="S4638" s="98" t="s">
        <v>174</v>
      </c>
      <c r="T4638" s="98" t="s">
        <v>174</v>
      </c>
      <c r="U4638" s="99"/>
      <c r="V4638" s="99"/>
      <c r="W4638" s="99"/>
      <c r="X4638" s="99"/>
      <c r="Y4638" s="99"/>
      <c r="Z4638" s="99"/>
      <c r="AA4638" s="99"/>
      <c r="AB4638" s="99"/>
      <c r="AC4638" s="99"/>
      <c r="AD4638" s="99"/>
      <c r="AE4638" s="99"/>
      <c r="AF4638" s="99"/>
      <c r="AG4638" s="99"/>
      <c r="AH4638" s="99"/>
      <c r="AI4638" s="99"/>
      <c r="AJ4638" s="99"/>
      <c r="AK4638" s="99"/>
      <c r="AL4638" s="99"/>
      <c r="AM4638" s="99"/>
      <c r="AN4638" s="99"/>
      <c r="AO4638" s="99"/>
      <c r="AP4638" s="99"/>
      <c r="AQ4638" s="99"/>
      <c r="AR4638" s="99"/>
      <c r="AS4638" s="99"/>
      <c r="AT4638" s="99"/>
      <c r="AU4638" s="99"/>
      <c r="AV4638" s="99"/>
      <c r="AW4638" s="99"/>
      <c r="AX4638" s="99"/>
      <c r="AY4638" s="99"/>
      <c r="AZ4638" s="99"/>
      <c r="BA4638" s="99"/>
      <c r="BB4638" s="107">
        <v>45884</v>
      </c>
    </row>
    <row r="4639" spans="1:54" s="8" customFormat="1" ht="13.95" customHeight="1" x14ac:dyDescent="0.25">
      <c r="A4639" s="219" t="s">
        <v>10463</v>
      </c>
      <c r="B4639" s="220" t="s">
        <v>10412</v>
      </c>
      <c r="C4639" s="98" t="s">
        <v>10464</v>
      </c>
      <c r="D4639" s="98" t="s">
        <v>10465</v>
      </c>
      <c r="E4639" s="141" t="s">
        <v>174</v>
      </c>
      <c r="F4639" s="141">
        <v>330</v>
      </c>
      <c r="G4639" s="98" t="s">
        <v>1</v>
      </c>
      <c r="H4639" s="98">
        <v>0</v>
      </c>
      <c r="I4639" s="98">
        <v>0</v>
      </c>
      <c r="J4639" s="98">
        <v>1</v>
      </c>
      <c r="K4639" s="98" t="s">
        <v>174</v>
      </c>
      <c r="L4639" s="98" t="s">
        <v>174</v>
      </c>
      <c r="M4639" s="98" t="s">
        <v>174</v>
      </c>
      <c r="N4639" s="98" t="s">
        <v>174</v>
      </c>
      <c r="O4639" s="98" t="s">
        <v>174</v>
      </c>
      <c r="P4639" s="98" t="s">
        <v>174</v>
      </c>
      <c r="Q4639" s="98" t="s">
        <v>174</v>
      </c>
      <c r="R4639" s="98" t="s">
        <v>174</v>
      </c>
      <c r="S4639" s="98" t="s">
        <v>174</v>
      </c>
      <c r="T4639" s="98" t="s">
        <v>174</v>
      </c>
      <c r="U4639" s="99"/>
      <c r="V4639" s="99"/>
      <c r="W4639" s="99"/>
      <c r="X4639" s="99"/>
      <c r="Y4639" s="99"/>
      <c r="Z4639" s="99"/>
      <c r="AA4639" s="99"/>
      <c r="AB4639" s="99"/>
      <c r="AC4639" s="99"/>
      <c r="AD4639" s="99"/>
      <c r="AE4639" s="99"/>
      <c r="AF4639" s="99"/>
      <c r="AG4639" s="99"/>
      <c r="AH4639" s="99"/>
      <c r="AI4639" s="99"/>
      <c r="AJ4639" s="99"/>
      <c r="AK4639" s="99"/>
      <c r="AL4639" s="99"/>
      <c r="AM4639" s="99"/>
      <c r="AN4639" s="99"/>
      <c r="AO4639" s="99"/>
      <c r="AP4639" s="99"/>
      <c r="AQ4639" s="99"/>
      <c r="AR4639" s="99"/>
      <c r="AS4639" s="99"/>
      <c r="AT4639" s="99"/>
      <c r="AU4639" s="99"/>
      <c r="AV4639" s="99"/>
      <c r="AW4639" s="99"/>
      <c r="AX4639" s="99"/>
      <c r="AY4639" s="99"/>
      <c r="AZ4639" s="99"/>
      <c r="BA4639" s="99"/>
      <c r="BB4639" s="107">
        <v>45884</v>
      </c>
    </row>
    <row r="4640" spans="1:54" s="8" customFormat="1" ht="13.95" customHeight="1" x14ac:dyDescent="0.25">
      <c r="A4640" s="219" t="s">
        <v>10466</v>
      </c>
      <c r="B4640" s="220" t="s">
        <v>10412</v>
      </c>
      <c r="C4640" s="98" t="s">
        <v>10467</v>
      </c>
      <c r="D4640" s="98" t="s">
        <v>10468</v>
      </c>
      <c r="E4640" s="141" t="s">
        <v>174</v>
      </c>
      <c r="F4640" s="141">
        <v>335</v>
      </c>
      <c r="G4640" s="98" t="s">
        <v>1</v>
      </c>
      <c r="H4640" s="98">
        <v>0</v>
      </c>
      <c r="I4640" s="98">
        <v>0</v>
      </c>
      <c r="J4640" s="98">
        <v>0</v>
      </c>
      <c r="K4640" s="98" t="s">
        <v>174</v>
      </c>
      <c r="L4640" s="98" t="s">
        <v>174</v>
      </c>
      <c r="M4640" s="98" t="s">
        <v>174</v>
      </c>
      <c r="N4640" s="98" t="s">
        <v>174</v>
      </c>
      <c r="O4640" s="98" t="s">
        <v>174</v>
      </c>
      <c r="P4640" s="98" t="s">
        <v>174</v>
      </c>
      <c r="Q4640" s="98" t="s">
        <v>174</v>
      </c>
      <c r="R4640" s="98" t="s">
        <v>174</v>
      </c>
      <c r="S4640" s="98" t="s">
        <v>174</v>
      </c>
      <c r="T4640" s="98" t="s">
        <v>174</v>
      </c>
      <c r="U4640" s="99"/>
      <c r="V4640" s="99"/>
      <c r="W4640" s="99"/>
      <c r="X4640" s="99"/>
      <c r="Y4640" s="99"/>
      <c r="Z4640" s="99"/>
      <c r="AA4640" s="99"/>
      <c r="AB4640" s="99"/>
      <c r="AC4640" s="99"/>
      <c r="AD4640" s="99"/>
      <c r="AE4640" s="99"/>
      <c r="AF4640" s="99"/>
      <c r="AG4640" s="99"/>
      <c r="AH4640" s="99"/>
      <c r="AI4640" s="99"/>
      <c r="AJ4640" s="99"/>
      <c r="AK4640" s="99"/>
      <c r="AL4640" s="99"/>
      <c r="AM4640" s="99"/>
      <c r="AN4640" s="99"/>
      <c r="AO4640" s="99"/>
      <c r="AP4640" s="99"/>
      <c r="AQ4640" s="99"/>
      <c r="AR4640" s="99"/>
      <c r="AS4640" s="99"/>
      <c r="AT4640" s="99"/>
      <c r="AU4640" s="99"/>
      <c r="AV4640" s="99"/>
      <c r="AW4640" s="99"/>
      <c r="AX4640" s="99"/>
      <c r="AY4640" s="99"/>
      <c r="AZ4640" s="99"/>
      <c r="BA4640" s="99"/>
      <c r="BB4640" s="107">
        <v>45884</v>
      </c>
    </row>
    <row r="4641" spans="1:54" s="8" customFormat="1" ht="13.95" customHeight="1" x14ac:dyDescent="0.25">
      <c r="A4641" s="219" t="s">
        <v>10469</v>
      </c>
      <c r="B4641" s="220" t="s">
        <v>10412</v>
      </c>
      <c r="C4641" s="98" t="s">
        <v>10470</v>
      </c>
      <c r="D4641" s="98" t="s">
        <v>10471</v>
      </c>
      <c r="E4641" s="141" t="s">
        <v>174</v>
      </c>
      <c r="F4641" s="141">
        <v>336</v>
      </c>
      <c r="G4641" s="98" t="s">
        <v>1</v>
      </c>
      <c r="H4641" s="98">
        <v>0</v>
      </c>
      <c r="I4641" s="98">
        <v>0</v>
      </c>
      <c r="J4641" s="98">
        <v>0</v>
      </c>
      <c r="K4641" s="98" t="s">
        <v>174</v>
      </c>
      <c r="L4641" s="98" t="s">
        <v>174</v>
      </c>
      <c r="M4641" s="98" t="s">
        <v>174</v>
      </c>
      <c r="N4641" s="98" t="s">
        <v>174</v>
      </c>
      <c r="O4641" s="98" t="s">
        <v>174</v>
      </c>
      <c r="P4641" s="98" t="s">
        <v>174</v>
      </c>
      <c r="Q4641" s="98" t="s">
        <v>174</v>
      </c>
      <c r="R4641" s="98" t="s">
        <v>174</v>
      </c>
      <c r="S4641" s="98" t="s">
        <v>174</v>
      </c>
      <c r="T4641" s="98" t="s">
        <v>174</v>
      </c>
      <c r="U4641" s="99"/>
      <c r="V4641" s="99"/>
      <c r="W4641" s="99"/>
      <c r="X4641" s="99"/>
      <c r="Y4641" s="99"/>
      <c r="Z4641" s="99"/>
      <c r="AA4641" s="99"/>
      <c r="AB4641" s="99"/>
      <c r="AC4641" s="99"/>
      <c r="AD4641" s="99"/>
      <c r="AE4641" s="99"/>
      <c r="AF4641" s="99"/>
      <c r="AG4641" s="99"/>
      <c r="AH4641" s="99"/>
      <c r="AI4641" s="99"/>
      <c r="AJ4641" s="99"/>
      <c r="AK4641" s="99"/>
      <c r="AL4641" s="99"/>
      <c r="AM4641" s="99"/>
      <c r="AN4641" s="99"/>
      <c r="AO4641" s="99"/>
      <c r="AP4641" s="99"/>
      <c r="AQ4641" s="99"/>
      <c r="AR4641" s="99"/>
      <c r="AS4641" s="99"/>
      <c r="AT4641" s="99"/>
      <c r="AU4641" s="99"/>
      <c r="AV4641" s="99"/>
      <c r="AW4641" s="99"/>
      <c r="AX4641" s="99"/>
      <c r="AY4641" s="99"/>
      <c r="AZ4641" s="99"/>
      <c r="BA4641" s="99"/>
      <c r="BB4641" s="107">
        <v>45884</v>
      </c>
    </row>
    <row r="4642" spans="1:54" s="8" customFormat="1" ht="13.95" customHeight="1" x14ac:dyDescent="0.25">
      <c r="A4642" s="219" t="s">
        <v>10472</v>
      </c>
      <c r="B4642" s="220" t="s">
        <v>10412</v>
      </c>
      <c r="C4642" s="98" t="s">
        <v>10473</v>
      </c>
      <c r="D4642" s="98" t="s">
        <v>10474</v>
      </c>
      <c r="E4642" s="141" t="s">
        <v>174</v>
      </c>
      <c r="F4642" s="141">
        <v>346</v>
      </c>
      <c r="G4642" s="98" t="s">
        <v>1</v>
      </c>
      <c r="H4642" s="98">
        <v>0</v>
      </c>
      <c r="I4642" s="98">
        <v>0</v>
      </c>
      <c r="J4642" s="98">
        <v>1</v>
      </c>
      <c r="K4642" s="98" t="s">
        <v>174</v>
      </c>
      <c r="L4642" s="98" t="s">
        <v>174</v>
      </c>
      <c r="M4642" s="98" t="s">
        <v>174</v>
      </c>
      <c r="N4642" s="98" t="s">
        <v>174</v>
      </c>
      <c r="O4642" s="98" t="s">
        <v>174</v>
      </c>
      <c r="P4642" s="98" t="s">
        <v>174</v>
      </c>
      <c r="Q4642" s="98" t="s">
        <v>174</v>
      </c>
      <c r="R4642" s="98" t="s">
        <v>174</v>
      </c>
      <c r="S4642" s="98" t="s">
        <v>174</v>
      </c>
      <c r="T4642" s="98" t="s">
        <v>174</v>
      </c>
      <c r="U4642" s="99"/>
      <c r="V4642" s="99"/>
      <c r="W4642" s="99"/>
      <c r="X4642" s="99"/>
      <c r="Y4642" s="99"/>
      <c r="Z4642" s="99"/>
      <c r="AA4642" s="99"/>
      <c r="AB4642" s="99"/>
      <c r="AC4642" s="99"/>
      <c r="AD4642" s="99"/>
      <c r="AE4642" s="99"/>
      <c r="AF4642" s="99"/>
      <c r="AG4642" s="99"/>
      <c r="AH4642" s="99"/>
      <c r="AI4642" s="99"/>
      <c r="AJ4642" s="99"/>
      <c r="AK4642" s="99"/>
      <c r="AL4642" s="99"/>
      <c r="AM4642" s="99"/>
      <c r="AN4642" s="99"/>
      <c r="AO4642" s="99"/>
      <c r="AP4642" s="99"/>
      <c r="AQ4642" s="99"/>
      <c r="AR4642" s="99"/>
      <c r="AS4642" s="99"/>
      <c r="AT4642" s="99"/>
      <c r="AU4642" s="99"/>
      <c r="AV4642" s="99"/>
      <c r="AW4642" s="99"/>
      <c r="AX4642" s="99"/>
      <c r="AY4642" s="99"/>
      <c r="AZ4642" s="99"/>
      <c r="BA4642" s="99"/>
      <c r="BB4642" s="107">
        <v>45884</v>
      </c>
    </row>
    <row r="4643" spans="1:54" s="8" customFormat="1" ht="13.95" customHeight="1" x14ac:dyDescent="0.25">
      <c r="A4643" s="219" t="s">
        <v>10475</v>
      </c>
      <c r="B4643" s="220" t="s">
        <v>10412</v>
      </c>
      <c r="C4643" s="98" t="s">
        <v>10476</v>
      </c>
      <c r="D4643" s="98" t="s">
        <v>10477</v>
      </c>
      <c r="E4643" s="141" t="s">
        <v>174</v>
      </c>
      <c r="F4643" s="141">
        <v>371</v>
      </c>
      <c r="G4643" s="98" t="s">
        <v>1</v>
      </c>
      <c r="H4643" s="98">
        <v>0</v>
      </c>
      <c r="I4643" s="98">
        <v>0</v>
      </c>
      <c r="J4643" s="98">
        <v>1</v>
      </c>
      <c r="K4643" s="98" t="s">
        <v>174</v>
      </c>
      <c r="L4643" s="98" t="s">
        <v>174</v>
      </c>
      <c r="M4643" s="98" t="s">
        <v>174</v>
      </c>
      <c r="N4643" s="98" t="s">
        <v>174</v>
      </c>
      <c r="O4643" s="98" t="s">
        <v>174</v>
      </c>
      <c r="P4643" s="98" t="s">
        <v>174</v>
      </c>
      <c r="Q4643" s="98" t="s">
        <v>174</v>
      </c>
      <c r="R4643" s="98" t="s">
        <v>174</v>
      </c>
      <c r="S4643" s="98" t="s">
        <v>174</v>
      </c>
      <c r="T4643" s="98" t="s">
        <v>174</v>
      </c>
      <c r="U4643" s="99"/>
      <c r="V4643" s="99"/>
      <c r="W4643" s="99"/>
      <c r="X4643" s="99"/>
      <c r="Y4643" s="99"/>
      <c r="Z4643" s="99"/>
      <c r="AA4643" s="99"/>
      <c r="AB4643" s="99"/>
      <c r="AC4643" s="99"/>
      <c r="AD4643" s="99"/>
      <c r="AE4643" s="99"/>
      <c r="AF4643" s="99"/>
      <c r="AG4643" s="99"/>
      <c r="AH4643" s="99"/>
      <c r="AI4643" s="99"/>
      <c r="AJ4643" s="99"/>
      <c r="AK4643" s="99"/>
      <c r="AL4643" s="99"/>
      <c r="AM4643" s="99"/>
      <c r="AN4643" s="99"/>
      <c r="AO4643" s="99"/>
      <c r="AP4643" s="99"/>
      <c r="AQ4643" s="99"/>
      <c r="AR4643" s="99"/>
      <c r="AS4643" s="99"/>
      <c r="AT4643" s="99"/>
      <c r="AU4643" s="99"/>
      <c r="AV4643" s="99"/>
      <c r="AW4643" s="99"/>
      <c r="AX4643" s="99"/>
      <c r="AY4643" s="99"/>
      <c r="AZ4643" s="99"/>
      <c r="BA4643" s="99"/>
      <c r="BB4643" s="107">
        <v>45884</v>
      </c>
    </row>
    <row r="4644" spans="1:54" s="8" customFormat="1" ht="13.95" customHeight="1" x14ac:dyDescent="0.25">
      <c r="A4644" s="219" t="s">
        <v>10478</v>
      </c>
      <c r="B4644" s="220" t="s">
        <v>10412</v>
      </c>
      <c r="C4644" s="98" t="s">
        <v>10479</v>
      </c>
      <c r="D4644" s="98" t="s">
        <v>10480</v>
      </c>
      <c r="E4644" s="141" t="s">
        <v>174</v>
      </c>
      <c r="F4644" s="141">
        <v>378</v>
      </c>
      <c r="G4644" s="98" t="s">
        <v>1</v>
      </c>
      <c r="H4644" s="98">
        <v>0</v>
      </c>
      <c r="I4644" s="98">
        <v>0</v>
      </c>
      <c r="J4644" s="98">
        <v>0</v>
      </c>
      <c r="K4644" s="98" t="s">
        <v>174</v>
      </c>
      <c r="L4644" s="98" t="s">
        <v>174</v>
      </c>
      <c r="M4644" s="98" t="s">
        <v>174</v>
      </c>
      <c r="N4644" s="98" t="s">
        <v>174</v>
      </c>
      <c r="O4644" s="98" t="s">
        <v>174</v>
      </c>
      <c r="P4644" s="98" t="s">
        <v>174</v>
      </c>
      <c r="Q4644" s="98" t="s">
        <v>174</v>
      </c>
      <c r="R4644" s="98" t="s">
        <v>174</v>
      </c>
      <c r="S4644" s="98" t="s">
        <v>174</v>
      </c>
      <c r="T4644" s="98" t="s">
        <v>174</v>
      </c>
      <c r="U4644" s="99"/>
      <c r="V4644" s="99"/>
      <c r="W4644" s="99"/>
      <c r="X4644" s="99"/>
      <c r="Y4644" s="99"/>
      <c r="Z4644" s="99"/>
      <c r="AA4644" s="99"/>
      <c r="AB4644" s="99"/>
      <c r="AC4644" s="99"/>
      <c r="AD4644" s="99"/>
      <c r="AE4644" s="99"/>
      <c r="AF4644" s="99"/>
      <c r="AG4644" s="99"/>
      <c r="AH4644" s="99"/>
      <c r="AI4644" s="99"/>
      <c r="AJ4644" s="99"/>
      <c r="AK4644" s="99"/>
      <c r="AL4644" s="99"/>
      <c r="AM4644" s="99"/>
      <c r="AN4644" s="99"/>
      <c r="AO4644" s="99"/>
      <c r="AP4644" s="99"/>
      <c r="AQ4644" s="99"/>
      <c r="AR4644" s="99"/>
      <c r="AS4644" s="99"/>
      <c r="AT4644" s="99"/>
      <c r="AU4644" s="99"/>
      <c r="AV4644" s="99"/>
      <c r="AW4644" s="99"/>
      <c r="AX4644" s="99"/>
      <c r="AY4644" s="99"/>
      <c r="AZ4644" s="99"/>
      <c r="BA4644" s="99"/>
      <c r="BB4644" s="107">
        <v>45884</v>
      </c>
    </row>
    <row r="4645" spans="1:54" s="8" customFormat="1" ht="13.95" customHeight="1" x14ac:dyDescent="0.25">
      <c r="A4645" s="219" t="s">
        <v>10481</v>
      </c>
      <c r="B4645" s="220" t="s">
        <v>10412</v>
      </c>
      <c r="C4645" s="98" t="s">
        <v>10482</v>
      </c>
      <c r="D4645" s="98" t="s">
        <v>10483</v>
      </c>
      <c r="E4645" s="141" t="s">
        <v>174</v>
      </c>
      <c r="F4645" s="141">
        <v>379</v>
      </c>
      <c r="G4645" s="98" t="s">
        <v>1</v>
      </c>
      <c r="H4645" s="98">
        <v>0</v>
      </c>
      <c r="I4645" s="98">
        <v>0</v>
      </c>
      <c r="J4645" s="98">
        <v>0</v>
      </c>
      <c r="K4645" s="98" t="s">
        <v>174</v>
      </c>
      <c r="L4645" s="98" t="s">
        <v>174</v>
      </c>
      <c r="M4645" s="98" t="s">
        <v>174</v>
      </c>
      <c r="N4645" s="98" t="s">
        <v>174</v>
      </c>
      <c r="O4645" s="98" t="s">
        <v>174</v>
      </c>
      <c r="P4645" s="98" t="s">
        <v>174</v>
      </c>
      <c r="Q4645" s="98" t="s">
        <v>174</v>
      </c>
      <c r="R4645" s="98" t="s">
        <v>174</v>
      </c>
      <c r="S4645" s="98" t="s">
        <v>174</v>
      </c>
      <c r="T4645" s="98" t="s">
        <v>174</v>
      </c>
      <c r="U4645" s="99"/>
      <c r="V4645" s="99"/>
      <c r="W4645" s="99"/>
      <c r="X4645" s="99"/>
      <c r="Y4645" s="99"/>
      <c r="Z4645" s="99"/>
      <c r="AA4645" s="99"/>
      <c r="AB4645" s="99"/>
      <c r="AC4645" s="99"/>
      <c r="AD4645" s="99"/>
      <c r="AE4645" s="99"/>
      <c r="AF4645" s="99"/>
      <c r="AG4645" s="99"/>
      <c r="AH4645" s="99"/>
      <c r="AI4645" s="99"/>
      <c r="AJ4645" s="99"/>
      <c r="AK4645" s="99"/>
      <c r="AL4645" s="99"/>
      <c r="AM4645" s="99"/>
      <c r="AN4645" s="99"/>
      <c r="AO4645" s="99"/>
      <c r="AP4645" s="99"/>
      <c r="AQ4645" s="99"/>
      <c r="AR4645" s="99"/>
      <c r="AS4645" s="99"/>
      <c r="AT4645" s="99"/>
      <c r="AU4645" s="99"/>
      <c r="AV4645" s="99"/>
      <c r="AW4645" s="99"/>
      <c r="AX4645" s="99"/>
      <c r="AY4645" s="99"/>
      <c r="AZ4645" s="99"/>
      <c r="BA4645" s="99"/>
      <c r="BB4645" s="107">
        <v>45884</v>
      </c>
    </row>
    <row r="4646" spans="1:54" s="8" customFormat="1" ht="13.95" customHeight="1" x14ac:dyDescent="0.25">
      <c r="A4646" s="219" t="s">
        <v>10484</v>
      </c>
      <c r="B4646" s="220" t="s">
        <v>10412</v>
      </c>
      <c r="C4646" s="98" t="s">
        <v>10485</v>
      </c>
      <c r="D4646" s="98" t="s">
        <v>10486</v>
      </c>
      <c r="E4646" s="141" t="s">
        <v>174</v>
      </c>
      <c r="F4646" s="141">
        <v>388</v>
      </c>
      <c r="G4646" s="98" t="s">
        <v>1</v>
      </c>
      <c r="H4646" s="98">
        <v>0</v>
      </c>
      <c r="I4646" s="98">
        <v>0</v>
      </c>
      <c r="J4646" s="98">
        <v>0</v>
      </c>
      <c r="K4646" s="98" t="s">
        <v>174</v>
      </c>
      <c r="L4646" s="98" t="s">
        <v>174</v>
      </c>
      <c r="M4646" s="98" t="s">
        <v>174</v>
      </c>
      <c r="N4646" s="98" t="s">
        <v>174</v>
      </c>
      <c r="O4646" s="98" t="s">
        <v>174</v>
      </c>
      <c r="P4646" s="98" t="s">
        <v>174</v>
      </c>
      <c r="Q4646" s="98" t="s">
        <v>174</v>
      </c>
      <c r="R4646" s="98" t="s">
        <v>174</v>
      </c>
      <c r="S4646" s="98" t="s">
        <v>174</v>
      </c>
      <c r="T4646" s="98" t="s">
        <v>174</v>
      </c>
      <c r="U4646" s="99"/>
      <c r="V4646" s="99"/>
      <c r="W4646" s="99"/>
      <c r="X4646" s="99"/>
      <c r="Y4646" s="99"/>
      <c r="Z4646" s="99"/>
      <c r="AA4646" s="99"/>
      <c r="AB4646" s="99"/>
      <c r="AC4646" s="99"/>
      <c r="AD4646" s="99"/>
      <c r="AE4646" s="99"/>
      <c r="AF4646" s="99"/>
      <c r="AG4646" s="99"/>
      <c r="AH4646" s="99"/>
      <c r="AI4646" s="99"/>
      <c r="AJ4646" s="99"/>
      <c r="AK4646" s="99"/>
      <c r="AL4646" s="99"/>
      <c r="AM4646" s="99"/>
      <c r="AN4646" s="99"/>
      <c r="AO4646" s="99"/>
      <c r="AP4646" s="99"/>
      <c r="AQ4646" s="99"/>
      <c r="AR4646" s="99"/>
      <c r="AS4646" s="99"/>
      <c r="AT4646" s="99"/>
      <c r="AU4646" s="99"/>
      <c r="AV4646" s="99"/>
      <c r="AW4646" s="99"/>
      <c r="AX4646" s="99"/>
      <c r="AY4646" s="99"/>
      <c r="AZ4646" s="99"/>
      <c r="BA4646" s="99"/>
      <c r="BB4646" s="107">
        <v>45884</v>
      </c>
    </row>
    <row r="4647" spans="1:54" s="8" customFormat="1" ht="13.95" customHeight="1" x14ac:dyDescent="0.25">
      <c r="A4647" s="219" t="s">
        <v>10487</v>
      </c>
      <c r="B4647" s="220" t="s">
        <v>10412</v>
      </c>
      <c r="C4647" s="98" t="s">
        <v>10488</v>
      </c>
      <c r="D4647" s="98" t="s">
        <v>10489</v>
      </c>
      <c r="E4647" s="141" t="s">
        <v>174</v>
      </c>
      <c r="F4647" s="141">
        <v>393</v>
      </c>
      <c r="G4647" s="98" t="s">
        <v>1</v>
      </c>
      <c r="H4647" s="98">
        <v>0</v>
      </c>
      <c r="I4647" s="98">
        <v>0</v>
      </c>
      <c r="J4647" s="98">
        <v>0</v>
      </c>
      <c r="K4647" s="98" t="s">
        <v>174</v>
      </c>
      <c r="L4647" s="98" t="s">
        <v>174</v>
      </c>
      <c r="M4647" s="98" t="s">
        <v>174</v>
      </c>
      <c r="N4647" s="98" t="s">
        <v>174</v>
      </c>
      <c r="O4647" s="98" t="s">
        <v>174</v>
      </c>
      <c r="P4647" s="98" t="s">
        <v>174</v>
      </c>
      <c r="Q4647" s="98" t="s">
        <v>174</v>
      </c>
      <c r="R4647" s="98" t="s">
        <v>174</v>
      </c>
      <c r="S4647" s="98" t="s">
        <v>174</v>
      </c>
      <c r="T4647" s="98" t="s">
        <v>174</v>
      </c>
      <c r="U4647" s="99"/>
      <c r="V4647" s="99"/>
      <c r="W4647" s="99"/>
      <c r="X4647" s="99"/>
      <c r="Y4647" s="99"/>
      <c r="Z4647" s="99"/>
      <c r="AA4647" s="99"/>
      <c r="AB4647" s="99"/>
      <c r="AC4647" s="99"/>
      <c r="AD4647" s="99"/>
      <c r="AE4647" s="99"/>
      <c r="AF4647" s="99"/>
      <c r="AG4647" s="99"/>
      <c r="AH4647" s="99"/>
      <c r="AI4647" s="99"/>
      <c r="AJ4647" s="99"/>
      <c r="AK4647" s="99"/>
      <c r="AL4647" s="99"/>
      <c r="AM4647" s="99"/>
      <c r="AN4647" s="99"/>
      <c r="AO4647" s="99"/>
      <c r="AP4647" s="99"/>
      <c r="AQ4647" s="99"/>
      <c r="AR4647" s="99"/>
      <c r="AS4647" s="99"/>
      <c r="AT4647" s="99"/>
      <c r="AU4647" s="99"/>
      <c r="AV4647" s="99"/>
      <c r="AW4647" s="99"/>
      <c r="AX4647" s="99"/>
      <c r="AY4647" s="99"/>
      <c r="AZ4647" s="99"/>
      <c r="BA4647" s="99"/>
      <c r="BB4647" s="107">
        <v>45884</v>
      </c>
    </row>
    <row r="4648" spans="1:54" s="8" customFormat="1" ht="13.95" customHeight="1" x14ac:dyDescent="0.25">
      <c r="A4648" s="219" t="s">
        <v>10490</v>
      </c>
      <c r="B4648" s="220" t="s">
        <v>10412</v>
      </c>
      <c r="C4648" s="98" t="s">
        <v>10491</v>
      </c>
      <c r="D4648" s="98" t="s">
        <v>10492</v>
      </c>
      <c r="E4648" s="141" t="s">
        <v>174</v>
      </c>
      <c r="F4648" s="141">
        <v>395</v>
      </c>
      <c r="G4648" s="98" t="s">
        <v>1</v>
      </c>
      <c r="H4648" s="98">
        <v>0</v>
      </c>
      <c r="I4648" s="98">
        <v>0</v>
      </c>
      <c r="J4648" s="98">
        <v>1</v>
      </c>
      <c r="K4648" s="98" t="s">
        <v>174</v>
      </c>
      <c r="L4648" s="98" t="s">
        <v>174</v>
      </c>
      <c r="M4648" s="98" t="s">
        <v>174</v>
      </c>
      <c r="N4648" s="98" t="s">
        <v>174</v>
      </c>
      <c r="O4648" s="98" t="s">
        <v>174</v>
      </c>
      <c r="P4648" s="98" t="s">
        <v>174</v>
      </c>
      <c r="Q4648" s="98" t="s">
        <v>174</v>
      </c>
      <c r="R4648" s="98" t="s">
        <v>174</v>
      </c>
      <c r="S4648" s="98" t="s">
        <v>174</v>
      </c>
      <c r="T4648" s="98" t="s">
        <v>174</v>
      </c>
      <c r="U4648" s="98" t="s">
        <v>174</v>
      </c>
      <c r="V4648" s="98" t="s">
        <v>174</v>
      </c>
      <c r="W4648" s="98" t="s">
        <v>174</v>
      </c>
      <c r="X4648" s="98" t="s">
        <v>174</v>
      </c>
      <c r="Y4648" s="98" t="s">
        <v>174</v>
      </c>
      <c r="Z4648" s="98" t="s">
        <v>174</v>
      </c>
      <c r="AA4648" s="98" t="s">
        <v>174</v>
      </c>
      <c r="AB4648" s="98" t="s">
        <v>174</v>
      </c>
      <c r="AC4648" s="98" t="s">
        <v>174</v>
      </c>
      <c r="AD4648" s="98" t="s">
        <v>174</v>
      </c>
      <c r="AE4648" s="98" t="s">
        <v>174</v>
      </c>
      <c r="AF4648" s="98" t="s">
        <v>174</v>
      </c>
      <c r="AG4648" s="98" t="s">
        <v>174</v>
      </c>
      <c r="AH4648" s="98" t="s">
        <v>174</v>
      </c>
      <c r="AI4648" s="98" t="s">
        <v>174</v>
      </c>
      <c r="AJ4648" s="98" t="s">
        <v>174</v>
      </c>
      <c r="AK4648" s="98" t="s">
        <v>174</v>
      </c>
      <c r="AL4648" s="98" t="s">
        <v>174</v>
      </c>
      <c r="AM4648" s="98" t="s">
        <v>174</v>
      </c>
      <c r="AN4648" s="98" t="s">
        <v>174</v>
      </c>
      <c r="AO4648" s="98" t="s">
        <v>174</v>
      </c>
      <c r="AP4648" s="98" t="s">
        <v>174</v>
      </c>
      <c r="AQ4648" s="98" t="s">
        <v>174</v>
      </c>
      <c r="AR4648" s="98" t="s">
        <v>174</v>
      </c>
      <c r="AS4648" s="98" t="s">
        <v>174</v>
      </c>
      <c r="AT4648" s="129" t="s">
        <v>174</v>
      </c>
      <c r="AU4648" s="98" t="s">
        <v>174</v>
      </c>
      <c r="AV4648" s="98" t="s">
        <v>174</v>
      </c>
      <c r="AW4648" s="98" t="s">
        <v>174</v>
      </c>
      <c r="AX4648" s="98"/>
      <c r="AY4648" s="98"/>
      <c r="AZ4648" s="98"/>
      <c r="BA4648" s="98"/>
      <c r="BB4648" s="107">
        <v>45884</v>
      </c>
    </row>
    <row r="4649" spans="1:54" s="8" customFormat="1" ht="13.95" customHeight="1" x14ac:dyDescent="0.25">
      <c r="A4649" s="219" t="s">
        <v>10493</v>
      </c>
      <c r="B4649" s="220" t="s">
        <v>10412</v>
      </c>
      <c r="C4649" s="98" t="s">
        <v>10494</v>
      </c>
      <c r="D4649" s="98" t="s">
        <v>10495</v>
      </c>
      <c r="E4649" s="141" t="s">
        <v>174</v>
      </c>
      <c r="F4649" s="141">
        <v>594</v>
      </c>
      <c r="G4649" s="98" t="s">
        <v>1</v>
      </c>
      <c r="H4649" s="98">
        <v>0</v>
      </c>
      <c r="I4649" s="98">
        <v>0</v>
      </c>
      <c r="J4649" s="98">
        <v>1</v>
      </c>
      <c r="K4649" s="98" t="s">
        <v>174</v>
      </c>
      <c r="L4649" s="98" t="s">
        <v>174</v>
      </c>
      <c r="M4649" s="98" t="s">
        <v>174</v>
      </c>
      <c r="N4649" s="98" t="s">
        <v>174</v>
      </c>
      <c r="O4649" s="98" t="s">
        <v>174</v>
      </c>
      <c r="P4649" s="98" t="s">
        <v>174</v>
      </c>
      <c r="Q4649" s="98" t="s">
        <v>174</v>
      </c>
      <c r="R4649" s="98" t="s">
        <v>174</v>
      </c>
      <c r="S4649" s="98" t="s">
        <v>174</v>
      </c>
      <c r="T4649" s="98" t="s">
        <v>174</v>
      </c>
      <c r="U4649" s="99"/>
      <c r="V4649" s="99"/>
      <c r="W4649" s="99"/>
      <c r="X4649" s="99"/>
      <c r="Y4649" s="99"/>
      <c r="Z4649" s="99"/>
      <c r="AA4649" s="99"/>
      <c r="AB4649" s="99"/>
      <c r="AC4649" s="99"/>
      <c r="AD4649" s="99"/>
      <c r="AE4649" s="99"/>
      <c r="AF4649" s="99"/>
      <c r="AG4649" s="99"/>
      <c r="AH4649" s="99"/>
      <c r="AI4649" s="99"/>
      <c r="AJ4649" s="99"/>
      <c r="AK4649" s="99"/>
      <c r="AL4649" s="99"/>
      <c r="AM4649" s="99"/>
      <c r="AN4649" s="99"/>
      <c r="AO4649" s="99"/>
      <c r="AP4649" s="99"/>
      <c r="AQ4649" s="99"/>
      <c r="AR4649" s="99"/>
      <c r="AS4649" s="99"/>
      <c r="AT4649" s="99"/>
      <c r="AU4649" s="99"/>
      <c r="AV4649" s="99"/>
      <c r="AW4649" s="99"/>
      <c r="AX4649" s="99"/>
      <c r="AY4649" s="99"/>
      <c r="AZ4649" s="99"/>
      <c r="BA4649" s="99"/>
      <c r="BB4649" s="107">
        <v>45884</v>
      </c>
    </row>
    <row r="4650" spans="1:54" s="8" customFormat="1" ht="13.95" customHeight="1" x14ac:dyDescent="0.25">
      <c r="A4650" s="219" t="s">
        <v>10496</v>
      </c>
      <c r="B4650" s="220" t="s">
        <v>10412</v>
      </c>
      <c r="C4650" s="98" t="s">
        <v>10497</v>
      </c>
      <c r="D4650" s="98" t="s">
        <v>10498</v>
      </c>
      <c r="E4650" s="141" t="s">
        <v>174</v>
      </c>
      <c r="F4650" s="141">
        <v>396</v>
      </c>
      <c r="G4650" s="98" t="s">
        <v>1</v>
      </c>
      <c r="H4650" s="98">
        <v>0</v>
      </c>
      <c r="I4650" s="98">
        <v>0</v>
      </c>
      <c r="J4650" s="98">
        <v>0</v>
      </c>
      <c r="K4650" s="98" t="s">
        <v>174</v>
      </c>
      <c r="L4650" s="98" t="s">
        <v>174</v>
      </c>
      <c r="M4650" s="98" t="s">
        <v>174</v>
      </c>
      <c r="N4650" s="98" t="s">
        <v>174</v>
      </c>
      <c r="O4650" s="98" t="s">
        <v>174</v>
      </c>
      <c r="P4650" s="98" t="s">
        <v>174</v>
      </c>
      <c r="Q4650" s="98" t="s">
        <v>174</v>
      </c>
      <c r="R4650" s="98" t="s">
        <v>174</v>
      </c>
      <c r="S4650" s="98" t="s">
        <v>174</v>
      </c>
      <c r="T4650" s="98" t="s">
        <v>174</v>
      </c>
      <c r="U4650" s="99"/>
      <c r="V4650" s="99"/>
      <c r="W4650" s="99"/>
      <c r="X4650" s="99"/>
      <c r="Y4650" s="99"/>
      <c r="Z4650" s="99"/>
      <c r="AA4650" s="99"/>
      <c r="AB4650" s="99"/>
      <c r="AC4650" s="99"/>
      <c r="AD4650" s="99"/>
      <c r="AE4650" s="99"/>
      <c r="AF4650" s="99"/>
      <c r="AG4650" s="99"/>
      <c r="AH4650" s="99"/>
      <c r="AI4650" s="99"/>
      <c r="AJ4650" s="99"/>
      <c r="AK4650" s="99"/>
      <c r="AL4650" s="99"/>
      <c r="AM4650" s="99"/>
      <c r="AN4650" s="99"/>
      <c r="AO4650" s="99"/>
      <c r="AP4650" s="99"/>
      <c r="AQ4650" s="99"/>
      <c r="AR4650" s="99"/>
      <c r="AS4650" s="99"/>
      <c r="AT4650" s="99"/>
      <c r="AU4650" s="99"/>
      <c r="AV4650" s="99"/>
      <c r="AW4650" s="99"/>
      <c r="AX4650" s="99"/>
      <c r="AY4650" s="99"/>
      <c r="AZ4650" s="99"/>
      <c r="BA4650" s="99"/>
      <c r="BB4650" s="107">
        <v>45884</v>
      </c>
    </row>
    <row r="4651" spans="1:54" s="8" customFormat="1" ht="13.95" customHeight="1" x14ac:dyDescent="0.25">
      <c r="A4651" s="219" t="s">
        <v>10499</v>
      </c>
      <c r="B4651" s="220" t="s">
        <v>10412</v>
      </c>
      <c r="C4651" s="98" t="s">
        <v>10500</v>
      </c>
      <c r="D4651" s="98" t="s">
        <v>10501</v>
      </c>
      <c r="E4651" s="141" t="s">
        <v>174</v>
      </c>
      <c r="F4651" s="141">
        <v>400</v>
      </c>
      <c r="G4651" s="98" t="s">
        <v>1</v>
      </c>
      <c r="H4651" s="98">
        <v>0</v>
      </c>
      <c r="I4651" s="98">
        <v>0</v>
      </c>
      <c r="J4651" s="98">
        <v>0</v>
      </c>
      <c r="K4651" s="98" t="s">
        <v>174</v>
      </c>
      <c r="L4651" s="98" t="s">
        <v>174</v>
      </c>
      <c r="M4651" s="98" t="s">
        <v>174</v>
      </c>
      <c r="N4651" s="98" t="s">
        <v>174</v>
      </c>
      <c r="O4651" s="98" t="s">
        <v>174</v>
      </c>
      <c r="P4651" s="98" t="s">
        <v>174</v>
      </c>
      <c r="Q4651" s="98" t="s">
        <v>174</v>
      </c>
      <c r="R4651" s="98" t="s">
        <v>174</v>
      </c>
      <c r="S4651" s="98" t="s">
        <v>174</v>
      </c>
      <c r="T4651" s="98" t="s">
        <v>174</v>
      </c>
      <c r="U4651" s="99"/>
      <c r="V4651" s="99"/>
      <c r="W4651" s="99"/>
      <c r="X4651" s="99"/>
      <c r="Y4651" s="99"/>
      <c r="Z4651" s="99"/>
      <c r="AA4651" s="99"/>
      <c r="AB4651" s="99"/>
      <c r="AC4651" s="99"/>
      <c r="AD4651" s="99"/>
      <c r="AE4651" s="99"/>
      <c r="AF4651" s="99"/>
      <c r="AG4651" s="99"/>
      <c r="AH4651" s="99"/>
      <c r="AI4651" s="99"/>
      <c r="AJ4651" s="99"/>
      <c r="AK4651" s="99"/>
      <c r="AL4651" s="99"/>
      <c r="AM4651" s="99"/>
      <c r="AN4651" s="99"/>
      <c r="AO4651" s="99"/>
      <c r="AP4651" s="99"/>
      <c r="AQ4651" s="99"/>
      <c r="AR4651" s="99"/>
      <c r="AS4651" s="99"/>
      <c r="AT4651" s="99"/>
      <c r="AU4651" s="99"/>
      <c r="AV4651" s="99"/>
      <c r="AW4651" s="99"/>
      <c r="AX4651" s="99"/>
      <c r="AY4651" s="99"/>
      <c r="AZ4651" s="99"/>
      <c r="BA4651" s="99"/>
      <c r="BB4651" s="107">
        <v>45884</v>
      </c>
    </row>
    <row r="4652" spans="1:54" s="8" customFormat="1" ht="13.95" customHeight="1" x14ac:dyDescent="0.25">
      <c r="A4652" s="219" t="s">
        <v>10502</v>
      </c>
      <c r="B4652" s="220" t="s">
        <v>10412</v>
      </c>
      <c r="C4652" s="98" t="s">
        <v>10503</v>
      </c>
      <c r="D4652" s="98" t="s">
        <v>10504</v>
      </c>
      <c r="E4652" s="141" t="s">
        <v>174</v>
      </c>
      <c r="F4652" s="141">
        <v>401</v>
      </c>
      <c r="G4652" s="98" t="s">
        <v>1</v>
      </c>
      <c r="H4652" s="98">
        <v>0</v>
      </c>
      <c r="I4652" s="98">
        <v>0</v>
      </c>
      <c r="J4652" s="98">
        <v>1</v>
      </c>
      <c r="K4652" s="98" t="s">
        <v>174</v>
      </c>
      <c r="L4652" s="98" t="s">
        <v>174</v>
      </c>
      <c r="M4652" s="98" t="s">
        <v>174</v>
      </c>
      <c r="N4652" s="98" t="s">
        <v>174</v>
      </c>
      <c r="O4652" s="98" t="s">
        <v>174</v>
      </c>
      <c r="P4652" s="98" t="s">
        <v>174</v>
      </c>
      <c r="Q4652" s="98" t="s">
        <v>174</v>
      </c>
      <c r="R4652" s="98" t="s">
        <v>174</v>
      </c>
      <c r="S4652" s="98" t="s">
        <v>174</v>
      </c>
      <c r="T4652" s="98" t="s">
        <v>174</v>
      </c>
      <c r="U4652" s="99"/>
      <c r="V4652" s="99"/>
      <c r="W4652" s="99"/>
      <c r="X4652" s="99"/>
      <c r="Y4652" s="99"/>
      <c r="Z4652" s="99"/>
      <c r="AA4652" s="99"/>
      <c r="AB4652" s="99"/>
      <c r="AC4652" s="99"/>
      <c r="AD4652" s="99"/>
      <c r="AE4652" s="99"/>
      <c r="AF4652" s="99"/>
      <c r="AG4652" s="99"/>
      <c r="AH4652" s="99"/>
      <c r="AI4652" s="99"/>
      <c r="AJ4652" s="99"/>
      <c r="AK4652" s="99"/>
      <c r="AL4652" s="99"/>
      <c r="AM4652" s="99"/>
      <c r="AN4652" s="99"/>
      <c r="AO4652" s="99"/>
      <c r="AP4652" s="99"/>
      <c r="AQ4652" s="99"/>
      <c r="AR4652" s="99"/>
      <c r="AS4652" s="99"/>
      <c r="AT4652" s="99"/>
      <c r="AU4652" s="99"/>
      <c r="AV4652" s="99"/>
      <c r="AW4652" s="99"/>
      <c r="AX4652" s="99"/>
      <c r="AY4652" s="99"/>
      <c r="AZ4652" s="99"/>
      <c r="BA4652" s="99"/>
      <c r="BB4652" s="107">
        <v>45884</v>
      </c>
    </row>
    <row r="4653" spans="1:54" s="8" customFormat="1" ht="13.95" customHeight="1" x14ac:dyDescent="0.25">
      <c r="A4653" s="219" t="s">
        <v>10505</v>
      </c>
      <c r="B4653" s="220" t="s">
        <v>10412</v>
      </c>
      <c r="C4653" s="98" t="s">
        <v>10506</v>
      </c>
      <c r="D4653" s="98" t="s">
        <v>10507</v>
      </c>
      <c r="E4653" s="141" t="s">
        <v>174</v>
      </c>
      <c r="F4653" s="141">
        <v>404</v>
      </c>
      <c r="G4653" s="98" t="s">
        <v>1</v>
      </c>
      <c r="H4653" s="98">
        <v>0</v>
      </c>
      <c r="I4653" s="98">
        <v>0</v>
      </c>
      <c r="J4653" s="98">
        <v>1</v>
      </c>
      <c r="K4653" s="98" t="s">
        <v>174</v>
      </c>
      <c r="L4653" s="98" t="s">
        <v>174</v>
      </c>
      <c r="M4653" s="98" t="s">
        <v>174</v>
      </c>
      <c r="N4653" s="98" t="s">
        <v>174</v>
      </c>
      <c r="O4653" s="98" t="s">
        <v>174</v>
      </c>
      <c r="P4653" s="98" t="s">
        <v>174</v>
      </c>
      <c r="Q4653" s="98" t="s">
        <v>174</v>
      </c>
      <c r="R4653" s="98" t="s">
        <v>174</v>
      </c>
      <c r="S4653" s="98" t="s">
        <v>174</v>
      </c>
      <c r="T4653" s="98" t="s">
        <v>174</v>
      </c>
      <c r="U4653" s="98" t="s">
        <v>174</v>
      </c>
      <c r="V4653" s="98" t="s">
        <v>174</v>
      </c>
      <c r="W4653" s="98" t="s">
        <v>174</v>
      </c>
      <c r="X4653" s="98" t="s">
        <v>174</v>
      </c>
      <c r="Y4653" s="98" t="s">
        <v>174</v>
      </c>
      <c r="Z4653" s="98" t="s">
        <v>174</v>
      </c>
      <c r="AA4653" s="98" t="s">
        <v>174</v>
      </c>
      <c r="AB4653" s="98" t="s">
        <v>174</v>
      </c>
      <c r="AC4653" s="98" t="s">
        <v>174</v>
      </c>
      <c r="AD4653" s="98" t="s">
        <v>174</v>
      </c>
      <c r="AE4653" s="98" t="s">
        <v>174</v>
      </c>
      <c r="AF4653" s="98" t="s">
        <v>174</v>
      </c>
      <c r="AG4653" s="98" t="s">
        <v>174</v>
      </c>
      <c r="AH4653" s="98" t="s">
        <v>174</v>
      </c>
      <c r="AI4653" s="98" t="s">
        <v>174</v>
      </c>
      <c r="AJ4653" s="98" t="s">
        <v>174</v>
      </c>
      <c r="AK4653" s="98" t="s">
        <v>174</v>
      </c>
      <c r="AL4653" s="98" t="s">
        <v>174</v>
      </c>
      <c r="AM4653" s="98" t="s">
        <v>174</v>
      </c>
      <c r="AN4653" s="98" t="s">
        <v>174</v>
      </c>
      <c r="AO4653" s="98" t="s">
        <v>174</v>
      </c>
      <c r="AP4653" s="98" t="s">
        <v>174</v>
      </c>
      <c r="AQ4653" s="98" t="s">
        <v>174</v>
      </c>
      <c r="AR4653" s="98" t="s">
        <v>174</v>
      </c>
      <c r="AS4653" s="98" t="s">
        <v>174</v>
      </c>
      <c r="AT4653" s="129" t="s">
        <v>174</v>
      </c>
      <c r="AU4653" s="98" t="s">
        <v>174</v>
      </c>
      <c r="AV4653" s="98" t="s">
        <v>174</v>
      </c>
      <c r="AW4653" s="98" t="s">
        <v>174</v>
      </c>
      <c r="AX4653" s="98"/>
      <c r="AY4653" s="98"/>
      <c r="AZ4653" s="98"/>
      <c r="BA4653" s="98"/>
      <c r="BB4653" s="107">
        <v>45884</v>
      </c>
    </row>
    <row r="4654" spans="1:54" s="8" customFormat="1" ht="13.95" customHeight="1" x14ac:dyDescent="0.25">
      <c r="A4654" s="219" t="s">
        <v>10508</v>
      </c>
      <c r="B4654" s="220" t="s">
        <v>10412</v>
      </c>
      <c r="C4654" s="98" t="s">
        <v>10509</v>
      </c>
      <c r="D4654" s="98" t="s">
        <v>10510</v>
      </c>
      <c r="E4654" s="141" t="s">
        <v>174</v>
      </c>
      <c r="F4654" s="141">
        <v>404</v>
      </c>
      <c r="G4654" s="98" t="s">
        <v>1</v>
      </c>
      <c r="H4654" s="98">
        <v>0</v>
      </c>
      <c r="I4654" s="98">
        <v>0</v>
      </c>
      <c r="J4654" s="98">
        <v>0</v>
      </c>
      <c r="K4654" s="98" t="s">
        <v>174</v>
      </c>
      <c r="L4654" s="98" t="s">
        <v>174</v>
      </c>
      <c r="M4654" s="98" t="s">
        <v>174</v>
      </c>
      <c r="N4654" s="98" t="s">
        <v>174</v>
      </c>
      <c r="O4654" s="98" t="s">
        <v>174</v>
      </c>
      <c r="P4654" s="98" t="s">
        <v>174</v>
      </c>
      <c r="Q4654" s="98" t="s">
        <v>174</v>
      </c>
      <c r="R4654" s="98" t="s">
        <v>174</v>
      </c>
      <c r="S4654" s="98" t="s">
        <v>174</v>
      </c>
      <c r="T4654" s="98" t="s">
        <v>174</v>
      </c>
      <c r="U4654" s="99"/>
      <c r="V4654" s="99"/>
      <c r="W4654" s="99"/>
      <c r="X4654" s="99"/>
      <c r="Y4654" s="99"/>
      <c r="Z4654" s="99"/>
      <c r="AA4654" s="99"/>
      <c r="AB4654" s="99"/>
      <c r="AC4654" s="99"/>
      <c r="AD4654" s="99"/>
      <c r="AE4654" s="99"/>
      <c r="AF4654" s="99"/>
      <c r="AG4654" s="99"/>
      <c r="AH4654" s="99"/>
      <c r="AI4654" s="99"/>
      <c r="AJ4654" s="99"/>
      <c r="AK4654" s="99"/>
      <c r="AL4654" s="99"/>
      <c r="AM4654" s="99"/>
      <c r="AN4654" s="99"/>
      <c r="AO4654" s="99"/>
      <c r="AP4654" s="99"/>
      <c r="AQ4654" s="99"/>
      <c r="AR4654" s="99"/>
      <c r="AS4654" s="99"/>
      <c r="AT4654" s="99"/>
      <c r="AU4654" s="99"/>
      <c r="AV4654" s="99"/>
      <c r="AW4654" s="99"/>
      <c r="AX4654" s="99"/>
      <c r="AY4654" s="99"/>
      <c r="AZ4654" s="99"/>
      <c r="BA4654" s="99"/>
      <c r="BB4654" s="107">
        <v>45884</v>
      </c>
    </row>
    <row r="4655" spans="1:54" s="8" customFormat="1" ht="13.95" customHeight="1" x14ac:dyDescent="0.25">
      <c r="A4655" s="219" t="s">
        <v>10511</v>
      </c>
      <c r="B4655" s="220" t="s">
        <v>10412</v>
      </c>
      <c r="C4655" s="98" t="s">
        <v>10512</v>
      </c>
      <c r="D4655" s="98" t="s">
        <v>10513</v>
      </c>
      <c r="E4655" s="141" t="s">
        <v>174</v>
      </c>
      <c r="F4655" s="141">
        <v>424</v>
      </c>
      <c r="G4655" s="98" t="s">
        <v>1</v>
      </c>
      <c r="H4655" s="98">
        <v>0</v>
      </c>
      <c r="I4655" s="98">
        <v>0</v>
      </c>
      <c r="J4655" s="98">
        <v>1</v>
      </c>
      <c r="K4655" s="98" t="s">
        <v>174</v>
      </c>
      <c r="L4655" s="98" t="s">
        <v>174</v>
      </c>
      <c r="M4655" s="98" t="s">
        <v>174</v>
      </c>
      <c r="N4655" s="98" t="s">
        <v>174</v>
      </c>
      <c r="O4655" s="98" t="s">
        <v>174</v>
      </c>
      <c r="P4655" s="98" t="s">
        <v>174</v>
      </c>
      <c r="Q4655" s="98" t="s">
        <v>174</v>
      </c>
      <c r="R4655" s="98" t="s">
        <v>174</v>
      </c>
      <c r="S4655" s="98" t="s">
        <v>174</v>
      </c>
      <c r="T4655" s="98" t="s">
        <v>174</v>
      </c>
      <c r="U4655" s="99"/>
      <c r="V4655" s="99"/>
      <c r="W4655" s="99"/>
      <c r="X4655" s="99"/>
      <c r="Y4655" s="99"/>
      <c r="Z4655" s="99"/>
      <c r="AA4655" s="99"/>
      <c r="AB4655" s="99"/>
      <c r="AC4655" s="99"/>
      <c r="AD4655" s="99"/>
      <c r="AE4655" s="99"/>
      <c r="AF4655" s="99"/>
      <c r="AG4655" s="99"/>
      <c r="AH4655" s="99"/>
      <c r="AI4655" s="99"/>
      <c r="AJ4655" s="99"/>
      <c r="AK4655" s="99"/>
      <c r="AL4655" s="99"/>
      <c r="AM4655" s="99"/>
      <c r="AN4655" s="99"/>
      <c r="AO4655" s="99"/>
      <c r="AP4655" s="99"/>
      <c r="AQ4655" s="99"/>
      <c r="AR4655" s="99"/>
      <c r="AS4655" s="99"/>
      <c r="AT4655" s="99"/>
      <c r="AU4655" s="99"/>
      <c r="AV4655" s="99"/>
      <c r="AW4655" s="99"/>
      <c r="AX4655" s="99"/>
      <c r="AY4655" s="99"/>
      <c r="AZ4655" s="99"/>
      <c r="BA4655" s="99"/>
      <c r="BB4655" s="107">
        <v>45884</v>
      </c>
    </row>
    <row r="4656" spans="1:54" s="8" customFormat="1" ht="13.95" customHeight="1" x14ac:dyDescent="0.25">
      <c r="A4656" s="219" t="s">
        <v>10514</v>
      </c>
      <c r="B4656" s="220" t="s">
        <v>10412</v>
      </c>
      <c r="C4656" s="98" t="s">
        <v>10515</v>
      </c>
      <c r="D4656" s="98" t="s">
        <v>10516</v>
      </c>
      <c r="E4656" s="141" t="s">
        <v>174</v>
      </c>
      <c r="F4656" s="141">
        <v>407</v>
      </c>
      <c r="G4656" s="98" t="s">
        <v>1</v>
      </c>
      <c r="H4656" s="98">
        <v>0</v>
      </c>
      <c r="I4656" s="98">
        <v>0</v>
      </c>
      <c r="J4656" s="98">
        <v>1</v>
      </c>
      <c r="K4656" s="98" t="s">
        <v>174</v>
      </c>
      <c r="L4656" s="98" t="s">
        <v>174</v>
      </c>
      <c r="M4656" s="98" t="s">
        <v>174</v>
      </c>
      <c r="N4656" s="98" t="s">
        <v>174</v>
      </c>
      <c r="O4656" s="98" t="s">
        <v>174</v>
      </c>
      <c r="P4656" s="98" t="s">
        <v>174</v>
      </c>
      <c r="Q4656" s="98" t="s">
        <v>174</v>
      </c>
      <c r="R4656" s="98" t="s">
        <v>174</v>
      </c>
      <c r="S4656" s="98" t="s">
        <v>174</v>
      </c>
      <c r="T4656" s="98" t="s">
        <v>174</v>
      </c>
      <c r="U4656" s="98" t="s">
        <v>174</v>
      </c>
      <c r="V4656" s="98" t="s">
        <v>174</v>
      </c>
      <c r="W4656" s="98" t="s">
        <v>174</v>
      </c>
      <c r="X4656" s="98" t="s">
        <v>174</v>
      </c>
      <c r="Y4656" s="98" t="s">
        <v>174</v>
      </c>
      <c r="Z4656" s="98" t="s">
        <v>174</v>
      </c>
      <c r="AA4656" s="98" t="s">
        <v>174</v>
      </c>
      <c r="AB4656" s="98" t="s">
        <v>174</v>
      </c>
      <c r="AC4656" s="98" t="s">
        <v>174</v>
      </c>
      <c r="AD4656" s="98" t="s">
        <v>174</v>
      </c>
      <c r="AE4656" s="98" t="s">
        <v>174</v>
      </c>
      <c r="AF4656" s="98" t="s">
        <v>174</v>
      </c>
      <c r="AG4656" s="98" t="s">
        <v>174</v>
      </c>
      <c r="AH4656" s="98" t="s">
        <v>174</v>
      </c>
      <c r="AI4656" s="98" t="s">
        <v>174</v>
      </c>
      <c r="AJ4656" s="98" t="s">
        <v>174</v>
      </c>
      <c r="AK4656" s="98" t="s">
        <v>174</v>
      </c>
      <c r="AL4656" s="98" t="s">
        <v>174</v>
      </c>
      <c r="AM4656" s="98" t="s">
        <v>174</v>
      </c>
      <c r="AN4656" s="98" t="s">
        <v>174</v>
      </c>
      <c r="AO4656" s="98" t="s">
        <v>174</v>
      </c>
      <c r="AP4656" s="98" t="s">
        <v>174</v>
      </c>
      <c r="AQ4656" s="98" t="s">
        <v>174</v>
      </c>
      <c r="AR4656" s="98" t="s">
        <v>174</v>
      </c>
      <c r="AS4656" s="98" t="s">
        <v>174</v>
      </c>
      <c r="AT4656" s="129" t="s">
        <v>174</v>
      </c>
      <c r="AU4656" s="98" t="s">
        <v>174</v>
      </c>
      <c r="AV4656" s="98" t="s">
        <v>174</v>
      </c>
      <c r="AW4656" s="98" t="s">
        <v>174</v>
      </c>
      <c r="AX4656" s="98"/>
      <c r="AY4656" s="98"/>
      <c r="AZ4656" s="98"/>
      <c r="BA4656" s="98"/>
      <c r="BB4656" s="107">
        <v>45884</v>
      </c>
    </row>
    <row r="4657" spans="1:54" s="8" customFormat="1" ht="13.95" customHeight="1" x14ac:dyDescent="0.25">
      <c r="A4657" s="219" t="s">
        <v>10517</v>
      </c>
      <c r="B4657" s="220" t="s">
        <v>10412</v>
      </c>
      <c r="C4657" s="98" t="s">
        <v>10518</v>
      </c>
      <c r="D4657" s="98" t="s">
        <v>10519</v>
      </c>
      <c r="E4657" s="141" t="s">
        <v>174</v>
      </c>
      <c r="F4657" s="141">
        <v>411</v>
      </c>
      <c r="G4657" s="98" t="s">
        <v>1</v>
      </c>
      <c r="H4657" s="98">
        <v>0</v>
      </c>
      <c r="I4657" s="98">
        <v>0</v>
      </c>
      <c r="J4657" s="98">
        <v>1</v>
      </c>
      <c r="K4657" s="98" t="s">
        <v>174</v>
      </c>
      <c r="L4657" s="98" t="s">
        <v>174</v>
      </c>
      <c r="M4657" s="98" t="s">
        <v>174</v>
      </c>
      <c r="N4657" s="98" t="s">
        <v>174</v>
      </c>
      <c r="O4657" s="98" t="s">
        <v>174</v>
      </c>
      <c r="P4657" s="98" t="s">
        <v>174</v>
      </c>
      <c r="Q4657" s="98" t="s">
        <v>174</v>
      </c>
      <c r="R4657" s="98" t="s">
        <v>174</v>
      </c>
      <c r="S4657" s="98" t="s">
        <v>174</v>
      </c>
      <c r="T4657" s="98" t="s">
        <v>174</v>
      </c>
      <c r="U4657" s="99"/>
      <c r="V4657" s="99"/>
      <c r="W4657" s="99"/>
      <c r="X4657" s="99"/>
      <c r="Y4657" s="99"/>
      <c r="Z4657" s="99"/>
      <c r="AA4657" s="99"/>
      <c r="AB4657" s="99"/>
      <c r="AC4657" s="99"/>
      <c r="AD4657" s="99"/>
      <c r="AE4657" s="99"/>
      <c r="AF4657" s="99"/>
      <c r="AG4657" s="99"/>
      <c r="AH4657" s="99"/>
      <c r="AI4657" s="99"/>
      <c r="AJ4657" s="99"/>
      <c r="AK4657" s="99"/>
      <c r="AL4657" s="99"/>
      <c r="AM4657" s="99"/>
      <c r="AN4657" s="99"/>
      <c r="AO4657" s="99"/>
      <c r="AP4657" s="99"/>
      <c r="AQ4657" s="99"/>
      <c r="AR4657" s="99"/>
      <c r="AS4657" s="99"/>
      <c r="AT4657" s="99"/>
      <c r="AU4657" s="99"/>
      <c r="AV4657" s="99"/>
      <c r="AW4657" s="99"/>
      <c r="AX4657" s="99"/>
      <c r="AY4657" s="99"/>
      <c r="AZ4657" s="99"/>
      <c r="BA4657" s="99"/>
      <c r="BB4657" s="107">
        <v>45884</v>
      </c>
    </row>
    <row r="4658" spans="1:54" s="8" customFormat="1" ht="13.95" customHeight="1" x14ac:dyDescent="0.25">
      <c r="A4658" s="219" t="s">
        <v>10520</v>
      </c>
      <c r="B4658" s="220" t="s">
        <v>10412</v>
      </c>
      <c r="C4658" s="98" t="s">
        <v>10521</v>
      </c>
      <c r="D4658" s="98" t="s">
        <v>10522</v>
      </c>
      <c r="E4658" s="141" t="s">
        <v>174</v>
      </c>
      <c r="F4658" s="141">
        <v>428</v>
      </c>
      <c r="G4658" s="98" t="s">
        <v>1</v>
      </c>
      <c r="H4658" s="98">
        <v>0</v>
      </c>
      <c r="I4658" s="98">
        <v>0</v>
      </c>
      <c r="J4658" s="98">
        <v>1</v>
      </c>
      <c r="K4658" s="98" t="s">
        <v>174</v>
      </c>
      <c r="L4658" s="98" t="s">
        <v>174</v>
      </c>
      <c r="M4658" s="98" t="s">
        <v>174</v>
      </c>
      <c r="N4658" s="98" t="s">
        <v>174</v>
      </c>
      <c r="O4658" s="98" t="s">
        <v>174</v>
      </c>
      <c r="P4658" s="98" t="s">
        <v>174</v>
      </c>
      <c r="Q4658" s="98" t="s">
        <v>174</v>
      </c>
      <c r="R4658" s="98" t="s">
        <v>174</v>
      </c>
      <c r="S4658" s="98" t="s">
        <v>174</v>
      </c>
      <c r="T4658" s="98" t="s">
        <v>174</v>
      </c>
      <c r="U4658" s="99"/>
      <c r="V4658" s="99"/>
      <c r="W4658" s="99"/>
      <c r="X4658" s="99"/>
      <c r="Y4658" s="99"/>
      <c r="Z4658" s="99"/>
      <c r="AA4658" s="99"/>
      <c r="AB4658" s="99"/>
      <c r="AC4658" s="99"/>
      <c r="AD4658" s="99"/>
      <c r="AE4658" s="99"/>
      <c r="AF4658" s="99"/>
      <c r="AG4658" s="99"/>
      <c r="AH4658" s="99"/>
      <c r="AI4658" s="99"/>
      <c r="AJ4658" s="99"/>
      <c r="AK4658" s="99"/>
      <c r="AL4658" s="99"/>
      <c r="AM4658" s="99"/>
      <c r="AN4658" s="99"/>
      <c r="AO4658" s="99"/>
      <c r="AP4658" s="99"/>
      <c r="AQ4658" s="99"/>
      <c r="AR4658" s="99"/>
      <c r="AS4658" s="99"/>
      <c r="AT4658" s="99"/>
      <c r="AU4658" s="99"/>
      <c r="AV4658" s="99"/>
      <c r="AW4658" s="99"/>
      <c r="AX4658" s="99"/>
      <c r="AY4658" s="99"/>
      <c r="AZ4658" s="99"/>
      <c r="BA4658" s="99"/>
      <c r="BB4658" s="107">
        <v>45884</v>
      </c>
    </row>
    <row r="4659" spans="1:54" s="8" customFormat="1" ht="13.95" customHeight="1" x14ac:dyDescent="0.25">
      <c r="A4659" s="219" t="s">
        <v>10523</v>
      </c>
      <c r="B4659" s="220" t="s">
        <v>10412</v>
      </c>
      <c r="C4659" s="98" t="s">
        <v>10524</v>
      </c>
      <c r="D4659" s="98" t="s">
        <v>10525</v>
      </c>
      <c r="E4659" s="141" t="s">
        <v>174</v>
      </c>
      <c r="F4659" s="141">
        <v>644</v>
      </c>
      <c r="G4659" s="98" t="s">
        <v>1</v>
      </c>
      <c r="H4659" s="98">
        <v>0</v>
      </c>
      <c r="I4659" s="98">
        <v>0</v>
      </c>
      <c r="J4659" s="98">
        <v>1</v>
      </c>
      <c r="K4659" s="98" t="s">
        <v>174</v>
      </c>
      <c r="L4659" s="98" t="s">
        <v>174</v>
      </c>
      <c r="M4659" s="98" t="s">
        <v>174</v>
      </c>
      <c r="N4659" s="98" t="s">
        <v>174</v>
      </c>
      <c r="O4659" s="98" t="s">
        <v>174</v>
      </c>
      <c r="P4659" s="98" t="s">
        <v>174</v>
      </c>
      <c r="Q4659" s="98" t="s">
        <v>174</v>
      </c>
      <c r="R4659" s="98" t="s">
        <v>174</v>
      </c>
      <c r="S4659" s="98" t="s">
        <v>174</v>
      </c>
      <c r="T4659" s="98" t="s">
        <v>174</v>
      </c>
      <c r="U4659" s="99"/>
      <c r="V4659" s="99"/>
      <c r="W4659" s="99"/>
      <c r="X4659" s="99"/>
      <c r="Y4659" s="99"/>
      <c r="Z4659" s="99"/>
      <c r="AA4659" s="99"/>
      <c r="AB4659" s="99"/>
      <c r="AC4659" s="99"/>
      <c r="AD4659" s="99"/>
      <c r="AE4659" s="99"/>
      <c r="AF4659" s="99"/>
      <c r="AG4659" s="99"/>
      <c r="AH4659" s="99"/>
      <c r="AI4659" s="99"/>
      <c r="AJ4659" s="99"/>
      <c r="AK4659" s="99"/>
      <c r="AL4659" s="99"/>
      <c r="AM4659" s="99"/>
      <c r="AN4659" s="99"/>
      <c r="AO4659" s="99"/>
      <c r="AP4659" s="99"/>
      <c r="AQ4659" s="99"/>
      <c r="AR4659" s="99"/>
      <c r="AS4659" s="99"/>
      <c r="AT4659" s="99"/>
      <c r="AU4659" s="99"/>
      <c r="AV4659" s="99"/>
      <c r="AW4659" s="99"/>
      <c r="AX4659" s="99"/>
      <c r="AY4659" s="99"/>
      <c r="AZ4659" s="99"/>
      <c r="BA4659" s="99"/>
      <c r="BB4659" s="107">
        <v>45884</v>
      </c>
    </row>
    <row r="4660" spans="1:54" s="8" customFormat="1" ht="13.95" customHeight="1" x14ac:dyDescent="0.25">
      <c r="A4660" s="219" t="s">
        <v>10526</v>
      </c>
      <c r="B4660" s="220" t="s">
        <v>10412</v>
      </c>
      <c r="C4660" s="98" t="s">
        <v>10527</v>
      </c>
      <c r="D4660" s="98" t="s">
        <v>10528</v>
      </c>
      <c r="E4660" s="141" t="s">
        <v>174</v>
      </c>
      <c r="F4660" s="141">
        <v>434</v>
      </c>
      <c r="G4660" s="98" t="s">
        <v>1</v>
      </c>
      <c r="H4660" s="98">
        <v>0</v>
      </c>
      <c r="I4660" s="98">
        <v>0</v>
      </c>
      <c r="J4660" s="98">
        <v>1</v>
      </c>
      <c r="K4660" s="98" t="s">
        <v>174</v>
      </c>
      <c r="L4660" s="98" t="s">
        <v>174</v>
      </c>
      <c r="M4660" s="98" t="s">
        <v>174</v>
      </c>
      <c r="N4660" s="98" t="s">
        <v>174</v>
      </c>
      <c r="O4660" s="98" t="s">
        <v>174</v>
      </c>
      <c r="P4660" s="98" t="s">
        <v>174</v>
      </c>
      <c r="Q4660" s="98" t="s">
        <v>174</v>
      </c>
      <c r="R4660" s="98" t="s">
        <v>174</v>
      </c>
      <c r="S4660" s="98" t="s">
        <v>174</v>
      </c>
      <c r="T4660" s="98" t="s">
        <v>174</v>
      </c>
      <c r="U4660" s="98" t="s">
        <v>174</v>
      </c>
      <c r="V4660" s="98" t="s">
        <v>174</v>
      </c>
      <c r="W4660" s="98" t="s">
        <v>174</v>
      </c>
      <c r="X4660" s="98" t="s">
        <v>174</v>
      </c>
      <c r="Y4660" s="98" t="s">
        <v>174</v>
      </c>
      <c r="Z4660" s="98" t="s">
        <v>174</v>
      </c>
      <c r="AA4660" s="98" t="s">
        <v>174</v>
      </c>
      <c r="AB4660" s="98" t="s">
        <v>174</v>
      </c>
      <c r="AC4660" s="98" t="s">
        <v>174</v>
      </c>
      <c r="AD4660" s="98" t="s">
        <v>174</v>
      </c>
      <c r="AE4660" s="98" t="s">
        <v>174</v>
      </c>
      <c r="AF4660" s="98" t="s">
        <v>174</v>
      </c>
      <c r="AG4660" s="98" t="s">
        <v>174</v>
      </c>
      <c r="AH4660" s="98" t="s">
        <v>174</v>
      </c>
      <c r="AI4660" s="98" t="s">
        <v>174</v>
      </c>
      <c r="AJ4660" s="98" t="s">
        <v>174</v>
      </c>
      <c r="AK4660" s="98" t="s">
        <v>174</v>
      </c>
      <c r="AL4660" s="98" t="s">
        <v>174</v>
      </c>
      <c r="AM4660" s="98" t="s">
        <v>174</v>
      </c>
      <c r="AN4660" s="98" t="s">
        <v>174</v>
      </c>
      <c r="AO4660" s="98" t="s">
        <v>174</v>
      </c>
      <c r="AP4660" s="98" t="s">
        <v>174</v>
      </c>
      <c r="AQ4660" s="98" t="s">
        <v>174</v>
      </c>
      <c r="AR4660" s="98" t="s">
        <v>174</v>
      </c>
      <c r="AS4660" s="98" t="s">
        <v>174</v>
      </c>
      <c r="AT4660" s="129" t="s">
        <v>174</v>
      </c>
      <c r="AU4660" s="98" t="s">
        <v>174</v>
      </c>
      <c r="AV4660" s="98" t="s">
        <v>174</v>
      </c>
      <c r="AW4660" s="98" t="s">
        <v>174</v>
      </c>
      <c r="AX4660" s="98"/>
      <c r="AY4660" s="98"/>
      <c r="AZ4660" s="98"/>
      <c r="BA4660" s="98"/>
      <c r="BB4660" s="107">
        <v>45884</v>
      </c>
    </row>
    <row r="4661" spans="1:54" s="8" customFormat="1" ht="13.95" customHeight="1" x14ac:dyDescent="0.25">
      <c r="A4661" s="219" t="s">
        <v>10529</v>
      </c>
      <c r="B4661" s="220" t="s">
        <v>10412</v>
      </c>
      <c r="C4661" s="98" t="s">
        <v>10530</v>
      </c>
      <c r="D4661" s="98" t="s">
        <v>10531</v>
      </c>
      <c r="E4661" s="141" t="s">
        <v>174</v>
      </c>
      <c r="F4661" s="141">
        <v>435</v>
      </c>
      <c r="G4661" s="98" t="s">
        <v>1</v>
      </c>
      <c r="H4661" s="98">
        <v>0</v>
      </c>
      <c r="I4661" s="98">
        <v>0</v>
      </c>
      <c r="J4661" s="98">
        <v>1</v>
      </c>
      <c r="K4661" s="98" t="s">
        <v>174</v>
      </c>
      <c r="L4661" s="98" t="s">
        <v>174</v>
      </c>
      <c r="M4661" s="98" t="s">
        <v>174</v>
      </c>
      <c r="N4661" s="98" t="s">
        <v>174</v>
      </c>
      <c r="O4661" s="98" t="s">
        <v>174</v>
      </c>
      <c r="P4661" s="98" t="s">
        <v>174</v>
      </c>
      <c r="Q4661" s="98" t="s">
        <v>174</v>
      </c>
      <c r="R4661" s="98" t="s">
        <v>174</v>
      </c>
      <c r="S4661" s="98" t="s">
        <v>174</v>
      </c>
      <c r="T4661" s="98" t="s">
        <v>174</v>
      </c>
      <c r="U4661" s="99"/>
      <c r="V4661" s="99"/>
      <c r="W4661" s="99"/>
      <c r="X4661" s="99"/>
      <c r="Y4661" s="99"/>
      <c r="Z4661" s="99"/>
      <c r="AA4661" s="99"/>
      <c r="AB4661" s="99"/>
      <c r="AC4661" s="99"/>
      <c r="AD4661" s="99"/>
      <c r="AE4661" s="99"/>
      <c r="AF4661" s="99"/>
      <c r="AG4661" s="99"/>
      <c r="AH4661" s="99"/>
      <c r="AI4661" s="99"/>
      <c r="AJ4661" s="99"/>
      <c r="AK4661" s="99"/>
      <c r="AL4661" s="99"/>
      <c r="AM4661" s="99"/>
      <c r="AN4661" s="99"/>
      <c r="AO4661" s="99"/>
      <c r="AP4661" s="99"/>
      <c r="AQ4661" s="99"/>
      <c r="AR4661" s="99"/>
      <c r="AS4661" s="99"/>
      <c r="AT4661" s="99"/>
      <c r="AU4661" s="99"/>
      <c r="AV4661" s="99"/>
      <c r="AW4661" s="99"/>
      <c r="AX4661" s="99"/>
      <c r="AY4661" s="99"/>
      <c r="AZ4661" s="99"/>
      <c r="BA4661" s="99"/>
      <c r="BB4661" s="107">
        <v>45884</v>
      </c>
    </row>
    <row r="4662" spans="1:54" s="8" customFormat="1" ht="13.95" customHeight="1" x14ac:dyDescent="0.25">
      <c r="A4662" s="219" t="s">
        <v>10532</v>
      </c>
      <c r="B4662" s="220" t="s">
        <v>10412</v>
      </c>
      <c r="C4662" s="98" t="s">
        <v>10533</v>
      </c>
      <c r="D4662" s="98" t="s">
        <v>10534</v>
      </c>
      <c r="E4662" s="141" t="s">
        <v>174</v>
      </c>
      <c r="F4662" s="141">
        <v>451</v>
      </c>
      <c r="G4662" s="98" t="s">
        <v>1</v>
      </c>
      <c r="H4662" s="98">
        <v>0</v>
      </c>
      <c r="I4662" s="98">
        <v>0</v>
      </c>
      <c r="J4662" s="98">
        <v>1</v>
      </c>
      <c r="K4662" s="98" t="s">
        <v>174</v>
      </c>
      <c r="L4662" s="98" t="s">
        <v>174</v>
      </c>
      <c r="M4662" s="98" t="s">
        <v>174</v>
      </c>
      <c r="N4662" s="98" t="s">
        <v>174</v>
      </c>
      <c r="O4662" s="98" t="s">
        <v>174</v>
      </c>
      <c r="P4662" s="98" t="s">
        <v>174</v>
      </c>
      <c r="Q4662" s="98" t="s">
        <v>174</v>
      </c>
      <c r="R4662" s="98" t="s">
        <v>174</v>
      </c>
      <c r="S4662" s="98" t="s">
        <v>174</v>
      </c>
      <c r="T4662" s="98" t="s">
        <v>174</v>
      </c>
      <c r="U4662" s="99"/>
      <c r="V4662" s="99"/>
      <c r="W4662" s="99"/>
      <c r="X4662" s="99"/>
      <c r="Y4662" s="99"/>
      <c r="Z4662" s="99"/>
      <c r="AA4662" s="99"/>
      <c r="AB4662" s="99"/>
      <c r="AC4662" s="99"/>
      <c r="AD4662" s="99"/>
      <c r="AE4662" s="99"/>
      <c r="AF4662" s="99"/>
      <c r="AG4662" s="99"/>
      <c r="AH4662" s="99"/>
      <c r="AI4662" s="99"/>
      <c r="AJ4662" s="99"/>
      <c r="AK4662" s="99"/>
      <c r="AL4662" s="99"/>
      <c r="AM4662" s="99"/>
      <c r="AN4662" s="99"/>
      <c r="AO4662" s="99"/>
      <c r="AP4662" s="99"/>
      <c r="AQ4662" s="99"/>
      <c r="AR4662" s="99"/>
      <c r="AS4662" s="99"/>
      <c r="AT4662" s="99"/>
      <c r="AU4662" s="99"/>
      <c r="AV4662" s="99"/>
      <c r="AW4662" s="99"/>
      <c r="AX4662" s="99"/>
      <c r="AY4662" s="99"/>
      <c r="AZ4662" s="99"/>
      <c r="BA4662" s="99"/>
      <c r="BB4662" s="107">
        <v>45884</v>
      </c>
    </row>
    <row r="4663" spans="1:54" s="8" customFormat="1" ht="13.95" customHeight="1" x14ac:dyDescent="0.25">
      <c r="A4663" s="219" t="s">
        <v>10535</v>
      </c>
      <c r="B4663" s="220" t="s">
        <v>10412</v>
      </c>
      <c r="C4663" s="98" t="s">
        <v>6432</v>
      </c>
      <c r="D4663" s="98" t="s">
        <v>10536</v>
      </c>
      <c r="E4663" s="141" t="s">
        <v>174</v>
      </c>
      <c r="F4663" s="141">
        <v>453</v>
      </c>
      <c r="G4663" s="98" t="s">
        <v>1</v>
      </c>
      <c r="H4663" s="98">
        <v>0</v>
      </c>
      <c r="I4663" s="98">
        <v>0</v>
      </c>
      <c r="J4663" s="98">
        <v>1</v>
      </c>
      <c r="K4663" s="98" t="s">
        <v>174</v>
      </c>
      <c r="L4663" s="98" t="s">
        <v>174</v>
      </c>
      <c r="M4663" s="98" t="s">
        <v>174</v>
      </c>
      <c r="N4663" s="98" t="s">
        <v>174</v>
      </c>
      <c r="O4663" s="98" t="s">
        <v>174</v>
      </c>
      <c r="P4663" s="98" t="s">
        <v>174</v>
      </c>
      <c r="Q4663" s="98" t="s">
        <v>174</v>
      </c>
      <c r="R4663" s="98" t="s">
        <v>174</v>
      </c>
      <c r="S4663" s="98" t="s">
        <v>174</v>
      </c>
      <c r="T4663" s="98" t="s">
        <v>174</v>
      </c>
      <c r="U4663" s="99"/>
      <c r="V4663" s="99"/>
      <c r="W4663" s="99"/>
      <c r="X4663" s="99"/>
      <c r="Y4663" s="99"/>
      <c r="Z4663" s="99"/>
      <c r="AA4663" s="99"/>
      <c r="AB4663" s="99"/>
      <c r="AC4663" s="99"/>
      <c r="AD4663" s="99"/>
      <c r="AE4663" s="99"/>
      <c r="AF4663" s="99"/>
      <c r="AG4663" s="99"/>
      <c r="AH4663" s="99"/>
      <c r="AI4663" s="99"/>
      <c r="AJ4663" s="99"/>
      <c r="AK4663" s="99"/>
      <c r="AL4663" s="99"/>
      <c r="AM4663" s="99"/>
      <c r="AN4663" s="99"/>
      <c r="AO4663" s="99"/>
      <c r="AP4663" s="99"/>
      <c r="AQ4663" s="99"/>
      <c r="AR4663" s="99"/>
      <c r="AS4663" s="99"/>
      <c r="AT4663" s="99"/>
      <c r="AU4663" s="99"/>
      <c r="AV4663" s="99"/>
      <c r="AW4663" s="99"/>
      <c r="AX4663" s="99"/>
      <c r="AY4663" s="99"/>
      <c r="AZ4663" s="99"/>
      <c r="BA4663" s="99"/>
      <c r="BB4663" s="107">
        <v>45884</v>
      </c>
    </row>
    <row r="4664" spans="1:54" s="8" customFormat="1" ht="13.5" customHeight="1" x14ac:dyDescent="0.25">
      <c r="A4664" s="219" t="s">
        <v>10537</v>
      </c>
      <c r="B4664" s="220" t="s">
        <v>10412</v>
      </c>
      <c r="C4664" s="98" t="s">
        <v>10538</v>
      </c>
      <c r="D4664" s="98" t="s">
        <v>10539</v>
      </c>
      <c r="E4664" s="141" t="s">
        <v>174</v>
      </c>
      <c r="F4664" s="141">
        <v>459</v>
      </c>
      <c r="G4664" s="98" t="s">
        <v>1</v>
      </c>
      <c r="H4664" s="98">
        <v>0</v>
      </c>
      <c r="I4664" s="98">
        <v>0</v>
      </c>
      <c r="J4664" s="98">
        <v>1</v>
      </c>
      <c r="K4664" s="98" t="s">
        <v>174</v>
      </c>
      <c r="L4664" s="98" t="s">
        <v>174</v>
      </c>
      <c r="M4664" s="98" t="s">
        <v>174</v>
      </c>
      <c r="N4664" s="98" t="s">
        <v>174</v>
      </c>
      <c r="O4664" s="98" t="s">
        <v>174</v>
      </c>
      <c r="P4664" s="98" t="s">
        <v>174</v>
      </c>
      <c r="Q4664" s="98" t="s">
        <v>174</v>
      </c>
      <c r="R4664" s="98" t="s">
        <v>174</v>
      </c>
      <c r="S4664" s="98" t="s">
        <v>174</v>
      </c>
      <c r="T4664" s="98" t="s">
        <v>174</v>
      </c>
      <c r="U4664" s="98" t="s">
        <v>174</v>
      </c>
      <c r="V4664" s="98" t="s">
        <v>174</v>
      </c>
      <c r="W4664" s="98" t="s">
        <v>174</v>
      </c>
      <c r="X4664" s="98" t="s">
        <v>174</v>
      </c>
      <c r="Y4664" s="98" t="s">
        <v>174</v>
      </c>
      <c r="Z4664" s="98" t="s">
        <v>174</v>
      </c>
      <c r="AA4664" s="98" t="s">
        <v>174</v>
      </c>
      <c r="AB4664" s="98" t="s">
        <v>174</v>
      </c>
      <c r="AC4664" s="98" t="s">
        <v>174</v>
      </c>
      <c r="AD4664" s="98" t="s">
        <v>174</v>
      </c>
      <c r="AE4664" s="98" t="s">
        <v>174</v>
      </c>
      <c r="AF4664" s="98" t="s">
        <v>174</v>
      </c>
      <c r="AG4664" s="98" t="s">
        <v>174</v>
      </c>
      <c r="AH4664" s="98" t="s">
        <v>174</v>
      </c>
      <c r="AI4664" s="98" t="s">
        <v>174</v>
      </c>
      <c r="AJ4664" s="98" t="s">
        <v>174</v>
      </c>
      <c r="AK4664" s="98" t="s">
        <v>174</v>
      </c>
      <c r="AL4664" s="98" t="s">
        <v>174</v>
      </c>
      <c r="AM4664" s="98" t="s">
        <v>174</v>
      </c>
      <c r="AN4664" s="98" t="s">
        <v>174</v>
      </c>
      <c r="AO4664" s="98" t="s">
        <v>174</v>
      </c>
      <c r="AP4664" s="98" t="s">
        <v>174</v>
      </c>
      <c r="AQ4664" s="98" t="s">
        <v>174</v>
      </c>
      <c r="AR4664" s="98" t="s">
        <v>174</v>
      </c>
      <c r="AS4664" s="98" t="s">
        <v>174</v>
      </c>
      <c r="AT4664" s="129" t="s">
        <v>174</v>
      </c>
      <c r="AU4664" s="98" t="s">
        <v>174</v>
      </c>
      <c r="AV4664" s="98" t="s">
        <v>174</v>
      </c>
      <c r="AW4664" s="98" t="s">
        <v>174</v>
      </c>
      <c r="AX4664" s="98"/>
      <c r="AY4664" s="98"/>
      <c r="AZ4664" s="98"/>
      <c r="BA4664" s="98"/>
      <c r="BB4664" s="107">
        <v>45884</v>
      </c>
    </row>
    <row r="4665" spans="1:54" s="8" customFormat="1" ht="13.95" customHeight="1" x14ac:dyDescent="0.25">
      <c r="A4665" s="219" t="s">
        <v>10540</v>
      </c>
      <c r="B4665" s="220" t="s">
        <v>10412</v>
      </c>
      <c r="C4665" s="98" t="s">
        <v>10541</v>
      </c>
      <c r="D4665" s="98" t="s">
        <v>10542</v>
      </c>
      <c r="E4665" s="141" t="s">
        <v>174</v>
      </c>
      <c r="F4665" s="141">
        <v>462</v>
      </c>
      <c r="G4665" s="98" t="s">
        <v>1</v>
      </c>
      <c r="H4665" s="98">
        <v>0</v>
      </c>
      <c r="I4665" s="98">
        <v>0</v>
      </c>
      <c r="J4665" s="98">
        <v>0</v>
      </c>
      <c r="K4665" s="98" t="s">
        <v>174</v>
      </c>
      <c r="L4665" s="98" t="s">
        <v>174</v>
      </c>
      <c r="M4665" s="98" t="s">
        <v>174</v>
      </c>
      <c r="N4665" s="98" t="s">
        <v>174</v>
      </c>
      <c r="O4665" s="98" t="s">
        <v>174</v>
      </c>
      <c r="P4665" s="98" t="s">
        <v>174</v>
      </c>
      <c r="Q4665" s="98" t="s">
        <v>174</v>
      </c>
      <c r="R4665" s="98" t="s">
        <v>174</v>
      </c>
      <c r="S4665" s="98" t="s">
        <v>174</v>
      </c>
      <c r="T4665" s="98" t="s">
        <v>174</v>
      </c>
      <c r="U4665" s="99"/>
      <c r="V4665" s="99"/>
      <c r="W4665" s="99"/>
      <c r="X4665" s="99"/>
      <c r="Y4665" s="99"/>
      <c r="Z4665" s="99"/>
      <c r="AA4665" s="99"/>
      <c r="AB4665" s="99"/>
      <c r="AC4665" s="99"/>
      <c r="AD4665" s="99"/>
      <c r="AE4665" s="99"/>
      <c r="AF4665" s="99"/>
      <c r="AG4665" s="99"/>
      <c r="AH4665" s="99"/>
      <c r="AI4665" s="99"/>
      <c r="AJ4665" s="99"/>
      <c r="AK4665" s="99"/>
      <c r="AL4665" s="99"/>
      <c r="AM4665" s="99"/>
      <c r="AN4665" s="99"/>
      <c r="AO4665" s="99"/>
      <c r="AP4665" s="99"/>
      <c r="AQ4665" s="99"/>
      <c r="AR4665" s="99"/>
      <c r="AS4665" s="99"/>
      <c r="AT4665" s="99"/>
      <c r="AU4665" s="99"/>
      <c r="AV4665" s="99"/>
      <c r="AW4665" s="99"/>
      <c r="AX4665" s="99"/>
      <c r="AY4665" s="99"/>
      <c r="AZ4665" s="99"/>
      <c r="BA4665" s="99"/>
      <c r="BB4665" s="107">
        <v>45884</v>
      </c>
    </row>
    <row r="4666" spans="1:54" s="8" customFormat="1" ht="13.95" customHeight="1" x14ac:dyDescent="0.25">
      <c r="A4666" s="219" t="s">
        <v>10543</v>
      </c>
      <c r="B4666" s="220" t="s">
        <v>10412</v>
      </c>
      <c r="C4666" s="98" t="s">
        <v>10544</v>
      </c>
      <c r="D4666" s="98" t="s">
        <v>10545</v>
      </c>
      <c r="E4666" s="141" t="s">
        <v>174</v>
      </c>
      <c r="F4666" s="141">
        <v>463</v>
      </c>
      <c r="G4666" s="98" t="s">
        <v>1</v>
      </c>
      <c r="H4666" s="98">
        <v>0</v>
      </c>
      <c r="I4666" s="98">
        <v>0</v>
      </c>
      <c r="J4666" s="98">
        <v>1</v>
      </c>
      <c r="K4666" s="98" t="s">
        <v>174</v>
      </c>
      <c r="L4666" s="98" t="s">
        <v>174</v>
      </c>
      <c r="M4666" s="98" t="s">
        <v>174</v>
      </c>
      <c r="N4666" s="98" t="s">
        <v>174</v>
      </c>
      <c r="O4666" s="98" t="s">
        <v>174</v>
      </c>
      <c r="P4666" s="98" t="s">
        <v>174</v>
      </c>
      <c r="Q4666" s="98" t="s">
        <v>174</v>
      </c>
      <c r="R4666" s="98" t="s">
        <v>174</v>
      </c>
      <c r="S4666" s="98" t="s">
        <v>174</v>
      </c>
      <c r="T4666" s="98" t="s">
        <v>174</v>
      </c>
      <c r="U4666" s="98" t="s">
        <v>174</v>
      </c>
      <c r="V4666" s="98" t="s">
        <v>174</v>
      </c>
      <c r="W4666" s="98" t="s">
        <v>174</v>
      </c>
      <c r="X4666" s="98" t="s">
        <v>174</v>
      </c>
      <c r="Y4666" s="98" t="s">
        <v>174</v>
      </c>
      <c r="Z4666" s="98" t="s">
        <v>174</v>
      </c>
      <c r="AA4666" s="98" t="s">
        <v>174</v>
      </c>
      <c r="AB4666" s="98" t="s">
        <v>174</v>
      </c>
      <c r="AC4666" s="98" t="s">
        <v>174</v>
      </c>
      <c r="AD4666" s="98" t="s">
        <v>174</v>
      </c>
      <c r="AE4666" s="98" t="s">
        <v>174</v>
      </c>
      <c r="AF4666" s="98" t="s">
        <v>174</v>
      </c>
      <c r="AG4666" s="98" t="s">
        <v>174</v>
      </c>
      <c r="AH4666" s="98" t="s">
        <v>174</v>
      </c>
      <c r="AI4666" s="98" t="s">
        <v>174</v>
      </c>
      <c r="AJ4666" s="98" t="s">
        <v>174</v>
      </c>
      <c r="AK4666" s="98" t="s">
        <v>174</v>
      </c>
      <c r="AL4666" s="98" t="s">
        <v>174</v>
      </c>
      <c r="AM4666" s="98" t="s">
        <v>174</v>
      </c>
      <c r="AN4666" s="98" t="s">
        <v>174</v>
      </c>
      <c r="AO4666" s="98" t="s">
        <v>174</v>
      </c>
      <c r="AP4666" s="98" t="s">
        <v>174</v>
      </c>
      <c r="AQ4666" s="98" t="s">
        <v>174</v>
      </c>
      <c r="AR4666" s="98" t="s">
        <v>174</v>
      </c>
      <c r="AS4666" s="98" t="s">
        <v>174</v>
      </c>
      <c r="AT4666" s="129" t="s">
        <v>174</v>
      </c>
      <c r="AU4666" s="98" t="s">
        <v>174</v>
      </c>
      <c r="AV4666" s="98" t="s">
        <v>174</v>
      </c>
      <c r="AW4666" s="98" t="s">
        <v>174</v>
      </c>
      <c r="AX4666" s="98"/>
      <c r="AY4666" s="98"/>
      <c r="AZ4666" s="98"/>
      <c r="BA4666" s="98"/>
      <c r="BB4666" s="107">
        <v>45884</v>
      </c>
    </row>
    <row r="4667" spans="1:54" s="8" customFormat="1" ht="13.95" customHeight="1" x14ac:dyDescent="0.25">
      <c r="A4667" s="219" t="s">
        <v>10546</v>
      </c>
      <c r="B4667" s="220" t="s">
        <v>10412</v>
      </c>
      <c r="C4667" s="98" t="s">
        <v>10547</v>
      </c>
      <c r="D4667" s="98" t="s">
        <v>10548</v>
      </c>
      <c r="E4667" s="141" t="s">
        <v>174</v>
      </c>
      <c r="F4667" s="141">
        <v>471</v>
      </c>
      <c r="G4667" s="98" t="s">
        <v>1</v>
      </c>
      <c r="H4667" s="98">
        <v>0</v>
      </c>
      <c r="I4667" s="98">
        <v>0</v>
      </c>
      <c r="J4667" s="98">
        <v>1</v>
      </c>
      <c r="K4667" s="98" t="s">
        <v>174</v>
      </c>
      <c r="L4667" s="98" t="s">
        <v>174</v>
      </c>
      <c r="M4667" s="98" t="s">
        <v>174</v>
      </c>
      <c r="N4667" s="98" t="s">
        <v>174</v>
      </c>
      <c r="O4667" s="98" t="s">
        <v>174</v>
      </c>
      <c r="P4667" s="98" t="s">
        <v>174</v>
      </c>
      <c r="Q4667" s="98" t="s">
        <v>174</v>
      </c>
      <c r="R4667" s="98" t="s">
        <v>174</v>
      </c>
      <c r="S4667" s="98" t="s">
        <v>174</v>
      </c>
      <c r="T4667" s="98" t="s">
        <v>174</v>
      </c>
      <c r="U4667" s="99"/>
      <c r="V4667" s="99"/>
      <c r="W4667" s="99"/>
      <c r="X4667" s="99"/>
      <c r="Y4667" s="99"/>
      <c r="Z4667" s="99"/>
      <c r="AA4667" s="99"/>
      <c r="AB4667" s="99"/>
      <c r="AC4667" s="99"/>
      <c r="AD4667" s="99"/>
      <c r="AE4667" s="99"/>
      <c r="AF4667" s="99"/>
      <c r="AG4667" s="99"/>
      <c r="AH4667" s="99"/>
      <c r="AI4667" s="99"/>
      <c r="AJ4667" s="99"/>
      <c r="AK4667" s="99"/>
      <c r="AL4667" s="99"/>
      <c r="AM4667" s="99"/>
      <c r="AN4667" s="99"/>
      <c r="AO4667" s="99"/>
      <c r="AP4667" s="99"/>
      <c r="AQ4667" s="99"/>
      <c r="AR4667" s="99"/>
      <c r="AS4667" s="99"/>
      <c r="AT4667" s="99"/>
      <c r="AU4667" s="99"/>
      <c r="AV4667" s="99"/>
      <c r="AW4667" s="99"/>
      <c r="AX4667" s="99"/>
      <c r="AY4667" s="99"/>
      <c r="AZ4667" s="99"/>
      <c r="BA4667" s="99"/>
      <c r="BB4667" s="107">
        <v>45884</v>
      </c>
    </row>
    <row r="4668" spans="1:54" s="8" customFormat="1" ht="13.95" customHeight="1" x14ac:dyDescent="0.25">
      <c r="A4668" s="219" t="s">
        <v>10549</v>
      </c>
      <c r="B4668" s="220" t="s">
        <v>10412</v>
      </c>
      <c r="C4668" s="98" t="s">
        <v>10550</v>
      </c>
      <c r="D4668" s="98" t="s">
        <v>10551</v>
      </c>
      <c r="E4668" s="141" t="s">
        <v>174</v>
      </c>
      <c r="F4668" s="141">
        <v>476</v>
      </c>
      <c r="G4668" s="98" t="s">
        <v>1</v>
      </c>
      <c r="H4668" s="98">
        <v>0</v>
      </c>
      <c r="I4668" s="98">
        <v>0</v>
      </c>
      <c r="J4668" s="98">
        <v>0</v>
      </c>
      <c r="K4668" s="98" t="s">
        <v>174</v>
      </c>
      <c r="L4668" s="98" t="s">
        <v>174</v>
      </c>
      <c r="M4668" s="98" t="s">
        <v>174</v>
      </c>
      <c r="N4668" s="98" t="s">
        <v>174</v>
      </c>
      <c r="O4668" s="98" t="s">
        <v>174</v>
      </c>
      <c r="P4668" s="98" t="s">
        <v>174</v>
      </c>
      <c r="Q4668" s="98" t="s">
        <v>174</v>
      </c>
      <c r="R4668" s="98" t="s">
        <v>174</v>
      </c>
      <c r="S4668" s="98" t="s">
        <v>174</v>
      </c>
      <c r="T4668" s="98" t="s">
        <v>174</v>
      </c>
      <c r="U4668" s="99"/>
      <c r="V4668" s="99"/>
      <c r="W4668" s="99"/>
      <c r="X4668" s="99"/>
      <c r="Y4668" s="99"/>
      <c r="Z4668" s="99"/>
      <c r="AA4668" s="99"/>
      <c r="AB4668" s="99"/>
      <c r="AC4668" s="99"/>
      <c r="AD4668" s="99"/>
      <c r="AE4668" s="99"/>
      <c r="AF4668" s="99"/>
      <c r="AG4668" s="99"/>
      <c r="AH4668" s="99"/>
      <c r="AI4668" s="99"/>
      <c r="AJ4668" s="99"/>
      <c r="AK4668" s="99"/>
      <c r="AL4668" s="99"/>
      <c r="AM4668" s="99"/>
      <c r="AN4668" s="99"/>
      <c r="AO4668" s="99"/>
      <c r="AP4668" s="99"/>
      <c r="AQ4668" s="99"/>
      <c r="AR4668" s="99"/>
      <c r="AS4668" s="99"/>
      <c r="AT4668" s="99"/>
      <c r="AU4668" s="99"/>
      <c r="AV4668" s="99"/>
      <c r="AW4668" s="99"/>
      <c r="AX4668" s="99"/>
      <c r="AY4668" s="99"/>
      <c r="AZ4668" s="99"/>
      <c r="BA4668" s="99"/>
      <c r="BB4668" s="107">
        <v>45884</v>
      </c>
    </row>
    <row r="4669" spans="1:54" s="8" customFormat="1" ht="13.95" customHeight="1" x14ac:dyDescent="0.25">
      <c r="A4669" s="219" t="s">
        <v>10552</v>
      </c>
      <c r="B4669" s="220" t="s">
        <v>10412</v>
      </c>
      <c r="C4669" s="98" t="s">
        <v>10553</v>
      </c>
      <c r="D4669" s="98" t="s">
        <v>10554</v>
      </c>
      <c r="E4669" s="141" t="s">
        <v>174</v>
      </c>
      <c r="F4669" s="141">
        <v>498</v>
      </c>
      <c r="G4669" s="98" t="s">
        <v>1</v>
      </c>
      <c r="H4669" s="98">
        <v>1</v>
      </c>
      <c r="I4669" s="98">
        <v>0</v>
      </c>
      <c r="J4669" s="98">
        <v>0</v>
      </c>
      <c r="K4669" s="98" t="s">
        <v>174</v>
      </c>
      <c r="L4669" s="98" t="s">
        <v>174</v>
      </c>
      <c r="M4669" s="98" t="s">
        <v>174</v>
      </c>
      <c r="N4669" s="98" t="s">
        <v>174</v>
      </c>
      <c r="O4669" s="98" t="s">
        <v>174</v>
      </c>
      <c r="P4669" s="98" t="s">
        <v>174</v>
      </c>
      <c r="Q4669" s="98" t="s">
        <v>174</v>
      </c>
      <c r="R4669" s="98" t="s">
        <v>174</v>
      </c>
      <c r="S4669" s="98" t="s">
        <v>174</v>
      </c>
      <c r="T4669" s="98" t="s">
        <v>174</v>
      </c>
      <c r="U4669" s="98" t="s">
        <v>174</v>
      </c>
      <c r="V4669" s="98" t="s">
        <v>174</v>
      </c>
      <c r="W4669" s="98" t="s">
        <v>174</v>
      </c>
      <c r="X4669" s="98" t="s">
        <v>174</v>
      </c>
      <c r="Y4669" s="98" t="s">
        <v>174</v>
      </c>
      <c r="Z4669" s="98" t="s">
        <v>174</v>
      </c>
      <c r="AA4669" s="98" t="s">
        <v>174</v>
      </c>
      <c r="AB4669" s="98" t="s">
        <v>174</v>
      </c>
      <c r="AC4669" s="98" t="s">
        <v>174</v>
      </c>
      <c r="AD4669" s="98" t="s">
        <v>174</v>
      </c>
      <c r="AE4669" s="98" t="s">
        <v>174</v>
      </c>
      <c r="AF4669" s="98" t="s">
        <v>174</v>
      </c>
      <c r="AG4669" s="98" t="s">
        <v>174</v>
      </c>
      <c r="AH4669" s="98" t="s">
        <v>174</v>
      </c>
      <c r="AI4669" s="98" t="s">
        <v>174</v>
      </c>
      <c r="AJ4669" s="98" t="s">
        <v>174</v>
      </c>
      <c r="AK4669" s="98" t="s">
        <v>174</v>
      </c>
      <c r="AL4669" s="98" t="s">
        <v>174</v>
      </c>
      <c r="AM4669" s="98" t="s">
        <v>174</v>
      </c>
      <c r="AN4669" s="98" t="s">
        <v>174</v>
      </c>
      <c r="AO4669" s="98" t="s">
        <v>174</v>
      </c>
      <c r="AP4669" s="98" t="s">
        <v>174</v>
      </c>
      <c r="AQ4669" s="98" t="s">
        <v>174</v>
      </c>
      <c r="AR4669" s="98" t="s">
        <v>174</v>
      </c>
      <c r="AS4669" s="98" t="s">
        <v>174</v>
      </c>
      <c r="AT4669" s="129" t="s">
        <v>174</v>
      </c>
      <c r="AU4669" s="98" t="s">
        <v>174</v>
      </c>
      <c r="AV4669" s="98" t="s">
        <v>174</v>
      </c>
      <c r="AW4669" s="98" t="s">
        <v>174</v>
      </c>
      <c r="AX4669" s="98"/>
      <c r="AY4669" s="98"/>
      <c r="AZ4669" s="98"/>
      <c r="BA4669" s="98"/>
      <c r="BB4669" s="107">
        <v>45884</v>
      </c>
    </row>
    <row r="4670" spans="1:54" s="8" customFormat="1" ht="13.95" customHeight="1" x14ac:dyDescent="0.25">
      <c r="A4670" s="219" t="s">
        <v>10555</v>
      </c>
      <c r="B4670" s="220" t="s">
        <v>10412</v>
      </c>
      <c r="C4670" s="98" t="s">
        <v>10556</v>
      </c>
      <c r="D4670" s="98" t="s">
        <v>10557</v>
      </c>
      <c r="E4670" s="141" t="s">
        <v>174</v>
      </c>
      <c r="F4670" s="141">
        <v>513</v>
      </c>
      <c r="G4670" s="98" t="s">
        <v>1</v>
      </c>
      <c r="H4670" s="98">
        <v>0</v>
      </c>
      <c r="I4670" s="98">
        <v>0</v>
      </c>
      <c r="J4670" s="98">
        <v>1</v>
      </c>
      <c r="K4670" s="98" t="s">
        <v>174</v>
      </c>
      <c r="L4670" s="98" t="s">
        <v>174</v>
      </c>
      <c r="M4670" s="98" t="s">
        <v>174</v>
      </c>
      <c r="N4670" s="98" t="s">
        <v>174</v>
      </c>
      <c r="O4670" s="98" t="s">
        <v>174</v>
      </c>
      <c r="P4670" s="98" t="s">
        <v>174</v>
      </c>
      <c r="Q4670" s="98" t="s">
        <v>174</v>
      </c>
      <c r="R4670" s="98" t="s">
        <v>174</v>
      </c>
      <c r="S4670" s="98" t="s">
        <v>174</v>
      </c>
      <c r="T4670" s="98" t="s">
        <v>174</v>
      </c>
      <c r="U4670" s="99"/>
      <c r="V4670" s="99"/>
      <c r="W4670" s="99"/>
      <c r="X4670" s="99"/>
      <c r="Y4670" s="99"/>
      <c r="Z4670" s="99"/>
      <c r="AA4670" s="99"/>
      <c r="AB4670" s="99"/>
      <c r="AC4670" s="99"/>
      <c r="AD4670" s="99"/>
      <c r="AE4670" s="99"/>
      <c r="AF4670" s="99"/>
      <c r="AG4670" s="99"/>
      <c r="AH4670" s="99"/>
      <c r="AI4670" s="99"/>
      <c r="AJ4670" s="99"/>
      <c r="AK4670" s="99"/>
      <c r="AL4670" s="99"/>
      <c r="AM4670" s="99"/>
      <c r="AN4670" s="99"/>
      <c r="AO4670" s="99"/>
      <c r="AP4670" s="99"/>
      <c r="AQ4670" s="99"/>
      <c r="AR4670" s="99"/>
      <c r="AS4670" s="99"/>
      <c r="AT4670" s="99"/>
      <c r="AU4670" s="99"/>
      <c r="AV4670" s="99"/>
      <c r="AW4670" s="99"/>
      <c r="AX4670" s="99"/>
      <c r="AY4670" s="99"/>
      <c r="AZ4670" s="99"/>
      <c r="BA4670" s="99"/>
      <c r="BB4670" s="107">
        <v>45884</v>
      </c>
    </row>
    <row r="4671" spans="1:54" s="8" customFormat="1" ht="13.95" customHeight="1" x14ac:dyDescent="0.25">
      <c r="A4671" s="219" t="s">
        <v>10558</v>
      </c>
      <c r="B4671" s="220" t="s">
        <v>10412</v>
      </c>
      <c r="C4671" s="98" t="s">
        <v>10559</v>
      </c>
      <c r="D4671" s="98" t="s">
        <v>10560</v>
      </c>
      <c r="E4671" s="141" t="s">
        <v>174</v>
      </c>
      <c r="F4671" s="141">
        <v>517</v>
      </c>
      <c r="G4671" s="98" t="s">
        <v>1</v>
      </c>
      <c r="H4671" s="98">
        <v>1</v>
      </c>
      <c r="I4671" s="98">
        <v>0</v>
      </c>
      <c r="J4671" s="98">
        <v>1</v>
      </c>
      <c r="K4671" s="98" t="s">
        <v>174</v>
      </c>
      <c r="L4671" s="98" t="s">
        <v>174</v>
      </c>
      <c r="M4671" s="98" t="s">
        <v>174</v>
      </c>
      <c r="N4671" s="98" t="s">
        <v>174</v>
      </c>
      <c r="O4671" s="98" t="s">
        <v>174</v>
      </c>
      <c r="P4671" s="98" t="s">
        <v>174</v>
      </c>
      <c r="Q4671" s="98" t="s">
        <v>174</v>
      </c>
      <c r="R4671" s="98" t="s">
        <v>174</v>
      </c>
      <c r="S4671" s="98" t="s">
        <v>174</v>
      </c>
      <c r="T4671" s="98" t="s">
        <v>174</v>
      </c>
      <c r="U4671" s="99"/>
      <c r="V4671" s="99"/>
      <c r="W4671" s="99"/>
      <c r="X4671" s="99"/>
      <c r="Y4671" s="99"/>
      <c r="Z4671" s="99"/>
      <c r="AA4671" s="99"/>
      <c r="AB4671" s="99"/>
      <c r="AC4671" s="99"/>
      <c r="AD4671" s="99"/>
      <c r="AE4671" s="99"/>
      <c r="AF4671" s="99"/>
      <c r="AG4671" s="99"/>
      <c r="AH4671" s="99"/>
      <c r="AI4671" s="99"/>
      <c r="AJ4671" s="99"/>
      <c r="AK4671" s="99"/>
      <c r="AL4671" s="99"/>
      <c r="AM4671" s="99"/>
      <c r="AN4671" s="99"/>
      <c r="AO4671" s="99"/>
      <c r="AP4671" s="99"/>
      <c r="AQ4671" s="99"/>
      <c r="AR4671" s="99"/>
      <c r="AS4671" s="99"/>
      <c r="AT4671" s="99"/>
      <c r="AU4671" s="99"/>
      <c r="AV4671" s="99"/>
      <c r="AW4671" s="99"/>
      <c r="AX4671" s="99"/>
      <c r="AY4671" s="99"/>
      <c r="AZ4671" s="99"/>
      <c r="BA4671" s="99"/>
      <c r="BB4671" s="107">
        <v>45884</v>
      </c>
    </row>
    <row r="4672" spans="1:54" s="8" customFormat="1" ht="13.95" customHeight="1" x14ac:dyDescent="0.25">
      <c r="A4672" s="219" t="s">
        <v>10561</v>
      </c>
      <c r="B4672" s="220" t="s">
        <v>10412</v>
      </c>
      <c r="C4672" s="98" t="s">
        <v>10562</v>
      </c>
      <c r="D4672" s="98" t="s">
        <v>10563</v>
      </c>
      <c r="E4672" s="141" t="s">
        <v>174</v>
      </c>
      <c r="F4672" s="141">
        <v>1116</v>
      </c>
      <c r="G4672" s="98" t="s">
        <v>1</v>
      </c>
      <c r="H4672" s="98">
        <v>0</v>
      </c>
      <c r="I4672" s="98">
        <v>0</v>
      </c>
      <c r="J4672" s="98">
        <v>0</v>
      </c>
      <c r="K4672" s="98" t="s">
        <v>174</v>
      </c>
      <c r="L4672" s="98" t="s">
        <v>174</v>
      </c>
      <c r="M4672" s="98" t="s">
        <v>174</v>
      </c>
      <c r="N4672" s="98" t="s">
        <v>174</v>
      </c>
      <c r="O4672" s="98" t="s">
        <v>174</v>
      </c>
      <c r="P4672" s="98" t="s">
        <v>174</v>
      </c>
      <c r="Q4672" s="98" t="s">
        <v>174</v>
      </c>
      <c r="R4672" s="98" t="s">
        <v>174</v>
      </c>
      <c r="S4672" s="98" t="s">
        <v>174</v>
      </c>
      <c r="T4672" s="98" t="s">
        <v>174</v>
      </c>
      <c r="U4672" s="99"/>
      <c r="V4672" s="99"/>
      <c r="W4672" s="99"/>
      <c r="X4672" s="99"/>
      <c r="Y4672" s="99"/>
      <c r="Z4672" s="99"/>
      <c r="AA4672" s="99"/>
      <c r="AB4672" s="99"/>
      <c r="AC4672" s="99"/>
      <c r="AD4672" s="99"/>
      <c r="AE4672" s="99"/>
      <c r="AF4672" s="99"/>
      <c r="AG4672" s="99"/>
      <c r="AH4672" s="99"/>
      <c r="AI4672" s="99"/>
      <c r="AJ4672" s="99"/>
      <c r="AK4672" s="99"/>
      <c r="AL4672" s="99"/>
      <c r="AM4672" s="99"/>
      <c r="AN4672" s="99"/>
      <c r="AO4672" s="99"/>
      <c r="AP4672" s="99"/>
      <c r="AQ4672" s="99"/>
      <c r="AR4672" s="99"/>
      <c r="AS4672" s="99"/>
      <c r="AT4672" s="99"/>
      <c r="AU4672" s="99"/>
      <c r="AV4672" s="99"/>
      <c r="AW4672" s="99"/>
      <c r="AX4672" s="99"/>
      <c r="AY4672" s="99"/>
      <c r="AZ4672" s="99"/>
      <c r="BA4672" s="99"/>
      <c r="BB4672" s="107">
        <v>45884</v>
      </c>
    </row>
    <row r="4673" spans="1:54" s="8" customFormat="1" ht="13.95" customHeight="1" x14ac:dyDescent="0.25">
      <c r="A4673" s="219" t="s">
        <v>10564</v>
      </c>
      <c r="B4673" s="220" t="s">
        <v>10412</v>
      </c>
      <c r="C4673" s="98" t="s">
        <v>10565</v>
      </c>
      <c r="D4673" s="98" t="s">
        <v>10566</v>
      </c>
      <c r="E4673" s="141" t="s">
        <v>174</v>
      </c>
      <c r="F4673" s="141">
        <v>536</v>
      </c>
      <c r="G4673" s="98" t="s">
        <v>1</v>
      </c>
      <c r="H4673" s="98">
        <v>0</v>
      </c>
      <c r="I4673" s="98">
        <v>0</v>
      </c>
      <c r="J4673" s="98">
        <v>0</v>
      </c>
      <c r="K4673" s="98" t="s">
        <v>174</v>
      </c>
      <c r="L4673" s="98" t="s">
        <v>174</v>
      </c>
      <c r="M4673" s="98" t="s">
        <v>174</v>
      </c>
      <c r="N4673" s="98" t="s">
        <v>174</v>
      </c>
      <c r="O4673" s="98" t="s">
        <v>174</v>
      </c>
      <c r="P4673" s="98" t="s">
        <v>174</v>
      </c>
      <c r="Q4673" s="98" t="s">
        <v>174</v>
      </c>
      <c r="R4673" s="98" t="s">
        <v>174</v>
      </c>
      <c r="S4673" s="98" t="s">
        <v>174</v>
      </c>
      <c r="T4673" s="98" t="s">
        <v>174</v>
      </c>
      <c r="U4673" s="98" t="s">
        <v>174</v>
      </c>
      <c r="V4673" s="98" t="s">
        <v>174</v>
      </c>
      <c r="W4673" s="98" t="s">
        <v>174</v>
      </c>
      <c r="X4673" s="98" t="s">
        <v>174</v>
      </c>
      <c r="Y4673" s="98" t="s">
        <v>174</v>
      </c>
      <c r="Z4673" s="98" t="s">
        <v>174</v>
      </c>
      <c r="AA4673" s="98" t="s">
        <v>174</v>
      </c>
      <c r="AB4673" s="98" t="s">
        <v>174</v>
      </c>
      <c r="AC4673" s="98" t="s">
        <v>174</v>
      </c>
      <c r="AD4673" s="98" t="s">
        <v>174</v>
      </c>
      <c r="AE4673" s="98" t="s">
        <v>174</v>
      </c>
      <c r="AF4673" s="98" t="s">
        <v>174</v>
      </c>
      <c r="AG4673" s="98" t="s">
        <v>174</v>
      </c>
      <c r="AH4673" s="98" t="s">
        <v>174</v>
      </c>
      <c r="AI4673" s="98" t="s">
        <v>174</v>
      </c>
      <c r="AJ4673" s="98" t="s">
        <v>174</v>
      </c>
      <c r="AK4673" s="98" t="s">
        <v>174</v>
      </c>
      <c r="AL4673" s="98" t="s">
        <v>174</v>
      </c>
      <c r="AM4673" s="98" t="s">
        <v>174</v>
      </c>
      <c r="AN4673" s="98" t="s">
        <v>174</v>
      </c>
      <c r="AO4673" s="98" t="s">
        <v>174</v>
      </c>
      <c r="AP4673" s="98" t="s">
        <v>174</v>
      </c>
      <c r="AQ4673" s="98" t="s">
        <v>174</v>
      </c>
      <c r="AR4673" s="98" t="s">
        <v>174</v>
      </c>
      <c r="AS4673" s="98" t="s">
        <v>174</v>
      </c>
      <c r="AT4673" s="129" t="s">
        <v>174</v>
      </c>
      <c r="AU4673" s="98" t="s">
        <v>174</v>
      </c>
      <c r="AV4673" s="98" t="s">
        <v>174</v>
      </c>
      <c r="AW4673" s="98" t="s">
        <v>174</v>
      </c>
      <c r="AX4673" s="98"/>
      <c r="AY4673" s="98"/>
      <c r="AZ4673" s="98"/>
      <c r="BA4673" s="98"/>
      <c r="BB4673" s="107">
        <v>45884</v>
      </c>
    </row>
    <row r="4674" spans="1:54" s="8" customFormat="1" ht="13.95" customHeight="1" x14ac:dyDescent="0.25">
      <c r="A4674" s="219" t="s">
        <v>10567</v>
      </c>
      <c r="B4674" s="220" t="s">
        <v>10412</v>
      </c>
      <c r="C4674" s="98" t="s">
        <v>10568</v>
      </c>
      <c r="D4674" s="98" t="s">
        <v>10569</v>
      </c>
      <c r="E4674" s="141" t="s">
        <v>174</v>
      </c>
      <c r="F4674" s="141">
        <v>556</v>
      </c>
      <c r="G4674" s="98" t="s">
        <v>1</v>
      </c>
      <c r="H4674" s="98">
        <v>1</v>
      </c>
      <c r="I4674" s="98">
        <v>1</v>
      </c>
      <c r="J4674" s="98">
        <v>1</v>
      </c>
      <c r="K4674" s="98" t="s">
        <v>174</v>
      </c>
      <c r="L4674" s="98" t="s">
        <v>174</v>
      </c>
      <c r="M4674" s="98" t="s">
        <v>174</v>
      </c>
      <c r="N4674" s="98" t="s">
        <v>174</v>
      </c>
      <c r="O4674" s="98" t="s">
        <v>174</v>
      </c>
      <c r="P4674" s="98" t="s">
        <v>174</v>
      </c>
      <c r="Q4674" s="98" t="s">
        <v>174</v>
      </c>
      <c r="R4674" s="98" t="s">
        <v>174</v>
      </c>
      <c r="S4674" s="98" t="s">
        <v>174</v>
      </c>
      <c r="T4674" s="98" t="s">
        <v>174</v>
      </c>
      <c r="U4674" s="99"/>
      <c r="V4674" s="99"/>
      <c r="W4674" s="99"/>
      <c r="X4674" s="99"/>
      <c r="Y4674" s="99"/>
      <c r="Z4674" s="99"/>
      <c r="AA4674" s="99"/>
      <c r="AB4674" s="99"/>
      <c r="AC4674" s="99"/>
      <c r="AD4674" s="99"/>
      <c r="AE4674" s="99"/>
      <c r="AF4674" s="99"/>
      <c r="AG4674" s="99"/>
      <c r="AH4674" s="99"/>
      <c r="AI4674" s="99"/>
      <c r="AJ4674" s="99"/>
      <c r="AK4674" s="99"/>
      <c r="AL4674" s="99"/>
      <c r="AM4674" s="99"/>
      <c r="AN4674" s="99"/>
      <c r="AO4674" s="99"/>
      <c r="AP4674" s="99"/>
      <c r="AQ4674" s="99"/>
      <c r="AR4674" s="99"/>
      <c r="AS4674" s="99"/>
      <c r="AT4674" s="99"/>
      <c r="AU4674" s="99"/>
      <c r="AV4674" s="99"/>
      <c r="AW4674" s="99"/>
      <c r="AX4674" s="99"/>
      <c r="AY4674" s="99"/>
      <c r="AZ4674" s="99"/>
      <c r="BA4674" s="99"/>
      <c r="BB4674" s="107">
        <v>45884</v>
      </c>
    </row>
    <row r="4675" spans="1:54" s="8" customFormat="1" ht="13.95" customHeight="1" x14ac:dyDescent="0.25">
      <c r="A4675" s="219" t="s">
        <v>10570</v>
      </c>
      <c r="B4675" s="220" t="s">
        <v>10412</v>
      </c>
      <c r="C4675" s="98" t="s">
        <v>10571</v>
      </c>
      <c r="D4675" s="98" t="s">
        <v>10572</v>
      </c>
      <c r="E4675" s="141" t="s">
        <v>174</v>
      </c>
      <c r="F4675" s="141">
        <v>558</v>
      </c>
      <c r="G4675" s="98" t="s">
        <v>1</v>
      </c>
      <c r="H4675" s="98">
        <v>0</v>
      </c>
      <c r="I4675" s="98">
        <v>0</v>
      </c>
      <c r="J4675" s="98">
        <v>0</v>
      </c>
      <c r="K4675" s="98" t="s">
        <v>174</v>
      </c>
      <c r="L4675" s="98" t="s">
        <v>174</v>
      </c>
      <c r="M4675" s="98" t="s">
        <v>174</v>
      </c>
      <c r="N4675" s="98" t="s">
        <v>174</v>
      </c>
      <c r="O4675" s="98" t="s">
        <v>174</v>
      </c>
      <c r="P4675" s="98" t="s">
        <v>174</v>
      </c>
      <c r="Q4675" s="98" t="s">
        <v>174</v>
      </c>
      <c r="R4675" s="98" t="s">
        <v>174</v>
      </c>
      <c r="S4675" s="98" t="s">
        <v>174</v>
      </c>
      <c r="T4675" s="98" t="s">
        <v>174</v>
      </c>
      <c r="U4675" s="99"/>
      <c r="V4675" s="99"/>
      <c r="W4675" s="99"/>
      <c r="X4675" s="99"/>
      <c r="Y4675" s="99"/>
      <c r="Z4675" s="99"/>
      <c r="AA4675" s="99"/>
      <c r="AB4675" s="99"/>
      <c r="AC4675" s="99"/>
      <c r="AD4675" s="99"/>
      <c r="AE4675" s="99"/>
      <c r="AF4675" s="99"/>
      <c r="AG4675" s="99"/>
      <c r="AH4675" s="99"/>
      <c r="AI4675" s="99"/>
      <c r="AJ4675" s="99"/>
      <c r="AK4675" s="99"/>
      <c r="AL4675" s="99"/>
      <c r="AM4675" s="99"/>
      <c r="AN4675" s="99"/>
      <c r="AO4675" s="99"/>
      <c r="AP4675" s="99"/>
      <c r="AQ4675" s="99"/>
      <c r="AR4675" s="99"/>
      <c r="AS4675" s="99"/>
      <c r="AT4675" s="99"/>
      <c r="AU4675" s="99"/>
      <c r="AV4675" s="99"/>
      <c r="AW4675" s="99"/>
      <c r="AX4675" s="99"/>
      <c r="AY4675" s="99"/>
      <c r="AZ4675" s="99"/>
      <c r="BA4675" s="99"/>
      <c r="BB4675" s="107">
        <v>45884</v>
      </c>
    </row>
    <row r="4676" spans="1:54" s="8" customFormat="1" ht="13.95" customHeight="1" x14ac:dyDescent="0.25">
      <c r="A4676" s="219" t="s">
        <v>10573</v>
      </c>
      <c r="B4676" s="220" t="s">
        <v>10412</v>
      </c>
      <c r="C4676" s="98" t="s">
        <v>10574</v>
      </c>
      <c r="D4676" s="98" t="s">
        <v>10575</v>
      </c>
      <c r="E4676" s="141" t="s">
        <v>174</v>
      </c>
      <c r="F4676" s="141">
        <v>578</v>
      </c>
      <c r="G4676" s="98" t="s">
        <v>1</v>
      </c>
      <c r="H4676" s="98">
        <v>0</v>
      </c>
      <c r="I4676" s="98">
        <v>0</v>
      </c>
      <c r="J4676" s="98">
        <v>1</v>
      </c>
      <c r="K4676" s="98" t="s">
        <v>174</v>
      </c>
      <c r="L4676" s="98" t="s">
        <v>174</v>
      </c>
      <c r="M4676" s="98" t="s">
        <v>174</v>
      </c>
      <c r="N4676" s="98" t="s">
        <v>174</v>
      </c>
      <c r="O4676" s="98" t="s">
        <v>174</v>
      </c>
      <c r="P4676" s="98" t="s">
        <v>174</v>
      </c>
      <c r="Q4676" s="98" t="s">
        <v>174</v>
      </c>
      <c r="R4676" s="98" t="s">
        <v>174</v>
      </c>
      <c r="S4676" s="98" t="s">
        <v>174</v>
      </c>
      <c r="T4676" s="98" t="s">
        <v>174</v>
      </c>
      <c r="U4676" s="99"/>
      <c r="V4676" s="99"/>
      <c r="W4676" s="99"/>
      <c r="X4676" s="99"/>
      <c r="Y4676" s="99"/>
      <c r="Z4676" s="99"/>
      <c r="AA4676" s="99"/>
      <c r="AB4676" s="99"/>
      <c r="AC4676" s="99"/>
      <c r="AD4676" s="99"/>
      <c r="AE4676" s="99"/>
      <c r="AF4676" s="99"/>
      <c r="AG4676" s="99"/>
      <c r="AH4676" s="99"/>
      <c r="AI4676" s="99"/>
      <c r="AJ4676" s="99"/>
      <c r="AK4676" s="99"/>
      <c r="AL4676" s="99"/>
      <c r="AM4676" s="99"/>
      <c r="AN4676" s="99"/>
      <c r="AO4676" s="99"/>
      <c r="AP4676" s="99"/>
      <c r="AQ4676" s="99"/>
      <c r="AR4676" s="99"/>
      <c r="AS4676" s="99"/>
      <c r="AT4676" s="99"/>
      <c r="AU4676" s="99"/>
      <c r="AV4676" s="99"/>
      <c r="AW4676" s="99"/>
      <c r="AX4676" s="99"/>
      <c r="AY4676" s="99"/>
      <c r="AZ4676" s="99"/>
      <c r="BA4676" s="99"/>
      <c r="BB4676" s="107">
        <v>45884</v>
      </c>
    </row>
    <row r="4677" spans="1:54" s="8" customFormat="1" ht="13.95" customHeight="1" x14ac:dyDescent="0.25">
      <c r="A4677" s="219" t="s">
        <v>10576</v>
      </c>
      <c r="B4677" s="220" t="s">
        <v>10412</v>
      </c>
      <c r="C4677" s="98" t="s">
        <v>10577</v>
      </c>
      <c r="D4677" s="98" t="s">
        <v>10578</v>
      </c>
      <c r="E4677" s="141" t="s">
        <v>174</v>
      </c>
      <c r="F4677" s="141">
        <v>579</v>
      </c>
      <c r="G4677" s="98" t="s">
        <v>1</v>
      </c>
      <c r="H4677" s="98">
        <v>0</v>
      </c>
      <c r="I4677" s="98">
        <v>0</v>
      </c>
      <c r="J4677" s="98">
        <v>1</v>
      </c>
      <c r="K4677" s="98" t="s">
        <v>174</v>
      </c>
      <c r="L4677" s="98" t="s">
        <v>174</v>
      </c>
      <c r="M4677" s="98" t="s">
        <v>174</v>
      </c>
      <c r="N4677" s="98" t="s">
        <v>174</v>
      </c>
      <c r="O4677" s="98" t="s">
        <v>174</v>
      </c>
      <c r="P4677" s="98" t="s">
        <v>174</v>
      </c>
      <c r="Q4677" s="98" t="s">
        <v>174</v>
      </c>
      <c r="R4677" s="98" t="s">
        <v>174</v>
      </c>
      <c r="S4677" s="98" t="s">
        <v>174</v>
      </c>
      <c r="T4677" s="98" t="s">
        <v>174</v>
      </c>
      <c r="U4677" s="98" t="s">
        <v>174</v>
      </c>
      <c r="V4677" s="98" t="s">
        <v>174</v>
      </c>
      <c r="W4677" s="98" t="s">
        <v>174</v>
      </c>
      <c r="X4677" s="98" t="s">
        <v>174</v>
      </c>
      <c r="Y4677" s="98" t="s">
        <v>174</v>
      </c>
      <c r="Z4677" s="98" t="s">
        <v>174</v>
      </c>
      <c r="AA4677" s="98" t="s">
        <v>174</v>
      </c>
      <c r="AB4677" s="98" t="s">
        <v>174</v>
      </c>
      <c r="AC4677" s="98" t="s">
        <v>174</v>
      </c>
      <c r="AD4677" s="98" t="s">
        <v>174</v>
      </c>
      <c r="AE4677" s="98" t="s">
        <v>174</v>
      </c>
      <c r="AF4677" s="98" t="s">
        <v>174</v>
      </c>
      <c r="AG4677" s="98" t="s">
        <v>174</v>
      </c>
      <c r="AH4677" s="98" t="s">
        <v>174</v>
      </c>
      <c r="AI4677" s="98" t="s">
        <v>174</v>
      </c>
      <c r="AJ4677" s="98" t="s">
        <v>174</v>
      </c>
      <c r="AK4677" s="98" t="s">
        <v>174</v>
      </c>
      <c r="AL4677" s="98" t="s">
        <v>174</v>
      </c>
      <c r="AM4677" s="98" t="s">
        <v>174</v>
      </c>
      <c r="AN4677" s="98" t="s">
        <v>174</v>
      </c>
      <c r="AO4677" s="98" t="s">
        <v>174</v>
      </c>
      <c r="AP4677" s="98" t="s">
        <v>174</v>
      </c>
      <c r="AQ4677" s="98" t="s">
        <v>174</v>
      </c>
      <c r="AR4677" s="98" t="s">
        <v>174</v>
      </c>
      <c r="AS4677" s="98" t="s">
        <v>174</v>
      </c>
      <c r="AT4677" s="98">
        <v>1</v>
      </c>
      <c r="AU4677" s="98" t="s">
        <v>174</v>
      </c>
      <c r="AV4677" s="98" t="s">
        <v>174</v>
      </c>
      <c r="AW4677" s="98" t="s">
        <v>174</v>
      </c>
      <c r="AX4677" s="98"/>
      <c r="AY4677" s="98"/>
      <c r="AZ4677" s="98"/>
      <c r="BA4677" s="98"/>
      <c r="BB4677" s="107">
        <v>45884</v>
      </c>
    </row>
    <row r="4678" spans="1:54" s="8" customFormat="1" ht="13.95" customHeight="1" x14ac:dyDescent="0.25">
      <c r="A4678" s="219" t="s">
        <v>10579</v>
      </c>
      <c r="B4678" s="220" t="s">
        <v>10412</v>
      </c>
      <c r="C4678" s="98" t="s">
        <v>10580</v>
      </c>
      <c r="D4678" s="98" t="s">
        <v>10581</v>
      </c>
      <c r="E4678" s="141" t="s">
        <v>174</v>
      </c>
      <c r="F4678" s="141">
        <v>591</v>
      </c>
      <c r="G4678" s="98" t="s">
        <v>1</v>
      </c>
      <c r="H4678" s="98">
        <v>0</v>
      </c>
      <c r="I4678" s="98">
        <v>0</v>
      </c>
      <c r="J4678" s="98">
        <v>1</v>
      </c>
      <c r="K4678" s="98" t="s">
        <v>174</v>
      </c>
      <c r="L4678" s="98" t="s">
        <v>174</v>
      </c>
      <c r="M4678" s="98" t="s">
        <v>174</v>
      </c>
      <c r="N4678" s="98" t="s">
        <v>174</v>
      </c>
      <c r="O4678" s="98" t="s">
        <v>174</v>
      </c>
      <c r="P4678" s="98" t="s">
        <v>174</v>
      </c>
      <c r="Q4678" s="98" t="s">
        <v>174</v>
      </c>
      <c r="R4678" s="98" t="s">
        <v>174</v>
      </c>
      <c r="S4678" s="98" t="s">
        <v>174</v>
      </c>
      <c r="T4678" s="98" t="s">
        <v>174</v>
      </c>
      <c r="U4678" s="99"/>
      <c r="V4678" s="99"/>
      <c r="W4678" s="99"/>
      <c r="X4678" s="99"/>
      <c r="Y4678" s="99"/>
      <c r="Z4678" s="99"/>
      <c r="AA4678" s="99"/>
      <c r="AB4678" s="99"/>
      <c r="AC4678" s="99"/>
      <c r="AD4678" s="99"/>
      <c r="AE4678" s="99"/>
      <c r="AF4678" s="99"/>
      <c r="AG4678" s="99"/>
      <c r="AH4678" s="99"/>
      <c r="AI4678" s="99"/>
      <c r="AJ4678" s="99"/>
      <c r="AK4678" s="99"/>
      <c r="AL4678" s="99"/>
      <c r="AM4678" s="99"/>
      <c r="AN4678" s="99"/>
      <c r="AO4678" s="99"/>
      <c r="AP4678" s="99"/>
      <c r="AQ4678" s="99"/>
      <c r="AR4678" s="99"/>
      <c r="AS4678" s="99"/>
      <c r="AT4678" s="99"/>
      <c r="AU4678" s="99"/>
      <c r="AV4678" s="99"/>
      <c r="AW4678" s="99"/>
      <c r="AX4678" s="99"/>
      <c r="AY4678" s="99"/>
      <c r="AZ4678" s="99"/>
      <c r="BA4678" s="99"/>
      <c r="BB4678" s="107">
        <v>45884</v>
      </c>
    </row>
    <row r="4679" spans="1:54" s="8" customFormat="1" ht="13.95" customHeight="1" x14ac:dyDescent="0.25">
      <c r="A4679" s="219" t="s">
        <v>10582</v>
      </c>
      <c r="B4679" s="220" t="s">
        <v>10412</v>
      </c>
      <c r="C4679" s="98" t="s">
        <v>10583</v>
      </c>
      <c r="D4679" s="98" t="s">
        <v>10584</v>
      </c>
      <c r="E4679" s="141" t="s">
        <v>174</v>
      </c>
      <c r="F4679" s="141">
        <v>568</v>
      </c>
      <c r="G4679" s="98" t="s">
        <v>1</v>
      </c>
      <c r="H4679" s="98">
        <v>0</v>
      </c>
      <c r="I4679" s="98">
        <v>0</v>
      </c>
      <c r="J4679" s="98">
        <v>1</v>
      </c>
      <c r="K4679" s="98" t="s">
        <v>174</v>
      </c>
      <c r="L4679" s="98" t="s">
        <v>174</v>
      </c>
      <c r="M4679" s="98" t="s">
        <v>174</v>
      </c>
      <c r="N4679" s="98" t="s">
        <v>174</v>
      </c>
      <c r="O4679" s="98" t="s">
        <v>174</v>
      </c>
      <c r="P4679" s="98" t="s">
        <v>174</v>
      </c>
      <c r="Q4679" s="98" t="s">
        <v>174</v>
      </c>
      <c r="R4679" s="98" t="s">
        <v>174</v>
      </c>
      <c r="S4679" s="98" t="s">
        <v>174</v>
      </c>
      <c r="T4679" s="98" t="s">
        <v>174</v>
      </c>
      <c r="U4679" s="98" t="s">
        <v>174</v>
      </c>
      <c r="V4679" s="98" t="s">
        <v>174</v>
      </c>
      <c r="W4679" s="98" t="s">
        <v>174</v>
      </c>
      <c r="X4679" s="98" t="s">
        <v>174</v>
      </c>
      <c r="Y4679" s="98" t="s">
        <v>174</v>
      </c>
      <c r="Z4679" s="98" t="s">
        <v>174</v>
      </c>
      <c r="AA4679" s="98" t="s">
        <v>174</v>
      </c>
      <c r="AB4679" s="98" t="s">
        <v>174</v>
      </c>
      <c r="AC4679" s="98" t="s">
        <v>174</v>
      </c>
      <c r="AD4679" s="98" t="s">
        <v>174</v>
      </c>
      <c r="AE4679" s="98" t="s">
        <v>174</v>
      </c>
      <c r="AF4679" s="98" t="s">
        <v>174</v>
      </c>
      <c r="AG4679" s="98" t="s">
        <v>174</v>
      </c>
      <c r="AH4679" s="98" t="s">
        <v>174</v>
      </c>
      <c r="AI4679" s="98" t="s">
        <v>174</v>
      </c>
      <c r="AJ4679" s="98" t="s">
        <v>174</v>
      </c>
      <c r="AK4679" s="98" t="s">
        <v>174</v>
      </c>
      <c r="AL4679" s="98" t="s">
        <v>174</v>
      </c>
      <c r="AM4679" s="98" t="s">
        <v>174</v>
      </c>
      <c r="AN4679" s="98" t="s">
        <v>174</v>
      </c>
      <c r="AO4679" s="98" t="s">
        <v>174</v>
      </c>
      <c r="AP4679" s="98" t="s">
        <v>174</v>
      </c>
      <c r="AQ4679" s="98" t="s">
        <v>174</v>
      </c>
      <c r="AR4679" s="98" t="s">
        <v>174</v>
      </c>
      <c r="AS4679" s="98" t="s">
        <v>174</v>
      </c>
      <c r="AT4679" s="129" t="s">
        <v>174</v>
      </c>
      <c r="AU4679" s="98" t="s">
        <v>174</v>
      </c>
      <c r="AV4679" s="98" t="s">
        <v>174</v>
      </c>
      <c r="AW4679" s="98" t="s">
        <v>174</v>
      </c>
      <c r="AX4679" s="98"/>
      <c r="AY4679" s="98"/>
      <c r="AZ4679" s="98"/>
      <c r="BA4679" s="98"/>
      <c r="BB4679" s="107">
        <v>45884</v>
      </c>
    </row>
    <row r="4680" spans="1:54" s="8" customFormat="1" ht="13.95" customHeight="1" x14ac:dyDescent="0.25">
      <c r="A4680" s="219" t="s">
        <v>10585</v>
      </c>
      <c r="B4680" s="220" t="s">
        <v>10412</v>
      </c>
      <c r="C4680" s="98" t="s">
        <v>10586</v>
      </c>
      <c r="D4680" s="98" t="s">
        <v>10587</v>
      </c>
      <c r="E4680" s="141" t="s">
        <v>174</v>
      </c>
      <c r="F4680" s="141">
        <v>601</v>
      </c>
      <c r="G4680" s="98" t="s">
        <v>1</v>
      </c>
      <c r="H4680" s="98">
        <v>0</v>
      </c>
      <c r="I4680" s="98">
        <v>0</v>
      </c>
      <c r="J4680" s="98">
        <v>1</v>
      </c>
      <c r="K4680" s="98" t="s">
        <v>174</v>
      </c>
      <c r="L4680" s="98" t="s">
        <v>174</v>
      </c>
      <c r="M4680" s="98" t="s">
        <v>174</v>
      </c>
      <c r="N4680" s="98" t="s">
        <v>174</v>
      </c>
      <c r="O4680" s="98" t="s">
        <v>174</v>
      </c>
      <c r="P4680" s="98" t="s">
        <v>174</v>
      </c>
      <c r="Q4680" s="98" t="s">
        <v>174</v>
      </c>
      <c r="R4680" s="98" t="s">
        <v>174</v>
      </c>
      <c r="S4680" s="98" t="s">
        <v>174</v>
      </c>
      <c r="T4680" s="98" t="s">
        <v>174</v>
      </c>
      <c r="U4680" s="99"/>
      <c r="V4680" s="99"/>
      <c r="W4680" s="99"/>
      <c r="X4680" s="99"/>
      <c r="Y4680" s="99"/>
      <c r="Z4680" s="99"/>
      <c r="AA4680" s="99"/>
      <c r="AB4680" s="99"/>
      <c r="AC4680" s="99"/>
      <c r="AD4680" s="99"/>
      <c r="AE4680" s="99"/>
      <c r="AF4680" s="99"/>
      <c r="AG4680" s="99"/>
      <c r="AH4680" s="99"/>
      <c r="AI4680" s="99"/>
      <c r="AJ4680" s="99"/>
      <c r="AK4680" s="99"/>
      <c r="AL4680" s="99"/>
      <c r="AM4680" s="99"/>
      <c r="AN4680" s="99"/>
      <c r="AO4680" s="99"/>
      <c r="AP4680" s="99"/>
      <c r="AQ4680" s="99"/>
      <c r="AR4680" s="99"/>
      <c r="AS4680" s="99"/>
      <c r="AT4680" s="99"/>
      <c r="AU4680" s="99"/>
      <c r="AV4680" s="99"/>
      <c r="AW4680" s="99"/>
      <c r="AX4680" s="99"/>
      <c r="AY4680" s="99"/>
      <c r="AZ4680" s="99"/>
      <c r="BA4680" s="99"/>
      <c r="BB4680" s="107">
        <v>45884</v>
      </c>
    </row>
    <row r="4681" spans="1:54" s="8" customFormat="1" ht="13.95" customHeight="1" x14ac:dyDescent="0.25">
      <c r="A4681" s="219" t="s">
        <v>10588</v>
      </c>
      <c r="B4681" s="220" t="s">
        <v>10412</v>
      </c>
      <c r="C4681" s="98" t="s">
        <v>7833</v>
      </c>
      <c r="D4681" s="98" t="s">
        <v>10589</v>
      </c>
      <c r="E4681" s="141" t="s">
        <v>174</v>
      </c>
      <c r="F4681" s="141">
        <v>606</v>
      </c>
      <c r="G4681" s="98" t="s">
        <v>1</v>
      </c>
      <c r="H4681" s="98">
        <v>0</v>
      </c>
      <c r="I4681" s="98">
        <v>0</v>
      </c>
      <c r="J4681" s="98">
        <v>1</v>
      </c>
      <c r="K4681" s="98" t="s">
        <v>174</v>
      </c>
      <c r="L4681" s="98" t="s">
        <v>174</v>
      </c>
      <c r="M4681" s="98" t="s">
        <v>174</v>
      </c>
      <c r="N4681" s="98" t="s">
        <v>174</v>
      </c>
      <c r="O4681" s="98" t="s">
        <v>174</v>
      </c>
      <c r="P4681" s="98" t="s">
        <v>174</v>
      </c>
      <c r="Q4681" s="98" t="s">
        <v>174</v>
      </c>
      <c r="R4681" s="98" t="s">
        <v>174</v>
      </c>
      <c r="S4681" s="98" t="s">
        <v>174</v>
      </c>
      <c r="T4681" s="98" t="s">
        <v>174</v>
      </c>
      <c r="U4681" s="99"/>
      <c r="V4681" s="99"/>
      <c r="W4681" s="99"/>
      <c r="X4681" s="99"/>
      <c r="Y4681" s="99"/>
      <c r="Z4681" s="99"/>
      <c r="AA4681" s="99"/>
      <c r="AB4681" s="99"/>
      <c r="AC4681" s="99"/>
      <c r="AD4681" s="99"/>
      <c r="AE4681" s="99"/>
      <c r="AF4681" s="99"/>
      <c r="AG4681" s="99"/>
      <c r="AH4681" s="99"/>
      <c r="AI4681" s="99"/>
      <c r="AJ4681" s="99"/>
      <c r="AK4681" s="99"/>
      <c r="AL4681" s="99"/>
      <c r="AM4681" s="99"/>
      <c r="AN4681" s="99"/>
      <c r="AO4681" s="99"/>
      <c r="AP4681" s="99"/>
      <c r="AQ4681" s="99"/>
      <c r="AR4681" s="99"/>
      <c r="AS4681" s="99"/>
      <c r="AT4681" s="99"/>
      <c r="AU4681" s="99"/>
      <c r="AV4681" s="99"/>
      <c r="AW4681" s="99"/>
      <c r="AX4681" s="99"/>
      <c r="AY4681" s="99"/>
      <c r="AZ4681" s="99"/>
      <c r="BA4681" s="99"/>
      <c r="BB4681" s="107">
        <v>45884</v>
      </c>
    </row>
    <row r="4682" spans="1:54" s="8" customFormat="1" ht="13.95" customHeight="1" x14ac:dyDescent="0.25">
      <c r="A4682" s="219" t="s">
        <v>10590</v>
      </c>
      <c r="B4682" s="220" t="s">
        <v>10412</v>
      </c>
      <c r="C4682" s="98" t="s">
        <v>10591</v>
      </c>
      <c r="D4682" s="98" t="s">
        <v>10592</v>
      </c>
      <c r="E4682" s="141" t="s">
        <v>174</v>
      </c>
      <c r="F4682" s="141">
        <v>611</v>
      </c>
      <c r="G4682" s="98" t="s">
        <v>1</v>
      </c>
      <c r="H4682" s="98">
        <v>0</v>
      </c>
      <c r="I4682" s="98">
        <v>0</v>
      </c>
      <c r="J4682" s="98">
        <v>1</v>
      </c>
      <c r="K4682" s="98" t="s">
        <v>174</v>
      </c>
      <c r="L4682" s="98" t="s">
        <v>174</v>
      </c>
      <c r="M4682" s="98" t="s">
        <v>174</v>
      </c>
      <c r="N4682" s="98" t="s">
        <v>174</v>
      </c>
      <c r="O4682" s="98" t="s">
        <v>174</v>
      </c>
      <c r="P4682" s="98" t="s">
        <v>174</v>
      </c>
      <c r="Q4682" s="98" t="s">
        <v>174</v>
      </c>
      <c r="R4682" s="98" t="s">
        <v>174</v>
      </c>
      <c r="S4682" s="98" t="s">
        <v>174</v>
      </c>
      <c r="T4682" s="98" t="s">
        <v>174</v>
      </c>
      <c r="U4682" s="99"/>
      <c r="V4682" s="99"/>
      <c r="W4682" s="99"/>
      <c r="X4682" s="99"/>
      <c r="Y4682" s="99"/>
      <c r="Z4682" s="99"/>
      <c r="AA4682" s="99"/>
      <c r="AB4682" s="99"/>
      <c r="AC4682" s="99"/>
      <c r="AD4682" s="99"/>
      <c r="AE4682" s="99"/>
      <c r="AF4682" s="99"/>
      <c r="AG4682" s="99"/>
      <c r="AH4682" s="99"/>
      <c r="AI4682" s="99"/>
      <c r="AJ4682" s="99"/>
      <c r="AK4682" s="99"/>
      <c r="AL4682" s="99"/>
      <c r="AM4682" s="99"/>
      <c r="AN4682" s="99"/>
      <c r="AO4682" s="99"/>
      <c r="AP4682" s="99"/>
      <c r="AQ4682" s="99"/>
      <c r="AR4682" s="99"/>
      <c r="AS4682" s="99"/>
      <c r="AT4682" s="99"/>
      <c r="AU4682" s="99"/>
      <c r="AV4682" s="99"/>
      <c r="AW4682" s="99"/>
      <c r="AX4682" s="99"/>
      <c r="AY4682" s="99"/>
      <c r="AZ4682" s="99"/>
      <c r="BA4682" s="99"/>
      <c r="BB4682" s="107">
        <v>45884</v>
      </c>
    </row>
    <row r="4683" spans="1:54" s="8" customFormat="1" ht="13.95" customHeight="1" x14ac:dyDescent="0.25">
      <c r="A4683" s="219" t="s">
        <v>10593</v>
      </c>
      <c r="B4683" s="220" t="s">
        <v>10412</v>
      </c>
      <c r="C4683" s="98" t="s">
        <v>10594</v>
      </c>
      <c r="D4683" s="98" t="s">
        <v>10595</v>
      </c>
      <c r="E4683" s="141" t="s">
        <v>174</v>
      </c>
      <c r="F4683" s="141">
        <v>611</v>
      </c>
      <c r="G4683" s="98" t="s">
        <v>1</v>
      </c>
      <c r="H4683" s="98">
        <v>0</v>
      </c>
      <c r="I4683" s="98">
        <v>0</v>
      </c>
      <c r="J4683" s="98">
        <v>1</v>
      </c>
      <c r="K4683" s="98" t="s">
        <v>174</v>
      </c>
      <c r="L4683" s="98" t="s">
        <v>174</v>
      </c>
      <c r="M4683" s="98" t="s">
        <v>174</v>
      </c>
      <c r="N4683" s="98" t="s">
        <v>174</v>
      </c>
      <c r="O4683" s="98" t="s">
        <v>174</v>
      </c>
      <c r="P4683" s="98" t="s">
        <v>174</v>
      </c>
      <c r="Q4683" s="98" t="s">
        <v>174</v>
      </c>
      <c r="R4683" s="98" t="s">
        <v>174</v>
      </c>
      <c r="S4683" s="98" t="s">
        <v>174</v>
      </c>
      <c r="T4683" s="98" t="s">
        <v>174</v>
      </c>
      <c r="U4683" s="99"/>
      <c r="V4683" s="99"/>
      <c r="W4683" s="99"/>
      <c r="X4683" s="99"/>
      <c r="Y4683" s="99"/>
      <c r="Z4683" s="99"/>
      <c r="AA4683" s="99"/>
      <c r="AB4683" s="99"/>
      <c r="AC4683" s="99"/>
      <c r="AD4683" s="99"/>
      <c r="AE4683" s="99"/>
      <c r="AF4683" s="99"/>
      <c r="AG4683" s="99"/>
      <c r="AH4683" s="99"/>
      <c r="AI4683" s="99"/>
      <c r="AJ4683" s="99"/>
      <c r="AK4683" s="99"/>
      <c r="AL4683" s="99"/>
      <c r="AM4683" s="99"/>
      <c r="AN4683" s="99"/>
      <c r="AO4683" s="99"/>
      <c r="AP4683" s="99"/>
      <c r="AQ4683" s="99"/>
      <c r="AR4683" s="99"/>
      <c r="AS4683" s="99"/>
      <c r="AT4683" s="99"/>
      <c r="AU4683" s="99"/>
      <c r="AV4683" s="99"/>
      <c r="AW4683" s="99"/>
      <c r="AX4683" s="99"/>
      <c r="AY4683" s="99"/>
      <c r="AZ4683" s="99"/>
      <c r="BA4683" s="99"/>
      <c r="BB4683" s="107">
        <v>45884</v>
      </c>
    </row>
    <row r="4684" spans="1:54" s="8" customFormat="1" ht="13.95" customHeight="1" x14ac:dyDescent="0.25">
      <c r="A4684" s="219" t="s">
        <v>10596</v>
      </c>
      <c r="B4684" s="220" t="s">
        <v>10412</v>
      </c>
      <c r="C4684" s="98" t="s">
        <v>10597</v>
      </c>
      <c r="D4684" s="98" t="s">
        <v>10598</v>
      </c>
      <c r="E4684" s="141" t="s">
        <v>174</v>
      </c>
      <c r="F4684" s="141">
        <v>612</v>
      </c>
      <c r="G4684" s="98" t="s">
        <v>1</v>
      </c>
      <c r="H4684" s="98">
        <v>0</v>
      </c>
      <c r="I4684" s="98">
        <v>0</v>
      </c>
      <c r="J4684" s="98">
        <v>0</v>
      </c>
      <c r="K4684" s="98" t="s">
        <v>174</v>
      </c>
      <c r="L4684" s="98" t="s">
        <v>174</v>
      </c>
      <c r="M4684" s="98" t="s">
        <v>174</v>
      </c>
      <c r="N4684" s="98" t="s">
        <v>174</v>
      </c>
      <c r="O4684" s="98" t="s">
        <v>174</v>
      </c>
      <c r="P4684" s="98" t="s">
        <v>174</v>
      </c>
      <c r="Q4684" s="98" t="s">
        <v>174</v>
      </c>
      <c r="R4684" s="98" t="s">
        <v>174</v>
      </c>
      <c r="S4684" s="98" t="s">
        <v>174</v>
      </c>
      <c r="T4684" s="98" t="s">
        <v>174</v>
      </c>
      <c r="U4684" s="99"/>
      <c r="V4684" s="99"/>
      <c r="W4684" s="99"/>
      <c r="X4684" s="99"/>
      <c r="Y4684" s="99"/>
      <c r="Z4684" s="99"/>
      <c r="AA4684" s="99"/>
      <c r="AB4684" s="99"/>
      <c r="AC4684" s="99"/>
      <c r="AD4684" s="99"/>
      <c r="AE4684" s="99"/>
      <c r="AF4684" s="99"/>
      <c r="AG4684" s="99"/>
      <c r="AH4684" s="99"/>
      <c r="AI4684" s="99"/>
      <c r="AJ4684" s="99"/>
      <c r="AK4684" s="99"/>
      <c r="AL4684" s="99"/>
      <c r="AM4684" s="99"/>
      <c r="AN4684" s="99"/>
      <c r="AO4684" s="99"/>
      <c r="AP4684" s="99"/>
      <c r="AQ4684" s="99"/>
      <c r="AR4684" s="99"/>
      <c r="AS4684" s="99"/>
      <c r="AT4684" s="99"/>
      <c r="AU4684" s="99"/>
      <c r="AV4684" s="99"/>
      <c r="AW4684" s="99"/>
      <c r="AX4684" s="99"/>
      <c r="AY4684" s="99"/>
      <c r="AZ4684" s="99"/>
      <c r="BA4684" s="99"/>
      <c r="BB4684" s="107">
        <v>45884</v>
      </c>
    </row>
    <row r="4685" spans="1:54" s="8" customFormat="1" ht="13.95" customHeight="1" x14ac:dyDescent="0.25">
      <c r="A4685" s="219" t="s">
        <v>10599</v>
      </c>
      <c r="B4685" s="220" t="s">
        <v>10412</v>
      </c>
      <c r="C4685" s="98" t="s">
        <v>10600</v>
      </c>
      <c r="D4685" s="98" t="s">
        <v>10601</v>
      </c>
      <c r="E4685" s="141" t="s">
        <v>174</v>
      </c>
      <c r="F4685" s="141">
        <v>621</v>
      </c>
      <c r="G4685" s="98" t="s">
        <v>1</v>
      </c>
      <c r="H4685" s="98">
        <v>0</v>
      </c>
      <c r="I4685" s="98">
        <v>0</v>
      </c>
      <c r="J4685" s="98">
        <v>1</v>
      </c>
      <c r="K4685" s="98" t="s">
        <v>174</v>
      </c>
      <c r="L4685" s="98" t="s">
        <v>174</v>
      </c>
      <c r="M4685" s="98" t="s">
        <v>174</v>
      </c>
      <c r="N4685" s="98" t="s">
        <v>174</v>
      </c>
      <c r="O4685" s="98" t="s">
        <v>174</v>
      </c>
      <c r="P4685" s="98" t="s">
        <v>174</v>
      </c>
      <c r="Q4685" s="98" t="s">
        <v>174</v>
      </c>
      <c r="R4685" s="98" t="s">
        <v>174</v>
      </c>
      <c r="S4685" s="98" t="s">
        <v>174</v>
      </c>
      <c r="T4685" s="98" t="s">
        <v>174</v>
      </c>
      <c r="U4685" s="99"/>
      <c r="V4685" s="99"/>
      <c r="W4685" s="99"/>
      <c r="X4685" s="99"/>
      <c r="Y4685" s="99"/>
      <c r="Z4685" s="99"/>
      <c r="AA4685" s="99"/>
      <c r="AB4685" s="99"/>
      <c r="AC4685" s="99"/>
      <c r="AD4685" s="99"/>
      <c r="AE4685" s="99"/>
      <c r="AF4685" s="99"/>
      <c r="AG4685" s="99"/>
      <c r="AH4685" s="99"/>
      <c r="AI4685" s="99"/>
      <c r="AJ4685" s="99"/>
      <c r="AK4685" s="99"/>
      <c r="AL4685" s="99"/>
      <c r="AM4685" s="99"/>
      <c r="AN4685" s="99"/>
      <c r="AO4685" s="99"/>
      <c r="AP4685" s="99"/>
      <c r="AQ4685" s="99"/>
      <c r="AR4685" s="99"/>
      <c r="AS4685" s="99"/>
      <c r="AT4685" s="99"/>
      <c r="AU4685" s="99"/>
      <c r="AV4685" s="99"/>
      <c r="AW4685" s="99"/>
      <c r="AX4685" s="99"/>
      <c r="AY4685" s="99"/>
      <c r="AZ4685" s="99"/>
      <c r="BA4685" s="99"/>
      <c r="BB4685" s="107">
        <v>45884</v>
      </c>
    </row>
    <row r="4686" spans="1:54" s="8" customFormat="1" ht="13.95" customHeight="1" x14ac:dyDescent="0.25">
      <c r="A4686" s="219" t="s">
        <v>10602</v>
      </c>
      <c r="B4686" s="220" t="s">
        <v>10412</v>
      </c>
      <c r="C4686" s="98" t="s">
        <v>10603</v>
      </c>
      <c r="D4686" s="98" t="s">
        <v>10604</v>
      </c>
      <c r="E4686" s="141" t="s">
        <v>174</v>
      </c>
      <c r="F4686" s="141">
        <v>622</v>
      </c>
      <c r="G4686" s="98" t="s">
        <v>1</v>
      </c>
      <c r="H4686" s="98">
        <v>0</v>
      </c>
      <c r="I4686" s="98">
        <v>0</v>
      </c>
      <c r="J4686" s="98">
        <v>1</v>
      </c>
      <c r="K4686" s="98" t="s">
        <v>174</v>
      </c>
      <c r="L4686" s="98" t="s">
        <v>174</v>
      </c>
      <c r="M4686" s="98" t="s">
        <v>174</v>
      </c>
      <c r="N4686" s="98" t="s">
        <v>174</v>
      </c>
      <c r="O4686" s="98" t="s">
        <v>174</v>
      </c>
      <c r="P4686" s="98" t="s">
        <v>174</v>
      </c>
      <c r="Q4686" s="98" t="s">
        <v>174</v>
      </c>
      <c r="R4686" s="98" t="s">
        <v>174</v>
      </c>
      <c r="S4686" s="98" t="s">
        <v>174</v>
      </c>
      <c r="T4686" s="98" t="s">
        <v>174</v>
      </c>
      <c r="U4686" s="99"/>
      <c r="V4686" s="99"/>
      <c r="W4686" s="99"/>
      <c r="X4686" s="99"/>
      <c r="Y4686" s="99"/>
      <c r="Z4686" s="99"/>
      <c r="AA4686" s="99"/>
      <c r="AB4686" s="99"/>
      <c r="AC4686" s="99"/>
      <c r="AD4686" s="99"/>
      <c r="AE4686" s="99"/>
      <c r="AF4686" s="99"/>
      <c r="AG4686" s="99"/>
      <c r="AH4686" s="99"/>
      <c r="AI4686" s="99"/>
      <c r="AJ4686" s="99"/>
      <c r="AK4686" s="99"/>
      <c r="AL4686" s="99"/>
      <c r="AM4686" s="99"/>
      <c r="AN4686" s="99"/>
      <c r="AO4686" s="99"/>
      <c r="AP4686" s="99"/>
      <c r="AQ4686" s="99"/>
      <c r="AR4686" s="99"/>
      <c r="AS4686" s="99"/>
      <c r="AT4686" s="99"/>
      <c r="AU4686" s="99"/>
      <c r="AV4686" s="99"/>
      <c r="AW4686" s="99"/>
      <c r="AX4686" s="99"/>
      <c r="AY4686" s="99"/>
      <c r="AZ4686" s="99"/>
      <c r="BA4686" s="99"/>
      <c r="BB4686" s="107">
        <v>45884</v>
      </c>
    </row>
    <row r="4687" spans="1:54" s="8" customFormat="1" ht="13.95" customHeight="1" x14ac:dyDescent="0.25">
      <c r="A4687" s="219" t="s">
        <v>10605</v>
      </c>
      <c r="B4687" s="220" t="s">
        <v>10412</v>
      </c>
      <c r="C4687" s="98" t="s">
        <v>10606</v>
      </c>
      <c r="D4687" s="98" t="s">
        <v>10607</v>
      </c>
      <c r="E4687" s="141" t="s">
        <v>174</v>
      </c>
      <c r="F4687" s="141">
        <v>625</v>
      </c>
      <c r="G4687" s="98" t="s">
        <v>1</v>
      </c>
      <c r="H4687" s="98">
        <v>0</v>
      </c>
      <c r="I4687" s="98">
        <v>0</v>
      </c>
      <c r="J4687" s="98">
        <v>0</v>
      </c>
      <c r="K4687" s="98" t="s">
        <v>174</v>
      </c>
      <c r="L4687" s="98" t="s">
        <v>174</v>
      </c>
      <c r="M4687" s="98" t="s">
        <v>174</v>
      </c>
      <c r="N4687" s="98" t="s">
        <v>174</v>
      </c>
      <c r="O4687" s="98" t="s">
        <v>174</v>
      </c>
      <c r="P4687" s="98" t="s">
        <v>174</v>
      </c>
      <c r="Q4687" s="98" t="s">
        <v>174</v>
      </c>
      <c r="R4687" s="98" t="s">
        <v>174</v>
      </c>
      <c r="S4687" s="98" t="s">
        <v>174</v>
      </c>
      <c r="T4687" s="98" t="s">
        <v>174</v>
      </c>
      <c r="U4687" s="98" t="s">
        <v>174</v>
      </c>
      <c r="V4687" s="98" t="s">
        <v>174</v>
      </c>
      <c r="W4687" s="98" t="s">
        <v>174</v>
      </c>
      <c r="X4687" s="98" t="s">
        <v>174</v>
      </c>
      <c r="Y4687" s="98" t="s">
        <v>174</v>
      </c>
      <c r="Z4687" s="98" t="s">
        <v>174</v>
      </c>
      <c r="AA4687" s="98" t="s">
        <v>174</v>
      </c>
      <c r="AB4687" s="98" t="s">
        <v>174</v>
      </c>
      <c r="AC4687" s="98" t="s">
        <v>174</v>
      </c>
      <c r="AD4687" s="98" t="s">
        <v>174</v>
      </c>
      <c r="AE4687" s="98" t="s">
        <v>174</v>
      </c>
      <c r="AF4687" s="98" t="s">
        <v>174</v>
      </c>
      <c r="AG4687" s="98" t="s">
        <v>174</v>
      </c>
      <c r="AH4687" s="98" t="s">
        <v>174</v>
      </c>
      <c r="AI4687" s="98" t="s">
        <v>174</v>
      </c>
      <c r="AJ4687" s="98" t="s">
        <v>174</v>
      </c>
      <c r="AK4687" s="98" t="s">
        <v>174</v>
      </c>
      <c r="AL4687" s="98" t="s">
        <v>174</v>
      </c>
      <c r="AM4687" s="98" t="s">
        <v>174</v>
      </c>
      <c r="AN4687" s="98" t="s">
        <v>174</v>
      </c>
      <c r="AO4687" s="98" t="s">
        <v>174</v>
      </c>
      <c r="AP4687" s="98" t="s">
        <v>174</v>
      </c>
      <c r="AQ4687" s="98" t="s">
        <v>174</v>
      </c>
      <c r="AR4687" s="98" t="s">
        <v>174</v>
      </c>
      <c r="AS4687" s="98" t="s">
        <v>174</v>
      </c>
      <c r="AT4687" s="129" t="s">
        <v>174</v>
      </c>
      <c r="AU4687" s="98" t="s">
        <v>174</v>
      </c>
      <c r="AV4687" s="98" t="s">
        <v>174</v>
      </c>
      <c r="AW4687" s="98" t="s">
        <v>174</v>
      </c>
      <c r="AX4687" s="98"/>
      <c r="AY4687" s="98"/>
      <c r="AZ4687" s="98"/>
      <c r="BA4687" s="98"/>
      <c r="BB4687" s="107">
        <v>45884</v>
      </c>
    </row>
    <row r="4688" spans="1:54" s="8" customFormat="1" ht="13.95" customHeight="1" x14ac:dyDescent="0.25">
      <c r="A4688" s="219" t="s">
        <v>10608</v>
      </c>
      <c r="B4688" s="220" t="s">
        <v>10412</v>
      </c>
      <c r="C4688" s="98" t="s">
        <v>10609</v>
      </c>
      <c r="D4688" s="98" t="s">
        <v>10610</v>
      </c>
      <c r="E4688" s="141" t="s">
        <v>174</v>
      </c>
      <c r="F4688" s="141">
        <v>625</v>
      </c>
      <c r="G4688" s="98" t="s">
        <v>1</v>
      </c>
      <c r="H4688" s="98">
        <v>0</v>
      </c>
      <c r="I4688" s="98">
        <v>0</v>
      </c>
      <c r="J4688" s="98">
        <v>1</v>
      </c>
      <c r="K4688" s="98" t="s">
        <v>174</v>
      </c>
      <c r="L4688" s="98" t="s">
        <v>174</v>
      </c>
      <c r="M4688" s="98" t="s">
        <v>174</v>
      </c>
      <c r="N4688" s="98" t="s">
        <v>174</v>
      </c>
      <c r="O4688" s="98" t="s">
        <v>174</v>
      </c>
      <c r="P4688" s="98" t="s">
        <v>174</v>
      </c>
      <c r="Q4688" s="98" t="s">
        <v>174</v>
      </c>
      <c r="R4688" s="98" t="s">
        <v>174</v>
      </c>
      <c r="S4688" s="98" t="s">
        <v>174</v>
      </c>
      <c r="T4688" s="98" t="s">
        <v>174</v>
      </c>
      <c r="U4688" s="98" t="s">
        <v>174</v>
      </c>
      <c r="V4688" s="98" t="s">
        <v>174</v>
      </c>
      <c r="W4688" s="98" t="s">
        <v>174</v>
      </c>
      <c r="X4688" s="98" t="s">
        <v>174</v>
      </c>
      <c r="Y4688" s="98" t="s">
        <v>174</v>
      </c>
      <c r="Z4688" s="98" t="s">
        <v>174</v>
      </c>
      <c r="AA4688" s="98" t="s">
        <v>174</v>
      </c>
      <c r="AB4688" s="98" t="s">
        <v>174</v>
      </c>
      <c r="AC4688" s="98" t="s">
        <v>174</v>
      </c>
      <c r="AD4688" s="98" t="s">
        <v>174</v>
      </c>
      <c r="AE4688" s="98" t="s">
        <v>174</v>
      </c>
      <c r="AF4688" s="98" t="s">
        <v>174</v>
      </c>
      <c r="AG4688" s="98" t="s">
        <v>174</v>
      </c>
      <c r="AH4688" s="98" t="s">
        <v>174</v>
      </c>
      <c r="AI4688" s="98" t="s">
        <v>174</v>
      </c>
      <c r="AJ4688" s="98" t="s">
        <v>174</v>
      </c>
      <c r="AK4688" s="98" t="s">
        <v>174</v>
      </c>
      <c r="AL4688" s="98" t="s">
        <v>174</v>
      </c>
      <c r="AM4688" s="98" t="s">
        <v>174</v>
      </c>
      <c r="AN4688" s="98" t="s">
        <v>174</v>
      </c>
      <c r="AO4688" s="98" t="s">
        <v>174</v>
      </c>
      <c r="AP4688" s="98" t="s">
        <v>174</v>
      </c>
      <c r="AQ4688" s="98" t="s">
        <v>174</v>
      </c>
      <c r="AR4688" s="98" t="s">
        <v>174</v>
      </c>
      <c r="AS4688" s="98" t="s">
        <v>174</v>
      </c>
      <c r="AT4688" s="129" t="s">
        <v>174</v>
      </c>
      <c r="AU4688" s="98" t="s">
        <v>174</v>
      </c>
      <c r="AV4688" s="98" t="s">
        <v>174</v>
      </c>
      <c r="AW4688" s="98" t="s">
        <v>174</v>
      </c>
      <c r="AX4688" s="98"/>
      <c r="AY4688" s="98"/>
      <c r="AZ4688" s="98"/>
      <c r="BA4688" s="98"/>
      <c r="BB4688" s="107">
        <v>45884</v>
      </c>
    </row>
    <row r="4689" spans="1:54" s="8" customFormat="1" ht="13.95" customHeight="1" x14ac:dyDescent="0.25">
      <c r="A4689" s="219" t="s">
        <v>10611</v>
      </c>
      <c r="B4689" s="220" t="s">
        <v>10412</v>
      </c>
      <c r="C4689" s="98" t="s">
        <v>10612</v>
      </c>
      <c r="D4689" s="98" t="s">
        <v>10613</v>
      </c>
      <c r="E4689" s="141" t="s">
        <v>174</v>
      </c>
      <c r="F4689" s="141">
        <v>632</v>
      </c>
      <c r="G4689" s="98" t="s">
        <v>1</v>
      </c>
      <c r="H4689" s="98">
        <v>0</v>
      </c>
      <c r="I4689" s="98">
        <v>0</v>
      </c>
      <c r="J4689" s="98">
        <v>1</v>
      </c>
      <c r="K4689" s="98" t="s">
        <v>174</v>
      </c>
      <c r="L4689" s="98" t="s">
        <v>174</v>
      </c>
      <c r="M4689" s="98" t="s">
        <v>174</v>
      </c>
      <c r="N4689" s="98" t="s">
        <v>174</v>
      </c>
      <c r="O4689" s="98" t="s">
        <v>174</v>
      </c>
      <c r="P4689" s="98" t="s">
        <v>174</v>
      </c>
      <c r="Q4689" s="98" t="s">
        <v>174</v>
      </c>
      <c r="R4689" s="98" t="s">
        <v>174</v>
      </c>
      <c r="S4689" s="98" t="s">
        <v>174</v>
      </c>
      <c r="T4689" s="98" t="s">
        <v>174</v>
      </c>
      <c r="U4689" s="99"/>
      <c r="V4689" s="99"/>
      <c r="W4689" s="99"/>
      <c r="X4689" s="99"/>
      <c r="Y4689" s="99"/>
      <c r="Z4689" s="99"/>
      <c r="AA4689" s="99"/>
      <c r="AB4689" s="99"/>
      <c r="AC4689" s="99"/>
      <c r="AD4689" s="99"/>
      <c r="AE4689" s="99"/>
      <c r="AF4689" s="99"/>
      <c r="AG4689" s="99"/>
      <c r="AH4689" s="99"/>
      <c r="AI4689" s="99"/>
      <c r="AJ4689" s="99"/>
      <c r="AK4689" s="99"/>
      <c r="AL4689" s="99"/>
      <c r="AM4689" s="99"/>
      <c r="AN4689" s="99"/>
      <c r="AO4689" s="99"/>
      <c r="AP4689" s="99"/>
      <c r="AQ4689" s="99"/>
      <c r="AR4689" s="99"/>
      <c r="AS4689" s="99"/>
      <c r="AT4689" s="99"/>
      <c r="AU4689" s="99"/>
      <c r="AV4689" s="99"/>
      <c r="AW4689" s="99"/>
      <c r="AX4689" s="99"/>
      <c r="AY4689" s="99"/>
      <c r="AZ4689" s="99"/>
      <c r="BA4689" s="99"/>
      <c r="BB4689" s="107">
        <v>45884</v>
      </c>
    </row>
    <row r="4690" spans="1:54" s="8" customFormat="1" ht="13.95" customHeight="1" x14ac:dyDescent="0.25">
      <c r="A4690" s="219" t="s">
        <v>10614</v>
      </c>
      <c r="B4690" s="220" t="s">
        <v>10412</v>
      </c>
      <c r="C4690" s="98" t="s">
        <v>10615</v>
      </c>
      <c r="D4690" s="98" t="s">
        <v>10616</v>
      </c>
      <c r="E4690" s="141" t="s">
        <v>174</v>
      </c>
      <c r="F4690" s="141">
        <v>636</v>
      </c>
      <c r="G4690" s="98" t="s">
        <v>1</v>
      </c>
      <c r="H4690" s="98">
        <v>1</v>
      </c>
      <c r="I4690" s="98">
        <v>0</v>
      </c>
      <c r="J4690" s="98">
        <v>1</v>
      </c>
      <c r="K4690" s="98" t="s">
        <v>174</v>
      </c>
      <c r="L4690" s="98" t="s">
        <v>174</v>
      </c>
      <c r="M4690" s="98" t="s">
        <v>174</v>
      </c>
      <c r="N4690" s="98" t="s">
        <v>174</v>
      </c>
      <c r="O4690" s="98" t="s">
        <v>174</v>
      </c>
      <c r="P4690" s="98" t="s">
        <v>174</v>
      </c>
      <c r="Q4690" s="98" t="s">
        <v>174</v>
      </c>
      <c r="R4690" s="98" t="s">
        <v>174</v>
      </c>
      <c r="S4690" s="98" t="s">
        <v>174</v>
      </c>
      <c r="T4690" s="98" t="s">
        <v>174</v>
      </c>
      <c r="U4690" s="99"/>
      <c r="V4690" s="99"/>
      <c r="W4690" s="99"/>
      <c r="X4690" s="99"/>
      <c r="Y4690" s="99"/>
      <c r="Z4690" s="99"/>
      <c r="AA4690" s="99"/>
      <c r="AB4690" s="99"/>
      <c r="AC4690" s="99"/>
      <c r="AD4690" s="99"/>
      <c r="AE4690" s="99"/>
      <c r="AF4690" s="99"/>
      <c r="AG4690" s="99"/>
      <c r="AH4690" s="99"/>
      <c r="AI4690" s="99"/>
      <c r="AJ4690" s="99"/>
      <c r="AK4690" s="99"/>
      <c r="AL4690" s="99"/>
      <c r="AM4690" s="99"/>
      <c r="AN4690" s="99"/>
      <c r="AO4690" s="99"/>
      <c r="AP4690" s="99"/>
      <c r="AQ4690" s="99"/>
      <c r="AR4690" s="99"/>
      <c r="AS4690" s="99"/>
      <c r="AT4690" s="99"/>
      <c r="AU4690" s="99"/>
      <c r="AV4690" s="99"/>
      <c r="AW4690" s="99"/>
      <c r="AX4690" s="99"/>
      <c r="AY4690" s="99"/>
      <c r="AZ4690" s="99"/>
      <c r="BA4690" s="99"/>
      <c r="BB4690" s="107">
        <v>45884</v>
      </c>
    </row>
    <row r="4691" spans="1:54" s="8" customFormat="1" ht="13.95" customHeight="1" x14ac:dyDescent="0.25">
      <c r="A4691" s="219" t="s">
        <v>10617</v>
      </c>
      <c r="B4691" s="220" t="s">
        <v>10412</v>
      </c>
      <c r="C4691" s="98" t="s">
        <v>10618</v>
      </c>
      <c r="D4691" s="98" t="s">
        <v>10619</v>
      </c>
      <c r="E4691" s="141" t="s">
        <v>174</v>
      </c>
      <c r="F4691" s="141">
        <v>642</v>
      </c>
      <c r="G4691" s="98" t="s">
        <v>1</v>
      </c>
      <c r="H4691" s="98">
        <v>0</v>
      </c>
      <c r="I4691" s="98">
        <v>0</v>
      </c>
      <c r="J4691" s="98">
        <v>0</v>
      </c>
      <c r="K4691" s="98" t="s">
        <v>174</v>
      </c>
      <c r="L4691" s="98" t="s">
        <v>174</v>
      </c>
      <c r="M4691" s="98" t="s">
        <v>174</v>
      </c>
      <c r="N4691" s="98" t="s">
        <v>174</v>
      </c>
      <c r="O4691" s="98" t="s">
        <v>174</v>
      </c>
      <c r="P4691" s="98" t="s">
        <v>174</v>
      </c>
      <c r="Q4691" s="98" t="s">
        <v>174</v>
      </c>
      <c r="R4691" s="98" t="s">
        <v>174</v>
      </c>
      <c r="S4691" s="98" t="s">
        <v>174</v>
      </c>
      <c r="T4691" s="98" t="s">
        <v>174</v>
      </c>
      <c r="U4691" s="99"/>
      <c r="V4691" s="99"/>
      <c r="W4691" s="99"/>
      <c r="X4691" s="99"/>
      <c r="Y4691" s="99"/>
      <c r="Z4691" s="99"/>
      <c r="AA4691" s="99"/>
      <c r="AB4691" s="99"/>
      <c r="AC4691" s="99"/>
      <c r="AD4691" s="99"/>
      <c r="AE4691" s="99"/>
      <c r="AF4691" s="99"/>
      <c r="AG4691" s="99"/>
      <c r="AH4691" s="99"/>
      <c r="AI4691" s="99"/>
      <c r="AJ4691" s="99"/>
      <c r="AK4691" s="99"/>
      <c r="AL4691" s="99"/>
      <c r="AM4691" s="99"/>
      <c r="AN4691" s="99"/>
      <c r="AO4691" s="99"/>
      <c r="AP4691" s="99"/>
      <c r="AQ4691" s="99"/>
      <c r="AR4691" s="99"/>
      <c r="AS4691" s="99"/>
      <c r="AT4691" s="99"/>
      <c r="AU4691" s="99"/>
      <c r="AV4691" s="99"/>
      <c r="AW4691" s="99"/>
      <c r="AX4691" s="99"/>
      <c r="AY4691" s="99"/>
      <c r="AZ4691" s="99"/>
      <c r="BA4691" s="99"/>
      <c r="BB4691" s="107">
        <v>45884</v>
      </c>
    </row>
    <row r="4692" spans="1:54" s="8" customFormat="1" ht="13.95" customHeight="1" x14ac:dyDescent="0.25">
      <c r="A4692" s="219" t="s">
        <v>10620</v>
      </c>
      <c r="B4692" s="220" t="s">
        <v>10412</v>
      </c>
      <c r="C4692" s="98" t="s">
        <v>10621</v>
      </c>
      <c r="D4692" s="98" t="s">
        <v>10622</v>
      </c>
      <c r="E4692" s="141" t="s">
        <v>174</v>
      </c>
      <c r="F4692" s="141">
        <v>643</v>
      </c>
      <c r="G4692" s="98" t="s">
        <v>1</v>
      </c>
      <c r="H4692" s="98">
        <v>0</v>
      </c>
      <c r="I4692" s="98">
        <v>0</v>
      </c>
      <c r="J4692" s="98">
        <v>1</v>
      </c>
      <c r="K4692" s="98" t="s">
        <v>174</v>
      </c>
      <c r="L4692" s="98" t="s">
        <v>174</v>
      </c>
      <c r="M4692" s="98" t="s">
        <v>174</v>
      </c>
      <c r="N4692" s="98" t="s">
        <v>174</v>
      </c>
      <c r="O4692" s="98" t="s">
        <v>174</v>
      </c>
      <c r="P4692" s="98" t="s">
        <v>174</v>
      </c>
      <c r="Q4692" s="98" t="s">
        <v>174</v>
      </c>
      <c r="R4692" s="98" t="s">
        <v>174</v>
      </c>
      <c r="S4692" s="98" t="s">
        <v>174</v>
      </c>
      <c r="T4692" s="98" t="s">
        <v>174</v>
      </c>
      <c r="U4692" s="99"/>
      <c r="V4692" s="99"/>
      <c r="W4692" s="99"/>
      <c r="X4692" s="99"/>
      <c r="Y4692" s="99"/>
      <c r="Z4692" s="99"/>
      <c r="AA4692" s="99"/>
      <c r="AB4692" s="99"/>
      <c r="AC4692" s="99"/>
      <c r="AD4692" s="99"/>
      <c r="AE4692" s="99"/>
      <c r="AF4692" s="99"/>
      <c r="AG4692" s="99"/>
      <c r="AH4692" s="99"/>
      <c r="AI4692" s="99"/>
      <c r="AJ4692" s="99"/>
      <c r="AK4692" s="99"/>
      <c r="AL4692" s="99"/>
      <c r="AM4692" s="99"/>
      <c r="AN4692" s="99"/>
      <c r="AO4692" s="99"/>
      <c r="AP4692" s="99"/>
      <c r="AQ4692" s="99"/>
      <c r="AR4692" s="99"/>
      <c r="AS4692" s="99"/>
      <c r="AT4692" s="99"/>
      <c r="AU4692" s="99"/>
      <c r="AV4692" s="99"/>
      <c r="AW4692" s="99"/>
      <c r="AX4692" s="99"/>
      <c r="AY4692" s="99"/>
      <c r="AZ4692" s="99"/>
      <c r="BA4692" s="99"/>
      <c r="BB4692" s="107">
        <v>45884</v>
      </c>
    </row>
    <row r="4693" spans="1:54" s="8" customFormat="1" ht="13.95" customHeight="1" x14ac:dyDescent="0.25">
      <c r="A4693" s="219" t="s">
        <v>10623</v>
      </c>
      <c r="B4693" s="220" t="s">
        <v>10412</v>
      </c>
      <c r="C4693" s="98" t="s">
        <v>10624</v>
      </c>
      <c r="D4693" s="98" t="s">
        <v>10625</v>
      </c>
      <c r="E4693" s="141" t="s">
        <v>174</v>
      </c>
      <c r="F4693" s="141">
        <v>646</v>
      </c>
      <c r="G4693" s="98" t="s">
        <v>1</v>
      </c>
      <c r="H4693" s="98">
        <v>0</v>
      </c>
      <c r="I4693" s="98">
        <v>0</v>
      </c>
      <c r="J4693" s="98">
        <v>0</v>
      </c>
      <c r="K4693" s="98" t="s">
        <v>174</v>
      </c>
      <c r="L4693" s="98" t="s">
        <v>174</v>
      </c>
      <c r="M4693" s="98" t="s">
        <v>174</v>
      </c>
      <c r="N4693" s="98" t="s">
        <v>174</v>
      </c>
      <c r="O4693" s="98" t="s">
        <v>174</v>
      </c>
      <c r="P4693" s="98" t="s">
        <v>174</v>
      </c>
      <c r="Q4693" s="98" t="s">
        <v>174</v>
      </c>
      <c r="R4693" s="98" t="s">
        <v>174</v>
      </c>
      <c r="S4693" s="98" t="s">
        <v>174</v>
      </c>
      <c r="T4693" s="98" t="s">
        <v>174</v>
      </c>
      <c r="U4693" s="98" t="s">
        <v>174</v>
      </c>
      <c r="V4693" s="98" t="s">
        <v>174</v>
      </c>
      <c r="W4693" s="98" t="s">
        <v>174</v>
      </c>
      <c r="X4693" s="98" t="s">
        <v>174</v>
      </c>
      <c r="Y4693" s="98" t="s">
        <v>174</v>
      </c>
      <c r="Z4693" s="98" t="s">
        <v>174</v>
      </c>
      <c r="AA4693" s="98" t="s">
        <v>174</v>
      </c>
      <c r="AB4693" s="98" t="s">
        <v>174</v>
      </c>
      <c r="AC4693" s="98" t="s">
        <v>174</v>
      </c>
      <c r="AD4693" s="98" t="s">
        <v>174</v>
      </c>
      <c r="AE4693" s="98" t="s">
        <v>174</v>
      </c>
      <c r="AF4693" s="98" t="s">
        <v>174</v>
      </c>
      <c r="AG4693" s="98" t="s">
        <v>174</v>
      </c>
      <c r="AH4693" s="98" t="s">
        <v>174</v>
      </c>
      <c r="AI4693" s="98" t="s">
        <v>174</v>
      </c>
      <c r="AJ4693" s="98" t="s">
        <v>174</v>
      </c>
      <c r="AK4693" s="98" t="s">
        <v>174</v>
      </c>
      <c r="AL4693" s="98" t="s">
        <v>174</v>
      </c>
      <c r="AM4693" s="98" t="s">
        <v>174</v>
      </c>
      <c r="AN4693" s="98" t="s">
        <v>174</v>
      </c>
      <c r="AO4693" s="98" t="s">
        <v>174</v>
      </c>
      <c r="AP4693" s="98" t="s">
        <v>174</v>
      </c>
      <c r="AQ4693" s="98" t="s">
        <v>174</v>
      </c>
      <c r="AR4693" s="98" t="s">
        <v>174</v>
      </c>
      <c r="AS4693" s="98" t="s">
        <v>174</v>
      </c>
      <c r="AT4693" s="129" t="s">
        <v>174</v>
      </c>
      <c r="AU4693" s="98" t="s">
        <v>174</v>
      </c>
      <c r="AV4693" s="98" t="s">
        <v>174</v>
      </c>
      <c r="AW4693" s="98" t="s">
        <v>174</v>
      </c>
      <c r="AX4693" s="98"/>
      <c r="AY4693" s="98"/>
      <c r="AZ4693" s="98"/>
      <c r="BA4693" s="98"/>
      <c r="BB4693" s="107">
        <v>45884</v>
      </c>
    </row>
    <row r="4694" spans="1:54" s="8" customFormat="1" ht="13.95" customHeight="1" x14ac:dyDescent="0.25">
      <c r="A4694" s="219" t="s">
        <v>10626</v>
      </c>
      <c r="B4694" s="220" t="s">
        <v>10412</v>
      </c>
      <c r="C4694" s="98" t="s">
        <v>10627</v>
      </c>
      <c r="D4694" s="98" t="s">
        <v>10628</v>
      </c>
      <c r="E4694" s="141" t="s">
        <v>174</v>
      </c>
      <c r="F4694" s="141">
        <v>646</v>
      </c>
      <c r="G4694" s="98" t="s">
        <v>1</v>
      </c>
      <c r="H4694" s="98">
        <v>0</v>
      </c>
      <c r="I4694" s="98">
        <v>0</v>
      </c>
      <c r="J4694" s="98">
        <v>1</v>
      </c>
      <c r="K4694" s="98" t="s">
        <v>174</v>
      </c>
      <c r="L4694" s="98" t="s">
        <v>174</v>
      </c>
      <c r="M4694" s="98" t="s">
        <v>174</v>
      </c>
      <c r="N4694" s="98" t="s">
        <v>174</v>
      </c>
      <c r="O4694" s="98" t="s">
        <v>174</v>
      </c>
      <c r="P4694" s="98" t="s">
        <v>174</v>
      </c>
      <c r="Q4694" s="98" t="s">
        <v>174</v>
      </c>
      <c r="R4694" s="98" t="s">
        <v>174</v>
      </c>
      <c r="S4694" s="98" t="s">
        <v>174</v>
      </c>
      <c r="T4694" s="98" t="s">
        <v>174</v>
      </c>
      <c r="U4694" s="99"/>
      <c r="V4694" s="99"/>
      <c r="W4694" s="99"/>
      <c r="X4694" s="99"/>
      <c r="Y4694" s="99"/>
      <c r="Z4694" s="99"/>
      <c r="AA4694" s="99"/>
      <c r="AB4694" s="99"/>
      <c r="AC4694" s="99"/>
      <c r="AD4694" s="99"/>
      <c r="AE4694" s="99"/>
      <c r="AF4694" s="99"/>
      <c r="AG4694" s="99"/>
      <c r="AH4694" s="99"/>
      <c r="AI4694" s="99"/>
      <c r="AJ4694" s="99"/>
      <c r="AK4694" s="99"/>
      <c r="AL4694" s="99"/>
      <c r="AM4694" s="99"/>
      <c r="AN4694" s="99"/>
      <c r="AO4694" s="99"/>
      <c r="AP4694" s="99"/>
      <c r="AQ4694" s="99"/>
      <c r="AR4694" s="99"/>
      <c r="AS4694" s="99"/>
      <c r="AT4694" s="99"/>
      <c r="AU4694" s="99"/>
      <c r="AV4694" s="99"/>
      <c r="AW4694" s="99"/>
      <c r="AX4694" s="99"/>
      <c r="AY4694" s="99"/>
      <c r="AZ4694" s="99"/>
      <c r="BA4694" s="99"/>
      <c r="BB4694" s="107">
        <v>45884</v>
      </c>
    </row>
    <row r="4695" spans="1:54" s="8" customFormat="1" ht="13.95" customHeight="1" x14ac:dyDescent="0.25">
      <c r="A4695" s="219" t="s">
        <v>10629</v>
      </c>
      <c r="B4695" s="220" t="s">
        <v>10412</v>
      </c>
      <c r="C4695" s="98" t="s">
        <v>10630</v>
      </c>
      <c r="D4695" s="98" t="s">
        <v>10631</v>
      </c>
      <c r="E4695" s="141" t="s">
        <v>174</v>
      </c>
      <c r="F4695" s="141">
        <v>663</v>
      </c>
      <c r="G4695" s="98" t="s">
        <v>1</v>
      </c>
      <c r="H4695" s="98">
        <v>0</v>
      </c>
      <c r="I4695" s="98">
        <v>0</v>
      </c>
      <c r="J4695" s="98">
        <v>1</v>
      </c>
      <c r="K4695" s="98" t="s">
        <v>174</v>
      </c>
      <c r="L4695" s="98" t="s">
        <v>174</v>
      </c>
      <c r="M4695" s="98" t="s">
        <v>174</v>
      </c>
      <c r="N4695" s="98" t="s">
        <v>174</v>
      </c>
      <c r="O4695" s="98" t="s">
        <v>174</v>
      </c>
      <c r="P4695" s="98" t="s">
        <v>174</v>
      </c>
      <c r="Q4695" s="98" t="s">
        <v>174</v>
      </c>
      <c r="R4695" s="98" t="s">
        <v>174</v>
      </c>
      <c r="S4695" s="98" t="s">
        <v>174</v>
      </c>
      <c r="T4695" s="98" t="s">
        <v>174</v>
      </c>
      <c r="U4695" s="99"/>
      <c r="V4695" s="99"/>
      <c r="W4695" s="99"/>
      <c r="X4695" s="99"/>
      <c r="Y4695" s="99"/>
      <c r="Z4695" s="99"/>
      <c r="AA4695" s="99"/>
      <c r="AB4695" s="99"/>
      <c r="AC4695" s="99"/>
      <c r="AD4695" s="99"/>
      <c r="AE4695" s="99"/>
      <c r="AF4695" s="99"/>
      <c r="AG4695" s="99"/>
      <c r="AH4695" s="99"/>
      <c r="AI4695" s="99"/>
      <c r="AJ4695" s="99"/>
      <c r="AK4695" s="99"/>
      <c r="AL4695" s="99"/>
      <c r="AM4695" s="99"/>
      <c r="AN4695" s="99"/>
      <c r="AO4695" s="99"/>
      <c r="AP4695" s="99"/>
      <c r="AQ4695" s="99"/>
      <c r="AR4695" s="99"/>
      <c r="AS4695" s="99"/>
      <c r="AT4695" s="99"/>
      <c r="AU4695" s="99"/>
      <c r="AV4695" s="99"/>
      <c r="AW4695" s="99"/>
      <c r="AX4695" s="99"/>
      <c r="AY4695" s="99"/>
      <c r="AZ4695" s="99"/>
      <c r="BA4695" s="99"/>
      <c r="BB4695" s="107">
        <v>45884</v>
      </c>
    </row>
    <row r="4696" spans="1:54" s="8" customFormat="1" ht="13.95" customHeight="1" x14ac:dyDescent="0.25">
      <c r="A4696" s="219" t="s">
        <v>10632</v>
      </c>
      <c r="B4696" s="220" t="s">
        <v>10412</v>
      </c>
      <c r="C4696" s="98" t="s">
        <v>10633</v>
      </c>
      <c r="D4696" s="98" t="s">
        <v>10634</v>
      </c>
      <c r="E4696" s="141" t="s">
        <v>174</v>
      </c>
      <c r="F4696" s="141">
        <v>664</v>
      </c>
      <c r="G4696" s="98" t="s">
        <v>1</v>
      </c>
      <c r="H4696" s="98">
        <v>1</v>
      </c>
      <c r="I4696" s="98">
        <v>1</v>
      </c>
      <c r="J4696" s="98">
        <v>1</v>
      </c>
      <c r="K4696" s="98" t="s">
        <v>174</v>
      </c>
      <c r="L4696" s="98" t="s">
        <v>174</v>
      </c>
      <c r="M4696" s="98" t="s">
        <v>174</v>
      </c>
      <c r="N4696" s="98" t="s">
        <v>174</v>
      </c>
      <c r="O4696" s="98" t="s">
        <v>174</v>
      </c>
      <c r="P4696" s="98" t="s">
        <v>174</v>
      </c>
      <c r="Q4696" s="98" t="s">
        <v>174</v>
      </c>
      <c r="R4696" s="98" t="s">
        <v>174</v>
      </c>
      <c r="S4696" s="98" t="s">
        <v>174</v>
      </c>
      <c r="T4696" s="98" t="s">
        <v>174</v>
      </c>
      <c r="U4696" s="99"/>
      <c r="V4696" s="99"/>
      <c r="W4696" s="99"/>
      <c r="X4696" s="99"/>
      <c r="Y4696" s="99"/>
      <c r="Z4696" s="99"/>
      <c r="AA4696" s="99"/>
      <c r="AB4696" s="99"/>
      <c r="AC4696" s="99"/>
      <c r="AD4696" s="99"/>
      <c r="AE4696" s="99"/>
      <c r="AF4696" s="99"/>
      <c r="AG4696" s="99"/>
      <c r="AH4696" s="99"/>
      <c r="AI4696" s="99"/>
      <c r="AJ4696" s="99"/>
      <c r="AK4696" s="99"/>
      <c r="AL4696" s="99"/>
      <c r="AM4696" s="99"/>
      <c r="AN4696" s="99"/>
      <c r="AO4696" s="99"/>
      <c r="AP4696" s="99"/>
      <c r="AQ4696" s="99"/>
      <c r="AR4696" s="99"/>
      <c r="AS4696" s="99"/>
      <c r="AT4696" s="99"/>
      <c r="AU4696" s="99"/>
      <c r="AV4696" s="99"/>
      <c r="AW4696" s="99"/>
      <c r="AX4696" s="99"/>
      <c r="AY4696" s="99"/>
      <c r="AZ4696" s="99"/>
      <c r="BA4696" s="99"/>
      <c r="BB4696" s="107">
        <v>45884</v>
      </c>
    </row>
    <row r="4697" spans="1:54" s="8" customFormat="1" ht="13.95" customHeight="1" x14ac:dyDescent="0.25">
      <c r="A4697" s="219" t="s">
        <v>10635</v>
      </c>
      <c r="B4697" s="220" t="s">
        <v>10412</v>
      </c>
      <c r="C4697" s="98" t="s">
        <v>10636</v>
      </c>
      <c r="D4697" s="98" t="s">
        <v>10637</v>
      </c>
      <c r="E4697" s="141" t="s">
        <v>174</v>
      </c>
      <c r="F4697" s="141">
        <v>669</v>
      </c>
      <c r="G4697" s="98" t="s">
        <v>1</v>
      </c>
      <c r="H4697" s="98">
        <v>0</v>
      </c>
      <c r="I4697" s="98">
        <v>0</v>
      </c>
      <c r="J4697" s="98">
        <v>0</v>
      </c>
      <c r="K4697" s="98" t="s">
        <v>174</v>
      </c>
      <c r="L4697" s="98" t="s">
        <v>174</v>
      </c>
      <c r="M4697" s="98" t="s">
        <v>174</v>
      </c>
      <c r="N4697" s="98" t="s">
        <v>174</v>
      </c>
      <c r="O4697" s="98" t="s">
        <v>174</v>
      </c>
      <c r="P4697" s="98" t="s">
        <v>174</v>
      </c>
      <c r="Q4697" s="98" t="s">
        <v>174</v>
      </c>
      <c r="R4697" s="98" t="s">
        <v>174</v>
      </c>
      <c r="S4697" s="98" t="s">
        <v>174</v>
      </c>
      <c r="T4697" s="98" t="s">
        <v>174</v>
      </c>
      <c r="U4697" s="99"/>
      <c r="V4697" s="99"/>
      <c r="W4697" s="99"/>
      <c r="X4697" s="99"/>
      <c r="Y4697" s="99"/>
      <c r="Z4697" s="99"/>
      <c r="AA4697" s="99"/>
      <c r="AB4697" s="99"/>
      <c r="AC4697" s="99"/>
      <c r="AD4697" s="99"/>
      <c r="AE4697" s="99"/>
      <c r="AF4697" s="99"/>
      <c r="AG4697" s="99"/>
      <c r="AH4697" s="99"/>
      <c r="AI4697" s="99"/>
      <c r="AJ4697" s="99"/>
      <c r="AK4697" s="99"/>
      <c r="AL4697" s="99"/>
      <c r="AM4697" s="99"/>
      <c r="AN4697" s="99"/>
      <c r="AO4697" s="99"/>
      <c r="AP4697" s="99"/>
      <c r="AQ4697" s="99"/>
      <c r="AR4697" s="99"/>
      <c r="AS4697" s="99"/>
      <c r="AT4697" s="99"/>
      <c r="AU4697" s="99"/>
      <c r="AV4697" s="99"/>
      <c r="AW4697" s="99"/>
      <c r="AX4697" s="99"/>
      <c r="AY4697" s="99"/>
      <c r="AZ4697" s="99"/>
      <c r="BA4697" s="99"/>
      <c r="BB4697" s="107">
        <v>45884</v>
      </c>
    </row>
    <row r="4698" spans="1:54" s="8" customFormat="1" ht="13.95" customHeight="1" x14ac:dyDescent="0.25">
      <c r="A4698" s="219" t="s">
        <v>10638</v>
      </c>
      <c r="B4698" s="220" t="s">
        <v>10412</v>
      </c>
      <c r="C4698" s="98" t="s">
        <v>10639</v>
      </c>
      <c r="D4698" s="98" t="s">
        <v>10640</v>
      </c>
      <c r="E4698" s="141" t="s">
        <v>174</v>
      </c>
      <c r="F4698" s="141">
        <v>675</v>
      </c>
      <c r="G4698" s="98" t="s">
        <v>1</v>
      </c>
      <c r="H4698" s="98">
        <v>0</v>
      </c>
      <c r="I4698" s="98">
        <v>0</v>
      </c>
      <c r="J4698" s="98">
        <v>1</v>
      </c>
      <c r="K4698" s="98"/>
      <c r="L4698" s="98"/>
      <c r="M4698" s="98"/>
      <c r="N4698" s="98"/>
      <c r="O4698" s="98"/>
      <c r="P4698" s="98"/>
      <c r="Q4698" s="98"/>
      <c r="R4698" s="98"/>
      <c r="S4698" s="98"/>
      <c r="T4698" s="98"/>
      <c r="U4698" s="99"/>
      <c r="V4698" s="99"/>
      <c r="W4698" s="99"/>
      <c r="X4698" s="99"/>
      <c r="Y4698" s="99"/>
      <c r="Z4698" s="99"/>
      <c r="AA4698" s="99"/>
      <c r="AB4698" s="99"/>
      <c r="AC4698" s="99"/>
      <c r="AD4698" s="99"/>
      <c r="AE4698" s="99"/>
      <c r="AF4698" s="99"/>
      <c r="AG4698" s="99"/>
      <c r="AH4698" s="99"/>
      <c r="AI4698" s="99"/>
      <c r="AJ4698" s="99"/>
      <c r="AK4698" s="99"/>
      <c r="AL4698" s="99"/>
      <c r="AM4698" s="99"/>
      <c r="AN4698" s="99"/>
      <c r="AO4698" s="99"/>
      <c r="AP4698" s="99"/>
      <c r="AQ4698" s="99"/>
      <c r="AR4698" s="99"/>
      <c r="AS4698" s="99"/>
      <c r="AT4698" s="99"/>
      <c r="AU4698" s="99"/>
      <c r="AV4698" s="99"/>
      <c r="AW4698" s="99"/>
      <c r="AX4698" s="99"/>
      <c r="AY4698" s="99"/>
      <c r="AZ4698" s="99"/>
      <c r="BA4698" s="99"/>
      <c r="BB4698" s="107">
        <v>45884</v>
      </c>
    </row>
    <row r="4699" spans="1:54" s="8" customFormat="1" ht="13.95" customHeight="1" x14ac:dyDescent="0.25">
      <c r="A4699" s="219" t="s">
        <v>10641</v>
      </c>
      <c r="B4699" s="220" t="s">
        <v>10412</v>
      </c>
      <c r="C4699" s="98" t="s">
        <v>10642</v>
      </c>
      <c r="D4699" s="98" t="s">
        <v>10643</v>
      </c>
      <c r="E4699" s="141" t="s">
        <v>174</v>
      </c>
      <c r="F4699" s="141">
        <v>686</v>
      </c>
      <c r="G4699" s="98" t="s">
        <v>1</v>
      </c>
      <c r="H4699" s="98">
        <v>0</v>
      </c>
      <c r="I4699" s="98">
        <v>0</v>
      </c>
      <c r="J4699" s="98">
        <v>1</v>
      </c>
      <c r="K4699" s="98" t="s">
        <v>174</v>
      </c>
      <c r="L4699" s="98" t="s">
        <v>174</v>
      </c>
      <c r="M4699" s="98" t="s">
        <v>174</v>
      </c>
      <c r="N4699" s="98" t="s">
        <v>174</v>
      </c>
      <c r="O4699" s="98" t="s">
        <v>174</v>
      </c>
      <c r="P4699" s="98" t="s">
        <v>174</v>
      </c>
      <c r="Q4699" s="98" t="s">
        <v>174</v>
      </c>
      <c r="R4699" s="98" t="s">
        <v>174</v>
      </c>
      <c r="S4699" s="98" t="s">
        <v>174</v>
      </c>
      <c r="T4699" s="98" t="s">
        <v>174</v>
      </c>
      <c r="U4699" s="98" t="s">
        <v>174</v>
      </c>
      <c r="V4699" s="98" t="s">
        <v>174</v>
      </c>
      <c r="W4699" s="98" t="s">
        <v>174</v>
      </c>
      <c r="X4699" s="98" t="s">
        <v>174</v>
      </c>
      <c r="Y4699" s="98" t="s">
        <v>174</v>
      </c>
      <c r="Z4699" s="98" t="s">
        <v>174</v>
      </c>
      <c r="AA4699" s="98" t="s">
        <v>174</v>
      </c>
      <c r="AB4699" s="98" t="s">
        <v>174</v>
      </c>
      <c r="AC4699" s="98" t="s">
        <v>174</v>
      </c>
      <c r="AD4699" s="98" t="s">
        <v>174</v>
      </c>
      <c r="AE4699" s="98" t="s">
        <v>174</v>
      </c>
      <c r="AF4699" s="98" t="s">
        <v>174</v>
      </c>
      <c r="AG4699" s="98" t="s">
        <v>174</v>
      </c>
      <c r="AH4699" s="98" t="s">
        <v>174</v>
      </c>
      <c r="AI4699" s="98" t="s">
        <v>174</v>
      </c>
      <c r="AJ4699" s="98" t="s">
        <v>174</v>
      </c>
      <c r="AK4699" s="98" t="s">
        <v>174</v>
      </c>
      <c r="AL4699" s="98" t="s">
        <v>174</v>
      </c>
      <c r="AM4699" s="98" t="s">
        <v>174</v>
      </c>
      <c r="AN4699" s="98" t="s">
        <v>174</v>
      </c>
      <c r="AO4699" s="98" t="s">
        <v>174</v>
      </c>
      <c r="AP4699" s="98" t="s">
        <v>174</v>
      </c>
      <c r="AQ4699" s="98" t="s">
        <v>174</v>
      </c>
      <c r="AR4699" s="98" t="s">
        <v>174</v>
      </c>
      <c r="AS4699" s="98" t="s">
        <v>174</v>
      </c>
      <c r="AT4699" s="129" t="s">
        <v>174</v>
      </c>
      <c r="AU4699" s="98" t="s">
        <v>174</v>
      </c>
      <c r="AV4699" s="98" t="s">
        <v>174</v>
      </c>
      <c r="AW4699" s="98" t="s">
        <v>174</v>
      </c>
      <c r="AX4699" s="98"/>
      <c r="AY4699" s="98"/>
      <c r="AZ4699" s="98"/>
      <c r="BA4699" s="98"/>
      <c r="BB4699" s="107">
        <v>45884</v>
      </c>
    </row>
    <row r="4700" spans="1:54" s="8" customFormat="1" ht="13.95" customHeight="1" x14ac:dyDescent="0.25">
      <c r="A4700" s="219" t="s">
        <v>10644</v>
      </c>
      <c r="B4700" s="220" t="s">
        <v>10412</v>
      </c>
      <c r="C4700" s="98" t="s">
        <v>10645</v>
      </c>
      <c r="D4700" s="98" t="s">
        <v>10646</v>
      </c>
      <c r="E4700" s="141" t="s">
        <v>174</v>
      </c>
      <c r="F4700" s="141">
        <v>689</v>
      </c>
      <c r="G4700" s="98" t="s">
        <v>1</v>
      </c>
      <c r="H4700" s="98">
        <v>1</v>
      </c>
      <c r="I4700" s="98">
        <v>0</v>
      </c>
      <c r="J4700" s="98">
        <v>1</v>
      </c>
      <c r="K4700" s="98" t="s">
        <v>174</v>
      </c>
      <c r="L4700" s="98" t="s">
        <v>174</v>
      </c>
      <c r="M4700" s="98" t="s">
        <v>174</v>
      </c>
      <c r="N4700" s="98" t="s">
        <v>174</v>
      </c>
      <c r="O4700" s="98" t="s">
        <v>174</v>
      </c>
      <c r="P4700" s="98" t="s">
        <v>174</v>
      </c>
      <c r="Q4700" s="98" t="s">
        <v>174</v>
      </c>
      <c r="R4700" s="98" t="s">
        <v>174</v>
      </c>
      <c r="S4700" s="98" t="s">
        <v>174</v>
      </c>
      <c r="T4700" s="98" t="s">
        <v>174</v>
      </c>
      <c r="U4700" s="99"/>
      <c r="V4700" s="99"/>
      <c r="W4700" s="99"/>
      <c r="X4700" s="99"/>
      <c r="Y4700" s="99"/>
      <c r="Z4700" s="99"/>
      <c r="AA4700" s="99"/>
      <c r="AB4700" s="99"/>
      <c r="AC4700" s="99"/>
      <c r="AD4700" s="99"/>
      <c r="AE4700" s="99"/>
      <c r="AF4700" s="99"/>
      <c r="AG4700" s="99"/>
      <c r="AH4700" s="99"/>
      <c r="AI4700" s="99"/>
      <c r="AJ4700" s="99"/>
      <c r="AK4700" s="99"/>
      <c r="AL4700" s="99"/>
      <c r="AM4700" s="99"/>
      <c r="AN4700" s="99"/>
      <c r="AO4700" s="99"/>
      <c r="AP4700" s="99"/>
      <c r="AQ4700" s="99"/>
      <c r="AR4700" s="99"/>
      <c r="AS4700" s="99"/>
      <c r="AT4700" s="99"/>
      <c r="AU4700" s="99"/>
      <c r="AV4700" s="99"/>
      <c r="AW4700" s="99"/>
      <c r="AX4700" s="99"/>
      <c r="AY4700" s="99"/>
      <c r="AZ4700" s="99"/>
      <c r="BA4700" s="99"/>
      <c r="BB4700" s="107">
        <v>45884</v>
      </c>
    </row>
    <row r="4701" spans="1:54" s="8" customFormat="1" ht="13.95" customHeight="1" x14ac:dyDescent="0.25">
      <c r="A4701" s="219" t="s">
        <v>10647</v>
      </c>
      <c r="B4701" s="220" t="s">
        <v>10412</v>
      </c>
      <c r="C4701" s="98" t="s">
        <v>10648</v>
      </c>
      <c r="D4701" s="98" t="s">
        <v>10649</v>
      </c>
      <c r="E4701" s="141" t="s">
        <v>174</v>
      </c>
      <c r="F4701" s="141">
        <v>690</v>
      </c>
      <c r="G4701" s="98" t="s">
        <v>1</v>
      </c>
      <c r="H4701" s="98">
        <v>0</v>
      </c>
      <c r="I4701" s="98">
        <v>0</v>
      </c>
      <c r="J4701" s="98">
        <v>1</v>
      </c>
      <c r="K4701" s="98"/>
      <c r="L4701" s="98"/>
      <c r="M4701" s="98"/>
      <c r="N4701" s="98"/>
      <c r="O4701" s="98"/>
      <c r="P4701" s="98"/>
      <c r="Q4701" s="98"/>
      <c r="R4701" s="98"/>
      <c r="S4701" s="98"/>
      <c r="T4701" s="98"/>
      <c r="U4701" s="99"/>
      <c r="V4701" s="99"/>
      <c r="W4701" s="99"/>
      <c r="X4701" s="99"/>
      <c r="Y4701" s="99"/>
      <c r="Z4701" s="99"/>
      <c r="AA4701" s="99"/>
      <c r="AB4701" s="99"/>
      <c r="AC4701" s="99"/>
      <c r="AD4701" s="99"/>
      <c r="AE4701" s="99"/>
      <c r="AF4701" s="99"/>
      <c r="AG4701" s="99"/>
      <c r="AH4701" s="99"/>
      <c r="AI4701" s="99"/>
      <c r="AJ4701" s="99"/>
      <c r="AK4701" s="99"/>
      <c r="AL4701" s="99"/>
      <c r="AM4701" s="99"/>
      <c r="AN4701" s="99"/>
      <c r="AO4701" s="99"/>
      <c r="AP4701" s="99"/>
      <c r="AQ4701" s="99"/>
      <c r="AR4701" s="99"/>
      <c r="AS4701" s="99"/>
      <c r="AT4701" s="99"/>
      <c r="AU4701" s="99"/>
      <c r="AV4701" s="99"/>
      <c r="AW4701" s="99"/>
      <c r="AX4701" s="99"/>
      <c r="AY4701" s="99"/>
      <c r="AZ4701" s="99"/>
      <c r="BA4701" s="99"/>
      <c r="BB4701" s="107">
        <v>45884</v>
      </c>
    </row>
    <row r="4702" spans="1:54" s="8" customFormat="1" ht="13.95" customHeight="1" x14ac:dyDescent="0.25">
      <c r="A4702" s="219" t="s">
        <v>10650</v>
      </c>
      <c r="B4702" s="220" t="s">
        <v>10412</v>
      </c>
      <c r="C4702" s="98" t="s">
        <v>10651</v>
      </c>
      <c r="D4702" s="98" t="s">
        <v>10652</v>
      </c>
      <c r="E4702" s="141" t="s">
        <v>174</v>
      </c>
      <c r="F4702" s="141">
        <v>697</v>
      </c>
      <c r="G4702" s="98" t="s">
        <v>1</v>
      </c>
      <c r="H4702" s="98">
        <v>0</v>
      </c>
      <c r="I4702" s="98">
        <v>0</v>
      </c>
      <c r="J4702" s="98">
        <v>1</v>
      </c>
      <c r="K4702" s="98" t="s">
        <v>174</v>
      </c>
      <c r="L4702" s="98" t="s">
        <v>174</v>
      </c>
      <c r="M4702" s="98" t="s">
        <v>174</v>
      </c>
      <c r="N4702" s="98" t="s">
        <v>174</v>
      </c>
      <c r="O4702" s="98" t="s">
        <v>174</v>
      </c>
      <c r="P4702" s="98" t="s">
        <v>174</v>
      </c>
      <c r="Q4702" s="98" t="s">
        <v>174</v>
      </c>
      <c r="R4702" s="98" t="s">
        <v>174</v>
      </c>
      <c r="S4702" s="98" t="s">
        <v>174</v>
      </c>
      <c r="T4702" s="98" t="s">
        <v>174</v>
      </c>
      <c r="U4702" s="98" t="s">
        <v>174</v>
      </c>
      <c r="V4702" s="98" t="s">
        <v>174</v>
      </c>
      <c r="W4702" s="98" t="s">
        <v>174</v>
      </c>
      <c r="X4702" s="98" t="s">
        <v>174</v>
      </c>
      <c r="Y4702" s="98" t="s">
        <v>174</v>
      </c>
      <c r="Z4702" s="98" t="s">
        <v>174</v>
      </c>
      <c r="AA4702" s="98" t="s">
        <v>174</v>
      </c>
      <c r="AB4702" s="98" t="s">
        <v>174</v>
      </c>
      <c r="AC4702" s="98" t="s">
        <v>174</v>
      </c>
      <c r="AD4702" s="98" t="s">
        <v>174</v>
      </c>
      <c r="AE4702" s="98" t="s">
        <v>174</v>
      </c>
      <c r="AF4702" s="98" t="s">
        <v>174</v>
      </c>
      <c r="AG4702" s="98" t="s">
        <v>174</v>
      </c>
      <c r="AH4702" s="98" t="s">
        <v>174</v>
      </c>
      <c r="AI4702" s="98" t="s">
        <v>174</v>
      </c>
      <c r="AJ4702" s="98" t="s">
        <v>174</v>
      </c>
      <c r="AK4702" s="98" t="s">
        <v>174</v>
      </c>
      <c r="AL4702" s="98" t="s">
        <v>174</v>
      </c>
      <c r="AM4702" s="98" t="s">
        <v>174</v>
      </c>
      <c r="AN4702" s="98" t="s">
        <v>174</v>
      </c>
      <c r="AO4702" s="98" t="s">
        <v>174</v>
      </c>
      <c r="AP4702" s="98" t="s">
        <v>174</v>
      </c>
      <c r="AQ4702" s="98" t="s">
        <v>174</v>
      </c>
      <c r="AR4702" s="98" t="s">
        <v>174</v>
      </c>
      <c r="AS4702" s="98" t="s">
        <v>174</v>
      </c>
      <c r="AT4702" s="129" t="s">
        <v>174</v>
      </c>
      <c r="AU4702" s="98" t="s">
        <v>174</v>
      </c>
      <c r="AV4702" s="98" t="s">
        <v>174</v>
      </c>
      <c r="AW4702" s="98" t="s">
        <v>174</v>
      </c>
      <c r="AX4702" s="98"/>
      <c r="AY4702" s="98"/>
      <c r="AZ4702" s="98"/>
      <c r="BA4702" s="98"/>
      <c r="BB4702" s="107">
        <v>45884</v>
      </c>
    </row>
    <row r="4703" spans="1:54" s="8" customFormat="1" ht="13.95" customHeight="1" x14ac:dyDescent="0.25">
      <c r="A4703" s="219" t="s">
        <v>10653</v>
      </c>
      <c r="B4703" s="220" t="s">
        <v>10412</v>
      </c>
      <c r="C4703" s="98" t="s">
        <v>9369</v>
      </c>
      <c r="D4703" s="98" t="s">
        <v>10654</v>
      </c>
      <c r="E4703" s="141" t="s">
        <v>174</v>
      </c>
      <c r="F4703" s="141">
        <v>708</v>
      </c>
      <c r="G4703" s="98" t="s">
        <v>1</v>
      </c>
      <c r="H4703" s="98">
        <v>1</v>
      </c>
      <c r="I4703" s="98">
        <v>0</v>
      </c>
      <c r="J4703" s="98">
        <v>1</v>
      </c>
      <c r="K4703" s="98" t="s">
        <v>174</v>
      </c>
      <c r="L4703" s="98" t="s">
        <v>174</v>
      </c>
      <c r="M4703" s="98" t="s">
        <v>174</v>
      </c>
      <c r="N4703" s="98" t="s">
        <v>174</v>
      </c>
      <c r="O4703" s="98" t="s">
        <v>174</v>
      </c>
      <c r="P4703" s="98" t="s">
        <v>174</v>
      </c>
      <c r="Q4703" s="98" t="s">
        <v>174</v>
      </c>
      <c r="R4703" s="98" t="s">
        <v>174</v>
      </c>
      <c r="S4703" s="98" t="s">
        <v>174</v>
      </c>
      <c r="T4703" s="98" t="s">
        <v>174</v>
      </c>
      <c r="U4703" s="98" t="s">
        <v>174</v>
      </c>
      <c r="V4703" s="98" t="s">
        <v>174</v>
      </c>
      <c r="W4703" s="98" t="s">
        <v>174</v>
      </c>
      <c r="X4703" s="98" t="s">
        <v>174</v>
      </c>
      <c r="Y4703" s="98" t="s">
        <v>174</v>
      </c>
      <c r="Z4703" s="98" t="s">
        <v>174</v>
      </c>
      <c r="AA4703" s="98" t="s">
        <v>174</v>
      </c>
      <c r="AB4703" s="98" t="s">
        <v>174</v>
      </c>
      <c r="AC4703" s="98" t="s">
        <v>174</v>
      </c>
      <c r="AD4703" s="98" t="s">
        <v>174</v>
      </c>
      <c r="AE4703" s="98" t="s">
        <v>174</v>
      </c>
      <c r="AF4703" s="98" t="s">
        <v>174</v>
      </c>
      <c r="AG4703" s="98" t="s">
        <v>174</v>
      </c>
      <c r="AH4703" s="98" t="s">
        <v>174</v>
      </c>
      <c r="AI4703" s="98" t="s">
        <v>174</v>
      </c>
      <c r="AJ4703" s="98" t="s">
        <v>174</v>
      </c>
      <c r="AK4703" s="98" t="s">
        <v>174</v>
      </c>
      <c r="AL4703" s="98" t="s">
        <v>174</v>
      </c>
      <c r="AM4703" s="98" t="s">
        <v>174</v>
      </c>
      <c r="AN4703" s="98" t="s">
        <v>174</v>
      </c>
      <c r="AO4703" s="98" t="s">
        <v>174</v>
      </c>
      <c r="AP4703" s="98" t="s">
        <v>174</v>
      </c>
      <c r="AQ4703" s="98" t="s">
        <v>174</v>
      </c>
      <c r="AR4703" s="98" t="s">
        <v>174</v>
      </c>
      <c r="AS4703" s="98" t="s">
        <v>174</v>
      </c>
      <c r="AT4703" s="129" t="s">
        <v>174</v>
      </c>
      <c r="AU4703" s="98" t="s">
        <v>174</v>
      </c>
      <c r="AV4703" s="98" t="s">
        <v>174</v>
      </c>
      <c r="AW4703" s="98" t="s">
        <v>174</v>
      </c>
      <c r="AX4703" s="98"/>
      <c r="AY4703" s="98"/>
      <c r="AZ4703" s="98"/>
      <c r="BA4703" s="98"/>
      <c r="BB4703" s="107">
        <v>45884</v>
      </c>
    </row>
    <row r="4704" spans="1:54" s="8" customFormat="1" ht="13.95" customHeight="1" x14ac:dyDescent="0.25">
      <c r="A4704" s="219" t="s">
        <v>10655</v>
      </c>
      <c r="B4704" s="220" t="s">
        <v>10412</v>
      </c>
      <c r="C4704" s="98" t="s">
        <v>10656</v>
      </c>
      <c r="D4704" s="98" t="s">
        <v>10657</v>
      </c>
      <c r="E4704" s="141" t="s">
        <v>174</v>
      </c>
      <c r="F4704" s="141">
        <v>717</v>
      </c>
      <c r="G4704" s="98" t="s">
        <v>1</v>
      </c>
      <c r="H4704" s="98">
        <v>0</v>
      </c>
      <c r="I4704" s="98">
        <v>0</v>
      </c>
      <c r="J4704" s="98">
        <v>1</v>
      </c>
      <c r="K4704" s="98" t="s">
        <v>174</v>
      </c>
      <c r="L4704" s="98" t="s">
        <v>174</v>
      </c>
      <c r="M4704" s="98" t="s">
        <v>174</v>
      </c>
      <c r="N4704" s="98" t="s">
        <v>174</v>
      </c>
      <c r="O4704" s="98" t="s">
        <v>174</v>
      </c>
      <c r="P4704" s="98" t="s">
        <v>174</v>
      </c>
      <c r="Q4704" s="98" t="s">
        <v>174</v>
      </c>
      <c r="R4704" s="98" t="s">
        <v>174</v>
      </c>
      <c r="S4704" s="98" t="s">
        <v>174</v>
      </c>
      <c r="T4704" s="98" t="s">
        <v>174</v>
      </c>
      <c r="U4704" s="99"/>
      <c r="V4704" s="99"/>
      <c r="W4704" s="99"/>
      <c r="X4704" s="99"/>
      <c r="Y4704" s="99"/>
      <c r="Z4704" s="99"/>
      <c r="AA4704" s="99"/>
      <c r="AB4704" s="99"/>
      <c r="AC4704" s="99"/>
      <c r="AD4704" s="99"/>
      <c r="AE4704" s="99"/>
      <c r="AF4704" s="99"/>
      <c r="AG4704" s="99"/>
      <c r="AH4704" s="99"/>
      <c r="AI4704" s="99"/>
      <c r="AJ4704" s="99"/>
      <c r="AK4704" s="99"/>
      <c r="AL4704" s="99"/>
      <c r="AM4704" s="99"/>
      <c r="AN4704" s="99"/>
      <c r="AO4704" s="99"/>
      <c r="AP4704" s="99"/>
      <c r="AQ4704" s="99"/>
      <c r="AR4704" s="99"/>
      <c r="AS4704" s="99"/>
      <c r="AT4704" s="99"/>
      <c r="AU4704" s="99"/>
      <c r="AV4704" s="99"/>
      <c r="AW4704" s="99"/>
      <c r="AX4704" s="99"/>
      <c r="AY4704" s="99"/>
      <c r="AZ4704" s="99"/>
      <c r="BA4704" s="99"/>
      <c r="BB4704" s="107">
        <v>45884</v>
      </c>
    </row>
    <row r="4705" spans="1:54" s="8" customFormat="1" ht="13.95" customHeight="1" x14ac:dyDescent="0.25">
      <c r="A4705" s="219" t="s">
        <v>10658</v>
      </c>
      <c r="B4705" s="220" t="s">
        <v>10412</v>
      </c>
      <c r="C4705" s="98" t="s">
        <v>3888</v>
      </c>
      <c r="D4705" s="98" t="s">
        <v>10659</v>
      </c>
      <c r="E4705" s="141" t="s">
        <v>174</v>
      </c>
      <c r="F4705" s="141">
        <v>3911</v>
      </c>
      <c r="G4705" s="98" t="s">
        <v>1</v>
      </c>
      <c r="H4705" s="98">
        <v>0</v>
      </c>
      <c r="I4705" s="98">
        <v>0</v>
      </c>
      <c r="J4705" s="98">
        <v>1</v>
      </c>
      <c r="K4705" s="98" t="s">
        <v>174</v>
      </c>
      <c r="L4705" s="98" t="s">
        <v>174</v>
      </c>
      <c r="M4705" s="98" t="s">
        <v>174</v>
      </c>
      <c r="N4705" s="98" t="s">
        <v>174</v>
      </c>
      <c r="O4705" s="98" t="s">
        <v>174</v>
      </c>
      <c r="P4705" s="98" t="s">
        <v>174</v>
      </c>
      <c r="Q4705" s="98" t="s">
        <v>174</v>
      </c>
      <c r="R4705" s="98" t="s">
        <v>174</v>
      </c>
      <c r="S4705" s="98" t="s">
        <v>174</v>
      </c>
      <c r="T4705" s="98" t="s">
        <v>174</v>
      </c>
      <c r="U4705" s="99"/>
      <c r="V4705" s="99"/>
      <c r="W4705" s="99"/>
      <c r="X4705" s="99"/>
      <c r="Y4705" s="99"/>
      <c r="Z4705" s="99"/>
      <c r="AA4705" s="99"/>
      <c r="AB4705" s="99"/>
      <c r="AC4705" s="99"/>
      <c r="AD4705" s="99"/>
      <c r="AE4705" s="99"/>
      <c r="AF4705" s="99"/>
      <c r="AG4705" s="99"/>
      <c r="AH4705" s="99"/>
      <c r="AI4705" s="99"/>
      <c r="AJ4705" s="99"/>
      <c r="AK4705" s="99"/>
      <c r="AL4705" s="99"/>
      <c r="AM4705" s="99"/>
      <c r="AN4705" s="99"/>
      <c r="AO4705" s="99"/>
      <c r="AP4705" s="99"/>
      <c r="AQ4705" s="99"/>
      <c r="AR4705" s="99"/>
      <c r="AS4705" s="99"/>
      <c r="AT4705" s="99"/>
      <c r="AU4705" s="99"/>
      <c r="AV4705" s="99"/>
      <c r="AW4705" s="99"/>
      <c r="AX4705" s="99"/>
      <c r="AY4705" s="99"/>
      <c r="AZ4705" s="99"/>
      <c r="BA4705" s="99"/>
      <c r="BB4705" s="107">
        <v>45884</v>
      </c>
    </row>
    <row r="4706" spans="1:54" s="8" customFormat="1" ht="13.5" customHeight="1" x14ac:dyDescent="0.25">
      <c r="A4706" s="219" t="s">
        <v>10660</v>
      </c>
      <c r="B4706" s="220" t="s">
        <v>10412</v>
      </c>
      <c r="C4706" s="98" t="s">
        <v>10661</v>
      </c>
      <c r="D4706" s="98" t="s">
        <v>10662</v>
      </c>
      <c r="E4706" s="141" t="s">
        <v>174</v>
      </c>
      <c r="F4706" s="141">
        <v>745</v>
      </c>
      <c r="G4706" s="98" t="s">
        <v>1</v>
      </c>
      <c r="H4706" s="98">
        <v>0</v>
      </c>
      <c r="I4706" s="98">
        <v>0</v>
      </c>
      <c r="J4706" s="98">
        <v>0</v>
      </c>
      <c r="K4706" s="98" t="s">
        <v>174</v>
      </c>
      <c r="L4706" s="98" t="s">
        <v>174</v>
      </c>
      <c r="M4706" s="98" t="s">
        <v>174</v>
      </c>
      <c r="N4706" s="98" t="s">
        <v>174</v>
      </c>
      <c r="O4706" s="98" t="s">
        <v>174</v>
      </c>
      <c r="P4706" s="98" t="s">
        <v>174</v>
      </c>
      <c r="Q4706" s="98" t="s">
        <v>174</v>
      </c>
      <c r="R4706" s="98" t="s">
        <v>174</v>
      </c>
      <c r="S4706" s="98" t="s">
        <v>174</v>
      </c>
      <c r="T4706" s="98" t="s">
        <v>174</v>
      </c>
      <c r="U4706" s="98" t="s">
        <v>174</v>
      </c>
      <c r="V4706" s="98" t="s">
        <v>174</v>
      </c>
      <c r="W4706" s="98" t="s">
        <v>174</v>
      </c>
      <c r="X4706" s="98" t="s">
        <v>174</v>
      </c>
      <c r="Y4706" s="98" t="s">
        <v>174</v>
      </c>
      <c r="Z4706" s="98" t="s">
        <v>174</v>
      </c>
      <c r="AA4706" s="98" t="s">
        <v>174</v>
      </c>
      <c r="AB4706" s="98" t="s">
        <v>174</v>
      </c>
      <c r="AC4706" s="98" t="s">
        <v>174</v>
      </c>
      <c r="AD4706" s="98" t="s">
        <v>174</v>
      </c>
      <c r="AE4706" s="98" t="s">
        <v>174</v>
      </c>
      <c r="AF4706" s="98" t="s">
        <v>174</v>
      </c>
      <c r="AG4706" s="98" t="s">
        <v>174</v>
      </c>
      <c r="AH4706" s="98" t="s">
        <v>174</v>
      </c>
      <c r="AI4706" s="98" t="s">
        <v>174</v>
      </c>
      <c r="AJ4706" s="98" t="s">
        <v>174</v>
      </c>
      <c r="AK4706" s="98" t="s">
        <v>174</v>
      </c>
      <c r="AL4706" s="98" t="s">
        <v>174</v>
      </c>
      <c r="AM4706" s="98" t="s">
        <v>174</v>
      </c>
      <c r="AN4706" s="98" t="s">
        <v>174</v>
      </c>
      <c r="AO4706" s="98" t="s">
        <v>174</v>
      </c>
      <c r="AP4706" s="98" t="s">
        <v>174</v>
      </c>
      <c r="AQ4706" s="98" t="s">
        <v>174</v>
      </c>
      <c r="AR4706" s="98" t="s">
        <v>174</v>
      </c>
      <c r="AS4706" s="98" t="s">
        <v>174</v>
      </c>
      <c r="AT4706" s="129" t="s">
        <v>174</v>
      </c>
      <c r="AU4706" s="98" t="s">
        <v>174</v>
      </c>
      <c r="AV4706" s="98" t="s">
        <v>174</v>
      </c>
      <c r="AW4706" s="98" t="s">
        <v>174</v>
      </c>
      <c r="AX4706" s="98"/>
      <c r="AY4706" s="98"/>
      <c r="AZ4706" s="98"/>
      <c r="BA4706" s="98"/>
      <c r="BB4706" s="107">
        <v>45884</v>
      </c>
    </row>
    <row r="4707" spans="1:54" s="8" customFormat="1" ht="13.95" customHeight="1" x14ac:dyDescent="0.25">
      <c r="A4707" s="219" t="s">
        <v>10663</v>
      </c>
      <c r="B4707" s="220" t="s">
        <v>10412</v>
      </c>
      <c r="C4707" s="98" t="s">
        <v>10664</v>
      </c>
      <c r="D4707" s="98" t="s">
        <v>10665</v>
      </c>
      <c r="E4707" s="141" t="s">
        <v>174</v>
      </c>
      <c r="F4707" s="141">
        <v>751</v>
      </c>
      <c r="G4707" s="98" t="s">
        <v>1</v>
      </c>
      <c r="H4707" s="98">
        <v>0</v>
      </c>
      <c r="I4707" s="98">
        <v>0</v>
      </c>
      <c r="J4707" s="98">
        <v>1</v>
      </c>
      <c r="K4707" s="98" t="s">
        <v>174</v>
      </c>
      <c r="L4707" s="98" t="s">
        <v>174</v>
      </c>
      <c r="M4707" s="98" t="s">
        <v>174</v>
      </c>
      <c r="N4707" s="98" t="s">
        <v>174</v>
      </c>
      <c r="O4707" s="98" t="s">
        <v>174</v>
      </c>
      <c r="P4707" s="98" t="s">
        <v>174</v>
      </c>
      <c r="Q4707" s="98" t="s">
        <v>174</v>
      </c>
      <c r="R4707" s="98" t="s">
        <v>174</v>
      </c>
      <c r="S4707" s="98" t="s">
        <v>174</v>
      </c>
      <c r="T4707" s="98" t="s">
        <v>174</v>
      </c>
      <c r="U4707" s="98" t="s">
        <v>174</v>
      </c>
      <c r="V4707" s="98" t="s">
        <v>174</v>
      </c>
      <c r="W4707" s="98" t="s">
        <v>174</v>
      </c>
      <c r="X4707" s="98" t="s">
        <v>174</v>
      </c>
      <c r="Y4707" s="98" t="s">
        <v>174</v>
      </c>
      <c r="Z4707" s="98" t="s">
        <v>174</v>
      </c>
      <c r="AA4707" s="98" t="s">
        <v>174</v>
      </c>
      <c r="AB4707" s="98" t="s">
        <v>174</v>
      </c>
      <c r="AC4707" s="98" t="s">
        <v>174</v>
      </c>
      <c r="AD4707" s="98" t="s">
        <v>174</v>
      </c>
      <c r="AE4707" s="98" t="s">
        <v>174</v>
      </c>
      <c r="AF4707" s="98" t="s">
        <v>174</v>
      </c>
      <c r="AG4707" s="98" t="s">
        <v>174</v>
      </c>
      <c r="AH4707" s="98" t="s">
        <v>174</v>
      </c>
      <c r="AI4707" s="98" t="s">
        <v>174</v>
      </c>
      <c r="AJ4707" s="98" t="s">
        <v>174</v>
      </c>
      <c r="AK4707" s="98" t="s">
        <v>174</v>
      </c>
      <c r="AL4707" s="98" t="s">
        <v>174</v>
      </c>
      <c r="AM4707" s="98" t="s">
        <v>174</v>
      </c>
      <c r="AN4707" s="98" t="s">
        <v>174</v>
      </c>
      <c r="AO4707" s="98" t="s">
        <v>174</v>
      </c>
      <c r="AP4707" s="98" t="s">
        <v>174</v>
      </c>
      <c r="AQ4707" s="98" t="s">
        <v>174</v>
      </c>
      <c r="AR4707" s="98" t="s">
        <v>174</v>
      </c>
      <c r="AS4707" s="98" t="s">
        <v>174</v>
      </c>
      <c r="AT4707" s="129" t="s">
        <v>174</v>
      </c>
      <c r="AU4707" s="98" t="s">
        <v>174</v>
      </c>
      <c r="AV4707" s="98" t="s">
        <v>174</v>
      </c>
      <c r="AW4707" s="98" t="s">
        <v>174</v>
      </c>
      <c r="AX4707" s="98"/>
      <c r="AY4707" s="98"/>
      <c r="AZ4707" s="98"/>
      <c r="BA4707" s="98"/>
      <c r="BB4707" s="107">
        <v>45884</v>
      </c>
    </row>
    <row r="4708" spans="1:54" s="8" customFormat="1" ht="13.95" customHeight="1" x14ac:dyDescent="0.25">
      <c r="A4708" s="219" t="s">
        <v>10666</v>
      </c>
      <c r="B4708" s="220" t="s">
        <v>10412</v>
      </c>
      <c r="C4708" s="98" t="s">
        <v>10667</v>
      </c>
      <c r="D4708" s="98" t="s">
        <v>10668</v>
      </c>
      <c r="E4708" s="141" t="s">
        <v>174</v>
      </c>
      <c r="F4708" s="141">
        <v>755</v>
      </c>
      <c r="G4708" s="98" t="s">
        <v>1</v>
      </c>
      <c r="H4708" s="98">
        <v>0</v>
      </c>
      <c r="I4708" s="98">
        <v>0</v>
      </c>
      <c r="J4708" s="98">
        <v>1</v>
      </c>
      <c r="K4708" s="98" t="s">
        <v>174</v>
      </c>
      <c r="L4708" s="98" t="s">
        <v>174</v>
      </c>
      <c r="M4708" s="98" t="s">
        <v>174</v>
      </c>
      <c r="N4708" s="98" t="s">
        <v>174</v>
      </c>
      <c r="O4708" s="98" t="s">
        <v>174</v>
      </c>
      <c r="P4708" s="98" t="s">
        <v>174</v>
      </c>
      <c r="Q4708" s="98" t="s">
        <v>174</v>
      </c>
      <c r="R4708" s="98" t="s">
        <v>174</v>
      </c>
      <c r="S4708" s="98" t="s">
        <v>174</v>
      </c>
      <c r="T4708" s="98" t="s">
        <v>174</v>
      </c>
      <c r="U4708" s="98" t="s">
        <v>174</v>
      </c>
      <c r="V4708" s="98" t="s">
        <v>174</v>
      </c>
      <c r="W4708" s="98" t="s">
        <v>174</v>
      </c>
      <c r="X4708" s="98" t="s">
        <v>174</v>
      </c>
      <c r="Y4708" s="98" t="s">
        <v>174</v>
      </c>
      <c r="Z4708" s="98" t="s">
        <v>174</v>
      </c>
      <c r="AA4708" s="98" t="s">
        <v>174</v>
      </c>
      <c r="AB4708" s="98" t="s">
        <v>174</v>
      </c>
      <c r="AC4708" s="98" t="s">
        <v>174</v>
      </c>
      <c r="AD4708" s="98" t="s">
        <v>174</v>
      </c>
      <c r="AE4708" s="98" t="s">
        <v>174</v>
      </c>
      <c r="AF4708" s="98" t="s">
        <v>174</v>
      </c>
      <c r="AG4708" s="98" t="s">
        <v>174</v>
      </c>
      <c r="AH4708" s="98" t="s">
        <v>174</v>
      </c>
      <c r="AI4708" s="98" t="s">
        <v>174</v>
      </c>
      <c r="AJ4708" s="98" t="s">
        <v>174</v>
      </c>
      <c r="AK4708" s="98" t="s">
        <v>174</v>
      </c>
      <c r="AL4708" s="98" t="s">
        <v>174</v>
      </c>
      <c r="AM4708" s="98" t="s">
        <v>174</v>
      </c>
      <c r="AN4708" s="98" t="s">
        <v>174</v>
      </c>
      <c r="AO4708" s="98" t="s">
        <v>174</v>
      </c>
      <c r="AP4708" s="98" t="s">
        <v>174</v>
      </c>
      <c r="AQ4708" s="98" t="s">
        <v>174</v>
      </c>
      <c r="AR4708" s="98" t="s">
        <v>174</v>
      </c>
      <c r="AS4708" s="98" t="s">
        <v>174</v>
      </c>
      <c r="AT4708" s="129" t="s">
        <v>174</v>
      </c>
      <c r="AU4708" s="98" t="s">
        <v>174</v>
      </c>
      <c r="AV4708" s="98" t="s">
        <v>174</v>
      </c>
      <c r="AW4708" s="98" t="s">
        <v>174</v>
      </c>
      <c r="AX4708" s="98"/>
      <c r="AY4708" s="98"/>
      <c r="AZ4708" s="98"/>
      <c r="BA4708" s="98"/>
      <c r="BB4708" s="107">
        <v>45884</v>
      </c>
    </row>
    <row r="4709" spans="1:54" s="8" customFormat="1" ht="13.95" customHeight="1" x14ac:dyDescent="0.25">
      <c r="A4709" s="219" t="s">
        <v>10669</v>
      </c>
      <c r="B4709" s="220" t="s">
        <v>10412</v>
      </c>
      <c r="C4709" s="98" t="s">
        <v>10670</v>
      </c>
      <c r="D4709" s="98" t="s">
        <v>10557</v>
      </c>
      <c r="E4709" s="141" t="s">
        <v>174</v>
      </c>
      <c r="F4709" s="141">
        <v>785</v>
      </c>
      <c r="G4709" s="98" t="s">
        <v>1</v>
      </c>
      <c r="H4709" s="98">
        <v>0</v>
      </c>
      <c r="I4709" s="98">
        <v>0</v>
      </c>
      <c r="J4709" s="98">
        <v>1</v>
      </c>
      <c r="K4709" s="98" t="s">
        <v>174</v>
      </c>
      <c r="L4709" s="98" t="s">
        <v>174</v>
      </c>
      <c r="M4709" s="98" t="s">
        <v>174</v>
      </c>
      <c r="N4709" s="98" t="s">
        <v>174</v>
      </c>
      <c r="O4709" s="98" t="s">
        <v>174</v>
      </c>
      <c r="P4709" s="98" t="s">
        <v>174</v>
      </c>
      <c r="Q4709" s="98" t="s">
        <v>174</v>
      </c>
      <c r="R4709" s="98" t="s">
        <v>174</v>
      </c>
      <c r="S4709" s="98" t="s">
        <v>174</v>
      </c>
      <c r="T4709" s="98" t="s">
        <v>174</v>
      </c>
      <c r="U4709" s="99"/>
      <c r="V4709" s="99"/>
      <c r="W4709" s="99"/>
      <c r="X4709" s="99"/>
      <c r="Y4709" s="99"/>
      <c r="Z4709" s="99"/>
      <c r="AA4709" s="99"/>
      <c r="AB4709" s="99"/>
      <c r="AC4709" s="99"/>
      <c r="AD4709" s="99"/>
      <c r="AE4709" s="99"/>
      <c r="AF4709" s="99"/>
      <c r="AG4709" s="99"/>
      <c r="AH4709" s="99"/>
      <c r="AI4709" s="99"/>
      <c r="AJ4709" s="99"/>
      <c r="AK4709" s="99"/>
      <c r="AL4709" s="99"/>
      <c r="AM4709" s="99"/>
      <c r="AN4709" s="99"/>
      <c r="AO4709" s="99"/>
      <c r="AP4709" s="99"/>
      <c r="AQ4709" s="99"/>
      <c r="AR4709" s="99"/>
      <c r="AS4709" s="99"/>
      <c r="AT4709" s="99"/>
      <c r="AU4709" s="99"/>
      <c r="AV4709" s="99"/>
      <c r="AW4709" s="99"/>
      <c r="AX4709" s="99"/>
      <c r="AY4709" s="99"/>
      <c r="AZ4709" s="99"/>
      <c r="BA4709" s="99"/>
      <c r="BB4709" s="107">
        <v>45884</v>
      </c>
    </row>
    <row r="4710" spans="1:54" s="8" customFormat="1" ht="13.95" customHeight="1" x14ac:dyDescent="0.25">
      <c r="A4710" s="219" t="s">
        <v>10671</v>
      </c>
      <c r="B4710" s="220" t="s">
        <v>10412</v>
      </c>
      <c r="C4710" s="98" t="s">
        <v>10672</v>
      </c>
      <c r="D4710" s="98" t="s">
        <v>10673</v>
      </c>
      <c r="E4710" s="141" t="s">
        <v>174</v>
      </c>
      <c r="F4710" s="141">
        <v>789</v>
      </c>
      <c r="G4710" s="98" t="s">
        <v>1</v>
      </c>
      <c r="H4710" s="98">
        <v>0</v>
      </c>
      <c r="I4710" s="98">
        <v>0</v>
      </c>
      <c r="J4710" s="98">
        <v>1</v>
      </c>
      <c r="K4710" s="98" t="s">
        <v>174</v>
      </c>
      <c r="L4710" s="98" t="s">
        <v>174</v>
      </c>
      <c r="M4710" s="98" t="s">
        <v>174</v>
      </c>
      <c r="N4710" s="98" t="s">
        <v>174</v>
      </c>
      <c r="O4710" s="98" t="s">
        <v>174</v>
      </c>
      <c r="P4710" s="98" t="s">
        <v>174</v>
      </c>
      <c r="Q4710" s="98" t="s">
        <v>174</v>
      </c>
      <c r="R4710" s="98" t="s">
        <v>174</v>
      </c>
      <c r="S4710" s="98" t="s">
        <v>174</v>
      </c>
      <c r="T4710" s="98" t="s">
        <v>174</v>
      </c>
      <c r="U4710" s="98" t="s">
        <v>174</v>
      </c>
      <c r="V4710" s="98" t="s">
        <v>174</v>
      </c>
      <c r="W4710" s="98" t="s">
        <v>174</v>
      </c>
      <c r="X4710" s="98" t="s">
        <v>174</v>
      </c>
      <c r="Y4710" s="98" t="s">
        <v>174</v>
      </c>
      <c r="Z4710" s="98" t="s">
        <v>174</v>
      </c>
      <c r="AA4710" s="98" t="s">
        <v>174</v>
      </c>
      <c r="AB4710" s="98" t="s">
        <v>174</v>
      </c>
      <c r="AC4710" s="98" t="s">
        <v>174</v>
      </c>
      <c r="AD4710" s="98" t="s">
        <v>174</v>
      </c>
      <c r="AE4710" s="98" t="s">
        <v>174</v>
      </c>
      <c r="AF4710" s="98" t="s">
        <v>174</v>
      </c>
      <c r="AG4710" s="98" t="s">
        <v>174</v>
      </c>
      <c r="AH4710" s="98" t="s">
        <v>174</v>
      </c>
      <c r="AI4710" s="98" t="s">
        <v>174</v>
      </c>
      <c r="AJ4710" s="98" t="s">
        <v>174</v>
      </c>
      <c r="AK4710" s="98" t="s">
        <v>174</v>
      </c>
      <c r="AL4710" s="98" t="s">
        <v>174</v>
      </c>
      <c r="AM4710" s="98" t="s">
        <v>174</v>
      </c>
      <c r="AN4710" s="98" t="s">
        <v>174</v>
      </c>
      <c r="AO4710" s="98" t="s">
        <v>174</v>
      </c>
      <c r="AP4710" s="98" t="s">
        <v>174</v>
      </c>
      <c r="AQ4710" s="98" t="s">
        <v>174</v>
      </c>
      <c r="AR4710" s="98" t="s">
        <v>174</v>
      </c>
      <c r="AS4710" s="98" t="s">
        <v>174</v>
      </c>
      <c r="AT4710" s="129" t="s">
        <v>174</v>
      </c>
      <c r="AU4710" s="98" t="s">
        <v>174</v>
      </c>
      <c r="AV4710" s="98" t="s">
        <v>174</v>
      </c>
      <c r="AW4710" s="98" t="s">
        <v>174</v>
      </c>
      <c r="AX4710" s="98"/>
      <c r="AY4710" s="98"/>
      <c r="AZ4710" s="98"/>
      <c r="BA4710" s="98"/>
      <c r="BB4710" s="107">
        <v>45884</v>
      </c>
    </row>
    <row r="4711" spans="1:54" s="8" customFormat="1" ht="13.95" customHeight="1" x14ac:dyDescent="0.25">
      <c r="A4711" s="219" t="s">
        <v>10674</v>
      </c>
      <c r="B4711" s="220" t="s">
        <v>10412</v>
      </c>
      <c r="C4711" s="98" t="s">
        <v>10675</v>
      </c>
      <c r="D4711" s="98" t="s">
        <v>10676</v>
      </c>
      <c r="E4711" s="141" t="s">
        <v>174</v>
      </c>
      <c r="F4711" s="141">
        <v>791</v>
      </c>
      <c r="G4711" s="98" t="s">
        <v>1</v>
      </c>
      <c r="H4711" s="98">
        <v>0</v>
      </c>
      <c r="I4711" s="98">
        <v>0</v>
      </c>
      <c r="J4711" s="98">
        <v>1</v>
      </c>
      <c r="K4711" s="98" t="s">
        <v>174</v>
      </c>
      <c r="L4711" s="98" t="s">
        <v>174</v>
      </c>
      <c r="M4711" s="98" t="s">
        <v>174</v>
      </c>
      <c r="N4711" s="98" t="s">
        <v>174</v>
      </c>
      <c r="O4711" s="98" t="s">
        <v>174</v>
      </c>
      <c r="P4711" s="98" t="s">
        <v>174</v>
      </c>
      <c r="Q4711" s="98" t="s">
        <v>174</v>
      </c>
      <c r="R4711" s="98" t="s">
        <v>174</v>
      </c>
      <c r="S4711" s="98" t="s">
        <v>174</v>
      </c>
      <c r="T4711" s="98" t="s">
        <v>174</v>
      </c>
      <c r="U4711" s="99"/>
      <c r="V4711" s="99"/>
      <c r="W4711" s="99"/>
      <c r="X4711" s="99"/>
      <c r="Y4711" s="99"/>
      <c r="Z4711" s="99"/>
      <c r="AA4711" s="99"/>
      <c r="AB4711" s="99"/>
      <c r="AC4711" s="99"/>
      <c r="AD4711" s="99"/>
      <c r="AE4711" s="99"/>
      <c r="AF4711" s="99"/>
      <c r="AG4711" s="99"/>
      <c r="AH4711" s="99"/>
      <c r="AI4711" s="99"/>
      <c r="AJ4711" s="99"/>
      <c r="AK4711" s="99"/>
      <c r="AL4711" s="99"/>
      <c r="AM4711" s="99"/>
      <c r="AN4711" s="99"/>
      <c r="AO4711" s="99"/>
      <c r="AP4711" s="99"/>
      <c r="AQ4711" s="99"/>
      <c r="AR4711" s="99"/>
      <c r="AS4711" s="99"/>
      <c r="AT4711" s="99"/>
      <c r="AU4711" s="99"/>
      <c r="AV4711" s="99"/>
      <c r="AW4711" s="99"/>
      <c r="AX4711" s="99"/>
      <c r="AY4711" s="99"/>
      <c r="AZ4711" s="99"/>
      <c r="BA4711" s="99"/>
      <c r="BB4711" s="107">
        <v>45884</v>
      </c>
    </row>
    <row r="4712" spans="1:54" s="8" customFormat="1" ht="13.95" customHeight="1" x14ac:dyDescent="0.25">
      <c r="A4712" s="219" t="s">
        <v>10677</v>
      </c>
      <c r="B4712" s="220" t="s">
        <v>10412</v>
      </c>
      <c r="C4712" s="98" t="s">
        <v>10678</v>
      </c>
      <c r="D4712" s="98" t="s">
        <v>10679</v>
      </c>
      <c r="E4712" s="141" t="s">
        <v>174</v>
      </c>
      <c r="F4712" s="141">
        <v>797</v>
      </c>
      <c r="G4712" s="98" t="s">
        <v>1</v>
      </c>
      <c r="H4712" s="98">
        <v>0</v>
      </c>
      <c r="I4712" s="98">
        <v>0</v>
      </c>
      <c r="J4712" s="98">
        <v>1</v>
      </c>
      <c r="K4712" s="98" t="s">
        <v>174</v>
      </c>
      <c r="L4712" s="98" t="s">
        <v>174</v>
      </c>
      <c r="M4712" s="98" t="s">
        <v>174</v>
      </c>
      <c r="N4712" s="98" t="s">
        <v>174</v>
      </c>
      <c r="O4712" s="98" t="s">
        <v>174</v>
      </c>
      <c r="P4712" s="98" t="s">
        <v>174</v>
      </c>
      <c r="Q4712" s="98" t="s">
        <v>174</v>
      </c>
      <c r="R4712" s="98" t="s">
        <v>174</v>
      </c>
      <c r="S4712" s="98" t="s">
        <v>174</v>
      </c>
      <c r="T4712" s="98" t="s">
        <v>174</v>
      </c>
      <c r="U4712" s="99"/>
      <c r="V4712" s="99"/>
      <c r="W4712" s="99"/>
      <c r="X4712" s="99"/>
      <c r="Y4712" s="99"/>
      <c r="Z4712" s="99"/>
      <c r="AA4712" s="99"/>
      <c r="AB4712" s="99"/>
      <c r="AC4712" s="99"/>
      <c r="AD4712" s="99"/>
      <c r="AE4712" s="99"/>
      <c r="AF4712" s="99"/>
      <c r="AG4712" s="99"/>
      <c r="AH4712" s="99"/>
      <c r="AI4712" s="99"/>
      <c r="AJ4712" s="99"/>
      <c r="AK4712" s="99"/>
      <c r="AL4712" s="99"/>
      <c r="AM4712" s="99"/>
      <c r="AN4712" s="99"/>
      <c r="AO4712" s="99"/>
      <c r="AP4712" s="99"/>
      <c r="AQ4712" s="99"/>
      <c r="AR4712" s="99"/>
      <c r="AS4712" s="99"/>
      <c r="AT4712" s="99"/>
      <c r="AU4712" s="99"/>
      <c r="AV4712" s="99"/>
      <c r="AW4712" s="99"/>
      <c r="AX4712" s="99"/>
      <c r="AY4712" s="99"/>
      <c r="AZ4712" s="99"/>
      <c r="BA4712" s="99"/>
      <c r="BB4712" s="107">
        <v>45884</v>
      </c>
    </row>
    <row r="4713" spans="1:54" s="8" customFormat="1" ht="13.95" customHeight="1" x14ac:dyDescent="0.25">
      <c r="A4713" s="219" t="s">
        <v>10680</v>
      </c>
      <c r="B4713" s="220" t="s">
        <v>10412</v>
      </c>
      <c r="C4713" s="98" t="s">
        <v>10681</v>
      </c>
      <c r="D4713" s="98" t="s">
        <v>10682</v>
      </c>
      <c r="E4713" s="141" t="s">
        <v>174</v>
      </c>
      <c r="F4713" s="141">
        <v>801</v>
      </c>
      <c r="G4713" s="98" t="s">
        <v>1</v>
      </c>
      <c r="H4713" s="98">
        <v>0</v>
      </c>
      <c r="I4713" s="98">
        <v>0</v>
      </c>
      <c r="J4713" s="98">
        <v>1</v>
      </c>
      <c r="K4713" s="98" t="s">
        <v>174</v>
      </c>
      <c r="L4713" s="98" t="s">
        <v>174</v>
      </c>
      <c r="M4713" s="98" t="s">
        <v>174</v>
      </c>
      <c r="N4713" s="98" t="s">
        <v>174</v>
      </c>
      <c r="O4713" s="98" t="s">
        <v>174</v>
      </c>
      <c r="P4713" s="98" t="s">
        <v>174</v>
      </c>
      <c r="Q4713" s="98" t="s">
        <v>174</v>
      </c>
      <c r="R4713" s="98" t="s">
        <v>174</v>
      </c>
      <c r="S4713" s="98" t="s">
        <v>174</v>
      </c>
      <c r="T4713" s="98" t="s">
        <v>174</v>
      </c>
      <c r="U4713" s="99"/>
      <c r="V4713" s="99"/>
      <c r="W4713" s="99"/>
      <c r="X4713" s="99"/>
      <c r="Y4713" s="99"/>
      <c r="Z4713" s="99"/>
      <c r="AA4713" s="99"/>
      <c r="AB4713" s="99"/>
      <c r="AC4713" s="99"/>
      <c r="AD4713" s="99"/>
      <c r="AE4713" s="99"/>
      <c r="AF4713" s="99"/>
      <c r="AG4713" s="99"/>
      <c r="AH4713" s="99"/>
      <c r="AI4713" s="99"/>
      <c r="AJ4713" s="99"/>
      <c r="AK4713" s="99"/>
      <c r="AL4713" s="99"/>
      <c r="AM4713" s="99"/>
      <c r="AN4713" s="99"/>
      <c r="AO4713" s="99"/>
      <c r="AP4713" s="99"/>
      <c r="AQ4713" s="99"/>
      <c r="AR4713" s="99"/>
      <c r="AS4713" s="99"/>
      <c r="AT4713" s="99"/>
      <c r="AU4713" s="99"/>
      <c r="AV4713" s="99"/>
      <c r="AW4713" s="99"/>
      <c r="AX4713" s="99"/>
      <c r="AY4713" s="99"/>
      <c r="AZ4713" s="99"/>
      <c r="BA4713" s="99"/>
      <c r="BB4713" s="107">
        <v>45884</v>
      </c>
    </row>
    <row r="4714" spans="1:54" s="8" customFormat="1" ht="13.95" customHeight="1" x14ac:dyDescent="0.25">
      <c r="A4714" s="219" t="s">
        <v>10683</v>
      </c>
      <c r="B4714" s="220" t="s">
        <v>10412</v>
      </c>
      <c r="C4714" s="98" t="s">
        <v>10684</v>
      </c>
      <c r="D4714" s="98" t="s">
        <v>10685</v>
      </c>
      <c r="E4714" s="141" t="s">
        <v>174</v>
      </c>
      <c r="F4714" s="141">
        <v>815</v>
      </c>
      <c r="G4714" s="98" t="s">
        <v>1</v>
      </c>
      <c r="H4714" s="98">
        <v>0</v>
      </c>
      <c r="I4714" s="98">
        <v>0</v>
      </c>
      <c r="J4714" s="98">
        <v>1</v>
      </c>
      <c r="K4714" s="98" t="s">
        <v>174</v>
      </c>
      <c r="L4714" s="98" t="s">
        <v>174</v>
      </c>
      <c r="M4714" s="98" t="s">
        <v>174</v>
      </c>
      <c r="N4714" s="98" t="s">
        <v>174</v>
      </c>
      <c r="O4714" s="98" t="s">
        <v>174</v>
      </c>
      <c r="P4714" s="98" t="s">
        <v>174</v>
      </c>
      <c r="Q4714" s="98" t="s">
        <v>174</v>
      </c>
      <c r="R4714" s="98" t="s">
        <v>174</v>
      </c>
      <c r="S4714" s="98" t="s">
        <v>174</v>
      </c>
      <c r="T4714" s="98" t="s">
        <v>174</v>
      </c>
      <c r="U4714" s="99"/>
      <c r="V4714" s="99"/>
      <c r="W4714" s="99"/>
      <c r="X4714" s="99"/>
      <c r="Y4714" s="99"/>
      <c r="Z4714" s="99"/>
      <c r="AA4714" s="99"/>
      <c r="AB4714" s="99"/>
      <c r="AC4714" s="99"/>
      <c r="AD4714" s="99"/>
      <c r="AE4714" s="99"/>
      <c r="AF4714" s="99"/>
      <c r="AG4714" s="99"/>
      <c r="AH4714" s="99"/>
      <c r="AI4714" s="99"/>
      <c r="AJ4714" s="99"/>
      <c r="AK4714" s="99"/>
      <c r="AL4714" s="99"/>
      <c r="AM4714" s="99"/>
      <c r="AN4714" s="99"/>
      <c r="AO4714" s="99"/>
      <c r="AP4714" s="99"/>
      <c r="AQ4714" s="99"/>
      <c r="AR4714" s="99"/>
      <c r="AS4714" s="99"/>
      <c r="AT4714" s="99"/>
      <c r="AU4714" s="99"/>
      <c r="AV4714" s="99"/>
      <c r="AW4714" s="99"/>
      <c r="AX4714" s="99"/>
      <c r="AY4714" s="99"/>
      <c r="AZ4714" s="99"/>
      <c r="BA4714" s="99"/>
      <c r="BB4714" s="107">
        <v>45884</v>
      </c>
    </row>
    <row r="4715" spans="1:54" s="8" customFormat="1" ht="13.95" customHeight="1" x14ac:dyDescent="0.25">
      <c r="A4715" s="219" t="s">
        <v>10686</v>
      </c>
      <c r="B4715" s="220" t="s">
        <v>10412</v>
      </c>
      <c r="C4715" s="98" t="s">
        <v>10687</v>
      </c>
      <c r="D4715" s="98" t="s">
        <v>10688</v>
      </c>
      <c r="E4715" s="141" t="s">
        <v>174</v>
      </c>
      <c r="F4715" s="141">
        <v>824</v>
      </c>
      <c r="G4715" s="98" t="s">
        <v>1</v>
      </c>
      <c r="H4715" s="98">
        <v>0</v>
      </c>
      <c r="I4715" s="98">
        <v>0</v>
      </c>
      <c r="J4715" s="98">
        <v>1</v>
      </c>
      <c r="K4715" s="98" t="s">
        <v>174</v>
      </c>
      <c r="L4715" s="98" t="s">
        <v>174</v>
      </c>
      <c r="M4715" s="98" t="s">
        <v>174</v>
      </c>
      <c r="N4715" s="98" t="s">
        <v>174</v>
      </c>
      <c r="O4715" s="98" t="s">
        <v>174</v>
      </c>
      <c r="P4715" s="98" t="s">
        <v>174</v>
      </c>
      <c r="Q4715" s="98" t="s">
        <v>174</v>
      </c>
      <c r="R4715" s="98" t="s">
        <v>174</v>
      </c>
      <c r="S4715" s="98" t="s">
        <v>174</v>
      </c>
      <c r="T4715" s="98" t="s">
        <v>174</v>
      </c>
      <c r="U4715" s="99"/>
      <c r="V4715" s="99"/>
      <c r="W4715" s="99"/>
      <c r="X4715" s="99"/>
      <c r="Y4715" s="99"/>
      <c r="Z4715" s="99"/>
      <c r="AA4715" s="99"/>
      <c r="AB4715" s="99"/>
      <c r="AC4715" s="99"/>
      <c r="AD4715" s="99"/>
      <c r="AE4715" s="99"/>
      <c r="AF4715" s="99"/>
      <c r="AG4715" s="99"/>
      <c r="AH4715" s="99"/>
      <c r="AI4715" s="99"/>
      <c r="AJ4715" s="99"/>
      <c r="AK4715" s="99"/>
      <c r="AL4715" s="99"/>
      <c r="AM4715" s="99"/>
      <c r="AN4715" s="99"/>
      <c r="AO4715" s="99"/>
      <c r="AP4715" s="99"/>
      <c r="AQ4715" s="99"/>
      <c r="AR4715" s="99"/>
      <c r="AS4715" s="99"/>
      <c r="AT4715" s="99"/>
      <c r="AU4715" s="99"/>
      <c r="AV4715" s="99"/>
      <c r="AW4715" s="99"/>
      <c r="AX4715" s="99"/>
      <c r="AY4715" s="99"/>
      <c r="AZ4715" s="99"/>
      <c r="BA4715" s="99"/>
      <c r="BB4715" s="107">
        <v>45884</v>
      </c>
    </row>
    <row r="4716" spans="1:54" s="8" customFormat="1" ht="13.95" customHeight="1" x14ac:dyDescent="0.25">
      <c r="A4716" s="219" t="s">
        <v>10689</v>
      </c>
      <c r="B4716" s="220" t="s">
        <v>10412</v>
      </c>
      <c r="C4716" s="98" t="s">
        <v>10690</v>
      </c>
      <c r="D4716" s="98" t="s">
        <v>10691</v>
      </c>
      <c r="E4716" s="141" t="s">
        <v>174</v>
      </c>
      <c r="F4716" s="141">
        <v>847</v>
      </c>
      <c r="G4716" s="98" t="s">
        <v>1</v>
      </c>
      <c r="H4716" s="98">
        <v>0</v>
      </c>
      <c r="I4716" s="98">
        <v>0</v>
      </c>
      <c r="J4716" s="98">
        <v>0</v>
      </c>
      <c r="K4716" s="98" t="s">
        <v>174</v>
      </c>
      <c r="L4716" s="98" t="s">
        <v>174</v>
      </c>
      <c r="M4716" s="98" t="s">
        <v>174</v>
      </c>
      <c r="N4716" s="98" t="s">
        <v>174</v>
      </c>
      <c r="O4716" s="98" t="s">
        <v>174</v>
      </c>
      <c r="P4716" s="98" t="s">
        <v>174</v>
      </c>
      <c r="Q4716" s="98" t="s">
        <v>174</v>
      </c>
      <c r="R4716" s="98" t="s">
        <v>174</v>
      </c>
      <c r="S4716" s="98" t="s">
        <v>174</v>
      </c>
      <c r="T4716" s="98" t="s">
        <v>174</v>
      </c>
      <c r="U4716" s="98" t="s">
        <v>174</v>
      </c>
      <c r="V4716" s="98" t="s">
        <v>174</v>
      </c>
      <c r="W4716" s="98" t="s">
        <v>174</v>
      </c>
      <c r="X4716" s="98" t="s">
        <v>174</v>
      </c>
      <c r="Y4716" s="98" t="s">
        <v>174</v>
      </c>
      <c r="Z4716" s="98" t="s">
        <v>174</v>
      </c>
      <c r="AA4716" s="98" t="s">
        <v>174</v>
      </c>
      <c r="AB4716" s="98" t="s">
        <v>174</v>
      </c>
      <c r="AC4716" s="98" t="s">
        <v>174</v>
      </c>
      <c r="AD4716" s="98" t="s">
        <v>174</v>
      </c>
      <c r="AE4716" s="98" t="s">
        <v>174</v>
      </c>
      <c r="AF4716" s="98" t="s">
        <v>174</v>
      </c>
      <c r="AG4716" s="98" t="s">
        <v>174</v>
      </c>
      <c r="AH4716" s="98" t="s">
        <v>174</v>
      </c>
      <c r="AI4716" s="98" t="s">
        <v>174</v>
      </c>
      <c r="AJ4716" s="98" t="s">
        <v>174</v>
      </c>
      <c r="AK4716" s="98" t="s">
        <v>174</v>
      </c>
      <c r="AL4716" s="98" t="s">
        <v>174</v>
      </c>
      <c r="AM4716" s="98" t="s">
        <v>174</v>
      </c>
      <c r="AN4716" s="98" t="s">
        <v>174</v>
      </c>
      <c r="AO4716" s="98" t="s">
        <v>174</v>
      </c>
      <c r="AP4716" s="98" t="s">
        <v>174</v>
      </c>
      <c r="AQ4716" s="98" t="s">
        <v>174</v>
      </c>
      <c r="AR4716" s="98" t="s">
        <v>174</v>
      </c>
      <c r="AS4716" s="98" t="s">
        <v>174</v>
      </c>
      <c r="AT4716" s="129" t="s">
        <v>174</v>
      </c>
      <c r="AU4716" s="98" t="s">
        <v>174</v>
      </c>
      <c r="AV4716" s="98" t="s">
        <v>174</v>
      </c>
      <c r="AW4716" s="98" t="s">
        <v>174</v>
      </c>
      <c r="AX4716" s="98"/>
      <c r="AY4716" s="98"/>
      <c r="AZ4716" s="98"/>
      <c r="BA4716" s="98"/>
      <c r="BB4716" s="107">
        <v>45884</v>
      </c>
    </row>
    <row r="4717" spans="1:54" s="8" customFormat="1" ht="13.95" customHeight="1" x14ac:dyDescent="0.25">
      <c r="A4717" s="219" t="s">
        <v>10692</v>
      </c>
      <c r="B4717" s="220" t="s">
        <v>10412</v>
      </c>
      <c r="C4717" s="98" t="s">
        <v>10693</v>
      </c>
      <c r="D4717" s="98" t="s">
        <v>10694</v>
      </c>
      <c r="E4717" s="141" t="s">
        <v>174</v>
      </c>
      <c r="F4717" s="141">
        <v>867</v>
      </c>
      <c r="G4717" s="98" t="s">
        <v>1</v>
      </c>
      <c r="H4717" s="98">
        <v>0</v>
      </c>
      <c r="I4717" s="98">
        <v>0</v>
      </c>
      <c r="J4717" s="98">
        <v>0</v>
      </c>
      <c r="K4717" s="98" t="s">
        <v>174</v>
      </c>
      <c r="L4717" s="98" t="s">
        <v>174</v>
      </c>
      <c r="M4717" s="98" t="s">
        <v>174</v>
      </c>
      <c r="N4717" s="98" t="s">
        <v>174</v>
      </c>
      <c r="O4717" s="98" t="s">
        <v>174</v>
      </c>
      <c r="P4717" s="98" t="s">
        <v>174</v>
      </c>
      <c r="Q4717" s="98" t="s">
        <v>174</v>
      </c>
      <c r="R4717" s="98" t="s">
        <v>174</v>
      </c>
      <c r="S4717" s="98" t="s">
        <v>174</v>
      </c>
      <c r="T4717" s="98" t="s">
        <v>174</v>
      </c>
      <c r="U4717" s="99"/>
      <c r="V4717" s="99"/>
      <c r="W4717" s="99"/>
      <c r="X4717" s="99"/>
      <c r="Y4717" s="99"/>
      <c r="Z4717" s="99"/>
      <c r="AA4717" s="99"/>
      <c r="AB4717" s="99"/>
      <c r="AC4717" s="99"/>
      <c r="AD4717" s="99"/>
      <c r="AE4717" s="99"/>
      <c r="AF4717" s="99"/>
      <c r="AG4717" s="99"/>
      <c r="AH4717" s="99"/>
      <c r="AI4717" s="99"/>
      <c r="AJ4717" s="99"/>
      <c r="AK4717" s="99"/>
      <c r="AL4717" s="99"/>
      <c r="AM4717" s="99"/>
      <c r="AN4717" s="99"/>
      <c r="AO4717" s="99"/>
      <c r="AP4717" s="99"/>
      <c r="AQ4717" s="99"/>
      <c r="AR4717" s="99"/>
      <c r="AS4717" s="99"/>
      <c r="AT4717" s="99"/>
      <c r="AU4717" s="99"/>
      <c r="AV4717" s="99"/>
      <c r="AW4717" s="99"/>
      <c r="AX4717" s="99"/>
      <c r="AY4717" s="99"/>
      <c r="AZ4717" s="99"/>
      <c r="BA4717" s="99"/>
      <c r="BB4717" s="107">
        <v>45884</v>
      </c>
    </row>
    <row r="4718" spans="1:54" s="8" customFormat="1" ht="13.95" customHeight="1" x14ac:dyDescent="0.25">
      <c r="A4718" s="219" t="s">
        <v>10695</v>
      </c>
      <c r="B4718" s="220" t="s">
        <v>10412</v>
      </c>
      <c r="C4718" s="98" t="s">
        <v>10696</v>
      </c>
      <c r="D4718" s="98" t="s">
        <v>10697</v>
      </c>
      <c r="E4718" s="141" t="s">
        <v>174</v>
      </c>
      <c r="F4718" s="141">
        <v>883</v>
      </c>
      <c r="G4718" s="98" t="s">
        <v>1</v>
      </c>
      <c r="H4718" s="98">
        <v>0</v>
      </c>
      <c r="I4718" s="98">
        <v>0</v>
      </c>
      <c r="J4718" s="98">
        <v>1</v>
      </c>
      <c r="K4718" s="98" t="s">
        <v>174</v>
      </c>
      <c r="L4718" s="98" t="s">
        <v>174</v>
      </c>
      <c r="M4718" s="98" t="s">
        <v>174</v>
      </c>
      <c r="N4718" s="98" t="s">
        <v>174</v>
      </c>
      <c r="O4718" s="98" t="s">
        <v>174</v>
      </c>
      <c r="P4718" s="98" t="s">
        <v>174</v>
      </c>
      <c r="Q4718" s="98" t="s">
        <v>174</v>
      </c>
      <c r="R4718" s="98" t="s">
        <v>174</v>
      </c>
      <c r="S4718" s="98" t="s">
        <v>174</v>
      </c>
      <c r="T4718" s="98" t="s">
        <v>174</v>
      </c>
      <c r="U4718" s="99"/>
      <c r="V4718" s="99"/>
      <c r="W4718" s="99"/>
      <c r="X4718" s="99"/>
      <c r="Y4718" s="99"/>
      <c r="Z4718" s="99"/>
      <c r="AA4718" s="99"/>
      <c r="AB4718" s="99"/>
      <c r="AC4718" s="99"/>
      <c r="AD4718" s="99"/>
      <c r="AE4718" s="99"/>
      <c r="AF4718" s="99"/>
      <c r="AG4718" s="99"/>
      <c r="AH4718" s="99"/>
      <c r="AI4718" s="99"/>
      <c r="AJ4718" s="99"/>
      <c r="AK4718" s="99"/>
      <c r="AL4718" s="99"/>
      <c r="AM4718" s="99"/>
      <c r="AN4718" s="99"/>
      <c r="AO4718" s="99"/>
      <c r="AP4718" s="99"/>
      <c r="AQ4718" s="99"/>
      <c r="AR4718" s="99"/>
      <c r="AS4718" s="99"/>
      <c r="AT4718" s="99"/>
      <c r="AU4718" s="99"/>
      <c r="AV4718" s="99"/>
      <c r="AW4718" s="99"/>
      <c r="AX4718" s="99"/>
      <c r="AY4718" s="99"/>
      <c r="AZ4718" s="99"/>
      <c r="BA4718" s="99"/>
      <c r="BB4718" s="107">
        <v>45884</v>
      </c>
    </row>
    <row r="4719" spans="1:54" s="8" customFormat="1" ht="13.95" customHeight="1" x14ac:dyDescent="0.25">
      <c r="A4719" s="219" t="s">
        <v>10698</v>
      </c>
      <c r="B4719" s="220" t="s">
        <v>10412</v>
      </c>
      <c r="C4719" s="98" t="s">
        <v>10699</v>
      </c>
      <c r="D4719" s="98" t="s">
        <v>10700</v>
      </c>
      <c r="E4719" s="141" t="s">
        <v>174</v>
      </c>
      <c r="F4719" s="141">
        <v>886</v>
      </c>
      <c r="G4719" s="98" t="s">
        <v>1</v>
      </c>
      <c r="H4719" s="98">
        <v>0</v>
      </c>
      <c r="I4719" s="98">
        <v>0</v>
      </c>
      <c r="J4719" s="98">
        <v>0</v>
      </c>
      <c r="K4719" s="98" t="s">
        <v>174</v>
      </c>
      <c r="L4719" s="98" t="s">
        <v>174</v>
      </c>
      <c r="M4719" s="98" t="s">
        <v>174</v>
      </c>
      <c r="N4719" s="98" t="s">
        <v>174</v>
      </c>
      <c r="O4719" s="98" t="s">
        <v>174</v>
      </c>
      <c r="P4719" s="98" t="s">
        <v>174</v>
      </c>
      <c r="Q4719" s="98" t="s">
        <v>174</v>
      </c>
      <c r="R4719" s="98" t="s">
        <v>174</v>
      </c>
      <c r="S4719" s="98" t="s">
        <v>174</v>
      </c>
      <c r="T4719" s="98" t="s">
        <v>174</v>
      </c>
      <c r="U4719" s="98" t="s">
        <v>174</v>
      </c>
      <c r="V4719" s="98" t="s">
        <v>174</v>
      </c>
      <c r="W4719" s="98" t="s">
        <v>174</v>
      </c>
      <c r="X4719" s="98" t="s">
        <v>174</v>
      </c>
      <c r="Y4719" s="98" t="s">
        <v>174</v>
      </c>
      <c r="Z4719" s="98" t="s">
        <v>174</v>
      </c>
      <c r="AA4719" s="98" t="s">
        <v>174</v>
      </c>
      <c r="AB4719" s="98" t="s">
        <v>174</v>
      </c>
      <c r="AC4719" s="98" t="s">
        <v>174</v>
      </c>
      <c r="AD4719" s="98" t="s">
        <v>174</v>
      </c>
      <c r="AE4719" s="98" t="s">
        <v>174</v>
      </c>
      <c r="AF4719" s="98" t="s">
        <v>174</v>
      </c>
      <c r="AG4719" s="98" t="s">
        <v>174</v>
      </c>
      <c r="AH4719" s="98" t="s">
        <v>174</v>
      </c>
      <c r="AI4719" s="98" t="s">
        <v>174</v>
      </c>
      <c r="AJ4719" s="98" t="s">
        <v>174</v>
      </c>
      <c r="AK4719" s="98" t="s">
        <v>174</v>
      </c>
      <c r="AL4719" s="98" t="s">
        <v>174</v>
      </c>
      <c r="AM4719" s="98" t="s">
        <v>174</v>
      </c>
      <c r="AN4719" s="98" t="s">
        <v>174</v>
      </c>
      <c r="AO4719" s="98" t="s">
        <v>174</v>
      </c>
      <c r="AP4719" s="98" t="s">
        <v>174</v>
      </c>
      <c r="AQ4719" s="98" t="s">
        <v>174</v>
      </c>
      <c r="AR4719" s="98" t="s">
        <v>174</v>
      </c>
      <c r="AS4719" s="98" t="s">
        <v>174</v>
      </c>
      <c r="AT4719" s="98">
        <v>1</v>
      </c>
      <c r="AU4719" s="98" t="s">
        <v>174</v>
      </c>
      <c r="AV4719" s="98" t="s">
        <v>174</v>
      </c>
      <c r="AW4719" s="98" t="s">
        <v>174</v>
      </c>
      <c r="AX4719" s="98"/>
      <c r="AY4719" s="98"/>
      <c r="AZ4719" s="98"/>
      <c r="BA4719" s="98"/>
      <c r="BB4719" s="107">
        <v>45884</v>
      </c>
    </row>
    <row r="4720" spans="1:54" s="8" customFormat="1" ht="13.95" customHeight="1" x14ac:dyDescent="0.25">
      <c r="A4720" s="219" t="s">
        <v>10701</v>
      </c>
      <c r="B4720" s="220" t="s">
        <v>10412</v>
      </c>
      <c r="C4720" s="98" t="s">
        <v>10702</v>
      </c>
      <c r="D4720" s="98" t="s">
        <v>10703</v>
      </c>
      <c r="E4720" s="141" t="s">
        <v>174</v>
      </c>
      <c r="F4720" s="141">
        <v>905</v>
      </c>
      <c r="G4720" s="98" t="s">
        <v>1</v>
      </c>
      <c r="H4720" s="98">
        <v>0</v>
      </c>
      <c r="I4720" s="98">
        <v>0</v>
      </c>
      <c r="J4720" s="98">
        <v>0</v>
      </c>
      <c r="K4720" s="98" t="s">
        <v>174</v>
      </c>
      <c r="L4720" s="98" t="s">
        <v>174</v>
      </c>
      <c r="M4720" s="98" t="s">
        <v>174</v>
      </c>
      <c r="N4720" s="98" t="s">
        <v>174</v>
      </c>
      <c r="O4720" s="98" t="s">
        <v>174</v>
      </c>
      <c r="P4720" s="98" t="s">
        <v>174</v>
      </c>
      <c r="Q4720" s="98" t="s">
        <v>174</v>
      </c>
      <c r="R4720" s="98" t="s">
        <v>174</v>
      </c>
      <c r="S4720" s="98" t="s">
        <v>174</v>
      </c>
      <c r="T4720" s="98" t="s">
        <v>174</v>
      </c>
      <c r="U4720" s="98" t="s">
        <v>174</v>
      </c>
      <c r="V4720" s="98" t="s">
        <v>174</v>
      </c>
      <c r="W4720" s="98" t="s">
        <v>174</v>
      </c>
      <c r="X4720" s="98" t="s">
        <v>174</v>
      </c>
      <c r="Y4720" s="98" t="s">
        <v>174</v>
      </c>
      <c r="Z4720" s="98" t="s">
        <v>174</v>
      </c>
      <c r="AA4720" s="98" t="s">
        <v>174</v>
      </c>
      <c r="AB4720" s="98" t="s">
        <v>174</v>
      </c>
      <c r="AC4720" s="98" t="s">
        <v>174</v>
      </c>
      <c r="AD4720" s="98" t="s">
        <v>174</v>
      </c>
      <c r="AE4720" s="98" t="s">
        <v>174</v>
      </c>
      <c r="AF4720" s="98" t="s">
        <v>174</v>
      </c>
      <c r="AG4720" s="98" t="s">
        <v>174</v>
      </c>
      <c r="AH4720" s="98" t="s">
        <v>174</v>
      </c>
      <c r="AI4720" s="98" t="s">
        <v>174</v>
      </c>
      <c r="AJ4720" s="98" t="s">
        <v>174</v>
      </c>
      <c r="AK4720" s="98" t="s">
        <v>174</v>
      </c>
      <c r="AL4720" s="98" t="s">
        <v>174</v>
      </c>
      <c r="AM4720" s="98" t="s">
        <v>174</v>
      </c>
      <c r="AN4720" s="98" t="s">
        <v>174</v>
      </c>
      <c r="AO4720" s="98" t="s">
        <v>174</v>
      </c>
      <c r="AP4720" s="98" t="s">
        <v>174</v>
      </c>
      <c r="AQ4720" s="98" t="s">
        <v>174</v>
      </c>
      <c r="AR4720" s="98" t="s">
        <v>174</v>
      </c>
      <c r="AS4720" s="98" t="s">
        <v>174</v>
      </c>
      <c r="AT4720" s="129" t="s">
        <v>174</v>
      </c>
      <c r="AU4720" s="98" t="s">
        <v>174</v>
      </c>
      <c r="AV4720" s="98" t="s">
        <v>174</v>
      </c>
      <c r="AW4720" s="98" t="s">
        <v>174</v>
      </c>
      <c r="AX4720" s="98"/>
      <c r="AY4720" s="98"/>
      <c r="AZ4720" s="98"/>
      <c r="BA4720" s="98"/>
      <c r="BB4720" s="107">
        <v>45884</v>
      </c>
    </row>
    <row r="4721" spans="1:54" s="8" customFormat="1" ht="13.95" customHeight="1" x14ac:dyDescent="0.25">
      <c r="A4721" s="219" t="s">
        <v>10704</v>
      </c>
      <c r="B4721" s="220" t="s">
        <v>10412</v>
      </c>
      <c r="C4721" s="98" t="s">
        <v>10705</v>
      </c>
      <c r="D4721" s="98" t="s">
        <v>10706</v>
      </c>
      <c r="E4721" s="141" t="s">
        <v>174</v>
      </c>
      <c r="F4721" s="141">
        <v>953</v>
      </c>
      <c r="G4721" s="98" t="s">
        <v>1</v>
      </c>
      <c r="H4721" s="98">
        <v>0</v>
      </c>
      <c r="I4721" s="98">
        <v>0</v>
      </c>
      <c r="J4721" s="98">
        <v>1</v>
      </c>
      <c r="K4721" s="98" t="s">
        <v>174</v>
      </c>
      <c r="L4721" s="98" t="s">
        <v>174</v>
      </c>
      <c r="M4721" s="98" t="s">
        <v>174</v>
      </c>
      <c r="N4721" s="98" t="s">
        <v>174</v>
      </c>
      <c r="O4721" s="98" t="s">
        <v>174</v>
      </c>
      <c r="P4721" s="98" t="s">
        <v>174</v>
      </c>
      <c r="Q4721" s="98" t="s">
        <v>174</v>
      </c>
      <c r="R4721" s="98" t="s">
        <v>174</v>
      </c>
      <c r="S4721" s="98" t="s">
        <v>174</v>
      </c>
      <c r="T4721" s="98" t="s">
        <v>174</v>
      </c>
      <c r="U4721" s="99"/>
      <c r="V4721" s="99"/>
      <c r="W4721" s="99"/>
      <c r="X4721" s="99"/>
      <c r="Y4721" s="99"/>
      <c r="Z4721" s="99"/>
      <c r="AA4721" s="99"/>
      <c r="AB4721" s="99"/>
      <c r="AC4721" s="99"/>
      <c r="AD4721" s="99"/>
      <c r="AE4721" s="99"/>
      <c r="AF4721" s="99"/>
      <c r="AG4721" s="99"/>
      <c r="AH4721" s="99"/>
      <c r="AI4721" s="99"/>
      <c r="AJ4721" s="99"/>
      <c r="AK4721" s="99"/>
      <c r="AL4721" s="99"/>
      <c r="AM4721" s="99"/>
      <c r="AN4721" s="99"/>
      <c r="AO4721" s="99"/>
      <c r="AP4721" s="99"/>
      <c r="AQ4721" s="99"/>
      <c r="AR4721" s="99"/>
      <c r="AS4721" s="99"/>
      <c r="AT4721" s="99"/>
      <c r="AU4721" s="99"/>
      <c r="AV4721" s="99"/>
      <c r="AW4721" s="99"/>
      <c r="AX4721" s="99"/>
      <c r="AY4721" s="99"/>
      <c r="AZ4721" s="99"/>
      <c r="BA4721" s="99"/>
      <c r="BB4721" s="107">
        <v>45884</v>
      </c>
    </row>
    <row r="4722" spans="1:54" s="8" customFormat="1" ht="13.95" customHeight="1" x14ac:dyDescent="0.25">
      <c r="A4722" s="219" t="s">
        <v>10707</v>
      </c>
      <c r="B4722" s="220" t="s">
        <v>10412</v>
      </c>
      <c r="C4722" s="98" t="s">
        <v>2959</v>
      </c>
      <c r="D4722" s="98" t="s">
        <v>10708</v>
      </c>
      <c r="E4722" s="141" t="s">
        <v>174</v>
      </c>
      <c r="F4722" s="141">
        <v>927</v>
      </c>
      <c r="G4722" s="98" t="s">
        <v>1</v>
      </c>
      <c r="H4722" s="98">
        <v>0</v>
      </c>
      <c r="I4722" s="98">
        <v>0</v>
      </c>
      <c r="J4722" s="98">
        <v>1</v>
      </c>
      <c r="K4722" s="98" t="s">
        <v>174</v>
      </c>
      <c r="L4722" s="98" t="s">
        <v>174</v>
      </c>
      <c r="M4722" s="98" t="s">
        <v>174</v>
      </c>
      <c r="N4722" s="98" t="s">
        <v>174</v>
      </c>
      <c r="O4722" s="98" t="s">
        <v>174</v>
      </c>
      <c r="P4722" s="98" t="s">
        <v>174</v>
      </c>
      <c r="Q4722" s="98" t="s">
        <v>174</v>
      </c>
      <c r="R4722" s="98" t="s">
        <v>174</v>
      </c>
      <c r="S4722" s="98" t="s">
        <v>174</v>
      </c>
      <c r="T4722" s="98" t="s">
        <v>174</v>
      </c>
      <c r="U4722" s="99"/>
      <c r="V4722" s="99"/>
      <c r="W4722" s="99"/>
      <c r="X4722" s="99"/>
      <c r="Y4722" s="99"/>
      <c r="Z4722" s="99"/>
      <c r="AA4722" s="99"/>
      <c r="AB4722" s="99"/>
      <c r="AC4722" s="99"/>
      <c r="AD4722" s="99"/>
      <c r="AE4722" s="99"/>
      <c r="AF4722" s="99"/>
      <c r="AG4722" s="99"/>
      <c r="AH4722" s="99"/>
      <c r="AI4722" s="99"/>
      <c r="AJ4722" s="99"/>
      <c r="AK4722" s="99"/>
      <c r="AL4722" s="99"/>
      <c r="AM4722" s="99"/>
      <c r="AN4722" s="99"/>
      <c r="AO4722" s="99"/>
      <c r="AP4722" s="99"/>
      <c r="AQ4722" s="99"/>
      <c r="AR4722" s="99"/>
      <c r="AS4722" s="99"/>
      <c r="AT4722" s="99"/>
      <c r="AU4722" s="99"/>
      <c r="AV4722" s="99"/>
      <c r="AW4722" s="99"/>
      <c r="AX4722" s="99"/>
      <c r="AY4722" s="99"/>
      <c r="AZ4722" s="99"/>
      <c r="BA4722" s="99"/>
      <c r="BB4722" s="107">
        <v>45884</v>
      </c>
    </row>
    <row r="4723" spans="1:54" s="8" customFormat="1" ht="13.95" customHeight="1" x14ac:dyDescent="0.25">
      <c r="A4723" s="219" t="s">
        <v>10709</v>
      </c>
      <c r="B4723" s="220" t="s">
        <v>10412</v>
      </c>
      <c r="C4723" s="98" t="s">
        <v>10710</v>
      </c>
      <c r="D4723" s="98" t="s">
        <v>10711</v>
      </c>
      <c r="E4723" s="141" t="s">
        <v>174</v>
      </c>
      <c r="F4723" s="141">
        <v>926</v>
      </c>
      <c r="G4723" s="98" t="s">
        <v>1</v>
      </c>
      <c r="H4723" s="98">
        <v>0</v>
      </c>
      <c r="I4723" s="98">
        <v>0</v>
      </c>
      <c r="J4723" s="98">
        <v>1</v>
      </c>
      <c r="K4723" s="98" t="s">
        <v>174</v>
      </c>
      <c r="L4723" s="98" t="s">
        <v>174</v>
      </c>
      <c r="M4723" s="98" t="s">
        <v>174</v>
      </c>
      <c r="N4723" s="98" t="s">
        <v>174</v>
      </c>
      <c r="O4723" s="98" t="s">
        <v>174</v>
      </c>
      <c r="P4723" s="98" t="s">
        <v>174</v>
      </c>
      <c r="Q4723" s="98" t="s">
        <v>174</v>
      </c>
      <c r="R4723" s="98" t="s">
        <v>174</v>
      </c>
      <c r="S4723" s="98" t="s">
        <v>174</v>
      </c>
      <c r="T4723" s="98" t="s">
        <v>174</v>
      </c>
      <c r="U4723" s="99"/>
      <c r="V4723" s="99"/>
      <c r="W4723" s="99"/>
      <c r="X4723" s="99"/>
      <c r="Y4723" s="99"/>
      <c r="Z4723" s="99"/>
      <c r="AA4723" s="99"/>
      <c r="AB4723" s="99"/>
      <c r="AC4723" s="99"/>
      <c r="AD4723" s="99"/>
      <c r="AE4723" s="99"/>
      <c r="AF4723" s="99"/>
      <c r="AG4723" s="99"/>
      <c r="AH4723" s="99"/>
      <c r="AI4723" s="99"/>
      <c r="AJ4723" s="99"/>
      <c r="AK4723" s="99"/>
      <c r="AL4723" s="99"/>
      <c r="AM4723" s="99"/>
      <c r="AN4723" s="99"/>
      <c r="AO4723" s="99"/>
      <c r="AP4723" s="99"/>
      <c r="AQ4723" s="99"/>
      <c r="AR4723" s="99"/>
      <c r="AS4723" s="99"/>
      <c r="AT4723" s="99"/>
      <c r="AU4723" s="99"/>
      <c r="AV4723" s="99"/>
      <c r="AW4723" s="99"/>
      <c r="AX4723" s="99"/>
      <c r="AY4723" s="99"/>
      <c r="AZ4723" s="99"/>
      <c r="BA4723" s="99"/>
      <c r="BB4723" s="107">
        <v>45884</v>
      </c>
    </row>
    <row r="4724" spans="1:54" s="8" customFormat="1" ht="13.95" customHeight="1" x14ac:dyDescent="0.25">
      <c r="A4724" s="219" t="s">
        <v>10712</v>
      </c>
      <c r="B4724" s="220" t="s">
        <v>10412</v>
      </c>
      <c r="C4724" s="98" t="s">
        <v>10713</v>
      </c>
      <c r="D4724" s="98" t="s">
        <v>10714</v>
      </c>
      <c r="E4724" s="141" t="s">
        <v>174</v>
      </c>
      <c r="F4724" s="141">
        <v>944</v>
      </c>
      <c r="G4724" s="98" t="s">
        <v>1</v>
      </c>
      <c r="H4724" s="98">
        <v>0</v>
      </c>
      <c r="I4724" s="98">
        <v>0</v>
      </c>
      <c r="J4724" s="98">
        <v>0</v>
      </c>
      <c r="K4724" s="98" t="s">
        <v>174</v>
      </c>
      <c r="L4724" s="98" t="s">
        <v>174</v>
      </c>
      <c r="M4724" s="98" t="s">
        <v>174</v>
      </c>
      <c r="N4724" s="98" t="s">
        <v>174</v>
      </c>
      <c r="O4724" s="98" t="s">
        <v>174</v>
      </c>
      <c r="P4724" s="98" t="s">
        <v>174</v>
      </c>
      <c r="Q4724" s="98" t="s">
        <v>174</v>
      </c>
      <c r="R4724" s="98" t="s">
        <v>174</v>
      </c>
      <c r="S4724" s="98" t="s">
        <v>174</v>
      </c>
      <c r="T4724" s="98" t="s">
        <v>174</v>
      </c>
      <c r="U4724" s="98" t="s">
        <v>174</v>
      </c>
      <c r="V4724" s="98" t="s">
        <v>174</v>
      </c>
      <c r="W4724" s="98" t="s">
        <v>174</v>
      </c>
      <c r="X4724" s="98" t="s">
        <v>174</v>
      </c>
      <c r="Y4724" s="98" t="s">
        <v>174</v>
      </c>
      <c r="Z4724" s="98" t="s">
        <v>174</v>
      </c>
      <c r="AA4724" s="98" t="s">
        <v>174</v>
      </c>
      <c r="AB4724" s="98" t="s">
        <v>174</v>
      </c>
      <c r="AC4724" s="98" t="s">
        <v>174</v>
      </c>
      <c r="AD4724" s="98" t="s">
        <v>174</v>
      </c>
      <c r="AE4724" s="98" t="s">
        <v>174</v>
      </c>
      <c r="AF4724" s="98" t="s">
        <v>174</v>
      </c>
      <c r="AG4724" s="98" t="s">
        <v>174</v>
      </c>
      <c r="AH4724" s="98" t="s">
        <v>174</v>
      </c>
      <c r="AI4724" s="98" t="s">
        <v>174</v>
      </c>
      <c r="AJ4724" s="98" t="s">
        <v>174</v>
      </c>
      <c r="AK4724" s="98" t="s">
        <v>174</v>
      </c>
      <c r="AL4724" s="98" t="s">
        <v>174</v>
      </c>
      <c r="AM4724" s="98" t="s">
        <v>174</v>
      </c>
      <c r="AN4724" s="98" t="s">
        <v>174</v>
      </c>
      <c r="AO4724" s="98" t="s">
        <v>174</v>
      </c>
      <c r="AP4724" s="98" t="s">
        <v>174</v>
      </c>
      <c r="AQ4724" s="98" t="s">
        <v>174</v>
      </c>
      <c r="AR4724" s="98" t="s">
        <v>174</v>
      </c>
      <c r="AS4724" s="98" t="s">
        <v>174</v>
      </c>
      <c r="AT4724" s="129" t="s">
        <v>174</v>
      </c>
      <c r="AU4724" s="98" t="s">
        <v>174</v>
      </c>
      <c r="AV4724" s="98" t="s">
        <v>174</v>
      </c>
      <c r="AW4724" s="98" t="s">
        <v>174</v>
      </c>
      <c r="AX4724" s="98"/>
      <c r="AY4724" s="98"/>
      <c r="AZ4724" s="98"/>
      <c r="BA4724" s="98"/>
      <c r="BB4724" s="107">
        <v>45884</v>
      </c>
    </row>
    <row r="4725" spans="1:54" s="8" customFormat="1" ht="13.95" customHeight="1" x14ac:dyDescent="0.25">
      <c r="A4725" s="219" t="s">
        <v>10715</v>
      </c>
      <c r="B4725" s="220" t="s">
        <v>10412</v>
      </c>
      <c r="C4725" s="98" t="s">
        <v>10716</v>
      </c>
      <c r="D4725" s="98" t="s">
        <v>10717</v>
      </c>
      <c r="E4725" s="141" t="s">
        <v>174</v>
      </c>
      <c r="F4725" s="141">
        <v>946</v>
      </c>
      <c r="G4725" s="98" t="s">
        <v>1</v>
      </c>
      <c r="H4725" s="98">
        <v>0</v>
      </c>
      <c r="I4725" s="98">
        <v>0</v>
      </c>
      <c r="J4725" s="98">
        <v>1</v>
      </c>
      <c r="K4725" s="98" t="s">
        <v>174</v>
      </c>
      <c r="L4725" s="98" t="s">
        <v>174</v>
      </c>
      <c r="M4725" s="98" t="s">
        <v>174</v>
      </c>
      <c r="N4725" s="98" t="s">
        <v>174</v>
      </c>
      <c r="O4725" s="98" t="s">
        <v>174</v>
      </c>
      <c r="P4725" s="98" t="s">
        <v>174</v>
      </c>
      <c r="Q4725" s="98" t="s">
        <v>174</v>
      </c>
      <c r="R4725" s="98" t="s">
        <v>174</v>
      </c>
      <c r="S4725" s="98" t="s">
        <v>174</v>
      </c>
      <c r="T4725" s="98" t="s">
        <v>174</v>
      </c>
      <c r="U4725" s="99"/>
      <c r="V4725" s="99"/>
      <c r="W4725" s="99"/>
      <c r="X4725" s="99"/>
      <c r="Y4725" s="99"/>
      <c r="Z4725" s="99"/>
      <c r="AA4725" s="99"/>
      <c r="AB4725" s="99"/>
      <c r="AC4725" s="99"/>
      <c r="AD4725" s="99"/>
      <c r="AE4725" s="99"/>
      <c r="AF4725" s="99"/>
      <c r="AG4725" s="99"/>
      <c r="AH4725" s="99"/>
      <c r="AI4725" s="99"/>
      <c r="AJ4725" s="99"/>
      <c r="AK4725" s="99"/>
      <c r="AL4725" s="99"/>
      <c r="AM4725" s="99"/>
      <c r="AN4725" s="99"/>
      <c r="AO4725" s="99"/>
      <c r="AP4725" s="99"/>
      <c r="AQ4725" s="99"/>
      <c r="AR4725" s="99"/>
      <c r="AS4725" s="99"/>
      <c r="AT4725" s="99"/>
      <c r="AU4725" s="99"/>
      <c r="AV4725" s="99"/>
      <c r="AW4725" s="99"/>
      <c r="AX4725" s="99"/>
      <c r="AY4725" s="99"/>
      <c r="AZ4725" s="99"/>
      <c r="BA4725" s="99"/>
      <c r="BB4725" s="107">
        <v>45884</v>
      </c>
    </row>
    <row r="4726" spans="1:54" s="8" customFormat="1" ht="13.95" customHeight="1" x14ac:dyDescent="0.25">
      <c r="A4726" s="219" t="s">
        <v>10718</v>
      </c>
      <c r="B4726" s="220" t="s">
        <v>10412</v>
      </c>
      <c r="C4726" s="98" t="s">
        <v>10719</v>
      </c>
      <c r="D4726" s="98" t="s">
        <v>10720</v>
      </c>
      <c r="E4726" s="141" t="s">
        <v>174</v>
      </c>
      <c r="F4726" s="141">
        <v>946</v>
      </c>
      <c r="G4726" s="98" t="s">
        <v>1</v>
      </c>
      <c r="H4726" s="98">
        <v>0</v>
      </c>
      <c r="I4726" s="98">
        <v>0</v>
      </c>
      <c r="J4726" s="98">
        <v>1</v>
      </c>
      <c r="K4726" s="98" t="s">
        <v>174</v>
      </c>
      <c r="L4726" s="98" t="s">
        <v>174</v>
      </c>
      <c r="M4726" s="98" t="s">
        <v>174</v>
      </c>
      <c r="N4726" s="98" t="s">
        <v>174</v>
      </c>
      <c r="O4726" s="98" t="s">
        <v>174</v>
      </c>
      <c r="P4726" s="98" t="s">
        <v>174</v>
      </c>
      <c r="Q4726" s="98" t="s">
        <v>174</v>
      </c>
      <c r="R4726" s="98" t="s">
        <v>174</v>
      </c>
      <c r="S4726" s="98" t="s">
        <v>174</v>
      </c>
      <c r="T4726" s="98" t="s">
        <v>174</v>
      </c>
      <c r="U4726" s="99"/>
      <c r="V4726" s="99"/>
      <c r="W4726" s="99"/>
      <c r="X4726" s="99"/>
      <c r="Y4726" s="99"/>
      <c r="Z4726" s="99"/>
      <c r="AA4726" s="99"/>
      <c r="AB4726" s="99"/>
      <c r="AC4726" s="99"/>
      <c r="AD4726" s="99"/>
      <c r="AE4726" s="99"/>
      <c r="AF4726" s="99"/>
      <c r="AG4726" s="99"/>
      <c r="AH4726" s="99"/>
      <c r="AI4726" s="99"/>
      <c r="AJ4726" s="99"/>
      <c r="AK4726" s="99"/>
      <c r="AL4726" s="99"/>
      <c r="AM4726" s="99"/>
      <c r="AN4726" s="99"/>
      <c r="AO4726" s="99"/>
      <c r="AP4726" s="99"/>
      <c r="AQ4726" s="99"/>
      <c r="AR4726" s="99"/>
      <c r="AS4726" s="99"/>
      <c r="AT4726" s="99"/>
      <c r="AU4726" s="99"/>
      <c r="AV4726" s="99"/>
      <c r="AW4726" s="99"/>
      <c r="AX4726" s="99"/>
      <c r="AY4726" s="99"/>
      <c r="AZ4726" s="99"/>
      <c r="BA4726" s="99"/>
      <c r="BB4726" s="107">
        <v>45884</v>
      </c>
    </row>
    <row r="4727" spans="1:54" s="8" customFormat="1" ht="13.5" customHeight="1" x14ac:dyDescent="0.25">
      <c r="A4727" s="219" t="s">
        <v>10721</v>
      </c>
      <c r="B4727" s="220" t="s">
        <v>10412</v>
      </c>
      <c r="C4727" s="98" t="s">
        <v>10722</v>
      </c>
      <c r="D4727" s="98" t="s">
        <v>10723</v>
      </c>
      <c r="E4727" s="141" t="s">
        <v>174</v>
      </c>
      <c r="F4727" s="141">
        <v>957</v>
      </c>
      <c r="G4727" s="98" t="s">
        <v>1</v>
      </c>
      <c r="H4727" s="98">
        <v>0</v>
      </c>
      <c r="I4727" s="98">
        <v>0</v>
      </c>
      <c r="J4727" s="98">
        <v>1</v>
      </c>
      <c r="K4727" s="98" t="s">
        <v>174</v>
      </c>
      <c r="L4727" s="98" t="s">
        <v>174</v>
      </c>
      <c r="M4727" s="98" t="s">
        <v>174</v>
      </c>
      <c r="N4727" s="98" t="s">
        <v>174</v>
      </c>
      <c r="O4727" s="98" t="s">
        <v>174</v>
      </c>
      <c r="P4727" s="98" t="s">
        <v>174</v>
      </c>
      <c r="Q4727" s="98" t="s">
        <v>174</v>
      </c>
      <c r="R4727" s="98" t="s">
        <v>174</v>
      </c>
      <c r="S4727" s="98" t="s">
        <v>174</v>
      </c>
      <c r="T4727" s="98" t="s">
        <v>174</v>
      </c>
      <c r="U4727" s="98" t="s">
        <v>174</v>
      </c>
      <c r="V4727" s="98" t="s">
        <v>174</v>
      </c>
      <c r="W4727" s="98" t="s">
        <v>174</v>
      </c>
      <c r="X4727" s="98" t="s">
        <v>174</v>
      </c>
      <c r="Y4727" s="98" t="s">
        <v>174</v>
      </c>
      <c r="Z4727" s="98" t="s">
        <v>174</v>
      </c>
      <c r="AA4727" s="98" t="s">
        <v>174</v>
      </c>
      <c r="AB4727" s="98" t="s">
        <v>174</v>
      </c>
      <c r="AC4727" s="98" t="s">
        <v>174</v>
      </c>
      <c r="AD4727" s="98" t="s">
        <v>174</v>
      </c>
      <c r="AE4727" s="98" t="s">
        <v>174</v>
      </c>
      <c r="AF4727" s="98" t="s">
        <v>174</v>
      </c>
      <c r="AG4727" s="98" t="s">
        <v>174</v>
      </c>
      <c r="AH4727" s="98" t="s">
        <v>174</v>
      </c>
      <c r="AI4727" s="98" t="s">
        <v>174</v>
      </c>
      <c r="AJ4727" s="98" t="s">
        <v>174</v>
      </c>
      <c r="AK4727" s="98" t="s">
        <v>174</v>
      </c>
      <c r="AL4727" s="98" t="s">
        <v>174</v>
      </c>
      <c r="AM4727" s="98" t="s">
        <v>174</v>
      </c>
      <c r="AN4727" s="98" t="s">
        <v>174</v>
      </c>
      <c r="AO4727" s="98" t="s">
        <v>174</v>
      </c>
      <c r="AP4727" s="98" t="s">
        <v>174</v>
      </c>
      <c r="AQ4727" s="98" t="s">
        <v>174</v>
      </c>
      <c r="AR4727" s="98" t="s">
        <v>174</v>
      </c>
      <c r="AS4727" s="98" t="s">
        <v>174</v>
      </c>
      <c r="AT4727" s="129" t="s">
        <v>174</v>
      </c>
      <c r="AU4727" s="98" t="s">
        <v>174</v>
      </c>
      <c r="AV4727" s="98" t="s">
        <v>174</v>
      </c>
      <c r="AW4727" s="98" t="s">
        <v>174</v>
      </c>
      <c r="AX4727" s="98"/>
      <c r="AY4727" s="98"/>
      <c r="AZ4727" s="98"/>
      <c r="BA4727" s="98"/>
      <c r="BB4727" s="107">
        <v>45884</v>
      </c>
    </row>
    <row r="4728" spans="1:54" s="8" customFormat="1" ht="13.95" customHeight="1" x14ac:dyDescent="0.25">
      <c r="A4728" s="219" t="s">
        <v>10724</v>
      </c>
      <c r="B4728" s="220" t="s">
        <v>10412</v>
      </c>
      <c r="C4728" s="98" t="s">
        <v>10725</v>
      </c>
      <c r="D4728" s="98" t="s">
        <v>10726</v>
      </c>
      <c r="E4728" s="141" t="s">
        <v>174</v>
      </c>
      <c r="F4728" s="141">
        <v>959</v>
      </c>
      <c r="G4728" s="98" t="s">
        <v>1</v>
      </c>
      <c r="H4728" s="98">
        <v>0</v>
      </c>
      <c r="I4728" s="98">
        <v>0</v>
      </c>
      <c r="J4728" s="98">
        <v>1</v>
      </c>
      <c r="K4728" s="98" t="s">
        <v>174</v>
      </c>
      <c r="L4728" s="98" t="s">
        <v>174</v>
      </c>
      <c r="M4728" s="98" t="s">
        <v>174</v>
      </c>
      <c r="N4728" s="98" t="s">
        <v>174</v>
      </c>
      <c r="O4728" s="98" t="s">
        <v>174</v>
      </c>
      <c r="P4728" s="98" t="s">
        <v>174</v>
      </c>
      <c r="Q4728" s="98" t="s">
        <v>174</v>
      </c>
      <c r="R4728" s="98" t="s">
        <v>174</v>
      </c>
      <c r="S4728" s="98" t="s">
        <v>174</v>
      </c>
      <c r="T4728" s="98" t="s">
        <v>174</v>
      </c>
      <c r="U4728" s="98" t="s">
        <v>174</v>
      </c>
      <c r="V4728" s="98" t="s">
        <v>174</v>
      </c>
      <c r="W4728" s="98" t="s">
        <v>174</v>
      </c>
      <c r="X4728" s="98" t="s">
        <v>174</v>
      </c>
      <c r="Y4728" s="98" t="s">
        <v>174</v>
      </c>
      <c r="Z4728" s="98" t="s">
        <v>174</v>
      </c>
      <c r="AA4728" s="98" t="s">
        <v>174</v>
      </c>
      <c r="AB4728" s="98" t="s">
        <v>174</v>
      </c>
      <c r="AC4728" s="98" t="s">
        <v>174</v>
      </c>
      <c r="AD4728" s="98" t="s">
        <v>174</v>
      </c>
      <c r="AE4728" s="98" t="s">
        <v>174</v>
      </c>
      <c r="AF4728" s="98" t="s">
        <v>174</v>
      </c>
      <c r="AG4728" s="98" t="s">
        <v>174</v>
      </c>
      <c r="AH4728" s="98" t="s">
        <v>174</v>
      </c>
      <c r="AI4728" s="98" t="s">
        <v>174</v>
      </c>
      <c r="AJ4728" s="98" t="s">
        <v>174</v>
      </c>
      <c r="AK4728" s="98" t="s">
        <v>174</v>
      </c>
      <c r="AL4728" s="98" t="s">
        <v>174</v>
      </c>
      <c r="AM4728" s="98" t="s">
        <v>174</v>
      </c>
      <c r="AN4728" s="98" t="s">
        <v>174</v>
      </c>
      <c r="AO4728" s="98" t="s">
        <v>174</v>
      </c>
      <c r="AP4728" s="98" t="s">
        <v>174</v>
      </c>
      <c r="AQ4728" s="98" t="s">
        <v>174</v>
      </c>
      <c r="AR4728" s="98" t="s">
        <v>174</v>
      </c>
      <c r="AS4728" s="98" t="s">
        <v>174</v>
      </c>
      <c r="AT4728" s="129" t="s">
        <v>174</v>
      </c>
      <c r="AU4728" s="98" t="s">
        <v>174</v>
      </c>
      <c r="AV4728" s="98" t="s">
        <v>174</v>
      </c>
      <c r="AW4728" s="98" t="s">
        <v>174</v>
      </c>
      <c r="AX4728" s="98"/>
      <c r="AY4728" s="98"/>
      <c r="AZ4728" s="98"/>
      <c r="BA4728" s="98"/>
      <c r="BB4728" s="107">
        <v>45884</v>
      </c>
    </row>
    <row r="4729" spans="1:54" s="8" customFormat="1" ht="13.95" customHeight="1" x14ac:dyDescent="0.25">
      <c r="A4729" s="219" t="s">
        <v>10727</v>
      </c>
      <c r="B4729" s="220" t="s">
        <v>10412</v>
      </c>
      <c r="C4729" s="98" t="s">
        <v>10728</v>
      </c>
      <c r="D4729" s="98" t="s">
        <v>10729</v>
      </c>
      <c r="E4729" s="141" t="s">
        <v>174</v>
      </c>
      <c r="F4729" s="141">
        <v>960</v>
      </c>
      <c r="G4729" s="98" t="s">
        <v>1</v>
      </c>
      <c r="H4729" s="98">
        <v>0</v>
      </c>
      <c r="I4729" s="98">
        <v>0</v>
      </c>
      <c r="J4729" s="98">
        <v>1</v>
      </c>
      <c r="K4729" s="98" t="s">
        <v>174</v>
      </c>
      <c r="L4729" s="98" t="s">
        <v>174</v>
      </c>
      <c r="M4729" s="98" t="s">
        <v>174</v>
      </c>
      <c r="N4729" s="98" t="s">
        <v>174</v>
      </c>
      <c r="O4729" s="98" t="s">
        <v>174</v>
      </c>
      <c r="P4729" s="98" t="s">
        <v>174</v>
      </c>
      <c r="Q4729" s="98" t="s">
        <v>174</v>
      </c>
      <c r="R4729" s="98" t="s">
        <v>174</v>
      </c>
      <c r="S4729" s="98" t="s">
        <v>174</v>
      </c>
      <c r="T4729" s="98" t="s">
        <v>174</v>
      </c>
      <c r="U4729" s="99"/>
      <c r="V4729" s="99"/>
      <c r="W4729" s="99"/>
      <c r="X4729" s="99"/>
      <c r="Y4729" s="99"/>
      <c r="Z4729" s="99"/>
      <c r="AA4729" s="99"/>
      <c r="AB4729" s="99"/>
      <c r="AC4729" s="99"/>
      <c r="AD4729" s="99"/>
      <c r="AE4729" s="99"/>
      <c r="AF4729" s="99"/>
      <c r="AG4729" s="99"/>
      <c r="AH4729" s="99"/>
      <c r="AI4729" s="99"/>
      <c r="AJ4729" s="99"/>
      <c r="AK4729" s="99"/>
      <c r="AL4729" s="99"/>
      <c r="AM4729" s="99"/>
      <c r="AN4729" s="99"/>
      <c r="AO4729" s="99"/>
      <c r="AP4729" s="99"/>
      <c r="AQ4729" s="99"/>
      <c r="AR4729" s="99"/>
      <c r="AS4729" s="99"/>
      <c r="AT4729" s="99"/>
      <c r="AU4729" s="99"/>
      <c r="AV4729" s="99"/>
      <c r="AW4729" s="99"/>
      <c r="AX4729" s="99"/>
      <c r="AY4729" s="99"/>
      <c r="AZ4729" s="99"/>
      <c r="BA4729" s="99"/>
      <c r="BB4729" s="107">
        <v>45884</v>
      </c>
    </row>
    <row r="4730" spans="1:54" s="8" customFormat="1" ht="13.95" customHeight="1" x14ac:dyDescent="0.25">
      <c r="A4730" s="219" t="s">
        <v>10730</v>
      </c>
      <c r="B4730" s="220" t="s">
        <v>10412</v>
      </c>
      <c r="C4730" s="98" t="s">
        <v>10731</v>
      </c>
      <c r="D4730" s="98" t="s">
        <v>10732</v>
      </c>
      <c r="E4730" s="141" t="s">
        <v>174</v>
      </c>
      <c r="F4730" s="141">
        <v>1029</v>
      </c>
      <c r="G4730" s="98" t="s">
        <v>1</v>
      </c>
      <c r="H4730" s="98">
        <v>0</v>
      </c>
      <c r="I4730" s="98">
        <v>0</v>
      </c>
      <c r="J4730" s="98">
        <v>1</v>
      </c>
      <c r="K4730" s="98" t="s">
        <v>174</v>
      </c>
      <c r="L4730" s="98" t="s">
        <v>174</v>
      </c>
      <c r="M4730" s="98" t="s">
        <v>174</v>
      </c>
      <c r="N4730" s="98" t="s">
        <v>174</v>
      </c>
      <c r="O4730" s="98" t="s">
        <v>174</v>
      </c>
      <c r="P4730" s="98" t="s">
        <v>174</v>
      </c>
      <c r="Q4730" s="98" t="s">
        <v>174</v>
      </c>
      <c r="R4730" s="98" t="s">
        <v>174</v>
      </c>
      <c r="S4730" s="98" t="s">
        <v>174</v>
      </c>
      <c r="T4730" s="98" t="s">
        <v>174</v>
      </c>
      <c r="U4730" s="99"/>
      <c r="V4730" s="99"/>
      <c r="W4730" s="99"/>
      <c r="X4730" s="99"/>
      <c r="Y4730" s="99"/>
      <c r="Z4730" s="99"/>
      <c r="AA4730" s="99"/>
      <c r="AB4730" s="99"/>
      <c r="AC4730" s="99"/>
      <c r="AD4730" s="99"/>
      <c r="AE4730" s="99"/>
      <c r="AF4730" s="99"/>
      <c r="AG4730" s="99"/>
      <c r="AH4730" s="99"/>
      <c r="AI4730" s="99"/>
      <c r="AJ4730" s="99"/>
      <c r="AK4730" s="99"/>
      <c r="AL4730" s="99"/>
      <c r="AM4730" s="99"/>
      <c r="AN4730" s="99"/>
      <c r="AO4730" s="99"/>
      <c r="AP4730" s="99"/>
      <c r="AQ4730" s="99"/>
      <c r="AR4730" s="99"/>
      <c r="AS4730" s="99"/>
      <c r="AT4730" s="99"/>
      <c r="AU4730" s="99"/>
      <c r="AV4730" s="99"/>
      <c r="AW4730" s="99"/>
      <c r="AX4730" s="99"/>
      <c r="AY4730" s="99"/>
      <c r="AZ4730" s="99"/>
      <c r="BA4730" s="99"/>
      <c r="BB4730" s="107">
        <v>45884</v>
      </c>
    </row>
    <row r="4731" spans="1:54" s="8" customFormat="1" ht="13.95" customHeight="1" x14ac:dyDescent="0.25">
      <c r="A4731" s="219" t="s">
        <v>10733</v>
      </c>
      <c r="B4731" s="220" t="s">
        <v>10412</v>
      </c>
      <c r="C4731" s="98" t="s">
        <v>10734</v>
      </c>
      <c r="D4731" s="98" t="s">
        <v>10735</v>
      </c>
      <c r="E4731" s="141" t="s">
        <v>174</v>
      </c>
      <c r="F4731" s="141">
        <v>962</v>
      </c>
      <c r="G4731" s="98" t="s">
        <v>1</v>
      </c>
      <c r="H4731" s="98">
        <v>1</v>
      </c>
      <c r="I4731" s="98">
        <v>1</v>
      </c>
      <c r="J4731" s="98">
        <v>1</v>
      </c>
      <c r="K4731" s="98" t="s">
        <v>174</v>
      </c>
      <c r="L4731" s="98" t="s">
        <v>174</v>
      </c>
      <c r="M4731" s="98" t="s">
        <v>174</v>
      </c>
      <c r="N4731" s="98" t="s">
        <v>174</v>
      </c>
      <c r="O4731" s="98" t="s">
        <v>174</v>
      </c>
      <c r="P4731" s="98" t="s">
        <v>174</v>
      </c>
      <c r="Q4731" s="98" t="s">
        <v>174</v>
      </c>
      <c r="R4731" s="98" t="s">
        <v>174</v>
      </c>
      <c r="S4731" s="98" t="s">
        <v>174</v>
      </c>
      <c r="T4731" s="98" t="s">
        <v>174</v>
      </c>
      <c r="U4731" s="99"/>
      <c r="V4731" s="99"/>
      <c r="W4731" s="99"/>
      <c r="X4731" s="99"/>
      <c r="Y4731" s="99"/>
      <c r="Z4731" s="99"/>
      <c r="AA4731" s="99"/>
      <c r="AB4731" s="99"/>
      <c r="AC4731" s="99"/>
      <c r="AD4731" s="99"/>
      <c r="AE4731" s="99"/>
      <c r="AF4731" s="99"/>
      <c r="AG4731" s="99"/>
      <c r="AH4731" s="99"/>
      <c r="AI4731" s="99"/>
      <c r="AJ4731" s="99"/>
      <c r="AK4731" s="99"/>
      <c r="AL4731" s="99"/>
      <c r="AM4731" s="99"/>
      <c r="AN4731" s="99"/>
      <c r="AO4731" s="99"/>
      <c r="AP4731" s="99"/>
      <c r="AQ4731" s="99"/>
      <c r="AR4731" s="99"/>
      <c r="AS4731" s="99"/>
      <c r="AT4731" s="99"/>
      <c r="AU4731" s="99"/>
      <c r="AV4731" s="99"/>
      <c r="AW4731" s="99"/>
      <c r="AX4731" s="99"/>
      <c r="AY4731" s="99"/>
      <c r="AZ4731" s="99"/>
      <c r="BA4731" s="99"/>
      <c r="BB4731" s="107">
        <v>45884</v>
      </c>
    </row>
    <row r="4732" spans="1:54" s="8" customFormat="1" ht="13.95" customHeight="1" x14ac:dyDescent="0.25">
      <c r="A4732" s="219" t="s">
        <v>10736</v>
      </c>
      <c r="B4732" s="220" t="s">
        <v>10412</v>
      </c>
      <c r="C4732" s="98" t="s">
        <v>10737</v>
      </c>
      <c r="D4732" s="98" t="s">
        <v>10738</v>
      </c>
      <c r="E4732" s="141" t="s">
        <v>174</v>
      </c>
      <c r="F4732" s="141">
        <v>970</v>
      </c>
      <c r="G4732" s="98" t="s">
        <v>1</v>
      </c>
      <c r="H4732" s="98">
        <v>0</v>
      </c>
      <c r="I4732" s="98">
        <v>0</v>
      </c>
      <c r="J4732" s="98">
        <v>1</v>
      </c>
      <c r="K4732" s="98" t="s">
        <v>174</v>
      </c>
      <c r="L4732" s="98" t="s">
        <v>174</v>
      </c>
      <c r="M4732" s="98" t="s">
        <v>174</v>
      </c>
      <c r="N4732" s="98" t="s">
        <v>174</v>
      </c>
      <c r="O4732" s="98" t="s">
        <v>174</v>
      </c>
      <c r="P4732" s="98" t="s">
        <v>174</v>
      </c>
      <c r="Q4732" s="98" t="s">
        <v>174</v>
      </c>
      <c r="R4732" s="98" t="s">
        <v>174</v>
      </c>
      <c r="S4732" s="98" t="s">
        <v>174</v>
      </c>
      <c r="T4732" s="98" t="s">
        <v>174</v>
      </c>
      <c r="U4732" s="99"/>
      <c r="V4732" s="99"/>
      <c r="W4732" s="99"/>
      <c r="X4732" s="99"/>
      <c r="Y4732" s="99"/>
      <c r="Z4732" s="99"/>
      <c r="AA4732" s="99"/>
      <c r="AB4732" s="99"/>
      <c r="AC4732" s="99"/>
      <c r="AD4732" s="99"/>
      <c r="AE4732" s="99"/>
      <c r="AF4732" s="99"/>
      <c r="AG4732" s="99"/>
      <c r="AH4732" s="99"/>
      <c r="AI4732" s="99"/>
      <c r="AJ4732" s="99"/>
      <c r="AK4732" s="99"/>
      <c r="AL4732" s="99"/>
      <c r="AM4732" s="99"/>
      <c r="AN4732" s="99"/>
      <c r="AO4732" s="99"/>
      <c r="AP4732" s="99"/>
      <c r="AQ4732" s="99"/>
      <c r="AR4732" s="99"/>
      <c r="AS4732" s="99"/>
      <c r="AT4732" s="99"/>
      <c r="AU4732" s="99"/>
      <c r="AV4732" s="99"/>
      <c r="AW4732" s="99"/>
      <c r="AX4732" s="99"/>
      <c r="AY4732" s="99"/>
      <c r="AZ4732" s="99"/>
      <c r="BA4732" s="99"/>
      <c r="BB4732" s="107">
        <v>45884</v>
      </c>
    </row>
    <row r="4733" spans="1:54" s="8" customFormat="1" ht="13.95" customHeight="1" x14ac:dyDescent="0.25">
      <c r="A4733" s="219" t="s">
        <v>10739</v>
      </c>
      <c r="B4733" s="220" t="s">
        <v>10412</v>
      </c>
      <c r="C4733" s="98" t="s">
        <v>10740</v>
      </c>
      <c r="D4733" s="98" t="s">
        <v>10741</v>
      </c>
      <c r="E4733" s="141" t="s">
        <v>174</v>
      </c>
      <c r="F4733" s="141">
        <v>991</v>
      </c>
      <c r="G4733" s="98" t="s">
        <v>1</v>
      </c>
      <c r="H4733" s="98">
        <v>0</v>
      </c>
      <c r="I4733" s="98">
        <v>0</v>
      </c>
      <c r="J4733" s="98">
        <v>1</v>
      </c>
      <c r="K4733" s="98" t="s">
        <v>174</v>
      </c>
      <c r="L4733" s="98" t="s">
        <v>174</v>
      </c>
      <c r="M4733" s="98" t="s">
        <v>174</v>
      </c>
      <c r="N4733" s="98" t="s">
        <v>174</v>
      </c>
      <c r="O4733" s="98" t="s">
        <v>174</v>
      </c>
      <c r="P4733" s="98" t="s">
        <v>174</v>
      </c>
      <c r="Q4733" s="98" t="s">
        <v>174</v>
      </c>
      <c r="R4733" s="98" t="s">
        <v>174</v>
      </c>
      <c r="S4733" s="98" t="s">
        <v>174</v>
      </c>
      <c r="T4733" s="98" t="s">
        <v>174</v>
      </c>
      <c r="U4733" s="99"/>
      <c r="V4733" s="99"/>
      <c r="W4733" s="99"/>
      <c r="X4733" s="99"/>
      <c r="Y4733" s="99"/>
      <c r="Z4733" s="99"/>
      <c r="AA4733" s="99"/>
      <c r="AB4733" s="99"/>
      <c r="AC4733" s="99"/>
      <c r="AD4733" s="99"/>
      <c r="AE4733" s="99"/>
      <c r="AF4733" s="99"/>
      <c r="AG4733" s="99"/>
      <c r="AH4733" s="99"/>
      <c r="AI4733" s="99"/>
      <c r="AJ4733" s="99"/>
      <c r="AK4733" s="99"/>
      <c r="AL4733" s="99"/>
      <c r="AM4733" s="99"/>
      <c r="AN4733" s="99"/>
      <c r="AO4733" s="99"/>
      <c r="AP4733" s="99"/>
      <c r="AQ4733" s="99"/>
      <c r="AR4733" s="99"/>
      <c r="AS4733" s="99"/>
      <c r="AT4733" s="99"/>
      <c r="AU4733" s="99"/>
      <c r="AV4733" s="99"/>
      <c r="AW4733" s="99"/>
      <c r="AX4733" s="99"/>
      <c r="AY4733" s="99"/>
      <c r="AZ4733" s="99"/>
      <c r="BA4733" s="99"/>
      <c r="BB4733" s="107">
        <v>45884</v>
      </c>
    </row>
    <row r="4734" spans="1:54" s="8" customFormat="1" ht="13.5" customHeight="1" x14ac:dyDescent="0.25">
      <c r="A4734" s="219" t="s">
        <v>10742</v>
      </c>
      <c r="B4734" s="220" t="s">
        <v>10412</v>
      </c>
      <c r="C4734" s="98" t="s">
        <v>10743</v>
      </c>
      <c r="D4734" s="98" t="s">
        <v>10744</v>
      </c>
      <c r="E4734" s="141" t="s">
        <v>174</v>
      </c>
      <c r="F4734" s="141">
        <v>973</v>
      </c>
      <c r="G4734" s="98" t="s">
        <v>1</v>
      </c>
      <c r="H4734" s="98">
        <v>0</v>
      </c>
      <c r="I4734" s="98">
        <v>0</v>
      </c>
      <c r="J4734" s="98">
        <v>1</v>
      </c>
      <c r="K4734" s="98" t="s">
        <v>174</v>
      </c>
      <c r="L4734" s="98" t="s">
        <v>174</v>
      </c>
      <c r="M4734" s="98" t="s">
        <v>174</v>
      </c>
      <c r="N4734" s="98" t="s">
        <v>174</v>
      </c>
      <c r="O4734" s="98" t="s">
        <v>174</v>
      </c>
      <c r="P4734" s="98" t="s">
        <v>174</v>
      </c>
      <c r="Q4734" s="98" t="s">
        <v>174</v>
      </c>
      <c r="R4734" s="98" t="s">
        <v>174</v>
      </c>
      <c r="S4734" s="98" t="s">
        <v>174</v>
      </c>
      <c r="T4734" s="98" t="s">
        <v>174</v>
      </c>
      <c r="U4734" s="98" t="s">
        <v>174</v>
      </c>
      <c r="V4734" s="98" t="s">
        <v>174</v>
      </c>
      <c r="W4734" s="98" t="s">
        <v>174</v>
      </c>
      <c r="X4734" s="98" t="s">
        <v>174</v>
      </c>
      <c r="Y4734" s="98" t="s">
        <v>174</v>
      </c>
      <c r="Z4734" s="98" t="s">
        <v>174</v>
      </c>
      <c r="AA4734" s="98" t="s">
        <v>174</v>
      </c>
      <c r="AB4734" s="98" t="s">
        <v>174</v>
      </c>
      <c r="AC4734" s="98" t="s">
        <v>174</v>
      </c>
      <c r="AD4734" s="98" t="s">
        <v>174</v>
      </c>
      <c r="AE4734" s="98" t="s">
        <v>174</v>
      </c>
      <c r="AF4734" s="98" t="s">
        <v>174</v>
      </c>
      <c r="AG4734" s="98" t="s">
        <v>174</v>
      </c>
      <c r="AH4734" s="98" t="s">
        <v>174</v>
      </c>
      <c r="AI4734" s="98" t="s">
        <v>174</v>
      </c>
      <c r="AJ4734" s="98" t="s">
        <v>174</v>
      </c>
      <c r="AK4734" s="98" t="s">
        <v>174</v>
      </c>
      <c r="AL4734" s="98" t="s">
        <v>174</v>
      </c>
      <c r="AM4734" s="98" t="s">
        <v>174</v>
      </c>
      <c r="AN4734" s="98" t="s">
        <v>174</v>
      </c>
      <c r="AO4734" s="98" t="s">
        <v>174</v>
      </c>
      <c r="AP4734" s="98" t="s">
        <v>174</v>
      </c>
      <c r="AQ4734" s="98" t="s">
        <v>174</v>
      </c>
      <c r="AR4734" s="98" t="s">
        <v>174</v>
      </c>
      <c r="AS4734" s="98" t="s">
        <v>174</v>
      </c>
      <c r="AT4734" s="129" t="s">
        <v>174</v>
      </c>
      <c r="AU4734" s="98" t="s">
        <v>174</v>
      </c>
      <c r="AV4734" s="98" t="s">
        <v>174</v>
      </c>
      <c r="AW4734" s="98" t="s">
        <v>174</v>
      </c>
      <c r="AX4734" s="98"/>
      <c r="AY4734" s="98"/>
      <c r="AZ4734" s="98"/>
      <c r="BA4734" s="98"/>
      <c r="BB4734" s="107">
        <v>45884</v>
      </c>
    </row>
    <row r="4735" spans="1:54" s="8" customFormat="1" ht="13.95" customHeight="1" x14ac:dyDescent="0.25">
      <c r="A4735" s="219" t="s">
        <v>10745</v>
      </c>
      <c r="B4735" s="220" t="s">
        <v>10412</v>
      </c>
      <c r="C4735" s="98" t="s">
        <v>10746</v>
      </c>
      <c r="D4735" s="98" t="s">
        <v>10747</v>
      </c>
      <c r="E4735" s="141" t="s">
        <v>174</v>
      </c>
      <c r="F4735" s="141">
        <v>976</v>
      </c>
      <c r="G4735" s="98" t="s">
        <v>1</v>
      </c>
      <c r="H4735" s="98">
        <v>0</v>
      </c>
      <c r="I4735" s="98">
        <v>0</v>
      </c>
      <c r="J4735" s="98">
        <v>1</v>
      </c>
      <c r="K4735" s="98" t="s">
        <v>174</v>
      </c>
      <c r="L4735" s="98" t="s">
        <v>174</v>
      </c>
      <c r="M4735" s="98" t="s">
        <v>174</v>
      </c>
      <c r="N4735" s="98" t="s">
        <v>174</v>
      </c>
      <c r="O4735" s="98" t="s">
        <v>174</v>
      </c>
      <c r="P4735" s="98" t="s">
        <v>174</v>
      </c>
      <c r="Q4735" s="98" t="s">
        <v>174</v>
      </c>
      <c r="R4735" s="98" t="s">
        <v>174</v>
      </c>
      <c r="S4735" s="98" t="s">
        <v>174</v>
      </c>
      <c r="T4735" s="98" t="s">
        <v>174</v>
      </c>
      <c r="U4735" s="99"/>
      <c r="V4735" s="99"/>
      <c r="W4735" s="99"/>
      <c r="X4735" s="99"/>
      <c r="Y4735" s="99"/>
      <c r="Z4735" s="99"/>
      <c r="AA4735" s="99"/>
      <c r="AB4735" s="99"/>
      <c r="AC4735" s="99"/>
      <c r="AD4735" s="99"/>
      <c r="AE4735" s="99"/>
      <c r="AF4735" s="99"/>
      <c r="AG4735" s="99"/>
      <c r="AH4735" s="99"/>
      <c r="AI4735" s="99"/>
      <c r="AJ4735" s="99"/>
      <c r="AK4735" s="99"/>
      <c r="AL4735" s="99"/>
      <c r="AM4735" s="99"/>
      <c r="AN4735" s="99"/>
      <c r="AO4735" s="99"/>
      <c r="AP4735" s="99"/>
      <c r="AQ4735" s="99"/>
      <c r="AR4735" s="99"/>
      <c r="AS4735" s="99"/>
      <c r="AT4735" s="99"/>
      <c r="AU4735" s="99"/>
      <c r="AV4735" s="99"/>
      <c r="AW4735" s="99"/>
      <c r="AX4735" s="99"/>
      <c r="AY4735" s="99"/>
      <c r="AZ4735" s="99"/>
      <c r="BA4735" s="99"/>
      <c r="BB4735" s="107">
        <v>45884</v>
      </c>
    </row>
    <row r="4736" spans="1:54" s="8" customFormat="1" ht="13.95" customHeight="1" x14ac:dyDescent="0.25">
      <c r="A4736" s="219" t="s">
        <v>10748</v>
      </c>
      <c r="B4736" s="220" t="s">
        <v>10412</v>
      </c>
      <c r="C4736" s="98" t="s">
        <v>10749</v>
      </c>
      <c r="D4736" s="98" t="s">
        <v>10750</v>
      </c>
      <c r="E4736" s="141" t="s">
        <v>174</v>
      </c>
      <c r="F4736" s="141">
        <v>983</v>
      </c>
      <c r="G4736" s="98" t="s">
        <v>1</v>
      </c>
      <c r="H4736" s="98">
        <v>0</v>
      </c>
      <c r="I4736" s="98">
        <v>0</v>
      </c>
      <c r="J4736" s="98">
        <v>1</v>
      </c>
      <c r="K4736" s="98" t="s">
        <v>174</v>
      </c>
      <c r="L4736" s="98" t="s">
        <v>174</v>
      </c>
      <c r="M4736" s="98" t="s">
        <v>174</v>
      </c>
      <c r="N4736" s="98" t="s">
        <v>174</v>
      </c>
      <c r="O4736" s="98" t="s">
        <v>174</v>
      </c>
      <c r="P4736" s="98" t="s">
        <v>174</v>
      </c>
      <c r="Q4736" s="98" t="s">
        <v>174</v>
      </c>
      <c r="R4736" s="98" t="s">
        <v>174</v>
      </c>
      <c r="S4736" s="98" t="s">
        <v>174</v>
      </c>
      <c r="T4736" s="98" t="s">
        <v>174</v>
      </c>
      <c r="U4736" s="99"/>
      <c r="V4736" s="99"/>
      <c r="W4736" s="99"/>
      <c r="X4736" s="99"/>
      <c r="Y4736" s="99"/>
      <c r="Z4736" s="99"/>
      <c r="AA4736" s="99"/>
      <c r="AB4736" s="99"/>
      <c r="AC4736" s="99"/>
      <c r="AD4736" s="99"/>
      <c r="AE4736" s="99"/>
      <c r="AF4736" s="99"/>
      <c r="AG4736" s="99"/>
      <c r="AH4736" s="99"/>
      <c r="AI4736" s="99"/>
      <c r="AJ4736" s="99"/>
      <c r="AK4736" s="99"/>
      <c r="AL4736" s="99"/>
      <c r="AM4736" s="99"/>
      <c r="AN4736" s="99"/>
      <c r="AO4736" s="99"/>
      <c r="AP4736" s="99"/>
      <c r="AQ4736" s="99"/>
      <c r="AR4736" s="99"/>
      <c r="AS4736" s="99"/>
      <c r="AT4736" s="99"/>
      <c r="AU4736" s="99"/>
      <c r="AV4736" s="99"/>
      <c r="AW4736" s="99"/>
      <c r="AX4736" s="99"/>
      <c r="AY4736" s="99"/>
      <c r="AZ4736" s="99"/>
      <c r="BA4736" s="99"/>
      <c r="BB4736" s="107">
        <v>45884</v>
      </c>
    </row>
    <row r="4737" spans="1:54" s="8" customFormat="1" ht="13.95" customHeight="1" x14ac:dyDescent="0.25">
      <c r="A4737" s="219" t="s">
        <v>10751</v>
      </c>
      <c r="B4737" s="220" t="s">
        <v>10412</v>
      </c>
      <c r="C4737" s="98" t="s">
        <v>10752</v>
      </c>
      <c r="D4737" s="98" t="s">
        <v>10753</v>
      </c>
      <c r="E4737" s="141" t="s">
        <v>174</v>
      </c>
      <c r="F4737" s="141">
        <v>992</v>
      </c>
      <c r="G4737" s="98" t="s">
        <v>1</v>
      </c>
      <c r="H4737" s="98">
        <v>0</v>
      </c>
      <c r="I4737" s="98">
        <v>0</v>
      </c>
      <c r="J4737" s="98">
        <v>1</v>
      </c>
      <c r="K4737" s="98" t="s">
        <v>174</v>
      </c>
      <c r="L4737" s="98" t="s">
        <v>174</v>
      </c>
      <c r="M4737" s="98" t="s">
        <v>174</v>
      </c>
      <c r="N4737" s="98" t="s">
        <v>174</v>
      </c>
      <c r="O4737" s="98" t="s">
        <v>174</v>
      </c>
      <c r="P4737" s="98" t="s">
        <v>174</v>
      </c>
      <c r="Q4737" s="98" t="s">
        <v>174</v>
      </c>
      <c r="R4737" s="98" t="s">
        <v>174</v>
      </c>
      <c r="S4737" s="98" t="s">
        <v>174</v>
      </c>
      <c r="T4737" s="98" t="s">
        <v>174</v>
      </c>
      <c r="U4737" s="99"/>
      <c r="V4737" s="99"/>
      <c r="W4737" s="99"/>
      <c r="X4737" s="99"/>
      <c r="Y4737" s="99"/>
      <c r="Z4737" s="99"/>
      <c r="AA4737" s="99"/>
      <c r="AB4737" s="99"/>
      <c r="AC4737" s="99"/>
      <c r="AD4737" s="99"/>
      <c r="AE4737" s="99"/>
      <c r="AF4737" s="99"/>
      <c r="AG4737" s="99"/>
      <c r="AH4737" s="99"/>
      <c r="AI4737" s="99"/>
      <c r="AJ4737" s="99"/>
      <c r="AK4737" s="99"/>
      <c r="AL4737" s="99"/>
      <c r="AM4737" s="99"/>
      <c r="AN4737" s="99"/>
      <c r="AO4737" s="99"/>
      <c r="AP4737" s="99"/>
      <c r="AQ4737" s="99"/>
      <c r="AR4737" s="99"/>
      <c r="AS4737" s="99"/>
      <c r="AT4737" s="99"/>
      <c r="AU4737" s="99"/>
      <c r="AV4737" s="99"/>
      <c r="AW4737" s="99"/>
      <c r="AX4737" s="99"/>
      <c r="AY4737" s="99"/>
      <c r="AZ4737" s="99"/>
      <c r="BA4737" s="99"/>
      <c r="BB4737" s="107">
        <v>45884</v>
      </c>
    </row>
    <row r="4738" spans="1:54" s="8" customFormat="1" ht="13.95" customHeight="1" x14ac:dyDescent="0.25">
      <c r="A4738" s="219" t="s">
        <v>10754</v>
      </c>
      <c r="B4738" s="220" t="s">
        <v>10412</v>
      </c>
      <c r="C4738" s="98" t="s">
        <v>10755</v>
      </c>
      <c r="D4738" s="98" t="s">
        <v>10756</v>
      </c>
      <c r="E4738" s="141" t="s">
        <v>174</v>
      </c>
      <c r="F4738" s="141">
        <v>993</v>
      </c>
      <c r="G4738" s="98" t="s">
        <v>1</v>
      </c>
      <c r="H4738" s="98">
        <v>0</v>
      </c>
      <c r="I4738" s="98">
        <v>0</v>
      </c>
      <c r="J4738" s="98">
        <v>1</v>
      </c>
      <c r="K4738" s="98" t="s">
        <v>174</v>
      </c>
      <c r="L4738" s="98" t="s">
        <v>174</v>
      </c>
      <c r="M4738" s="98" t="s">
        <v>174</v>
      </c>
      <c r="N4738" s="98" t="s">
        <v>174</v>
      </c>
      <c r="O4738" s="98" t="s">
        <v>174</v>
      </c>
      <c r="P4738" s="98" t="s">
        <v>174</v>
      </c>
      <c r="Q4738" s="98" t="s">
        <v>174</v>
      </c>
      <c r="R4738" s="98" t="s">
        <v>174</v>
      </c>
      <c r="S4738" s="98" t="s">
        <v>174</v>
      </c>
      <c r="T4738" s="98" t="s">
        <v>174</v>
      </c>
      <c r="U4738" s="99"/>
      <c r="V4738" s="99"/>
      <c r="W4738" s="99"/>
      <c r="X4738" s="99"/>
      <c r="Y4738" s="99"/>
      <c r="Z4738" s="99"/>
      <c r="AA4738" s="99"/>
      <c r="AB4738" s="99"/>
      <c r="AC4738" s="99"/>
      <c r="AD4738" s="99"/>
      <c r="AE4738" s="99"/>
      <c r="AF4738" s="99"/>
      <c r="AG4738" s="99"/>
      <c r="AH4738" s="99"/>
      <c r="AI4738" s="99"/>
      <c r="AJ4738" s="99"/>
      <c r="AK4738" s="99"/>
      <c r="AL4738" s="99"/>
      <c r="AM4738" s="99"/>
      <c r="AN4738" s="99"/>
      <c r="AO4738" s="99"/>
      <c r="AP4738" s="99"/>
      <c r="AQ4738" s="99"/>
      <c r="AR4738" s="99"/>
      <c r="AS4738" s="99"/>
      <c r="AT4738" s="99"/>
      <c r="AU4738" s="99"/>
      <c r="AV4738" s="99"/>
      <c r="AW4738" s="99"/>
      <c r="AX4738" s="99"/>
      <c r="AY4738" s="99"/>
      <c r="AZ4738" s="99"/>
      <c r="BA4738" s="99"/>
      <c r="BB4738" s="107">
        <v>45884</v>
      </c>
    </row>
    <row r="4739" spans="1:54" s="8" customFormat="1" ht="13.95" customHeight="1" x14ac:dyDescent="0.25">
      <c r="A4739" s="219" t="s">
        <v>10757</v>
      </c>
      <c r="B4739" s="220" t="s">
        <v>10412</v>
      </c>
      <c r="C4739" s="98" t="s">
        <v>10758</v>
      </c>
      <c r="D4739" s="98" t="s">
        <v>10673</v>
      </c>
      <c r="E4739" s="141" t="s">
        <v>174</v>
      </c>
      <c r="F4739" s="141">
        <v>993</v>
      </c>
      <c r="G4739" s="98" t="s">
        <v>1</v>
      </c>
      <c r="H4739" s="98">
        <v>0</v>
      </c>
      <c r="I4739" s="98">
        <v>0</v>
      </c>
      <c r="J4739" s="98">
        <v>1</v>
      </c>
      <c r="K4739" s="98" t="s">
        <v>174</v>
      </c>
      <c r="L4739" s="98" t="s">
        <v>174</v>
      </c>
      <c r="M4739" s="98" t="s">
        <v>174</v>
      </c>
      <c r="N4739" s="98" t="s">
        <v>174</v>
      </c>
      <c r="O4739" s="98" t="s">
        <v>174</v>
      </c>
      <c r="P4739" s="98" t="s">
        <v>174</v>
      </c>
      <c r="Q4739" s="98" t="s">
        <v>174</v>
      </c>
      <c r="R4739" s="98" t="s">
        <v>174</v>
      </c>
      <c r="S4739" s="98" t="s">
        <v>174</v>
      </c>
      <c r="T4739" s="98" t="s">
        <v>174</v>
      </c>
      <c r="U4739" s="98" t="s">
        <v>174</v>
      </c>
      <c r="V4739" s="98" t="s">
        <v>174</v>
      </c>
      <c r="W4739" s="98" t="s">
        <v>174</v>
      </c>
      <c r="X4739" s="98" t="s">
        <v>174</v>
      </c>
      <c r="Y4739" s="98" t="s">
        <v>174</v>
      </c>
      <c r="Z4739" s="98" t="s">
        <v>174</v>
      </c>
      <c r="AA4739" s="98" t="s">
        <v>174</v>
      </c>
      <c r="AB4739" s="98" t="s">
        <v>174</v>
      </c>
      <c r="AC4739" s="98" t="s">
        <v>174</v>
      </c>
      <c r="AD4739" s="98" t="s">
        <v>174</v>
      </c>
      <c r="AE4739" s="98" t="s">
        <v>174</v>
      </c>
      <c r="AF4739" s="98" t="s">
        <v>174</v>
      </c>
      <c r="AG4739" s="98" t="s">
        <v>174</v>
      </c>
      <c r="AH4739" s="98" t="s">
        <v>174</v>
      </c>
      <c r="AI4739" s="98" t="s">
        <v>174</v>
      </c>
      <c r="AJ4739" s="98" t="s">
        <v>174</v>
      </c>
      <c r="AK4739" s="98" t="s">
        <v>174</v>
      </c>
      <c r="AL4739" s="98" t="s">
        <v>174</v>
      </c>
      <c r="AM4739" s="98" t="s">
        <v>174</v>
      </c>
      <c r="AN4739" s="98" t="s">
        <v>174</v>
      </c>
      <c r="AO4739" s="98" t="s">
        <v>174</v>
      </c>
      <c r="AP4739" s="98" t="s">
        <v>174</v>
      </c>
      <c r="AQ4739" s="98" t="s">
        <v>174</v>
      </c>
      <c r="AR4739" s="98" t="s">
        <v>174</v>
      </c>
      <c r="AS4739" s="98" t="s">
        <v>174</v>
      </c>
      <c r="AT4739" s="129" t="s">
        <v>174</v>
      </c>
      <c r="AU4739" s="98" t="s">
        <v>174</v>
      </c>
      <c r="AV4739" s="98" t="s">
        <v>174</v>
      </c>
      <c r="AW4739" s="98" t="s">
        <v>174</v>
      </c>
      <c r="AX4739" s="98"/>
      <c r="AY4739" s="98"/>
      <c r="AZ4739" s="98"/>
      <c r="BA4739" s="98"/>
      <c r="BB4739" s="107">
        <v>45884</v>
      </c>
    </row>
    <row r="4740" spans="1:54" s="8" customFormat="1" ht="13.95" customHeight="1" x14ac:dyDescent="0.25">
      <c r="A4740" s="219" t="s">
        <v>10759</v>
      </c>
      <c r="B4740" s="220" t="s">
        <v>10412</v>
      </c>
      <c r="C4740" s="98" t="s">
        <v>10760</v>
      </c>
      <c r="D4740" s="98" t="s">
        <v>10761</v>
      </c>
      <c r="E4740" s="141" t="s">
        <v>174</v>
      </c>
      <c r="F4740" s="141">
        <v>998</v>
      </c>
      <c r="G4740" s="98" t="s">
        <v>1</v>
      </c>
      <c r="H4740" s="98">
        <v>0</v>
      </c>
      <c r="I4740" s="98">
        <v>0</v>
      </c>
      <c r="J4740" s="98">
        <v>1</v>
      </c>
      <c r="K4740" s="98" t="s">
        <v>174</v>
      </c>
      <c r="L4740" s="98" t="s">
        <v>174</v>
      </c>
      <c r="M4740" s="98" t="s">
        <v>174</v>
      </c>
      <c r="N4740" s="98" t="s">
        <v>174</v>
      </c>
      <c r="O4740" s="98" t="s">
        <v>174</v>
      </c>
      <c r="P4740" s="98" t="s">
        <v>174</v>
      </c>
      <c r="Q4740" s="98" t="s">
        <v>174</v>
      </c>
      <c r="R4740" s="98" t="s">
        <v>174</v>
      </c>
      <c r="S4740" s="98" t="s">
        <v>174</v>
      </c>
      <c r="T4740" s="98" t="s">
        <v>174</v>
      </c>
      <c r="U4740" s="98" t="s">
        <v>174</v>
      </c>
      <c r="V4740" s="98" t="s">
        <v>174</v>
      </c>
      <c r="W4740" s="98" t="s">
        <v>174</v>
      </c>
      <c r="X4740" s="98" t="s">
        <v>174</v>
      </c>
      <c r="Y4740" s="98" t="s">
        <v>174</v>
      </c>
      <c r="Z4740" s="98" t="s">
        <v>174</v>
      </c>
      <c r="AA4740" s="98" t="s">
        <v>174</v>
      </c>
      <c r="AB4740" s="98" t="s">
        <v>174</v>
      </c>
      <c r="AC4740" s="98" t="s">
        <v>174</v>
      </c>
      <c r="AD4740" s="98" t="s">
        <v>174</v>
      </c>
      <c r="AE4740" s="98" t="s">
        <v>174</v>
      </c>
      <c r="AF4740" s="98" t="s">
        <v>174</v>
      </c>
      <c r="AG4740" s="98" t="s">
        <v>174</v>
      </c>
      <c r="AH4740" s="98" t="s">
        <v>174</v>
      </c>
      <c r="AI4740" s="98" t="s">
        <v>174</v>
      </c>
      <c r="AJ4740" s="98" t="s">
        <v>174</v>
      </c>
      <c r="AK4740" s="98" t="s">
        <v>174</v>
      </c>
      <c r="AL4740" s="98" t="s">
        <v>174</v>
      </c>
      <c r="AM4740" s="98" t="s">
        <v>174</v>
      </c>
      <c r="AN4740" s="98" t="s">
        <v>174</v>
      </c>
      <c r="AO4740" s="98" t="s">
        <v>174</v>
      </c>
      <c r="AP4740" s="98" t="s">
        <v>174</v>
      </c>
      <c r="AQ4740" s="98" t="s">
        <v>174</v>
      </c>
      <c r="AR4740" s="98" t="s">
        <v>174</v>
      </c>
      <c r="AS4740" s="98" t="s">
        <v>174</v>
      </c>
      <c r="AT4740" s="98">
        <v>1</v>
      </c>
      <c r="AU4740" s="98" t="s">
        <v>174</v>
      </c>
      <c r="AV4740" s="98" t="s">
        <v>174</v>
      </c>
      <c r="AW4740" s="98" t="s">
        <v>174</v>
      </c>
      <c r="AX4740" s="98"/>
      <c r="AY4740" s="98"/>
      <c r="AZ4740" s="98"/>
      <c r="BA4740" s="98"/>
      <c r="BB4740" s="107">
        <v>45884</v>
      </c>
    </row>
    <row r="4741" spans="1:54" s="8" customFormat="1" ht="13.95" customHeight="1" x14ac:dyDescent="0.25">
      <c r="A4741" s="219" t="s">
        <v>10762</v>
      </c>
      <c r="B4741" s="220" t="s">
        <v>10412</v>
      </c>
      <c r="C4741" s="98" t="s">
        <v>10763</v>
      </c>
      <c r="D4741" s="98" t="s">
        <v>10764</v>
      </c>
      <c r="E4741" s="141" t="s">
        <v>174</v>
      </c>
      <c r="F4741" s="141">
        <v>999</v>
      </c>
      <c r="G4741" s="98" t="s">
        <v>1</v>
      </c>
      <c r="H4741" s="98">
        <v>0</v>
      </c>
      <c r="I4741" s="98">
        <v>0</v>
      </c>
      <c r="J4741" s="98">
        <v>1</v>
      </c>
      <c r="K4741" s="98" t="s">
        <v>174</v>
      </c>
      <c r="L4741" s="98" t="s">
        <v>174</v>
      </c>
      <c r="M4741" s="98" t="s">
        <v>174</v>
      </c>
      <c r="N4741" s="98" t="s">
        <v>174</v>
      </c>
      <c r="O4741" s="98" t="s">
        <v>174</v>
      </c>
      <c r="P4741" s="98" t="s">
        <v>174</v>
      </c>
      <c r="Q4741" s="98" t="s">
        <v>174</v>
      </c>
      <c r="R4741" s="98" t="s">
        <v>174</v>
      </c>
      <c r="S4741" s="98" t="s">
        <v>174</v>
      </c>
      <c r="T4741" s="98" t="s">
        <v>174</v>
      </c>
      <c r="U4741" s="99"/>
      <c r="V4741" s="99"/>
      <c r="W4741" s="99"/>
      <c r="X4741" s="99"/>
      <c r="Y4741" s="99"/>
      <c r="Z4741" s="99"/>
      <c r="AA4741" s="99"/>
      <c r="AB4741" s="99"/>
      <c r="AC4741" s="99"/>
      <c r="AD4741" s="99"/>
      <c r="AE4741" s="99"/>
      <c r="AF4741" s="99"/>
      <c r="AG4741" s="99"/>
      <c r="AH4741" s="99"/>
      <c r="AI4741" s="99"/>
      <c r="AJ4741" s="99"/>
      <c r="AK4741" s="99"/>
      <c r="AL4741" s="99"/>
      <c r="AM4741" s="99"/>
      <c r="AN4741" s="99"/>
      <c r="AO4741" s="99"/>
      <c r="AP4741" s="99"/>
      <c r="AQ4741" s="99"/>
      <c r="AR4741" s="99"/>
      <c r="AS4741" s="99"/>
      <c r="AT4741" s="99"/>
      <c r="AU4741" s="99"/>
      <c r="AV4741" s="99"/>
      <c r="AW4741" s="99"/>
      <c r="AX4741" s="99"/>
      <c r="AY4741" s="99"/>
      <c r="AZ4741" s="99"/>
      <c r="BA4741" s="99"/>
      <c r="BB4741" s="107">
        <v>45884</v>
      </c>
    </row>
    <row r="4742" spans="1:54" s="8" customFormat="1" ht="13.95" customHeight="1" x14ac:dyDescent="0.25">
      <c r="A4742" s="219" t="s">
        <v>10765</v>
      </c>
      <c r="B4742" s="220" t="s">
        <v>10412</v>
      </c>
      <c r="C4742" s="98" t="s">
        <v>10766</v>
      </c>
      <c r="D4742" s="98" t="s">
        <v>10767</v>
      </c>
      <c r="E4742" s="141" t="s">
        <v>174</v>
      </c>
      <c r="F4742" s="141">
        <v>999</v>
      </c>
      <c r="G4742" s="98" t="s">
        <v>1</v>
      </c>
      <c r="H4742" s="98">
        <v>0</v>
      </c>
      <c r="I4742" s="98">
        <v>0</v>
      </c>
      <c r="J4742" s="98">
        <v>1</v>
      </c>
      <c r="K4742" s="98" t="s">
        <v>174</v>
      </c>
      <c r="L4742" s="98" t="s">
        <v>174</v>
      </c>
      <c r="M4742" s="98" t="s">
        <v>174</v>
      </c>
      <c r="N4742" s="98" t="s">
        <v>174</v>
      </c>
      <c r="O4742" s="98" t="s">
        <v>174</v>
      </c>
      <c r="P4742" s="98" t="s">
        <v>174</v>
      </c>
      <c r="Q4742" s="98" t="s">
        <v>174</v>
      </c>
      <c r="R4742" s="98" t="s">
        <v>174</v>
      </c>
      <c r="S4742" s="98" t="s">
        <v>174</v>
      </c>
      <c r="T4742" s="98" t="s">
        <v>174</v>
      </c>
      <c r="U4742" s="99"/>
      <c r="V4742" s="99"/>
      <c r="W4742" s="99"/>
      <c r="X4742" s="99"/>
      <c r="Y4742" s="99"/>
      <c r="Z4742" s="99"/>
      <c r="AA4742" s="99"/>
      <c r="AB4742" s="99"/>
      <c r="AC4742" s="99"/>
      <c r="AD4742" s="99"/>
      <c r="AE4742" s="99"/>
      <c r="AF4742" s="99"/>
      <c r="AG4742" s="99"/>
      <c r="AH4742" s="99"/>
      <c r="AI4742" s="99"/>
      <c r="AJ4742" s="99"/>
      <c r="AK4742" s="99"/>
      <c r="AL4742" s="99"/>
      <c r="AM4742" s="99"/>
      <c r="AN4742" s="99"/>
      <c r="AO4742" s="99"/>
      <c r="AP4742" s="99"/>
      <c r="AQ4742" s="99"/>
      <c r="AR4742" s="99"/>
      <c r="AS4742" s="99"/>
      <c r="AT4742" s="99"/>
      <c r="AU4742" s="99"/>
      <c r="AV4742" s="99"/>
      <c r="AW4742" s="99"/>
      <c r="AX4742" s="99"/>
      <c r="AY4742" s="99"/>
      <c r="AZ4742" s="99"/>
      <c r="BA4742" s="99"/>
      <c r="BB4742" s="107">
        <v>45884</v>
      </c>
    </row>
    <row r="4743" spans="1:54" s="8" customFormat="1" ht="13.95" customHeight="1" x14ac:dyDescent="0.25">
      <c r="A4743" s="219" t="s">
        <v>10768</v>
      </c>
      <c r="B4743" s="220" t="s">
        <v>10412</v>
      </c>
      <c r="C4743" s="98" t="s">
        <v>10769</v>
      </c>
      <c r="D4743" s="98" t="s">
        <v>10770</v>
      </c>
      <c r="E4743" s="141" t="s">
        <v>174</v>
      </c>
      <c r="F4743" s="141">
        <v>1000</v>
      </c>
      <c r="G4743" s="98" t="s">
        <v>1</v>
      </c>
      <c r="H4743" s="98">
        <v>0</v>
      </c>
      <c r="I4743" s="98">
        <v>0</v>
      </c>
      <c r="J4743" s="98">
        <v>1</v>
      </c>
      <c r="K4743" s="98" t="s">
        <v>174</v>
      </c>
      <c r="L4743" s="98" t="s">
        <v>174</v>
      </c>
      <c r="M4743" s="98" t="s">
        <v>174</v>
      </c>
      <c r="N4743" s="98" t="s">
        <v>174</v>
      </c>
      <c r="O4743" s="98" t="s">
        <v>174</v>
      </c>
      <c r="P4743" s="98" t="s">
        <v>174</v>
      </c>
      <c r="Q4743" s="98" t="s">
        <v>174</v>
      </c>
      <c r="R4743" s="98" t="s">
        <v>174</v>
      </c>
      <c r="S4743" s="98" t="s">
        <v>174</v>
      </c>
      <c r="T4743" s="98" t="s">
        <v>174</v>
      </c>
      <c r="U4743" s="99"/>
      <c r="V4743" s="99"/>
      <c r="W4743" s="99"/>
      <c r="X4743" s="99"/>
      <c r="Y4743" s="99"/>
      <c r="Z4743" s="99"/>
      <c r="AA4743" s="99"/>
      <c r="AB4743" s="99"/>
      <c r="AC4743" s="99"/>
      <c r="AD4743" s="99"/>
      <c r="AE4743" s="99"/>
      <c r="AF4743" s="99"/>
      <c r="AG4743" s="99"/>
      <c r="AH4743" s="99"/>
      <c r="AI4743" s="99"/>
      <c r="AJ4743" s="99"/>
      <c r="AK4743" s="99"/>
      <c r="AL4743" s="99"/>
      <c r="AM4743" s="99"/>
      <c r="AN4743" s="99"/>
      <c r="AO4743" s="99"/>
      <c r="AP4743" s="99"/>
      <c r="AQ4743" s="99"/>
      <c r="AR4743" s="99"/>
      <c r="AS4743" s="99"/>
      <c r="AT4743" s="99"/>
      <c r="AU4743" s="99"/>
      <c r="AV4743" s="99"/>
      <c r="AW4743" s="99"/>
      <c r="AX4743" s="99"/>
      <c r="AY4743" s="99"/>
      <c r="AZ4743" s="99"/>
      <c r="BA4743" s="99"/>
      <c r="BB4743" s="107">
        <v>45884</v>
      </c>
    </row>
    <row r="4744" spans="1:54" s="8" customFormat="1" ht="13.95" customHeight="1" x14ac:dyDescent="0.25">
      <c r="A4744" s="219" t="s">
        <v>10771</v>
      </c>
      <c r="B4744" s="220" t="s">
        <v>10412</v>
      </c>
      <c r="C4744" s="98" t="s">
        <v>10772</v>
      </c>
      <c r="D4744" s="98" t="s">
        <v>10773</v>
      </c>
      <c r="E4744" s="141" t="s">
        <v>174</v>
      </c>
      <c r="F4744" s="141">
        <v>1000</v>
      </c>
      <c r="G4744" s="98" t="s">
        <v>1</v>
      </c>
      <c r="H4744" s="98">
        <v>0</v>
      </c>
      <c r="I4744" s="98">
        <v>0</v>
      </c>
      <c r="J4744" s="98">
        <v>1</v>
      </c>
      <c r="K4744" s="98" t="s">
        <v>174</v>
      </c>
      <c r="L4744" s="98" t="s">
        <v>174</v>
      </c>
      <c r="M4744" s="98" t="s">
        <v>174</v>
      </c>
      <c r="N4744" s="98" t="s">
        <v>174</v>
      </c>
      <c r="O4744" s="98" t="s">
        <v>174</v>
      </c>
      <c r="P4744" s="98" t="s">
        <v>174</v>
      </c>
      <c r="Q4744" s="98" t="s">
        <v>174</v>
      </c>
      <c r="R4744" s="98" t="s">
        <v>174</v>
      </c>
      <c r="S4744" s="98" t="s">
        <v>174</v>
      </c>
      <c r="T4744" s="98" t="s">
        <v>174</v>
      </c>
      <c r="U4744" s="99"/>
      <c r="V4744" s="99"/>
      <c r="W4744" s="99"/>
      <c r="X4744" s="99"/>
      <c r="Y4744" s="99"/>
      <c r="Z4744" s="99"/>
      <c r="AA4744" s="99"/>
      <c r="AB4744" s="99"/>
      <c r="AC4744" s="99"/>
      <c r="AD4744" s="99"/>
      <c r="AE4744" s="99"/>
      <c r="AF4744" s="99"/>
      <c r="AG4744" s="99"/>
      <c r="AH4744" s="99"/>
      <c r="AI4744" s="99"/>
      <c r="AJ4744" s="99"/>
      <c r="AK4744" s="99"/>
      <c r="AL4744" s="99"/>
      <c r="AM4744" s="99"/>
      <c r="AN4744" s="99"/>
      <c r="AO4744" s="99"/>
      <c r="AP4744" s="99"/>
      <c r="AQ4744" s="99"/>
      <c r="AR4744" s="99"/>
      <c r="AS4744" s="99"/>
      <c r="AT4744" s="99"/>
      <c r="AU4744" s="99"/>
      <c r="AV4744" s="99"/>
      <c r="AW4744" s="99"/>
      <c r="AX4744" s="99"/>
      <c r="AY4744" s="99"/>
      <c r="AZ4744" s="99"/>
      <c r="BA4744" s="99"/>
      <c r="BB4744" s="107">
        <v>45884</v>
      </c>
    </row>
    <row r="4745" spans="1:54" s="8" customFormat="1" ht="13.95" customHeight="1" x14ac:dyDescent="0.25">
      <c r="A4745" s="219" t="s">
        <v>10774</v>
      </c>
      <c r="B4745" s="220" t="s">
        <v>10412</v>
      </c>
      <c r="C4745" s="98" t="s">
        <v>10775</v>
      </c>
      <c r="D4745" s="98" t="s">
        <v>10776</v>
      </c>
      <c r="E4745" s="141" t="s">
        <v>174</v>
      </c>
      <c r="F4745" s="141">
        <v>1002</v>
      </c>
      <c r="G4745" s="98" t="s">
        <v>1</v>
      </c>
      <c r="H4745" s="98">
        <v>1</v>
      </c>
      <c r="I4745" s="98">
        <v>1</v>
      </c>
      <c r="J4745" s="98">
        <v>1</v>
      </c>
      <c r="K4745" s="98" t="s">
        <v>174</v>
      </c>
      <c r="L4745" s="98" t="s">
        <v>174</v>
      </c>
      <c r="M4745" s="98" t="s">
        <v>174</v>
      </c>
      <c r="N4745" s="98" t="s">
        <v>174</v>
      </c>
      <c r="O4745" s="98" t="s">
        <v>174</v>
      </c>
      <c r="P4745" s="98" t="s">
        <v>174</v>
      </c>
      <c r="Q4745" s="98" t="s">
        <v>174</v>
      </c>
      <c r="R4745" s="98" t="s">
        <v>174</v>
      </c>
      <c r="S4745" s="98" t="s">
        <v>174</v>
      </c>
      <c r="T4745" s="98" t="s">
        <v>174</v>
      </c>
      <c r="U4745" s="99"/>
      <c r="V4745" s="99"/>
      <c r="W4745" s="99"/>
      <c r="X4745" s="99"/>
      <c r="Y4745" s="99"/>
      <c r="Z4745" s="99"/>
      <c r="AA4745" s="99"/>
      <c r="AB4745" s="99"/>
      <c r="AC4745" s="99"/>
      <c r="AD4745" s="99"/>
      <c r="AE4745" s="99"/>
      <c r="AF4745" s="99"/>
      <c r="AG4745" s="99"/>
      <c r="AH4745" s="99"/>
      <c r="AI4745" s="99"/>
      <c r="AJ4745" s="99"/>
      <c r="AK4745" s="99"/>
      <c r="AL4745" s="99"/>
      <c r="AM4745" s="99"/>
      <c r="AN4745" s="99"/>
      <c r="AO4745" s="99"/>
      <c r="AP4745" s="99"/>
      <c r="AQ4745" s="99"/>
      <c r="AR4745" s="99"/>
      <c r="AS4745" s="99"/>
      <c r="AT4745" s="99"/>
      <c r="AU4745" s="99"/>
      <c r="AV4745" s="99"/>
      <c r="AW4745" s="99"/>
      <c r="AX4745" s="99"/>
      <c r="AY4745" s="99"/>
      <c r="AZ4745" s="99"/>
      <c r="BA4745" s="99"/>
      <c r="BB4745" s="107">
        <v>45884</v>
      </c>
    </row>
    <row r="4746" spans="1:54" s="8" customFormat="1" ht="13.95" customHeight="1" x14ac:dyDescent="0.25">
      <c r="A4746" s="219" t="s">
        <v>10777</v>
      </c>
      <c r="B4746" s="220" t="s">
        <v>10412</v>
      </c>
      <c r="C4746" s="98" t="s">
        <v>10778</v>
      </c>
      <c r="D4746" s="98" t="s">
        <v>10779</v>
      </c>
      <c r="E4746" s="141" t="s">
        <v>174</v>
      </c>
      <c r="F4746" s="141">
        <v>1005</v>
      </c>
      <c r="G4746" s="98" t="s">
        <v>1</v>
      </c>
      <c r="H4746" s="98">
        <v>0</v>
      </c>
      <c r="I4746" s="98">
        <v>0</v>
      </c>
      <c r="J4746" s="98">
        <v>1</v>
      </c>
      <c r="K4746" s="98" t="s">
        <v>174</v>
      </c>
      <c r="L4746" s="98" t="s">
        <v>174</v>
      </c>
      <c r="M4746" s="98" t="s">
        <v>174</v>
      </c>
      <c r="N4746" s="98" t="s">
        <v>174</v>
      </c>
      <c r="O4746" s="98" t="s">
        <v>174</v>
      </c>
      <c r="P4746" s="98" t="s">
        <v>174</v>
      </c>
      <c r="Q4746" s="98" t="s">
        <v>174</v>
      </c>
      <c r="R4746" s="98" t="s">
        <v>174</v>
      </c>
      <c r="S4746" s="98" t="s">
        <v>174</v>
      </c>
      <c r="T4746" s="98" t="s">
        <v>174</v>
      </c>
      <c r="U4746" s="98" t="s">
        <v>174</v>
      </c>
      <c r="V4746" s="98" t="s">
        <v>174</v>
      </c>
      <c r="W4746" s="98" t="s">
        <v>174</v>
      </c>
      <c r="X4746" s="98" t="s">
        <v>174</v>
      </c>
      <c r="Y4746" s="98" t="s">
        <v>174</v>
      </c>
      <c r="Z4746" s="98" t="s">
        <v>174</v>
      </c>
      <c r="AA4746" s="98" t="s">
        <v>174</v>
      </c>
      <c r="AB4746" s="98" t="s">
        <v>174</v>
      </c>
      <c r="AC4746" s="98" t="s">
        <v>174</v>
      </c>
      <c r="AD4746" s="98" t="s">
        <v>174</v>
      </c>
      <c r="AE4746" s="98" t="s">
        <v>174</v>
      </c>
      <c r="AF4746" s="98" t="s">
        <v>174</v>
      </c>
      <c r="AG4746" s="98" t="s">
        <v>174</v>
      </c>
      <c r="AH4746" s="98" t="s">
        <v>174</v>
      </c>
      <c r="AI4746" s="98" t="s">
        <v>174</v>
      </c>
      <c r="AJ4746" s="98" t="s">
        <v>174</v>
      </c>
      <c r="AK4746" s="98" t="s">
        <v>174</v>
      </c>
      <c r="AL4746" s="98" t="s">
        <v>174</v>
      </c>
      <c r="AM4746" s="98" t="s">
        <v>174</v>
      </c>
      <c r="AN4746" s="98" t="s">
        <v>174</v>
      </c>
      <c r="AO4746" s="98" t="s">
        <v>174</v>
      </c>
      <c r="AP4746" s="98" t="s">
        <v>174</v>
      </c>
      <c r="AQ4746" s="98" t="s">
        <v>174</v>
      </c>
      <c r="AR4746" s="98" t="s">
        <v>174</v>
      </c>
      <c r="AS4746" s="98" t="s">
        <v>174</v>
      </c>
      <c r="AT4746" s="129" t="s">
        <v>174</v>
      </c>
      <c r="AU4746" s="98" t="s">
        <v>174</v>
      </c>
      <c r="AV4746" s="98" t="s">
        <v>174</v>
      </c>
      <c r="AW4746" s="98" t="s">
        <v>174</v>
      </c>
      <c r="AX4746" s="98"/>
      <c r="AY4746" s="98"/>
      <c r="AZ4746" s="98"/>
      <c r="BA4746" s="98"/>
      <c r="BB4746" s="107">
        <v>45884</v>
      </c>
    </row>
    <row r="4747" spans="1:54" s="8" customFormat="1" ht="13.95" customHeight="1" x14ac:dyDescent="0.25">
      <c r="A4747" s="219" t="s">
        <v>10780</v>
      </c>
      <c r="B4747" s="220" t="s">
        <v>10412</v>
      </c>
      <c r="C4747" s="98" t="s">
        <v>10781</v>
      </c>
      <c r="D4747" s="98" t="s">
        <v>10782</v>
      </c>
      <c r="E4747" s="141" t="s">
        <v>174</v>
      </c>
      <c r="F4747" s="141">
        <v>1014</v>
      </c>
      <c r="G4747" s="98" t="s">
        <v>1</v>
      </c>
      <c r="H4747" s="98">
        <v>0</v>
      </c>
      <c r="I4747" s="98">
        <v>0</v>
      </c>
      <c r="J4747" s="98">
        <v>1</v>
      </c>
      <c r="K4747" s="98" t="s">
        <v>174</v>
      </c>
      <c r="L4747" s="98" t="s">
        <v>174</v>
      </c>
      <c r="M4747" s="98" t="s">
        <v>174</v>
      </c>
      <c r="N4747" s="98" t="s">
        <v>174</v>
      </c>
      <c r="O4747" s="98" t="s">
        <v>174</v>
      </c>
      <c r="P4747" s="98" t="s">
        <v>174</v>
      </c>
      <c r="Q4747" s="98" t="s">
        <v>174</v>
      </c>
      <c r="R4747" s="98" t="s">
        <v>174</v>
      </c>
      <c r="S4747" s="98" t="s">
        <v>174</v>
      </c>
      <c r="T4747" s="98" t="s">
        <v>174</v>
      </c>
      <c r="U4747" s="99"/>
      <c r="V4747" s="99"/>
      <c r="W4747" s="99"/>
      <c r="X4747" s="99"/>
      <c r="Y4747" s="99"/>
      <c r="Z4747" s="99"/>
      <c r="AA4747" s="99"/>
      <c r="AB4747" s="99"/>
      <c r="AC4747" s="99"/>
      <c r="AD4747" s="99"/>
      <c r="AE4747" s="99"/>
      <c r="AF4747" s="99"/>
      <c r="AG4747" s="99"/>
      <c r="AH4747" s="99"/>
      <c r="AI4747" s="99"/>
      <c r="AJ4747" s="99"/>
      <c r="AK4747" s="99"/>
      <c r="AL4747" s="99"/>
      <c r="AM4747" s="99"/>
      <c r="AN4747" s="99"/>
      <c r="AO4747" s="99"/>
      <c r="AP4747" s="99"/>
      <c r="AQ4747" s="99"/>
      <c r="AR4747" s="99"/>
      <c r="AS4747" s="99"/>
      <c r="AT4747" s="99"/>
      <c r="AU4747" s="99"/>
      <c r="AV4747" s="99"/>
      <c r="AW4747" s="99"/>
      <c r="AX4747" s="99"/>
      <c r="AY4747" s="99"/>
      <c r="AZ4747" s="99"/>
      <c r="BA4747" s="99"/>
      <c r="BB4747" s="107">
        <v>45884</v>
      </c>
    </row>
    <row r="4748" spans="1:54" s="8" customFormat="1" ht="13.95" customHeight="1" x14ac:dyDescent="0.25">
      <c r="A4748" s="219" t="s">
        <v>10783</v>
      </c>
      <c r="B4748" s="220" t="s">
        <v>10412</v>
      </c>
      <c r="C4748" s="98" t="s">
        <v>10784</v>
      </c>
      <c r="D4748" s="98" t="s">
        <v>10785</v>
      </c>
      <c r="E4748" s="141" t="s">
        <v>174</v>
      </c>
      <c r="F4748" s="141">
        <v>1027</v>
      </c>
      <c r="G4748" s="98" t="s">
        <v>1</v>
      </c>
      <c r="H4748" s="98">
        <v>0</v>
      </c>
      <c r="I4748" s="98">
        <v>0</v>
      </c>
      <c r="J4748" s="98">
        <v>1</v>
      </c>
      <c r="K4748" s="98" t="s">
        <v>174</v>
      </c>
      <c r="L4748" s="98" t="s">
        <v>174</v>
      </c>
      <c r="M4748" s="98" t="s">
        <v>174</v>
      </c>
      <c r="N4748" s="98" t="s">
        <v>174</v>
      </c>
      <c r="O4748" s="98" t="s">
        <v>174</v>
      </c>
      <c r="P4748" s="98" t="s">
        <v>174</v>
      </c>
      <c r="Q4748" s="98" t="s">
        <v>174</v>
      </c>
      <c r="R4748" s="98" t="s">
        <v>174</v>
      </c>
      <c r="S4748" s="98" t="s">
        <v>174</v>
      </c>
      <c r="T4748" s="98" t="s">
        <v>174</v>
      </c>
      <c r="U4748" s="98" t="s">
        <v>174</v>
      </c>
      <c r="V4748" s="98" t="s">
        <v>174</v>
      </c>
      <c r="W4748" s="98" t="s">
        <v>174</v>
      </c>
      <c r="X4748" s="98" t="s">
        <v>174</v>
      </c>
      <c r="Y4748" s="98" t="s">
        <v>174</v>
      </c>
      <c r="Z4748" s="98" t="s">
        <v>174</v>
      </c>
      <c r="AA4748" s="98" t="s">
        <v>174</v>
      </c>
      <c r="AB4748" s="98" t="s">
        <v>174</v>
      </c>
      <c r="AC4748" s="98" t="s">
        <v>174</v>
      </c>
      <c r="AD4748" s="98" t="s">
        <v>174</v>
      </c>
      <c r="AE4748" s="98" t="s">
        <v>174</v>
      </c>
      <c r="AF4748" s="98" t="s">
        <v>174</v>
      </c>
      <c r="AG4748" s="98" t="s">
        <v>174</v>
      </c>
      <c r="AH4748" s="98" t="s">
        <v>174</v>
      </c>
      <c r="AI4748" s="98" t="s">
        <v>174</v>
      </c>
      <c r="AJ4748" s="98" t="s">
        <v>174</v>
      </c>
      <c r="AK4748" s="98" t="s">
        <v>174</v>
      </c>
      <c r="AL4748" s="98" t="s">
        <v>174</v>
      </c>
      <c r="AM4748" s="98" t="s">
        <v>174</v>
      </c>
      <c r="AN4748" s="98" t="s">
        <v>174</v>
      </c>
      <c r="AO4748" s="98" t="s">
        <v>174</v>
      </c>
      <c r="AP4748" s="98" t="s">
        <v>174</v>
      </c>
      <c r="AQ4748" s="98" t="s">
        <v>174</v>
      </c>
      <c r="AR4748" s="98" t="s">
        <v>174</v>
      </c>
      <c r="AS4748" s="98" t="s">
        <v>174</v>
      </c>
      <c r="AT4748" s="98">
        <v>1</v>
      </c>
      <c r="AU4748" s="98" t="s">
        <v>174</v>
      </c>
      <c r="AV4748" s="98" t="s">
        <v>174</v>
      </c>
      <c r="AW4748" s="98" t="s">
        <v>174</v>
      </c>
      <c r="AX4748" s="98"/>
      <c r="AY4748" s="98"/>
      <c r="AZ4748" s="98"/>
      <c r="BA4748" s="98"/>
      <c r="BB4748" s="107">
        <v>45884</v>
      </c>
    </row>
    <row r="4749" spans="1:54" s="8" customFormat="1" ht="13.95" customHeight="1" x14ac:dyDescent="0.25">
      <c r="A4749" s="219" t="s">
        <v>10786</v>
      </c>
      <c r="B4749" s="220" t="s">
        <v>10412</v>
      </c>
      <c r="C4749" s="98" t="s">
        <v>10787</v>
      </c>
      <c r="D4749" s="98" t="s">
        <v>10788</v>
      </c>
      <c r="E4749" s="141" t="s">
        <v>174</v>
      </c>
      <c r="F4749" s="141">
        <v>1029</v>
      </c>
      <c r="G4749" s="98" t="s">
        <v>1</v>
      </c>
      <c r="H4749" s="98">
        <v>0</v>
      </c>
      <c r="I4749" s="98">
        <v>0</v>
      </c>
      <c r="J4749" s="98">
        <v>1</v>
      </c>
      <c r="K4749" s="98" t="s">
        <v>174</v>
      </c>
      <c r="L4749" s="98" t="s">
        <v>174</v>
      </c>
      <c r="M4749" s="98" t="s">
        <v>174</v>
      </c>
      <c r="N4749" s="98" t="s">
        <v>174</v>
      </c>
      <c r="O4749" s="98" t="s">
        <v>174</v>
      </c>
      <c r="P4749" s="98" t="s">
        <v>174</v>
      </c>
      <c r="Q4749" s="98" t="s">
        <v>174</v>
      </c>
      <c r="R4749" s="98" t="s">
        <v>174</v>
      </c>
      <c r="S4749" s="98" t="s">
        <v>174</v>
      </c>
      <c r="T4749" s="98" t="s">
        <v>174</v>
      </c>
      <c r="U4749" s="99"/>
      <c r="V4749" s="99"/>
      <c r="W4749" s="99"/>
      <c r="X4749" s="99"/>
      <c r="Y4749" s="99"/>
      <c r="Z4749" s="99"/>
      <c r="AA4749" s="99"/>
      <c r="AB4749" s="99"/>
      <c r="AC4749" s="99"/>
      <c r="AD4749" s="99"/>
      <c r="AE4749" s="99"/>
      <c r="AF4749" s="99"/>
      <c r="AG4749" s="99"/>
      <c r="AH4749" s="99"/>
      <c r="AI4749" s="99"/>
      <c r="AJ4749" s="99"/>
      <c r="AK4749" s="99"/>
      <c r="AL4749" s="99"/>
      <c r="AM4749" s="99"/>
      <c r="AN4749" s="99"/>
      <c r="AO4749" s="99"/>
      <c r="AP4749" s="99"/>
      <c r="AQ4749" s="99"/>
      <c r="AR4749" s="99"/>
      <c r="AS4749" s="99"/>
      <c r="AT4749" s="99"/>
      <c r="AU4749" s="99"/>
      <c r="AV4749" s="99"/>
      <c r="AW4749" s="99"/>
      <c r="AX4749" s="99"/>
      <c r="AY4749" s="99"/>
      <c r="AZ4749" s="99"/>
      <c r="BA4749" s="99"/>
      <c r="BB4749" s="107">
        <v>45884</v>
      </c>
    </row>
    <row r="4750" spans="1:54" s="8" customFormat="1" ht="13.5" customHeight="1" x14ac:dyDescent="0.25">
      <c r="A4750" s="219" t="s">
        <v>10789</v>
      </c>
      <c r="B4750" s="220" t="s">
        <v>10412</v>
      </c>
      <c r="C4750" s="98" t="s">
        <v>10790</v>
      </c>
      <c r="D4750" s="98" t="s">
        <v>10791</v>
      </c>
      <c r="E4750" s="141" t="s">
        <v>174</v>
      </c>
      <c r="F4750" s="141">
        <v>1029</v>
      </c>
      <c r="G4750" s="98" t="s">
        <v>1</v>
      </c>
      <c r="H4750" s="98">
        <v>0</v>
      </c>
      <c r="I4750" s="98">
        <v>0</v>
      </c>
      <c r="J4750" s="98">
        <v>1</v>
      </c>
      <c r="K4750" s="98" t="s">
        <v>174</v>
      </c>
      <c r="L4750" s="98" t="s">
        <v>174</v>
      </c>
      <c r="M4750" s="98" t="s">
        <v>174</v>
      </c>
      <c r="N4750" s="98" t="s">
        <v>174</v>
      </c>
      <c r="O4750" s="98" t="s">
        <v>174</v>
      </c>
      <c r="P4750" s="98" t="s">
        <v>174</v>
      </c>
      <c r="Q4750" s="98" t="s">
        <v>174</v>
      </c>
      <c r="R4750" s="98" t="s">
        <v>174</v>
      </c>
      <c r="S4750" s="98" t="s">
        <v>174</v>
      </c>
      <c r="T4750" s="98" t="s">
        <v>174</v>
      </c>
      <c r="U4750" s="98" t="s">
        <v>174</v>
      </c>
      <c r="V4750" s="98" t="s">
        <v>174</v>
      </c>
      <c r="W4750" s="98" t="s">
        <v>174</v>
      </c>
      <c r="X4750" s="98" t="s">
        <v>174</v>
      </c>
      <c r="Y4750" s="98" t="s">
        <v>174</v>
      </c>
      <c r="Z4750" s="98" t="s">
        <v>174</v>
      </c>
      <c r="AA4750" s="98" t="s">
        <v>174</v>
      </c>
      <c r="AB4750" s="98" t="s">
        <v>174</v>
      </c>
      <c r="AC4750" s="98" t="s">
        <v>174</v>
      </c>
      <c r="AD4750" s="98" t="s">
        <v>174</v>
      </c>
      <c r="AE4750" s="98" t="s">
        <v>174</v>
      </c>
      <c r="AF4750" s="98" t="s">
        <v>174</v>
      </c>
      <c r="AG4750" s="98" t="s">
        <v>174</v>
      </c>
      <c r="AH4750" s="98" t="s">
        <v>174</v>
      </c>
      <c r="AI4750" s="98" t="s">
        <v>174</v>
      </c>
      <c r="AJ4750" s="98" t="s">
        <v>174</v>
      </c>
      <c r="AK4750" s="98" t="s">
        <v>174</v>
      </c>
      <c r="AL4750" s="98" t="s">
        <v>174</v>
      </c>
      <c r="AM4750" s="98" t="s">
        <v>174</v>
      </c>
      <c r="AN4750" s="98" t="s">
        <v>174</v>
      </c>
      <c r="AO4750" s="98" t="s">
        <v>174</v>
      </c>
      <c r="AP4750" s="98" t="s">
        <v>174</v>
      </c>
      <c r="AQ4750" s="98" t="s">
        <v>174</v>
      </c>
      <c r="AR4750" s="98" t="s">
        <v>174</v>
      </c>
      <c r="AS4750" s="98" t="s">
        <v>174</v>
      </c>
      <c r="AT4750" s="129" t="s">
        <v>174</v>
      </c>
      <c r="AU4750" s="98" t="s">
        <v>174</v>
      </c>
      <c r="AV4750" s="98" t="s">
        <v>174</v>
      </c>
      <c r="AW4750" s="98" t="s">
        <v>174</v>
      </c>
      <c r="AX4750" s="98"/>
      <c r="AY4750" s="98"/>
      <c r="AZ4750" s="98"/>
      <c r="BA4750" s="98"/>
      <c r="BB4750" s="107">
        <v>45884</v>
      </c>
    </row>
    <row r="4751" spans="1:54" s="8" customFormat="1" ht="13.95" customHeight="1" x14ac:dyDescent="0.25">
      <c r="A4751" s="219" t="s">
        <v>10792</v>
      </c>
      <c r="B4751" s="220" t="s">
        <v>10412</v>
      </c>
      <c r="C4751" s="98" t="s">
        <v>10793</v>
      </c>
      <c r="D4751" s="98" t="s">
        <v>10794</v>
      </c>
      <c r="E4751" s="141" t="s">
        <v>174</v>
      </c>
      <c r="F4751" s="141">
        <v>1031</v>
      </c>
      <c r="G4751" s="98" t="s">
        <v>1</v>
      </c>
      <c r="H4751" s="98">
        <v>0</v>
      </c>
      <c r="I4751" s="98">
        <v>0</v>
      </c>
      <c r="J4751" s="98">
        <v>1</v>
      </c>
      <c r="K4751" s="98" t="s">
        <v>174</v>
      </c>
      <c r="L4751" s="98" t="s">
        <v>174</v>
      </c>
      <c r="M4751" s="98" t="s">
        <v>174</v>
      </c>
      <c r="N4751" s="98" t="s">
        <v>174</v>
      </c>
      <c r="O4751" s="98" t="s">
        <v>174</v>
      </c>
      <c r="P4751" s="98" t="s">
        <v>174</v>
      </c>
      <c r="Q4751" s="98" t="s">
        <v>174</v>
      </c>
      <c r="R4751" s="98" t="s">
        <v>174</v>
      </c>
      <c r="S4751" s="98" t="s">
        <v>174</v>
      </c>
      <c r="T4751" s="98" t="s">
        <v>174</v>
      </c>
      <c r="U4751" s="99"/>
      <c r="V4751" s="99"/>
      <c r="W4751" s="99"/>
      <c r="X4751" s="99"/>
      <c r="Y4751" s="99"/>
      <c r="Z4751" s="99"/>
      <c r="AA4751" s="99"/>
      <c r="AB4751" s="99"/>
      <c r="AC4751" s="99"/>
      <c r="AD4751" s="99"/>
      <c r="AE4751" s="99"/>
      <c r="AF4751" s="99"/>
      <c r="AG4751" s="99"/>
      <c r="AH4751" s="99"/>
      <c r="AI4751" s="99"/>
      <c r="AJ4751" s="99"/>
      <c r="AK4751" s="99"/>
      <c r="AL4751" s="99"/>
      <c r="AM4751" s="99"/>
      <c r="AN4751" s="99"/>
      <c r="AO4751" s="99"/>
      <c r="AP4751" s="99"/>
      <c r="AQ4751" s="99"/>
      <c r="AR4751" s="99"/>
      <c r="AS4751" s="99"/>
      <c r="AT4751" s="99"/>
      <c r="AU4751" s="99"/>
      <c r="AV4751" s="99"/>
      <c r="AW4751" s="99"/>
      <c r="AX4751" s="99"/>
      <c r="AY4751" s="99"/>
      <c r="AZ4751" s="99"/>
      <c r="BA4751" s="99"/>
      <c r="BB4751" s="107">
        <v>45884</v>
      </c>
    </row>
    <row r="4752" spans="1:54" s="8" customFormat="1" ht="13.95" customHeight="1" x14ac:dyDescent="0.25">
      <c r="A4752" s="219" t="s">
        <v>10795</v>
      </c>
      <c r="B4752" s="220" t="s">
        <v>10412</v>
      </c>
      <c r="C4752" s="98" t="s">
        <v>10796</v>
      </c>
      <c r="D4752" s="98" t="s">
        <v>10797</v>
      </c>
      <c r="E4752" s="141" t="s">
        <v>174</v>
      </c>
      <c r="F4752" s="141">
        <v>1045</v>
      </c>
      <c r="G4752" s="98" t="s">
        <v>1</v>
      </c>
      <c r="H4752" s="98">
        <v>0</v>
      </c>
      <c r="I4752" s="98">
        <v>0</v>
      </c>
      <c r="J4752" s="98">
        <v>1</v>
      </c>
      <c r="K4752" s="98" t="s">
        <v>174</v>
      </c>
      <c r="L4752" s="98" t="s">
        <v>174</v>
      </c>
      <c r="M4752" s="98" t="s">
        <v>174</v>
      </c>
      <c r="N4752" s="98" t="s">
        <v>174</v>
      </c>
      <c r="O4752" s="98" t="s">
        <v>174</v>
      </c>
      <c r="P4752" s="98" t="s">
        <v>174</v>
      </c>
      <c r="Q4752" s="98" t="s">
        <v>174</v>
      </c>
      <c r="R4752" s="98" t="s">
        <v>174</v>
      </c>
      <c r="S4752" s="98" t="s">
        <v>174</v>
      </c>
      <c r="T4752" s="98" t="s">
        <v>174</v>
      </c>
      <c r="U4752" s="99"/>
      <c r="V4752" s="99"/>
      <c r="W4752" s="99"/>
      <c r="X4752" s="99"/>
      <c r="Y4752" s="99"/>
      <c r="Z4752" s="99"/>
      <c r="AA4752" s="99"/>
      <c r="AB4752" s="99"/>
      <c r="AC4752" s="99"/>
      <c r="AD4752" s="99"/>
      <c r="AE4752" s="99"/>
      <c r="AF4752" s="99"/>
      <c r="AG4752" s="99"/>
      <c r="AH4752" s="99"/>
      <c r="AI4752" s="99"/>
      <c r="AJ4752" s="99"/>
      <c r="AK4752" s="99"/>
      <c r="AL4752" s="99"/>
      <c r="AM4752" s="99"/>
      <c r="AN4752" s="99"/>
      <c r="AO4752" s="99"/>
      <c r="AP4752" s="99"/>
      <c r="AQ4752" s="99"/>
      <c r="AR4752" s="99"/>
      <c r="AS4752" s="99"/>
      <c r="AT4752" s="99"/>
      <c r="AU4752" s="99"/>
      <c r="AV4752" s="99"/>
      <c r="AW4752" s="99"/>
      <c r="AX4752" s="99"/>
      <c r="AY4752" s="99"/>
      <c r="AZ4752" s="99"/>
      <c r="BA4752" s="99"/>
      <c r="BB4752" s="107">
        <v>45884</v>
      </c>
    </row>
    <row r="4753" spans="1:54" s="8" customFormat="1" ht="13.95" customHeight="1" x14ac:dyDescent="0.25">
      <c r="A4753" s="219" t="s">
        <v>10798</v>
      </c>
      <c r="B4753" s="220" t="s">
        <v>10412</v>
      </c>
      <c r="C4753" s="98" t="s">
        <v>10799</v>
      </c>
      <c r="D4753" s="98" t="s">
        <v>10800</v>
      </c>
      <c r="E4753" s="141" t="s">
        <v>174</v>
      </c>
      <c r="F4753" s="141">
        <v>1052</v>
      </c>
      <c r="G4753" s="98" t="s">
        <v>1</v>
      </c>
      <c r="H4753" s="98">
        <v>0</v>
      </c>
      <c r="I4753" s="98">
        <v>0</v>
      </c>
      <c r="J4753" s="98">
        <v>1</v>
      </c>
      <c r="K4753" s="98"/>
      <c r="L4753" s="98"/>
      <c r="M4753" s="98"/>
      <c r="N4753" s="98"/>
      <c r="O4753" s="98"/>
      <c r="P4753" s="98"/>
      <c r="Q4753" s="98"/>
      <c r="R4753" s="98"/>
      <c r="S4753" s="98"/>
      <c r="T4753" s="98"/>
      <c r="U4753" s="99"/>
      <c r="V4753" s="99"/>
      <c r="W4753" s="99"/>
      <c r="X4753" s="99"/>
      <c r="Y4753" s="99"/>
      <c r="Z4753" s="99"/>
      <c r="AA4753" s="99"/>
      <c r="AB4753" s="99"/>
      <c r="AC4753" s="99"/>
      <c r="AD4753" s="99"/>
      <c r="AE4753" s="99"/>
      <c r="AF4753" s="99"/>
      <c r="AG4753" s="99"/>
      <c r="AH4753" s="99"/>
      <c r="AI4753" s="99"/>
      <c r="AJ4753" s="99"/>
      <c r="AK4753" s="99"/>
      <c r="AL4753" s="99"/>
      <c r="AM4753" s="99"/>
      <c r="AN4753" s="99"/>
      <c r="AO4753" s="99"/>
      <c r="AP4753" s="99"/>
      <c r="AQ4753" s="99"/>
      <c r="AR4753" s="99"/>
      <c r="AS4753" s="99"/>
      <c r="AT4753" s="99"/>
      <c r="AU4753" s="99"/>
      <c r="AV4753" s="99"/>
      <c r="AW4753" s="99"/>
      <c r="AX4753" s="99"/>
      <c r="AY4753" s="99"/>
      <c r="AZ4753" s="99"/>
      <c r="BA4753" s="99"/>
      <c r="BB4753" s="107">
        <v>45884</v>
      </c>
    </row>
    <row r="4754" spans="1:54" s="8" customFormat="1" ht="13.95" customHeight="1" x14ac:dyDescent="0.25">
      <c r="A4754" s="219" t="s">
        <v>10801</v>
      </c>
      <c r="B4754" s="220" t="s">
        <v>10412</v>
      </c>
      <c r="C4754" s="98" t="s">
        <v>10802</v>
      </c>
      <c r="D4754" s="98" t="s">
        <v>10803</v>
      </c>
      <c r="E4754" s="141" t="s">
        <v>174</v>
      </c>
      <c r="F4754" s="141">
        <v>1071</v>
      </c>
      <c r="G4754" s="98" t="s">
        <v>1</v>
      </c>
      <c r="H4754" s="98">
        <v>1</v>
      </c>
      <c r="I4754" s="98">
        <v>1</v>
      </c>
      <c r="J4754" s="98">
        <v>1</v>
      </c>
      <c r="K4754" s="98" t="s">
        <v>174</v>
      </c>
      <c r="L4754" s="98" t="s">
        <v>174</v>
      </c>
      <c r="M4754" s="98" t="s">
        <v>174</v>
      </c>
      <c r="N4754" s="98" t="s">
        <v>174</v>
      </c>
      <c r="O4754" s="98" t="s">
        <v>174</v>
      </c>
      <c r="P4754" s="98" t="s">
        <v>174</v>
      </c>
      <c r="Q4754" s="98" t="s">
        <v>174</v>
      </c>
      <c r="R4754" s="98" t="s">
        <v>174</v>
      </c>
      <c r="S4754" s="98" t="s">
        <v>174</v>
      </c>
      <c r="T4754" s="98" t="s">
        <v>174</v>
      </c>
      <c r="U4754" s="99"/>
      <c r="V4754" s="99"/>
      <c r="W4754" s="99"/>
      <c r="X4754" s="99"/>
      <c r="Y4754" s="99"/>
      <c r="Z4754" s="99"/>
      <c r="AA4754" s="99"/>
      <c r="AB4754" s="99"/>
      <c r="AC4754" s="99"/>
      <c r="AD4754" s="99"/>
      <c r="AE4754" s="99"/>
      <c r="AF4754" s="99"/>
      <c r="AG4754" s="99"/>
      <c r="AH4754" s="99"/>
      <c r="AI4754" s="99"/>
      <c r="AJ4754" s="99"/>
      <c r="AK4754" s="99"/>
      <c r="AL4754" s="99"/>
      <c r="AM4754" s="99"/>
      <c r="AN4754" s="99"/>
      <c r="AO4754" s="99"/>
      <c r="AP4754" s="99"/>
      <c r="AQ4754" s="99"/>
      <c r="AR4754" s="99"/>
      <c r="AS4754" s="99"/>
      <c r="AT4754" s="99"/>
      <c r="AU4754" s="99"/>
      <c r="AV4754" s="99"/>
      <c r="AW4754" s="99"/>
      <c r="AX4754" s="99"/>
      <c r="AY4754" s="99"/>
      <c r="AZ4754" s="99"/>
      <c r="BA4754" s="99"/>
      <c r="BB4754" s="107">
        <v>45884</v>
      </c>
    </row>
    <row r="4755" spans="1:54" s="8" customFormat="1" ht="13.95" customHeight="1" x14ac:dyDescent="0.25">
      <c r="A4755" s="219" t="s">
        <v>10804</v>
      </c>
      <c r="B4755" s="220" t="s">
        <v>10412</v>
      </c>
      <c r="C4755" s="98" t="s">
        <v>10805</v>
      </c>
      <c r="D4755" s="98" t="s">
        <v>10806</v>
      </c>
      <c r="E4755" s="141" t="s">
        <v>174</v>
      </c>
      <c r="F4755" s="141">
        <v>1086</v>
      </c>
      <c r="G4755" s="98" t="s">
        <v>1</v>
      </c>
      <c r="H4755" s="98">
        <v>0</v>
      </c>
      <c r="I4755" s="98">
        <v>0</v>
      </c>
      <c r="J4755" s="98">
        <v>1</v>
      </c>
      <c r="K4755" s="98" t="s">
        <v>174</v>
      </c>
      <c r="L4755" s="98" t="s">
        <v>174</v>
      </c>
      <c r="M4755" s="98" t="s">
        <v>174</v>
      </c>
      <c r="N4755" s="98" t="s">
        <v>174</v>
      </c>
      <c r="O4755" s="98" t="s">
        <v>174</v>
      </c>
      <c r="P4755" s="98" t="s">
        <v>174</v>
      </c>
      <c r="Q4755" s="98" t="s">
        <v>174</v>
      </c>
      <c r="R4755" s="98" t="s">
        <v>174</v>
      </c>
      <c r="S4755" s="98" t="s">
        <v>174</v>
      </c>
      <c r="T4755" s="98" t="s">
        <v>174</v>
      </c>
      <c r="U4755" s="99"/>
      <c r="V4755" s="99"/>
      <c r="W4755" s="99"/>
      <c r="X4755" s="99"/>
      <c r="Y4755" s="99"/>
      <c r="Z4755" s="99"/>
      <c r="AA4755" s="99"/>
      <c r="AB4755" s="99"/>
      <c r="AC4755" s="99"/>
      <c r="AD4755" s="99"/>
      <c r="AE4755" s="99"/>
      <c r="AF4755" s="99"/>
      <c r="AG4755" s="99"/>
      <c r="AH4755" s="99"/>
      <c r="AI4755" s="99"/>
      <c r="AJ4755" s="99"/>
      <c r="AK4755" s="99"/>
      <c r="AL4755" s="99"/>
      <c r="AM4755" s="99"/>
      <c r="AN4755" s="99"/>
      <c r="AO4755" s="99"/>
      <c r="AP4755" s="99"/>
      <c r="AQ4755" s="99"/>
      <c r="AR4755" s="99"/>
      <c r="AS4755" s="99"/>
      <c r="AT4755" s="99"/>
      <c r="AU4755" s="99"/>
      <c r="AV4755" s="99"/>
      <c r="AW4755" s="99"/>
      <c r="AX4755" s="99"/>
      <c r="AY4755" s="99"/>
      <c r="AZ4755" s="99"/>
      <c r="BA4755" s="99"/>
      <c r="BB4755" s="107">
        <v>45884</v>
      </c>
    </row>
    <row r="4756" spans="1:54" s="8" customFormat="1" ht="13.95" customHeight="1" x14ac:dyDescent="0.25">
      <c r="A4756" s="219" t="s">
        <v>10807</v>
      </c>
      <c r="B4756" s="220" t="s">
        <v>10412</v>
      </c>
      <c r="C4756" s="98" t="s">
        <v>10808</v>
      </c>
      <c r="D4756" s="98" t="s">
        <v>10809</v>
      </c>
      <c r="E4756" s="141" t="s">
        <v>174</v>
      </c>
      <c r="F4756" s="141">
        <v>1100</v>
      </c>
      <c r="G4756" s="98" t="s">
        <v>1</v>
      </c>
      <c r="H4756" s="98">
        <v>0</v>
      </c>
      <c r="I4756" s="98">
        <v>0</v>
      </c>
      <c r="J4756" s="98">
        <v>1</v>
      </c>
      <c r="K4756" s="98" t="s">
        <v>174</v>
      </c>
      <c r="L4756" s="98" t="s">
        <v>174</v>
      </c>
      <c r="M4756" s="98" t="s">
        <v>174</v>
      </c>
      <c r="N4756" s="98" t="s">
        <v>174</v>
      </c>
      <c r="O4756" s="98" t="s">
        <v>174</v>
      </c>
      <c r="P4756" s="98" t="s">
        <v>174</v>
      </c>
      <c r="Q4756" s="98" t="s">
        <v>174</v>
      </c>
      <c r="R4756" s="98" t="s">
        <v>174</v>
      </c>
      <c r="S4756" s="98" t="s">
        <v>174</v>
      </c>
      <c r="T4756" s="98" t="s">
        <v>174</v>
      </c>
      <c r="U4756" s="99"/>
      <c r="V4756" s="99"/>
      <c r="W4756" s="99"/>
      <c r="X4756" s="99"/>
      <c r="Y4756" s="99"/>
      <c r="Z4756" s="99"/>
      <c r="AA4756" s="99"/>
      <c r="AB4756" s="99"/>
      <c r="AC4756" s="99"/>
      <c r="AD4756" s="99"/>
      <c r="AE4756" s="99"/>
      <c r="AF4756" s="99"/>
      <c r="AG4756" s="99"/>
      <c r="AH4756" s="99"/>
      <c r="AI4756" s="99"/>
      <c r="AJ4756" s="99"/>
      <c r="AK4756" s="99"/>
      <c r="AL4756" s="99"/>
      <c r="AM4756" s="99"/>
      <c r="AN4756" s="99"/>
      <c r="AO4756" s="99"/>
      <c r="AP4756" s="99"/>
      <c r="AQ4756" s="99"/>
      <c r="AR4756" s="99"/>
      <c r="AS4756" s="99"/>
      <c r="AT4756" s="99"/>
      <c r="AU4756" s="99"/>
      <c r="AV4756" s="99"/>
      <c r="AW4756" s="99"/>
      <c r="AX4756" s="99"/>
      <c r="AY4756" s="99"/>
      <c r="AZ4756" s="99"/>
      <c r="BA4756" s="99"/>
      <c r="BB4756" s="107">
        <v>45884</v>
      </c>
    </row>
    <row r="4757" spans="1:54" s="8" customFormat="1" ht="13.95" customHeight="1" x14ac:dyDescent="0.25">
      <c r="A4757" s="219" t="s">
        <v>10810</v>
      </c>
      <c r="B4757" s="220" t="s">
        <v>10412</v>
      </c>
      <c r="C4757" s="98" t="s">
        <v>10811</v>
      </c>
      <c r="D4757" s="98" t="s">
        <v>10812</v>
      </c>
      <c r="E4757" s="141" t="s">
        <v>174</v>
      </c>
      <c r="F4757" s="141">
        <v>1114</v>
      </c>
      <c r="G4757" s="98" t="s">
        <v>1</v>
      </c>
      <c r="H4757" s="98">
        <v>0</v>
      </c>
      <c r="I4757" s="98">
        <v>0</v>
      </c>
      <c r="J4757" s="98">
        <v>1</v>
      </c>
      <c r="K4757" s="98" t="s">
        <v>174</v>
      </c>
      <c r="L4757" s="98" t="s">
        <v>174</v>
      </c>
      <c r="M4757" s="98" t="s">
        <v>174</v>
      </c>
      <c r="N4757" s="98" t="s">
        <v>174</v>
      </c>
      <c r="O4757" s="98" t="s">
        <v>174</v>
      </c>
      <c r="P4757" s="98" t="s">
        <v>174</v>
      </c>
      <c r="Q4757" s="98" t="s">
        <v>174</v>
      </c>
      <c r="R4757" s="98" t="s">
        <v>174</v>
      </c>
      <c r="S4757" s="98" t="s">
        <v>174</v>
      </c>
      <c r="T4757" s="98" t="s">
        <v>174</v>
      </c>
      <c r="U4757" s="99"/>
      <c r="V4757" s="99"/>
      <c r="W4757" s="99"/>
      <c r="X4757" s="99"/>
      <c r="Y4757" s="99"/>
      <c r="Z4757" s="99"/>
      <c r="AA4757" s="99"/>
      <c r="AB4757" s="99"/>
      <c r="AC4757" s="99"/>
      <c r="AD4757" s="99"/>
      <c r="AE4757" s="99"/>
      <c r="AF4757" s="99"/>
      <c r="AG4757" s="99"/>
      <c r="AH4757" s="99"/>
      <c r="AI4757" s="99"/>
      <c r="AJ4757" s="99"/>
      <c r="AK4757" s="99"/>
      <c r="AL4757" s="99"/>
      <c r="AM4757" s="99"/>
      <c r="AN4757" s="99"/>
      <c r="AO4757" s="99"/>
      <c r="AP4757" s="99"/>
      <c r="AQ4757" s="99"/>
      <c r="AR4757" s="99"/>
      <c r="AS4757" s="99"/>
      <c r="AT4757" s="99"/>
      <c r="AU4757" s="99"/>
      <c r="AV4757" s="99"/>
      <c r="AW4757" s="99"/>
      <c r="AX4757" s="99"/>
      <c r="AY4757" s="99"/>
      <c r="AZ4757" s="99"/>
      <c r="BA4757" s="99"/>
      <c r="BB4757" s="107">
        <v>45884</v>
      </c>
    </row>
    <row r="4758" spans="1:54" s="8" customFormat="1" ht="13.95" customHeight="1" x14ac:dyDescent="0.25">
      <c r="A4758" s="219" t="s">
        <v>10813</v>
      </c>
      <c r="B4758" s="220" t="s">
        <v>10412</v>
      </c>
      <c r="C4758" s="98" t="s">
        <v>10814</v>
      </c>
      <c r="D4758" s="98" t="s">
        <v>10815</v>
      </c>
      <c r="E4758" s="141" t="s">
        <v>174</v>
      </c>
      <c r="F4758" s="141">
        <v>1131</v>
      </c>
      <c r="G4758" s="98" t="s">
        <v>1</v>
      </c>
      <c r="H4758" s="98">
        <v>0</v>
      </c>
      <c r="I4758" s="98">
        <v>0</v>
      </c>
      <c r="J4758" s="98">
        <v>1</v>
      </c>
      <c r="K4758" s="98" t="s">
        <v>174</v>
      </c>
      <c r="L4758" s="98" t="s">
        <v>174</v>
      </c>
      <c r="M4758" s="98" t="s">
        <v>174</v>
      </c>
      <c r="N4758" s="98" t="s">
        <v>174</v>
      </c>
      <c r="O4758" s="98" t="s">
        <v>174</v>
      </c>
      <c r="P4758" s="98" t="s">
        <v>174</v>
      </c>
      <c r="Q4758" s="98" t="s">
        <v>174</v>
      </c>
      <c r="R4758" s="98" t="s">
        <v>174</v>
      </c>
      <c r="S4758" s="98" t="s">
        <v>174</v>
      </c>
      <c r="T4758" s="98" t="s">
        <v>174</v>
      </c>
      <c r="U4758" s="99"/>
      <c r="V4758" s="99"/>
      <c r="W4758" s="99"/>
      <c r="X4758" s="99"/>
      <c r="Y4758" s="99"/>
      <c r="Z4758" s="99"/>
      <c r="AA4758" s="99"/>
      <c r="AB4758" s="99"/>
      <c r="AC4758" s="99"/>
      <c r="AD4758" s="99"/>
      <c r="AE4758" s="99"/>
      <c r="AF4758" s="99"/>
      <c r="AG4758" s="99"/>
      <c r="AH4758" s="99"/>
      <c r="AI4758" s="99"/>
      <c r="AJ4758" s="99"/>
      <c r="AK4758" s="99"/>
      <c r="AL4758" s="99"/>
      <c r="AM4758" s="99"/>
      <c r="AN4758" s="99"/>
      <c r="AO4758" s="99"/>
      <c r="AP4758" s="99"/>
      <c r="AQ4758" s="99"/>
      <c r="AR4758" s="99"/>
      <c r="AS4758" s="99"/>
      <c r="AT4758" s="99"/>
      <c r="AU4758" s="99"/>
      <c r="AV4758" s="99"/>
      <c r="AW4758" s="99"/>
      <c r="AX4758" s="99"/>
      <c r="AY4758" s="99"/>
      <c r="AZ4758" s="99"/>
      <c r="BA4758" s="99"/>
      <c r="BB4758" s="107">
        <v>45884</v>
      </c>
    </row>
    <row r="4759" spans="1:54" s="8" customFormat="1" ht="13.95" customHeight="1" x14ac:dyDescent="0.25">
      <c r="A4759" s="219" t="s">
        <v>10816</v>
      </c>
      <c r="B4759" s="220" t="s">
        <v>10412</v>
      </c>
      <c r="C4759" s="98" t="s">
        <v>10817</v>
      </c>
      <c r="D4759" s="98" t="s">
        <v>10818</v>
      </c>
      <c r="E4759" s="141" t="s">
        <v>174</v>
      </c>
      <c r="F4759" s="141">
        <v>1137</v>
      </c>
      <c r="G4759" s="98" t="s">
        <v>1</v>
      </c>
      <c r="H4759" s="98">
        <v>0</v>
      </c>
      <c r="I4759" s="98">
        <v>0</v>
      </c>
      <c r="J4759" s="98">
        <v>1</v>
      </c>
      <c r="K4759" s="98" t="s">
        <v>174</v>
      </c>
      <c r="L4759" s="98" t="s">
        <v>174</v>
      </c>
      <c r="M4759" s="98" t="s">
        <v>174</v>
      </c>
      <c r="N4759" s="98" t="s">
        <v>174</v>
      </c>
      <c r="O4759" s="98" t="s">
        <v>174</v>
      </c>
      <c r="P4759" s="98" t="s">
        <v>174</v>
      </c>
      <c r="Q4759" s="98" t="s">
        <v>174</v>
      </c>
      <c r="R4759" s="98" t="s">
        <v>174</v>
      </c>
      <c r="S4759" s="98" t="s">
        <v>174</v>
      </c>
      <c r="T4759" s="98" t="s">
        <v>174</v>
      </c>
      <c r="U4759" s="99"/>
      <c r="V4759" s="99"/>
      <c r="W4759" s="99"/>
      <c r="X4759" s="99"/>
      <c r="Y4759" s="99"/>
      <c r="Z4759" s="99"/>
      <c r="AA4759" s="99"/>
      <c r="AB4759" s="99"/>
      <c r="AC4759" s="99"/>
      <c r="AD4759" s="99"/>
      <c r="AE4759" s="99"/>
      <c r="AF4759" s="99"/>
      <c r="AG4759" s="99"/>
      <c r="AH4759" s="99"/>
      <c r="AI4759" s="99"/>
      <c r="AJ4759" s="99"/>
      <c r="AK4759" s="99"/>
      <c r="AL4759" s="99"/>
      <c r="AM4759" s="99"/>
      <c r="AN4759" s="99"/>
      <c r="AO4759" s="99"/>
      <c r="AP4759" s="99"/>
      <c r="AQ4759" s="99"/>
      <c r="AR4759" s="99"/>
      <c r="AS4759" s="99"/>
      <c r="AT4759" s="99"/>
      <c r="AU4759" s="99"/>
      <c r="AV4759" s="99"/>
      <c r="AW4759" s="99"/>
      <c r="AX4759" s="99"/>
      <c r="AY4759" s="99"/>
      <c r="AZ4759" s="99"/>
      <c r="BA4759" s="99"/>
      <c r="BB4759" s="107">
        <v>45884</v>
      </c>
    </row>
    <row r="4760" spans="1:54" s="8" customFormat="1" ht="13.95" customHeight="1" x14ac:dyDescent="0.25">
      <c r="A4760" s="219" t="s">
        <v>10819</v>
      </c>
      <c r="B4760" s="220" t="s">
        <v>10412</v>
      </c>
      <c r="C4760" s="98" t="s">
        <v>10820</v>
      </c>
      <c r="D4760" s="98" t="s">
        <v>10821</v>
      </c>
      <c r="E4760" s="141" t="s">
        <v>174</v>
      </c>
      <c r="F4760" s="141">
        <v>1141</v>
      </c>
      <c r="G4760" s="98" t="s">
        <v>1</v>
      </c>
      <c r="H4760" s="98">
        <v>0</v>
      </c>
      <c r="I4760" s="98">
        <v>0</v>
      </c>
      <c r="J4760" s="98">
        <v>1</v>
      </c>
      <c r="K4760" s="98" t="s">
        <v>174</v>
      </c>
      <c r="L4760" s="98" t="s">
        <v>174</v>
      </c>
      <c r="M4760" s="98" t="s">
        <v>174</v>
      </c>
      <c r="N4760" s="98" t="s">
        <v>174</v>
      </c>
      <c r="O4760" s="98" t="s">
        <v>174</v>
      </c>
      <c r="P4760" s="98" t="s">
        <v>174</v>
      </c>
      <c r="Q4760" s="98" t="s">
        <v>174</v>
      </c>
      <c r="R4760" s="98" t="s">
        <v>174</v>
      </c>
      <c r="S4760" s="98" t="s">
        <v>174</v>
      </c>
      <c r="T4760" s="98" t="s">
        <v>174</v>
      </c>
      <c r="U4760" s="99"/>
      <c r="V4760" s="99"/>
      <c r="W4760" s="99"/>
      <c r="X4760" s="99"/>
      <c r="Y4760" s="99"/>
      <c r="Z4760" s="99"/>
      <c r="AA4760" s="99"/>
      <c r="AB4760" s="99"/>
      <c r="AC4760" s="99"/>
      <c r="AD4760" s="99"/>
      <c r="AE4760" s="99"/>
      <c r="AF4760" s="99"/>
      <c r="AG4760" s="99"/>
      <c r="AH4760" s="99"/>
      <c r="AI4760" s="99"/>
      <c r="AJ4760" s="99"/>
      <c r="AK4760" s="99"/>
      <c r="AL4760" s="99"/>
      <c r="AM4760" s="99"/>
      <c r="AN4760" s="99"/>
      <c r="AO4760" s="99"/>
      <c r="AP4760" s="99"/>
      <c r="AQ4760" s="99"/>
      <c r="AR4760" s="99"/>
      <c r="AS4760" s="99"/>
      <c r="AT4760" s="99"/>
      <c r="AU4760" s="99"/>
      <c r="AV4760" s="99"/>
      <c r="AW4760" s="99"/>
      <c r="AX4760" s="99"/>
      <c r="AY4760" s="99"/>
      <c r="AZ4760" s="99"/>
      <c r="BA4760" s="99"/>
      <c r="BB4760" s="107">
        <v>45884</v>
      </c>
    </row>
    <row r="4761" spans="1:54" s="8" customFormat="1" ht="13.95" customHeight="1" x14ac:dyDescent="0.25">
      <c r="A4761" s="219" t="s">
        <v>10822</v>
      </c>
      <c r="B4761" s="220" t="s">
        <v>10412</v>
      </c>
      <c r="C4761" s="98" t="s">
        <v>10823</v>
      </c>
      <c r="D4761" s="98" t="s">
        <v>10824</v>
      </c>
      <c r="E4761" s="141" t="s">
        <v>174</v>
      </c>
      <c r="F4761" s="141">
        <v>1141</v>
      </c>
      <c r="G4761" s="98" t="s">
        <v>1</v>
      </c>
      <c r="H4761" s="98">
        <v>1</v>
      </c>
      <c r="I4761" s="98">
        <v>1</v>
      </c>
      <c r="J4761" s="98">
        <v>1</v>
      </c>
      <c r="K4761" s="98" t="s">
        <v>174</v>
      </c>
      <c r="L4761" s="98" t="s">
        <v>174</v>
      </c>
      <c r="M4761" s="98" t="s">
        <v>174</v>
      </c>
      <c r="N4761" s="98" t="s">
        <v>174</v>
      </c>
      <c r="O4761" s="98" t="s">
        <v>174</v>
      </c>
      <c r="P4761" s="98" t="s">
        <v>174</v>
      </c>
      <c r="Q4761" s="98" t="s">
        <v>174</v>
      </c>
      <c r="R4761" s="98" t="s">
        <v>174</v>
      </c>
      <c r="S4761" s="98" t="s">
        <v>174</v>
      </c>
      <c r="T4761" s="98" t="s">
        <v>174</v>
      </c>
      <c r="U4761" s="99"/>
      <c r="V4761" s="99"/>
      <c r="W4761" s="99"/>
      <c r="X4761" s="99"/>
      <c r="Y4761" s="99"/>
      <c r="Z4761" s="99"/>
      <c r="AA4761" s="99"/>
      <c r="AB4761" s="99"/>
      <c r="AC4761" s="99"/>
      <c r="AD4761" s="99"/>
      <c r="AE4761" s="99"/>
      <c r="AF4761" s="99"/>
      <c r="AG4761" s="99"/>
      <c r="AH4761" s="99"/>
      <c r="AI4761" s="99"/>
      <c r="AJ4761" s="99"/>
      <c r="AK4761" s="99"/>
      <c r="AL4761" s="99"/>
      <c r="AM4761" s="99"/>
      <c r="AN4761" s="99"/>
      <c r="AO4761" s="99"/>
      <c r="AP4761" s="99"/>
      <c r="AQ4761" s="99"/>
      <c r="AR4761" s="99"/>
      <c r="AS4761" s="99"/>
      <c r="AT4761" s="99"/>
      <c r="AU4761" s="99"/>
      <c r="AV4761" s="99"/>
      <c r="AW4761" s="99"/>
      <c r="AX4761" s="99"/>
      <c r="AY4761" s="99"/>
      <c r="AZ4761" s="99"/>
      <c r="BA4761" s="99"/>
      <c r="BB4761" s="107">
        <v>45884</v>
      </c>
    </row>
    <row r="4762" spans="1:54" s="8" customFormat="1" ht="13.95" customHeight="1" x14ac:dyDescent="0.25">
      <c r="A4762" s="219" t="s">
        <v>10825</v>
      </c>
      <c r="B4762" s="220" t="s">
        <v>10412</v>
      </c>
      <c r="C4762" s="98" t="s">
        <v>10826</v>
      </c>
      <c r="D4762" s="98" t="s">
        <v>10827</v>
      </c>
      <c r="E4762" s="141" t="s">
        <v>174</v>
      </c>
      <c r="F4762" s="141">
        <v>1144</v>
      </c>
      <c r="G4762" s="98" t="s">
        <v>1</v>
      </c>
      <c r="H4762" s="98">
        <v>0</v>
      </c>
      <c r="I4762" s="98">
        <v>0</v>
      </c>
      <c r="J4762" s="98">
        <v>1</v>
      </c>
      <c r="K4762" s="98" t="s">
        <v>174</v>
      </c>
      <c r="L4762" s="98" t="s">
        <v>174</v>
      </c>
      <c r="M4762" s="98" t="s">
        <v>174</v>
      </c>
      <c r="N4762" s="98" t="s">
        <v>174</v>
      </c>
      <c r="O4762" s="98" t="s">
        <v>174</v>
      </c>
      <c r="P4762" s="98" t="s">
        <v>174</v>
      </c>
      <c r="Q4762" s="98" t="s">
        <v>174</v>
      </c>
      <c r="R4762" s="98" t="s">
        <v>174</v>
      </c>
      <c r="S4762" s="98" t="s">
        <v>174</v>
      </c>
      <c r="T4762" s="98" t="s">
        <v>174</v>
      </c>
      <c r="U4762" s="99"/>
      <c r="V4762" s="99"/>
      <c r="W4762" s="99"/>
      <c r="X4762" s="99"/>
      <c r="Y4762" s="99"/>
      <c r="Z4762" s="99"/>
      <c r="AA4762" s="99"/>
      <c r="AB4762" s="99"/>
      <c r="AC4762" s="99"/>
      <c r="AD4762" s="99"/>
      <c r="AE4762" s="99"/>
      <c r="AF4762" s="99"/>
      <c r="AG4762" s="99"/>
      <c r="AH4762" s="99"/>
      <c r="AI4762" s="99"/>
      <c r="AJ4762" s="99"/>
      <c r="AK4762" s="99"/>
      <c r="AL4762" s="99"/>
      <c r="AM4762" s="99"/>
      <c r="AN4762" s="99"/>
      <c r="AO4762" s="99"/>
      <c r="AP4762" s="99"/>
      <c r="AQ4762" s="99"/>
      <c r="AR4762" s="99"/>
      <c r="AS4762" s="99"/>
      <c r="AT4762" s="99"/>
      <c r="AU4762" s="99"/>
      <c r="AV4762" s="99"/>
      <c r="AW4762" s="99"/>
      <c r="AX4762" s="99"/>
      <c r="AY4762" s="99"/>
      <c r="AZ4762" s="99"/>
      <c r="BA4762" s="99"/>
      <c r="BB4762" s="107">
        <v>45884</v>
      </c>
    </row>
    <row r="4763" spans="1:54" s="8" customFormat="1" ht="13.95" customHeight="1" x14ac:dyDescent="0.25">
      <c r="A4763" s="219" t="s">
        <v>10828</v>
      </c>
      <c r="B4763" s="220" t="s">
        <v>10412</v>
      </c>
      <c r="C4763" s="98" t="s">
        <v>10829</v>
      </c>
      <c r="D4763" s="98" t="s">
        <v>10830</v>
      </c>
      <c r="E4763" s="141" t="s">
        <v>174</v>
      </c>
      <c r="F4763" s="141">
        <v>1156</v>
      </c>
      <c r="G4763" s="98" t="s">
        <v>1</v>
      </c>
      <c r="H4763" s="98">
        <v>0</v>
      </c>
      <c r="I4763" s="98">
        <v>0</v>
      </c>
      <c r="J4763" s="98">
        <v>1</v>
      </c>
      <c r="K4763" s="98" t="s">
        <v>174</v>
      </c>
      <c r="L4763" s="98" t="s">
        <v>174</v>
      </c>
      <c r="M4763" s="98" t="s">
        <v>174</v>
      </c>
      <c r="N4763" s="98" t="s">
        <v>174</v>
      </c>
      <c r="O4763" s="98" t="s">
        <v>174</v>
      </c>
      <c r="P4763" s="98" t="s">
        <v>174</v>
      </c>
      <c r="Q4763" s="98" t="s">
        <v>174</v>
      </c>
      <c r="R4763" s="98" t="s">
        <v>174</v>
      </c>
      <c r="S4763" s="98" t="s">
        <v>174</v>
      </c>
      <c r="T4763" s="98" t="s">
        <v>174</v>
      </c>
      <c r="U4763" s="99"/>
      <c r="V4763" s="99"/>
      <c r="W4763" s="99"/>
      <c r="X4763" s="99"/>
      <c r="Y4763" s="99"/>
      <c r="Z4763" s="99"/>
      <c r="AA4763" s="99"/>
      <c r="AB4763" s="99"/>
      <c r="AC4763" s="99"/>
      <c r="AD4763" s="99"/>
      <c r="AE4763" s="99"/>
      <c r="AF4763" s="99"/>
      <c r="AG4763" s="99"/>
      <c r="AH4763" s="99"/>
      <c r="AI4763" s="99"/>
      <c r="AJ4763" s="99"/>
      <c r="AK4763" s="99"/>
      <c r="AL4763" s="99"/>
      <c r="AM4763" s="99"/>
      <c r="AN4763" s="99"/>
      <c r="AO4763" s="99"/>
      <c r="AP4763" s="99"/>
      <c r="AQ4763" s="99"/>
      <c r="AR4763" s="99"/>
      <c r="AS4763" s="99"/>
      <c r="AT4763" s="99"/>
      <c r="AU4763" s="99"/>
      <c r="AV4763" s="99"/>
      <c r="AW4763" s="99"/>
      <c r="AX4763" s="99"/>
      <c r="AY4763" s="99"/>
      <c r="AZ4763" s="99"/>
      <c r="BA4763" s="99"/>
      <c r="BB4763" s="107">
        <v>45884</v>
      </c>
    </row>
    <row r="4764" spans="1:54" s="8" customFormat="1" ht="13.95" customHeight="1" x14ac:dyDescent="0.25">
      <c r="A4764" s="219" t="s">
        <v>10831</v>
      </c>
      <c r="B4764" s="220" t="s">
        <v>10412</v>
      </c>
      <c r="C4764" s="98" t="s">
        <v>10832</v>
      </c>
      <c r="D4764" s="98" t="s">
        <v>10833</v>
      </c>
      <c r="E4764" s="141" t="s">
        <v>174</v>
      </c>
      <c r="F4764" s="141">
        <v>1160</v>
      </c>
      <c r="G4764" s="98" t="s">
        <v>1</v>
      </c>
      <c r="H4764" s="98">
        <v>0</v>
      </c>
      <c r="I4764" s="98">
        <v>0</v>
      </c>
      <c r="J4764" s="98">
        <v>1</v>
      </c>
      <c r="K4764" s="98" t="s">
        <v>174</v>
      </c>
      <c r="L4764" s="98" t="s">
        <v>174</v>
      </c>
      <c r="M4764" s="98" t="s">
        <v>174</v>
      </c>
      <c r="N4764" s="98" t="s">
        <v>174</v>
      </c>
      <c r="O4764" s="98" t="s">
        <v>174</v>
      </c>
      <c r="P4764" s="98" t="s">
        <v>174</v>
      </c>
      <c r="Q4764" s="98" t="s">
        <v>174</v>
      </c>
      <c r="R4764" s="98" t="s">
        <v>174</v>
      </c>
      <c r="S4764" s="98" t="s">
        <v>174</v>
      </c>
      <c r="T4764" s="98" t="s">
        <v>174</v>
      </c>
      <c r="U4764" s="98" t="s">
        <v>174</v>
      </c>
      <c r="V4764" s="98" t="s">
        <v>174</v>
      </c>
      <c r="W4764" s="98" t="s">
        <v>174</v>
      </c>
      <c r="X4764" s="98" t="s">
        <v>174</v>
      </c>
      <c r="Y4764" s="98" t="s">
        <v>174</v>
      </c>
      <c r="Z4764" s="98" t="s">
        <v>174</v>
      </c>
      <c r="AA4764" s="98" t="s">
        <v>174</v>
      </c>
      <c r="AB4764" s="98" t="s">
        <v>174</v>
      </c>
      <c r="AC4764" s="98" t="s">
        <v>174</v>
      </c>
      <c r="AD4764" s="98" t="s">
        <v>174</v>
      </c>
      <c r="AE4764" s="98" t="s">
        <v>174</v>
      </c>
      <c r="AF4764" s="98" t="s">
        <v>174</v>
      </c>
      <c r="AG4764" s="98" t="s">
        <v>174</v>
      </c>
      <c r="AH4764" s="98" t="s">
        <v>174</v>
      </c>
      <c r="AI4764" s="98" t="s">
        <v>174</v>
      </c>
      <c r="AJ4764" s="98" t="s">
        <v>174</v>
      </c>
      <c r="AK4764" s="98" t="s">
        <v>174</v>
      </c>
      <c r="AL4764" s="98" t="s">
        <v>174</v>
      </c>
      <c r="AM4764" s="98" t="s">
        <v>174</v>
      </c>
      <c r="AN4764" s="98" t="s">
        <v>174</v>
      </c>
      <c r="AO4764" s="98" t="s">
        <v>174</v>
      </c>
      <c r="AP4764" s="98" t="s">
        <v>174</v>
      </c>
      <c r="AQ4764" s="98" t="s">
        <v>174</v>
      </c>
      <c r="AR4764" s="98" t="s">
        <v>174</v>
      </c>
      <c r="AS4764" s="98" t="s">
        <v>174</v>
      </c>
      <c r="AT4764" s="129" t="s">
        <v>174</v>
      </c>
      <c r="AU4764" s="98" t="s">
        <v>174</v>
      </c>
      <c r="AV4764" s="98" t="s">
        <v>174</v>
      </c>
      <c r="AW4764" s="98" t="s">
        <v>174</v>
      </c>
      <c r="AX4764" s="98"/>
      <c r="AY4764" s="98"/>
      <c r="AZ4764" s="98"/>
      <c r="BA4764" s="98"/>
      <c r="BB4764" s="107">
        <v>45884</v>
      </c>
    </row>
    <row r="4765" spans="1:54" s="8" customFormat="1" ht="13.95" customHeight="1" x14ac:dyDescent="0.25">
      <c r="A4765" s="219" t="s">
        <v>10834</v>
      </c>
      <c r="B4765" s="220" t="s">
        <v>10412</v>
      </c>
      <c r="C4765" s="98" t="s">
        <v>10835</v>
      </c>
      <c r="D4765" s="98" t="s">
        <v>10836</v>
      </c>
      <c r="E4765" s="141" t="s">
        <v>174</v>
      </c>
      <c r="F4765" s="141">
        <v>1173</v>
      </c>
      <c r="G4765" s="98" t="s">
        <v>1</v>
      </c>
      <c r="H4765" s="98">
        <v>1</v>
      </c>
      <c r="I4765" s="98">
        <v>0</v>
      </c>
      <c r="J4765" s="98">
        <v>1</v>
      </c>
      <c r="K4765" s="98" t="s">
        <v>174</v>
      </c>
      <c r="L4765" s="98" t="s">
        <v>174</v>
      </c>
      <c r="M4765" s="98" t="s">
        <v>174</v>
      </c>
      <c r="N4765" s="98" t="s">
        <v>174</v>
      </c>
      <c r="O4765" s="98" t="s">
        <v>174</v>
      </c>
      <c r="P4765" s="98" t="s">
        <v>174</v>
      </c>
      <c r="Q4765" s="98" t="s">
        <v>174</v>
      </c>
      <c r="R4765" s="98" t="s">
        <v>174</v>
      </c>
      <c r="S4765" s="98" t="s">
        <v>174</v>
      </c>
      <c r="T4765" s="98" t="s">
        <v>174</v>
      </c>
      <c r="U4765" s="98" t="s">
        <v>174</v>
      </c>
      <c r="V4765" s="98" t="s">
        <v>174</v>
      </c>
      <c r="W4765" s="98" t="s">
        <v>174</v>
      </c>
      <c r="X4765" s="98" t="s">
        <v>174</v>
      </c>
      <c r="Y4765" s="98" t="s">
        <v>174</v>
      </c>
      <c r="Z4765" s="98" t="s">
        <v>174</v>
      </c>
      <c r="AA4765" s="98" t="s">
        <v>174</v>
      </c>
      <c r="AB4765" s="98" t="s">
        <v>174</v>
      </c>
      <c r="AC4765" s="98" t="s">
        <v>174</v>
      </c>
      <c r="AD4765" s="98" t="s">
        <v>174</v>
      </c>
      <c r="AE4765" s="98" t="s">
        <v>174</v>
      </c>
      <c r="AF4765" s="98" t="s">
        <v>174</v>
      </c>
      <c r="AG4765" s="98" t="s">
        <v>174</v>
      </c>
      <c r="AH4765" s="98" t="s">
        <v>174</v>
      </c>
      <c r="AI4765" s="98" t="s">
        <v>174</v>
      </c>
      <c r="AJ4765" s="98" t="s">
        <v>174</v>
      </c>
      <c r="AK4765" s="98" t="s">
        <v>174</v>
      </c>
      <c r="AL4765" s="98" t="s">
        <v>174</v>
      </c>
      <c r="AM4765" s="98" t="s">
        <v>174</v>
      </c>
      <c r="AN4765" s="98" t="s">
        <v>174</v>
      </c>
      <c r="AO4765" s="98" t="s">
        <v>174</v>
      </c>
      <c r="AP4765" s="98" t="s">
        <v>174</v>
      </c>
      <c r="AQ4765" s="98" t="s">
        <v>174</v>
      </c>
      <c r="AR4765" s="98" t="s">
        <v>174</v>
      </c>
      <c r="AS4765" s="98" t="s">
        <v>174</v>
      </c>
      <c r="AT4765" s="129" t="s">
        <v>174</v>
      </c>
      <c r="AU4765" s="98" t="s">
        <v>174</v>
      </c>
      <c r="AV4765" s="98" t="s">
        <v>174</v>
      </c>
      <c r="AW4765" s="98" t="s">
        <v>174</v>
      </c>
      <c r="AX4765" s="98"/>
      <c r="AY4765" s="98"/>
      <c r="AZ4765" s="98"/>
      <c r="BA4765" s="98"/>
      <c r="BB4765" s="107">
        <v>45884</v>
      </c>
    </row>
    <row r="4766" spans="1:54" s="8" customFormat="1" ht="13.95" customHeight="1" x14ac:dyDescent="0.25">
      <c r="A4766" s="219" t="s">
        <v>10837</v>
      </c>
      <c r="B4766" s="220" t="s">
        <v>10412</v>
      </c>
      <c r="C4766" s="98" t="s">
        <v>10838</v>
      </c>
      <c r="D4766" s="98" t="s">
        <v>10839</v>
      </c>
      <c r="E4766" s="141" t="s">
        <v>174</v>
      </c>
      <c r="F4766" s="141">
        <v>1174</v>
      </c>
      <c r="G4766" s="98" t="s">
        <v>1</v>
      </c>
      <c r="H4766" s="98">
        <v>1</v>
      </c>
      <c r="I4766" s="98">
        <v>0</v>
      </c>
      <c r="J4766" s="98">
        <v>1</v>
      </c>
      <c r="K4766" s="98" t="s">
        <v>174</v>
      </c>
      <c r="L4766" s="98" t="s">
        <v>174</v>
      </c>
      <c r="M4766" s="98" t="s">
        <v>174</v>
      </c>
      <c r="N4766" s="98" t="s">
        <v>174</v>
      </c>
      <c r="O4766" s="98" t="s">
        <v>174</v>
      </c>
      <c r="P4766" s="98" t="s">
        <v>174</v>
      </c>
      <c r="Q4766" s="98" t="s">
        <v>174</v>
      </c>
      <c r="R4766" s="98" t="s">
        <v>174</v>
      </c>
      <c r="S4766" s="98" t="s">
        <v>174</v>
      </c>
      <c r="T4766" s="98" t="s">
        <v>174</v>
      </c>
      <c r="U4766" s="99"/>
      <c r="V4766" s="99"/>
      <c r="W4766" s="99"/>
      <c r="X4766" s="99"/>
      <c r="Y4766" s="99"/>
      <c r="Z4766" s="99"/>
      <c r="AA4766" s="99"/>
      <c r="AB4766" s="99"/>
      <c r="AC4766" s="99"/>
      <c r="AD4766" s="99"/>
      <c r="AE4766" s="99"/>
      <c r="AF4766" s="99"/>
      <c r="AG4766" s="99"/>
      <c r="AH4766" s="99"/>
      <c r="AI4766" s="99"/>
      <c r="AJ4766" s="99"/>
      <c r="AK4766" s="99"/>
      <c r="AL4766" s="99"/>
      <c r="AM4766" s="99"/>
      <c r="AN4766" s="99"/>
      <c r="AO4766" s="99"/>
      <c r="AP4766" s="99"/>
      <c r="AQ4766" s="99"/>
      <c r="AR4766" s="99"/>
      <c r="AS4766" s="99"/>
      <c r="AT4766" s="99"/>
      <c r="AU4766" s="99"/>
      <c r="AV4766" s="99"/>
      <c r="AW4766" s="99"/>
      <c r="AX4766" s="99"/>
      <c r="AY4766" s="99"/>
      <c r="AZ4766" s="99"/>
      <c r="BA4766" s="99"/>
      <c r="BB4766" s="107">
        <v>45884</v>
      </c>
    </row>
    <row r="4767" spans="1:54" s="8" customFormat="1" ht="13.95" customHeight="1" x14ac:dyDescent="0.25">
      <c r="A4767" s="219" t="s">
        <v>10840</v>
      </c>
      <c r="B4767" s="220" t="s">
        <v>10412</v>
      </c>
      <c r="C4767" s="98" t="s">
        <v>10841</v>
      </c>
      <c r="D4767" s="98" t="s">
        <v>10842</v>
      </c>
      <c r="E4767" s="141" t="s">
        <v>174</v>
      </c>
      <c r="F4767" s="141">
        <v>1175</v>
      </c>
      <c r="G4767" s="98" t="s">
        <v>1</v>
      </c>
      <c r="H4767" s="98">
        <v>0</v>
      </c>
      <c r="I4767" s="98">
        <v>0</v>
      </c>
      <c r="J4767" s="98">
        <v>1</v>
      </c>
      <c r="K4767" s="98" t="s">
        <v>174</v>
      </c>
      <c r="L4767" s="98" t="s">
        <v>174</v>
      </c>
      <c r="M4767" s="98" t="s">
        <v>174</v>
      </c>
      <c r="N4767" s="98" t="s">
        <v>174</v>
      </c>
      <c r="O4767" s="98" t="s">
        <v>174</v>
      </c>
      <c r="P4767" s="98" t="s">
        <v>174</v>
      </c>
      <c r="Q4767" s="98" t="s">
        <v>174</v>
      </c>
      <c r="R4767" s="98" t="s">
        <v>174</v>
      </c>
      <c r="S4767" s="98" t="s">
        <v>174</v>
      </c>
      <c r="T4767" s="98" t="s">
        <v>174</v>
      </c>
      <c r="U4767" s="98" t="s">
        <v>174</v>
      </c>
      <c r="V4767" s="98" t="s">
        <v>174</v>
      </c>
      <c r="W4767" s="98" t="s">
        <v>174</v>
      </c>
      <c r="X4767" s="98" t="s">
        <v>174</v>
      </c>
      <c r="Y4767" s="98" t="s">
        <v>174</v>
      </c>
      <c r="Z4767" s="98" t="s">
        <v>174</v>
      </c>
      <c r="AA4767" s="98" t="s">
        <v>174</v>
      </c>
      <c r="AB4767" s="98" t="s">
        <v>174</v>
      </c>
      <c r="AC4767" s="98" t="s">
        <v>174</v>
      </c>
      <c r="AD4767" s="98" t="s">
        <v>174</v>
      </c>
      <c r="AE4767" s="98" t="s">
        <v>174</v>
      </c>
      <c r="AF4767" s="98" t="s">
        <v>174</v>
      </c>
      <c r="AG4767" s="98" t="s">
        <v>174</v>
      </c>
      <c r="AH4767" s="98" t="s">
        <v>174</v>
      </c>
      <c r="AI4767" s="98" t="s">
        <v>174</v>
      </c>
      <c r="AJ4767" s="98" t="s">
        <v>174</v>
      </c>
      <c r="AK4767" s="98" t="s">
        <v>174</v>
      </c>
      <c r="AL4767" s="98" t="s">
        <v>174</v>
      </c>
      <c r="AM4767" s="98" t="s">
        <v>174</v>
      </c>
      <c r="AN4767" s="98" t="s">
        <v>174</v>
      </c>
      <c r="AO4767" s="98" t="s">
        <v>174</v>
      </c>
      <c r="AP4767" s="98" t="s">
        <v>174</v>
      </c>
      <c r="AQ4767" s="98" t="s">
        <v>174</v>
      </c>
      <c r="AR4767" s="98" t="s">
        <v>174</v>
      </c>
      <c r="AS4767" s="98" t="s">
        <v>174</v>
      </c>
      <c r="AT4767" s="129" t="s">
        <v>174</v>
      </c>
      <c r="AU4767" s="98" t="s">
        <v>174</v>
      </c>
      <c r="AV4767" s="98" t="s">
        <v>174</v>
      </c>
      <c r="AW4767" s="98" t="s">
        <v>174</v>
      </c>
      <c r="AX4767" s="98"/>
      <c r="AY4767" s="98"/>
      <c r="AZ4767" s="98"/>
      <c r="BA4767" s="98"/>
      <c r="BB4767" s="107">
        <v>45884</v>
      </c>
    </row>
    <row r="4768" spans="1:54" s="8" customFormat="1" ht="13.95" customHeight="1" x14ac:dyDescent="0.25">
      <c r="A4768" s="219" t="s">
        <v>10843</v>
      </c>
      <c r="B4768" s="220" t="s">
        <v>10412</v>
      </c>
      <c r="C4768" s="98" t="s">
        <v>10844</v>
      </c>
      <c r="D4768" s="98" t="s">
        <v>10845</v>
      </c>
      <c r="E4768" s="141" t="s">
        <v>174</v>
      </c>
      <c r="F4768" s="141">
        <v>1174</v>
      </c>
      <c r="G4768" s="98" t="s">
        <v>1</v>
      </c>
      <c r="H4768" s="98">
        <v>0</v>
      </c>
      <c r="I4768" s="98">
        <v>0</v>
      </c>
      <c r="J4768" s="98">
        <v>1</v>
      </c>
      <c r="K4768" s="98" t="s">
        <v>174</v>
      </c>
      <c r="L4768" s="98" t="s">
        <v>174</v>
      </c>
      <c r="M4768" s="98" t="s">
        <v>174</v>
      </c>
      <c r="N4768" s="98" t="s">
        <v>174</v>
      </c>
      <c r="O4768" s="98" t="s">
        <v>174</v>
      </c>
      <c r="P4768" s="98" t="s">
        <v>174</v>
      </c>
      <c r="Q4768" s="98" t="s">
        <v>174</v>
      </c>
      <c r="R4768" s="98" t="s">
        <v>174</v>
      </c>
      <c r="S4768" s="98" t="s">
        <v>174</v>
      </c>
      <c r="T4768" s="98" t="s">
        <v>174</v>
      </c>
      <c r="U4768" s="99"/>
      <c r="V4768" s="99"/>
      <c r="W4768" s="99"/>
      <c r="X4768" s="99"/>
      <c r="Y4768" s="99"/>
      <c r="Z4768" s="99"/>
      <c r="AA4768" s="99"/>
      <c r="AB4768" s="99"/>
      <c r="AC4768" s="99"/>
      <c r="AD4768" s="99"/>
      <c r="AE4768" s="99"/>
      <c r="AF4768" s="99"/>
      <c r="AG4768" s="99"/>
      <c r="AH4768" s="99"/>
      <c r="AI4768" s="99"/>
      <c r="AJ4768" s="99"/>
      <c r="AK4768" s="99"/>
      <c r="AL4768" s="99"/>
      <c r="AM4768" s="99"/>
      <c r="AN4768" s="99"/>
      <c r="AO4768" s="99"/>
      <c r="AP4768" s="99"/>
      <c r="AQ4768" s="99"/>
      <c r="AR4768" s="99"/>
      <c r="AS4768" s="99"/>
      <c r="AT4768" s="99"/>
      <c r="AU4768" s="99"/>
      <c r="AV4768" s="99"/>
      <c r="AW4768" s="99"/>
      <c r="AX4768" s="99"/>
      <c r="AY4768" s="99"/>
      <c r="AZ4768" s="99"/>
      <c r="BA4768" s="99"/>
      <c r="BB4768" s="107">
        <v>45884</v>
      </c>
    </row>
    <row r="4769" spans="1:54" s="8" customFormat="1" ht="13.95" customHeight="1" x14ac:dyDescent="0.25">
      <c r="A4769" s="219" t="s">
        <v>10846</v>
      </c>
      <c r="B4769" s="220" t="s">
        <v>10412</v>
      </c>
      <c r="C4769" s="98" t="s">
        <v>10847</v>
      </c>
      <c r="D4769" s="98" t="s">
        <v>10848</v>
      </c>
      <c r="E4769" s="141" t="s">
        <v>174</v>
      </c>
      <c r="F4769" s="141">
        <v>1219</v>
      </c>
      <c r="G4769" s="98" t="s">
        <v>1</v>
      </c>
      <c r="H4769" s="98">
        <v>1</v>
      </c>
      <c r="I4769" s="98">
        <v>0</v>
      </c>
      <c r="J4769" s="98">
        <v>1</v>
      </c>
      <c r="K4769" s="98" t="s">
        <v>174</v>
      </c>
      <c r="L4769" s="98" t="s">
        <v>174</v>
      </c>
      <c r="M4769" s="98" t="s">
        <v>174</v>
      </c>
      <c r="N4769" s="98" t="s">
        <v>174</v>
      </c>
      <c r="O4769" s="98" t="s">
        <v>174</v>
      </c>
      <c r="P4769" s="98" t="s">
        <v>174</v>
      </c>
      <c r="Q4769" s="98" t="s">
        <v>174</v>
      </c>
      <c r="R4769" s="98" t="s">
        <v>174</v>
      </c>
      <c r="S4769" s="98" t="s">
        <v>174</v>
      </c>
      <c r="T4769" s="98" t="s">
        <v>174</v>
      </c>
      <c r="U4769" s="99"/>
      <c r="V4769" s="99"/>
      <c r="W4769" s="99"/>
      <c r="X4769" s="99"/>
      <c r="Y4769" s="99"/>
      <c r="Z4769" s="99"/>
      <c r="AA4769" s="99"/>
      <c r="AB4769" s="99"/>
      <c r="AC4769" s="99"/>
      <c r="AD4769" s="99"/>
      <c r="AE4769" s="99"/>
      <c r="AF4769" s="99"/>
      <c r="AG4769" s="99"/>
      <c r="AH4769" s="99"/>
      <c r="AI4769" s="99"/>
      <c r="AJ4769" s="99"/>
      <c r="AK4769" s="99"/>
      <c r="AL4769" s="99"/>
      <c r="AM4769" s="99"/>
      <c r="AN4769" s="99"/>
      <c r="AO4769" s="99"/>
      <c r="AP4769" s="99"/>
      <c r="AQ4769" s="99"/>
      <c r="AR4769" s="99"/>
      <c r="AS4769" s="99"/>
      <c r="AT4769" s="99"/>
      <c r="AU4769" s="99"/>
      <c r="AV4769" s="99"/>
      <c r="AW4769" s="99"/>
      <c r="AX4769" s="99"/>
      <c r="AY4769" s="99"/>
      <c r="AZ4769" s="99"/>
      <c r="BA4769" s="99"/>
      <c r="BB4769" s="107">
        <v>45884</v>
      </c>
    </row>
    <row r="4770" spans="1:54" s="8" customFormat="1" ht="13.95" customHeight="1" x14ac:dyDescent="0.25">
      <c r="A4770" s="219" t="s">
        <v>10849</v>
      </c>
      <c r="B4770" s="220" t="s">
        <v>10412</v>
      </c>
      <c r="C4770" s="98" t="s">
        <v>10850</v>
      </c>
      <c r="D4770" s="98" t="s">
        <v>10851</v>
      </c>
      <c r="E4770" s="141" t="s">
        <v>174</v>
      </c>
      <c r="F4770" s="141">
        <v>1220</v>
      </c>
      <c r="G4770" s="98" t="s">
        <v>1</v>
      </c>
      <c r="H4770" s="98">
        <v>1</v>
      </c>
      <c r="I4770" s="98">
        <v>0</v>
      </c>
      <c r="J4770" s="98">
        <v>1</v>
      </c>
      <c r="K4770" s="98" t="s">
        <v>174</v>
      </c>
      <c r="L4770" s="98" t="s">
        <v>174</v>
      </c>
      <c r="M4770" s="98" t="s">
        <v>174</v>
      </c>
      <c r="N4770" s="98" t="s">
        <v>174</v>
      </c>
      <c r="O4770" s="98" t="s">
        <v>174</v>
      </c>
      <c r="P4770" s="98" t="s">
        <v>174</v>
      </c>
      <c r="Q4770" s="98" t="s">
        <v>174</v>
      </c>
      <c r="R4770" s="98" t="s">
        <v>174</v>
      </c>
      <c r="S4770" s="98" t="s">
        <v>174</v>
      </c>
      <c r="T4770" s="98" t="s">
        <v>174</v>
      </c>
      <c r="U4770" s="98" t="s">
        <v>174</v>
      </c>
      <c r="V4770" s="98" t="s">
        <v>174</v>
      </c>
      <c r="W4770" s="98" t="s">
        <v>174</v>
      </c>
      <c r="X4770" s="98" t="s">
        <v>174</v>
      </c>
      <c r="Y4770" s="98" t="s">
        <v>174</v>
      </c>
      <c r="Z4770" s="98" t="s">
        <v>174</v>
      </c>
      <c r="AA4770" s="98" t="s">
        <v>174</v>
      </c>
      <c r="AB4770" s="98" t="s">
        <v>174</v>
      </c>
      <c r="AC4770" s="98" t="s">
        <v>174</v>
      </c>
      <c r="AD4770" s="98" t="s">
        <v>174</v>
      </c>
      <c r="AE4770" s="98" t="s">
        <v>174</v>
      </c>
      <c r="AF4770" s="98" t="s">
        <v>174</v>
      </c>
      <c r="AG4770" s="98" t="s">
        <v>174</v>
      </c>
      <c r="AH4770" s="98" t="s">
        <v>174</v>
      </c>
      <c r="AI4770" s="98" t="s">
        <v>174</v>
      </c>
      <c r="AJ4770" s="98" t="s">
        <v>174</v>
      </c>
      <c r="AK4770" s="98" t="s">
        <v>174</v>
      </c>
      <c r="AL4770" s="98" t="s">
        <v>174</v>
      </c>
      <c r="AM4770" s="98" t="s">
        <v>174</v>
      </c>
      <c r="AN4770" s="98" t="s">
        <v>174</v>
      </c>
      <c r="AO4770" s="98" t="s">
        <v>174</v>
      </c>
      <c r="AP4770" s="98" t="s">
        <v>174</v>
      </c>
      <c r="AQ4770" s="98" t="s">
        <v>174</v>
      </c>
      <c r="AR4770" s="98" t="s">
        <v>174</v>
      </c>
      <c r="AS4770" s="98" t="s">
        <v>174</v>
      </c>
      <c r="AT4770" s="129" t="s">
        <v>174</v>
      </c>
      <c r="AU4770" s="98" t="s">
        <v>174</v>
      </c>
      <c r="AV4770" s="98" t="s">
        <v>174</v>
      </c>
      <c r="AW4770" s="98" t="s">
        <v>174</v>
      </c>
      <c r="AX4770" s="98"/>
      <c r="AY4770" s="98"/>
      <c r="AZ4770" s="98"/>
      <c r="BA4770" s="98"/>
      <c r="BB4770" s="107">
        <v>45884</v>
      </c>
    </row>
    <row r="4771" spans="1:54" s="8" customFormat="1" ht="13.95" customHeight="1" x14ac:dyDescent="0.25">
      <c r="A4771" s="219" t="s">
        <v>10852</v>
      </c>
      <c r="B4771" s="220" t="s">
        <v>10412</v>
      </c>
      <c r="C4771" s="98" t="s">
        <v>10853</v>
      </c>
      <c r="D4771" s="98" t="s">
        <v>10854</v>
      </c>
      <c r="E4771" s="141" t="s">
        <v>174</v>
      </c>
      <c r="F4771" s="141">
        <v>874</v>
      </c>
      <c r="G4771" s="98" t="s">
        <v>1</v>
      </c>
      <c r="H4771" s="98">
        <v>0</v>
      </c>
      <c r="I4771" s="98">
        <v>0</v>
      </c>
      <c r="J4771" s="98">
        <v>1</v>
      </c>
      <c r="K4771" s="98" t="s">
        <v>174</v>
      </c>
      <c r="L4771" s="98" t="s">
        <v>174</v>
      </c>
      <c r="M4771" s="98" t="s">
        <v>174</v>
      </c>
      <c r="N4771" s="98" t="s">
        <v>174</v>
      </c>
      <c r="O4771" s="98" t="s">
        <v>174</v>
      </c>
      <c r="P4771" s="98" t="s">
        <v>174</v>
      </c>
      <c r="Q4771" s="98" t="s">
        <v>174</v>
      </c>
      <c r="R4771" s="98" t="s">
        <v>174</v>
      </c>
      <c r="S4771" s="98" t="s">
        <v>174</v>
      </c>
      <c r="T4771" s="98" t="s">
        <v>174</v>
      </c>
      <c r="U4771" s="99"/>
      <c r="V4771" s="99"/>
      <c r="W4771" s="99"/>
      <c r="X4771" s="99"/>
      <c r="Y4771" s="99"/>
      <c r="Z4771" s="99"/>
      <c r="AA4771" s="99"/>
      <c r="AB4771" s="99"/>
      <c r="AC4771" s="99"/>
      <c r="AD4771" s="99"/>
      <c r="AE4771" s="99"/>
      <c r="AF4771" s="99"/>
      <c r="AG4771" s="99"/>
      <c r="AH4771" s="99"/>
      <c r="AI4771" s="99"/>
      <c r="AJ4771" s="99"/>
      <c r="AK4771" s="99"/>
      <c r="AL4771" s="99"/>
      <c r="AM4771" s="99"/>
      <c r="AN4771" s="99"/>
      <c r="AO4771" s="99"/>
      <c r="AP4771" s="99"/>
      <c r="AQ4771" s="99"/>
      <c r="AR4771" s="99"/>
      <c r="AS4771" s="99"/>
      <c r="AT4771" s="99"/>
      <c r="AU4771" s="99"/>
      <c r="AV4771" s="99"/>
      <c r="AW4771" s="99"/>
      <c r="AX4771" s="99"/>
      <c r="AY4771" s="99"/>
      <c r="AZ4771" s="99"/>
      <c r="BA4771" s="99"/>
      <c r="BB4771" s="107">
        <v>45884</v>
      </c>
    </row>
    <row r="4772" spans="1:54" s="8" customFormat="1" ht="13.95" customHeight="1" x14ac:dyDescent="0.25">
      <c r="A4772" s="219" t="s">
        <v>10855</v>
      </c>
      <c r="B4772" s="220" t="s">
        <v>10412</v>
      </c>
      <c r="C4772" s="98" t="s">
        <v>10856</v>
      </c>
      <c r="D4772" s="98" t="s">
        <v>10857</v>
      </c>
      <c r="E4772" s="141" t="s">
        <v>174</v>
      </c>
      <c r="F4772" s="141">
        <v>1237</v>
      </c>
      <c r="G4772" s="98" t="s">
        <v>1</v>
      </c>
      <c r="H4772" s="98">
        <v>0</v>
      </c>
      <c r="I4772" s="98">
        <v>0</v>
      </c>
      <c r="J4772" s="98">
        <v>1</v>
      </c>
      <c r="K4772" s="98" t="s">
        <v>174</v>
      </c>
      <c r="L4772" s="98" t="s">
        <v>174</v>
      </c>
      <c r="M4772" s="98" t="s">
        <v>174</v>
      </c>
      <c r="N4772" s="98" t="s">
        <v>174</v>
      </c>
      <c r="O4772" s="98" t="s">
        <v>174</v>
      </c>
      <c r="P4772" s="98" t="s">
        <v>174</v>
      </c>
      <c r="Q4772" s="98" t="s">
        <v>174</v>
      </c>
      <c r="R4772" s="98" t="s">
        <v>174</v>
      </c>
      <c r="S4772" s="98" t="s">
        <v>174</v>
      </c>
      <c r="T4772" s="98" t="s">
        <v>174</v>
      </c>
      <c r="U4772" s="99"/>
      <c r="V4772" s="99"/>
      <c r="W4772" s="99"/>
      <c r="X4772" s="99"/>
      <c r="Y4772" s="99"/>
      <c r="Z4772" s="99"/>
      <c r="AA4772" s="99"/>
      <c r="AB4772" s="99"/>
      <c r="AC4772" s="99"/>
      <c r="AD4772" s="99"/>
      <c r="AE4772" s="99"/>
      <c r="AF4772" s="99"/>
      <c r="AG4772" s="99"/>
      <c r="AH4772" s="99"/>
      <c r="AI4772" s="99"/>
      <c r="AJ4772" s="99"/>
      <c r="AK4772" s="99"/>
      <c r="AL4772" s="99"/>
      <c r="AM4772" s="99"/>
      <c r="AN4772" s="99"/>
      <c r="AO4772" s="99"/>
      <c r="AP4772" s="99"/>
      <c r="AQ4772" s="99"/>
      <c r="AR4772" s="99"/>
      <c r="AS4772" s="99"/>
      <c r="AT4772" s="99"/>
      <c r="AU4772" s="99"/>
      <c r="AV4772" s="99"/>
      <c r="AW4772" s="99"/>
      <c r="AX4772" s="99"/>
      <c r="AY4772" s="99"/>
      <c r="AZ4772" s="99"/>
      <c r="BA4772" s="99"/>
      <c r="BB4772" s="107">
        <v>45884</v>
      </c>
    </row>
    <row r="4773" spans="1:54" s="8" customFormat="1" ht="13.95" customHeight="1" x14ac:dyDescent="0.25">
      <c r="A4773" s="219" t="s">
        <v>10858</v>
      </c>
      <c r="B4773" s="220" t="s">
        <v>10412</v>
      </c>
      <c r="C4773" s="98" t="s">
        <v>10859</v>
      </c>
      <c r="D4773" s="98" t="s">
        <v>10741</v>
      </c>
      <c r="E4773" s="141" t="s">
        <v>174</v>
      </c>
      <c r="F4773" s="141">
        <v>1250</v>
      </c>
      <c r="G4773" s="98" t="s">
        <v>1</v>
      </c>
      <c r="H4773" s="98">
        <v>0</v>
      </c>
      <c r="I4773" s="98">
        <v>0</v>
      </c>
      <c r="J4773" s="98">
        <v>1</v>
      </c>
      <c r="K4773" s="98" t="s">
        <v>174</v>
      </c>
      <c r="L4773" s="98" t="s">
        <v>174</v>
      </c>
      <c r="M4773" s="98" t="s">
        <v>174</v>
      </c>
      <c r="N4773" s="98" t="s">
        <v>174</v>
      </c>
      <c r="O4773" s="98" t="s">
        <v>174</v>
      </c>
      <c r="P4773" s="98" t="s">
        <v>174</v>
      </c>
      <c r="Q4773" s="98" t="s">
        <v>174</v>
      </c>
      <c r="R4773" s="98" t="s">
        <v>174</v>
      </c>
      <c r="S4773" s="98" t="s">
        <v>174</v>
      </c>
      <c r="T4773" s="98" t="s">
        <v>174</v>
      </c>
      <c r="U4773" s="98" t="s">
        <v>174</v>
      </c>
      <c r="V4773" s="98" t="s">
        <v>174</v>
      </c>
      <c r="W4773" s="98" t="s">
        <v>174</v>
      </c>
      <c r="X4773" s="98" t="s">
        <v>174</v>
      </c>
      <c r="Y4773" s="98" t="s">
        <v>174</v>
      </c>
      <c r="Z4773" s="98" t="s">
        <v>174</v>
      </c>
      <c r="AA4773" s="98" t="s">
        <v>174</v>
      </c>
      <c r="AB4773" s="98" t="s">
        <v>174</v>
      </c>
      <c r="AC4773" s="98" t="s">
        <v>174</v>
      </c>
      <c r="AD4773" s="98" t="s">
        <v>174</v>
      </c>
      <c r="AE4773" s="98" t="s">
        <v>174</v>
      </c>
      <c r="AF4773" s="98" t="s">
        <v>174</v>
      </c>
      <c r="AG4773" s="98" t="s">
        <v>174</v>
      </c>
      <c r="AH4773" s="98" t="s">
        <v>174</v>
      </c>
      <c r="AI4773" s="98" t="s">
        <v>174</v>
      </c>
      <c r="AJ4773" s="98" t="s">
        <v>174</v>
      </c>
      <c r="AK4773" s="98" t="s">
        <v>174</v>
      </c>
      <c r="AL4773" s="98" t="s">
        <v>174</v>
      </c>
      <c r="AM4773" s="98" t="s">
        <v>174</v>
      </c>
      <c r="AN4773" s="98" t="s">
        <v>174</v>
      </c>
      <c r="AO4773" s="98" t="s">
        <v>174</v>
      </c>
      <c r="AP4773" s="98" t="s">
        <v>174</v>
      </c>
      <c r="AQ4773" s="98" t="s">
        <v>174</v>
      </c>
      <c r="AR4773" s="98" t="s">
        <v>174</v>
      </c>
      <c r="AS4773" s="98" t="s">
        <v>174</v>
      </c>
      <c r="AT4773" s="129" t="s">
        <v>174</v>
      </c>
      <c r="AU4773" s="98" t="s">
        <v>174</v>
      </c>
      <c r="AV4773" s="98" t="s">
        <v>174</v>
      </c>
      <c r="AW4773" s="98" t="s">
        <v>174</v>
      </c>
      <c r="AX4773" s="98"/>
      <c r="AY4773" s="98"/>
      <c r="AZ4773" s="98"/>
      <c r="BA4773" s="98"/>
      <c r="BB4773" s="107">
        <v>45884</v>
      </c>
    </row>
    <row r="4774" spans="1:54" s="8" customFormat="1" ht="13.95" customHeight="1" x14ac:dyDescent="0.25">
      <c r="A4774" s="219" t="s">
        <v>10860</v>
      </c>
      <c r="B4774" s="220" t="s">
        <v>10412</v>
      </c>
      <c r="C4774" s="98" t="s">
        <v>10861</v>
      </c>
      <c r="D4774" s="98" t="s">
        <v>10862</v>
      </c>
      <c r="E4774" s="141" t="s">
        <v>174</v>
      </c>
      <c r="F4774" s="141">
        <v>1254</v>
      </c>
      <c r="G4774" s="98" t="s">
        <v>1</v>
      </c>
      <c r="H4774" s="98">
        <v>0</v>
      </c>
      <c r="I4774" s="98">
        <v>0</v>
      </c>
      <c r="J4774" s="98">
        <v>1</v>
      </c>
      <c r="K4774" s="98" t="s">
        <v>174</v>
      </c>
      <c r="L4774" s="98" t="s">
        <v>174</v>
      </c>
      <c r="M4774" s="98" t="s">
        <v>174</v>
      </c>
      <c r="N4774" s="98" t="s">
        <v>174</v>
      </c>
      <c r="O4774" s="98" t="s">
        <v>174</v>
      </c>
      <c r="P4774" s="98" t="s">
        <v>174</v>
      </c>
      <c r="Q4774" s="98" t="s">
        <v>174</v>
      </c>
      <c r="R4774" s="98" t="s">
        <v>174</v>
      </c>
      <c r="S4774" s="98" t="s">
        <v>174</v>
      </c>
      <c r="T4774" s="98" t="s">
        <v>174</v>
      </c>
      <c r="U4774" s="99"/>
      <c r="V4774" s="99"/>
      <c r="W4774" s="99"/>
      <c r="X4774" s="99"/>
      <c r="Y4774" s="99"/>
      <c r="Z4774" s="99"/>
      <c r="AA4774" s="99"/>
      <c r="AB4774" s="99"/>
      <c r="AC4774" s="99"/>
      <c r="AD4774" s="99"/>
      <c r="AE4774" s="99"/>
      <c r="AF4774" s="99"/>
      <c r="AG4774" s="99"/>
      <c r="AH4774" s="99"/>
      <c r="AI4774" s="99"/>
      <c r="AJ4774" s="99"/>
      <c r="AK4774" s="99"/>
      <c r="AL4774" s="99"/>
      <c r="AM4774" s="99"/>
      <c r="AN4774" s="99"/>
      <c r="AO4774" s="99"/>
      <c r="AP4774" s="99"/>
      <c r="AQ4774" s="99"/>
      <c r="AR4774" s="99"/>
      <c r="AS4774" s="99"/>
      <c r="AT4774" s="99"/>
      <c r="AU4774" s="99"/>
      <c r="AV4774" s="99"/>
      <c r="AW4774" s="99"/>
      <c r="AX4774" s="99"/>
      <c r="AY4774" s="99"/>
      <c r="AZ4774" s="99"/>
      <c r="BA4774" s="99"/>
      <c r="BB4774" s="107">
        <v>45884</v>
      </c>
    </row>
    <row r="4775" spans="1:54" s="8" customFormat="1" ht="13.95" customHeight="1" x14ac:dyDescent="0.25">
      <c r="A4775" s="219" t="s">
        <v>10863</v>
      </c>
      <c r="B4775" s="220" t="s">
        <v>10412</v>
      </c>
      <c r="C4775" s="98" t="s">
        <v>10864</v>
      </c>
      <c r="D4775" s="98" t="s">
        <v>10865</v>
      </c>
      <c r="E4775" s="141" t="s">
        <v>174</v>
      </c>
      <c r="F4775" s="141">
        <v>1261</v>
      </c>
      <c r="G4775" s="98" t="s">
        <v>1</v>
      </c>
      <c r="H4775" s="98">
        <v>1</v>
      </c>
      <c r="I4775" s="98">
        <v>1</v>
      </c>
      <c r="J4775" s="98">
        <v>1</v>
      </c>
      <c r="K4775" s="98" t="s">
        <v>174</v>
      </c>
      <c r="L4775" s="98" t="s">
        <v>174</v>
      </c>
      <c r="M4775" s="98" t="s">
        <v>174</v>
      </c>
      <c r="N4775" s="98" t="s">
        <v>174</v>
      </c>
      <c r="O4775" s="98" t="s">
        <v>174</v>
      </c>
      <c r="P4775" s="98" t="s">
        <v>174</v>
      </c>
      <c r="Q4775" s="98" t="s">
        <v>174</v>
      </c>
      <c r="R4775" s="98" t="s">
        <v>174</v>
      </c>
      <c r="S4775" s="98" t="s">
        <v>174</v>
      </c>
      <c r="T4775" s="98" t="s">
        <v>174</v>
      </c>
      <c r="U4775" s="98" t="s">
        <v>174</v>
      </c>
      <c r="V4775" s="98" t="s">
        <v>174</v>
      </c>
      <c r="W4775" s="98" t="s">
        <v>174</v>
      </c>
      <c r="X4775" s="98" t="s">
        <v>174</v>
      </c>
      <c r="Y4775" s="98" t="s">
        <v>174</v>
      </c>
      <c r="Z4775" s="98" t="s">
        <v>174</v>
      </c>
      <c r="AA4775" s="98" t="s">
        <v>174</v>
      </c>
      <c r="AB4775" s="98" t="s">
        <v>174</v>
      </c>
      <c r="AC4775" s="98" t="s">
        <v>174</v>
      </c>
      <c r="AD4775" s="98" t="s">
        <v>174</v>
      </c>
      <c r="AE4775" s="98" t="s">
        <v>174</v>
      </c>
      <c r="AF4775" s="98" t="s">
        <v>174</v>
      </c>
      <c r="AG4775" s="98" t="s">
        <v>174</v>
      </c>
      <c r="AH4775" s="98" t="s">
        <v>174</v>
      </c>
      <c r="AI4775" s="98" t="s">
        <v>174</v>
      </c>
      <c r="AJ4775" s="98" t="s">
        <v>174</v>
      </c>
      <c r="AK4775" s="98" t="s">
        <v>174</v>
      </c>
      <c r="AL4775" s="98" t="s">
        <v>174</v>
      </c>
      <c r="AM4775" s="98" t="s">
        <v>174</v>
      </c>
      <c r="AN4775" s="98" t="s">
        <v>174</v>
      </c>
      <c r="AO4775" s="98" t="s">
        <v>174</v>
      </c>
      <c r="AP4775" s="98" t="s">
        <v>174</v>
      </c>
      <c r="AQ4775" s="98" t="s">
        <v>174</v>
      </c>
      <c r="AR4775" s="98" t="s">
        <v>174</v>
      </c>
      <c r="AS4775" s="98" t="s">
        <v>174</v>
      </c>
      <c r="AT4775" s="129" t="s">
        <v>174</v>
      </c>
      <c r="AU4775" s="98" t="s">
        <v>174</v>
      </c>
      <c r="AV4775" s="98" t="s">
        <v>174</v>
      </c>
      <c r="AW4775" s="98" t="s">
        <v>174</v>
      </c>
      <c r="AX4775" s="98"/>
      <c r="AY4775" s="98"/>
      <c r="AZ4775" s="98"/>
      <c r="BA4775" s="98"/>
      <c r="BB4775" s="107">
        <v>45884</v>
      </c>
    </row>
    <row r="4776" spans="1:54" s="8" customFormat="1" ht="13.95" customHeight="1" x14ac:dyDescent="0.25">
      <c r="A4776" s="219" t="s">
        <v>10866</v>
      </c>
      <c r="B4776" s="220" t="s">
        <v>10412</v>
      </c>
      <c r="C4776" s="98" t="s">
        <v>10867</v>
      </c>
      <c r="D4776" s="98" t="s">
        <v>10868</v>
      </c>
      <c r="E4776" s="141" t="s">
        <v>174</v>
      </c>
      <c r="F4776" s="141">
        <v>1266</v>
      </c>
      <c r="G4776" s="98" t="s">
        <v>1</v>
      </c>
      <c r="H4776" s="98">
        <v>0</v>
      </c>
      <c r="I4776" s="98">
        <v>0</v>
      </c>
      <c r="J4776" s="98">
        <v>0</v>
      </c>
      <c r="K4776" s="98" t="s">
        <v>174</v>
      </c>
      <c r="L4776" s="98" t="s">
        <v>174</v>
      </c>
      <c r="M4776" s="98" t="s">
        <v>174</v>
      </c>
      <c r="N4776" s="98" t="s">
        <v>174</v>
      </c>
      <c r="O4776" s="98" t="s">
        <v>174</v>
      </c>
      <c r="P4776" s="98" t="s">
        <v>174</v>
      </c>
      <c r="Q4776" s="98" t="s">
        <v>174</v>
      </c>
      <c r="R4776" s="98" t="s">
        <v>174</v>
      </c>
      <c r="S4776" s="98" t="s">
        <v>174</v>
      </c>
      <c r="T4776" s="98" t="s">
        <v>174</v>
      </c>
      <c r="U4776" s="98" t="s">
        <v>174</v>
      </c>
      <c r="V4776" s="98" t="s">
        <v>174</v>
      </c>
      <c r="W4776" s="98" t="s">
        <v>174</v>
      </c>
      <c r="X4776" s="98" t="s">
        <v>174</v>
      </c>
      <c r="Y4776" s="98" t="s">
        <v>174</v>
      </c>
      <c r="Z4776" s="98" t="s">
        <v>174</v>
      </c>
      <c r="AA4776" s="98" t="s">
        <v>174</v>
      </c>
      <c r="AB4776" s="98" t="s">
        <v>174</v>
      </c>
      <c r="AC4776" s="98" t="s">
        <v>174</v>
      </c>
      <c r="AD4776" s="98" t="s">
        <v>174</v>
      </c>
      <c r="AE4776" s="98" t="s">
        <v>174</v>
      </c>
      <c r="AF4776" s="98" t="s">
        <v>174</v>
      </c>
      <c r="AG4776" s="98" t="s">
        <v>174</v>
      </c>
      <c r="AH4776" s="98" t="s">
        <v>174</v>
      </c>
      <c r="AI4776" s="98" t="s">
        <v>174</v>
      </c>
      <c r="AJ4776" s="98" t="s">
        <v>174</v>
      </c>
      <c r="AK4776" s="98" t="s">
        <v>174</v>
      </c>
      <c r="AL4776" s="98" t="s">
        <v>174</v>
      </c>
      <c r="AM4776" s="98" t="s">
        <v>174</v>
      </c>
      <c r="AN4776" s="98" t="s">
        <v>174</v>
      </c>
      <c r="AO4776" s="98" t="s">
        <v>174</v>
      </c>
      <c r="AP4776" s="98" t="s">
        <v>174</v>
      </c>
      <c r="AQ4776" s="98" t="s">
        <v>174</v>
      </c>
      <c r="AR4776" s="98" t="s">
        <v>174</v>
      </c>
      <c r="AS4776" s="98" t="s">
        <v>174</v>
      </c>
      <c r="AT4776" s="129" t="s">
        <v>174</v>
      </c>
      <c r="AU4776" s="98" t="s">
        <v>174</v>
      </c>
      <c r="AV4776" s="98" t="s">
        <v>174</v>
      </c>
      <c r="AW4776" s="98" t="s">
        <v>174</v>
      </c>
      <c r="AX4776" s="98"/>
      <c r="AY4776" s="98"/>
      <c r="AZ4776" s="98"/>
      <c r="BA4776" s="98"/>
      <c r="BB4776" s="107">
        <v>45884</v>
      </c>
    </row>
    <row r="4777" spans="1:54" s="8" customFormat="1" ht="13.95" customHeight="1" x14ac:dyDescent="0.25">
      <c r="A4777" s="219" t="s">
        <v>10869</v>
      </c>
      <c r="B4777" s="220" t="s">
        <v>10412</v>
      </c>
      <c r="C4777" s="98" t="s">
        <v>10870</v>
      </c>
      <c r="D4777" s="98" t="s">
        <v>10871</v>
      </c>
      <c r="E4777" s="141" t="s">
        <v>174</v>
      </c>
      <c r="F4777" s="141">
        <v>1312</v>
      </c>
      <c r="G4777" s="98" t="s">
        <v>1</v>
      </c>
      <c r="H4777" s="98">
        <v>0</v>
      </c>
      <c r="I4777" s="98">
        <v>0</v>
      </c>
      <c r="J4777" s="98">
        <v>1</v>
      </c>
      <c r="K4777" s="98" t="s">
        <v>174</v>
      </c>
      <c r="L4777" s="98" t="s">
        <v>174</v>
      </c>
      <c r="M4777" s="98" t="s">
        <v>174</v>
      </c>
      <c r="N4777" s="98" t="s">
        <v>174</v>
      </c>
      <c r="O4777" s="98" t="s">
        <v>174</v>
      </c>
      <c r="P4777" s="98" t="s">
        <v>174</v>
      </c>
      <c r="Q4777" s="98" t="s">
        <v>174</v>
      </c>
      <c r="R4777" s="98" t="s">
        <v>174</v>
      </c>
      <c r="S4777" s="98" t="s">
        <v>174</v>
      </c>
      <c r="T4777" s="98" t="s">
        <v>174</v>
      </c>
      <c r="U4777" s="99"/>
      <c r="V4777" s="99"/>
      <c r="W4777" s="99"/>
      <c r="X4777" s="99"/>
      <c r="Y4777" s="99"/>
      <c r="Z4777" s="99"/>
      <c r="AA4777" s="99"/>
      <c r="AB4777" s="99"/>
      <c r="AC4777" s="99"/>
      <c r="AD4777" s="99"/>
      <c r="AE4777" s="99"/>
      <c r="AF4777" s="99"/>
      <c r="AG4777" s="99"/>
      <c r="AH4777" s="99"/>
      <c r="AI4777" s="99"/>
      <c r="AJ4777" s="99"/>
      <c r="AK4777" s="99"/>
      <c r="AL4777" s="99"/>
      <c r="AM4777" s="99"/>
      <c r="AN4777" s="99"/>
      <c r="AO4777" s="99"/>
      <c r="AP4777" s="99"/>
      <c r="AQ4777" s="99"/>
      <c r="AR4777" s="99"/>
      <c r="AS4777" s="99"/>
      <c r="AT4777" s="99"/>
      <c r="AU4777" s="99"/>
      <c r="AV4777" s="99"/>
      <c r="AW4777" s="99"/>
      <c r="AX4777" s="99"/>
      <c r="AY4777" s="99"/>
      <c r="AZ4777" s="99"/>
      <c r="BA4777" s="99"/>
      <c r="BB4777" s="107">
        <v>45884</v>
      </c>
    </row>
    <row r="4778" spans="1:54" s="8" customFormat="1" ht="13.95" customHeight="1" x14ac:dyDescent="0.25">
      <c r="A4778" s="219" t="s">
        <v>10872</v>
      </c>
      <c r="B4778" s="220" t="s">
        <v>10412</v>
      </c>
      <c r="C4778" s="98" t="s">
        <v>10873</v>
      </c>
      <c r="D4778" s="98" t="s">
        <v>10874</v>
      </c>
      <c r="E4778" s="141" t="s">
        <v>174</v>
      </c>
      <c r="F4778" s="141">
        <v>1313</v>
      </c>
      <c r="G4778" s="98" t="s">
        <v>1</v>
      </c>
      <c r="H4778" s="98">
        <v>0</v>
      </c>
      <c r="I4778" s="98">
        <v>0</v>
      </c>
      <c r="J4778" s="98">
        <v>1</v>
      </c>
      <c r="K4778" s="98" t="s">
        <v>174</v>
      </c>
      <c r="L4778" s="98" t="s">
        <v>174</v>
      </c>
      <c r="M4778" s="98" t="s">
        <v>174</v>
      </c>
      <c r="N4778" s="98" t="s">
        <v>174</v>
      </c>
      <c r="O4778" s="98" t="s">
        <v>174</v>
      </c>
      <c r="P4778" s="98" t="s">
        <v>174</v>
      </c>
      <c r="Q4778" s="98" t="s">
        <v>174</v>
      </c>
      <c r="R4778" s="98" t="s">
        <v>174</v>
      </c>
      <c r="S4778" s="98" t="s">
        <v>174</v>
      </c>
      <c r="T4778" s="98" t="s">
        <v>174</v>
      </c>
      <c r="U4778" s="99"/>
      <c r="V4778" s="99"/>
      <c r="W4778" s="99"/>
      <c r="X4778" s="99"/>
      <c r="Y4778" s="99"/>
      <c r="Z4778" s="99"/>
      <c r="AA4778" s="99"/>
      <c r="AB4778" s="99"/>
      <c r="AC4778" s="99"/>
      <c r="AD4778" s="99"/>
      <c r="AE4778" s="99"/>
      <c r="AF4778" s="99"/>
      <c r="AG4778" s="99"/>
      <c r="AH4778" s="99"/>
      <c r="AI4778" s="99"/>
      <c r="AJ4778" s="99"/>
      <c r="AK4778" s="99"/>
      <c r="AL4778" s="99"/>
      <c r="AM4778" s="99"/>
      <c r="AN4778" s="99"/>
      <c r="AO4778" s="99"/>
      <c r="AP4778" s="99"/>
      <c r="AQ4778" s="99"/>
      <c r="AR4778" s="99"/>
      <c r="AS4778" s="99"/>
      <c r="AT4778" s="99"/>
      <c r="AU4778" s="99"/>
      <c r="AV4778" s="99"/>
      <c r="AW4778" s="99"/>
      <c r="AX4778" s="99"/>
      <c r="AY4778" s="99"/>
      <c r="AZ4778" s="99"/>
      <c r="BA4778" s="99"/>
      <c r="BB4778" s="107">
        <v>45884</v>
      </c>
    </row>
    <row r="4779" spans="1:54" s="8" customFormat="1" ht="13.95" customHeight="1" x14ac:dyDescent="0.25">
      <c r="A4779" s="219" t="s">
        <v>10875</v>
      </c>
      <c r="B4779" s="220" t="s">
        <v>10412</v>
      </c>
      <c r="C4779" s="98" t="s">
        <v>10876</v>
      </c>
      <c r="D4779" s="98" t="s">
        <v>10877</v>
      </c>
      <c r="E4779" s="141" t="s">
        <v>174</v>
      </c>
      <c r="F4779" s="141">
        <v>1322</v>
      </c>
      <c r="G4779" s="98" t="s">
        <v>1</v>
      </c>
      <c r="H4779" s="98">
        <v>0</v>
      </c>
      <c r="I4779" s="98">
        <v>0</v>
      </c>
      <c r="J4779" s="98">
        <v>1</v>
      </c>
      <c r="K4779" s="98" t="s">
        <v>174</v>
      </c>
      <c r="L4779" s="98" t="s">
        <v>174</v>
      </c>
      <c r="M4779" s="98" t="s">
        <v>174</v>
      </c>
      <c r="N4779" s="98" t="s">
        <v>174</v>
      </c>
      <c r="O4779" s="98" t="s">
        <v>174</v>
      </c>
      <c r="P4779" s="98" t="s">
        <v>174</v>
      </c>
      <c r="Q4779" s="98" t="s">
        <v>174</v>
      </c>
      <c r="R4779" s="98" t="s">
        <v>174</v>
      </c>
      <c r="S4779" s="98" t="s">
        <v>174</v>
      </c>
      <c r="T4779" s="98" t="s">
        <v>174</v>
      </c>
      <c r="U4779" s="99"/>
      <c r="V4779" s="99"/>
      <c r="W4779" s="99"/>
      <c r="X4779" s="99"/>
      <c r="Y4779" s="99"/>
      <c r="Z4779" s="99"/>
      <c r="AA4779" s="99"/>
      <c r="AB4779" s="99"/>
      <c r="AC4779" s="99"/>
      <c r="AD4779" s="99"/>
      <c r="AE4779" s="99"/>
      <c r="AF4779" s="99"/>
      <c r="AG4779" s="99"/>
      <c r="AH4779" s="99"/>
      <c r="AI4779" s="99"/>
      <c r="AJ4779" s="99"/>
      <c r="AK4779" s="99"/>
      <c r="AL4779" s="99"/>
      <c r="AM4779" s="99"/>
      <c r="AN4779" s="99"/>
      <c r="AO4779" s="99"/>
      <c r="AP4779" s="99"/>
      <c r="AQ4779" s="99"/>
      <c r="AR4779" s="99"/>
      <c r="AS4779" s="99"/>
      <c r="AT4779" s="99"/>
      <c r="AU4779" s="99"/>
      <c r="AV4779" s="99"/>
      <c r="AW4779" s="99"/>
      <c r="AX4779" s="99"/>
      <c r="AY4779" s="99"/>
      <c r="AZ4779" s="99"/>
      <c r="BA4779" s="99"/>
      <c r="BB4779" s="107">
        <v>45884</v>
      </c>
    </row>
    <row r="4780" spans="1:54" s="8" customFormat="1" ht="13.95" customHeight="1" x14ac:dyDescent="0.25">
      <c r="A4780" s="219" t="s">
        <v>10878</v>
      </c>
      <c r="B4780" s="220" t="s">
        <v>10412</v>
      </c>
      <c r="C4780" s="98" t="s">
        <v>10879</v>
      </c>
      <c r="D4780" s="98" t="s">
        <v>10880</v>
      </c>
      <c r="E4780" s="141" t="s">
        <v>174</v>
      </c>
      <c r="F4780" s="141">
        <v>1336</v>
      </c>
      <c r="G4780" s="98" t="s">
        <v>1</v>
      </c>
      <c r="H4780" s="98">
        <v>0</v>
      </c>
      <c r="I4780" s="98">
        <v>0</v>
      </c>
      <c r="J4780" s="98">
        <v>1</v>
      </c>
      <c r="K4780" s="98" t="s">
        <v>174</v>
      </c>
      <c r="L4780" s="98" t="s">
        <v>174</v>
      </c>
      <c r="M4780" s="98" t="s">
        <v>174</v>
      </c>
      <c r="N4780" s="98" t="s">
        <v>174</v>
      </c>
      <c r="O4780" s="98" t="s">
        <v>174</v>
      </c>
      <c r="P4780" s="98" t="s">
        <v>174</v>
      </c>
      <c r="Q4780" s="98" t="s">
        <v>174</v>
      </c>
      <c r="R4780" s="98" t="s">
        <v>174</v>
      </c>
      <c r="S4780" s="98" t="s">
        <v>174</v>
      </c>
      <c r="T4780" s="98" t="s">
        <v>174</v>
      </c>
      <c r="U4780" s="98" t="s">
        <v>174</v>
      </c>
      <c r="V4780" s="98" t="s">
        <v>174</v>
      </c>
      <c r="W4780" s="98" t="s">
        <v>174</v>
      </c>
      <c r="X4780" s="98" t="s">
        <v>174</v>
      </c>
      <c r="Y4780" s="98" t="s">
        <v>174</v>
      </c>
      <c r="Z4780" s="98" t="s">
        <v>174</v>
      </c>
      <c r="AA4780" s="98" t="s">
        <v>174</v>
      </c>
      <c r="AB4780" s="98" t="s">
        <v>174</v>
      </c>
      <c r="AC4780" s="98" t="s">
        <v>174</v>
      </c>
      <c r="AD4780" s="98" t="s">
        <v>174</v>
      </c>
      <c r="AE4780" s="98" t="s">
        <v>174</v>
      </c>
      <c r="AF4780" s="98" t="s">
        <v>174</v>
      </c>
      <c r="AG4780" s="98" t="s">
        <v>174</v>
      </c>
      <c r="AH4780" s="98" t="s">
        <v>174</v>
      </c>
      <c r="AI4780" s="98" t="s">
        <v>174</v>
      </c>
      <c r="AJ4780" s="98" t="s">
        <v>174</v>
      </c>
      <c r="AK4780" s="98" t="s">
        <v>174</v>
      </c>
      <c r="AL4780" s="98" t="s">
        <v>174</v>
      </c>
      <c r="AM4780" s="98" t="s">
        <v>174</v>
      </c>
      <c r="AN4780" s="98" t="s">
        <v>174</v>
      </c>
      <c r="AO4780" s="98" t="s">
        <v>174</v>
      </c>
      <c r="AP4780" s="98" t="s">
        <v>174</v>
      </c>
      <c r="AQ4780" s="98" t="s">
        <v>174</v>
      </c>
      <c r="AR4780" s="98" t="s">
        <v>174</v>
      </c>
      <c r="AS4780" s="98" t="s">
        <v>174</v>
      </c>
      <c r="AT4780" s="129" t="s">
        <v>174</v>
      </c>
      <c r="AU4780" s="98" t="s">
        <v>174</v>
      </c>
      <c r="AV4780" s="98" t="s">
        <v>174</v>
      </c>
      <c r="AW4780" s="98" t="s">
        <v>174</v>
      </c>
      <c r="AX4780" s="98"/>
      <c r="AY4780" s="98"/>
      <c r="AZ4780" s="98"/>
      <c r="BA4780" s="98"/>
      <c r="BB4780" s="107">
        <v>45884</v>
      </c>
    </row>
    <row r="4781" spans="1:54" s="8" customFormat="1" ht="13.95" customHeight="1" x14ac:dyDescent="0.25">
      <c r="A4781" s="219" t="s">
        <v>10881</v>
      </c>
      <c r="B4781" s="220" t="s">
        <v>10412</v>
      </c>
      <c r="C4781" s="98" t="s">
        <v>10882</v>
      </c>
      <c r="D4781" s="98" t="s">
        <v>10883</v>
      </c>
      <c r="E4781" s="141" t="s">
        <v>174</v>
      </c>
      <c r="F4781" s="141">
        <v>1341</v>
      </c>
      <c r="G4781" s="98" t="s">
        <v>1</v>
      </c>
      <c r="H4781" s="98">
        <v>0</v>
      </c>
      <c r="I4781" s="98">
        <v>0</v>
      </c>
      <c r="J4781" s="98">
        <v>1</v>
      </c>
      <c r="K4781" s="98" t="s">
        <v>174</v>
      </c>
      <c r="L4781" s="98" t="s">
        <v>174</v>
      </c>
      <c r="M4781" s="98" t="s">
        <v>174</v>
      </c>
      <c r="N4781" s="98" t="s">
        <v>174</v>
      </c>
      <c r="O4781" s="98" t="s">
        <v>174</v>
      </c>
      <c r="P4781" s="98" t="s">
        <v>174</v>
      </c>
      <c r="Q4781" s="98" t="s">
        <v>174</v>
      </c>
      <c r="R4781" s="98" t="s">
        <v>174</v>
      </c>
      <c r="S4781" s="98" t="s">
        <v>174</v>
      </c>
      <c r="T4781" s="98" t="s">
        <v>174</v>
      </c>
      <c r="U4781" s="99"/>
      <c r="V4781" s="99"/>
      <c r="W4781" s="99"/>
      <c r="X4781" s="99"/>
      <c r="Y4781" s="99"/>
      <c r="Z4781" s="99"/>
      <c r="AA4781" s="99"/>
      <c r="AB4781" s="99"/>
      <c r="AC4781" s="99"/>
      <c r="AD4781" s="99"/>
      <c r="AE4781" s="99"/>
      <c r="AF4781" s="99"/>
      <c r="AG4781" s="99"/>
      <c r="AH4781" s="99"/>
      <c r="AI4781" s="99"/>
      <c r="AJ4781" s="99"/>
      <c r="AK4781" s="99"/>
      <c r="AL4781" s="99"/>
      <c r="AM4781" s="99"/>
      <c r="AN4781" s="99"/>
      <c r="AO4781" s="99"/>
      <c r="AP4781" s="99"/>
      <c r="AQ4781" s="99"/>
      <c r="AR4781" s="99"/>
      <c r="AS4781" s="99"/>
      <c r="AT4781" s="99"/>
      <c r="AU4781" s="99"/>
      <c r="AV4781" s="99"/>
      <c r="AW4781" s="99"/>
      <c r="AX4781" s="99"/>
      <c r="AY4781" s="99"/>
      <c r="AZ4781" s="99"/>
      <c r="BA4781" s="99"/>
      <c r="BB4781" s="107">
        <v>45884</v>
      </c>
    </row>
    <row r="4782" spans="1:54" s="8" customFormat="1" ht="13.95" customHeight="1" x14ac:dyDescent="0.25">
      <c r="A4782" s="219" t="s">
        <v>10884</v>
      </c>
      <c r="B4782" s="220" t="s">
        <v>10412</v>
      </c>
      <c r="C4782" s="98" t="s">
        <v>10885</v>
      </c>
      <c r="D4782" s="98" t="s">
        <v>10886</v>
      </c>
      <c r="E4782" s="141" t="s">
        <v>174</v>
      </c>
      <c r="F4782" s="141">
        <v>1352</v>
      </c>
      <c r="G4782" s="98" t="s">
        <v>1</v>
      </c>
      <c r="H4782" s="98">
        <v>0</v>
      </c>
      <c r="I4782" s="98">
        <v>0</v>
      </c>
      <c r="J4782" s="98">
        <v>1</v>
      </c>
      <c r="K4782" s="98" t="s">
        <v>174</v>
      </c>
      <c r="L4782" s="98" t="s">
        <v>174</v>
      </c>
      <c r="M4782" s="98" t="s">
        <v>174</v>
      </c>
      <c r="N4782" s="98" t="s">
        <v>174</v>
      </c>
      <c r="O4782" s="98" t="s">
        <v>174</v>
      </c>
      <c r="P4782" s="98" t="s">
        <v>174</v>
      </c>
      <c r="Q4782" s="98" t="s">
        <v>174</v>
      </c>
      <c r="R4782" s="98" t="s">
        <v>174</v>
      </c>
      <c r="S4782" s="98" t="s">
        <v>174</v>
      </c>
      <c r="T4782" s="98" t="s">
        <v>174</v>
      </c>
      <c r="U4782" s="99"/>
      <c r="V4782" s="99"/>
      <c r="W4782" s="99"/>
      <c r="X4782" s="99"/>
      <c r="Y4782" s="99"/>
      <c r="Z4782" s="99"/>
      <c r="AA4782" s="99"/>
      <c r="AB4782" s="99"/>
      <c r="AC4782" s="99"/>
      <c r="AD4782" s="99"/>
      <c r="AE4782" s="99"/>
      <c r="AF4782" s="99"/>
      <c r="AG4782" s="99"/>
      <c r="AH4782" s="99"/>
      <c r="AI4782" s="99"/>
      <c r="AJ4782" s="99"/>
      <c r="AK4782" s="99"/>
      <c r="AL4782" s="99"/>
      <c r="AM4782" s="99"/>
      <c r="AN4782" s="99"/>
      <c r="AO4782" s="99"/>
      <c r="AP4782" s="99"/>
      <c r="AQ4782" s="99"/>
      <c r="AR4782" s="99"/>
      <c r="AS4782" s="99"/>
      <c r="AT4782" s="99"/>
      <c r="AU4782" s="99"/>
      <c r="AV4782" s="99"/>
      <c r="AW4782" s="99"/>
      <c r="AX4782" s="99"/>
      <c r="AY4782" s="99"/>
      <c r="AZ4782" s="99"/>
      <c r="BA4782" s="99"/>
      <c r="BB4782" s="107">
        <v>45884</v>
      </c>
    </row>
    <row r="4783" spans="1:54" s="8" customFormat="1" ht="13.95" customHeight="1" x14ac:dyDescent="0.25">
      <c r="A4783" s="219" t="s">
        <v>10887</v>
      </c>
      <c r="B4783" s="220" t="s">
        <v>10412</v>
      </c>
      <c r="C4783" s="98" t="s">
        <v>10888</v>
      </c>
      <c r="D4783" s="98" t="s">
        <v>10889</v>
      </c>
      <c r="E4783" s="141" t="s">
        <v>174</v>
      </c>
      <c r="F4783" s="141">
        <v>1376</v>
      </c>
      <c r="G4783" s="98" t="s">
        <v>1</v>
      </c>
      <c r="H4783" s="98">
        <v>1</v>
      </c>
      <c r="I4783" s="98">
        <v>1</v>
      </c>
      <c r="J4783" s="98">
        <v>1</v>
      </c>
      <c r="K4783" s="98" t="s">
        <v>174</v>
      </c>
      <c r="L4783" s="98" t="s">
        <v>174</v>
      </c>
      <c r="M4783" s="98" t="s">
        <v>174</v>
      </c>
      <c r="N4783" s="98" t="s">
        <v>174</v>
      </c>
      <c r="O4783" s="98" t="s">
        <v>174</v>
      </c>
      <c r="P4783" s="98" t="s">
        <v>174</v>
      </c>
      <c r="Q4783" s="98" t="s">
        <v>174</v>
      </c>
      <c r="R4783" s="98" t="s">
        <v>174</v>
      </c>
      <c r="S4783" s="98" t="s">
        <v>174</v>
      </c>
      <c r="T4783" s="98" t="s">
        <v>174</v>
      </c>
      <c r="U4783" s="99"/>
      <c r="V4783" s="99"/>
      <c r="W4783" s="99"/>
      <c r="X4783" s="99"/>
      <c r="Y4783" s="99"/>
      <c r="Z4783" s="99"/>
      <c r="AA4783" s="99"/>
      <c r="AB4783" s="99"/>
      <c r="AC4783" s="99"/>
      <c r="AD4783" s="99"/>
      <c r="AE4783" s="99"/>
      <c r="AF4783" s="99"/>
      <c r="AG4783" s="99"/>
      <c r="AH4783" s="99"/>
      <c r="AI4783" s="99"/>
      <c r="AJ4783" s="99"/>
      <c r="AK4783" s="99"/>
      <c r="AL4783" s="99"/>
      <c r="AM4783" s="99"/>
      <c r="AN4783" s="99"/>
      <c r="AO4783" s="99"/>
      <c r="AP4783" s="99"/>
      <c r="AQ4783" s="99"/>
      <c r="AR4783" s="99"/>
      <c r="AS4783" s="99"/>
      <c r="AT4783" s="99"/>
      <c r="AU4783" s="99"/>
      <c r="AV4783" s="99"/>
      <c r="AW4783" s="99"/>
      <c r="AX4783" s="99"/>
      <c r="AY4783" s="99"/>
      <c r="AZ4783" s="99"/>
      <c r="BA4783" s="99"/>
      <c r="BB4783" s="107">
        <v>45884</v>
      </c>
    </row>
    <row r="4784" spans="1:54" s="8" customFormat="1" ht="13.95" customHeight="1" x14ac:dyDescent="0.25">
      <c r="A4784" s="219" t="s">
        <v>10890</v>
      </c>
      <c r="B4784" s="220" t="s">
        <v>10412</v>
      </c>
      <c r="C4784" s="98" t="s">
        <v>10891</v>
      </c>
      <c r="D4784" s="98" t="s">
        <v>10892</v>
      </c>
      <c r="E4784" s="141" t="s">
        <v>174</v>
      </c>
      <c r="F4784" s="141">
        <v>1376</v>
      </c>
      <c r="G4784" s="98" t="s">
        <v>1</v>
      </c>
      <c r="H4784" s="98">
        <v>0</v>
      </c>
      <c r="I4784" s="98">
        <v>0</v>
      </c>
      <c r="J4784" s="98">
        <v>1</v>
      </c>
      <c r="K4784" s="98" t="s">
        <v>174</v>
      </c>
      <c r="L4784" s="98" t="s">
        <v>174</v>
      </c>
      <c r="M4784" s="98" t="s">
        <v>174</v>
      </c>
      <c r="N4784" s="98" t="s">
        <v>174</v>
      </c>
      <c r="O4784" s="98" t="s">
        <v>174</v>
      </c>
      <c r="P4784" s="98" t="s">
        <v>174</v>
      </c>
      <c r="Q4784" s="98" t="s">
        <v>174</v>
      </c>
      <c r="R4784" s="98" t="s">
        <v>174</v>
      </c>
      <c r="S4784" s="98" t="s">
        <v>174</v>
      </c>
      <c r="T4784" s="98" t="s">
        <v>174</v>
      </c>
      <c r="U4784" s="98" t="s">
        <v>174</v>
      </c>
      <c r="V4784" s="98" t="s">
        <v>174</v>
      </c>
      <c r="W4784" s="98" t="s">
        <v>174</v>
      </c>
      <c r="X4784" s="98" t="s">
        <v>174</v>
      </c>
      <c r="Y4784" s="98" t="s">
        <v>174</v>
      </c>
      <c r="Z4784" s="98" t="s">
        <v>174</v>
      </c>
      <c r="AA4784" s="98" t="s">
        <v>174</v>
      </c>
      <c r="AB4784" s="98" t="s">
        <v>174</v>
      </c>
      <c r="AC4784" s="98" t="s">
        <v>174</v>
      </c>
      <c r="AD4784" s="98" t="s">
        <v>174</v>
      </c>
      <c r="AE4784" s="98" t="s">
        <v>174</v>
      </c>
      <c r="AF4784" s="98" t="s">
        <v>174</v>
      </c>
      <c r="AG4784" s="98" t="s">
        <v>174</v>
      </c>
      <c r="AH4784" s="98" t="s">
        <v>174</v>
      </c>
      <c r="AI4784" s="98" t="s">
        <v>174</v>
      </c>
      <c r="AJ4784" s="98" t="s">
        <v>174</v>
      </c>
      <c r="AK4784" s="98" t="s">
        <v>174</v>
      </c>
      <c r="AL4784" s="98" t="s">
        <v>174</v>
      </c>
      <c r="AM4784" s="98" t="s">
        <v>174</v>
      </c>
      <c r="AN4784" s="98" t="s">
        <v>174</v>
      </c>
      <c r="AO4784" s="98" t="s">
        <v>174</v>
      </c>
      <c r="AP4784" s="98" t="s">
        <v>174</v>
      </c>
      <c r="AQ4784" s="98" t="s">
        <v>174</v>
      </c>
      <c r="AR4784" s="98" t="s">
        <v>174</v>
      </c>
      <c r="AS4784" s="98" t="s">
        <v>174</v>
      </c>
      <c r="AT4784" s="129" t="s">
        <v>174</v>
      </c>
      <c r="AU4784" s="98" t="s">
        <v>174</v>
      </c>
      <c r="AV4784" s="98" t="s">
        <v>174</v>
      </c>
      <c r="AW4784" s="98" t="s">
        <v>174</v>
      </c>
      <c r="AX4784" s="98"/>
      <c r="AY4784" s="98"/>
      <c r="AZ4784" s="98"/>
      <c r="BA4784" s="98"/>
      <c r="BB4784" s="107">
        <v>45884</v>
      </c>
    </row>
    <row r="4785" spans="1:54" s="8" customFormat="1" ht="13.95" customHeight="1" x14ac:dyDescent="0.25">
      <c r="A4785" s="219" t="s">
        <v>10893</v>
      </c>
      <c r="B4785" s="220" t="s">
        <v>10412</v>
      </c>
      <c r="C4785" s="98" t="s">
        <v>10894</v>
      </c>
      <c r="D4785" s="98" t="s">
        <v>10895</v>
      </c>
      <c r="E4785" s="141" t="s">
        <v>174</v>
      </c>
      <c r="F4785" s="141">
        <v>1380</v>
      </c>
      <c r="G4785" s="98" t="s">
        <v>1</v>
      </c>
      <c r="H4785" s="98">
        <v>0</v>
      </c>
      <c r="I4785" s="98">
        <v>0</v>
      </c>
      <c r="J4785" s="98">
        <v>1</v>
      </c>
      <c r="K4785" s="98" t="s">
        <v>174</v>
      </c>
      <c r="L4785" s="98" t="s">
        <v>174</v>
      </c>
      <c r="M4785" s="98" t="s">
        <v>174</v>
      </c>
      <c r="N4785" s="98" t="s">
        <v>174</v>
      </c>
      <c r="O4785" s="98" t="s">
        <v>174</v>
      </c>
      <c r="P4785" s="98" t="s">
        <v>174</v>
      </c>
      <c r="Q4785" s="98" t="s">
        <v>174</v>
      </c>
      <c r="R4785" s="98" t="s">
        <v>174</v>
      </c>
      <c r="S4785" s="98" t="s">
        <v>174</v>
      </c>
      <c r="T4785" s="98" t="s">
        <v>174</v>
      </c>
      <c r="U4785" s="99"/>
      <c r="V4785" s="99"/>
      <c r="W4785" s="99"/>
      <c r="X4785" s="99"/>
      <c r="Y4785" s="99"/>
      <c r="Z4785" s="99"/>
      <c r="AA4785" s="99"/>
      <c r="AB4785" s="99"/>
      <c r="AC4785" s="99"/>
      <c r="AD4785" s="99"/>
      <c r="AE4785" s="99"/>
      <c r="AF4785" s="99"/>
      <c r="AG4785" s="99"/>
      <c r="AH4785" s="99"/>
      <c r="AI4785" s="99"/>
      <c r="AJ4785" s="99"/>
      <c r="AK4785" s="99"/>
      <c r="AL4785" s="99"/>
      <c r="AM4785" s="99"/>
      <c r="AN4785" s="99"/>
      <c r="AO4785" s="99"/>
      <c r="AP4785" s="99"/>
      <c r="AQ4785" s="99"/>
      <c r="AR4785" s="99"/>
      <c r="AS4785" s="99"/>
      <c r="AT4785" s="99"/>
      <c r="AU4785" s="99"/>
      <c r="AV4785" s="99"/>
      <c r="AW4785" s="99"/>
      <c r="AX4785" s="99"/>
      <c r="AY4785" s="99"/>
      <c r="AZ4785" s="99"/>
      <c r="BA4785" s="99"/>
      <c r="BB4785" s="107">
        <v>45884</v>
      </c>
    </row>
    <row r="4786" spans="1:54" s="8" customFormat="1" ht="13.95" customHeight="1" x14ac:dyDescent="0.25">
      <c r="A4786" s="219" t="s">
        <v>10896</v>
      </c>
      <c r="B4786" s="220" t="s">
        <v>10412</v>
      </c>
      <c r="C4786" s="98" t="s">
        <v>10897</v>
      </c>
      <c r="D4786" s="98" t="s">
        <v>10898</v>
      </c>
      <c r="E4786" s="141" t="s">
        <v>174</v>
      </c>
      <c r="F4786" s="141">
        <v>1385</v>
      </c>
      <c r="G4786" s="98" t="s">
        <v>1</v>
      </c>
      <c r="H4786" s="98">
        <v>0</v>
      </c>
      <c r="I4786" s="98">
        <v>0</v>
      </c>
      <c r="J4786" s="98">
        <v>1</v>
      </c>
      <c r="K4786" s="98" t="s">
        <v>174</v>
      </c>
      <c r="L4786" s="98" t="s">
        <v>174</v>
      </c>
      <c r="M4786" s="98" t="s">
        <v>174</v>
      </c>
      <c r="N4786" s="98" t="s">
        <v>174</v>
      </c>
      <c r="O4786" s="98" t="s">
        <v>174</v>
      </c>
      <c r="P4786" s="98" t="s">
        <v>174</v>
      </c>
      <c r="Q4786" s="98" t="s">
        <v>174</v>
      </c>
      <c r="R4786" s="98" t="s">
        <v>174</v>
      </c>
      <c r="S4786" s="98" t="s">
        <v>174</v>
      </c>
      <c r="T4786" s="98" t="s">
        <v>174</v>
      </c>
      <c r="U4786" s="99"/>
      <c r="V4786" s="99"/>
      <c r="W4786" s="99"/>
      <c r="X4786" s="99"/>
      <c r="Y4786" s="99"/>
      <c r="Z4786" s="99"/>
      <c r="AA4786" s="99"/>
      <c r="AB4786" s="99"/>
      <c r="AC4786" s="99"/>
      <c r="AD4786" s="99"/>
      <c r="AE4786" s="99"/>
      <c r="AF4786" s="99"/>
      <c r="AG4786" s="99"/>
      <c r="AH4786" s="99"/>
      <c r="AI4786" s="99"/>
      <c r="AJ4786" s="99"/>
      <c r="AK4786" s="99"/>
      <c r="AL4786" s="99"/>
      <c r="AM4786" s="99"/>
      <c r="AN4786" s="99"/>
      <c r="AO4786" s="99"/>
      <c r="AP4786" s="99"/>
      <c r="AQ4786" s="99"/>
      <c r="AR4786" s="99"/>
      <c r="AS4786" s="99"/>
      <c r="AT4786" s="99"/>
      <c r="AU4786" s="99"/>
      <c r="AV4786" s="99"/>
      <c r="AW4786" s="99"/>
      <c r="AX4786" s="99"/>
      <c r="AY4786" s="99"/>
      <c r="AZ4786" s="99"/>
      <c r="BA4786" s="99"/>
      <c r="BB4786" s="107">
        <v>45884</v>
      </c>
    </row>
    <row r="4787" spans="1:54" s="8" customFormat="1" ht="13.95" customHeight="1" x14ac:dyDescent="0.25">
      <c r="A4787" s="219" t="s">
        <v>10899</v>
      </c>
      <c r="B4787" s="220" t="s">
        <v>10412</v>
      </c>
      <c r="C4787" s="98" t="s">
        <v>10900</v>
      </c>
      <c r="D4787" s="98" t="s">
        <v>10901</v>
      </c>
      <c r="E4787" s="141" t="s">
        <v>174</v>
      </c>
      <c r="F4787" s="141">
        <v>1409</v>
      </c>
      <c r="G4787" s="98" t="s">
        <v>1</v>
      </c>
      <c r="H4787" s="98">
        <v>0</v>
      </c>
      <c r="I4787" s="98">
        <v>0</v>
      </c>
      <c r="J4787" s="98">
        <v>1</v>
      </c>
      <c r="K4787" s="98" t="s">
        <v>174</v>
      </c>
      <c r="L4787" s="98" t="s">
        <v>174</v>
      </c>
      <c r="M4787" s="98" t="s">
        <v>174</v>
      </c>
      <c r="N4787" s="98" t="s">
        <v>174</v>
      </c>
      <c r="O4787" s="98" t="s">
        <v>174</v>
      </c>
      <c r="P4787" s="98" t="s">
        <v>174</v>
      </c>
      <c r="Q4787" s="98" t="s">
        <v>174</v>
      </c>
      <c r="R4787" s="98" t="s">
        <v>174</v>
      </c>
      <c r="S4787" s="98" t="s">
        <v>174</v>
      </c>
      <c r="T4787" s="98" t="s">
        <v>174</v>
      </c>
      <c r="U4787" s="99"/>
      <c r="V4787" s="99"/>
      <c r="W4787" s="99"/>
      <c r="X4787" s="99"/>
      <c r="Y4787" s="99"/>
      <c r="Z4787" s="99"/>
      <c r="AA4787" s="99"/>
      <c r="AB4787" s="99"/>
      <c r="AC4787" s="99"/>
      <c r="AD4787" s="99"/>
      <c r="AE4787" s="99"/>
      <c r="AF4787" s="99"/>
      <c r="AG4787" s="99"/>
      <c r="AH4787" s="99"/>
      <c r="AI4787" s="99"/>
      <c r="AJ4787" s="99"/>
      <c r="AK4787" s="99"/>
      <c r="AL4787" s="99"/>
      <c r="AM4787" s="99"/>
      <c r="AN4787" s="99"/>
      <c r="AO4787" s="99"/>
      <c r="AP4787" s="99"/>
      <c r="AQ4787" s="99"/>
      <c r="AR4787" s="99"/>
      <c r="AS4787" s="99"/>
      <c r="AT4787" s="99"/>
      <c r="AU4787" s="99"/>
      <c r="AV4787" s="99"/>
      <c r="AW4787" s="99"/>
      <c r="AX4787" s="99"/>
      <c r="AY4787" s="99"/>
      <c r="AZ4787" s="99"/>
      <c r="BA4787" s="99"/>
      <c r="BB4787" s="107">
        <v>45884</v>
      </c>
    </row>
    <row r="4788" spans="1:54" s="8" customFormat="1" ht="13.95" customHeight="1" x14ac:dyDescent="0.25">
      <c r="A4788" s="219" t="s">
        <v>10902</v>
      </c>
      <c r="B4788" s="220" t="s">
        <v>10412</v>
      </c>
      <c r="C4788" s="98" t="s">
        <v>10903</v>
      </c>
      <c r="D4788" s="98" t="s">
        <v>10904</v>
      </c>
      <c r="E4788" s="141" t="s">
        <v>174</v>
      </c>
      <c r="F4788" s="141">
        <v>1421</v>
      </c>
      <c r="G4788" s="98" t="s">
        <v>1</v>
      </c>
      <c r="H4788" s="98">
        <v>0</v>
      </c>
      <c r="I4788" s="98">
        <v>0</v>
      </c>
      <c r="J4788" s="98">
        <v>1</v>
      </c>
      <c r="K4788" s="98" t="s">
        <v>174</v>
      </c>
      <c r="L4788" s="98" t="s">
        <v>174</v>
      </c>
      <c r="M4788" s="98" t="s">
        <v>174</v>
      </c>
      <c r="N4788" s="98" t="s">
        <v>174</v>
      </c>
      <c r="O4788" s="98" t="s">
        <v>174</v>
      </c>
      <c r="P4788" s="98" t="s">
        <v>174</v>
      </c>
      <c r="Q4788" s="98" t="s">
        <v>174</v>
      </c>
      <c r="R4788" s="98" t="s">
        <v>174</v>
      </c>
      <c r="S4788" s="98" t="s">
        <v>174</v>
      </c>
      <c r="T4788" s="98" t="s">
        <v>174</v>
      </c>
      <c r="U4788" s="99"/>
      <c r="V4788" s="99"/>
      <c r="W4788" s="99"/>
      <c r="X4788" s="99"/>
      <c r="Y4788" s="99"/>
      <c r="Z4788" s="99"/>
      <c r="AA4788" s="99"/>
      <c r="AB4788" s="99"/>
      <c r="AC4788" s="99"/>
      <c r="AD4788" s="99"/>
      <c r="AE4788" s="99"/>
      <c r="AF4788" s="99"/>
      <c r="AG4788" s="99"/>
      <c r="AH4788" s="99"/>
      <c r="AI4788" s="99"/>
      <c r="AJ4788" s="99"/>
      <c r="AK4788" s="99"/>
      <c r="AL4788" s="99"/>
      <c r="AM4788" s="99"/>
      <c r="AN4788" s="99"/>
      <c r="AO4788" s="99"/>
      <c r="AP4788" s="99"/>
      <c r="AQ4788" s="99"/>
      <c r="AR4788" s="99"/>
      <c r="AS4788" s="99"/>
      <c r="AT4788" s="99"/>
      <c r="AU4788" s="99"/>
      <c r="AV4788" s="99"/>
      <c r="AW4788" s="99"/>
      <c r="AX4788" s="99"/>
      <c r="AY4788" s="99"/>
      <c r="AZ4788" s="99"/>
      <c r="BA4788" s="99"/>
      <c r="BB4788" s="107">
        <v>45884</v>
      </c>
    </row>
    <row r="4789" spans="1:54" s="8" customFormat="1" ht="13.95" customHeight="1" x14ac:dyDescent="0.25">
      <c r="A4789" s="219" t="s">
        <v>10905</v>
      </c>
      <c r="B4789" s="220" t="s">
        <v>10412</v>
      </c>
      <c r="C4789" s="98" t="s">
        <v>10906</v>
      </c>
      <c r="D4789" s="98" t="s">
        <v>10907</v>
      </c>
      <c r="E4789" s="141" t="s">
        <v>174</v>
      </c>
      <c r="F4789" s="141">
        <v>1427</v>
      </c>
      <c r="G4789" s="98" t="s">
        <v>1</v>
      </c>
      <c r="H4789" s="98">
        <v>0</v>
      </c>
      <c r="I4789" s="98">
        <v>0</v>
      </c>
      <c r="J4789" s="98">
        <v>1</v>
      </c>
      <c r="K4789" s="98" t="s">
        <v>174</v>
      </c>
      <c r="L4789" s="98" t="s">
        <v>174</v>
      </c>
      <c r="M4789" s="98" t="s">
        <v>174</v>
      </c>
      <c r="N4789" s="98" t="s">
        <v>174</v>
      </c>
      <c r="O4789" s="98" t="s">
        <v>174</v>
      </c>
      <c r="P4789" s="98" t="s">
        <v>174</v>
      </c>
      <c r="Q4789" s="98" t="s">
        <v>174</v>
      </c>
      <c r="R4789" s="98" t="s">
        <v>174</v>
      </c>
      <c r="S4789" s="98" t="s">
        <v>174</v>
      </c>
      <c r="T4789" s="98" t="s">
        <v>174</v>
      </c>
      <c r="U4789" s="99"/>
      <c r="V4789" s="99"/>
      <c r="W4789" s="99"/>
      <c r="X4789" s="99"/>
      <c r="Y4789" s="99"/>
      <c r="Z4789" s="99"/>
      <c r="AA4789" s="99"/>
      <c r="AB4789" s="99"/>
      <c r="AC4789" s="99"/>
      <c r="AD4789" s="99"/>
      <c r="AE4789" s="99"/>
      <c r="AF4789" s="99"/>
      <c r="AG4789" s="99"/>
      <c r="AH4789" s="99"/>
      <c r="AI4789" s="99"/>
      <c r="AJ4789" s="99"/>
      <c r="AK4789" s="99"/>
      <c r="AL4789" s="99"/>
      <c r="AM4789" s="99"/>
      <c r="AN4789" s="99"/>
      <c r="AO4789" s="99"/>
      <c r="AP4789" s="99"/>
      <c r="AQ4789" s="99"/>
      <c r="AR4789" s="99"/>
      <c r="AS4789" s="99"/>
      <c r="AT4789" s="99"/>
      <c r="AU4789" s="99"/>
      <c r="AV4789" s="99"/>
      <c r="AW4789" s="99"/>
      <c r="AX4789" s="99"/>
      <c r="AY4789" s="99"/>
      <c r="AZ4789" s="99"/>
      <c r="BA4789" s="99"/>
      <c r="BB4789" s="107">
        <v>45884</v>
      </c>
    </row>
    <row r="4790" spans="1:54" s="8" customFormat="1" ht="13.95" customHeight="1" x14ac:dyDescent="0.25">
      <c r="A4790" s="219" t="s">
        <v>10908</v>
      </c>
      <c r="B4790" s="220" t="s">
        <v>10412</v>
      </c>
      <c r="C4790" s="98" t="s">
        <v>10909</v>
      </c>
      <c r="D4790" s="98" t="s">
        <v>10910</v>
      </c>
      <c r="E4790" s="141" t="s">
        <v>174</v>
      </c>
      <c r="F4790" s="141">
        <v>1438</v>
      </c>
      <c r="G4790" s="98" t="s">
        <v>1</v>
      </c>
      <c r="H4790" s="98">
        <v>0</v>
      </c>
      <c r="I4790" s="98">
        <v>0</v>
      </c>
      <c r="J4790" s="98">
        <v>1</v>
      </c>
      <c r="K4790" s="98" t="s">
        <v>174</v>
      </c>
      <c r="L4790" s="98" t="s">
        <v>174</v>
      </c>
      <c r="M4790" s="98" t="s">
        <v>174</v>
      </c>
      <c r="N4790" s="98" t="s">
        <v>174</v>
      </c>
      <c r="O4790" s="98" t="s">
        <v>174</v>
      </c>
      <c r="P4790" s="98" t="s">
        <v>174</v>
      </c>
      <c r="Q4790" s="98" t="s">
        <v>174</v>
      </c>
      <c r="R4790" s="98" t="s">
        <v>174</v>
      </c>
      <c r="S4790" s="98" t="s">
        <v>174</v>
      </c>
      <c r="T4790" s="98" t="s">
        <v>174</v>
      </c>
      <c r="U4790" s="98" t="s">
        <v>174</v>
      </c>
      <c r="V4790" s="98" t="s">
        <v>174</v>
      </c>
      <c r="W4790" s="98" t="s">
        <v>174</v>
      </c>
      <c r="X4790" s="98" t="s">
        <v>174</v>
      </c>
      <c r="Y4790" s="98" t="s">
        <v>174</v>
      </c>
      <c r="Z4790" s="98" t="s">
        <v>174</v>
      </c>
      <c r="AA4790" s="98" t="s">
        <v>174</v>
      </c>
      <c r="AB4790" s="98" t="s">
        <v>174</v>
      </c>
      <c r="AC4790" s="98" t="s">
        <v>174</v>
      </c>
      <c r="AD4790" s="98" t="s">
        <v>174</v>
      </c>
      <c r="AE4790" s="98" t="s">
        <v>174</v>
      </c>
      <c r="AF4790" s="98" t="s">
        <v>174</v>
      </c>
      <c r="AG4790" s="98" t="s">
        <v>174</v>
      </c>
      <c r="AH4790" s="98" t="s">
        <v>174</v>
      </c>
      <c r="AI4790" s="98" t="s">
        <v>174</v>
      </c>
      <c r="AJ4790" s="98" t="s">
        <v>174</v>
      </c>
      <c r="AK4790" s="98" t="s">
        <v>174</v>
      </c>
      <c r="AL4790" s="98" t="s">
        <v>174</v>
      </c>
      <c r="AM4790" s="98" t="s">
        <v>174</v>
      </c>
      <c r="AN4790" s="98" t="s">
        <v>174</v>
      </c>
      <c r="AO4790" s="98" t="s">
        <v>174</v>
      </c>
      <c r="AP4790" s="98" t="s">
        <v>174</v>
      </c>
      <c r="AQ4790" s="98" t="s">
        <v>174</v>
      </c>
      <c r="AR4790" s="98" t="s">
        <v>174</v>
      </c>
      <c r="AS4790" s="98" t="s">
        <v>174</v>
      </c>
      <c r="AT4790" s="129" t="s">
        <v>174</v>
      </c>
      <c r="AU4790" s="98" t="s">
        <v>174</v>
      </c>
      <c r="AV4790" s="98" t="s">
        <v>174</v>
      </c>
      <c r="AW4790" s="98" t="s">
        <v>174</v>
      </c>
      <c r="AX4790" s="98"/>
      <c r="AY4790" s="98"/>
      <c r="AZ4790" s="98"/>
      <c r="BA4790" s="98"/>
      <c r="BB4790" s="107">
        <v>45884</v>
      </c>
    </row>
    <row r="4791" spans="1:54" s="8" customFormat="1" ht="13.95" customHeight="1" x14ac:dyDescent="0.25">
      <c r="A4791" s="219" t="s">
        <v>10911</v>
      </c>
      <c r="B4791" s="220" t="s">
        <v>10412</v>
      </c>
      <c r="C4791" s="98" t="s">
        <v>10912</v>
      </c>
      <c r="D4791" s="98" t="s">
        <v>10913</v>
      </c>
      <c r="E4791" s="141" t="s">
        <v>174</v>
      </c>
      <c r="F4791" s="141">
        <v>1439</v>
      </c>
      <c r="G4791" s="98" t="s">
        <v>1</v>
      </c>
      <c r="H4791" s="98">
        <v>0</v>
      </c>
      <c r="I4791" s="98">
        <v>0</v>
      </c>
      <c r="J4791" s="98">
        <v>1</v>
      </c>
      <c r="K4791" s="98" t="s">
        <v>174</v>
      </c>
      <c r="L4791" s="98" t="s">
        <v>174</v>
      </c>
      <c r="M4791" s="98" t="s">
        <v>174</v>
      </c>
      <c r="N4791" s="98" t="s">
        <v>174</v>
      </c>
      <c r="O4791" s="98" t="s">
        <v>174</v>
      </c>
      <c r="P4791" s="98" t="s">
        <v>174</v>
      </c>
      <c r="Q4791" s="98" t="s">
        <v>174</v>
      </c>
      <c r="R4791" s="98" t="s">
        <v>174</v>
      </c>
      <c r="S4791" s="98" t="s">
        <v>174</v>
      </c>
      <c r="T4791" s="98" t="s">
        <v>174</v>
      </c>
      <c r="U4791" s="99"/>
      <c r="V4791" s="99"/>
      <c r="W4791" s="99"/>
      <c r="X4791" s="99"/>
      <c r="Y4791" s="99"/>
      <c r="Z4791" s="99"/>
      <c r="AA4791" s="99"/>
      <c r="AB4791" s="99"/>
      <c r="AC4791" s="99"/>
      <c r="AD4791" s="99"/>
      <c r="AE4791" s="99"/>
      <c r="AF4791" s="99"/>
      <c r="AG4791" s="99"/>
      <c r="AH4791" s="99"/>
      <c r="AI4791" s="99"/>
      <c r="AJ4791" s="99"/>
      <c r="AK4791" s="99"/>
      <c r="AL4791" s="99"/>
      <c r="AM4791" s="99"/>
      <c r="AN4791" s="99"/>
      <c r="AO4791" s="99"/>
      <c r="AP4791" s="99"/>
      <c r="AQ4791" s="99"/>
      <c r="AR4791" s="99"/>
      <c r="AS4791" s="99"/>
      <c r="AT4791" s="99"/>
      <c r="AU4791" s="99"/>
      <c r="AV4791" s="99"/>
      <c r="AW4791" s="99"/>
      <c r="AX4791" s="99"/>
      <c r="AY4791" s="99"/>
      <c r="AZ4791" s="99"/>
      <c r="BA4791" s="99"/>
      <c r="BB4791" s="107">
        <v>45884</v>
      </c>
    </row>
    <row r="4792" spans="1:54" s="8" customFormat="1" ht="13.95" customHeight="1" x14ac:dyDescent="0.25">
      <c r="A4792" s="219" t="s">
        <v>10914</v>
      </c>
      <c r="B4792" s="220" t="s">
        <v>10412</v>
      </c>
      <c r="C4792" s="98" t="s">
        <v>10915</v>
      </c>
      <c r="D4792" s="98" t="s">
        <v>10916</v>
      </c>
      <c r="E4792" s="141" t="s">
        <v>174</v>
      </c>
      <c r="F4792" s="141">
        <v>1466</v>
      </c>
      <c r="G4792" s="98" t="s">
        <v>1</v>
      </c>
      <c r="H4792" s="98">
        <v>0</v>
      </c>
      <c r="I4792" s="98">
        <v>0</v>
      </c>
      <c r="J4792" s="98">
        <v>1</v>
      </c>
      <c r="K4792" s="98" t="s">
        <v>174</v>
      </c>
      <c r="L4792" s="98" t="s">
        <v>174</v>
      </c>
      <c r="M4792" s="98" t="s">
        <v>174</v>
      </c>
      <c r="N4792" s="98" t="s">
        <v>174</v>
      </c>
      <c r="O4792" s="98" t="s">
        <v>174</v>
      </c>
      <c r="P4792" s="98" t="s">
        <v>174</v>
      </c>
      <c r="Q4792" s="98" t="s">
        <v>174</v>
      </c>
      <c r="R4792" s="98" t="s">
        <v>174</v>
      </c>
      <c r="S4792" s="98" t="s">
        <v>174</v>
      </c>
      <c r="T4792" s="98" t="s">
        <v>174</v>
      </c>
      <c r="U4792" s="98" t="s">
        <v>174</v>
      </c>
      <c r="V4792" s="98" t="s">
        <v>174</v>
      </c>
      <c r="W4792" s="98" t="s">
        <v>174</v>
      </c>
      <c r="X4792" s="98" t="s">
        <v>174</v>
      </c>
      <c r="Y4792" s="98" t="s">
        <v>174</v>
      </c>
      <c r="Z4792" s="98" t="s">
        <v>174</v>
      </c>
      <c r="AA4792" s="98" t="s">
        <v>174</v>
      </c>
      <c r="AB4792" s="98" t="s">
        <v>174</v>
      </c>
      <c r="AC4792" s="98" t="s">
        <v>174</v>
      </c>
      <c r="AD4792" s="98" t="s">
        <v>174</v>
      </c>
      <c r="AE4792" s="98" t="s">
        <v>174</v>
      </c>
      <c r="AF4792" s="98" t="s">
        <v>174</v>
      </c>
      <c r="AG4792" s="98" t="s">
        <v>174</v>
      </c>
      <c r="AH4792" s="98" t="s">
        <v>174</v>
      </c>
      <c r="AI4792" s="98" t="s">
        <v>174</v>
      </c>
      <c r="AJ4792" s="98" t="s">
        <v>174</v>
      </c>
      <c r="AK4792" s="98" t="s">
        <v>174</v>
      </c>
      <c r="AL4792" s="98" t="s">
        <v>174</v>
      </c>
      <c r="AM4792" s="98" t="s">
        <v>174</v>
      </c>
      <c r="AN4792" s="98" t="s">
        <v>174</v>
      </c>
      <c r="AO4792" s="98" t="s">
        <v>174</v>
      </c>
      <c r="AP4792" s="98" t="s">
        <v>174</v>
      </c>
      <c r="AQ4792" s="98" t="s">
        <v>174</v>
      </c>
      <c r="AR4792" s="98" t="s">
        <v>174</v>
      </c>
      <c r="AS4792" s="98" t="s">
        <v>174</v>
      </c>
      <c r="AT4792" s="129" t="s">
        <v>174</v>
      </c>
      <c r="AU4792" s="98" t="s">
        <v>174</v>
      </c>
      <c r="AV4792" s="98" t="s">
        <v>174</v>
      </c>
      <c r="AW4792" s="98" t="s">
        <v>174</v>
      </c>
      <c r="AX4792" s="98"/>
      <c r="AY4792" s="98"/>
      <c r="AZ4792" s="98"/>
      <c r="BA4792" s="98"/>
      <c r="BB4792" s="107">
        <v>45884</v>
      </c>
    </row>
    <row r="4793" spans="1:54" s="8" customFormat="1" ht="13.95" customHeight="1" x14ac:dyDescent="0.25">
      <c r="A4793" s="219" t="s">
        <v>10917</v>
      </c>
      <c r="B4793" s="220" t="s">
        <v>10412</v>
      </c>
      <c r="C4793" s="98" t="s">
        <v>10918</v>
      </c>
      <c r="D4793" s="98" t="s">
        <v>10919</v>
      </c>
      <c r="E4793" s="141" t="s">
        <v>174</v>
      </c>
      <c r="F4793" s="141">
        <v>1475</v>
      </c>
      <c r="G4793" s="98" t="s">
        <v>1</v>
      </c>
      <c r="H4793" s="98">
        <v>1</v>
      </c>
      <c r="I4793" s="98">
        <v>0</v>
      </c>
      <c r="J4793" s="98">
        <v>1</v>
      </c>
      <c r="K4793" s="98" t="s">
        <v>174</v>
      </c>
      <c r="L4793" s="98" t="s">
        <v>174</v>
      </c>
      <c r="M4793" s="98" t="s">
        <v>174</v>
      </c>
      <c r="N4793" s="98" t="s">
        <v>174</v>
      </c>
      <c r="O4793" s="98" t="s">
        <v>174</v>
      </c>
      <c r="P4793" s="98" t="s">
        <v>174</v>
      </c>
      <c r="Q4793" s="98" t="s">
        <v>174</v>
      </c>
      <c r="R4793" s="98" t="s">
        <v>174</v>
      </c>
      <c r="S4793" s="98" t="s">
        <v>174</v>
      </c>
      <c r="T4793" s="98" t="s">
        <v>174</v>
      </c>
      <c r="U4793" s="98" t="s">
        <v>174</v>
      </c>
      <c r="V4793" s="98" t="s">
        <v>174</v>
      </c>
      <c r="W4793" s="98" t="s">
        <v>174</v>
      </c>
      <c r="X4793" s="98" t="s">
        <v>174</v>
      </c>
      <c r="Y4793" s="98" t="s">
        <v>174</v>
      </c>
      <c r="Z4793" s="98" t="s">
        <v>174</v>
      </c>
      <c r="AA4793" s="98" t="s">
        <v>174</v>
      </c>
      <c r="AB4793" s="98" t="s">
        <v>174</v>
      </c>
      <c r="AC4793" s="98" t="s">
        <v>174</v>
      </c>
      <c r="AD4793" s="98" t="s">
        <v>174</v>
      </c>
      <c r="AE4793" s="98" t="s">
        <v>174</v>
      </c>
      <c r="AF4793" s="98" t="s">
        <v>174</v>
      </c>
      <c r="AG4793" s="98" t="s">
        <v>174</v>
      </c>
      <c r="AH4793" s="98" t="s">
        <v>174</v>
      </c>
      <c r="AI4793" s="98" t="s">
        <v>174</v>
      </c>
      <c r="AJ4793" s="98" t="s">
        <v>174</v>
      </c>
      <c r="AK4793" s="98" t="s">
        <v>174</v>
      </c>
      <c r="AL4793" s="98" t="s">
        <v>174</v>
      </c>
      <c r="AM4793" s="98" t="s">
        <v>174</v>
      </c>
      <c r="AN4793" s="98" t="s">
        <v>174</v>
      </c>
      <c r="AO4793" s="98" t="s">
        <v>174</v>
      </c>
      <c r="AP4793" s="98" t="s">
        <v>174</v>
      </c>
      <c r="AQ4793" s="98" t="s">
        <v>174</v>
      </c>
      <c r="AR4793" s="98" t="s">
        <v>174</v>
      </c>
      <c r="AS4793" s="98" t="s">
        <v>174</v>
      </c>
      <c r="AT4793" s="129" t="s">
        <v>174</v>
      </c>
      <c r="AU4793" s="98" t="s">
        <v>174</v>
      </c>
      <c r="AV4793" s="98" t="s">
        <v>174</v>
      </c>
      <c r="AW4793" s="98" t="s">
        <v>174</v>
      </c>
      <c r="AX4793" s="98"/>
      <c r="AY4793" s="98"/>
      <c r="AZ4793" s="98"/>
      <c r="BA4793" s="98"/>
      <c r="BB4793" s="107">
        <v>45884</v>
      </c>
    </row>
    <row r="4794" spans="1:54" s="8" customFormat="1" ht="13.95" customHeight="1" x14ac:dyDescent="0.25">
      <c r="A4794" s="219" t="s">
        <v>10920</v>
      </c>
      <c r="B4794" s="220" t="s">
        <v>10412</v>
      </c>
      <c r="C4794" s="98" t="s">
        <v>10921</v>
      </c>
      <c r="D4794" s="98" t="s">
        <v>10922</v>
      </c>
      <c r="E4794" s="141" t="s">
        <v>174</v>
      </c>
      <c r="F4794" s="141">
        <v>1490</v>
      </c>
      <c r="G4794" s="98" t="s">
        <v>1</v>
      </c>
      <c r="H4794" s="98">
        <v>0</v>
      </c>
      <c r="I4794" s="98">
        <v>0</v>
      </c>
      <c r="J4794" s="98">
        <v>1</v>
      </c>
      <c r="K4794" s="98" t="s">
        <v>174</v>
      </c>
      <c r="L4794" s="98" t="s">
        <v>174</v>
      </c>
      <c r="M4794" s="98" t="s">
        <v>174</v>
      </c>
      <c r="N4794" s="98" t="s">
        <v>174</v>
      </c>
      <c r="O4794" s="98" t="s">
        <v>174</v>
      </c>
      <c r="P4794" s="98" t="s">
        <v>174</v>
      </c>
      <c r="Q4794" s="98" t="s">
        <v>174</v>
      </c>
      <c r="R4794" s="98" t="s">
        <v>174</v>
      </c>
      <c r="S4794" s="98" t="s">
        <v>174</v>
      </c>
      <c r="T4794" s="98" t="s">
        <v>174</v>
      </c>
      <c r="U4794" s="99"/>
      <c r="V4794" s="99"/>
      <c r="W4794" s="99"/>
      <c r="X4794" s="99"/>
      <c r="Y4794" s="99"/>
      <c r="Z4794" s="99"/>
      <c r="AA4794" s="99"/>
      <c r="AB4794" s="99"/>
      <c r="AC4794" s="99"/>
      <c r="AD4794" s="99"/>
      <c r="AE4794" s="99"/>
      <c r="AF4794" s="99"/>
      <c r="AG4794" s="99"/>
      <c r="AH4794" s="99"/>
      <c r="AI4794" s="99"/>
      <c r="AJ4794" s="99"/>
      <c r="AK4794" s="99"/>
      <c r="AL4794" s="99"/>
      <c r="AM4794" s="99"/>
      <c r="AN4794" s="99"/>
      <c r="AO4794" s="99"/>
      <c r="AP4794" s="99"/>
      <c r="AQ4794" s="99"/>
      <c r="AR4794" s="99"/>
      <c r="AS4794" s="99"/>
      <c r="AT4794" s="99"/>
      <c r="AU4794" s="99"/>
      <c r="AV4794" s="99"/>
      <c r="AW4794" s="99"/>
      <c r="AX4794" s="99"/>
      <c r="AY4794" s="99"/>
      <c r="AZ4794" s="99"/>
      <c r="BA4794" s="99"/>
      <c r="BB4794" s="107">
        <v>45884</v>
      </c>
    </row>
    <row r="4795" spans="1:54" s="8" customFormat="1" ht="13.95" customHeight="1" x14ac:dyDescent="0.25">
      <c r="A4795" s="219" t="s">
        <v>10923</v>
      </c>
      <c r="B4795" s="220" t="s">
        <v>10412</v>
      </c>
      <c r="C4795" s="98" t="s">
        <v>10924</v>
      </c>
      <c r="D4795" s="98" t="s">
        <v>10925</v>
      </c>
      <c r="E4795" s="141" t="s">
        <v>174</v>
      </c>
      <c r="F4795" s="141">
        <v>1516</v>
      </c>
      <c r="G4795" s="98" t="s">
        <v>1</v>
      </c>
      <c r="H4795" s="98">
        <v>0</v>
      </c>
      <c r="I4795" s="98">
        <v>0</v>
      </c>
      <c r="J4795" s="98">
        <v>1</v>
      </c>
      <c r="K4795" s="98" t="s">
        <v>174</v>
      </c>
      <c r="L4795" s="98" t="s">
        <v>174</v>
      </c>
      <c r="M4795" s="98" t="s">
        <v>174</v>
      </c>
      <c r="N4795" s="98" t="s">
        <v>174</v>
      </c>
      <c r="O4795" s="98" t="s">
        <v>174</v>
      </c>
      <c r="P4795" s="98" t="s">
        <v>174</v>
      </c>
      <c r="Q4795" s="98" t="s">
        <v>174</v>
      </c>
      <c r="R4795" s="98" t="s">
        <v>174</v>
      </c>
      <c r="S4795" s="98" t="s">
        <v>174</v>
      </c>
      <c r="T4795" s="98" t="s">
        <v>174</v>
      </c>
      <c r="U4795" s="98" t="s">
        <v>174</v>
      </c>
      <c r="V4795" s="98" t="s">
        <v>174</v>
      </c>
      <c r="W4795" s="98" t="s">
        <v>174</v>
      </c>
      <c r="X4795" s="98" t="s">
        <v>174</v>
      </c>
      <c r="Y4795" s="98" t="s">
        <v>174</v>
      </c>
      <c r="Z4795" s="98" t="s">
        <v>174</v>
      </c>
      <c r="AA4795" s="98" t="s">
        <v>174</v>
      </c>
      <c r="AB4795" s="98" t="s">
        <v>174</v>
      </c>
      <c r="AC4795" s="98" t="s">
        <v>174</v>
      </c>
      <c r="AD4795" s="98" t="s">
        <v>174</v>
      </c>
      <c r="AE4795" s="98" t="s">
        <v>174</v>
      </c>
      <c r="AF4795" s="98" t="s">
        <v>174</v>
      </c>
      <c r="AG4795" s="98" t="s">
        <v>174</v>
      </c>
      <c r="AH4795" s="98" t="s">
        <v>174</v>
      </c>
      <c r="AI4795" s="98" t="s">
        <v>174</v>
      </c>
      <c r="AJ4795" s="98" t="s">
        <v>174</v>
      </c>
      <c r="AK4795" s="98" t="s">
        <v>174</v>
      </c>
      <c r="AL4795" s="98" t="s">
        <v>174</v>
      </c>
      <c r="AM4795" s="98" t="s">
        <v>174</v>
      </c>
      <c r="AN4795" s="98" t="s">
        <v>174</v>
      </c>
      <c r="AO4795" s="98" t="s">
        <v>174</v>
      </c>
      <c r="AP4795" s="98" t="s">
        <v>174</v>
      </c>
      <c r="AQ4795" s="98" t="s">
        <v>174</v>
      </c>
      <c r="AR4795" s="98" t="s">
        <v>174</v>
      </c>
      <c r="AS4795" s="98" t="s">
        <v>174</v>
      </c>
      <c r="AT4795" s="129" t="s">
        <v>174</v>
      </c>
      <c r="AU4795" s="98" t="s">
        <v>174</v>
      </c>
      <c r="AV4795" s="98" t="s">
        <v>174</v>
      </c>
      <c r="AW4795" s="98" t="s">
        <v>174</v>
      </c>
      <c r="AX4795" s="98"/>
      <c r="AY4795" s="98"/>
      <c r="AZ4795" s="98"/>
      <c r="BA4795" s="98"/>
      <c r="BB4795" s="107">
        <v>45884</v>
      </c>
    </row>
    <row r="4796" spans="1:54" s="8" customFormat="1" ht="13.95" customHeight="1" x14ac:dyDescent="0.25">
      <c r="A4796" s="219" t="s">
        <v>10926</v>
      </c>
      <c r="B4796" s="220" t="s">
        <v>10412</v>
      </c>
      <c r="C4796" s="98" t="s">
        <v>10927</v>
      </c>
      <c r="D4796" s="98" t="s">
        <v>10928</v>
      </c>
      <c r="E4796" s="141" t="s">
        <v>174</v>
      </c>
      <c r="F4796" s="141">
        <v>1527</v>
      </c>
      <c r="G4796" s="98" t="s">
        <v>1</v>
      </c>
      <c r="H4796" s="98">
        <v>1</v>
      </c>
      <c r="I4796" s="98">
        <v>0</v>
      </c>
      <c r="J4796" s="98">
        <v>1</v>
      </c>
      <c r="K4796" s="98" t="s">
        <v>174</v>
      </c>
      <c r="L4796" s="98" t="s">
        <v>174</v>
      </c>
      <c r="M4796" s="98" t="s">
        <v>174</v>
      </c>
      <c r="N4796" s="98" t="s">
        <v>174</v>
      </c>
      <c r="O4796" s="98" t="s">
        <v>174</v>
      </c>
      <c r="P4796" s="98" t="s">
        <v>174</v>
      </c>
      <c r="Q4796" s="98" t="s">
        <v>174</v>
      </c>
      <c r="R4796" s="98" t="s">
        <v>174</v>
      </c>
      <c r="S4796" s="98" t="s">
        <v>174</v>
      </c>
      <c r="T4796" s="98" t="s">
        <v>174</v>
      </c>
      <c r="U4796" s="98" t="s">
        <v>174</v>
      </c>
      <c r="V4796" s="98" t="s">
        <v>174</v>
      </c>
      <c r="W4796" s="98" t="s">
        <v>174</v>
      </c>
      <c r="X4796" s="98" t="s">
        <v>174</v>
      </c>
      <c r="Y4796" s="98" t="s">
        <v>174</v>
      </c>
      <c r="Z4796" s="98" t="s">
        <v>174</v>
      </c>
      <c r="AA4796" s="98" t="s">
        <v>174</v>
      </c>
      <c r="AB4796" s="98" t="s">
        <v>174</v>
      </c>
      <c r="AC4796" s="98" t="s">
        <v>174</v>
      </c>
      <c r="AD4796" s="98" t="s">
        <v>174</v>
      </c>
      <c r="AE4796" s="98" t="s">
        <v>174</v>
      </c>
      <c r="AF4796" s="98" t="s">
        <v>174</v>
      </c>
      <c r="AG4796" s="98" t="s">
        <v>174</v>
      </c>
      <c r="AH4796" s="98" t="s">
        <v>174</v>
      </c>
      <c r="AI4796" s="98" t="s">
        <v>174</v>
      </c>
      <c r="AJ4796" s="98" t="s">
        <v>174</v>
      </c>
      <c r="AK4796" s="98" t="s">
        <v>174</v>
      </c>
      <c r="AL4796" s="98" t="s">
        <v>174</v>
      </c>
      <c r="AM4796" s="98" t="s">
        <v>174</v>
      </c>
      <c r="AN4796" s="98" t="s">
        <v>174</v>
      </c>
      <c r="AO4796" s="98" t="s">
        <v>174</v>
      </c>
      <c r="AP4796" s="98" t="s">
        <v>174</v>
      </c>
      <c r="AQ4796" s="98" t="s">
        <v>174</v>
      </c>
      <c r="AR4796" s="98" t="s">
        <v>174</v>
      </c>
      <c r="AS4796" s="98" t="s">
        <v>174</v>
      </c>
      <c r="AT4796" s="129" t="s">
        <v>174</v>
      </c>
      <c r="AU4796" s="98" t="s">
        <v>174</v>
      </c>
      <c r="AV4796" s="98" t="s">
        <v>174</v>
      </c>
      <c r="AW4796" s="98" t="s">
        <v>174</v>
      </c>
      <c r="AX4796" s="98"/>
      <c r="AY4796" s="98"/>
      <c r="AZ4796" s="98"/>
      <c r="BA4796" s="98"/>
      <c r="BB4796" s="107">
        <v>45884</v>
      </c>
    </row>
    <row r="4797" spans="1:54" s="8" customFormat="1" ht="13.95" customHeight="1" x14ac:dyDescent="0.25">
      <c r="A4797" s="219" t="s">
        <v>10929</v>
      </c>
      <c r="B4797" s="220" t="s">
        <v>10412</v>
      </c>
      <c r="C4797" s="98" t="s">
        <v>10930</v>
      </c>
      <c r="D4797" s="98" t="s">
        <v>10931</v>
      </c>
      <c r="E4797" s="141" t="s">
        <v>174</v>
      </c>
      <c r="F4797" s="141">
        <v>1533</v>
      </c>
      <c r="G4797" s="98" t="s">
        <v>1</v>
      </c>
      <c r="H4797" s="98">
        <v>0</v>
      </c>
      <c r="I4797" s="98">
        <v>0</v>
      </c>
      <c r="J4797" s="98">
        <v>1</v>
      </c>
      <c r="K4797" s="98" t="s">
        <v>174</v>
      </c>
      <c r="L4797" s="98" t="s">
        <v>174</v>
      </c>
      <c r="M4797" s="98" t="s">
        <v>174</v>
      </c>
      <c r="N4797" s="98" t="s">
        <v>174</v>
      </c>
      <c r="O4797" s="98" t="s">
        <v>174</v>
      </c>
      <c r="P4797" s="98" t="s">
        <v>174</v>
      </c>
      <c r="Q4797" s="98" t="s">
        <v>174</v>
      </c>
      <c r="R4797" s="98" t="s">
        <v>174</v>
      </c>
      <c r="S4797" s="98" t="s">
        <v>174</v>
      </c>
      <c r="T4797" s="98" t="s">
        <v>174</v>
      </c>
      <c r="U4797" s="98" t="s">
        <v>174</v>
      </c>
      <c r="V4797" s="98" t="s">
        <v>174</v>
      </c>
      <c r="W4797" s="98" t="s">
        <v>174</v>
      </c>
      <c r="X4797" s="98" t="s">
        <v>174</v>
      </c>
      <c r="Y4797" s="98" t="s">
        <v>174</v>
      </c>
      <c r="Z4797" s="98" t="s">
        <v>174</v>
      </c>
      <c r="AA4797" s="98" t="s">
        <v>174</v>
      </c>
      <c r="AB4797" s="98" t="s">
        <v>174</v>
      </c>
      <c r="AC4797" s="98" t="s">
        <v>174</v>
      </c>
      <c r="AD4797" s="98" t="s">
        <v>174</v>
      </c>
      <c r="AE4797" s="98" t="s">
        <v>174</v>
      </c>
      <c r="AF4797" s="98" t="s">
        <v>174</v>
      </c>
      <c r="AG4797" s="98" t="s">
        <v>174</v>
      </c>
      <c r="AH4797" s="98" t="s">
        <v>174</v>
      </c>
      <c r="AI4797" s="98" t="s">
        <v>174</v>
      </c>
      <c r="AJ4797" s="98" t="s">
        <v>174</v>
      </c>
      <c r="AK4797" s="98" t="s">
        <v>174</v>
      </c>
      <c r="AL4797" s="98" t="s">
        <v>174</v>
      </c>
      <c r="AM4797" s="98" t="s">
        <v>174</v>
      </c>
      <c r="AN4797" s="98" t="s">
        <v>174</v>
      </c>
      <c r="AO4797" s="98" t="s">
        <v>174</v>
      </c>
      <c r="AP4797" s="98" t="s">
        <v>174</v>
      </c>
      <c r="AQ4797" s="98" t="s">
        <v>174</v>
      </c>
      <c r="AR4797" s="98" t="s">
        <v>174</v>
      </c>
      <c r="AS4797" s="98" t="s">
        <v>174</v>
      </c>
      <c r="AT4797" s="129" t="s">
        <v>174</v>
      </c>
      <c r="AU4797" s="98" t="s">
        <v>174</v>
      </c>
      <c r="AV4797" s="98" t="s">
        <v>174</v>
      </c>
      <c r="AW4797" s="98" t="s">
        <v>174</v>
      </c>
      <c r="AX4797" s="98"/>
      <c r="AY4797" s="98"/>
      <c r="AZ4797" s="98"/>
      <c r="BA4797" s="98"/>
      <c r="BB4797" s="107">
        <v>45884</v>
      </c>
    </row>
    <row r="4798" spans="1:54" s="8" customFormat="1" ht="13.95" customHeight="1" x14ac:dyDescent="0.25">
      <c r="A4798" s="219" t="s">
        <v>10932</v>
      </c>
      <c r="B4798" s="220" t="s">
        <v>10412</v>
      </c>
      <c r="C4798" s="98" t="s">
        <v>10933</v>
      </c>
      <c r="D4798" s="98" t="s">
        <v>10934</v>
      </c>
      <c r="E4798" s="141" t="s">
        <v>174</v>
      </c>
      <c r="F4798" s="141">
        <v>1534</v>
      </c>
      <c r="G4798" s="98" t="s">
        <v>1</v>
      </c>
      <c r="H4798" s="98">
        <v>0</v>
      </c>
      <c r="I4798" s="98">
        <v>0</v>
      </c>
      <c r="J4798" s="98">
        <v>1</v>
      </c>
      <c r="K4798" s="98" t="s">
        <v>174</v>
      </c>
      <c r="L4798" s="98" t="s">
        <v>174</v>
      </c>
      <c r="M4798" s="98" t="s">
        <v>174</v>
      </c>
      <c r="N4798" s="98" t="s">
        <v>174</v>
      </c>
      <c r="O4798" s="98" t="s">
        <v>174</v>
      </c>
      <c r="P4798" s="98" t="s">
        <v>174</v>
      </c>
      <c r="Q4798" s="98" t="s">
        <v>174</v>
      </c>
      <c r="R4798" s="98" t="s">
        <v>174</v>
      </c>
      <c r="S4798" s="98" t="s">
        <v>174</v>
      </c>
      <c r="T4798" s="98" t="s">
        <v>174</v>
      </c>
      <c r="U4798" s="99"/>
      <c r="V4798" s="99"/>
      <c r="W4798" s="99"/>
      <c r="X4798" s="99"/>
      <c r="Y4798" s="99"/>
      <c r="Z4798" s="99"/>
      <c r="AA4798" s="99"/>
      <c r="AB4798" s="99"/>
      <c r="AC4798" s="99"/>
      <c r="AD4798" s="99"/>
      <c r="AE4798" s="99"/>
      <c r="AF4798" s="99"/>
      <c r="AG4798" s="99"/>
      <c r="AH4798" s="99"/>
      <c r="AI4798" s="99"/>
      <c r="AJ4798" s="99"/>
      <c r="AK4798" s="99"/>
      <c r="AL4798" s="99"/>
      <c r="AM4798" s="99"/>
      <c r="AN4798" s="99"/>
      <c r="AO4798" s="99"/>
      <c r="AP4798" s="99"/>
      <c r="AQ4798" s="99"/>
      <c r="AR4798" s="99"/>
      <c r="AS4798" s="99"/>
      <c r="AT4798" s="99"/>
      <c r="AU4798" s="99"/>
      <c r="AV4798" s="99"/>
      <c r="AW4798" s="99"/>
      <c r="AX4798" s="99"/>
      <c r="AY4798" s="99"/>
      <c r="AZ4798" s="99"/>
      <c r="BA4798" s="99"/>
      <c r="BB4798" s="107">
        <v>45884</v>
      </c>
    </row>
    <row r="4799" spans="1:54" s="8" customFormat="1" ht="13.95" customHeight="1" x14ac:dyDescent="0.25">
      <c r="A4799" s="219" t="s">
        <v>10935</v>
      </c>
      <c r="B4799" s="220" t="s">
        <v>10412</v>
      </c>
      <c r="C4799" s="98" t="s">
        <v>10936</v>
      </c>
      <c r="D4799" s="98" t="s">
        <v>10937</v>
      </c>
      <c r="E4799" s="141" t="s">
        <v>174</v>
      </c>
      <c r="F4799" s="141">
        <v>1563</v>
      </c>
      <c r="G4799" s="98" t="s">
        <v>1</v>
      </c>
      <c r="H4799" s="98">
        <v>1</v>
      </c>
      <c r="I4799" s="98">
        <v>1</v>
      </c>
      <c r="J4799" s="98">
        <v>1</v>
      </c>
      <c r="K4799" s="98" t="s">
        <v>174</v>
      </c>
      <c r="L4799" s="98" t="s">
        <v>174</v>
      </c>
      <c r="M4799" s="98" t="s">
        <v>174</v>
      </c>
      <c r="N4799" s="98" t="s">
        <v>174</v>
      </c>
      <c r="O4799" s="98" t="s">
        <v>174</v>
      </c>
      <c r="P4799" s="98" t="s">
        <v>174</v>
      </c>
      <c r="Q4799" s="98" t="s">
        <v>174</v>
      </c>
      <c r="R4799" s="98" t="s">
        <v>174</v>
      </c>
      <c r="S4799" s="98" t="s">
        <v>174</v>
      </c>
      <c r="T4799" s="98" t="s">
        <v>174</v>
      </c>
      <c r="U4799" s="99"/>
      <c r="V4799" s="99"/>
      <c r="W4799" s="99"/>
      <c r="X4799" s="99"/>
      <c r="Y4799" s="99"/>
      <c r="Z4799" s="99"/>
      <c r="AA4799" s="99"/>
      <c r="AB4799" s="99"/>
      <c r="AC4799" s="99"/>
      <c r="AD4799" s="99"/>
      <c r="AE4799" s="99"/>
      <c r="AF4799" s="99"/>
      <c r="AG4799" s="99"/>
      <c r="AH4799" s="99"/>
      <c r="AI4799" s="99"/>
      <c r="AJ4799" s="99"/>
      <c r="AK4799" s="99"/>
      <c r="AL4799" s="99"/>
      <c r="AM4799" s="99"/>
      <c r="AN4799" s="99"/>
      <c r="AO4799" s="99"/>
      <c r="AP4799" s="99"/>
      <c r="AQ4799" s="99"/>
      <c r="AR4799" s="99"/>
      <c r="AS4799" s="99"/>
      <c r="AT4799" s="99"/>
      <c r="AU4799" s="99"/>
      <c r="AV4799" s="99"/>
      <c r="AW4799" s="99"/>
      <c r="AX4799" s="99"/>
      <c r="AY4799" s="99"/>
      <c r="AZ4799" s="99"/>
      <c r="BA4799" s="99"/>
      <c r="BB4799" s="107">
        <v>45884</v>
      </c>
    </row>
    <row r="4800" spans="1:54" s="8" customFormat="1" ht="13.95" customHeight="1" x14ac:dyDescent="0.25">
      <c r="A4800" s="219" t="s">
        <v>10938</v>
      </c>
      <c r="B4800" s="220" t="s">
        <v>10412</v>
      </c>
      <c r="C4800" s="98" t="s">
        <v>10939</v>
      </c>
      <c r="D4800" s="98" t="s">
        <v>10842</v>
      </c>
      <c r="E4800" s="141" t="s">
        <v>174</v>
      </c>
      <c r="F4800" s="141">
        <v>1572</v>
      </c>
      <c r="G4800" s="98" t="s">
        <v>1</v>
      </c>
      <c r="H4800" s="98">
        <v>0</v>
      </c>
      <c r="I4800" s="98">
        <v>0</v>
      </c>
      <c r="J4800" s="98">
        <v>1</v>
      </c>
      <c r="K4800" s="98" t="s">
        <v>174</v>
      </c>
      <c r="L4800" s="98" t="s">
        <v>174</v>
      </c>
      <c r="M4800" s="98" t="s">
        <v>174</v>
      </c>
      <c r="N4800" s="98" t="s">
        <v>174</v>
      </c>
      <c r="O4800" s="98" t="s">
        <v>174</v>
      </c>
      <c r="P4800" s="98" t="s">
        <v>174</v>
      </c>
      <c r="Q4800" s="98" t="s">
        <v>174</v>
      </c>
      <c r="R4800" s="98" t="s">
        <v>174</v>
      </c>
      <c r="S4800" s="98" t="s">
        <v>174</v>
      </c>
      <c r="T4800" s="98" t="s">
        <v>174</v>
      </c>
      <c r="U4800" s="99"/>
      <c r="V4800" s="99"/>
      <c r="W4800" s="99"/>
      <c r="X4800" s="99"/>
      <c r="Y4800" s="99"/>
      <c r="Z4800" s="99"/>
      <c r="AA4800" s="99"/>
      <c r="AB4800" s="99"/>
      <c r="AC4800" s="99"/>
      <c r="AD4800" s="99"/>
      <c r="AE4800" s="99"/>
      <c r="AF4800" s="99"/>
      <c r="AG4800" s="99"/>
      <c r="AH4800" s="99"/>
      <c r="AI4800" s="99"/>
      <c r="AJ4800" s="99"/>
      <c r="AK4800" s="99"/>
      <c r="AL4800" s="99"/>
      <c r="AM4800" s="99"/>
      <c r="AN4800" s="99"/>
      <c r="AO4800" s="99"/>
      <c r="AP4800" s="99"/>
      <c r="AQ4800" s="99"/>
      <c r="AR4800" s="99"/>
      <c r="AS4800" s="99"/>
      <c r="AT4800" s="99"/>
      <c r="AU4800" s="99"/>
      <c r="AV4800" s="99"/>
      <c r="AW4800" s="99"/>
      <c r="AX4800" s="99"/>
      <c r="AY4800" s="99"/>
      <c r="AZ4800" s="99"/>
      <c r="BA4800" s="99"/>
      <c r="BB4800" s="107">
        <v>45884</v>
      </c>
    </row>
    <row r="4801" spans="1:54" s="8" customFormat="1" ht="13.95" customHeight="1" x14ac:dyDescent="0.25">
      <c r="A4801" s="219" t="s">
        <v>10940</v>
      </c>
      <c r="B4801" s="220" t="s">
        <v>10412</v>
      </c>
      <c r="C4801" s="98" t="s">
        <v>10941</v>
      </c>
      <c r="D4801" s="98" t="s">
        <v>10942</v>
      </c>
      <c r="E4801" s="141" t="s">
        <v>174</v>
      </c>
      <c r="F4801" s="141">
        <v>1595</v>
      </c>
      <c r="G4801" s="98" t="s">
        <v>1</v>
      </c>
      <c r="H4801" s="98">
        <v>0</v>
      </c>
      <c r="I4801" s="98">
        <v>0</v>
      </c>
      <c r="J4801" s="98">
        <v>1</v>
      </c>
      <c r="K4801" s="98" t="s">
        <v>174</v>
      </c>
      <c r="L4801" s="98" t="s">
        <v>174</v>
      </c>
      <c r="M4801" s="98" t="s">
        <v>174</v>
      </c>
      <c r="N4801" s="98" t="s">
        <v>174</v>
      </c>
      <c r="O4801" s="98" t="s">
        <v>174</v>
      </c>
      <c r="P4801" s="98" t="s">
        <v>174</v>
      </c>
      <c r="Q4801" s="98" t="s">
        <v>174</v>
      </c>
      <c r="R4801" s="98" t="s">
        <v>174</v>
      </c>
      <c r="S4801" s="98" t="s">
        <v>174</v>
      </c>
      <c r="T4801" s="98" t="s">
        <v>174</v>
      </c>
      <c r="U4801" s="99"/>
      <c r="V4801" s="99"/>
      <c r="W4801" s="99"/>
      <c r="X4801" s="99"/>
      <c r="Y4801" s="99"/>
      <c r="Z4801" s="99"/>
      <c r="AA4801" s="99"/>
      <c r="AB4801" s="99"/>
      <c r="AC4801" s="99"/>
      <c r="AD4801" s="99"/>
      <c r="AE4801" s="99"/>
      <c r="AF4801" s="99"/>
      <c r="AG4801" s="99"/>
      <c r="AH4801" s="99"/>
      <c r="AI4801" s="99"/>
      <c r="AJ4801" s="99"/>
      <c r="AK4801" s="99"/>
      <c r="AL4801" s="99"/>
      <c r="AM4801" s="99"/>
      <c r="AN4801" s="99"/>
      <c r="AO4801" s="99"/>
      <c r="AP4801" s="99"/>
      <c r="AQ4801" s="99"/>
      <c r="AR4801" s="99"/>
      <c r="AS4801" s="99"/>
      <c r="AT4801" s="99"/>
      <c r="AU4801" s="99"/>
      <c r="AV4801" s="99"/>
      <c r="AW4801" s="99"/>
      <c r="AX4801" s="99"/>
      <c r="AY4801" s="99"/>
      <c r="AZ4801" s="99"/>
      <c r="BA4801" s="99"/>
      <c r="BB4801" s="107">
        <v>45884</v>
      </c>
    </row>
    <row r="4802" spans="1:54" s="8" customFormat="1" ht="13.95" customHeight="1" x14ac:dyDescent="0.25">
      <c r="A4802" s="219" t="s">
        <v>10943</v>
      </c>
      <c r="B4802" s="220" t="s">
        <v>10412</v>
      </c>
      <c r="C4802" s="98" t="s">
        <v>10944</v>
      </c>
      <c r="D4802" s="98" t="s">
        <v>10945</v>
      </c>
      <c r="E4802" s="141" t="s">
        <v>174</v>
      </c>
      <c r="F4802" s="141">
        <v>1612</v>
      </c>
      <c r="G4802" s="98" t="s">
        <v>1</v>
      </c>
      <c r="H4802" s="98">
        <v>0</v>
      </c>
      <c r="I4802" s="98">
        <v>0</v>
      </c>
      <c r="J4802" s="98">
        <v>1</v>
      </c>
      <c r="K4802" s="98" t="s">
        <v>174</v>
      </c>
      <c r="L4802" s="98" t="s">
        <v>174</v>
      </c>
      <c r="M4802" s="98" t="s">
        <v>174</v>
      </c>
      <c r="N4802" s="98" t="s">
        <v>174</v>
      </c>
      <c r="O4802" s="98" t="s">
        <v>174</v>
      </c>
      <c r="P4802" s="98" t="s">
        <v>174</v>
      </c>
      <c r="Q4802" s="98" t="s">
        <v>174</v>
      </c>
      <c r="R4802" s="98" t="s">
        <v>174</v>
      </c>
      <c r="S4802" s="98" t="s">
        <v>174</v>
      </c>
      <c r="T4802" s="98" t="s">
        <v>174</v>
      </c>
      <c r="U4802" s="99"/>
      <c r="V4802" s="99"/>
      <c r="W4802" s="99"/>
      <c r="X4802" s="99"/>
      <c r="Y4802" s="99"/>
      <c r="Z4802" s="99"/>
      <c r="AA4802" s="99"/>
      <c r="AB4802" s="99"/>
      <c r="AC4802" s="99"/>
      <c r="AD4802" s="99"/>
      <c r="AE4802" s="99"/>
      <c r="AF4802" s="99"/>
      <c r="AG4802" s="99"/>
      <c r="AH4802" s="99"/>
      <c r="AI4802" s="99"/>
      <c r="AJ4802" s="99"/>
      <c r="AK4802" s="99"/>
      <c r="AL4802" s="99"/>
      <c r="AM4802" s="99"/>
      <c r="AN4802" s="99"/>
      <c r="AO4802" s="99"/>
      <c r="AP4802" s="99"/>
      <c r="AQ4802" s="99"/>
      <c r="AR4802" s="99"/>
      <c r="AS4802" s="99"/>
      <c r="AT4802" s="99"/>
      <c r="AU4802" s="99"/>
      <c r="AV4802" s="99"/>
      <c r="AW4802" s="99"/>
      <c r="AX4802" s="99"/>
      <c r="AY4802" s="99"/>
      <c r="AZ4802" s="99"/>
      <c r="BA4802" s="99"/>
      <c r="BB4802" s="107">
        <v>45884</v>
      </c>
    </row>
    <row r="4803" spans="1:54" s="8" customFormat="1" ht="13.95" customHeight="1" x14ac:dyDescent="0.25">
      <c r="A4803" s="219" t="s">
        <v>10946</v>
      </c>
      <c r="B4803" s="220" t="s">
        <v>10412</v>
      </c>
      <c r="C4803" s="98" t="s">
        <v>10947</v>
      </c>
      <c r="D4803" s="98" t="s">
        <v>10948</v>
      </c>
      <c r="E4803" s="141" t="s">
        <v>174</v>
      </c>
      <c r="F4803" s="141">
        <v>1633</v>
      </c>
      <c r="G4803" s="98" t="s">
        <v>1</v>
      </c>
      <c r="H4803" s="98">
        <v>0</v>
      </c>
      <c r="I4803" s="98">
        <v>0</v>
      </c>
      <c r="J4803" s="98">
        <v>1</v>
      </c>
      <c r="K4803" s="98" t="s">
        <v>174</v>
      </c>
      <c r="L4803" s="98" t="s">
        <v>174</v>
      </c>
      <c r="M4803" s="98" t="s">
        <v>174</v>
      </c>
      <c r="N4803" s="98" t="s">
        <v>174</v>
      </c>
      <c r="O4803" s="98" t="s">
        <v>174</v>
      </c>
      <c r="P4803" s="98" t="s">
        <v>174</v>
      </c>
      <c r="Q4803" s="98" t="s">
        <v>174</v>
      </c>
      <c r="R4803" s="98" t="s">
        <v>174</v>
      </c>
      <c r="S4803" s="98" t="s">
        <v>174</v>
      </c>
      <c r="T4803" s="98" t="s">
        <v>174</v>
      </c>
      <c r="U4803" s="99"/>
      <c r="V4803" s="99"/>
      <c r="W4803" s="99"/>
      <c r="X4803" s="99"/>
      <c r="Y4803" s="99"/>
      <c r="Z4803" s="99"/>
      <c r="AA4803" s="99"/>
      <c r="AB4803" s="99"/>
      <c r="AC4803" s="99"/>
      <c r="AD4803" s="99"/>
      <c r="AE4803" s="99"/>
      <c r="AF4803" s="99"/>
      <c r="AG4803" s="99"/>
      <c r="AH4803" s="99"/>
      <c r="AI4803" s="99"/>
      <c r="AJ4803" s="99"/>
      <c r="AK4803" s="99"/>
      <c r="AL4803" s="99"/>
      <c r="AM4803" s="99"/>
      <c r="AN4803" s="99"/>
      <c r="AO4803" s="99"/>
      <c r="AP4803" s="99"/>
      <c r="AQ4803" s="99"/>
      <c r="AR4803" s="99"/>
      <c r="AS4803" s="99"/>
      <c r="AT4803" s="99"/>
      <c r="AU4803" s="99"/>
      <c r="AV4803" s="99"/>
      <c r="AW4803" s="99"/>
      <c r="AX4803" s="99"/>
      <c r="AY4803" s="99"/>
      <c r="AZ4803" s="99"/>
      <c r="BA4803" s="99"/>
      <c r="BB4803" s="107">
        <v>45884</v>
      </c>
    </row>
    <row r="4804" spans="1:54" s="8" customFormat="1" ht="13.95" customHeight="1" x14ac:dyDescent="0.25">
      <c r="A4804" s="219" t="s">
        <v>10949</v>
      </c>
      <c r="B4804" s="220" t="s">
        <v>10412</v>
      </c>
      <c r="C4804" s="98" t="s">
        <v>10950</v>
      </c>
      <c r="D4804" s="98" t="s">
        <v>10951</v>
      </c>
      <c r="E4804" s="141" t="s">
        <v>174</v>
      </c>
      <c r="F4804" s="141">
        <v>1640</v>
      </c>
      <c r="G4804" s="98" t="s">
        <v>1</v>
      </c>
      <c r="H4804" s="98">
        <v>0</v>
      </c>
      <c r="I4804" s="98">
        <v>0</v>
      </c>
      <c r="J4804" s="98">
        <v>1</v>
      </c>
      <c r="K4804" s="98" t="s">
        <v>174</v>
      </c>
      <c r="L4804" s="98" t="s">
        <v>174</v>
      </c>
      <c r="M4804" s="98" t="s">
        <v>174</v>
      </c>
      <c r="N4804" s="98" t="s">
        <v>174</v>
      </c>
      <c r="O4804" s="98" t="s">
        <v>174</v>
      </c>
      <c r="P4804" s="98" t="s">
        <v>174</v>
      </c>
      <c r="Q4804" s="98" t="s">
        <v>174</v>
      </c>
      <c r="R4804" s="98" t="s">
        <v>174</v>
      </c>
      <c r="S4804" s="98" t="s">
        <v>174</v>
      </c>
      <c r="T4804" s="98" t="s">
        <v>174</v>
      </c>
      <c r="U4804" s="99"/>
      <c r="V4804" s="99"/>
      <c r="W4804" s="99"/>
      <c r="X4804" s="99"/>
      <c r="Y4804" s="99"/>
      <c r="Z4804" s="99"/>
      <c r="AA4804" s="99"/>
      <c r="AB4804" s="99"/>
      <c r="AC4804" s="99"/>
      <c r="AD4804" s="99"/>
      <c r="AE4804" s="99"/>
      <c r="AF4804" s="99"/>
      <c r="AG4804" s="99"/>
      <c r="AH4804" s="99"/>
      <c r="AI4804" s="99"/>
      <c r="AJ4804" s="99"/>
      <c r="AK4804" s="99"/>
      <c r="AL4804" s="99"/>
      <c r="AM4804" s="99"/>
      <c r="AN4804" s="99"/>
      <c r="AO4804" s="99"/>
      <c r="AP4804" s="99"/>
      <c r="AQ4804" s="99"/>
      <c r="AR4804" s="99"/>
      <c r="AS4804" s="99"/>
      <c r="AT4804" s="99"/>
      <c r="AU4804" s="99"/>
      <c r="AV4804" s="99"/>
      <c r="AW4804" s="99"/>
      <c r="AX4804" s="99"/>
      <c r="AY4804" s="99"/>
      <c r="AZ4804" s="99"/>
      <c r="BA4804" s="99"/>
      <c r="BB4804" s="107">
        <v>45884</v>
      </c>
    </row>
    <row r="4805" spans="1:54" s="8" customFormat="1" ht="13.95" customHeight="1" x14ac:dyDescent="0.25">
      <c r="A4805" s="219" t="s">
        <v>10952</v>
      </c>
      <c r="B4805" s="220" t="s">
        <v>10412</v>
      </c>
      <c r="C4805" s="98" t="s">
        <v>4518</v>
      </c>
      <c r="D4805" s="98" t="s">
        <v>10953</v>
      </c>
      <c r="E4805" s="141" t="s">
        <v>174</v>
      </c>
      <c r="F4805" s="141">
        <v>1652</v>
      </c>
      <c r="G4805" s="98" t="s">
        <v>1</v>
      </c>
      <c r="H4805" s="98">
        <v>1</v>
      </c>
      <c r="I4805" s="98">
        <v>0</v>
      </c>
      <c r="J4805" s="98">
        <v>1</v>
      </c>
      <c r="K4805" s="98" t="s">
        <v>174</v>
      </c>
      <c r="L4805" s="98" t="s">
        <v>174</v>
      </c>
      <c r="M4805" s="98" t="s">
        <v>174</v>
      </c>
      <c r="N4805" s="98" t="s">
        <v>174</v>
      </c>
      <c r="O4805" s="98" t="s">
        <v>174</v>
      </c>
      <c r="P4805" s="98" t="s">
        <v>174</v>
      </c>
      <c r="Q4805" s="98" t="s">
        <v>174</v>
      </c>
      <c r="R4805" s="98" t="s">
        <v>174</v>
      </c>
      <c r="S4805" s="98" t="s">
        <v>174</v>
      </c>
      <c r="T4805" s="98" t="s">
        <v>174</v>
      </c>
      <c r="U4805" s="99"/>
      <c r="V4805" s="99"/>
      <c r="W4805" s="99"/>
      <c r="X4805" s="99"/>
      <c r="Y4805" s="99"/>
      <c r="Z4805" s="99"/>
      <c r="AA4805" s="99"/>
      <c r="AB4805" s="99"/>
      <c r="AC4805" s="99"/>
      <c r="AD4805" s="99"/>
      <c r="AE4805" s="99"/>
      <c r="AF4805" s="99"/>
      <c r="AG4805" s="99"/>
      <c r="AH4805" s="99"/>
      <c r="AI4805" s="99"/>
      <c r="AJ4805" s="99"/>
      <c r="AK4805" s="99"/>
      <c r="AL4805" s="99"/>
      <c r="AM4805" s="99"/>
      <c r="AN4805" s="99"/>
      <c r="AO4805" s="99"/>
      <c r="AP4805" s="99"/>
      <c r="AQ4805" s="99"/>
      <c r="AR4805" s="99"/>
      <c r="AS4805" s="99"/>
      <c r="AT4805" s="99"/>
      <c r="AU4805" s="99"/>
      <c r="AV4805" s="99"/>
      <c r="AW4805" s="99"/>
      <c r="AX4805" s="99"/>
      <c r="AY4805" s="99"/>
      <c r="AZ4805" s="99"/>
      <c r="BA4805" s="99"/>
      <c r="BB4805" s="107">
        <v>45884</v>
      </c>
    </row>
    <row r="4806" spans="1:54" s="8" customFormat="1" ht="13.95" customHeight="1" x14ac:dyDescent="0.25">
      <c r="A4806" s="219" t="s">
        <v>10954</v>
      </c>
      <c r="B4806" s="220" t="s">
        <v>10412</v>
      </c>
      <c r="C4806" s="98" t="s">
        <v>8661</v>
      </c>
      <c r="D4806" s="98" t="s">
        <v>10955</v>
      </c>
      <c r="E4806" s="141" t="s">
        <v>174</v>
      </c>
      <c r="F4806" s="141">
        <v>1657</v>
      </c>
      <c r="G4806" s="98" t="s">
        <v>1</v>
      </c>
      <c r="H4806" s="98">
        <v>0</v>
      </c>
      <c r="I4806" s="98">
        <v>0</v>
      </c>
      <c r="J4806" s="98">
        <v>1</v>
      </c>
      <c r="K4806" s="98" t="s">
        <v>174</v>
      </c>
      <c r="L4806" s="98" t="s">
        <v>174</v>
      </c>
      <c r="M4806" s="98" t="s">
        <v>174</v>
      </c>
      <c r="N4806" s="98" t="s">
        <v>174</v>
      </c>
      <c r="O4806" s="98" t="s">
        <v>174</v>
      </c>
      <c r="P4806" s="98" t="s">
        <v>174</v>
      </c>
      <c r="Q4806" s="98" t="s">
        <v>174</v>
      </c>
      <c r="R4806" s="98" t="s">
        <v>174</v>
      </c>
      <c r="S4806" s="98" t="s">
        <v>174</v>
      </c>
      <c r="T4806" s="98" t="s">
        <v>174</v>
      </c>
      <c r="U4806" s="99"/>
      <c r="V4806" s="99"/>
      <c r="W4806" s="99"/>
      <c r="X4806" s="99"/>
      <c r="Y4806" s="99"/>
      <c r="Z4806" s="99"/>
      <c r="AA4806" s="99"/>
      <c r="AB4806" s="99"/>
      <c r="AC4806" s="99"/>
      <c r="AD4806" s="99"/>
      <c r="AE4806" s="99"/>
      <c r="AF4806" s="99"/>
      <c r="AG4806" s="99"/>
      <c r="AH4806" s="99"/>
      <c r="AI4806" s="99"/>
      <c r="AJ4806" s="99"/>
      <c r="AK4806" s="99"/>
      <c r="AL4806" s="99"/>
      <c r="AM4806" s="99"/>
      <c r="AN4806" s="99"/>
      <c r="AO4806" s="99"/>
      <c r="AP4806" s="99"/>
      <c r="AQ4806" s="99"/>
      <c r="AR4806" s="99"/>
      <c r="AS4806" s="99"/>
      <c r="AT4806" s="99"/>
      <c r="AU4806" s="99"/>
      <c r="AV4806" s="99"/>
      <c r="AW4806" s="99"/>
      <c r="AX4806" s="99"/>
      <c r="AY4806" s="99"/>
      <c r="AZ4806" s="99"/>
      <c r="BA4806" s="99"/>
      <c r="BB4806" s="107">
        <v>45884</v>
      </c>
    </row>
    <row r="4807" spans="1:54" s="8" customFormat="1" ht="13.95" customHeight="1" x14ac:dyDescent="0.25">
      <c r="A4807" s="219" t="s">
        <v>10956</v>
      </c>
      <c r="B4807" s="220" t="s">
        <v>10412</v>
      </c>
      <c r="C4807" s="98" t="s">
        <v>10957</v>
      </c>
      <c r="D4807" s="98" t="s">
        <v>10958</v>
      </c>
      <c r="E4807" s="141" t="s">
        <v>174</v>
      </c>
      <c r="F4807" s="141">
        <v>1669</v>
      </c>
      <c r="G4807" s="98" t="s">
        <v>1</v>
      </c>
      <c r="H4807" s="98">
        <v>0</v>
      </c>
      <c r="I4807" s="98">
        <v>0</v>
      </c>
      <c r="J4807" s="98">
        <v>1</v>
      </c>
      <c r="K4807" s="98" t="s">
        <v>174</v>
      </c>
      <c r="L4807" s="98" t="s">
        <v>174</v>
      </c>
      <c r="M4807" s="98" t="s">
        <v>174</v>
      </c>
      <c r="N4807" s="98" t="s">
        <v>174</v>
      </c>
      <c r="O4807" s="98" t="s">
        <v>174</v>
      </c>
      <c r="P4807" s="98" t="s">
        <v>174</v>
      </c>
      <c r="Q4807" s="98" t="s">
        <v>174</v>
      </c>
      <c r="R4807" s="98" t="s">
        <v>174</v>
      </c>
      <c r="S4807" s="98" t="s">
        <v>174</v>
      </c>
      <c r="T4807" s="98" t="s">
        <v>174</v>
      </c>
      <c r="U4807" s="99"/>
      <c r="V4807" s="99"/>
      <c r="W4807" s="99"/>
      <c r="X4807" s="99"/>
      <c r="Y4807" s="99"/>
      <c r="Z4807" s="99"/>
      <c r="AA4807" s="99"/>
      <c r="AB4807" s="99"/>
      <c r="AC4807" s="99"/>
      <c r="AD4807" s="99"/>
      <c r="AE4807" s="99"/>
      <c r="AF4807" s="99"/>
      <c r="AG4807" s="99"/>
      <c r="AH4807" s="99"/>
      <c r="AI4807" s="99"/>
      <c r="AJ4807" s="99"/>
      <c r="AK4807" s="99"/>
      <c r="AL4807" s="99"/>
      <c r="AM4807" s="99"/>
      <c r="AN4807" s="99"/>
      <c r="AO4807" s="99"/>
      <c r="AP4807" s="99"/>
      <c r="AQ4807" s="99"/>
      <c r="AR4807" s="99"/>
      <c r="AS4807" s="99"/>
      <c r="AT4807" s="99"/>
      <c r="AU4807" s="99"/>
      <c r="AV4807" s="99"/>
      <c r="AW4807" s="99"/>
      <c r="AX4807" s="99"/>
      <c r="AY4807" s="99"/>
      <c r="AZ4807" s="99"/>
      <c r="BA4807" s="99"/>
      <c r="BB4807" s="107">
        <v>45884</v>
      </c>
    </row>
    <row r="4808" spans="1:54" s="8" customFormat="1" ht="13.95" customHeight="1" x14ac:dyDescent="0.25">
      <c r="A4808" s="219" t="s">
        <v>10959</v>
      </c>
      <c r="B4808" s="220" t="s">
        <v>10412</v>
      </c>
      <c r="C4808" s="98" t="s">
        <v>10960</v>
      </c>
      <c r="D4808" s="98" t="s">
        <v>10961</v>
      </c>
      <c r="E4808" s="141" t="s">
        <v>174</v>
      </c>
      <c r="F4808" s="141">
        <v>1673</v>
      </c>
      <c r="G4808" s="98" t="s">
        <v>1</v>
      </c>
      <c r="H4808" s="98">
        <v>0</v>
      </c>
      <c r="I4808" s="98">
        <v>0</v>
      </c>
      <c r="J4808" s="98">
        <v>1</v>
      </c>
      <c r="K4808" s="98" t="s">
        <v>174</v>
      </c>
      <c r="L4808" s="98" t="s">
        <v>174</v>
      </c>
      <c r="M4808" s="98" t="s">
        <v>174</v>
      </c>
      <c r="N4808" s="98" t="s">
        <v>174</v>
      </c>
      <c r="O4808" s="98" t="s">
        <v>174</v>
      </c>
      <c r="P4808" s="98" t="s">
        <v>174</v>
      </c>
      <c r="Q4808" s="98" t="s">
        <v>174</v>
      </c>
      <c r="R4808" s="98" t="s">
        <v>174</v>
      </c>
      <c r="S4808" s="98" t="s">
        <v>174</v>
      </c>
      <c r="T4808" s="98" t="s">
        <v>174</v>
      </c>
      <c r="U4808" s="99"/>
      <c r="V4808" s="99"/>
      <c r="W4808" s="99"/>
      <c r="X4808" s="99"/>
      <c r="Y4808" s="99"/>
      <c r="Z4808" s="99"/>
      <c r="AA4808" s="99"/>
      <c r="AB4808" s="99"/>
      <c r="AC4808" s="99"/>
      <c r="AD4808" s="99"/>
      <c r="AE4808" s="99"/>
      <c r="AF4808" s="99"/>
      <c r="AG4808" s="99"/>
      <c r="AH4808" s="99"/>
      <c r="AI4808" s="99"/>
      <c r="AJ4808" s="99"/>
      <c r="AK4808" s="99"/>
      <c r="AL4808" s="99"/>
      <c r="AM4808" s="99"/>
      <c r="AN4808" s="99"/>
      <c r="AO4808" s="99"/>
      <c r="AP4808" s="99"/>
      <c r="AQ4808" s="99"/>
      <c r="AR4808" s="99"/>
      <c r="AS4808" s="99"/>
      <c r="AT4808" s="99"/>
      <c r="AU4808" s="99"/>
      <c r="AV4808" s="99"/>
      <c r="AW4808" s="99"/>
      <c r="AX4808" s="99"/>
      <c r="AY4808" s="99"/>
      <c r="AZ4808" s="99"/>
      <c r="BA4808" s="99"/>
      <c r="BB4808" s="107">
        <v>45884</v>
      </c>
    </row>
    <row r="4809" spans="1:54" s="8" customFormat="1" ht="13.95" customHeight="1" x14ac:dyDescent="0.25">
      <c r="A4809" s="219" t="s">
        <v>10962</v>
      </c>
      <c r="B4809" s="220" t="s">
        <v>10412</v>
      </c>
      <c r="C4809" s="98" t="s">
        <v>10963</v>
      </c>
      <c r="D4809" s="98" t="s">
        <v>10964</v>
      </c>
      <c r="E4809" s="141" t="s">
        <v>174</v>
      </c>
      <c r="F4809" s="141">
        <v>1708</v>
      </c>
      <c r="G4809" s="98" t="s">
        <v>1</v>
      </c>
      <c r="H4809" s="98">
        <v>0</v>
      </c>
      <c r="I4809" s="98">
        <v>0</v>
      </c>
      <c r="J4809" s="98">
        <v>1</v>
      </c>
      <c r="K4809" s="98" t="s">
        <v>174</v>
      </c>
      <c r="L4809" s="98" t="s">
        <v>174</v>
      </c>
      <c r="M4809" s="98" t="s">
        <v>174</v>
      </c>
      <c r="N4809" s="98" t="s">
        <v>174</v>
      </c>
      <c r="O4809" s="98" t="s">
        <v>174</v>
      </c>
      <c r="P4809" s="98" t="s">
        <v>174</v>
      </c>
      <c r="Q4809" s="98" t="s">
        <v>174</v>
      </c>
      <c r="R4809" s="98" t="s">
        <v>174</v>
      </c>
      <c r="S4809" s="98" t="s">
        <v>174</v>
      </c>
      <c r="T4809" s="98" t="s">
        <v>174</v>
      </c>
      <c r="U4809" s="99"/>
      <c r="V4809" s="99"/>
      <c r="W4809" s="99"/>
      <c r="X4809" s="99"/>
      <c r="Y4809" s="99"/>
      <c r="Z4809" s="99"/>
      <c r="AA4809" s="99"/>
      <c r="AB4809" s="99"/>
      <c r="AC4809" s="99"/>
      <c r="AD4809" s="99"/>
      <c r="AE4809" s="99"/>
      <c r="AF4809" s="99"/>
      <c r="AG4809" s="99"/>
      <c r="AH4809" s="99"/>
      <c r="AI4809" s="99"/>
      <c r="AJ4809" s="99"/>
      <c r="AK4809" s="99"/>
      <c r="AL4809" s="99"/>
      <c r="AM4809" s="99"/>
      <c r="AN4809" s="99"/>
      <c r="AO4809" s="99"/>
      <c r="AP4809" s="99"/>
      <c r="AQ4809" s="99"/>
      <c r="AR4809" s="99"/>
      <c r="AS4809" s="99"/>
      <c r="AT4809" s="99"/>
      <c r="AU4809" s="99"/>
      <c r="AV4809" s="99"/>
      <c r="AW4809" s="99"/>
      <c r="AX4809" s="99"/>
      <c r="AY4809" s="99"/>
      <c r="AZ4809" s="99"/>
      <c r="BA4809" s="99"/>
      <c r="BB4809" s="107">
        <v>45884</v>
      </c>
    </row>
    <row r="4810" spans="1:54" s="8" customFormat="1" ht="13.95" customHeight="1" x14ac:dyDescent="0.25">
      <c r="A4810" s="219" t="s">
        <v>10965</v>
      </c>
      <c r="B4810" s="220" t="s">
        <v>10412</v>
      </c>
      <c r="C4810" s="98" t="s">
        <v>20244</v>
      </c>
      <c r="D4810" s="98" t="s">
        <v>10966</v>
      </c>
      <c r="E4810" s="141" t="s">
        <v>174</v>
      </c>
      <c r="F4810" s="141">
        <v>1717</v>
      </c>
      <c r="G4810" s="98" t="s">
        <v>1</v>
      </c>
      <c r="H4810" s="98">
        <v>0</v>
      </c>
      <c r="I4810" s="98">
        <v>0</v>
      </c>
      <c r="J4810" s="98">
        <v>1</v>
      </c>
      <c r="K4810" s="98" t="s">
        <v>174</v>
      </c>
      <c r="L4810" s="98" t="s">
        <v>174</v>
      </c>
      <c r="M4810" s="98" t="s">
        <v>174</v>
      </c>
      <c r="N4810" s="98" t="s">
        <v>174</v>
      </c>
      <c r="O4810" s="98" t="s">
        <v>174</v>
      </c>
      <c r="P4810" s="98" t="s">
        <v>174</v>
      </c>
      <c r="Q4810" s="98" t="s">
        <v>174</v>
      </c>
      <c r="R4810" s="98" t="s">
        <v>174</v>
      </c>
      <c r="S4810" s="98" t="s">
        <v>174</v>
      </c>
      <c r="T4810" s="98" t="s">
        <v>174</v>
      </c>
      <c r="U4810" s="99"/>
      <c r="V4810" s="99"/>
      <c r="W4810" s="99"/>
      <c r="X4810" s="99"/>
      <c r="Y4810" s="99"/>
      <c r="Z4810" s="99"/>
      <c r="AA4810" s="99"/>
      <c r="AB4810" s="99"/>
      <c r="AC4810" s="99"/>
      <c r="AD4810" s="99"/>
      <c r="AE4810" s="99"/>
      <c r="AF4810" s="99"/>
      <c r="AG4810" s="99"/>
      <c r="AH4810" s="99"/>
      <c r="AI4810" s="99"/>
      <c r="AJ4810" s="99"/>
      <c r="AK4810" s="99"/>
      <c r="AL4810" s="99"/>
      <c r="AM4810" s="99"/>
      <c r="AN4810" s="99"/>
      <c r="AO4810" s="99"/>
      <c r="AP4810" s="99"/>
      <c r="AQ4810" s="99"/>
      <c r="AR4810" s="99"/>
      <c r="AS4810" s="99"/>
      <c r="AT4810" s="99"/>
      <c r="AU4810" s="99"/>
      <c r="AV4810" s="99"/>
      <c r="AW4810" s="99"/>
      <c r="AX4810" s="99"/>
      <c r="AY4810" s="99"/>
      <c r="AZ4810" s="99"/>
      <c r="BA4810" s="99"/>
      <c r="BB4810" s="107">
        <v>45884</v>
      </c>
    </row>
    <row r="4811" spans="1:54" s="8" customFormat="1" ht="13.95" customHeight="1" x14ac:dyDescent="0.25">
      <c r="A4811" s="219" t="s">
        <v>10967</v>
      </c>
      <c r="B4811" s="220" t="s">
        <v>10412</v>
      </c>
      <c r="C4811" s="98" t="s">
        <v>10968</v>
      </c>
      <c r="D4811" s="98" t="s">
        <v>10969</v>
      </c>
      <c r="E4811" s="141" t="s">
        <v>174</v>
      </c>
      <c r="F4811" s="141">
        <v>1748</v>
      </c>
      <c r="G4811" s="98" t="s">
        <v>1</v>
      </c>
      <c r="H4811" s="98">
        <v>0</v>
      </c>
      <c r="I4811" s="98">
        <v>0</v>
      </c>
      <c r="J4811" s="98">
        <v>1</v>
      </c>
      <c r="K4811" s="98" t="s">
        <v>174</v>
      </c>
      <c r="L4811" s="98" t="s">
        <v>174</v>
      </c>
      <c r="M4811" s="98" t="s">
        <v>174</v>
      </c>
      <c r="N4811" s="98" t="s">
        <v>174</v>
      </c>
      <c r="O4811" s="98" t="s">
        <v>174</v>
      </c>
      <c r="P4811" s="98" t="s">
        <v>174</v>
      </c>
      <c r="Q4811" s="98" t="s">
        <v>174</v>
      </c>
      <c r="R4811" s="98" t="s">
        <v>174</v>
      </c>
      <c r="S4811" s="98" t="s">
        <v>174</v>
      </c>
      <c r="T4811" s="98" t="s">
        <v>174</v>
      </c>
      <c r="U4811" s="99"/>
      <c r="V4811" s="99"/>
      <c r="W4811" s="99"/>
      <c r="X4811" s="99"/>
      <c r="Y4811" s="99"/>
      <c r="Z4811" s="99"/>
      <c r="AA4811" s="99"/>
      <c r="AB4811" s="99"/>
      <c r="AC4811" s="99"/>
      <c r="AD4811" s="99"/>
      <c r="AE4811" s="99"/>
      <c r="AF4811" s="99"/>
      <c r="AG4811" s="99"/>
      <c r="AH4811" s="99"/>
      <c r="AI4811" s="99"/>
      <c r="AJ4811" s="99"/>
      <c r="AK4811" s="99"/>
      <c r="AL4811" s="99"/>
      <c r="AM4811" s="99"/>
      <c r="AN4811" s="99"/>
      <c r="AO4811" s="99"/>
      <c r="AP4811" s="99"/>
      <c r="AQ4811" s="99"/>
      <c r="AR4811" s="99"/>
      <c r="AS4811" s="99"/>
      <c r="AT4811" s="99"/>
      <c r="AU4811" s="99"/>
      <c r="AV4811" s="99"/>
      <c r="AW4811" s="99"/>
      <c r="AX4811" s="99"/>
      <c r="AY4811" s="99"/>
      <c r="AZ4811" s="99"/>
      <c r="BA4811" s="99"/>
      <c r="BB4811" s="107">
        <v>45884</v>
      </c>
    </row>
    <row r="4812" spans="1:54" s="8" customFormat="1" ht="13.95" customHeight="1" x14ac:dyDescent="0.25">
      <c r="A4812" s="219" t="s">
        <v>10970</v>
      </c>
      <c r="B4812" s="220" t="s">
        <v>10412</v>
      </c>
      <c r="C4812" s="98" t="s">
        <v>10971</v>
      </c>
      <c r="D4812" s="98" t="s">
        <v>10622</v>
      </c>
      <c r="E4812" s="141" t="s">
        <v>174</v>
      </c>
      <c r="F4812" s="141">
        <v>1750</v>
      </c>
      <c r="G4812" s="98" t="s">
        <v>1</v>
      </c>
      <c r="H4812" s="98">
        <v>1</v>
      </c>
      <c r="I4812" s="98">
        <v>0</v>
      </c>
      <c r="J4812" s="98">
        <v>1</v>
      </c>
      <c r="K4812" s="98" t="s">
        <v>174</v>
      </c>
      <c r="L4812" s="98" t="s">
        <v>174</v>
      </c>
      <c r="M4812" s="98" t="s">
        <v>174</v>
      </c>
      <c r="N4812" s="98" t="s">
        <v>174</v>
      </c>
      <c r="O4812" s="98" t="s">
        <v>174</v>
      </c>
      <c r="P4812" s="98" t="s">
        <v>174</v>
      </c>
      <c r="Q4812" s="98" t="s">
        <v>174</v>
      </c>
      <c r="R4812" s="98" t="s">
        <v>174</v>
      </c>
      <c r="S4812" s="98" t="s">
        <v>174</v>
      </c>
      <c r="T4812" s="98" t="s">
        <v>174</v>
      </c>
      <c r="U4812" s="98" t="s">
        <v>174</v>
      </c>
      <c r="V4812" s="98" t="s">
        <v>174</v>
      </c>
      <c r="W4812" s="98" t="s">
        <v>174</v>
      </c>
      <c r="X4812" s="98" t="s">
        <v>174</v>
      </c>
      <c r="Y4812" s="98" t="s">
        <v>174</v>
      </c>
      <c r="Z4812" s="98" t="s">
        <v>174</v>
      </c>
      <c r="AA4812" s="98" t="s">
        <v>174</v>
      </c>
      <c r="AB4812" s="98" t="s">
        <v>174</v>
      </c>
      <c r="AC4812" s="98" t="s">
        <v>174</v>
      </c>
      <c r="AD4812" s="98" t="s">
        <v>174</v>
      </c>
      <c r="AE4812" s="98" t="s">
        <v>174</v>
      </c>
      <c r="AF4812" s="98" t="s">
        <v>174</v>
      </c>
      <c r="AG4812" s="98" t="s">
        <v>174</v>
      </c>
      <c r="AH4812" s="98" t="s">
        <v>174</v>
      </c>
      <c r="AI4812" s="98" t="s">
        <v>174</v>
      </c>
      <c r="AJ4812" s="98" t="s">
        <v>174</v>
      </c>
      <c r="AK4812" s="98" t="s">
        <v>174</v>
      </c>
      <c r="AL4812" s="98" t="s">
        <v>174</v>
      </c>
      <c r="AM4812" s="98" t="s">
        <v>174</v>
      </c>
      <c r="AN4812" s="98" t="s">
        <v>174</v>
      </c>
      <c r="AO4812" s="98" t="s">
        <v>174</v>
      </c>
      <c r="AP4812" s="98" t="s">
        <v>174</v>
      </c>
      <c r="AQ4812" s="98" t="s">
        <v>174</v>
      </c>
      <c r="AR4812" s="98" t="s">
        <v>174</v>
      </c>
      <c r="AS4812" s="98" t="s">
        <v>174</v>
      </c>
      <c r="AT4812" s="129" t="s">
        <v>174</v>
      </c>
      <c r="AU4812" s="98" t="s">
        <v>174</v>
      </c>
      <c r="AV4812" s="98" t="s">
        <v>174</v>
      </c>
      <c r="AW4812" s="98" t="s">
        <v>174</v>
      </c>
      <c r="AX4812" s="98"/>
      <c r="AY4812" s="98"/>
      <c r="AZ4812" s="98"/>
      <c r="BA4812" s="98"/>
      <c r="BB4812" s="107">
        <v>45884</v>
      </c>
    </row>
    <row r="4813" spans="1:54" s="8" customFormat="1" ht="13.95" customHeight="1" x14ac:dyDescent="0.25">
      <c r="A4813" s="219" t="s">
        <v>10972</v>
      </c>
      <c r="B4813" s="220" t="s">
        <v>10412</v>
      </c>
      <c r="C4813" s="98" t="s">
        <v>3726</v>
      </c>
      <c r="D4813" s="98" t="s">
        <v>10973</v>
      </c>
      <c r="E4813" s="141" t="s">
        <v>174</v>
      </c>
      <c r="F4813" s="141">
        <v>1753</v>
      </c>
      <c r="G4813" s="98" t="s">
        <v>1</v>
      </c>
      <c r="H4813" s="98">
        <v>0</v>
      </c>
      <c r="I4813" s="98">
        <v>0</v>
      </c>
      <c r="J4813" s="98">
        <v>1</v>
      </c>
      <c r="K4813" s="98" t="s">
        <v>174</v>
      </c>
      <c r="L4813" s="98" t="s">
        <v>174</v>
      </c>
      <c r="M4813" s="98" t="s">
        <v>174</v>
      </c>
      <c r="N4813" s="98" t="s">
        <v>174</v>
      </c>
      <c r="O4813" s="98" t="s">
        <v>174</v>
      </c>
      <c r="P4813" s="98" t="s">
        <v>174</v>
      </c>
      <c r="Q4813" s="98" t="s">
        <v>174</v>
      </c>
      <c r="R4813" s="98" t="s">
        <v>174</v>
      </c>
      <c r="S4813" s="98" t="s">
        <v>174</v>
      </c>
      <c r="T4813" s="98" t="s">
        <v>174</v>
      </c>
      <c r="U4813" s="99"/>
      <c r="V4813" s="99"/>
      <c r="W4813" s="99"/>
      <c r="X4813" s="99"/>
      <c r="Y4813" s="99"/>
      <c r="Z4813" s="99"/>
      <c r="AA4813" s="99"/>
      <c r="AB4813" s="99"/>
      <c r="AC4813" s="99"/>
      <c r="AD4813" s="99"/>
      <c r="AE4813" s="99"/>
      <c r="AF4813" s="99"/>
      <c r="AG4813" s="99"/>
      <c r="AH4813" s="99"/>
      <c r="AI4813" s="99"/>
      <c r="AJ4813" s="99"/>
      <c r="AK4813" s="99"/>
      <c r="AL4813" s="99"/>
      <c r="AM4813" s="99"/>
      <c r="AN4813" s="99"/>
      <c r="AO4813" s="99"/>
      <c r="AP4813" s="99"/>
      <c r="AQ4813" s="99"/>
      <c r="AR4813" s="99"/>
      <c r="AS4813" s="99"/>
      <c r="AT4813" s="99"/>
      <c r="AU4813" s="99"/>
      <c r="AV4813" s="99"/>
      <c r="AW4813" s="99"/>
      <c r="AX4813" s="99"/>
      <c r="AY4813" s="99"/>
      <c r="AZ4813" s="99"/>
      <c r="BA4813" s="99"/>
      <c r="BB4813" s="107">
        <v>45884</v>
      </c>
    </row>
    <row r="4814" spans="1:54" s="8" customFormat="1" ht="13.95" customHeight="1" x14ac:dyDescent="0.25">
      <c r="A4814" s="219" t="s">
        <v>10974</v>
      </c>
      <c r="B4814" s="220" t="s">
        <v>10412</v>
      </c>
      <c r="C4814" s="98" t="s">
        <v>10975</v>
      </c>
      <c r="D4814" s="98" t="s">
        <v>10976</v>
      </c>
      <c r="E4814" s="141" t="s">
        <v>174</v>
      </c>
      <c r="F4814" s="141">
        <v>1765</v>
      </c>
      <c r="G4814" s="98" t="s">
        <v>1</v>
      </c>
      <c r="H4814" s="98">
        <v>1</v>
      </c>
      <c r="I4814" s="98">
        <v>1</v>
      </c>
      <c r="J4814" s="98">
        <v>1</v>
      </c>
      <c r="K4814" s="98" t="s">
        <v>174</v>
      </c>
      <c r="L4814" s="98" t="s">
        <v>174</v>
      </c>
      <c r="M4814" s="98" t="s">
        <v>174</v>
      </c>
      <c r="N4814" s="98" t="s">
        <v>174</v>
      </c>
      <c r="O4814" s="98" t="s">
        <v>174</v>
      </c>
      <c r="P4814" s="98" t="s">
        <v>174</v>
      </c>
      <c r="Q4814" s="98" t="s">
        <v>174</v>
      </c>
      <c r="R4814" s="98" t="s">
        <v>174</v>
      </c>
      <c r="S4814" s="98" t="s">
        <v>174</v>
      </c>
      <c r="T4814" s="98" t="s">
        <v>174</v>
      </c>
      <c r="U4814" s="99"/>
      <c r="V4814" s="99"/>
      <c r="W4814" s="99"/>
      <c r="X4814" s="99"/>
      <c r="Y4814" s="99"/>
      <c r="Z4814" s="99"/>
      <c r="AA4814" s="99"/>
      <c r="AB4814" s="99"/>
      <c r="AC4814" s="99"/>
      <c r="AD4814" s="99"/>
      <c r="AE4814" s="99"/>
      <c r="AF4814" s="99"/>
      <c r="AG4814" s="99"/>
      <c r="AH4814" s="99"/>
      <c r="AI4814" s="99"/>
      <c r="AJ4814" s="99"/>
      <c r="AK4814" s="99"/>
      <c r="AL4814" s="99"/>
      <c r="AM4814" s="99"/>
      <c r="AN4814" s="99"/>
      <c r="AO4814" s="99"/>
      <c r="AP4814" s="99"/>
      <c r="AQ4814" s="99"/>
      <c r="AR4814" s="99"/>
      <c r="AS4814" s="99"/>
      <c r="AT4814" s="99"/>
      <c r="AU4814" s="99"/>
      <c r="AV4814" s="99"/>
      <c r="AW4814" s="99"/>
      <c r="AX4814" s="99"/>
      <c r="AY4814" s="99"/>
      <c r="AZ4814" s="99"/>
      <c r="BA4814" s="99"/>
      <c r="BB4814" s="107">
        <v>45884</v>
      </c>
    </row>
    <row r="4815" spans="1:54" s="8" customFormat="1" ht="13.95" customHeight="1" x14ac:dyDescent="0.25">
      <c r="A4815" s="219" t="s">
        <v>10977</v>
      </c>
      <c r="B4815" s="220" t="s">
        <v>10412</v>
      </c>
      <c r="C4815" s="98" t="s">
        <v>10978</v>
      </c>
      <c r="D4815" s="98" t="s">
        <v>10979</v>
      </c>
      <c r="E4815" s="141" t="s">
        <v>174</v>
      </c>
      <c r="F4815" s="141">
        <v>1779</v>
      </c>
      <c r="G4815" s="98" t="s">
        <v>1</v>
      </c>
      <c r="H4815" s="98">
        <v>0</v>
      </c>
      <c r="I4815" s="98">
        <v>0</v>
      </c>
      <c r="J4815" s="98">
        <v>1</v>
      </c>
      <c r="K4815" s="98" t="s">
        <v>174</v>
      </c>
      <c r="L4815" s="98" t="s">
        <v>174</v>
      </c>
      <c r="M4815" s="98" t="s">
        <v>174</v>
      </c>
      <c r="N4815" s="98" t="s">
        <v>174</v>
      </c>
      <c r="O4815" s="98" t="s">
        <v>174</v>
      </c>
      <c r="P4815" s="98" t="s">
        <v>174</v>
      </c>
      <c r="Q4815" s="98" t="s">
        <v>174</v>
      </c>
      <c r="R4815" s="98" t="s">
        <v>174</v>
      </c>
      <c r="S4815" s="98" t="s">
        <v>174</v>
      </c>
      <c r="T4815" s="98" t="s">
        <v>174</v>
      </c>
      <c r="U4815" s="99"/>
      <c r="V4815" s="99"/>
      <c r="W4815" s="99"/>
      <c r="X4815" s="99"/>
      <c r="Y4815" s="99"/>
      <c r="Z4815" s="99"/>
      <c r="AA4815" s="99"/>
      <c r="AB4815" s="99"/>
      <c r="AC4815" s="99"/>
      <c r="AD4815" s="99"/>
      <c r="AE4815" s="99"/>
      <c r="AF4815" s="99"/>
      <c r="AG4815" s="99"/>
      <c r="AH4815" s="99"/>
      <c r="AI4815" s="99"/>
      <c r="AJ4815" s="99"/>
      <c r="AK4815" s="99"/>
      <c r="AL4815" s="99"/>
      <c r="AM4815" s="99"/>
      <c r="AN4815" s="99"/>
      <c r="AO4815" s="99"/>
      <c r="AP4815" s="99"/>
      <c r="AQ4815" s="99"/>
      <c r="AR4815" s="99"/>
      <c r="AS4815" s="99"/>
      <c r="AT4815" s="99"/>
      <c r="AU4815" s="99"/>
      <c r="AV4815" s="99"/>
      <c r="AW4815" s="99"/>
      <c r="AX4815" s="99"/>
      <c r="AY4815" s="99"/>
      <c r="AZ4815" s="99"/>
      <c r="BA4815" s="99"/>
      <c r="BB4815" s="107">
        <v>45884</v>
      </c>
    </row>
    <row r="4816" spans="1:54" s="8" customFormat="1" ht="13.95" customHeight="1" x14ac:dyDescent="0.25">
      <c r="A4816" s="219" t="s">
        <v>10980</v>
      </c>
      <c r="B4816" s="220" t="s">
        <v>10412</v>
      </c>
      <c r="C4816" s="98" t="s">
        <v>10981</v>
      </c>
      <c r="D4816" s="98" t="s">
        <v>10982</v>
      </c>
      <c r="E4816" s="141" t="s">
        <v>174</v>
      </c>
      <c r="F4816" s="141">
        <v>1780</v>
      </c>
      <c r="G4816" s="98" t="s">
        <v>1</v>
      </c>
      <c r="H4816" s="98">
        <v>1</v>
      </c>
      <c r="I4816" s="98">
        <v>0</v>
      </c>
      <c r="J4816" s="98">
        <v>1</v>
      </c>
      <c r="K4816" s="98" t="s">
        <v>174</v>
      </c>
      <c r="L4816" s="98" t="s">
        <v>174</v>
      </c>
      <c r="M4816" s="98" t="s">
        <v>174</v>
      </c>
      <c r="N4816" s="98" t="s">
        <v>174</v>
      </c>
      <c r="O4816" s="98" t="s">
        <v>174</v>
      </c>
      <c r="P4816" s="98" t="s">
        <v>174</v>
      </c>
      <c r="Q4816" s="98" t="s">
        <v>174</v>
      </c>
      <c r="R4816" s="98" t="s">
        <v>174</v>
      </c>
      <c r="S4816" s="98" t="s">
        <v>174</v>
      </c>
      <c r="T4816" s="98" t="s">
        <v>174</v>
      </c>
      <c r="U4816" s="99"/>
      <c r="V4816" s="99"/>
      <c r="W4816" s="99"/>
      <c r="X4816" s="99"/>
      <c r="Y4816" s="99"/>
      <c r="Z4816" s="99"/>
      <c r="AA4816" s="99"/>
      <c r="AB4816" s="99"/>
      <c r="AC4816" s="99"/>
      <c r="AD4816" s="99"/>
      <c r="AE4816" s="99"/>
      <c r="AF4816" s="99"/>
      <c r="AG4816" s="99"/>
      <c r="AH4816" s="99"/>
      <c r="AI4816" s="99"/>
      <c r="AJ4816" s="99"/>
      <c r="AK4816" s="99"/>
      <c r="AL4816" s="99"/>
      <c r="AM4816" s="99"/>
      <c r="AN4816" s="99"/>
      <c r="AO4816" s="99"/>
      <c r="AP4816" s="99"/>
      <c r="AQ4816" s="99"/>
      <c r="AR4816" s="99"/>
      <c r="AS4816" s="99"/>
      <c r="AT4816" s="99"/>
      <c r="AU4816" s="99"/>
      <c r="AV4816" s="99"/>
      <c r="AW4816" s="99"/>
      <c r="AX4816" s="99"/>
      <c r="AY4816" s="99"/>
      <c r="AZ4816" s="99"/>
      <c r="BA4816" s="99"/>
      <c r="BB4816" s="107">
        <v>45884</v>
      </c>
    </row>
    <row r="4817" spans="1:54" s="8" customFormat="1" ht="13.95" customHeight="1" x14ac:dyDescent="0.25">
      <c r="A4817" s="219" t="s">
        <v>10983</v>
      </c>
      <c r="B4817" s="220" t="s">
        <v>10412</v>
      </c>
      <c r="C4817" s="98" t="s">
        <v>10984</v>
      </c>
      <c r="D4817" s="98" t="s">
        <v>10985</v>
      </c>
      <c r="E4817" s="141" t="s">
        <v>174</v>
      </c>
      <c r="F4817" s="141">
        <v>1792</v>
      </c>
      <c r="G4817" s="98" t="s">
        <v>1</v>
      </c>
      <c r="H4817" s="98">
        <v>0</v>
      </c>
      <c r="I4817" s="98">
        <v>0</v>
      </c>
      <c r="J4817" s="98">
        <v>0</v>
      </c>
      <c r="K4817" s="98" t="s">
        <v>174</v>
      </c>
      <c r="L4817" s="98" t="s">
        <v>174</v>
      </c>
      <c r="M4817" s="98" t="s">
        <v>174</v>
      </c>
      <c r="N4817" s="98" t="s">
        <v>174</v>
      </c>
      <c r="O4817" s="98" t="s">
        <v>174</v>
      </c>
      <c r="P4817" s="98" t="s">
        <v>174</v>
      </c>
      <c r="Q4817" s="98" t="s">
        <v>174</v>
      </c>
      <c r="R4817" s="98" t="s">
        <v>174</v>
      </c>
      <c r="S4817" s="98" t="s">
        <v>174</v>
      </c>
      <c r="T4817" s="98" t="s">
        <v>174</v>
      </c>
      <c r="U4817" s="98" t="s">
        <v>174</v>
      </c>
      <c r="V4817" s="98" t="s">
        <v>174</v>
      </c>
      <c r="W4817" s="98" t="s">
        <v>174</v>
      </c>
      <c r="X4817" s="98" t="s">
        <v>174</v>
      </c>
      <c r="Y4817" s="98" t="s">
        <v>174</v>
      </c>
      <c r="Z4817" s="98" t="s">
        <v>174</v>
      </c>
      <c r="AA4817" s="98" t="s">
        <v>174</v>
      </c>
      <c r="AB4817" s="98" t="s">
        <v>174</v>
      </c>
      <c r="AC4817" s="98" t="s">
        <v>174</v>
      </c>
      <c r="AD4817" s="98" t="s">
        <v>174</v>
      </c>
      <c r="AE4817" s="98" t="s">
        <v>174</v>
      </c>
      <c r="AF4817" s="98" t="s">
        <v>174</v>
      </c>
      <c r="AG4817" s="98" t="s">
        <v>174</v>
      </c>
      <c r="AH4817" s="98" t="s">
        <v>174</v>
      </c>
      <c r="AI4817" s="98" t="s">
        <v>174</v>
      </c>
      <c r="AJ4817" s="98" t="s">
        <v>174</v>
      </c>
      <c r="AK4817" s="98" t="s">
        <v>174</v>
      </c>
      <c r="AL4817" s="98" t="s">
        <v>174</v>
      </c>
      <c r="AM4817" s="98" t="s">
        <v>174</v>
      </c>
      <c r="AN4817" s="98" t="s">
        <v>174</v>
      </c>
      <c r="AO4817" s="98" t="s">
        <v>174</v>
      </c>
      <c r="AP4817" s="98" t="s">
        <v>174</v>
      </c>
      <c r="AQ4817" s="98" t="s">
        <v>174</v>
      </c>
      <c r="AR4817" s="98" t="s">
        <v>174</v>
      </c>
      <c r="AS4817" s="98" t="s">
        <v>174</v>
      </c>
      <c r="AT4817" s="129" t="s">
        <v>174</v>
      </c>
      <c r="AU4817" s="98" t="s">
        <v>174</v>
      </c>
      <c r="AV4817" s="98" t="s">
        <v>174</v>
      </c>
      <c r="AW4817" s="98" t="s">
        <v>174</v>
      </c>
      <c r="AX4817" s="98"/>
      <c r="AY4817" s="98"/>
      <c r="AZ4817" s="98"/>
      <c r="BA4817" s="98"/>
      <c r="BB4817" s="107">
        <v>45884</v>
      </c>
    </row>
    <row r="4818" spans="1:54" s="8" customFormat="1" ht="13.95" customHeight="1" x14ac:dyDescent="0.25">
      <c r="A4818" s="219" t="s">
        <v>10986</v>
      </c>
      <c r="B4818" s="220" t="s">
        <v>10412</v>
      </c>
      <c r="C4818" s="98" t="s">
        <v>10987</v>
      </c>
      <c r="D4818" s="98" t="s">
        <v>10988</v>
      </c>
      <c r="E4818" s="141" t="s">
        <v>174</v>
      </c>
      <c r="F4818" s="141">
        <v>1797</v>
      </c>
      <c r="G4818" s="98" t="s">
        <v>1</v>
      </c>
      <c r="H4818" s="98">
        <v>0</v>
      </c>
      <c r="I4818" s="98">
        <v>0</v>
      </c>
      <c r="J4818" s="98">
        <v>1</v>
      </c>
      <c r="K4818" s="98" t="s">
        <v>174</v>
      </c>
      <c r="L4818" s="98" t="s">
        <v>174</v>
      </c>
      <c r="M4818" s="98" t="s">
        <v>174</v>
      </c>
      <c r="N4818" s="98" t="s">
        <v>174</v>
      </c>
      <c r="O4818" s="98" t="s">
        <v>174</v>
      </c>
      <c r="P4818" s="98" t="s">
        <v>174</v>
      </c>
      <c r="Q4818" s="98" t="s">
        <v>174</v>
      </c>
      <c r="R4818" s="98" t="s">
        <v>174</v>
      </c>
      <c r="S4818" s="98" t="s">
        <v>174</v>
      </c>
      <c r="T4818" s="98" t="s">
        <v>174</v>
      </c>
      <c r="U4818" s="99"/>
      <c r="V4818" s="99"/>
      <c r="W4818" s="99"/>
      <c r="X4818" s="99"/>
      <c r="Y4818" s="99"/>
      <c r="Z4818" s="99"/>
      <c r="AA4818" s="99"/>
      <c r="AB4818" s="99"/>
      <c r="AC4818" s="99"/>
      <c r="AD4818" s="99"/>
      <c r="AE4818" s="99"/>
      <c r="AF4818" s="99"/>
      <c r="AG4818" s="99"/>
      <c r="AH4818" s="99"/>
      <c r="AI4818" s="99"/>
      <c r="AJ4818" s="99"/>
      <c r="AK4818" s="99"/>
      <c r="AL4818" s="99"/>
      <c r="AM4818" s="99"/>
      <c r="AN4818" s="99"/>
      <c r="AO4818" s="99"/>
      <c r="AP4818" s="99"/>
      <c r="AQ4818" s="99"/>
      <c r="AR4818" s="99"/>
      <c r="AS4818" s="99"/>
      <c r="AT4818" s="99"/>
      <c r="AU4818" s="99"/>
      <c r="AV4818" s="99"/>
      <c r="AW4818" s="99"/>
      <c r="AX4818" s="99"/>
      <c r="AY4818" s="99"/>
      <c r="AZ4818" s="99"/>
      <c r="BA4818" s="99"/>
      <c r="BB4818" s="107">
        <v>45884</v>
      </c>
    </row>
    <row r="4819" spans="1:54" s="8" customFormat="1" ht="13.95" customHeight="1" x14ac:dyDescent="0.25">
      <c r="A4819" s="219" t="s">
        <v>10989</v>
      </c>
      <c r="B4819" s="220" t="s">
        <v>10412</v>
      </c>
      <c r="C4819" s="98" t="s">
        <v>10990</v>
      </c>
      <c r="D4819" s="98" t="s">
        <v>10991</v>
      </c>
      <c r="E4819" s="141" t="s">
        <v>174</v>
      </c>
      <c r="F4819" s="141">
        <v>1827</v>
      </c>
      <c r="G4819" s="98" t="s">
        <v>1</v>
      </c>
      <c r="H4819" s="98">
        <v>0</v>
      </c>
      <c r="I4819" s="98">
        <v>0</v>
      </c>
      <c r="J4819" s="98">
        <v>1</v>
      </c>
      <c r="K4819" s="98" t="s">
        <v>174</v>
      </c>
      <c r="L4819" s="98" t="s">
        <v>174</v>
      </c>
      <c r="M4819" s="98" t="s">
        <v>174</v>
      </c>
      <c r="N4819" s="98" t="s">
        <v>174</v>
      </c>
      <c r="O4819" s="98" t="s">
        <v>174</v>
      </c>
      <c r="P4819" s="98" t="s">
        <v>174</v>
      </c>
      <c r="Q4819" s="98" t="s">
        <v>174</v>
      </c>
      <c r="R4819" s="98" t="s">
        <v>174</v>
      </c>
      <c r="S4819" s="98" t="s">
        <v>174</v>
      </c>
      <c r="T4819" s="98" t="s">
        <v>174</v>
      </c>
      <c r="U4819" s="99"/>
      <c r="V4819" s="99"/>
      <c r="W4819" s="99"/>
      <c r="X4819" s="99"/>
      <c r="Y4819" s="99"/>
      <c r="Z4819" s="99"/>
      <c r="AA4819" s="99"/>
      <c r="AB4819" s="99"/>
      <c r="AC4819" s="99"/>
      <c r="AD4819" s="99"/>
      <c r="AE4819" s="99"/>
      <c r="AF4819" s="99"/>
      <c r="AG4819" s="99"/>
      <c r="AH4819" s="99"/>
      <c r="AI4819" s="99"/>
      <c r="AJ4819" s="99"/>
      <c r="AK4819" s="99"/>
      <c r="AL4819" s="99"/>
      <c r="AM4819" s="99"/>
      <c r="AN4819" s="99"/>
      <c r="AO4819" s="99"/>
      <c r="AP4819" s="99"/>
      <c r="AQ4819" s="99"/>
      <c r="AR4819" s="99"/>
      <c r="AS4819" s="99"/>
      <c r="AT4819" s="99"/>
      <c r="AU4819" s="99"/>
      <c r="AV4819" s="99"/>
      <c r="AW4819" s="99"/>
      <c r="AX4819" s="99"/>
      <c r="AY4819" s="99"/>
      <c r="AZ4819" s="99"/>
      <c r="BA4819" s="99"/>
      <c r="BB4819" s="107">
        <v>45884</v>
      </c>
    </row>
    <row r="4820" spans="1:54" s="8" customFormat="1" ht="13.95" customHeight="1" x14ac:dyDescent="0.25">
      <c r="A4820" s="219" t="s">
        <v>10992</v>
      </c>
      <c r="B4820" s="220" t="s">
        <v>10412</v>
      </c>
      <c r="C4820" s="98" t="s">
        <v>10993</v>
      </c>
      <c r="D4820" s="98" t="s">
        <v>10994</v>
      </c>
      <c r="E4820" s="141" t="s">
        <v>174</v>
      </c>
      <c r="F4820" s="141">
        <v>1844</v>
      </c>
      <c r="G4820" s="98" t="s">
        <v>1</v>
      </c>
      <c r="H4820" s="98">
        <v>0</v>
      </c>
      <c r="I4820" s="98">
        <v>0</v>
      </c>
      <c r="J4820" s="98">
        <v>1</v>
      </c>
      <c r="K4820" s="98" t="s">
        <v>174</v>
      </c>
      <c r="L4820" s="98" t="s">
        <v>174</v>
      </c>
      <c r="M4820" s="98" t="s">
        <v>174</v>
      </c>
      <c r="N4820" s="98" t="s">
        <v>174</v>
      </c>
      <c r="O4820" s="98" t="s">
        <v>174</v>
      </c>
      <c r="P4820" s="98" t="s">
        <v>174</v>
      </c>
      <c r="Q4820" s="98" t="s">
        <v>174</v>
      </c>
      <c r="R4820" s="98" t="s">
        <v>174</v>
      </c>
      <c r="S4820" s="98" t="s">
        <v>174</v>
      </c>
      <c r="T4820" s="98" t="s">
        <v>174</v>
      </c>
      <c r="U4820" s="98" t="s">
        <v>174</v>
      </c>
      <c r="V4820" s="98" t="s">
        <v>174</v>
      </c>
      <c r="W4820" s="98" t="s">
        <v>174</v>
      </c>
      <c r="X4820" s="98" t="s">
        <v>174</v>
      </c>
      <c r="Y4820" s="98" t="s">
        <v>174</v>
      </c>
      <c r="Z4820" s="98" t="s">
        <v>174</v>
      </c>
      <c r="AA4820" s="98" t="s">
        <v>174</v>
      </c>
      <c r="AB4820" s="98" t="s">
        <v>174</v>
      </c>
      <c r="AC4820" s="98" t="s">
        <v>174</v>
      </c>
      <c r="AD4820" s="98" t="s">
        <v>174</v>
      </c>
      <c r="AE4820" s="98" t="s">
        <v>174</v>
      </c>
      <c r="AF4820" s="98" t="s">
        <v>174</v>
      </c>
      <c r="AG4820" s="98" t="s">
        <v>174</v>
      </c>
      <c r="AH4820" s="98" t="s">
        <v>174</v>
      </c>
      <c r="AI4820" s="98" t="s">
        <v>174</v>
      </c>
      <c r="AJ4820" s="98" t="s">
        <v>174</v>
      </c>
      <c r="AK4820" s="98" t="s">
        <v>174</v>
      </c>
      <c r="AL4820" s="98" t="s">
        <v>174</v>
      </c>
      <c r="AM4820" s="98" t="s">
        <v>174</v>
      </c>
      <c r="AN4820" s="98" t="s">
        <v>174</v>
      </c>
      <c r="AO4820" s="98" t="s">
        <v>174</v>
      </c>
      <c r="AP4820" s="98" t="s">
        <v>174</v>
      </c>
      <c r="AQ4820" s="98" t="s">
        <v>174</v>
      </c>
      <c r="AR4820" s="98" t="s">
        <v>174</v>
      </c>
      <c r="AS4820" s="98" t="s">
        <v>174</v>
      </c>
      <c r="AT4820" s="129" t="s">
        <v>174</v>
      </c>
      <c r="AU4820" s="98" t="s">
        <v>174</v>
      </c>
      <c r="AV4820" s="98" t="s">
        <v>174</v>
      </c>
      <c r="AW4820" s="98" t="s">
        <v>174</v>
      </c>
      <c r="AX4820" s="98"/>
      <c r="AY4820" s="98"/>
      <c r="AZ4820" s="98"/>
      <c r="BA4820" s="98"/>
      <c r="BB4820" s="107">
        <v>45884</v>
      </c>
    </row>
    <row r="4821" spans="1:54" s="8" customFormat="1" ht="13.95" customHeight="1" x14ac:dyDescent="0.25">
      <c r="A4821" s="219" t="s">
        <v>10995</v>
      </c>
      <c r="B4821" s="220" t="s">
        <v>10412</v>
      </c>
      <c r="C4821" s="98" t="s">
        <v>10996</v>
      </c>
      <c r="D4821" s="98" t="s">
        <v>10997</v>
      </c>
      <c r="E4821" s="141" t="s">
        <v>174</v>
      </c>
      <c r="F4821" s="141">
        <v>1854</v>
      </c>
      <c r="G4821" s="98" t="s">
        <v>1</v>
      </c>
      <c r="H4821" s="98">
        <v>0</v>
      </c>
      <c r="I4821" s="98">
        <v>0</v>
      </c>
      <c r="J4821" s="98">
        <v>1</v>
      </c>
      <c r="K4821" s="98" t="s">
        <v>174</v>
      </c>
      <c r="L4821" s="98" t="s">
        <v>174</v>
      </c>
      <c r="M4821" s="98" t="s">
        <v>174</v>
      </c>
      <c r="N4821" s="98" t="s">
        <v>174</v>
      </c>
      <c r="O4821" s="98" t="s">
        <v>174</v>
      </c>
      <c r="P4821" s="98" t="s">
        <v>174</v>
      </c>
      <c r="Q4821" s="98" t="s">
        <v>174</v>
      </c>
      <c r="R4821" s="98" t="s">
        <v>174</v>
      </c>
      <c r="S4821" s="98" t="s">
        <v>174</v>
      </c>
      <c r="T4821" s="98" t="s">
        <v>174</v>
      </c>
      <c r="U4821" s="99"/>
      <c r="V4821" s="99"/>
      <c r="W4821" s="99"/>
      <c r="X4821" s="99"/>
      <c r="Y4821" s="99"/>
      <c r="Z4821" s="99"/>
      <c r="AA4821" s="99"/>
      <c r="AB4821" s="99"/>
      <c r="AC4821" s="99"/>
      <c r="AD4821" s="99"/>
      <c r="AE4821" s="99"/>
      <c r="AF4821" s="99"/>
      <c r="AG4821" s="99"/>
      <c r="AH4821" s="99"/>
      <c r="AI4821" s="99"/>
      <c r="AJ4821" s="99"/>
      <c r="AK4821" s="99"/>
      <c r="AL4821" s="99"/>
      <c r="AM4821" s="99"/>
      <c r="AN4821" s="99"/>
      <c r="AO4821" s="99"/>
      <c r="AP4821" s="99"/>
      <c r="AQ4821" s="99"/>
      <c r="AR4821" s="99"/>
      <c r="AS4821" s="99"/>
      <c r="AT4821" s="99"/>
      <c r="AU4821" s="99"/>
      <c r="AV4821" s="99"/>
      <c r="AW4821" s="99"/>
      <c r="AX4821" s="99"/>
      <c r="AY4821" s="99"/>
      <c r="AZ4821" s="99"/>
      <c r="BA4821" s="99"/>
      <c r="BB4821" s="107">
        <v>45884</v>
      </c>
    </row>
    <row r="4822" spans="1:54" s="8" customFormat="1" ht="13.95" customHeight="1" x14ac:dyDescent="0.25">
      <c r="A4822" s="219" t="s">
        <v>10998</v>
      </c>
      <c r="B4822" s="220" t="s">
        <v>10412</v>
      </c>
      <c r="C4822" s="98" t="s">
        <v>10999</v>
      </c>
      <c r="D4822" s="98" t="s">
        <v>11000</v>
      </c>
      <c r="E4822" s="141" t="s">
        <v>174</v>
      </c>
      <c r="F4822" s="141">
        <v>1857</v>
      </c>
      <c r="G4822" s="98" t="s">
        <v>1</v>
      </c>
      <c r="H4822" s="98">
        <v>1</v>
      </c>
      <c r="I4822" s="98">
        <v>1</v>
      </c>
      <c r="J4822" s="98">
        <v>1</v>
      </c>
      <c r="K4822" s="98" t="s">
        <v>174</v>
      </c>
      <c r="L4822" s="98" t="s">
        <v>174</v>
      </c>
      <c r="M4822" s="98" t="s">
        <v>174</v>
      </c>
      <c r="N4822" s="98" t="s">
        <v>174</v>
      </c>
      <c r="O4822" s="98" t="s">
        <v>174</v>
      </c>
      <c r="P4822" s="98" t="s">
        <v>174</v>
      </c>
      <c r="Q4822" s="98" t="s">
        <v>174</v>
      </c>
      <c r="R4822" s="98" t="s">
        <v>174</v>
      </c>
      <c r="S4822" s="98" t="s">
        <v>174</v>
      </c>
      <c r="T4822" s="98" t="s">
        <v>174</v>
      </c>
      <c r="U4822" s="99"/>
      <c r="V4822" s="99"/>
      <c r="W4822" s="99"/>
      <c r="X4822" s="99"/>
      <c r="Y4822" s="99"/>
      <c r="Z4822" s="99"/>
      <c r="AA4822" s="99"/>
      <c r="AB4822" s="99"/>
      <c r="AC4822" s="99"/>
      <c r="AD4822" s="99"/>
      <c r="AE4822" s="99"/>
      <c r="AF4822" s="99"/>
      <c r="AG4822" s="99"/>
      <c r="AH4822" s="99"/>
      <c r="AI4822" s="99"/>
      <c r="AJ4822" s="99"/>
      <c r="AK4822" s="99"/>
      <c r="AL4822" s="99"/>
      <c r="AM4822" s="99"/>
      <c r="AN4822" s="99"/>
      <c r="AO4822" s="99"/>
      <c r="AP4822" s="99"/>
      <c r="AQ4822" s="99"/>
      <c r="AR4822" s="99"/>
      <c r="AS4822" s="99"/>
      <c r="AT4822" s="99"/>
      <c r="AU4822" s="99"/>
      <c r="AV4822" s="99"/>
      <c r="AW4822" s="99"/>
      <c r="AX4822" s="99"/>
      <c r="AY4822" s="99"/>
      <c r="AZ4822" s="99"/>
      <c r="BA4822" s="99"/>
      <c r="BB4822" s="107">
        <v>45884</v>
      </c>
    </row>
    <row r="4823" spans="1:54" s="8" customFormat="1" ht="13.95" customHeight="1" x14ac:dyDescent="0.25">
      <c r="A4823" s="219" t="s">
        <v>11001</v>
      </c>
      <c r="B4823" s="220" t="s">
        <v>10412</v>
      </c>
      <c r="C4823" s="98" t="s">
        <v>11002</v>
      </c>
      <c r="D4823" s="98" t="s">
        <v>11003</v>
      </c>
      <c r="E4823" s="141" t="s">
        <v>174</v>
      </c>
      <c r="F4823" s="141">
        <v>1866</v>
      </c>
      <c r="G4823" s="98" t="s">
        <v>1</v>
      </c>
      <c r="H4823" s="98">
        <v>0</v>
      </c>
      <c r="I4823" s="98">
        <v>0</v>
      </c>
      <c r="J4823" s="98">
        <v>1</v>
      </c>
      <c r="K4823" s="98" t="s">
        <v>174</v>
      </c>
      <c r="L4823" s="98" t="s">
        <v>174</v>
      </c>
      <c r="M4823" s="98" t="s">
        <v>174</v>
      </c>
      <c r="N4823" s="98" t="s">
        <v>174</v>
      </c>
      <c r="O4823" s="98" t="s">
        <v>174</v>
      </c>
      <c r="P4823" s="98" t="s">
        <v>174</v>
      </c>
      <c r="Q4823" s="98" t="s">
        <v>174</v>
      </c>
      <c r="R4823" s="98" t="s">
        <v>174</v>
      </c>
      <c r="S4823" s="98" t="s">
        <v>174</v>
      </c>
      <c r="T4823" s="98" t="s">
        <v>174</v>
      </c>
      <c r="U4823" s="99"/>
      <c r="V4823" s="99"/>
      <c r="W4823" s="99"/>
      <c r="X4823" s="99"/>
      <c r="Y4823" s="99"/>
      <c r="Z4823" s="99"/>
      <c r="AA4823" s="99"/>
      <c r="AB4823" s="99"/>
      <c r="AC4823" s="99"/>
      <c r="AD4823" s="99"/>
      <c r="AE4823" s="99"/>
      <c r="AF4823" s="99"/>
      <c r="AG4823" s="99"/>
      <c r="AH4823" s="99"/>
      <c r="AI4823" s="99"/>
      <c r="AJ4823" s="99"/>
      <c r="AK4823" s="99"/>
      <c r="AL4823" s="99"/>
      <c r="AM4823" s="99"/>
      <c r="AN4823" s="99"/>
      <c r="AO4823" s="99"/>
      <c r="AP4823" s="99"/>
      <c r="AQ4823" s="99"/>
      <c r="AR4823" s="99"/>
      <c r="AS4823" s="99"/>
      <c r="AT4823" s="99"/>
      <c r="AU4823" s="99"/>
      <c r="AV4823" s="99"/>
      <c r="AW4823" s="99"/>
      <c r="AX4823" s="99"/>
      <c r="AY4823" s="99"/>
      <c r="AZ4823" s="99"/>
      <c r="BA4823" s="99"/>
      <c r="BB4823" s="107">
        <v>45884</v>
      </c>
    </row>
    <row r="4824" spans="1:54" s="8" customFormat="1" ht="13.95" customHeight="1" x14ac:dyDescent="0.25">
      <c r="A4824" s="219" t="s">
        <v>11004</v>
      </c>
      <c r="B4824" s="220" t="s">
        <v>10412</v>
      </c>
      <c r="C4824" s="98" t="s">
        <v>11005</v>
      </c>
      <c r="D4824" s="98" t="s">
        <v>10991</v>
      </c>
      <c r="E4824" s="141" t="s">
        <v>174</v>
      </c>
      <c r="F4824" s="141">
        <v>1874</v>
      </c>
      <c r="G4824" s="98" t="s">
        <v>1</v>
      </c>
      <c r="H4824" s="98">
        <v>0</v>
      </c>
      <c r="I4824" s="98">
        <v>0</v>
      </c>
      <c r="J4824" s="98">
        <v>0</v>
      </c>
      <c r="K4824" s="98" t="s">
        <v>174</v>
      </c>
      <c r="L4824" s="98" t="s">
        <v>174</v>
      </c>
      <c r="M4824" s="98" t="s">
        <v>174</v>
      </c>
      <c r="N4824" s="98" t="s">
        <v>174</v>
      </c>
      <c r="O4824" s="98" t="s">
        <v>174</v>
      </c>
      <c r="P4824" s="98" t="s">
        <v>174</v>
      </c>
      <c r="Q4824" s="98" t="s">
        <v>174</v>
      </c>
      <c r="R4824" s="98" t="s">
        <v>174</v>
      </c>
      <c r="S4824" s="98" t="s">
        <v>174</v>
      </c>
      <c r="T4824" s="98" t="s">
        <v>174</v>
      </c>
      <c r="U4824" s="99"/>
      <c r="V4824" s="99"/>
      <c r="W4824" s="99"/>
      <c r="X4824" s="99"/>
      <c r="Y4824" s="99"/>
      <c r="Z4824" s="99"/>
      <c r="AA4824" s="99"/>
      <c r="AB4824" s="99"/>
      <c r="AC4824" s="99"/>
      <c r="AD4824" s="99"/>
      <c r="AE4824" s="99"/>
      <c r="AF4824" s="99"/>
      <c r="AG4824" s="99"/>
      <c r="AH4824" s="99"/>
      <c r="AI4824" s="99"/>
      <c r="AJ4824" s="99"/>
      <c r="AK4824" s="99"/>
      <c r="AL4824" s="99"/>
      <c r="AM4824" s="99"/>
      <c r="AN4824" s="99"/>
      <c r="AO4824" s="99"/>
      <c r="AP4824" s="99"/>
      <c r="AQ4824" s="99"/>
      <c r="AR4824" s="99"/>
      <c r="AS4824" s="99"/>
      <c r="AT4824" s="99"/>
      <c r="AU4824" s="99"/>
      <c r="AV4824" s="99"/>
      <c r="AW4824" s="99"/>
      <c r="AX4824" s="99"/>
      <c r="AY4824" s="99"/>
      <c r="AZ4824" s="99"/>
      <c r="BA4824" s="99"/>
      <c r="BB4824" s="107">
        <v>45884</v>
      </c>
    </row>
    <row r="4825" spans="1:54" s="8" customFormat="1" ht="13.95" customHeight="1" x14ac:dyDescent="0.25">
      <c r="A4825" s="219" t="s">
        <v>11006</v>
      </c>
      <c r="B4825" s="220" t="s">
        <v>10412</v>
      </c>
      <c r="C4825" s="98" t="s">
        <v>11007</v>
      </c>
      <c r="D4825" s="98" t="s">
        <v>11008</v>
      </c>
      <c r="E4825" s="141" t="s">
        <v>174</v>
      </c>
      <c r="F4825" s="141">
        <v>1887</v>
      </c>
      <c r="G4825" s="98" t="s">
        <v>1</v>
      </c>
      <c r="H4825" s="98">
        <v>1</v>
      </c>
      <c r="I4825" s="98">
        <v>1</v>
      </c>
      <c r="J4825" s="98">
        <v>1</v>
      </c>
      <c r="K4825" s="98" t="s">
        <v>174</v>
      </c>
      <c r="L4825" s="98" t="s">
        <v>174</v>
      </c>
      <c r="M4825" s="98" t="s">
        <v>174</v>
      </c>
      <c r="N4825" s="98" t="s">
        <v>174</v>
      </c>
      <c r="O4825" s="98" t="s">
        <v>174</v>
      </c>
      <c r="P4825" s="98" t="s">
        <v>174</v>
      </c>
      <c r="Q4825" s="98" t="s">
        <v>174</v>
      </c>
      <c r="R4825" s="98" t="s">
        <v>174</v>
      </c>
      <c r="S4825" s="98" t="s">
        <v>174</v>
      </c>
      <c r="T4825" s="98" t="s">
        <v>174</v>
      </c>
      <c r="U4825" s="99"/>
      <c r="V4825" s="99"/>
      <c r="W4825" s="99"/>
      <c r="X4825" s="99"/>
      <c r="Y4825" s="99"/>
      <c r="Z4825" s="99"/>
      <c r="AA4825" s="99"/>
      <c r="AB4825" s="99"/>
      <c r="AC4825" s="99"/>
      <c r="AD4825" s="99"/>
      <c r="AE4825" s="99"/>
      <c r="AF4825" s="99"/>
      <c r="AG4825" s="99"/>
      <c r="AH4825" s="99"/>
      <c r="AI4825" s="99"/>
      <c r="AJ4825" s="99"/>
      <c r="AK4825" s="99"/>
      <c r="AL4825" s="99"/>
      <c r="AM4825" s="99"/>
      <c r="AN4825" s="99"/>
      <c r="AO4825" s="99"/>
      <c r="AP4825" s="99"/>
      <c r="AQ4825" s="99"/>
      <c r="AR4825" s="99"/>
      <c r="AS4825" s="99"/>
      <c r="AT4825" s="99"/>
      <c r="AU4825" s="99"/>
      <c r="AV4825" s="99"/>
      <c r="AW4825" s="99"/>
      <c r="AX4825" s="99"/>
      <c r="AY4825" s="99"/>
      <c r="AZ4825" s="99"/>
      <c r="BA4825" s="99"/>
      <c r="BB4825" s="107">
        <v>45884</v>
      </c>
    </row>
    <row r="4826" spans="1:54" s="8" customFormat="1" ht="13.95" customHeight="1" x14ac:dyDescent="0.25">
      <c r="A4826" s="219" t="s">
        <v>11009</v>
      </c>
      <c r="B4826" s="220" t="s">
        <v>10412</v>
      </c>
      <c r="C4826" s="98" t="s">
        <v>11010</v>
      </c>
      <c r="D4826" s="98" t="s">
        <v>11011</v>
      </c>
      <c r="E4826" s="141" t="s">
        <v>174</v>
      </c>
      <c r="F4826" s="141">
        <v>1929</v>
      </c>
      <c r="G4826" s="98" t="s">
        <v>1</v>
      </c>
      <c r="H4826" s="98">
        <v>0</v>
      </c>
      <c r="I4826" s="98">
        <v>0</v>
      </c>
      <c r="J4826" s="98">
        <v>1</v>
      </c>
      <c r="K4826" s="98" t="s">
        <v>174</v>
      </c>
      <c r="L4826" s="98" t="s">
        <v>174</v>
      </c>
      <c r="M4826" s="98" t="s">
        <v>174</v>
      </c>
      <c r="N4826" s="98" t="s">
        <v>174</v>
      </c>
      <c r="O4826" s="98" t="s">
        <v>174</v>
      </c>
      <c r="P4826" s="98" t="s">
        <v>174</v>
      </c>
      <c r="Q4826" s="98" t="s">
        <v>174</v>
      </c>
      <c r="R4826" s="98" t="s">
        <v>174</v>
      </c>
      <c r="S4826" s="98" t="s">
        <v>174</v>
      </c>
      <c r="T4826" s="98" t="s">
        <v>174</v>
      </c>
      <c r="U4826" s="98" t="s">
        <v>174</v>
      </c>
      <c r="V4826" s="98" t="s">
        <v>174</v>
      </c>
      <c r="W4826" s="98" t="s">
        <v>174</v>
      </c>
      <c r="X4826" s="98" t="s">
        <v>174</v>
      </c>
      <c r="Y4826" s="98" t="s">
        <v>174</v>
      </c>
      <c r="Z4826" s="98" t="s">
        <v>174</v>
      </c>
      <c r="AA4826" s="98" t="s">
        <v>174</v>
      </c>
      <c r="AB4826" s="98" t="s">
        <v>174</v>
      </c>
      <c r="AC4826" s="98" t="s">
        <v>174</v>
      </c>
      <c r="AD4826" s="98" t="s">
        <v>174</v>
      </c>
      <c r="AE4826" s="98" t="s">
        <v>174</v>
      </c>
      <c r="AF4826" s="98" t="s">
        <v>174</v>
      </c>
      <c r="AG4826" s="98" t="s">
        <v>174</v>
      </c>
      <c r="AH4826" s="98" t="s">
        <v>174</v>
      </c>
      <c r="AI4826" s="98" t="s">
        <v>174</v>
      </c>
      <c r="AJ4826" s="98" t="s">
        <v>174</v>
      </c>
      <c r="AK4826" s="98" t="s">
        <v>174</v>
      </c>
      <c r="AL4826" s="98" t="s">
        <v>174</v>
      </c>
      <c r="AM4826" s="98" t="s">
        <v>174</v>
      </c>
      <c r="AN4826" s="98" t="s">
        <v>174</v>
      </c>
      <c r="AO4826" s="98" t="s">
        <v>174</v>
      </c>
      <c r="AP4826" s="98" t="s">
        <v>174</v>
      </c>
      <c r="AQ4826" s="98" t="s">
        <v>174</v>
      </c>
      <c r="AR4826" s="98" t="s">
        <v>174</v>
      </c>
      <c r="AS4826" s="98" t="s">
        <v>174</v>
      </c>
      <c r="AT4826" s="129" t="s">
        <v>174</v>
      </c>
      <c r="AU4826" s="98" t="s">
        <v>174</v>
      </c>
      <c r="AV4826" s="98" t="s">
        <v>174</v>
      </c>
      <c r="AW4826" s="98" t="s">
        <v>174</v>
      </c>
      <c r="AX4826" s="98"/>
      <c r="AY4826" s="98"/>
      <c r="AZ4826" s="98"/>
      <c r="BA4826" s="98"/>
      <c r="BB4826" s="107">
        <v>45884</v>
      </c>
    </row>
    <row r="4827" spans="1:54" s="8" customFormat="1" ht="13.95" customHeight="1" x14ac:dyDescent="0.25">
      <c r="A4827" s="219" t="s">
        <v>11012</v>
      </c>
      <c r="B4827" s="220" t="s">
        <v>10412</v>
      </c>
      <c r="C4827" s="98" t="s">
        <v>11013</v>
      </c>
      <c r="D4827" s="98" t="s">
        <v>11014</v>
      </c>
      <c r="E4827" s="141" t="s">
        <v>174</v>
      </c>
      <c r="F4827" s="141">
        <v>1963</v>
      </c>
      <c r="G4827" s="98" t="s">
        <v>1</v>
      </c>
      <c r="H4827" s="98">
        <v>0</v>
      </c>
      <c r="I4827" s="98">
        <v>0</v>
      </c>
      <c r="J4827" s="98">
        <v>1</v>
      </c>
      <c r="K4827" s="98" t="s">
        <v>174</v>
      </c>
      <c r="L4827" s="98" t="s">
        <v>174</v>
      </c>
      <c r="M4827" s="98" t="s">
        <v>174</v>
      </c>
      <c r="N4827" s="98" t="s">
        <v>174</v>
      </c>
      <c r="O4827" s="98" t="s">
        <v>174</v>
      </c>
      <c r="P4827" s="98" t="s">
        <v>174</v>
      </c>
      <c r="Q4827" s="98" t="s">
        <v>174</v>
      </c>
      <c r="R4827" s="98" t="s">
        <v>174</v>
      </c>
      <c r="S4827" s="98" t="s">
        <v>174</v>
      </c>
      <c r="T4827" s="98" t="s">
        <v>174</v>
      </c>
      <c r="U4827" s="98" t="s">
        <v>174</v>
      </c>
      <c r="V4827" s="98" t="s">
        <v>174</v>
      </c>
      <c r="W4827" s="98" t="s">
        <v>174</v>
      </c>
      <c r="X4827" s="98" t="s">
        <v>174</v>
      </c>
      <c r="Y4827" s="98" t="s">
        <v>174</v>
      </c>
      <c r="Z4827" s="98" t="s">
        <v>174</v>
      </c>
      <c r="AA4827" s="98" t="s">
        <v>174</v>
      </c>
      <c r="AB4827" s="98" t="s">
        <v>174</v>
      </c>
      <c r="AC4827" s="98" t="s">
        <v>174</v>
      </c>
      <c r="AD4827" s="98" t="s">
        <v>174</v>
      </c>
      <c r="AE4827" s="98" t="s">
        <v>174</v>
      </c>
      <c r="AF4827" s="98" t="s">
        <v>174</v>
      </c>
      <c r="AG4827" s="98" t="s">
        <v>174</v>
      </c>
      <c r="AH4827" s="98" t="s">
        <v>174</v>
      </c>
      <c r="AI4827" s="98" t="s">
        <v>174</v>
      </c>
      <c r="AJ4827" s="98" t="s">
        <v>174</v>
      </c>
      <c r="AK4827" s="98" t="s">
        <v>174</v>
      </c>
      <c r="AL4827" s="98" t="s">
        <v>174</v>
      </c>
      <c r="AM4827" s="98" t="s">
        <v>174</v>
      </c>
      <c r="AN4827" s="98" t="s">
        <v>174</v>
      </c>
      <c r="AO4827" s="98" t="s">
        <v>174</v>
      </c>
      <c r="AP4827" s="98" t="s">
        <v>174</v>
      </c>
      <c r="AQ4827" s="98" t="s">
        <v>174</v>
      </c>
      <c r="AR4827" s="98" t="s">
        <v>174</v>
      </c>
      <c r="AS4827" s="98" t="s">
        <v>174</v>
      </c>
      <c r="AT4827" s="129" t="s">
        <v>174</v>
      </c>
      <c r="AU4827" s="98" t="s">
        <v>174</v>
      </c>
      <c r="AV4827" s="98" t="s">
        <v>174</v>
      </c>
      <c r="AW4827" s="98" t="s">
        <v>174</v>
      </c>
      <c r="AX4827" s="98"/>
      <c r="AY4827" s="98"/>
      <c r="AZ4827" s="98"/>
      <c r="BA4827" s="98"/>
      <c r="BB4827" s="107">
        <v>45884</v>
      </c>
    </row>
    <row r="4828" spans="1:54" s="8" customFormat="1" ht="13.95" customHeight="1" x14ac:dyDescent="0.25">
      <c r="A4828" s="219" t="s">
        <v>11015</v>
      </c>
      <c r="B4828" s="220" t="s">
        <v>10412</v>
      </c>
      <c r="C4828" s="98" t="s">
        <v>11016</v>
      </c>
      <c r="D4828" s="98" t="s">
        <v>11017</v>
      </c>
      <c r="E4828" s="141" t="s">
        <v>174</v>
      </c>
      <c r="F4828" s="141">
        <v>1979</v>
      </c>
      <c r="G4828" s="98" t="s">
        <v>1</v>
      </c>
      <c r="H4828" s="98">
        <v>1</v>
      </c>
      <c r="I4828" s="98">
        <v>1</v>
      </c>
      <c r="J4828" s="98">
        <v>1</v>
      </c>
      <c r="K4828" s="98" t="s">
        <v>174</v>
      </c>
      <c r="L4828" s="98" t="s">
        <v>174</v>
      </c>
      <c r="M4828" s="98" t="s">
        <v>174</v>
      </c>
      <c r="N4828" s="98" t="s">
        <v>174</v>
      </c>
      <c r="O4828" s="98" t="s">
        <v>174</v>
      </c>
      <c r="P4828" s="98" t="s">
        <v>174</v>
      </c>
      <c r="Q4828" s="98" t="s">
        <v>174</v>
      </c>
      <c r="R4828" s="98" t="s">
        <v>174</v>
      </c>
      <c r="S4828" s="98" t="s">
        <v>174</v>
      </c>
      <c r="T4828" s="98" t="s">
        <v>174</v>
      </c>
      <c r="U4828" s="99"/>
      <c r="V4828" s="99"/>
      <c r="W4828" s="99"/>
      <c r="X4828" s="99"/>
      <c r="Y4828" s="99"/>
      <c r="Z4828" s="99"/>
      <c r="AA4828" s="99"/>
      <c r="AB4828" s="99"/>
      <c r="AC4828" s="99"/>
      <c r="AD4828" s="99"/>
      <c r="AE4828" s="99"/>
      <c r="AF4828" s="99"/>
      <c r="AG4828" s="99"/>
      <c r="AH4828" s="99"/>
      <c r="AI4828" s="99"/>
      <c r="AJ4828" s="99"/>
      <c r="AK4828" s="99"/>
      <c r="AL4828" s="99"/>
      <c r="AM4828" s="99"/>
      <c r="AN4828" s="99"/>
      <c r="AO4828" s="99"/>
      <c r="AP4828" s="99"/>
      <c r="AQ4828" s="99"/>
      <c r="AR4828" s="99"/>
      <c r="AS4828" s="99"/>
      <c r="AT4828" s="99"/>
      <c r="AU4828" s="99"/>
      <c r="AV4828" s="99"/>
      <c r="AW4828" s="99"/>
      <c r="AX4828" s="99"/>
      <c r="AY4828" s="99"/>
      <c r="AZ4828" s="99"/>
      <c r="BA4828" s="99"/>
      <c r="BB4828" s="107">
        <v>45884</v>
      </c>
    </row>
    <row r="4829" spans="1:54" s="8" customFormat="1" ht="13.95" customHeight="1" x14ac:dyDescent="0.25">
      <c r="A4829" s="219" t="s">
        <v>11018</v>
      </c>
      <c r="B4829" s="220" t="s">
        <v>10412</v>
      </c>
      <c r="C4829" s="98" t="s">
        <v>11019</v>
      </c>
      <c r="D4829" s="98" t="s">
        <v>11020</v>
      </c>
      <c r="E4829" s="141" t="s">
        <v>174</v>
      </c>
      <c r="F4829" s="141">
        <v>1998</v>
      </c>
      <c r="G4829" s="98" t="s">
        <v>1</v>
      </c>
      <c r="H4829" s="98">
        <v>0</v>
      </c>
      <c r="I4829" s="98">
        <v>0</v>
      </c>
      <c r="J4829" s="98">
        <v>1</v>
      </c>
      <c r="K4829" s="98" t="s">
        <v>174</v>
      </c>
      <c r="L4829" s="98" t="s">
        <v>174</v>
      </c>
      <c r="M4829" s="98" t="s">
        <v>174</v>
      </c>
      <c r="N4829" s="98" t="s">
        <v>174</v>
      </c>
      <c r="O4829" s="98" t="s">
        <v>174</v>
      </c>
      <c r="P4829" s="98" t="s">
        <v>174</v>
      </c>
      <c r="Q4829" s="98" t="s">
        <v>174</v>
      </c>
      <c r="R4829" s="98" t="s">
        <v>174</v>
      </c>
      <c r="S4829" s="98" t="s">
        <v>174</v>
      </c>
      <c r="T4829" s="98" t="s">
        <v>174</v>
      </c>
      <c r="U4829" s="98" t="s">
        <v>174</v>
      </c>
      <c r="V4829" s="98" t="s">
        <v>174</v>
      </c>
      <c r="W4829" s="98" t="s">
        <v>174</v>
      </c>
      <c r="X4829" s="98" t="s">
        <v>174</v>
      </c>
      <c r="Y4829" s="98" t="s">
        <v>174</v>
      </c>
      <c r="Z4829" s="98" t="s">
        <v>174</v>
      </c>
      <c r="AA4829" s="98" t="s">
        <v>174</v>
      </c>
      <c r="AB4829" s="98" t="s">
        <v>174</v>
      </c>
      <c r="AC4829" s="98" t="s">
        <v>174</v>
      </c>
      <c r="AD4829" s="98" t="s">
        <v>174</v>
      </c>
      <c r="AE4829" s="98" t="s">
        <v>174</v>
      </c>
      <c r="AF4829" s="98" t="s">
        <v>174</v>
      </c>
      <c r="AG4829" s="98" t="s">
        <v>174</v>
      </c>
      <c r="AH4829" s="98" t="s">
        <v>174</v>
      </c>
      <c r="AI4829" s="98" t="s">
        <v>174</v>
      </c>
      <c r="AJ4829" s="98" t="s">
        <v>174</v>
      </c>
      <c r="AK4829" s="98" t="s">
        <v>174</v>
      </c>
      <c r="AL4829" s="98" t="s">
        <v>174</v>
      </c>
      <c r="AM4829" s="98" t="s">
        <v>174</v>
      </c>
      <c r="AN4829" s="98" t="s">
        <v>174</v>
      </c>
      <c r="AO4829" s="98" t="s">
        <v>174</v>
      </c>
      <c r="AP4829" s="98" t="s">
        <v>174</v>
      </c>
      <c r="AQ4829" s="98" t="s">
        <v>174</v>
      </c>
      <c r="AR4829" s="98" t="s">
        <v>174</v>
      </c>
      <c r="AS4829" s="98" t="s">
        <v>174</v>
      </c>
      <c r="AT4829" s="129" t="s">
        <v>174</v>
      </c>
      <c r="AU4829" s="98" t="s">
        <v>174</v>
      </c>
      <c r="AV4829" s="98" t="s">
        <v>174</v>
      </c>
      <c r="AW4829" s="98" t="s">
        <v>174</v>
      </c>
      <c r="AX4829" s="98"/>
      <c r="AY4829" s="98"/>
      <c r="AZ4829" s="98"/>
      <c r="BA4829" s="98"/>
      <c r="BB4829" s="107">
        <v>45884</v>
      </c>
    </row>
    <row r="4830" spans="1:54" s="8" customFormat="1" ht="13.95" customHeight="1" x14ac:dyDescent="0.25">
      <c r="A4830" s="219" t="s">
        <v>11021</v>
      </c>
      <c r="B4830" s="220" t="s">
        <v>10412</v>
      </c>
      <c r="C4830" s="98" t="s">
        <v>11022</v>
      </c>
      <c r="D4830" s="98" t="s">
        <v>11023</v>
      </c>
      <c r="E4830" s="141" t="s">
        <v>174</v>
      </c>
      <c r="F4830" s="141">
        <v>2001</v>
      </c>
      <c r="G4830" s="98" t="s">
        <v>1</v>
      </c>
      <c r="H4830" s="98">
        <v>0</v>
      </c>
      <c r="I4830" s="98">
        <v>0</v>
      </c>
      <c r="J4830" s="98">
        <v>1</v>
      </c>
      <c r="K4830" s="98" t="s">
        <v>174</v>
      </c>
      <c r="L4830" s="98" t="s">
        <v>174</v>
      </c>
      <c r="M4830" s="98" t="s">
        <v>174</v>
      </c>
      <c r="N4830" s="98" t="s">
        <v>174</v>
      </c>
      <c r="O4830" s="98" t="s">
        <v>174</v>
      </c>
      <c r="P4830" s="98" t="s">
        <v>174</v>
      </c>
      <c r="Q4830" s="98" t="s">
        <v>174</v>
      </c>
      <c r="R4830" s="98" t="s">
        <v>174</v>
      </c>
      <c r="S4830" s="98" t="s">
        <v>174</v>
      </c>
      <c r="T4830" s="98" t="s">
        <v>174</v>
      </c>
      <c r="U4830" s="99"/>
      <c r="V4830" s="99"/>
      <c r="W4830" s="99"/>
      <c r="X4830" s="99"/>
      <c r="Y4830" s="99"/>
      <c r="Z4830" s="99"/>
      <c r="AA4830" s="99"/>
      <c r="AB4830" s="99"/>
      <c r="AC4830" s="99"/>
      <c r="AD4830" s="99"/>
      <c r="AE4830" s="99"/>
      <c r="AF4830" s="99"/>
      <c r="AG4830" s="99"/>
      <c r="AH4830" s="99"/>
      <c r="AI4830" s="99"/>
      <c r="AJ4830" s="99"/>
      <c r="AK4830" s="99"/>
      <c r="AL4830" s="99"/>
      <c r="AM4830" s="99"/>
      <c r="AN4830" s="99"/>
      <c r="AO4830" s="99"/>
      <c r="AP4830" s="99"/>
      <c r="AQ4830" s="99"/>
      <c r="AR4830" s="99"/>
      <c r="AS4830" s="99"/>
      <c r="AT4830" s="99"/>
      <c r="AU4830" s="99"/>
      <c r="AV4830" s="99"/>
      <c r="AW4830" s="99"/>
      <c r="AX4830" s="99"/>
      <c r="AY4830" s="99"/>
      <c r="AZ4830" s="99"/>
      <c r="BA4830" s="99"/>
      <c r="BB4830" s="107">
        <v>45884</v>
      </c>
    </row>
    <row r="4831" spans="1:54" s="8" customFormat="1" ht="13.95" customHeight="1" x14ac:dyDescent="0.25">
      <c r="A4831" s="219" t="s">
        <v>11024</v>
      </c>
      <c r="B4831" s="220" t="s">
        <v>10412</v>
      </c>
      <c r="C4831" s="98" t="s">
        <v>11025</v>
      </c>
      <c r="D4831" s="98" t="s">
        <v>11026</v>
      </c>
      <c r="E4831" s="141" t="s">
        <v>174</v>
      </c>
      <c r="F4831" s="141">
        <v>2027</v>
      </c>
      <c r="G4831" s="98" t="s">
        <v>1</v>
      </c>
      <c r="H4831" s="98">
        <v>1</v>
      </c>
      <c r="I4831" s="98">
        <v>1</v>
      </c>
      <c r="J4831" s="98">
        <v>1</v>
      </c>
      <c r="K4831" s="98" t="s">
        <v>174</v>
      </c>
      <c r="L4831" s="98" t="s">
        <v>174</v>
      </c>
      <c r="M4831" s="98" t="s">
        <v>174</v>
      </c>
      <c r="N4831" s="98" t="s">
        <v>174</v>
      </c>
      <c r="O4831" s="98" t="s">
        <v>174</v>
      </c>
      <c r="P4831" s="98" t="s">
        <v>174</v>
      </c>
      <c r="Q4831" s="98" t="s">
        <v>174</v>
      </c>
      <c r="R4831" s="98" t="s">
        <v>174</v>
      </c>
      <c r="S4831" s="98" t="s">
        <v>174</v>
      </c>
      <c r="T4831" s="98" t="s">
        <v>174</v>
      </c>
      <c r="U4831" s="99"/>
      <c r="V4831" s="99"/>
      <c r="W4831" s="99"/>
      <c r="X4831" s="99"/>
      <c r="Y4831" s="99"/>
      <c r="Z4831" s="99"/>
      <c r="AA4831" s="99"/>
      <c r="AB4831" s="99"/>
      <c r="AC4831" s="99"/>
      <c r="AD4831" s="99"/>
      <c r="AE4831" s="99"/>
      <c r="AF4831" s="99"/>
      <c r="AG4831" s="99"/>
      <c r="AH4831" s="99"/>
      <c r="AI4831" s="99"/>
      <c r="AJ4831" s="99"/>
      <c r="AK4831" s="99"/>
      <c r="AL4831" s="99"/>
      <c r="AM4831" s="99"/>
      <c r="AN4831" s="99"/>
      <c r="AO4831" s="99"/>
      <c r="AP4831" s="99"/>
      <c r="AQ4831" s="99"/>
      <c r="AR4831" s="99"/>
      <c r="AS4831" s="99"/>
      <c r="AT4831" s="99"/>
      <c r="AU4831" s="99"/>
      <c r="AV4831" s="99"/>
      <c r="AW4831" s="99"/>
      <c r="AX4831" s="99"/>
      <c r="AY4831" s="99"/>
      <c r="AZ4831" s="99"/>
      <c r="BA4831" s="99"/>
      <c r="BB4831" s="107">
        <v>45884</v>
      </c>
    </row>
    <row r="4832" spans="1:54" s="8" customFormat="1" ht="13.95" customHeight="1" x14ac:dyDescent="0.25">
      <c r="A4832" s="219" t="s">
        <v>11027</v>
      </c>
      <c r="B4832" s="220" t="s">
        <v>10412</v>
      </c>
      <c r="C4832" s="98" t="s">
        <v>11028</v>
      </c>
      <c r="D4832" s="98" t="s">
        <v>11029</v>
      </c>
      <c r="E4832" s="141" t="s">
        <v>174</v>
      </c>
      <c r="F4832" s="141">
        <v>2032</v>
      </c>
      <c r="G4832" s="98" t="s">
        <v>1</v>
      </c>
      <c r="H4832" s="98">
        <v>0</v>
      </c>
      <c r="I4832" s="98">
        <v>0</v>
      </c>
      <c r="J4832" s="98">
        <v>1</v>
      </c>
      <c r="K4832" s="98" t="s">
        <v>174</v>
      </c>
      <c r="L4832" s="98" t="s">
        <v>174</v>
      </c>
      <c r="M4832" s="98" t="s">
        <v>174</v>
      </c>
      <c r="N4832" s="98" t="s">
        <v>174</v>
      </c>
      <c r="O4832" s="98" t="s">
        <v>174</v>
      </c>
      <c r="P4832" s="98" t="s">
        <v>174</v>
      </c>
      <c r="Q4832" s="98" t="s">
        <v>174</v>
      </c>
      <c r="R4832" s="98" t="s">
        <v>174</v>
      </c>
      <c r="S4832" s="98" t="s">
        <v>174</v>
      </c>
      <c r="T4832" s="98" t="s">
        <v>174</v>
      </c>
      <c r="U4832" s="98" t="s">
        <v>174</v>
      </c>
      <c r="V4832" s="98" t="s">
        <v>174</v>
      </c>
      <c r="W4832" s="98" t="s">
        <v>174</v>
      </c>
      <c r="X4832" s="98" t="s">
        <v>174</v>
      </c>
      <c r="Y4832" s="98" t="s">
        <v>174</v>
      </c>
      <c r="Z4832" s="98" t="s">
        <v>174</v>
      </c>
      <c r="AA4832" s="98" t="s">
        <v>174</v>
      </c>
      <c r="AB4832" s="98" t="s">
        <v>174</v>
      </c>
      <c r="AC4832" s="98" t="s">
        <v>174</v>
      </c>
      <c r="AD4832" s="98" t="s">
        <v>174</v>
      </c>
      <c r="AE4832" s="98" t="s">
        <v>174</v>
      </c>
      <c r="AF4832" s="98" t="s">
        <v>174</v>
      </c>
      <c r="AG4832" s="98" t="s">
        <v>174</v>
      </c>
      <c r="AH4832" s="98" t="s">
        <v>174</v>
      </c>
      <c r="AI4832" s="98" t="s">
        <v>174</v>
      </c>
      <c r="AJ4832" s="98" t="s">
        <v>174</v>
      </c>
      <c r="AK4832" s="98" t="s">
        <v>174</v>
      </c>
      <c r="AL4832" s="98" t="s">
        <v>174</v>
      </c>
      <c r="AM4832" s="98" t="s">
        <v>174</v>
      </c>
      <c r="AN4832" s="98" t="s">
        <v>174</v>
      </c>
      <c r="AO4832" s="98" t="s">
        <v>174</v>
      </c>
      <c r="AP4832" s="98" t="s">
        <v>174</v>
      </c>
      <c r="AQ4832" s="98" t="s">
        <v>174</v>
      </c>
      <c r="AR4832" s="98" t="s">
        <v>174</v>
      </c>
      <c r="AS4832" s="98" t="s">
        <v>174</v>
      </c>
      <c r="AT4832" s="129" t="s">
        <v>174</v>
      </c>
      <c r="AU4832" s="98" t="s">
        <v>174</v>
      </c>
      <c r="AV4832" s="98" t="s">
        <v>174</v>
      </c>
      <c r="AW4832" s="98" t="s">
        <v>174</v>
      </c>
      <c r="AX4832" s="98"/>
      <c r="AY4832" s="98"/>
      <c r="AZ4832" s="98"/>
      <c r="BA4832" s="98"/>
      <c r="BB4832" s="107">
        <v>45884</v>
      </c>
    </row>
    <row r="4833" spans="1:54" s="8" customFormat="1" ht="13.95" customHeight="1" x14ac:dyDescent="0.25">
      <c r="A4833" s="219" t="s">
        <v>11030</v>
      </c>
      <c r="B4833" s="220" t="s">
        <v>10412</v>
      </c>
      <c r="C4833" s="98" t="s">
        <v>11031</v>
      </c>
      <c r="D4833" s="98" t="s">
        <v>11032</v>
      </c>
      <c r="E4833" s="141" t="s">
        <v>174</v>
      </c>
      <c r="F4833" s="141">
        <v>2036</v>
      </c>
      <c r="G4833" s="98" t="s">
        <v>1</v>
      </c>
      <c r="H4833" s="98">
        <v>1</v>
      </c>
      <c r="I4833" s="98">
        <v>0</v>
      </c>
      <c r="J4833" s="98">
        <v>1</v>
      </c>
      <c r="K4833" s="98" t="s">
        <v>174</v>
      </c>
      <c r="L4833" s="98" t="s">
        <v>174</v>
      </c>
      <c r="M4833" s="98" t="s">
        <v>174</v>
      </c>
      <c r="N4833" s="98" t="s">
        <v>174</v>
      </c>
      <c r="O4833" s="98" t="s">
        <v>174</v>
      </c>
      <c r="P4833" s="98" t="s">
        <v>174</v>
      </c>
      <c r="Q4833" s="98" t="s">
        <v>174</v>
      </c>
      <c r="R4833" s="98" t="s">
        <v>174</v>
      </c>
      <c r="S4833" s="98" t="s">
        <v>174</v>
      </c>
      <c r="T4833" s="98" t="s">
        <v>174</v>
      </c>
      <c r="U4833" s="98" t="s">
        <v>174</v>
      </c>
      <c r="V4833" s="98" t="s">
        <v>174</v>
      </c>
      <c r="W4833" s="98" t="s">
        <v>174</v>
      </c>
      <c r="X4833" s="98" t="s">
        <v>174</v>
      </c>
      <c r="Y4833" s="98" t="s">
        <v>174</v>
      </c>
      <c r="Z4833" s="98" t="s">
        <v>174</v>
      </c>
      <c r="AA4833" s="98" t="s">
        <v>174</v>
      </c>
      <c r="AB4833" s="98" t="s">
        <v>174</v>
      </c>
      <c r="AC4833" s="98" t="s">
        <v>174</v>
      </c>
      <c r="AD4833" s="98" t="s">
        <v>174</v>
      </c>
      <c r="AE4833" s="98" t="s">
        <v>174</v>
      </c>
      <c r="AF4833" s="98" t="s">
        <v>174</v>
      </c>
      <c r="AG4833" s="98" t="s">
        <v>174</v>
      </c>
      <c r="AH4833" s="98" t="s">
        <v>174</v>
      </c>
      <c r="AI4833" s="98" t="s">
        <v>174</v>
      </c>
      <c r="AJ4833" s="98" t="s">
        <v>174</v>
      </c>
      <c r="AK4833" s="98" t="s">
        <v>174</v>
      </c>
      <c r="AL4833" s="98" t="s">
        <v>174</v>
      </c>
      <c r="AM4833" s="98" t="s">
        <v>174</v>
      </c>
      <c r="AN4833" s="98" t="s">
        <v>174</v>
      </c>
      <c r="AO4833" s="98" t="s">
        <v>174</v>
      </c>
      <c r="AP4833" s="98" t="s">
        <v>174</v>
      </c>
      <c r="AQ4833" s="98" t="s">
        <v>174</v>
      </c>
      <c r="AR4833" s="98" t="s">
        <v>174</v>
      </c>
      <c r="AS4833" s="98" t="s">
        <v>174</v>
      </c>
      <c r="AT4833" s="129" t="s">
        <v>174</v>
      </c>
      <c r="AU4833" s="98" t="s">
        <v>174</v>
      </c>
      <c r="AV4833" s="98" t="s">
        <v>174</v>
      </c>
      <c r="AW4833" s="98" t="s">
        <v>174</v>
      </c>
      <c r="AX4833" s="98"/>
      <c r="AY4833" s="98"/>
      <c r="AZ4833" s="98"/>
      <c r="BA4833" s="98"/>
      <c r="BB4833" s="107">
        <v>45884</v>
      </c>
    </row>
    <row r="4834" spans="1:54" s="8" customFormat="1" ht="13.95" customHeight="1" x14ac:dyDescent="0.25">
      <c r="A4834" s="219" t="s">
        <v>11033</v>
      </c>
      <c r="B4834" s="220" t="s">
        <v>10412</v>
      </c>
      <c r="C4834" s="98" t="s">
        <v>19883</v>
      </c>
      <c r="D4834" s="98" t="s">
        <v>11034</v>
      </c>
      <c r="E4834" s="141" t="s">
        <v>174</v>
      </c>
      <c r="F4834" s="141">
        <v>2044</v>
      </c>
      <c r="G4834" s="98" t="s">
        <v>1</v>
      </c>
      <c r="H4834" s="98">
        <v>0</v>
      </c>
      <c r="I4834" s="98">
        <v>0</v>
      </c>
      <c r="J4834" s="98">
        <v>1</v>
      </c>
      <c r="K4834" s="98" t="s">
        <v>174</v>
      </c>
      <c r="L4834" s="98" t="s">
        <v>174</v>
      </c>
      <c r="M4834" s="98" t="s">
        <v>174</v>
      </c>
      <c r="N4834" s="98" t="s">
        <v>174</v>
      </c>
      <c r="O4834" s="98" t="s">
        <v>174</v>
      </c>
      <c r="P4834" s="98" t="s">
        <v>174</v>
      </c>
      <c r="Q4834" s="98" t="s">
        <v>174</v>
      </c>
      <c r="R4834" s="98" t="s">
        <v>174</v>
      </c>
      <c r="S4834" s="98" t="s">
        <v>174</v>
      </c>
      <c r="T4834" s="98" t="s">
        <v>174</v>
      </c>
      <c r="U4834" s="99"/>
      <c r="V4834" s="99"/>
      <c r="W4834" s="99"/>
      <c r="X4834" s="99"/>
      <c r="Y4834" s="99"/>
      <c r="Z4834" s="99"/>
      <c r="AA4834" s="99"/>
      <c r="AB4834" s="99"/>
      <c r="AC4834" s="99"/>
      <c r="AD4834" s="99"/>
      <c r="AE4834" s="99"/>
      <c r="AF4834" s="99"/>
      <c r="AG4834" s="99"/>
      <c r="AH4834" s="99"/>
      <c r="AI4834" s="99"/>
      <c r="AJ4834" s="99"/>
      <c r="AK4834" s="99"/>
      <c r="AL4834" s="99"/>
      <c r="AM4834" s="99"/>
      <c r="AN4834" s="99"/>
      <c r="AO4834" s="99"/>
      <c r="AP4834" s="99"/>
      <c r="AQ4834" s="99"/>
      <c r="AR4834" s="99"/>
      <c r="AS4834" s="99"/>
      <c r="AT4834" s="99"/>
      <c r="AU4834" s="99"/>
      <c r="AV4834" s="99"/>
      <c r="AW4834" s="99"/>
      <c r="AX4834" s="99"/>
      <c r="AY4834" s="99"/>
      <c r="AZ4834" s="99"/>
      <c r="BA4834" s="99"/>
      <c r="BB4834" s="107">
        <v>45884</v>
      </c>
    </row>
    <row r="4835" spans="1:54" s="8" customFormat="1" ht="13.95" customHeight="1" x14ac:dyDescent="0.25">
      <c r="A4835" s="219" t="s">
        <v>11035</v>
      </c>
      <c r="B4835" s="220" t="s">
        <v>10412</v>
      </c>
      <c r="C4835" s="98" t="s">
        <v>11036</v>
      </c>
      <c r="D4835" s="98" t="s">
        <v>11037</v>
      </c>
      <c r="E4835" s="141" t="s">
        <v>174</v>
      </c>
      <c r="F4835" s="141">
        <v>2051</v>
      </c>
      <c r="G4835" s="98" t="s">
        <v>1</v>
      </c>
      <c r="H4835" s="98">
        <v>0</v>
      </c>
      <c r="I4835" s="98">
        <v>0</v>
      </c>
      <c r="J4835" s="98">
        <v>1</v>
      </c>
      <c r="K4835" s="98" t="s">
        <v>174</v>
      </c>
      <c r="L4835" s="98" t="s">
        <v>174</v>
      </c>
      <c r="M4835" s="98" t="s">
        <v>174</v>
      </c>
      <c r="N4835" s="98" t="s">
        <v>174</v>
      </c>
      <c r="O4835" s="98" t="s">
        <v>174</v>
      </c>
      <c r="P4835" s="98" t="s">
        <v>174</v>
      </c>
      <c r="Q4835" s="98" t="s">
        <v>174</v>
      </c>
      <c r="R4835" s="98" t="s">
        <v>174</v>
      </c>
      <c r="S4835" s="98" t="s">
        <v>174</v>
      </c>
      <c r="T4835" s="98" t="s">
        <v>174</v>
      </c>
      <c r="U4835" s="99"/>
      <c r="V4835" s="99"/>
      <c r="W4835" s="99"/>
      <c r="X4835" s="99"/>
      <c r="Y4835" s="99"/>
      <c r="Z4835" s="99"/>
      <c r="AA4835" s="99"/>
      <c r="AB4835" s="99"/>
      <c r="AC4835" s="99"/>
      <c r="AD4835" s="99"/>
      <c r="AE4835" s="99"/>
      <c r="AF4835" s="99"/>
      <c r="AG4835" s="99"/>
      <c r="AH4835" s="99"/>
      <c r="AI4835" s="99"/>
      <c r="AJ4835" s="99"/>
      <c r="AK4835" s="99"/>
      <c r="AL4835" s="99"/>
      <c r="AM4835" s="99"/>
      <c r="AN4835" s="99"/>
      <c r="AO4835" s="99"/>
      <c r="AP4835" s="99"/>
      <c r="AQ4835" s="99"/>
      <c r="AR4835" s="99"/>
      <c r="AS4835" s="99"/>
      <c r="AT4835" s="99"/>
      <c r="AU4835" s="99"/>
      <c r="AV4835" s="99"/>
      <c r="AW4835" s="99"/>
      <c r="AX4835" s="99"/>
      <c r="AY4835" s="99"/>
      <c r="AZ4835" s="99"/>
      <c r="BA4835" s="99"/>
      <c r="BB4835" s="107">
        <v>45884</v>
      </c>
    </row>
    <row r="4836" spans="1:54" s="8" customFormat="1" ht="13.95" customHeight="1" x14ac:dyDescent="0.25">
      <c r="A4836" s="219" t="s">
        <v>11038</v>
      </c>
      <c r="B4836" s="220" t="s">
        <v>10412</v>
      </c>
      <c r="C4836" s="98" t="s">
        <v>11039</v>
      </c>
      <c r="D4836" s="98" t="s">
        <v>11040</v>
      </c>
      <c r="E4836" s="141" t="s">
        <v>174</v>
      </c>
      <c r="F4836" s="141">
        <v>2068</v>
      </c>
      <c r="G4836" s="98" t="s">
        <v>1</v>
      </c>
      <c r="H4836" s="98">
        <v>0</v>
      </c>
      <c r="I4836" s="98">
        <v>0</v>
      </c>
      <c r="J4836" s="98">
        <v>1</v>
      </c>
      <c r="K4836" s="98" t="s">
        <v>174</v>
      </c>
      <c r="L4836" s="98" t="s">
        <v>174</v>
      </c>
      <c r="M4836" s="98" t="s">
        <v>174</v>
      </c>
      <c r="N4836" s="98" t="s">
        <v>174</v>
      </c>
      <c r="O4836" s="98" t="s">
        <v>174</v>
      </c>
      <c r="P4836" s="98" t="s">
        <v>174</v>
      </c>
      <c r="Q4836" s="98" t="s">
        <v>174</v>
      </c>
      <c r="R4836" s="98" t="s">
        <v>174</v>
      </c>
      <c r="S4836" s="98" t="s">
        <v>174</v>
      </c>
      <c r="T4836" s="98" t="s">
        <v>174</v>
      </c>
      <c r="U4836" s="99"/>
      <c r="V4836" s="99"/>
      <c r="W4836" s="99"/>
      <c r="X4836" s="99"/>
      <c r="Y4836" s="99"/>
      <c r="Z4836" s="99"/>
      <c r="AA4836" s="99"/>
      <c r="AB4836" s="99"/>
      <c r="AC4836" s="99"/>
      <c r="AD4836" s="99"/>
      <c r="AE4836" s="99"/>
      <c r="AF4836" s="99"/>
      <c r="AG4836" s="99"/>
      <c r="AH4836" s="99"/>
      <c r="AI4836" s="99"/>
      <c r="AJ4836" s="99"/>
      <c r="AK4836" s="99"/>
      <c r="AL4836" s="99"/>
      <c r="AM4836" s="99"/>
      <c r="AN4836" s="99"/>
      <c r="AO4836" s="99"/>
      <c r="AP4836" s="99"/>
      <c r="AQ4836" s="99"/>
      <c r="AR4836" s="99"/>
      <c r="AS4836" s="99"/>
      <c r="AT4836" s="99"/>
      <c r="AU4836" s="99"/>
      <c r="AV4836" s="99"/>
      <c r="AW4836" s="99"/>
      <c r="AX4836" s="99"/>
      <c r="AY4836" s="99"/>
      <c r="AZ4836" s="99"/>
      <c r="BA4836" s="99"/>
      <c r="BB4836" s="107">
        <v>45884</v>
      </c>
    </row>
    <row r="4837" spans="1:54" s="8" customFormat="1" ht="13.95" customHeight="1" x14ac:dyDescent="0.25">
      <c r="A4837" s="219" t="s">
        <v>11041</v>
      </c>
      <c r="B4837" s="220" t="s">
        <v>10412</v>
      </c>
      <c r="C4837" s="98" t="s">
        <v>11042</v>
      </c>
      <c r="D4837" s="98" t="s">
        <v>10741</v>
      </c>
      <c r="E4837" s="141" t="s">
        <v>174</v>
      </c>
      <c r="F4837" s="141">
        <v>2094</v>
      </c>
      <c r="G4837" s="98" t="s">
        <v>1</v>
      </c>
      <c r="H4837" s="98">
        <v>0</v>
      </c>
      <c r="I4837" s="98">
        <v>0</v>
      </c>
      <c r="J4837" s="98">
        <v>1</v>
      </c>
      <c r="K4837" s="98" t="s">
        <v>174</v>
      </c>
      <c r="L4837" s="98" t="s">
        <v>174</v>
      </c>
      <c r="M4837" s="98" t="s">
        <v>174</v>
      </c>
      <c r="N4837" s="98" t="s">
        <v>174</v>
      </c>
      <c r="O4837" s="98" t="s">
        <v>174</v>
      </c>
      <c r="P4837" s="98" t="s">
        <v>174</v>
      </c>
      <c r="Q4837" s="98" t="s">
        <v>174</v>
      </c>
      <c r="R4837" s="98" t="s">
        <v>174</v>
      </c>
      <c r="S4837" s="98" t="s">
        <v>174</v>
      </c>
      <c r="T4837" s="98" t="s">
        <v>174</v>
      </c>
      <c r="U4837" s="99"/>
      <c r="V4837" s="99"/>
      <c r="W4837" s="99"/>
      <c r="X4837" s="99"/>
      <c r="Y4837" s="99"/>
      <c r="Z4837" s="99"/>
      <c r="AA4837" s="99"/>
      <c r="AB4837" s="99"/>
      <c r="AC4837" s="99"/>
      <c r="AD4837" s="99"/>
      <c r="AE4837" s="99"/>
      <c r="AF4837" s="99"/>
      <c r="AG4837" s="99"/>
      <c r="AH4837" s="99"/>
      <c r="AI4837" s="99"/>
      <c r="AJ4837" s="99"/>
      <c r="AK4837" s="99"/>
      <c r="AL4837" s="99"/>
      <c r="AM4837" s="99"/>
      <c r="AN4837" s="99"/>
      <c r="AO4837" s="99"/>
      <c r="AP4837" s="99"/>
      <c r="AQ4837" s="99"/>
      <c r="AR4837" s="99"/>
      <c r="AS4837" s="99"/>
      <c r="AT4837" s="99"/>
      <c r="AU4837" s="99"/>
      <c r="AV4837" s="99"/>
      <c r="AW4837" s="99"/>
      <c r="AX4837" s="99"/>
      <c r="AY4837" s="99"/>
      <c r="AZ4837" s="99"/>
      <c r="BA4837" s="99"/>
      <c r="BB4837" s="107">
        <v>45884</v>
      </c>
    </row>
    <row r="4838" spans="1:54" s="8" customFormat="1" ht="13.95" customHeight="1" x14ac:dyDescent="0.25">
      <c r="A4838" s="219" t="s">
        <v>11043</v>
      </c>
      <c r="B4838" s="220" t="s">
        <v>10412</v>
      </c>
      <c r="C4838" s="98" t="s">
        <v>11044</v>
      </c>
      <c r="D4838" s="98" t="s">
        <v>11045</v>
      </c>
      <c r="E4838" s="141" t="s">
        <v>174</v>
      </c>
      <c r="F4838" s="141">
        <v>2100</v>
      </c>
      <c r="G4838" s="98" t="s">
        <v>1</v>
      </c>
      <c r="H4838" s="98">
        <v>0</v>
      </c>
      <c r="I4838" s="98">
        <v>0</v>
      </c>
      <c r="J4838" s="98">
        <v>1</v>
      </c>
      <c r="K4838" s="98" t="s">
        <v>174</v>
      </c>
      <c r="L4838" s="98" t="s">
        <v>174</v>
      </c>
      <c r="M4838" s="98" t="s">
        <v>174</v>
      </c>
      <c r="N4838" s="98" t="s">
        <v>174</v>
      </c>
      <c r="O4838" s="98" t="s">
        <v>174</v>
      </c>
      <c r="P4838" s="98" t="s">
        <v>174</v>
      </c>
      <c r="Q4838" s="98" t="s">
        <v>174</v>
      </c>
      <c r="R4838" s="98" t="s">
        <v>174</v>
      </c>
      <c r="S4838" s="98" t="s">
        <v>174</v>
      </c>
      <c r="T4838" s="98" t="s">
        <v>174</v>
      </c>
      <c r="U4838" s="99"/>
      <c r="V4838" s="99"/>
      <c r="W4838" s="99"/>
      <c r="X4838" s="99"/>
      <c r="Y4838" s="99"/>
      <c r="Z4838" s="99"/>
      <c r="AA4838" s="99"/>
      <c r="AB4838" s="99"/>
      <c r="AC4838" s="99"/>
      <c r="AD4838" s="99"/>
      <c r="AE4838" s="99"/>
      <c r="AF4838" s="99"/>
      <c r="AG4838" s="99"/>
      <c r="AH4838" s="99"/>
      <c r="AI4838" s="99"/>
      <c r="AJ4838" s="99"/>
      <c r="AK4838" s="99"/>
      <c r="AL4838" s="99"/>
      <c r="AM4838" s="99"/>
      <c r="AN4838" s="99"/>
      <c r="AO4838" s="99"/>
      <c r="AP4838" s="99"/>
      <c r="AQ4838" s="99"/>
      <c r="AR4838" s="99"/>
      <c r="AS4838" s="99"/>
      <c r="AT4838" s="99"/>
      <c r="AU4838" s="99"/>
      <c r="AV4838" s="99"/>
      <c r="AW4838" s="99"/>
      <c r="AX4838" s="99"/>
      <c r="AY4838" s="99"/>
      <c r="AZ4838" s="99"/>
      <c r="BA4838" s="99"/>
      <c r="BB4838" s="107">
        <v>45884</v>
      </c>
    </row>
    <row r="4839" spans="1:54" s="8" customFormat="1" ht="13.95" customHeight="1" x14ac:dyDescent="0.25">
      <c r="A4839" s="219" t="s">
        <v>11046</v>
      </c>
      <c r="B4839" s="220" t="s">
        <v>10412</v>
      </c>
      <c r="C4839" s="98" t="s">
        <v>11047</v>
      </c>
      <c r="D4839" s="98" t="s">
        <v>11048</v>
      </c>
      <c r="E4839" s="141" t="s">
        <v>174</v>
      </c>
      <c r="F4839" s="141">
        <v>2106</v>
      </c>
      <c r="G4839" s="98" t="s">
        <v>1</v>
      </c>
      <c r="H4839" s="98">
        <v>1</v>
      </c>
      <c r="I4839" s="98">
        <v>0</v>
      </c>
      <c r="J4839" s="98">
        <v>1</v>
      </c>
      <c r="K4839" s="98" t="s">
        <v>174</v>
      </c>
      <c r="L4839" s="98" t="s">
        <v>174</v>
      </c>
      <c r="M4839" s="98" t="s">
        <v>174</v>
      </c>
      <c r="N4839" s="98" t="s">
        <v>174</v>
      </c>
      <c r="O4839" s="98" t="s">
        <v>174</v>
      </c>
      <c r="P4839" s="98" t="s">
        <v>174</v>
      </c>
      <c r="Q4839" s="98" t="s">
        <v>174</v>
      </c>
      <c r="R4839" s="98" t="s">
        <v>174</v>
      </c>
      <c r="S4839" s="98" t="s">
        <v>174</v>
      </c>
      <c r="T4839" s="98" t="s">
        <v>174</v>
      </c>
      <c r="U4839" s="99"/>
      <c r="V4839" s="99"/>
      <c r="W4839" s="99"/>
      <c r="X4839" s="99"/>
      <c r="Y4839" s="99"/>
      <c r="Z4839" s="99"/>
      <c r="AA4839" s="99"/>
      <c r="AB4839" s="99"/>
      <c r="AC4839" s="99"/>
      <c r="AD4839" s="99"/>
      <c r="AE4839" s="99"/>
      <c r="AF4839" s="99"/>
      <c r="AG4839" s="99"/>
      <c r="AH4839" s="99"/>
      <c r="AI4839" s="99"/>
      <c r="AJ4839" s="99"/>
      <c r="AK4839" s="99"/>
      <c r="AL4839" s="99"/>
      <c r="AM4839" s="99"/>
      <c r="AN4839" s="99"/>
      <c r="AO4839" s="99"/>
      <c r="AP4839" s="99"/>
      <c r="AQ4839" s="99"/>
      <c r="AR4839" s="99"/>
      <c r="AS4839" s="99"/>
      <c r="AT4839" s="99"/>
      <c r="AU4839" s="99"/>
      <c r="AV4839" s="99"/>
      <c r="AW4839" s="99"/>
      <c r="AX4839" s="99"/>
      <c r="AY4839" s="99"/>
      <c r="AZ4839" s="99"/>
      <c r="BA4839" s="99"/>
      <c r="BB4839" s="107">
        <v>45884</v>
      </c>
    </row>
    <row r="4840" spans="1:54" s="8" customFormat="1" ht="13.95" customHeight="1" x14ac:dyDescent="0.25">
      <c r="A4840" s="219" t="s">
        <v>11049</v>
      </c>
      <c r="B4840" s="220" t="s">
        <v>10412</v>
      </c>
      <c r="C4840" s="98" t="s">
        <v>11050</v>
      </c>
      <c r="D4840" s="98" t="s">
        <v>11051</v>
      </c>
      <c r="E4840" s="141" t="s">
        <v>174</v>
      </c>
      <c r="F4840" s="141">
        <v>2136</v>
      </c>
      <c r="G4840" s="98" t="s">
        <v>1</v>
      </c>
      <c r="H4840" s="98">
        <v>0</v>
      </c>
      <c r="I4840" s="98">
        <v>0</v>
      </c>
      <c r="J4840" s="98">
        <v>1</v>
      </c>
      <c r="K4840" s="98" t="s">
        <v>174</v>
      </c>
      <c r="L4840" s="98" t="s">
        <v>174</v>
      </c>
      <c r="M4840" s="98" t="s">
        <v>174</v>
      </c>
      <c r="N4840" s="98" t="s">
        <v>174</v>
      </c>
      <c r="O4840" s="98" t="s">
        <v>174</v>
      </c>
      <c r="P4840" s="98" t="s">
        <v>174</v>
      </c>
      <c r="Q4840" s="98" t="s">
        <v>174</v>
      </c>
      <c r="R4840" s="98" t="s">
        <v>174</v>
      </c>
      <c r="S4840" s="98" t="s">
        <v>174</v>
      </c>
      <c r="T4840" s="98" t="s">
        <v>174</v>
      </c>
      <c r="U4840" s="99"/>
      <c r="V4840" s="99"/>
      <c r="W4840" s="99"/>
      <c r="X4840" s="99"/>
      <c r="Y4840" s="99"/>
      <c r="Z4840" s="99"/>
      <c r="AA4840" s="99"/>
      <c r="AB4840" s="99"/>
      <c r="AC4840" s="99"/>
      <c r="AD4840" s="99"/>
      <c r="AE4840" s="99"/>
      <c r="AF4840" s="99"/>
      <c r="AG4840" s="99"/>
      <c r="AH4840" s="99"/>
      <c r="AI4840" s="99"/>
      <c r="AJ4840" s="99"/>
      <c r="AK4840" s="99"/>
      <c r="AL4840" s="99"/>
      <c r="AM4840" s="99"/>
      <c r="AN4840" s="99"/>
      <c r="AO4840" s="99"/>
      <c r="AP4840" s="99"/>
      <c r="AQ4840" s="99"/>
      <c r="AR4840" s="99"/>
      <c r="AS4840" s="99"/>
      <c r="AT4840" s="99"/>
      <c r="AU4840" s="99"/>
      <c r="AV4840" s="99"/>
      <c r="AW4840" s="99"/>
      <c r="AX4840" s="99"/>
      <c r="AY4840" s="99"/>
      <c r="AZ4840" s="99"/>
      <c r="BA4840" s="99"/>
      <c r="BB4840" s="107">
        <v>45884</v>
      </c>
    </row>
    <row r="4841" spans="1:54" s="8" customFormat="1" ht="13.95" customHeight="1" x14ac:dyDescent="0.25">
      <c r="A4841" s="219" t="s">
        <v>11052</v>
      </c>
      <c r="B4841" s="220" t="s">
        <v>10412</v>
      </c>
      <c r="C4841" s="98" t="s">
        <v>11053</v>
      </c>
      <c r="D4841" s="98" t="s">
        <v>11054</v>
      </c>
      <c r="E4841" s="141" t="s">
        <v>174</v>
      </c>
      <c r="F4841" s="141">
        <v>2146</v>
      </c>
      <c r="G4841" s="98" t="s">
        <v>1</v>
      </c>
      <c r="H4841" s="98">
        <v>1</v>
      </c>
      <c r="I4841" s="98">
        <v>0</v>
      </c>
      <c r="J4841" s="98">
        <v>1</v>
      </c>
      <c r="K4841" s="98" t="s">
        <v>174</v>
      </c>
      <c r="L4841" s="98" t="s">
        <v>174</v>
      </c>
      <c r="M4841" s="98" t="s">
        <v>174</v>
      </c>
      <c r="N4841" s="98" t="s">
        <v>174</v>
      </c>
      <c r="O4841" s="98" t="s">
        <v>174</v>
      </c>
      <c r="P4841" s="98" t="s">
        <v>174</v>
      </c>
      <c r="Q4841" s="98" t="s">
        <v>174</v>
      </c>
      <c r="R4841" s="98" t="s">
        <v>174</v>
      </c>
      <c r="S4841" s="98" t="s">
        <v>174</v>
      </c>
      <c r="T4841" s="98" t="s">
        <v>174</v>
      </c>
      <c r="U4841" s="98" t="s">
        <v>174</v>
      </c>
      <c r="V4841" s="98" t="s">
        <v>174</v>
      </c>
      <c r="W4841" s="98" t="s">
        <v>174</v>
      </c>
      <c r="X4841" s="98" t="s">
        <v>174</v>
      </c>
      <c r="Y4841" s="98" t="s">
        <v>174</v>
      </c>
      <c r="Z4841" s="98" t="s">
        <v>174</v>
      </c>
      <c r="AA4841" s="98" t="s">
        <v>174</v>
      </c>
      <c r="AB4841" s="98" t="s">
        <v>174</v>
      </c>
      <c r="AC4841" s="98" t="s">
        <v>174</v>
      </c>
      <c r="AD4841" s="98" t="s">
        <v>174</v>
      </c>
      <c r="AE4841" s="98" t="s">
        <v>174</v>
      </c>
      <c r="AF4841" s="98" t="s">
        <v>174</v>
      </c>
      <c r="AG4841" s="98" t="s">
        <v>174</v>
      </c>
      <c r="AH4841" s="98" t="s">
        <v>174</v>
      </c>
      <c r="AI4841" s="98" t="s">
        <v>174</v>
      </c>
      <c r="AJ4841" s="98" t="s">
        <v>174</v>
      </c>
      <c r="AK4841" s="98" t="s">
        <v>174</v>
      </c>
      <c r="AL4841" s="98" t="s">
        <v>174</v>
      </c>
      <c r="AM4841" s="98" t="s">
        <v>174</v>
      </c>
      <c r="AN4841" s="98" t="s">
        <v>174</v>
      </c>
      <c r="AO4841" s="98" t="s">
        <v>174</v>
      </c>
      <c r="AP4841" s="98" t="s">
        <v>174</v>
      </c>
      <c r="AQ4841" s="98" t="s">
        <v>174</v>
      </c>
      <c r="AR4841" s="98" t="s">
        <v>174</v>
      </c>
      <c r="AS4841" s="98" t="s">
        <v>174</v>
      </c>
      <c r="AT4841" s="129" t="s">
        <v>174</v>
      </c>
      <c r="AU4841" s="98" t="s">
        <v>174</v>
      </c>
      <c r="AV4841" s="98" t="s">
        <v>174</v>
      </c>
      <c r="AW4841" s="98" t="s">
        <v>174</v>
      </c>
      <c r="AX4841" s="98"/>
      <c r="AY4841" s="98"/>
      <c r="AZ4841" s="98"/>
      <c r="BA4841" s="98"/>
      <c r="BB4841" s="107">
        <v>45884</v>
      </c>
    </row>
    <row r="4842" spans="1:54" s="8" customFormat="1" ht="13.95" customHeight="1" x14ac:dyDescent="0.25">
      <c r="A4842" s="219" t="s">
        <v>11055</v>
      </c>
      <c r="B4842" s="220" t="s">
        <v>10412</v>
      </c>
      <c r="C4842" s="98" t="s">
        <v>11056</v>
      </c>
      <c r="D4842" s="98" t="s">
        <v>11057</v>
      </c>
      <c r="E4842" s="141" t="s">
        <v>174</v>
      </c>
      <c r="F4842" s="141">
        <v>2155</v>
      </c>
      <c r="G4842" s="98" t="s">
        <v>13</v>
      </c>
      <c r="H4842" s="98">
        <v>0</v>
      </c>
      <c r="I4842" s="98">
        <v>0</v>
      </c>
      <c r="J4842" s="98">
        <v>1</v>
      </c>
      <c r="K4842" s="98" t="s">
        <v>174</v>
      </c>
      <c r="L4842" s="98" t="s">
        <v>174</v>
      </c>
      <c r="M4842" s="98" t="s">
        <v>174</v>
      </c>
      <c r="N4842" s="98" t="s">
        <v>174</v>
      </c>
      <c r="O4842" s="98" t="s">
        <v>174</v>
      </c>
      <c r="P4842" s="98" t="s">
        <v>174</v>
      </c>
      <c r="Q4842" s="98" t="s">
        <v>174</v>
      </c>
      <c r="R4842" s="98" t="s">
        <v>174</v>
      </c>
      <c r="S4842" s="98" t="s">
        <v>174</v>
      </c>
      <c r="T4842" s="98" t="s">
        <v>174</v>
      </c>
      <c r="U4842" s="99"/>
      <c r="V4842" s="99"/>
      <c r="W4842" s="99"/>
      <c r="X4842" s="99"/>
      <c r="Y4842" s="99"/>
      <c r="Z4842" s="99"/>
      <c r="AA4842" s="99"/>
      <c r="AB4842" s="99"/>
      <c r="AC4842" s="99"/>
      <c r="AD4842" s="99"/>
      <c r="AE4842" s="99"/>
      <c r="AF4842" s="99"/>
      <c r="AG4842" s="99"/>
      <c r="AH4842" s="99"/>
      <c r="AI4842" s="99"/>
      <c r="AJ4842" s="99"/>
      <c r="AK4842" s="99"/>
      <c r="AL4842" s="99"/>
      <c r="AM4842" s="99"/>
      <c r="AN4842" s="99"/>
      <c r="AO4842" s="99"/>
      <c r="AP4842" s="99"/>
      <c r="AQ4842" s="99"/>
      <c r="AR4842" s="99"/>
      <c r="AS4842" s="99"/>
      <c r="AT4842" s="99"/>
      <c r="AU4842" s="99"/>
      <c r="AV4842" s="99"/>
      <c r="AW4842" s="99"/>
      <c r="AX4842" s="99"/>
      <c r="AY4842" s="99"/>
      <c r="AZ4842" s="99"/>
      <c r="BA4842" s="99"/>
      <c r="BB4842" s="107">
        <v>45884</v>
      </c>
    </row>
    <row r="4843" spans="1:54" s="8" customFormat="1" ht="13.95" customHeight="1" x14ac:dyDescent="0.25">
      <c r="A4843" s="219" t="s">
        <v>11058</v>
      </c>
      <c r="B4843" s="220" t="s">
        <v>10412</v>
      </c>
      <c r="C4843" s="98" t="s">
        <v>11059</v>
      </c>
      <c r="D4843" s="98" t="s">
        <v>11060</v>
      </c>
      <c r="E4843" s="141" t="s">
        <v>174</v>
      </c>
      <c r="F4843" s="141">
        <v>2192</v>
      </c>
      <c r="G4843" s="98" t="s">
        <v>1</v>
      </c>
      <c r="H4843" s="98">
        <v>0</v>
      </c>
      <c r="I4843" s="98">
        <v>0</v>
      </c>
      <c r="J4843" s="98">
        <v>1</v>
      </c>
      <c r="K4843" s="98" t="s">
        <v>174</v>
      </c>
      <c r="L4843" s="98" t="s">
        <v>174</v>
      </c>
      <c r="M4843" s="98" t="s">
        <v>174</v>
      </c>
      <c r="N4843" s="98" t="s">
        <v>174</v>
      </c>
      <c r="O4843" s="98" t="s">
        <v>174</v>
      </c>
      <c r="P4843" s="98" t="s">
        <v>174</v>
      </c>
      <c r="Q4843" s="98" t="s">
        <v>174</v>
      </c>
      <c r="R4843" s="98" t="s">
        <v>174</v>
      </c>
      <c r="S4843" s="98" t="s">
        <v>174</v>
      </c>
      <c r="T4843" s="98" t="s">
        <v>174</v>
      </c>
      <c r="U4843" s="99"/>
      <c r="V4843" s="99"/>
      <c r="W4843" s="99"/>
      <c r="X4843" s="99"/>
      <c r="Y4843" s="99"/>
      <c r="Z4843" s="99"/>
      <c r="AA4843" s="99"/>
      <c r="AB4843" s="99"/>
      <c r="AC4843" s="99"/>
      <c r="AD4843" s="99"/>
      <c r="AE4843" s="99"/>
      <c r="AF4843" s="99"/>
      <c r="AG4843" s="99"/>
      <c r="AH4843" s="99"/>
      <c r="AI4843" s="99"/>
      <c r="AJ4843" s="99"/>
      <c r="AK4843" s="99"/>
      <c r="AL4843" s="99"/>
      <c r="AM4843" s="99"/>
      <c r="AN4843" s="99"/>
      <c r="AO4843" s="99"/>
      <c r="AP4843" s="99"/>
      <c r="AQ4843" s="99"/>
      <c r="AR4843" s="99"/>
      <c r="AS4843" s="99"/>
      <c r="AT4843" s="99"/>
      <c r="AU4843" s="99"/>
      <c r="AV4843" s="99"/>
      <c r="AW4843" s="99"/>
      <c r="AX4843" s="99"/>
      <c r="AY4843" s="99"/>
      <c r="AZ4843" s="99"/>
      <c r="BA4843" s="99"/>
      <c r="BB4843" s="107">
        <v>45884</v>
      </c>
    </row>
    <row r="4844" spans="1:54" s="8" customFormat="1" ht="13.95" customHeight="1" x14ac:dyDescent="0.25">
      <c r="A4844" s="219" t="s">
        <v>11061</v>
      </c>
      <c r="B4844" s="220" t="s">
        <v>10412</v>
      </c>
      <c r="C4844" s="98" t="s">
        <v>11062</v>
      </c>
      <c r="D4844" s="98" t="s">
        <v>11063</v>
      </c>
      <c r="E4844" s="141" t="s">
        <v>174</v>
      </c>
      <c r="F4844" s="141">
        <v>2200</v>
      </c>
      <c r="G4844" s="98" t="s">
        <v>1</v>
      </c>
      <c r="H4844" s="98">
        <v>1</v>
      </c>
      <c r="I4844" s="98">
        <v>1</v>
      </c>
      <c r="J4844" s="98">
        <v>1</v>
      </c>
      <c r="K4844" s="98" t="s">
        <v>174</v>
      </c>
      <c r="L4844" s="98" t="s">
        <v>174</v>
      </c>
      <c r="M4844" s="98" t="s">
        <v>174</v>
      </c>
      <c r="N4844" s="98" t="s">
        <v>174</v>
      </c>
      <c r="O4844" s="98" t="s">
        <v>174</v>
      </c>
      <c r="P4844" s="98" t="s">
        <v>174</v>
      </c>
      <c r="Q4844" s="98" t="s">
        <v>174</v>
      </c>
      <c r="R4844" s="98" t="s">
        <v>174</v>
      </c>
      <c r="S4844" s="98" t="s">
        <v>174</v>
      </c>
      <c r="T4844" s="98" t="s">
        <v>174</v>
      </c>
      <c r="U4844" s="98" t="s">
        <v>174</v>
      </c>
      <c r="V4844" s="98" t="s">
        <v>174</v>
      </c>
      <c r="W4844" s="98" t="s">
        <v>174</v>
      </c>
      <c r="X4844" s="98" t="s">
        <v>174</v>
      </c>
      <c r="Y4844" s="98" t="s">
        <v>174</v>
      </c>
      <c r="Z4844" s="98" t="s">
        <v>174</v>
      </c>
      <c r="AA4844" s="98" t="s">
        <v>174</v>
      </c>
      <c r="AB4844" s="98" t="s">
        <v>174</v>
      </c>
      <c r="AC4844" s="98" t="s">
        <v>174</v>
      </c>
      <c r="AD4844" s="98" t="s">
        <v>174</v>
      </c>
      <c r="AE4844" s="98" t="s">
        <v>174</v>
      </c>
      <c r="AF4844" s="98" t="s">
        <v>174</v>
      </c>
      <c r="AG4844" s="98" t="s">
        <v>174</v>
      </c>
      <c r="AH4844" s="98" t="s">
        <v>174</v>
      </c>
      <c r="AI4844" s="98" t="s">
        <v>174</v>
      </c>
      <c r="AJ4844" s="98" t="s">
        <v>174</v>
      </c>
      <c r="AK4844" s="98" t="s">
        <v>174</v>
      </c>
      <c r="AL4844" s="98" t="s">
        <v>174</v>
      </c>
      <c r="AM4844" s="98" t="s">
        <v>174</v>
      </c>
      <c r="AN4844" s="98" t="s">
        <v>174</v>
      </c>
      <c r="AO4844" s="98" t="s">
        <v>174</v>
      </c>
      <c r="AP4844" s="98" t="s">
        <v>174</v>
      </c>
      <c r="AQ4844" s="98" t="s">
        <v>174</v>
      </c>
      <c r="AR4844" s="98" t="s">
        <v>174</v>
      </c>
      <c r="AS4844" s="98" t="s">
        <v>174</v>
      </c>
      <c r="AT4844" s="129" t="s">
        <v>174</v>
      </c>
      <c r="AU4844" s="98" t="s">
        <v>174</v>
      </c>
      <c r="AV4844" s="98" t="s">
        <v>174</v>
      </c>
      <c r="AW4844" s="98" t="s">
        <v>174</v>
      </c>
      <c r="AX4844" s="98"/>
      <c r="AY4844" s="98"/>
      <c r="AZ4844" s="98"/>
      <c r="BA4844" s="98"/>
      <c r="BB4844" s="107">
        <v>45884</v>
      </c>
    </row>
    <row r="4845" spans="1:54" s="8" customFormat="1" ht="13.95" customHeight="1" x14ac:dyDescent="0.25">
      <c r="A4845" s="219" t="s">
        <v>11064</v>
      </c>
      <c r="B4845" s="220" t="s">
        <v>10412</v>
      </c>
      <c r="C4845" s="98" t="s">
        <v>11065</v>
      </c>
      <c r="D4845" s="98" t="s">
        <v>11066</v>
      </c>
      <c r="E4845" s="141" t="s">
        <v>174</v>
      </c>
      <c r="F4845" s="141">
        <v>2268</v>
      </c>
      <c r="G4845" s="98" t="s">
        <v>1</v>
      </c>
      <c r="H4845" s="98">
        <v>1</v>
      </c>
      <c r="I4845" s="98">
        <v>0</v>
      </c>
      <c r="J4845" s="98">
        <v>1</v>
      </c>
      <c r="K4845" s="98" t="s">
        <v>174</v>
      </c>
      <c r="L4845" s="98" t="s">
        <v>174</v>
      </c>
      <c r="M4845" s="98" t="s">
        <v>174</v>
      </c>
      <c r="N4845" s="98" t="s">
        <v>174</v>
      </c>
      <c r="O4845" s="98" t="s">
        <v>174</v>
      </c>
      <c r="P4845" s="98" t="s">
        <v>174</v>
      </c>
      <c r="Q4845" s="98" t="s">
        <v>174</v>
      </c>
      <c r="R4845" s="98" t="s">
        <v>174</v>
      </c>
      <c r="S4845" s="98" t="s">
        <v>174</v>
      </c>
      <c r="T4845" s="98" t="s">
        <v>174</v>
      </c>
      <c r="U4845" s="98" t="s">
        <v>174</v>
      </c>
      <c r="V4845" s="98" t="s">
        <v>174</v>
      </c>
      <c r="W4845" s="98" t="s">
        <v>174</v>
      </c>
      <c r="X4845" s="98" t="s">
        <v>174</v>
      </c>
      <c r="Y4845" s="98" t="s">
        <v>174</v>
      </c>
      <c r="Z4845" s="98" t="s">
        <v>174</v>
      </c>
      <c r="AA4845" s="98" t="s">
        <v>174</v>
      </c>
      <c r="AB4845" s="98" t="s">
        <v>174</v>
      </c>
      <c r="AC4845" s="98" t="s">
        <v>174</v>
      </c>
      <c r="AD4845" s="98" t="s">
        <v>174</v>
      </c>
      <c r="AE4845" s="98" t="s">
        <v>174</v>
      </c>
      <c r="AF4845" s="98" t="s">
        <v>174</v>
      </c>
      <c r="AG4845" s="98" t="s">
        <v>174</v>
      </c>
      <c r="AH4845" s="98" t="s">
        <v>174</v>
      </c>
      <c r="AI4845" s="98" t="s">
        <v>174</v>
      </c>
      <c r="AJ4845" s="98" t="s">
        <v>174</v>
      </c>
      <c r="AK4845" s="98" t="s">
        <v>174</v>
      </c>
      <c r="AL4845" s="98" t="s">
        <v>174</v>
      </c>
      <c r="AM4845" s="98" t="s">
        <v>174</v>
      </c>
      <c r="AN4845" s="98" t="s">
        <v>174</v>
      </c>
      <c r="AO4845" s="98" t="s">
        <v>174</v>
      </c>
      <c r="AP4845" s="98" t="s">
        <v>174</v>
      </c>
      <c r="AQ4845" s="98" t="s">
        <v>174</v>
      </c>
      <c r="AR4845" s="98" t="s">
        <v>174</v>
      </c>
      <c r="AS4845" s="98" t="s">
        <v>174</v>
      </c>
      <c r="AT4845" s="129" t="s">
        <v>174</v>
      </c>
      <c r="AU4845" s="98" t="s">
        <v>174</v>
      </c>
      <c r="AV4845" s="98" t="s">
        <v>174</v>
      </c>
      <c r="AW4845" s="98" t="s">
        <v>174</v>
      </c>
      <c r="AX4845" s="98"/>
      <c r="AY4845" s="98"/>
      <c r="AZ4845" s="98"/>
      <c r="BA4845" s="98"/>
      <c r="BB4845" s="107">
        <v>45884</v>
      </c>
    </row>
    <row r="4846" spans="1:54" s="8" customFormat="1" ht="13.95" customHeight="1" x14ac:dyDescent="0.25">
      <c r="A4846" s="219" t="s">
        <v>11067</v>
      </c>
      <c r="B4846" s="220" t="s">
        <v>10412</v>
      </c>
      <c r="C4846" s="98" t="s">
        <v>11068</v>
      </c>
      <c r="D4846" s="98" t="s">
        <v>11069</v>
      </c>
      <c r="E4846" s="141" t="s">
        <v>174</v>
      </c>
      <c r="F4846" s="141">
        <v>2234</v>
      </c>
      <c r="G4846" s="98" t="s">
        <v>1</v>
      </c>
      <c r="H4846" s="98">
        <v>0</v>
      </c>
      <c r="I4846" s="98">
        <v>0</v>
      </c>
      <c r="J4846" s="98">
        <v>1</v>
      </c>
      <c r="K4846" s="98" t="s">
        <v>174</v>
      </c>
      <c r="L4846" s="98" t="s">
        <v>174</v>
      </c>
      <c r="M4846" s="98" t="s">
        <v>174</v>
      </c>
      <c r="N4846" s="98" t="s">
        <v>174</v>
      </c>
      <c r="O4846" s="98" t="s">
        <v>174</v>
      </c>
      <c r="P4846" s="98" t="s">
        <v>174</v>
      </c>
      <c r="Q4846" s="98" t="s">
        <v>174</v>
      </c>
      <c r="R4846" s="98" t="s">
        <v>174</v>
      </c>
      <c r="S4846" s="98" t="s">
        <v>174</v>
      </c>
      <c r="T4846" s="98" t="s">
        <v>174</v>
      </c>
      <c r="U4846" s="99"/>
      <c r="V4846" s="99"/>
      <c r="W4846" s="99"/>
      <c r="X4846" s="99"/>
      <c r="Y4846" s="99"/>
      <c r="Z4846" s="99"/>
      <c r="AA4846" s="99"/>
      <c r="AB4846" s="99"/>
      <c r="AC4846" s="99"/>
      <c r="AD4846" s="99"/>
      <c r="AE4846" s="99"/>
      <c r="AF4846" s="99"/>
      <c r="AG4846" s="99"/>
      <c r="AH4846" s="99"/>
      <c r="AI4846" s="99"/>
      <c r="AJ4846" s="99"/>
      <c r="AK4846" s="99"/>
      <c r="AL4846" s="99"/>
      <c r="AM4846" s="99"/>
      <c r="AN4846" s="99"/>
      <c r="AO4846" s="99"/>
      <c r="AP4846" s="99"/>
      <c r="AQ4846" s="99"/>
      <c r="AR4846" s="99"/>
      <c r="AS4846" s="99"/>
      <c r="AT4846" s="99"/>
      <c r="AU4846" s="99"/>
      <c r="AV4846" s="99"/>
      <c r="AW4846" s="99"/>
      <c r="AX4846" s="99"/>
      <c r="AY4846" s="99"/>
      <c r="AZ4846" s="99"/>
      <c r="BA4846" s="99"/>
      <c r="BB4846" s="107">
        <v>45884</v>
      </c>
    </row>
    <row r="4847" spans="1:54" s="8" customFormat="1" ht="13.95" customHeight="1" x14ac:dyDescent="0.25">
      <c r="A4847" s="219" t="s">
        <v>11070</v>
      </c>
      <c r="B4847" s="220" t="s">
        <v>10412</v>
      </c>
      <c r="C4847" s="98" t="s">
        <v>11071</v>
      </c>
      <c r="D4847" s="98" t="s">
        <v>11072</v>
      </c>
      <c r="E4847" s="141" t="s">
        <v>174</v>
      </c>
      <c r="F4847" s="141">
        <v>2261</v>
      </c>
      <c r="G4847" s="98" t="s">
        <v>1</v>
      </c>
      <c r="H4847" s="98">
        <v>0</v>
      </c>
      <c r="I4847" s="98">
        <v>0</v>
      </c>
      <c r="J4847" s="98">
        <v>1</v>
      </c>
      <c r="K4847" s="98" t="s">
        <v>174</v>
      </c>
      <c r="L4847" s="98" t="s">
        <v>174</v>
      </c>
      <c r="M4847" s="98" t="s">
        <v>174</v>
      </c>
      <c r="N4847" s="98" t="s">
        <v>174</v>
      </c>
      <c r="O4847" s="98" t="s">
        <v>174</v>
      </c>
      <c r="P4847" s="98" t="s">
        <v>174</v>
      </c>
      <c r="Q4847" s="98" t="s">
        <v>174</v>
      </c>
      <c r="R4847" s="98" t="s">
        <v>174</v>
      </c>
      <c r="S4847" s="98" t="s">
        <v>174</v>
      </c>
      <c r="T4847" s="98" t="s">
        <v>174</v>
      </c>
      <c r="U4847" s="99"/>
      <c r="V4847" s="99"/>
      <c r="W4847" s="99"/>
      <c r="X4847" s="99"/>
      <c r="Y4847" s="99"/>
      <c r="Z4847" s="99"/>
      <c r="AA4847" s="99"/>
      <c r="AB4847" s="99"/>
      <c r="AC4847" s="99"/>
      <c r="AD4847" s="99"/>
      <c r="AE4847" s="99"/>
      <c r="AF4847" s="99"/>
      <c r="AG4847" s="99"/>
      <c r="AH4847" s="99"/>
      <c r="AI4847" s="99"/>
      <c r="AJ4847" s="99"/>
      <c r="AK4847" s="99"/>
      <c r="AL4847" s="99"/>
      <c r="AM4847" s="99"/>
      <c r="AN4847" s="99"/>
      <c r="AO4847" s="99"/>
      <c r="AP4847" s="99"/>
      <c r="AQ4847" s="99"/>
      <c r="AR4847" s="99"/>
      <c r="AS4847" s="99"/>
      <c r="AT4847" s="99"/>
      <c r="AU4847" s="99"/>
      <c r="AV4847" s="99"/>
      <c r="AW4847" s="99"/>
      <c r="AX4847" s="99"/>
      <c r="AY4847" s="99"/>
      <c r="AZ4847" s="99"/>
      <c r="BA4847" s="99"/>
      <c r="BB4847" s="107">
        <v>45884</v>
      </c>
    </row>
    <row r="4848" spans="1:54" s="8" customFormat="1" ht="13.95" customHeight="1" x14ac:dyDescent="0.25">
      <c r="A4848" s="219" t="s">
        <v>11073</v>
      </c>
      <c r="B4848" s="220" t="s">
        <v>10412</v>
      </c>
      <c r="C4848" s="98" t="s">
        <v>11074</v>
      </c>
      <c r="D4848" s="98" t="s">
        <v>11075</v>
      </c>
      <c r="E4848" s="141" t="s">
        <v>174</v>
      </c>
      <c r="F4848" s="141">
        <v>2277</v>
      </c>
      <c r="G4848" s="98" t="s">
        <v>1</v>
      </c>
      <c r="H4848" s="98">
        <v>0</v>
      </c>
      <c r="I4848" s="98">
        <v>0</v>
      </c>
      <c r="J4848" s="98">
        <v>1</v>
      </c>
      <c r="K4848" s="98" t="s">
        <v>174</v>
      </c>
      <c r="L4848" s="98" t="s">
        <v>174</v>
      </c>
      <c r="M4848" s="98" t="s">
        <v>174</v>
      </c>
      <c r="N4848" s="98" t="s">
        <v>174</v>
      </c>
      <c r="O4848" s="98" t="s">
        <v>174</v>
      </c>
      <c r="P4848" s="98" t="s">
        <v>174</v>
      </c>
      <c r="Q4848" s="98" t="s">
        <v>174</v>
      </c>
      <c r="R4848" s="98" t="s">
        <v>174</v>
      </c>
      <c r="S4848" s="98" t="s">
        <v>174</v>
      </c>
      <c r="T4848" s="98" t="s">
        <v>174</v>
      </c>
      <c r="U4848" s="98" t="s">
        <v>174</v>
      </c>
      <c r="V4848" s="98" t="s">
        <v>174</v>
      </c>
      <c r="W4848" s="98" t="s">
        <v>174</v>
      </c>
      <c r="X4848" s="98" t="s">
        <v>174</v>
      </c>
      <c r="Y4848" s="98" t="s">
        <v>174</v>
      </c>
      <c r="Z4848" s="98" t="s">
        <v>174</v>
      </c>
      <c r="AA4848" s="98" t="s">
        <v>174</v>
      </c>
      <c r="AB4848" s="98" t="s">
        <v>174</v>
      </c>
      <c r="AC4848" s="98" t="s">
        <v>174</v>
      </c>
      <c r="AD4848" s="98" t="s">
        <v>174</v>
      </c>
      <c r="AE4848" s="98" t="s">
        <v>174</v>
      </c>
      <c r="AF4848" s="98" t="s">
        <v>174</v>
      </c>
      <c r="AG4848" s="98" t="s">
        <v>174</v>
      </c>
      <c r="AH4848" s="98" t="s">
        <v>174</v>
      </c>
      <c r="AI4848" s="98" t="s">
        <v>174</v>
      </c>
      <c r="AJ4848" s="98" t="s">
        <v>174</v>
      </c>
      <c r="AK4848" s="98" t="s">
        <v>174</v>
      </c>
      <c r="AL4848" s="98" t="s">
        <v>174</v>
      </c>
      <c r="AM4848" s="98" t="s">
        <v>174</v>
      </c>
      <c r="AN4848" s="98" t="s">
        <v>174</v>
      </c>
      <c r="AO4848" s="98" t="s">
        <v>174</v>
      </c>
      <c r="AP4848" s="98" t="s">
        <v>174</v>
      </c>
      <c r="AQ4848" s="98" t="s">
        <v>174</v>
      </c>
      <c r="AR4848" s="98" t="s">
        <v>174</v>
      </c>
      <c r="AS4848" s="98" t="s">
        <v>174</v>
      </c>
      <c r="AT4848" s="129" t="s">
        <v>174</v>
      </c>
      <c r="AU4848" s="98" t="s">
        <v>174</v>
      </c>
      <c r="AV4848" s="98" t="s">
        <v>174</v>
      </c>
      <c r="AW4848" s="98" t="s">
        <v>174</v>
      </c>
      <c r="AX4848" s="98"/>
      <c r="AY4848" s="98"/>
      <c r="AZ4848" s="98"/>
      <c r="BA4848" s="98"/>
      <c r="BB4848" s="107">
        <v>45884</v>
      </c>
    </row>
    <row r="4849" spans="1:54" s="8" customFormat="1" ht="13.95" customHeight="1" x14ac:dyDescent="0.25">
      <c r="A4849" s="219" t="s">
        <v>11076</v>
      </c>
      <c r="B4849" s="220" t="s">
        <v>10412</v>
      </c>
      <c r="C4849" s="98" t="s">
        <v>11077</v>
      </c>
      <c r="D4849" s="98" t="s">
        <v>11078</v>
      </c>
      <c r="E4849" s="141" t="s">
        <v>174</v>
      </c>
      <c r="F4849" s="141">
        <v>2282</v>
      </c>
      <c r="G4849" s="98" t="s">
        <v>1</v>
      </c>
      <c r="H4849" s="98">
        <v>0</v>
      </c>
      <c r="I4849" s="98">
        <v>0</v>
      </c>
      <c r="J4849" s="98">
        <v>1</v>
      </c>
      <c r="K4849" s="98" t="s">
        <v>174</v>
      </c>
      <c r="L4849" s="98" t="s">
        <v>174</v>
      </c>
      <c r="M4849" s="98" t="s">
        <v>174</v>
      </c>
      <c r="N4849" s="98" t="s">
        <v>174</v>
      </c>
      <c r="O4849" s="98" t="s">
        <v>174</v>
      </c>
      <c r="P4849" s="98" t="s">
        <v>174</v>
      </c>
      <c r="Q4849" s="98" t="s">
        <v>174</v>
      </c>
      <c r="R4849" s="98" t="s">
        <v>174</v>
      </c>
      <c r="S4849" s="98" t="s">
        <v>174</v>
      </c>
      <c r="T4849" s="98" t="s">
        <v>174</v>
      </c>
      <c r="U4849" s="99"/>
      <c r="V4849" s="99"/>
      <c r="W4849" s="99"/>
      <c r="X4849" s="99"/>
      <c r="Y4849" s="99"/>
      <c r="Z4849" s="99"/>
      <c r="AA4849" s="99"/>
      <c r="AB4849" s="99"/>
      <c r="AC4849" s="99"/>
      <c r="AD4849" s="99"/>
      <c r="AE4849" s="99"/>
      <c r="AF4849" s="99"/>
      <c r="AG4849" s="99"/>
      <c r="AH4849" s="99"/>
      <c r="AI4849" s="99"/>
      <c r="AJ4849" s="99"/>
      <c r="AK4849" s="99"/>
      <c r="AL4849" s="99"/>
      <c r="AM4849" s="99"/>
      <c r="AN4849" s="99"/>
      <c r="AO4849" s="99"/>
      <c r="AP4849" s="99"/>
      <c r="AQ4849" s="99"/>
      <c r="AR4849" s="99"/>
      <c r="AS4849" s="99"/>
      <c r="AT4849" s="99"/>
      <c r="AU4849" s="99"/>
      <c r="AV4849" s="99"/>
      <c r="AW4849" s="99"/>
      <c r="AX4849" s="99"/>
      <c r="AY4849" s="99"/>
      <c r="AZ4849" s="99"/>
      <c r="BA4849" s="99"/>
      <c r="BB4849" s="107">
        <v>45884</v>
      </c>
    </row>
    <row r="4850" spans="1:54" s="8" customFormat="1" ht="13.95" customHeight="1" x14ac:dyDescent="0.25">
      <c r="A4850" s="219" t="s">
        <v>11079</v>
      </c>
      <c r="B4850" s="220" t="s">
        <v>10412</v>
      </c>
      <c r="C4850" s="98" t="s">
        <v>11080</v>
      </c>
      <c r="D4850" s="98" t="s">
        <v>11081</v>
      </c>
      <c r="E4850" s="141" t="s">
        <v>174</v>
      </c>
      <c r="F4850" s="141">
        <v>2292</v>
      </c>
      <c r="G4850" s="98" t="s">
        <v>1</v>
      </c>
      <c r="H4850" s="98">
        <v>0</v>
      </c>
      <c r="I4850" s="98">
        <v>0</v>
      </c>
      <c r="J4850" s="98">
        <v>1</v>
      </c>
      <c r="K4850" s="98" t="s">
        <v>174</v>
      </c>
      <c r="L4850" s="98" t="s">
        <v>174</v>
      </c>
      <c r="M4850" s="98" t="s">
        <v>174</v>
      </c>
      <c r="N4850" s="98" t="s">
        <v>174</v>
      </c>
      <c r="O4850" s="98" t="s">
        <v>174</v>
      </c>
      <c r="P4850" s="98" t="s">
        <v>174</v>
      </c>
      <c r="Q4850" s="98" t="s">
        <v>174</v>
      </c>
      <c r="R4850" s="98" t="s">
        <v>174</v>
      </c>
      <c r="S4850" s="98" t="s">
        <v>174</v>
      </c>
      <c r="T4850" s="98" t="s">
        <v>174</v>
      </c>
      <c r="U4850" s="98" t="s">
        <v>174</v>
      </c>
      <c r="V4850" s="98" t="s">
        <v>174</v>
      </c>
      <c r="W4850" s="98" t="s">
        <v>174</v>
      </c>
      <c r="X4850" s="98" t="s">
        <v>174</v>
      </c>
      <c r="Y4850" s="98" t="s">
        <v>174</v>
      </c>
      <c r="Z4850" s="98" t="s">
        <v>174</v>
      </c>
      <c r="AA4850" s="98" t="s">
        <v>174</v>
      </c>
      <c r="AB4850" s="98" t="s">
        <v>174</v>
      </c>
      <c r="AC4850" s="98" t="s">
        <v>174</v>
      </c>
      <c r="AD4850" s="98" t="s">
        <v>174</v>
      </c>
      <c r="AE4850" s="98" t="s">
        <v>174</v>
      </c>
      <c r="AF4850" s="98" t="s">
        <v>174</v>
      </c>
      <c r="AG4850" s="98" t="s">
        <v>174</v>
      </c>
      <c r="AH4850" s="98" t="s">
        <v>174</v>
      </c>
      <c r="AI4850" s="98" t="s">
        <v>174</v>
      </c>
      <c r="AJ4850" s="98" t="s">
        <v>174</v>
      </c>
      <c r="AK4850" s="98" t="s">
        <v>174</v>
      </c>
      <c r="AL4850" s="98" t="s">
        <v>174</v>
      </c>
      <c r="AM4850" s="98" t="s">
        <v>174</v>
      </c>
      <c r="AN4850" s="98" t="s">
        <v>174</v>
      </c>
      <c r="AO4850" s="98" t="s">
        <v>174</v>
      </c>
      <c r="AP4850" s="98" t="s">
        <v>174</v>
      </c>
      <c r="AQ4850" s="98" t="s">
        <v>174</v>
      </c>
      <c r="AR4850" s="98" t="s">
        <v>174</v>
      </c>
      <c r="AS4850" s="98" t="s">
        <v>174</v>
      </c>
      <c r="AT4850" s="98">
        <v>1</v>
      </c>
      <c r="AU4850" s="98" t="s">
        <v>174</v>
      </c>
      <c r="AV4850" s="98" t="s">
        <v>174</v>
      </c>
      <c r="AW4850" s="98" t="s">
        <v>174</v>
      </c>
      <c r="AX4850" s="98"/>
      <c r="AY4850" s="98"/>
      <c r="AZ4850" s="98"/>
      <c r="BA4850" s="98"/>
      <c r="BB4850" s="107">
        <v>45884</v>
      </c>
    </row>
    <row r="4851" spans="1:54" s="8" customFormat="1" ht="13.95" customHeight="1" x14ac:dyDescent="0.25">
      <c r="A4851" s="219" t="s">
        <v>11082</v>
      </c>
      <c r="B4851" s="220" t="s">
        <v>10412</v>
      </c>
      <c r="C4851" s="98" t="s">
        <v>11083</v>
      </c>
      <c r="D4851" s="98" t="s">
        <v>11084</v>
      </c>
      <c r="E4851" s="141" t="s">
        <v>174</v>
      </c>
      <c r="F4851" s="141">
        <v>2299</v>
      </c>
      <c r="G4851" s="98" t="s">
        <v>1</v>
      </c>
      <c r="H4851" s="98">
        <v>1</v>
      </c>
      <c r="I4851" s="98">
        <v>1</v>
      </c>
      <c r="J4851" s="98">
        <v>1</v>
      </c>
      <c r="K4851" s="98" t="s">
        <v>174</v>
      </c>
      <c r="L4851" s="98" t="s">
        <v>174</v>
      </c>
      <c r="M4851" s="98" t="s">
        <v>174</v>
      </c>
      <c r="N4851" s="98" t="s">
        <v>174</v>
      </c>
      <c r="O4851" s="98" t="s">
        <v>174</v>
      </c>
      <c r="P4851" s="98" t="s">
        <v>174</v>
      </c>
      <c r="Q4851" s="98" t="s">
        <v>174</v>
      </c>
      <c r="R4851" s="98" t="s">
        <v>174</v>
      </c>
      <c r="S4851" s="98" t="s">
        <v>174</v>
      </c>
      <c r="T4851" s="98" t="s">
        <v>174</v>
      </c>
      <c r="U4851" s="99"/>
      <c r="V4851" s="99"/>
      <c r="W4851" s="99"/>
      <c r="X4851" s="99"/>
      <c r="Y4851" s="99"/>
      <c r="Z4851" s="99"/>
      <c r="AA4851" s="99"/>
      <c r="AB4851" s="99"/>
      <c r="AC4851" s="99"/>
      <c r="AD4851" s="99"/>
      <c r="AE4851" s="99"/>
      <c r="AF4851" s="99"/>
      <c r="AG4851" s="99"/>
      <c r="AH4851" s="99"/>
      <c r="AI4851" s="99"/>
      <c r="AJ4851" s="99"/>
      <c r="AK4851" s="99"/>
      <c r="AL4851" s="99"/>
      <c r="AM4851" s="99"/>
      <c r="AN4851" s="99"/>
      <c r="AO4851" s="99"/>
      <c r="AP4851" s="99"/>
      <c r="AQ4851" s="99"/>
      <c r="AR4851" s="99"/>
      <c r="AS4851" s="99"/>
      <c r="AT4851" s="99"/>
      <c r="AU4851" s="99"/>
      <c r="AV4851" s="99"/>
      <c r="AW4851" s="99"/>
      <c r="AX4851" s="99"/>
      <c r="AY4851" s="99"/>
      <c r="AZ4851" s="99"/>
      <c r="BA4851" s="99"/>
      <c r="BB4851" s="107">
        <v>45884</v>
      </c>
    </row>
    <row r="4852" spans="1:54" s="8" customFormat="1" ht="13.95" customHeight="1" x14ac:dyDescent="0.25">
      <c r="A4852" s="219" t="s">
        <v>11085</v>
      </c>
      <c r="B4852" s="220" t="s">
        <v>10412</v>
      </c>
      <c r="C4852" s="98" t="s">
        <v>11086</v>
      </c>
      <c r="D4852" s="98" t="s">
        <v>11087</v>
      </c>
      <c r="E4852" s="141" t="s">
        <v>174</v>
      </c>
      <c r="F4852" s="141">
        <v>2313</v>
      </c>
      <c r="G4852" s="98" t="s">
        <v>1</v>
      </c>
      <c r="H4852" s="98">
        <v>0</v>
      </c>
      <c r="I4852" s="98">
        <v>0</v>
      </c>
      <c r="J4852" s="98">
        <v>1</v>
      </c>
      <c r="K4852" s="98" t="s">
        <v>174</v>
      </c>
      <c r="L4852" s="98" t="s">
        <v>174</v>
      </c>
      <c r="M4852" s="98" t="s">
        <v>174</v>
      </c>
      <c r="N4852" s="98" t="s">
        <v>174</v>
      </c>
      <c r="O4852" s="98" t="s">
        <v>174</v>
      </c>
      <c r="P4852" s="98" t="s">
        <v>174</v>
      </c>
      <c r="Q4852" s="98" t="s">
        <v>174</v>
      </c>
      <c r="R4852" s="98" t="s">
        <v>174</v>
      </c>
      <c r="S4852" s="98" t="s">
        <v>174</v>
      </c>
      <c r="T4852" s="98" t="s">
        <v>174</v>
      </c>
      <c r="U4852" s="99"/>
      <c r="V4852" s="99"/>
      <c r="W4852" s="99"/>
      <c r="X4852" s="99"/>
      <c r="Y4852" s="99"/>
      <c r="Z4852" s="99"/>
      <c r="AA4852" s="99"/>
      <c r="AB4852" s="99"/>
      <c r="AC4852" s="99"/>
      <c r="AD4852" s="99"/>
      <c r="AE4852" s="99"/>
      <c r="AF4852" s="99"/>
      <c r="AG4852" s="99"/>
      <c r="AH4852" s="99"/>
      <c r="AI4852" s="99"/>
      <c r="AJ4852" s="99"/>
      <c r="AK4852" s="99"/>
      <c r="AL4852" s="99"/>
      <c r="AM4852" s="99"/>
      <c r="AN4852" s="99"/>
      <c r="AO4852" s="99"/>
      <c r="AP4852" s="99"/>
      <c r="AQ4852" s="99"/>
      <c r="AR4852" s="99"/>
      <c r="AS4852" s="99"/>
      <c r="AT4852" s="99"/>
      <c r="AU4852" s="99"/>
      <c r="AV4852" s="99"/>
      <c r="AW4852" s="99"/>
      <c r="AX4852" s="99"/>
      <c r="AY4852" s="99"/>
      <c r="AZ4852" s="99"/>
      <c r="BA4852" s="99"/>
      <c r="BB4852" s="107">
        <v>45884</v>
      </c>
    </row>
    <row r="4853" spans="1:54" s="8" customFormat="1" ht="13.95" customHeight="1" x14ac:dyDescent="0.25">
      <c r="A4853" s="219" t="s">
        <v>11088</v>
      </c>
      <c r="B4853" s="220" t="s">
        <v>10412</v>
      </c>
      <c r="C4853" s="98" t="s">
        <v>11089</v>
      </c>
      <c r="D4853" s="98" t="s">
        <v>11090</v>
      </c>
      <c r="E4853" s="141" t="s">
        <v>174</v>
      </c>
      <c r="F4853" s="141">
        <v>2395</v>
      </c>
      <c r="G4853" s="98" t="s">
        <v>1</v>
      </c>
      <c r="H4853" s="98">
        <v>0</v>
      </c>
      <c r="I4853" s="98">
        <v>0</v>
      </c>
      <c r="J4853" s="98">
        <v>1</v>
      </c>
      <c r="K4853" s="98" t="s">
        <v>174</v>
      </c>
      <c r="L4853" s="98" t="s">
        <v>174</v>
      </c>
      <c r="M4853" s="98" t="s">
        <v>174</v>
      </c>
      <c r="N4853" s="98" t="s">
        <v>174</v>
      </c>
      <c r="O4853" s="98" t="s">
        <v>174</v>
      </c>
      <c r="P4853" s="98" t="s">
        <v>174</v>
      </c>
      <c r="Q4853" s="98" t="s">
        <v>174</v>
      </c>
      <c r="R4853" s="98" t="s">
        <v>174</v>
      </c>
      <c r="S4853" s="98" t="s">
        <v>174</v>
      </c>
      <c r="T4853" s="98" t="s">
        <v>174</v>
      </c>
      <c r="U4853" s="99"/>
      <c r="V4853" s="99"/>
      <c r="W4853" s="99"/>
      <c r="X4853" s="99"/>
      <c r="Y4853" s="99"/>
      <c r="Z4853" s="99"/>
      <c r="AA4853" s="99"/>
      <c r="AB4853" s="99"/>
      <c r="AC4853" s="99"/>
      <c r="AD4853" s="99"/>
      <c r="AE4853" s="99"/>
      <c r="AF4853" s="99"/>
      <c r="AG4853" s="99"/>
      <c r="AH4853" s="99"/>
      <c r="AI4853" s="99"/>
      <c r="AJ4853" s="99"/>
      <c r="AK4853" s="99"/>
      <c r="AL4853" s="99"/>
      <c r="AM4853" s="99"/>
      <c r="AN4853" s="99"/>
      <c r="AO4853" s="99"/>
      <c r="AP4853" s="99"/>
      <c r="AQ4853" s="99"/>
      <c r="AR4853" s="99"/>
      <c r="AS4853" s="99"/>
      <c r="AT4853" s="99"/>
      <c r="AU4853" s="99"/>
      <c r="AV4853" s="99"/>
      <c r="AW4853" s="99"/>
      <c r="AX4853" s="99"/>
      <c r="AY4853" s="99"/>
      <c r="AZ4853" s="99"/>
      <c r="BA4853" s="99"/>
      <c r="BB4853" s="107">
        <v>45884</v>
      </c>
    </row>
    <row r="4854" spans="1:54" s="8" customFormat="1" ht="13.95" customHeight="1" x14ac:dyDescent="0.25">
      <c r="A4854" s="219" t="s">
        <v>11091</v>
      </c>
      <c r="B4854" s="220" t="s">
        <v>10412</v>
      </c>
      <c r="C4854" s="98" t="s">
        <v>11092</v>
      </c>
      <c r="D4854" s="98" t="s">
        <v>11093</v>
      </c>
      <c r="E4854" s="141" t="s">
        <v>174</v>
      </c>
      <c r="F4854" s="141">
        <v>2411</v>
      </c>
      <c r="G4854" s="98" t="s">
        <v>1</v>
      </c>
      <c r="H4854" s="98">
        <v>0</v>
      </c>
      <c r="I4854" s="98">
        <v>0</v>
      </c>
      <c r="J4854" s="98">
        <v>1</v>
      </c>
      <c r="K4854" s="98" t="s">
        <v>174</v>
      </c>
      <c r="L4854" s="98" t="s">
        <v>174</v>
      </c>
      <c r="M4854" s="98" t="s">
        <v>174</v>
      </c>
      <c r="N4854" s="98" t="s">
        <v>174</v>
      </c>
      <c r="O4854" s="98" t="s">
        <v>174</v>
      </c>
      <c r="P4854" s="98" t="s">
        <v>174</v>
      </c>
      <c r="Q4854" s="98" t="s">
        <v>174</v>
      </c>
      <c r="R4854" s="98" t="s">
        <v>174</v>
      </c>
      <c r="S4854" s="98" t="s">
        <v>174</v>
      </c>
      <c r="T4854" s="98" t="s">
        <v>174</v>
      </c>
      <c r="U4854" s="98" t="s">
        <v>174</v>
      </c>
      <c r="V4854" s="98" t="s">
        <v>174</v>
      </c>
      <c r="W4854" s="98" t="s">
        <v>174</v>
      </c>
      <c r="X4854" s="98" t="s">
        <v>174</v>
      </c>
      <c r="Y4854" s="98" t="s">
        <v>174</v>
      </c>
      <c r="Z4854" s="98" t="s">
        <v>174</v>
      </c>
      <c r="AA4854" s="98" t="s">
        <v>174</v>
      </c>
      <c r="AB4854" s="98" t="s">
        <v>174</v>
      </c>
      <c r="AC4854" s="98" t="s">
        <v>174</v>
      </c>
      <c r="AD4854" s="98" t="s">
        <v>174</v>
      </c>
      <c r="AE4854" s="98" t="s">
        <v>174</v>
      </c>
      <c r="AF4854" s="98" t="s">
        <v>174</v>
      </c>
      <c r="AG4854" s="98" t="s">
        <v>174</v>
      </c>
      <c r="AH4854" s="98" t="s">
        <v>174</v>
      </c>
      <c r="AI4854" s="98" t="s">
        <v>174</v>
      </c>
      <c r="AJ4854" s="98" t="s">
        <v>174</v>
      </c>
      <c r="AK4854" s="98" t="s">
        <v>174</v>
      </c>
      <c r="AL4854" s="98" t="s">
        <v>174</v>
      </c>
      <c r="AM4854" s="98" t="s">
        <v>174</v>
      </c>
      <c r="AN4854" s="98" t="s">
        <v>174</v>
      </c>
      <c r="AO4854" s="98" t="s">
        <v>174</v>
      </c>
      <c r="AP4854" s="98" t="s">
        <v>174</v>
      </c>
      <c r="AQ4854" s="98" t="s">
        <v>174</v>
      </c>
      <c r="AR4854" s="98" t="s">
        <v>174</v>
      </c>
      <c r="AS4854" s="98" t="s">
        <v>174</v>
      </c>
      <c r="AT4854" s="129" t="s">
        <v>174</v>
      </c>
      <c r="AU4854" s="98" t="s">
        <v>174</v>
      </c>
      <c r="AV4854" s="98" t="s">
        <v>174</v>
      </c>
      <c r="AW4854" s="98" t="s">
        <v>174</v>
      </c>
      <c r="AX4854" s="98"/>
      <c r="AY4854" s="98"/>
      <c r="AZ4854" s="98"/>
      <c r="BA4854" s="98"/>
      <c r="BB4854" s="107">
        <v>45884</v>
      </c>
    </row>
    <row r="4855" spans="1:54" s="8" customFormat="1" ht="13.95" customHeight="1" x14ac:dyDescent="0.25">
      <c r="A4855" s="219" t="s">
        <v>11094</v>
      </c>
      <c r="B4855" s="220" t="s">
        <v>10412</v>
      </c>
      <c r="C4855" s="98" t="s">
        <v>11095</v>
      </c>
      <c r="D4855" s="98" t="s">
        <v>11096</v>
      </c>
      <c r="E4855" s="141" t="s">
        <v>174</v>
      </c>
      <c r="F4855" s="141">
        <v>2412</v>
      </c>
      <c r="G4855" s="98" t="s">
        <v>1</v>
      </c>
      <c r="H4855" s="98">
        <v>0</v>
      </c>
      <c r="I4855" s="98">
        <v>0</v>
      </c>
      <c r="J4855" s="98">
        <v>1</v>
      </c>
      <c r="K4855" s="98" t="s">
        <v>174</v>
      </c>
      <c r="L4855" s="98" t="s">
        <v>174</v>
      </c>
      <c r="M4855" s="98" t="s">
        <v>174</v>
      </c>
      <c r="N4855" s="98" t="s">
        <v>174</v>
      </c>
      <c r="O4855" s="98" t="s">
        <v>174</v>
      </c>
      <c r="P4855" s="98" t="s">
        <v>174</v>
      </c>
      <c r="Q4855" s="98" t="s">
        <v>174</v>
      </c>
      <c r="R4855" s="98" t="s">
        <v>174</v>
      </c>
      <c r="S4855" s="98" t="s">
        <v>174</v>
      </c>
      <c r="T4855" s="98" t="s">
        <v>174</v>
      </c>
      <c r="U4855" s="98" t="s">
        <v>174</v>
      </c>
      <c r="V4855" s="98" t="s">
        <v>174</v>
      </c>
      <c r="W4855" s="98" t="s">
        <v>174</v>
      </c>
      <c r="X4855" s="98" t="s">
        <v>174</v>
      </c>
      <c r="Y4855" s="98" t="s">
        <v>174</v>
      </c>
      <c r="Z4855" s="98" t="s">
        <v>174</v>
      </c>
      <c r="AA4855" s="98" t="s">
        <v>174</v>
      </c>
      <c r="AB4855" s="98" t="s">
        <v>174</v>
      </c>
      <c r="AC4855" s="98" t="s">
        <v>174</v>
      </c>
      <c r="AD4855" s="98" t="s">
        <v>174</v>
      </c>
      <c r="AE4855" s="98" t="s">
        <v>174</v>
      </c>
      <c r="AF4855" s="98" t="s">
        <v>174</v>
      </c>
      <c r="AG4855" s="98" t="s">
        <v>174</v>
      </c>
      <c r="AH4855" s="98" t="s">
        <v>174</v>
      </c>
      <c r="AI4855" s="98" t="s">
        <v>174</v>
      </c>
      <c r="AJ4855" s="98" t="s">
        <v>174</v>
      </c>
      <c r="AK4855" s="98" t="s">
        <v>174</v>
      </c>
      <c r="AL4855" s="98" t="s">
        <v>174</v>
      </c>
      <c r="AM4855" s="98" t="s">
        <v>174</v>
      </c>
      <c r="AN4855" s="98" t="s">
        <v>174</v>
      </c>
      <c r="AO4855" s="98" t="s">
        <v>174</v>
      </c>
      <c r="AP4855" s="98" t="s">
        <v>174</v>
      </c>
      <c r="AQ4855" s="98" t="s">
        <v>174</v>
      </c>
      <c r="AR4855" s="98" t="s">
        <v>174</v>
      </c>
      <c r="AS4855" s="98" t="s">
        <v>174</v>
      </c>
      <c r="AT4855" s="129" t="s">
        <v>174</v>
      </c>
      <c r="AU4855" s="98" t="s">
        <v>174</v>
      </c>
      <c r="AV4855" s="98" t="s">
        <v>174</v>
      </c>
      <c r="AW4855" s="98" t="s">
        <v>174</v>
      </c>
      <c r="AX4855" s="98"/>
      <c r="AY4855" s="98"/>
      <c r="AZ4855" s="98"/>
      <c r="BA4855" s="98"/>
      <c r="BB4855" s="107">
        <v>45884</v>
      </c>
    </row>
    <row r="4856" spans="1:54" s="8" customFormat="1" ht="13.95" customHeight="1" x14ac:dyDescent="0.25">
      <c r="A4856" s="219" t="s">
        <v>11097</v>
      </c>
      <c r="B4856" s="220" t="s">
        <v>10412</v>
      </c>
      <c r="C4856" s="98" t="s">
        <v>11098</v>
      </c>
      <c r="D4856" s="98" t="s">
        <v>11099</v>
      </c>
      <c r="E4856" s="141" t="s">
        <v>174</v>
      </c>
      <c r="F4856" s="141">
        <v>2413</v>
      </c>
      <c r="G4856" s="98" t="s">
        <v>1</v>
      </c>
      <c r="H4856" s="98">
        <v>1</v>
      </c>
      <c r="I4856" s="98">
        <v>1</v>
      </c>
      <c r="J4856" s="98">
        <v>1</v>
      </c>
      <c r="K4856" s="98" t="s">
        <v>174</v>
      </c>
      <c r="L4856" s="98" t="s">
        <v>174</v>
      </c>
      <c r="M4856" s="98" t="s">
        <v>174</v>
      </c>
      <c r="N4856" s="98" t="s">
        <v>174</v>
      </c>
      <c r="O4856" s="98" t="s">
        <v>174</v>
      </c>
      <c r="P4856" s="98" t="s">
        <v>174</v>
      </c>
      <c r="Q4856" s="98" t="s">
        <v>174</v>
      </c>
      <c r="R4856" s="98" t="s">
        <v>174</v>
      </c>
      <c r="S4856" s="98" t="s">
        <v>174</v>
      </c>
      <c r="T4856" s="98" t="s">
        <v>174</v>
      </c>
      <c r="U4856" s="99"/>
      <c r="V4856" s="99"/>
      <c r="W4856" s="99"/>
      <c r="X4856" s="99"/>
      <c r="Y4856" s="99"/>
      <c r="Z4856" s="99"/>
      <c r="AA4856" s="99"/>
      <c r="AB4856" s="99"/>
      <c r="AC4856" s="99"/>
      <c r="AD4856" s="99"/>
      <c r="AE4856" s="99"/>
      <c r="AF4856" s="99"/>
      <c r="AG4856" s="99"/>
      <c r="AH4856" s="99"/>
      <c r="AI4856" s="99"/>
      <c r="AJ4856" s="99"/>
      <c r="AK4856" s="99"/>
      <c r="AL4856" s="99"/>
      <c r="AM4856" s="99"/>
      <c r="AN4856" s="99"/>
      <c r="AO4856" s="99"/>
      <c r="AP4856" s="99"/>
      <c r="AQ4856" s="99"/>
      <c r="AR4856" s="99"/>
      <c r="AS4856" s="99"/>
      <c r="AT4856" s="99"/>
      <c r="AU4856" s="99"/>
      <c r="AV4856" s="99"/>
      <c r="AW4856" s="99"/>
      <c r="AX4856" s="99"/>
      <c r="AY4856" s="99"/>
      <c r="AZ4856" s="99"/>
      <c r="BA4856" s="99"/>
      <c r="BB4856" s="107">
        <v>45884</v>
      </c>
    </row>
    <row r="4857" spans="1:54" s="8" customFormat="1" ht="13.95" customHeight="1" x14ac:dyDescent="0.25">
      <c r="A4857" s="219" t="s">
        <v>11100</v>
      </c>
      <c r="B4857" s="220" t="s">
        <v>10412</v>
      </c>
      <c r="C4857" s="98" t="s">
        <v>11101</v>
      </c>
      <c r="D4857" s="98" t="s">
        <v>11102</v>
      </c>
      <c r="E4857" s="141" t="s">
        <v>174</v>
      </c>
      <c r="F4857" s="141">
        <v>2416</v>
      </c>
      <c r="G4857" s="98" t="s">
        <v>1</v>
      </c>
      <c r="H4857" s="98">
        <v>1</v>
      </c>
      <c r="I4857" s="98">
        <v>0</v>
      </c>
      <c r="J4857" s="98">
        <v>1</v>
      </c>
      <c r="K4857" s="98" t="s">
        <v>174</v>
      </c>
      <c r="L4857" s="98" t="s">
        <v>174</v>
      </c>
      <c r="M4857" s="98" t="s">
        <v>174</v>
      </c>
      <c r="N4857" s="98" t="s">
        <v>174</v>
      </c>
      <c r="O4857" s="98" t="s">
        <v>174</v>
      </c>
      <c r="P4857" s="98" t="s">
        <v>174</v>
      </c>
      <c r="Q4857" s="98" t="s">
        <v>174</v>
      </c>
      <c r="R4857" s="98" t="s">
        <v>174</v>
      </c>
      <c r="S4857" s="98" t="s">
        <v>174</v>
      </c>
      <c r="T4857" s="98" t="s">
        <v>174</v>
      </c>
      <c r="U4857" s="99"/>
      <c r="V4857" s="99"/>
      <c r="W4857" s="99"/>
      <c r="X4857" s="99"/>
      <c r="Y4857" s="99"/>
      <c r="Z4857" s="99"/>
      <c r="AA4857" s="99"/>
      <c r="AB4857" s="99"/>
      <c r="AC4857" s="99"/>
      <c r="AD4857" s="99"/>
      <c r="AE4857" s="99"/>
      <c r="AF4857" s="99"/>
      <c r="AG4857" s="99"/>
      <c r="AH4857" s="99"/>
      <c r="AI4857" s="99"/>
      <c r="AJ4857" s="99"/>
      <c r="AK4857" s="99"/>
      <c r="AL4857" s="99"/>
      <c r="AM4857" s="99"/>
      <c r="AN4857" s="99"/>
      <c r="AO4857" s="99"/>
      <c r="AP4857" s="99"/>
      <c r="AQ4857" s="99"/>
      <c r="AR4857" s="99"/>
      <c r="AS4857" s="99"/>
      <c r="AT4857" s="99"/>
      <c r="AU4857" s="99"/>
      <c r="AV4857" s="99"/>
      <c r="AW4857" s="99"/>
      <c r="AX4857" s="99"/>
      <c r="AY4857" s="99"/>
      <c r="AZ4857" s="99"/>
      <c r="BA4857" s="99"/>
      <c r="BB4857" s="107">
        <v>45884</v>
      </c>
    </row>
    <row r="4858" spans="1:54" s="8" customFormat="1" ht="13.95" customHeight="1" x14ac:dyDescent="0.25">
      <c r="A4858" s="219" t="s">
        <v>11103</v>
      </c>
      <c r="B4858" s="220" t="s">
        <v>10412</v>
      </c>
      <c r="C4858" s="98" t="s">
        <v>11104</v>
      </c>
      <c r="D4858" s="98" t="s">
        <v>11105</v>
      </c>
      <c r="E4858" s="141" t="s">
        <v>174</v>
      </c>
      <c r="F4858" s="141">
        <v>2454</v>
      </c>
      <c r="G4858" s="98" t="s">
        <v>1</v>
      </c>
      <c r="H4858" s="98">
        <v>0</v>
      </c>
      <c r="I4858" s="98">
        <v>0</v>
      </c>
      <c r="J4858" s="98">
        <v>1</v>
      </c>
      <c r="K4858" s="98" t="s">
        <v>174</v>
      </c>
      <c r="L4858" s="98" t="s">
        <v>174</v>
      </c>
      <c r="M4858" s="98" t="s">
        <v>174</v>
      </c>
      <c r="N4858" s="98" t="s">
        <v>174</v>
      </c>
      <c r="O4858" s="98" t="s">
        <v>174</v>
      </c>
      <c r="P4858" s="98" t="s">
        <v>174</v>
      </c>
      <c r="Q4858" s="98" t="s">
        <v>174</v>
      </c>
      <c r="R4858" s="98" t="s">
        <v>174</v>
      </c>
      <c r="S4858" s="98" t="s">
        <v>174</v>
      </c>
      <c r="T4858" s="98" t="s">
        <v>174</v>
      </c>
      <c r="U4858" s="99"/>
      <c r="V4858" s="99"/>
      <c r="W4858" s="99"/>
      <c r="X4858" s="99"/>
      <c r="Y4858" s="99"/>
      <c r="Z4858" s="99"/>
      <c r="AA4858" s="99"/>
      <c r="AB4858" s="99"/>
      <c r="AC4858" s="99"/>
      <c r="AD4858" s="99"/>
      <c r="AE4858" s="99"/>
      <c r="AF4858" s="99"/>
      <c r="AG4858" s="99"/>
      <c r="AH4858" s="99"/>
      <c r="AI4858" s="99"/>
      <c r="AJ4858" s="99"/>
      <c r="AK4858" s="99"/>
      <c r="AL4858" s="99"/>
      <c r="AM4858" s="99"/>
      <c r="AN4858" s="99"/>
      <c r="AO4858" s="99"/>
      <c r="AP4858" s="99"/>
      <c r="AQ4858" s="99"/>
      <c r="AR4858" s="99"/>
      <c r="AS4858" s="99"/>
      <c r="AT4858" s="99"/>
      <c r="AU4858" s="99"/>
      <c r="AV4858" s="99"/>
      <c r="AW4858" s="99"/>
      <c r="AX4858" s="99"/>
      <c r="AY4858" s="99"/>
      <c r="AZ4858" s="99"/>
      <c r="BA4858" s="99"/>
      <c r="BB4858" s="107">
        <v>45884</v>
      </c>
    </row>
    <row r="4859" spans="1:54" s="8" customFormat="1" ht="13.95" customHeight="1" x14ac:dyDescent="0.25">
      <c r="A4859" s="219" t="s">
        <v>11106</v>
      </c>
      <c r="B4859" s="220" t="s">
        <v>10412</v>
      </c>
      <c r="C4859" s="98" t="s">
        <v>11107</v>
      </c>
      <c r="D4859" s="98" t="s">
        <v>11108</v>
      </c>
      <c r="E4859" s="141" t="s">
        <v>174</v>
      </c>
      <c r="F4859" s="141">
        <v>2472</v>
      </c>
      <c r="G4859" s="98" t="s">
        <v>1</v>
      </c>
      <c r="H4859" s="98">
        <v>0</v>
      </c>
      <c r="I4859" s="98">
        <v>0</v>
      </c>
      <c r="J4859" s="98">
        <v>1</v>
      </c>
      <c r="K4859" s="98" t="s">
        <v>174</v>
      </c>
      <c r="L4859" s="98" t="s">
        <v>174</v>
      </c>
      <c r="M4859" s="98" t="s">
        <v>174</v>
      </c>
      <c r="N4859" s="98" t="s">
        <v>174</v>
      </c>
      <c r="O4859" s="98" t="s">
        <v>174</v>
      </c>
      <c r="P4859" s="98" t="s">
        <v>174</v>
      </c>
      <c r="Q4859" s="98" t="s">
        <v>174</v>
      </c>
      <c r="R4859" s="98" t="s">
        <v>174</v>
      </c>
      <c r="S4859" s="98" t="s">
        <v>174</v>
      </c>
      <c r="T4859" s="98" t="s">
        <v>174</v>
      </c>
      <c r="U4859" s="99"/>
      <c r="V4859" s="99"/>
      <c r="W4859" s="99"/>
      <c r="X4859" s="99"/>
      <c r="Y4859" s="99"/>
      <c r="Z4859" s="99"/>
      <c r="AA4859" s="99"/>
      <c r="AB4859" s="99"/>
      <c r="AC4859" s="99"/>
      <c r="AD4859" s="99"/>
      <c r="AE4859" s="99"/>
      <c r="AF4859" s="99"/>
      <c r="AG4859" s="99"/>
      <c r="AH4859" s="99"/>
      <c r="AI4859" s="99"/>
      <c r="AJ4859" s="99"/>
      <c r="AK4859" s="99"/>
      <c r="AL4859" s="99"/>
      <c r="AM4859" s="99"/>
      <c r="AN4859" s="99"/>
      <c r="AO4859" s="99"/>
      <c r="AP4859" s="99"/>
      <c r="AQ4859" s="99"/>
      <c r="AR4859" s="99"/>
      <c r="AS4859" s="99"/>
      <c r="AT4859" s="99"/>
      <c r="AU4859" s="99"/>
      <c r="AV4859" s="99"/>
      <c r="AW4859" s="99"/>
      <c r="AX4859" s="99"/>
      <c r="AY4859" s="99"/>
      <c r="AZ4859" s="99"/>
      <c r="BA4859" s="99"/>
      <c r="BB4859" s="107">
        <v>45884</v>
      </c>
    </row>
    <row r="4860" spans="1:54" s="8" customFormat="1" ht="13.95" customHeight="1" x14ac:dyDescent="0.25">
      <c r="A4860" s="219" t="s">
        <v>11109</v>
      </c>
      <c r="B4860" s="220" t="s">
        <v>10412</v>
      </c>
      <c r="C4860" s="98" t="s">
        <v>11110</v>
      </c>
      <c r="D4860" s="98" t="s">
        <v>11111</v>
      </c>
      <c r="E4860" s="141" t="s">
        <v>174</v>
      </c>
      <c r="F4860" s="141">
        <v>2484</v>
      </c>
      <c r="G4860" s="98" t="s">
        <v>1</v>
      </c>
      <c r="H4860" s="98">
        <v>0</v>
      </c>
      <c r="I4860" s="98">
        <v>0</v>
      </c>
      <c r="J4860" s="98">
        <v>1</v>
      </c>
      <c r="K4860" s="98" t="s">
        <v>174</v>
      </c>
      <c r="L4860" s="98" t="s">
        <v>174</v>
      </c>
      <c r="M4860" s="98" t="s">
        <v>174</v>
      </c>
      <c r="N4860" s="98" t="s">
        <v>174</v>
      </c>
      <c r="O4860" s="98" t="s">
        <v>174</v>
      </c>
      <c r="P4860" s="98" t="s">
        <v>174</v>
      </c>
      <c r="Q4860" s="98" t="s">
        <v>174</v>
      </c>
      <c r="R4860" s="98" t="s">
        <v>174</v>
      </c>
      <c r="S4860" s="98" t="s">
        <v>174</v>
      </c>
      <c r="T4860" s="98" t="s">
        <v>174</v>
      </c>
      <c r="U4860" s="99"/>
      <c r="V4860" s="99"/>
      <c r="W4860" s="99"/>
      <c r="X4860" s="99"/>
      <c r="Y4860" s="99"/>
      <c r="Z4860" s="99"/>
      <c r="AA4860" s="99"/>
      <c r="AB4860" s="99"/>
      <c r="AC4860" s="99"/>
      <c r="AD4860" s="99"/>
      <c r="AE4860" s="99"/>
      <c r="AF4860" s="99"/>
      <c r="AG4860" s="99"/>
      <c r="AH4860" s="99"/>
      <c r="AI4860" s="99"/>
      <c r="AJ4860" s="99"/>
      <c r="AK4860" s="99"/>
      <c r="AL4860" s="99"/>
      <c r="AM4860" s="99"/>
      <c r="AN4860" s="99"/>
      <c r="AO4860" s="99"/>
      <c r="AP4860" s="99"/>
      <c r="AQ4860" s="99"/>
      <c r="AR4860" s="99"/>
      <c r="AS4860" s="99"/>
      <c r="AT4860" s="99"/>
      <c r="AU4860" s="99"/>
      <c r="AV4860" s="99"/>
      <c r="AW4860" s="99"/>
      <c r="AX4860" s="99"/>
      <c r="AY4860" s="99"/>
      <c r="AZ4860" s="99"/>
      <c r="BA4860" s="99"/>
      <c r="BB4860" s="107">
        <v>45884</v>
      </c>
    </row>
    <row r="4861" spans="1:54" s="8" customFormat="1" ht="13.95" customHeight="1" x14ac:dyDescent="0.25">
      <c r="A4861" s="219" t="s">
        <v>11112</v>
      </c>
      <c r="B4861" s="220" t="s">
        <v>10412</v>
      </c>
      <c r="C4861" s="98" t="s">
        <v>11113</v>
      </c>
      <c r="D4861" s="98" t="s">
        <v>11114</v>
      </c>
      <c r="E4861" s="141" t="s">
        <v>174</v>
      </c>
      <c r="F4861" s="141">
        <v>2498</v>
      </c>
      <c r="G4861" s="98" t="s">
        <v>1</v>
      </c>
      <c r="H4861" s="98">
        <v>0</v>
      </c>
      <c r="I4861" s="98">
        <v>0</v>
      </c>
      <c r="J4861" s="98">
        <v>1</v>
      </c>
      <c r="K4861" s="98" t="s">
        <v>174</v>
      </c>
      <c r="L4861" s="98" t="s">
        <v>174</v>
      </c>
      <c r="M4861" s="98" t="s">
        <v>174</v>
      </c>
      <c r="N4861" s="98" t="s">
        <v>174</v>
      </c>
      <c r="O4861" s="98" t="s">
        <v>174</v>
      </c>
      <c r="P4861" s="98" t="s">
        <v>174</v>
      </c>
      <c r="Q4861" s="98" t="s">
        <v>174</v>
      </c>
      <c r="R4861" s="98" t="s">
        <v>174</v>
      </c>
      <c r="S4861" s="98" t="s">
        <v>174</v>
      </c>
      <c r="T4861" s="98" t="s">
        <v>174</v>
      </c>
      <c r="U4861" s="99"/>
      <c r="V4861" s="99"/>
      <c r="W4861" s="99"/>
      <c r="X4861" s="99"/>
      <c r="Y4861" s="99"/>
      <c r="Z4861" s="99"/>
      <c r="AA4861" s="99"/>
      <c r="AB4861" s="99"/>
      <c r="AC4861" s="99"/>
      <c r="AD4861" s="99"/>
      <c r="AE4861" s="99"/>
      <c r="AF4861" s="99"/>
      <c r="AG4861" s="99"/>
      <c r="AH4861" s="99"/>
      <c r="AI4861" s="99"/>
      <c r="AJ4861" s="99"/>
      <c r="AK4861" s="99"/>
      <c r="AL4861" s="99"/>
      <c r="AM4861" s="99"/>
      <c r="AN4861" s="99"/>
      <c r="AO4861" s="99"/>
      <c r="AP4861" s="99"/>
      <c r="AQ4861" s="99"/>
      <c r="AR4861" s="99"/>
      <c r="AS4861" s="99"/>
      <c r="AT4861" s="99"/>
      <c r="AU4861" s="99"/>
      <c r="AV4861" s="99"/>
      <c r="AW4861" s="99"/>
      <c r="AX4861" s="99"/>
      <c r="AY4861" s="99"/>
      <c r="AZ4861" s="99"/>
      <c r="BA4861" s="99"/>
      <c r="BB4861" s="107">
        <v>45884</v>
      </c>
    </row>
    <row r="4862" spans="1:54" s="8" customFormat="1" ht="13.95" customHeight="1" x14ac:dyDescent="0.25">
      <c r="A4862" s="219" t="s">
        <v>11115</v>
      </c>
      <c r="B4862" s="220" t="s">
        <v>10412</v>
      </c>
      <c r="C4862" s="98" t="s">
        <v>11116</v>
      </c>
      <c r="D4862" s="98" t="s">
        <v>11117</v>
      </c>
      <c r="E4862" s="141" t="s">
        <v>174</v>
      </c>
      <c r="F4862" s="141">
        <v>2524</v>
      </c>
      <c r="G4862" s="98" t="s">
        <v>1</v>
      </c>
      <c r="H4862" s="98">
        <v>0</v>
      </c>
      <c r="I4862" s="98">
        <v>0</v>
      </c>
      <c r="J4862" s="98">
        <v>1</v>
      </c>
      <c r="K4862" s="98" t="s">
        <v>174</v>
      </c>
      <c r="L4862" s="98" t="s">
        <v>174</v>
      </c>
      <c r="M4862" s="98" t="s">
        <v>174</v>
      </c>
      <c r="N4862" s="98" t="s">
        <v>174</v>
      </c>
      <c r="O4862" s="98" t="s">
        <v>174</v>
      </c>
      <c r="P4862" s="98" t="s">
        <v>174</v>
      </c>
      <c r="Q4862" s="98" t="s">
        <v>174</v>
      </c>
      <c r="R4862" s="98" t="s">
        <v>174</v>
      </c>
      <c r="S4862" s="98" t="s">
        <v>174</v>
      </c>
      <c r="T4862" s="98" t="s">
        <v>174</v>
      </c>
      <c r="U4862" s="99"/>
      <c r="V4862" s="99"/>
      <c r="W4862" s="99"/>
      <c r="X4862" s="99"/>
      <c r="Y4862" s="99"/>
      <c r="Z4862" s="99"/>
      <c r="AA4862" s="99"/>
      <c r="AB4862" s="99"/>
      <c r="AC4862" s="99"/>
      <c r="AD4862" s="99"/>
      <c r="AE4862" s="99"/>
      <c r="AF4862" s="99"/>
      <c r="AG4862" s="99"/>
      <c r="AH4862" s="99"/>
      <c r="AI4862" s="99"/>
      <c r="AJ4862" s="99"/>
      <c r="AK4862" s="99"/>
      <c r="AL4862" s="99"/>
      <c r="AM4862" s="99"/>
      <c r="AN4862" s="99"/>
      <c r="AO4862" s="99"/>
      <c r="AP4862" s="99"/>
      <c r="AQ4862" s="99"/>
      <c r="AR4862" s="99"/>
      <c r="AS4862" s="99"/>
      <c r="AT4862" s="99"/>
      <c r="AU4862" s="99"/>
      <c r="AV4862" s="99"/>
      <c r="AW4862" s="99"/>
      <c r="AX4862" s="99"/>
      <c r="AY4862" s="99"/>
      <c r="AZ4862" s="99"/>
      <c r="BA4862" s="99"/>
      <c r="BB4862" s="107">
        <v>45884</v>
      </c>
    </row>
    <row r="4863" spans="1:54" s="8" customFormat="1" ht="13.95" customHeight="1" x14ac:dyDescent="0.25">
      <c r="A4863" s="219" t="s">
        <v>11118</v>
      </c>
      <c r="B4863" s="220" t="s">
        <v>10412</v>
      </c>
      <c r="C4863" s="98" t="s">
        <v>11119</v>
      </c>
      <c r="D4863" s="98" t="s">
        <v>11120</v>
      </c>
      <c r="E4863" s="141" t="s">
        <v>174</v>
      </c>
      <c r="F4863" s="141">
        <v>2525</v>
      </c>
      <c r="G4863" s="98" t="s">
        <v>1</v>
      </c>
      <c r="H4863" s="98">
        <v>0</v>
      </c>
      <c r="I4863" s="98">
        <v>0</v>
      </c>
      <c r="J4863" s="98">
        <v>1</v>
      </c>
      <c r="K4863" s="98" t="s">
        <v>174</v>
      </c>
      <c r="L4863" s="98" t="s">
        <v>174</v>
      </c>
      <c r="M4863" s="98" t="s">
        <v>174</v>
      </c>
      <c r="N4863" s="98" t="s">
        <v>174</v>
      </c>
      <c r="O4863" s="98" t="s">
        <v>174</v>
      </c>
      <c r="P4863" s="98" t="s">
        <v>174</v>
      </c>
      <c r="Q4863" s="98" t="s">
        <v>174</v>
      </c>
      <c r="R4863" s="98" t="s">
        <v>174</v>
      </c>
      <c r="S4863" s="98" t="s">
        <v>174</v>
      </c>
      <c r="T4863" s="98" t="s">
        <v>174</v>
      </c>
      <c r="U4863" s="99"/>
      <c r="V4863" s="99"/>
      <c r="W4863" s="99"/>
      <c r="X4863" s="99"/>
      <c r="Y4863" s="99"/>
      <c r="Z4863" s="99"/>
      <c r="AA4863" s="99"/>
      <c r="AB4863" s="99"/>
      <c r="AC4863" s="99"/>
      <c r="AD4863" s="99"/>
      <c r="AE4863" s="99"/>
      <c r="AF4863" s="99"/>
      <c r="AG4863" s="99"/>
      <c r="AH4863" s="99"/>
      <c r="AI4863" s="99"/>
      <c r="AJ4863" s="99"/>
      <c r="AK4863" s="99"/>
      <c r="AL4863" s="99"/>
      <c r="AM4863" s="99"/>
      <c r="AN4863" s="99"/>
      <c r="AO4863" s="99"/>
      <c r="AP4863" s="99"/>
      <c r="AQ4863" s="99"/>
      <c r="AR4863" s="99"/>
      <c r="AS4863" s="99"/>
      <c r="AT4863" s="99"/>
      <c r="AU4863" s="99"/>
      <c r="AV4863" s="99"/>
      <c r="AW4863" s="99"/>
      <c r="AX4863" s="99"/>
      <c r="AY4863" s="99"/>
      <c r="AZ4863" s="99"/>
      <c r="BA4863" s="99"/>
      <c r="BB4863" s="107">
        <v>45884</v>
      </c>
    </row>
    <row r="4864" spans="1:54" s="8" customFormat="1" ht="13.95" customHeight="1" x14ac:dyDescent="0.25">
      <c r="A4864" s="219" t="s">
        <v>11121</v>
      </c>
      <c r="B4864" s="220" t="s">
        <v>10412</v>
      </c>
      <c r="C4864" s="98" t="s">
        <v>11122</v>
      </c>
      <c r="D4864" s="98" t="s">
        <v>11123</v>
      </c>
      <c r="E4864" s="141" t="s">
        <v>174</v>
      </c>
      <c r="F4864" s="141">
        <v>2533</v>
      </c>
      <c r="G4864" s="98" t="s">
        <v>1</v>
      </c>
      <c r="H4864" s="98">
        <v>0</v>
      </c>
      <c r="I4864" s="98">
        <v>0</v>
      </c>
      <c r="J4864" s="98">
        <v>1</v>
      </c>
      <c r="K4864" s="98" t="s">
        <v>174</v>
      </c>
      <c r="L4864" s="98" t="s">
        <v>174</v>
      </c>
      <c r="M4864" s="98" t="s">
        <v>174</v>
      </c>
      <c r="N4864" s="98" t="s">
        <v>174</v>
      </c>
      <c r="O4864" s="98" t="s">
        <v>174</v>
      </c>
      <c r="P4864" s="98" t="s">
        <v>174</v>
      </c>
      <c r="Q4864" s="98" t="s">
        <v>174</v>
      </c>
      <c r="R4864" s="98" t="s">
        <v>174</v>
      </c>
      <c r="S4864" s="98" t="s">
        <v>174</v>
      </c>
      <c r="T4864" s="98" t="s">
        <v>174</v>
      </c>
      <c r="U4864" s="98" t="s">
        <v>174</v>
      </c>
      <c r="V4864" s="98" t="s">
        <v>174</v>
      </c>
      <c r="W4864" s="98" t="s">
        <v>174</v>
      </c>
      <c r="X4864" s="98" t="s">
        <v>174</v>
      </c>
      <c r="Y4864" s="98" t="s">
        <v>174</v>
      </c>
      <c r="Z4864" s="98" t="s">
        <v>174</v>
      </c>
      <c r="AA4864" s="98" t="s">
        <v>174</v>
      </c>
      <c r="AB4864" s="98" t="s">
        <v>174</v>
      </c>
      <c r="AC4864" s="98" t="s">
        <v>174</v>
      </c>
      <c r="AD4864" s="98" t="s">
        <v>174</v>
      </c>
      <c r="AE4864" s="98" t="s">
        <v>174</v>
      </c>
      <c r="AF4864" s="98" t="s">
        <v>174</v>
      </c>
      <c r="AG4864" s="98" t="s">
        <v>174</v>
      </c>
      <c r="AH4864" s="98" t="s">
        <v>174</v>
      </c>
      <c r="AI4864" s="98" t="s">
        <v>174</v>
      </c>
      <c r="AJ4864" s="98" t="s">
        <v>174</v>
      </c>
      <c r="AK4864" s="98" t="s">
        <v>174</v>
      </c>
      <c r="AL4864" s="98" t="s">
        <v>174</v>
      </c>
      <c r="AM4864" s="98" t="s">
        <v>174</v>
      </c>
      <c r="AN4864" s="98" t="s">
        <v>174</v>
      </c>
      <c r="AO4864" s="98" t="s">
        <v>174</v>
      </c>
      <c r="AP4864" s="98" t="s">
        <v>174</v>
      </c>
      <c r="AQ4864" s="98" t="s">
        <v>174</v>
      </c>
      <c r="AR4864" s="98" t="s">
        <v>174</v>
      </c>
      <c r="AS4864" s="98" t="s">
        <v>174</v>
      </c>
      <c r="AT4864" s="129" t="s">
        <v>174</v>
      </c>
      <c r="AU4864" s="98" t="s">
        <v>174</v>
      </c>
      <c r="AV4864" s="98" t="s">
        <v>174</v>
      </c>
      <c r="AW4864" s="98" t="s">
        <v>174</v>
      </c>
      <c r="AX4864" s="98"/>
      <c r="AY4864" s="98"/>
      <c r="AZ4864" s="98"/>
      <c r="BA4864" s="98"/>
      <c r="BB4864" s="107">
        <v>45884</v>
      </c>
    </row>
    <row r="4865" spans="1:54" s="8" customFormat="1" ht="13.95" customHeight="1" x14ac:dyDescent="0.25">
      <c r="A4865" s="219" t="s">
        <v>11124</v>
      </c>
      <c r="B4865" s="220" t="s">
        <v>10412</v>
      </c>
      <c r="C4865" s="98" t="s">
        <v>11125</v>
      </c>
      <c r="D4865" s="98" t="s">
        <v>11126</v>
      </c>
      <c r="E4865" s="141" t="s">
        <v>174</v>
      </c>
      <c r="F4865" s="141">
        <v>2600</v>
      </c>
      <c r="G4865" s="98" t="s">
        <v>1</v>
      </c>
      <c r="H4865" s="98">
        <v>0</v>
      </c>
      <c r="I4865" s="98">
        <v>0</v>
      </c>
      <c r="J4865" s="98">
        <v>0</v>
      </c>
      <c r="K4865" s="98" t="s">
        <v>174</v>
      </c>
      <c r="L4865" s="98" t="s">
        <v>174</v>
      </c>
      <c r="M4865" s="98" t="s">
        <v>174</v>
      </c>
      <c r="N4865" s="98" t="s">
        <v>174</v>
      </c>
      <c r="O4865" s="98" t="s">
        <v>174</v>
      </c>
      <c r="P4865" s="98" t="s">
        <v>174</v>
      </c>
      <c r="Q4865" s="98" t="s">
        <v>174</v>
      </c>
      <c r="R4865" s="98" t="s">
        <v>174</v>
      </c>
      <c r="S4865" s="98" t="s">
        <v>174</v>
      </c>
      <c r="T4865" s="98" t="s">
        <v>174</v>
      </c>
      <c r="U4865" s="98" t="s">
        <v>174</v>
      </c>
      <c r="V4865" s="98" t="s">
        <v>174</v>
      </c>
      <c r="W4865" s="98" t="s">
        <v>174</v>
      </c>
      <c r="X4865" s="98" t="s">
        <v>174</v>
      </c>
      <c r="Y4865" s="98" t="s">
        <v>174</v>
      </c>
      <c r="Z4865" s="98" t="s">
        <v>174</v>
      </c>
      <c r="AA4865" s="98" t="s">
        <v>174</v>
      </c>
      <c r="AB4865" s="98" t="s">
        <v>174</v>
      </c>
      <c r="AC4865" s="98" t="s">
        <v>174</v>
      </c>
      <c r="AD4865" s="98" t="s">
        <v>174</v>
      </c>
      <c r="AE4865" s="98" t="s">
        <v>174</v>
      </c>
      <c r="AF4865" s="98" t="s">
        <v>174</v>
      </c>
      <c r="AG4865" s="98" t="s">
        <v>174</v>
      </c>
      <c r="AH4865" s="98" t="s">
        <v>174</v>
      </c>
      <c r="AI4865" s="98" t="s">
        <v>174</v>
      </c>
      <c r="AJ4865" s="98" t="s">
        <v>174</v>
      </c>
      <c r="AK4865" s="98" t="s">
        <v>174</v>
      </c>
      <c r="AL4865" s="98" t="s">
        <v>174</v>
      </c>
      <c r="AM4865" s="98" t="s">
        <v>174</v>
      </c>
      <c r="AN4865" s="98" t="s">
        <v>174</v>
      </c>
      <c r="AO4865" s="98" t="s">
        <v>174</v>
      </c>
      <c r="AP4865" s="98" t="s">
        <v>174</v>
      </c>
      <c r="AQ4865" s="98" t="s">
        <v>174</v>
      </c>
      <c r="AR4865" s="98" t="s">
        <v>174</v>
      </c>
      <c r="AS4865" s="98" t="s">
        <v>174</v>
      </c>
      <c r="AT4865" s="129" t="s">
        <v>174</v>
      </c>
      <c r="AU4865" s="98" t="s">
        <v>174</v>
      </c>
      <c r="AV4865" s="98" t="s">
        <v>174</v>
      </c>
      <c r="AW4865" s="98" t="s">
        <v>174</v>
      </c>
      <c r="AX4865" s="98"/>
      <c r="AY4865" s="98"/>
      <c r="AZ4865" s="98"/>
      <c r="BA4865" s="98"/>
      <c r="BB4865" s="107">
        <v>45884</v>
      </c>
    </row>
    <row r="4866" spans="1:54" s="8" customFormat="1" ht="13.95" customHeight="1" x14ac:dyDescent="0.25">
      <c r="A4866" s="219" t="s">
        <v>11127</v>
      </c>
      <c r="B4866" s="220" t="s">
        <v>10412</v>
      </c>
      <c r="C4866" s="98" t="s">
        <v>11128</v>
      </c>
      <c r="D4866" s="98" t="s">
        <v>11129</v>
      </c>
      <c r="E4866" s="141" t="s">
        <v>174</v>
      </c>
      <c r="F4866" s="141">
        <v>2765</v>
      </c>
      <c r="G4866" s="98" t="s">
        <v>1</v>
      </c>
      <c r="H4866" s="98">
        <v>1</v>
      </c>
      <c r="I4866" s="98">
        <v>0</v>
      </c>
      <c r="J4866" s="98">
        <v>1</v>
      </c>
      <c r="K4866" s="98" t="s">
        <v>174</v>
      </c>
      <c r="L4866" s="98" t="s">
        <v>174</v>
      </c>
      <c r="M4866" s="98" t="s">
        <v>174</v>
      </c>
      <c r="N4866" s="98" t="s">
        <v>174</v>
      </c>
      <c r="O4866" s="98" t="s">
        <v>174</v>
      </c>
      <c r="P4866" s="98" t="s">
        <v>174</v>
      </c>
      <c r="Q4866" s="98" t="s">
        <v>174</v>
      </c>
      <c r="R4866" s="98" t="s">
        <v>174</v>
      </c>
      <c r="S4866" s="98" t="s">
        <v>174</v>
      </c>
      <c r="T4866" s="98" t="s">
        <v>174</v>
      </c>
      <c r="U4866" s="99"/>
      <c r="V4866" s="99"/>
      <c r="W4866" s="99"/>
      <c r="X4866" s="99"/>
      <c r="Y4866" s="99"/>
      <c r="Z4866" s="99"/>
      <c r="AA4866" s="99"/>
      <c r="AB4866" s="99"/>
      <c r="AC4866" s="99"/>
      <c r="AD4866" s="99"/>
      <c r="AE4866" s="99"/>
      <c r="AF4866" s="99"/>
      <c r="AG4866" s="99"/>
      <c r="AH4866" s="99"/>
      <c r="AI4866" s="99"/>
      <c r="AJ4866" s="99"/>
      <c r="AK4866" s="99"/>
      <c r="AL4866" s="99"/>
      <c r="AM4866" s="99"/>
      <c r="AN4866" s="99"/>
      <c r="AO4866" s="99"/>
      <c r="AP4866" s="99"/>
      <c r="AQ4866" s="99"/>
      <c r="AR4866" s="99"/>
      <c r="AS4866" s="99"/>
      <c r="AT4866" s="99"/>
      <c r="AU4866" s="99"/>
      <c r="AV4866" s="99"/>
      <c r="AW4866" s="99"/>
      <c r="AX4866" s="99"/>
      <c r="AY4866" s="99"/>
      <c r="AZ4866" s="99"/>
      <c r="BA4866" s="99"/>
      <c r="BB4866" s="107">
        <v>45884</v>
      </c>
    </row>
    <row r="4867" spans="1:54" s="8" customFormat="1" ht="13.5" customHeight="1" x14ac:dyDescent="0.25">
      <c r="A4867" s="219" t="s">
        <v>11130</v>
      </c>
      <c r="B4867" s="220" t="s">
        <v>10412</v>
      </c>
      <c r="C4867" s="98" t="s">
        <v>11131</v>
      </c>
      <c r="D4867" s="98" t="s">
        <v>11132</v>
      </c>
      <c r="E4867" s="141" t="s">
        <v>174</v>
      </c>
      <c r="F4867" s="141">
        <v>2948</v>
      </c>
      <c r="G4867" s="98" t="s">
        <v>1</v>
      </c>
      <c r="H4867" s="98">
        <v>1</v>
      </c>
      <c r="I4867" s="98">
        <v>0</v>
      </c>
      <c r="J4867" s="98">
        <v>1</v>
      </c>
      <c r="K4867" s="98" t="s">
        <v>174</v>
      </c>
      <c r="L4867" s="98" t="s">
        <v>174</v>
      </c>
      <c r="M4867" s="98" t="s">
        <v>174</v>
      </c>
      <c r="N4867" s="98" t="s">
        <v>174</v>
      </c>
      <c r="O4867" s="98" t="s">
        <v>174</v>
      </c>
      <c r="P4867" s="98" t="s">
        <v>174</v>
      </c>
      <c r="Q4867" s="98" t="s">
        <v>174</v>
      </c>
      <c r="R4867" s="98" t="s">
        <v>174</v>
      </c>
      <c r="S4867" s="98" t="s">
        <v>174</v>
      </c>
      <c r="T4867" s="98" t="s">
        <v>174</v>
      </c>
      <c r="U4867" s="99"/>
      <c r="V4867" s="99"/>
      <c r="W4867" s="99"/>
      <c r="X4867" s="99"/>
      <c r="Y4867" s="99"/>
      <c r="Z4867" s="99"/>
      <c r="AA4867" s="99"/>
      <c r="AB4867" s="99"/>
      <c r="AC4867" s="99"/>
      <c r="AD4867" s="99"/>
      <c r="AE4867" s="99"/>
      <c r="AF4867" s="99"/>
      <c r="AG4867" s="99"/>
      <c r="AH4867" s="99"/>
      <c r="AI4867" s="99"/>
      <c r="AJ4867" s="99"/>
      <c r="AK4867" s="99"/>
      <c r="AL4867" s="99"/>
      <c r="AM4867" s="99"/>
      <c r="AN4867" s="99"/>
      <c r="AO4867" s="99"/>
      <c r="AP4867" s="99"/>
      <c r="AQ4867" s="99"/>
      <c r="AR4867" s="99"/>
      <c r="AS4867" s="99"/>
      <c r="AT4867" s="99"/>
      <c r="AU4867" s="99"/>
      <c r="AV4867" s="99"/>
      <c r="AW4867" s="99"/>
      <c r="AX4867" s="99"/>
      <c r="AY4867" s="99"/>
      <c r="AZ4867" s="99"/>
      <c r="BA4867" s="99"/>
      <c r="BB4867" s="107">
        <v>45884</v>
      </c>
    </row>
    <row r="4868" spans="1:54" s="8" customFormat="1" ht="13.95" customHeight="1" x14ac:dyDescent="0.25">
      <c r="A4868" s="219" t="s">
        <v>11133</v>
      </c>
      <c r="B4868" s="220" t="s">
        <v>10412</v>
      </c>
      <c r="C4868" s="98" t="s">
        <v>11134</v>
      </c>
      <c r="D4868" s="98" t="s">
        <v>11135</v>
      </c>
      <c r="E4868" s="141" t="s">
        <v>174</v>
      </c>
      <c r="F4868" s="141">
        <v>2970</v>
      </c>
      <c r="G4868" s="98" t="s">
        <v>1</v>
      </c>
      <c r="H4868" s="98">
        <v>0</v>
      </c>
      <c r="I4868" s="98">
        <v>0</v>
      </c>
      <c r="J4868" s="98">
        <v>1</v>
      </c>
      <c r="K4868" s="98" t="s">
        <v>174</v>
      </c>
      <c r="L4868" s="98" t="s">
        <v>174</v>
      </c>
      <c r="M4868" s="98" t="s">
        <v>174</v>
      </c>
      <c r="N4868" s="98" t="s">
        <v>174</v>
      </c>
      <c r="O4868" s="98" t="s">
        <v>174</v>
      </c>
      <c r="P4868" s="98" t="s">
        <v>174</v>
      </c>
      <c r="Q4868" s="98" t="s">
        <v>174</v>
      </c>
      <c r="R4868" s="98" t="s">
        <v>174</v>
      </c>
      <c r="S4868" s="98" t="s">
        <v>174</v>
      </c>
      <c r="T4868" s="98" t="s">
        <v>174</v>
      </c>
      <c r="U4868" s="99"/>
      <c r="V4868" s="99"/>
      <c r="W4868" s="99"/>
      <c r="X4868" s="99"/>
      <c r="Y4868" s="99"/>
      <c r="Z4868" s="99"/>
      <c r="AA4868" s="99"/>
      <c r="AB4868" s="99"/>
      <c r="AC4868" s="99"/>
      <c r="AD4868" s="99"/>
      <c r="AE4868" s="99"/>
      <c r="AF4868" s="99"/>
      <c r="AG4868" s="99"/>
      <c r="AH4868" s="99"/>
      <c r="AI4868" s="99"/>
      <c r="AJ4868" s="99"/>
      <c r="AK4868" s="99"/>
      <c r="AL4868" s="99"/>
      <c r="AM4868" s="99"/>
      <c r="AN4868" s="99"/>
      <c r="AO4868" s="99"/>
      <c r="AP4868" s="99"/>
      <c r="AQ4868" s="99"/>
      <c r="AR4868" s="99"/>
      <c r="AS4868" s="99"/>
      <c r="AT4868" s="99"/>
      <c r="AU4868" s="99"/>
      <c r="AV4868" s="99"/>
      <c r="AW4868" s="99"/>
      <c r="AX4868" s="99"/>
      <c r="AY4868" s="99"/>
      <c r="AZ4868" s="99"/>
      <c r="BA4868" s="99"/>
      <c r="BB4868" s="107">
        <v>45884</v>
      </c>
    </row>
    <row r="4869" spans="1:54" s="8" customFormat="1" ht="13.95" customHeight="1" x14ac:dyDescent="0.25">
      <c r="A4869" s="219" t="s">
        <v>11136</v>
      </c>
      <c r="B4869" s="220" t="s">
        <v>10412</v>
      </c>
      <c r="C4869" s="98" t="s">
        <v>11137</v>
      </c>
      <c r="D4869" s="98" t="s">
        <v>11138</v>
      </c>
      <c r="E4869" s="141" t="s">
        <v>174</v>
      </c>
      <c r="F4869" s="141">
        <v>3081</v>
      </c>
      <c r="G4869" s="98" t="s">
        <v>1</v>
      </c>
      <c r="H4869" s="98">
        <v>1</v>
      </c>
      <c r="I4869" s="98">
        <v>0</v>
      </c>
      <c r="J4869" s="98">
        <v>1</v>
      </c>
      <c r="K4869" s="98" t="s">
        <v>174</v>
      </c>
      <c r="L4869" s="98" t="s">
        <v>174</v>
      </c>
      <c r="M4869" s="98" t="s">
        <v>174</v>
      </c>
      <c r="N4869" s="98" t="s">
        <v>174</v>
      </c>
      <c r="O4869" s="98" t="s">
        <v>174</v>
      </c>
      <c r="P4869" s="98" t="s">
        <v>174</v>
      </c>
      <c r="Q4869" s="98" t="s">
        <v>174</v>
      </c>
      <c r="R4869" s="98" t="s">
        <v>174</v>
      </c>
      <c r="S4869" s="98" t="s">
        <v>174</v>
      </c>
      <c r="T4869" s="98" t="s">
        <v>174</v>
      </c>
      <c r="U4869" s="99"/>
      <c r="V4869" s="99"/>
      <c r="W4869" s="99"/>
      <c r="X4869" s="99"/>
      <c r="Y4869" s="99"/>
      <c r="Z4869" s="99"/>
      <c r="AA4869" s="99"/>
      <c r="AB4869" s="99"/>
      <c r="AC4869" s="99"/>
      <c r="AD4869" s="99"/>
      <c r="AE4869" s="99"/>
      <c r="AF4869" s="99"/>
      <c r="AG4869" s="99"/>
      <c r="AH4869" s="99"/>
      <c r="AI4869" s="99"/>
      <c r="AJ4869" s="99"/>
      <c r="AK4869" s="99"/>
      <c r="AL4869" s="99"/>
      <c r="AM4869" s="99"/>
      <c r="AN4869" s="99"/>
      <c r="AO4869" s="99"/>
      <c r="AP4869" s="99"/>
      <c r="AQ4869" s="99"/>
      <c r="AR4869" s="99"/>
      <c r="AS4869" s="99"/>
      <c r="AT4869" s="99"/>
      <c r="AU4869" s="99"/>
      <c r="AV4869" s="99"/>
      <c r="AW4869" s="99"/>
      <c r="AX4869" s="99"/>
      <c r="AY4869" s="99"/>
      <c r="AZ4869" s="99"/>
      <c r="BA4869" s="99"/>
      <c r="BB4869" s="107">
        <v>45884</v>
      </c>
    </row>
    <row r="4870" spans="1:54" s="8" customFormat="1" ht="13.95" customHeight="1" x14ac:dyDescent="0.25">
      <c r="A4870" s="219" t="s">
        <v>11139</v>
      </c>
      <c r="B4870" s="220" t="s">
        <v>10412</v>
      </c>
      <c r="C4870" s="98" t="s">
        <v>11140</v>
      </c>
      <c r="D4870" s="98" t="s">
        <v>11141</v>
      </c>
      <c r="E4870" s="141" t="s">
        <v>174</v>
      </c>
      <c r="F4870" s="141">
        <v>3102</v>
      </c>
      <c r="G4870" s="98" t="s">
        <v>1</v>
      </c>
      <c r="H4870" s="98">
        <v>0</v>
      </c>
      <c r="I4870" s="98">
        <v>0</v>
      </c>
      <c r="J4870" s="98">
        <v>1</v>
      </c>
      <c r="K4870" s="98" t="s">
        <v>174</v>
      </c>
      <c r="L4870" s="98" t="s">
        <v>174</v>
      </c>
      <c r="M4870" s="98" t="s">
        <v>174</v>
      </c>
      <c r="N4870" s="98" t="s">
        <v>174</v>
      </c>
      <c r="O4870" s="98" t="s">
        <v>174</v>
      </c>
      <c r="P4870" s="98" t="s">
        <v>174</v>
      </c>
      <c r="Q4870" s="98" t="s">
        <v>174</v>
      </c>
      <c r="R4870" s="98" t="s">
        <v>174</v>
      </c>
      <c r="S4870" s="98" t="s">
        <v>174</v>
      </c>
      <c r="T4870" s="98" t="s">
        <v>174</v>
      </c>
      <c r="U4870" s="99"/>
      <c r="V4870" s="99"/>
      <c r="W4870" s="99"/>
      <c r="X4870" s="99"/>
      <c r="Y4870" s="99"/>
      <c r="Z4870" s="99"/>
      <c r="AA4870" s="99"/>
      <c r="AB4870" s="99"/>
      <c r="AC4870" s="99"/>
      <c r="AD4870" s="99"/>
      <c r="AE4870" s="99"/>
      <c r="AF4870" s="99"/>
      <c r="AG4870" s="99"/>
      <c r="AH4870" s="99"/>
      <c r="AI4870" s="99"/>
      <c r="AJ4870" s="99"/>
      <c r="AK4870" s="99"/>
      <c r="AL4870" s="99"/>
      <c r="AM4870" s="99"/>
      <c r="AN4870" s="99"/>
      <c r="AO4870" s="99"/>
      <c r="AP4870" s="99"/>
      <c r="AQ4870" s="99"/>
      <c r="AR4870" s="99"/>
      <c r="AS4870" s="99"/>
      <c r="AT4870" s="99"/>
      <c r="AU4870" s="99"/>
      <c r="AV4870" s="99"/>
      <c r="AW4870" s="99"/>
      <c r="AX4870" s="99"/>
      <c r="AY4870" s="99"/>
      <c r="AZ4870" s="99"/>
      <c r="BA4870" s="99"/>
      <c r="BB4870" s="107">
        <v>45884</v>
      </c>
    </row>
    <row r="4871" spans="1:54" s="8" customFormat="1" ht="13.95" customHeight="1" x14ac:dyDescent="0.25">
      <c r="A4871" s="219" t="s">
        <v>11142</v>
      </c>
      <c r="B4871" s="220" t="s">
        <v>10412</v>
      </c>
      <c r="C4871" s="98" t="s">
        <v>11143</v>
      </c>
      <c r="D4871" s="98" t="s">
        <v>11144</v>
      </c>
      <c r="E4871" s="141" t="s">
        <v>174</v>
      </c>
      <c r="F4871" s="141">
        <v>3110</v>
      </c>
      <c r="G4871" s="98" t="s">
        <v>1</v>
      </c>
      <c r="H4871" s="98">
        <v>1</v>
      </c>
      <c r="I4871" s="98">
        <v>0</v>
      </c>
      <c r="J4871" s="98">
        <v>1</v>
      </c>
      <c r="K4871" s="98" t="s">
        <v>174</v>
      </c>
      <c r="L4871" s="98" t="s">
        <v>174</v>
      </c>
      <c r="M4871" s="98" t="s">
        <v>174</v>
      </c>
      <c r="N4871" s="98" t="s">
        <v>174</v>
      </c>
      <c r="O4871" s="98" t="s">
        <v>174</v>
      </c>
      <c r="P4871" s="98" t="s">
        <v>174</v>
      </c>
      <c r="Q4871" s="98" t="s">
        <v>174</v>
      </c>
      <c r="R4871" s="98" t="s">
        <v>174</v>
      </c>
      <c r="S4871" s="98" t="s">
        <v>174</v>
      </c>
      <c r="T4871" s="98" t="s">
        <v>174</v>
      </c>
      <c r="U4871" s="99"/>
      <c r="V4871" s="99"/>
      <c r="W4871" s="99"/>
      <c r="X4871" s="99"/>
      <c r="Y4871" s="99"/>
      <c r="Z4871" s="99"/>
      <c r="AA4871" s="99"/>
      <c r="AB4871" s="99"/>
      <c r="AC4871" s="99"/>
      <c r="AD4871" s="99"/>
      <c r="AE4871" s="99"/>
      <c r="AF4871" s="99"/>
      <c r="AG4871" s="99"/>
      <c r="AH4871" s="99"/>
      <c r="AI4871" s="99"/>
      <c r="AJ4871" s="99"/>
      <c r="AK4871" s="99"/>
      <c r="AL4871" s="99"/>
      <c r="AM4871" s="99"/>
      <c r="AN4871" s="99"/>
      <c r="AO4871" s="99"/>
      <c r="AP4871" s="99"/>
      <c r="AQ4871" s="99"/>
      <c r="AR4871" s="99"/>
      <c r="AS4871" s="99"/>
      <c r="AT4871" s="99"/>
      <c r="AU4871" s="99"/>
      <c r="AV4871" s="99"/>
      <c r="AW4871" s="99"/>
      <c r="AX4871" s="99"/>
      <c r="AY4871" s="99"/>
      <c r="AZ4871" s="99"/>
      <c r="BA4871" s="99"/>
      <c r="BB4871" s="107">
        <v>45884</v>
      </c>
    </row>
    <row r="4872" spans="1:54" s="8" customFormat="1" ht="13.95" customHeight="1" x14ac:dyDescent="0.25">
      <c r="A4872" s="219" t="s">
        <v>11145</v>
      </c>
      <c r="B4872" s="220" t="s">
        <v>10412</v>
      </c>
      <c r="C4872" s="98" t="s">
        <v>11146</v>
      </c>
      <c r="D4872" s="98" t="s">
        <v>11147</v>
      </c>
      <c r="E4872" s="141" t="s">
        <v>174</v>
      </c>
      <c r="F4872" s="141">
        <v>3145</v>
      </c>
      <c r="G4872" s="98" t="s">
        <v>1</v>
      </c>
      <c r="H4872" s="98">
        <v>0</v>
      </c>
      <c r="I4872" s="98">
        <v>0</v>
      </c>
      <c r="J4872" s="98">
        <v>1</v>
      </c>
      <c r="K4872" s="98" t="s">
        <v>174</v>
      </c>
      <c r="L4872" s="98" t="s">
        <v>174</v>
      </c>
      <c r="M4872" s="98" t="s">
        <v>174</v>
      </c>
      <c r="N4872" s="98" t="s">
        <v>174</v>
      </c>
      <c r="O4872" s="98" t="s">
        <v>174</v>
      </c>
      <c r="P4872" s="98" t="s">
        <v>174</v>
      </c>
      <c r="Q4872" s="98" t="s">
        <v>174</v>
      </c>
      <c r="R4872" s="98" t="s">
        <v>174</v>
      </c>
      <c r="S4872" s="98" t="s">
        <v>174</v>
      </c>
      <c r="T4872" s="98" t="s">
        <v>174</v>
      </c>
      <c r="U4872" s="99"/>
      <c r="V4872" s="99"/>
      <c r="W4872" s="99"/>
      <c r="X4872" s="99"/>
      <c r="Y4872" s="99"/>
      <c r="Z4872" s="99"/>
      <c r="AA4872" s="99"/>
      <c r="AB4872" s="99"/>
      <c r="AC4872" s="99"/>
      <c r="AD4872" s="99"/>
      <c r="AE4872" s="99"/>
      <c r="AF4872" s="99"/>
      <c r="AG4872" s="99"/>
      <c r="AH4872" s="99"/>
      <c r="AI4872" s="99"/>
      <c r="AJ4872" s="99"/>
      <c r="AK4872" s="99"/>
      <c r="AL4872" s="99"/>
      <c r="AM4872" s="99"/>
      <c r="AN4872" s="99"/>
      <c r="AO4872" s="99"/>
      <c r="AP4872" s="99"/>
      <c r="AQ4872" s="99"/>
      <c r="AR4872" s="99"/>
      <c r="AS4872" s="99"/>
      <c r="AT4872" s="99"/>
      <c r="AU4872" s="99"/>
      <c r="AV4872" s="99"/>
      <c r="AW4872" s="99"/>
      <c r="AX4872" s="99"/>
      <c r="AY4872" s="99"/>
      <c r="AZ4872" s="99"/>
      <c r="BA4872" s="99"/>
      <c r="BB4872" s="107">
        <v>45884</v>
      </c>
    </row>
    <row r="4873" spans="1:54" s="8" customFormat="1" ht="13.95" customHeight="1" x14ac:dyDescent="0.25">
      <c r="A4873" s="219" t="s">
        <v>11148</v>
      </c>
      <c r="B4873" s="220" t="s">
        <v>10412</v>
      </c>
      <c r="C4873" s="98" t="s">
        <v>11149</v>
      </c>
      <c r="D4873" s="98" t="s">
        <v>11150</v>
      </c>
      <c r="E4873" s="141" t="s">
        <v>174</v>
      </c>
      <c r="F4873" s="141">
        <v>3215</v>
      </c>
      <c r="G4873" s="98" t="s">
        <v>1</v>
      </c>
      <c r="H4873" s="98">
        <v>1</v>
      </c>
      <c r="I4873" s="98">
        <v>1</v>
      </c>
      <c r="J4873" s="98">
        <v>1</v>
      </c>
      <c r="K4873" s="98" t="s">
        <v>174</v>
      </c>
      <c r="L4873" s="98" t="s">
        <v>174</v>
      </c>
      <c r="M4873" s="98" t="s">
        <v>174</v>
      </c>
      <c r="N4873" s="98" t="s">
        <v>174</v>
      </c>
      <c r="O4873" s="98" t="s">
        <v>174</v>
      </c>
      <c r="P4873" s="98" t="s">
        <v>174</v>
      </c>
      <c r="Q4873" s="98" t="s">
        <v>174</v>
      </c>
      <c r="R4873" s="98" t="s">
        <v>174</v>
      </c>
      <c r="S4873" s="98" t="s">
        <v>174</v>
      </c>
      <c r="T4873" s="98" t="s">
        <v>174</v>
      </c>
      <c r="U4873" s="99"/>
      <c r="V4873" s="99"/>
      <c r="W4873" s="99"/>
      <c r="X4873" s="99"/>
      <c r="Y4873" s="99"/>
      <c r="Z4873" s="99"/>
      <c r="AA4873" s="99"/>
      <c r="AB4873" s="99"/>
      <c r="AC4873" s="99"/>
      <c r="AD4873" s="99"/>
      <c r="AE4873" s="99"/>
      <c r="AF4873" s="99"/>
      <c r="AG4873" s="99"/>
      <c r="AH4873" s="99"/>
      <c r="AI4873" s="99"/>
      <c r="AJ4873" s="99"/>
      <c r="AK4873" s="99"/>
      <c r="AL4873" s="99"/>
      <c r="AM4873" s="99"/>
      <c r="AN4873" s="99"/>
      <c r="AO4873" s="99"/>
      <c r="AP4873" s="99"/>
      <c r="AQ4873" s="99"/>
      <c r="AR4873" s="99"/>
      <c r="AS4873" s="99"/>
      <c r="AT4873" s="99"/>
      <c r="AU4873" s="99"/>
      <c r="AV4873" s="99"/>
      <c r="AW4873" s="99"/>
      <c r="AX4873" s="99"/>
      <c r="AY4873" s="99"/>
      <c r="AZ4873" s="99"/>
      <c r="BA4873" s="99"/>
      <c r="BB4873" s="107">
        <v>45884</v>
      </c>
    </row>
    <row r="4874" spans="1:54" s="8" customFormat="1" ht="13.95" customHeight="1" x14ac:dyDescent="0.25">
      <c r="A4874" s="219" t="s">
        <v>11151</v>
      </c>
      <c r="B4874" s="220" t="s">
        <v>10412</v>
      </c>
      <c r="C4874" s="98" t="s">
        <v>11152</v>
      </c>
      <c r="D4874" s="98" t="s">
        <v>10916</v>
      </c>
      <c r="E4874" s="141" t="s">
        <v>174</v>
      </c>
      <c r="F4874" s="141">
        <v>3231</v>
      </c>
      <c r="G4874" s="98" t="s">
        <v>1</v>
      </c>
      <c r="H4874" s="98">
        <v>1</v>
      </c>
      <c r="I4874" s="98">
        <v>0</v>
      </c>
      <c r="J4874" s="98">
        <v>1</v>
      </c>
      <c r="K4874" s="98" t="s">
        <v>174</v>
      </c>
      <c r="L4874" s="98" t="s">
        <v>174</v>
      </c>
      <c r="M4874" s="98" t="s">
        <v>174</v>
      </c>
      <c r="N4874" s="98" t="s">
        <v>174</v>
      </c>
      <c r="O4874" s="98" t="s">
        <v>174</v>
      </c>
      <c r="P4874" s="98" t="s">
        <v>174</v>
      </c>
      <c r="Q4874" s="98" t="s">
        <v>174</v>
      </c>
      <c r="R4874" s="98" t="s">
        <v>174</v>
      </c>
      <c r="S4874" s="98" t="s">
        <v>174</v>
      </c>
      <c r="T4874" s="98" t="s">
        <v>174</v>
      </c>
      <c r="U4874" s="98" t="s">
        <v>174</v>
      </c>
      <c r="V4874" s="98" t="s">
        <v>174</v>
      </c>
      <c r="W4874" s="98" t="s">
        <v>174</v>
      </c>
      <c r="X4874" s="98" t="s">
        <v>174</v>
      </c>
      <c r="Y4874" s="98" t="s">
        <v>174</v>
      </c>
      <c r="Z4874" s="98" t="s">
        <v>174</v>
      </c>
      <c r="AA4874" s="98" t="s">
        <v>174</v>
      </c>
      <c r="AB4874" s="98" t="s">
        <v>174</v>
      </c>
      <c r="AC4874" s="98" t="s">
        <v>174</v>
      </c>
      <c r="AD4874" s="98" t="s">
        <v>174</v>
      </c>
      <c r="AE4874" s="98" t="s">
        <v>174</v>
      </c>
      <c r="AF4874" s="98" t="s">
        <v>174</v>
      </c>
      <c r="AG4874" s="98" t="s">
        <v>174</v>
      </c>
      <c r="AH4874" s="98" t="s">
        <v>174</v>
      </c>
      <c r="AI4874" s="98" t="s">
        <v>174</v>
      </c>
      <c r="AJ4874" s="98" t="s">
        <v>174</v>
      </c>
      <c r="AK4874" s="98" t="s">
        <v>174</v>
      </c>
      <c r="AL4874" s="98" t="s">
        <v>174</v>
      </c>
      <c r="AM4874" s="98" t="s">
        <v>174</v>
      </c>
      <c r="AN4874" s="98" t="s">
        <v>174</v>
      </c>
      <c r="AO4874" s="98" t="s">
        <v>174</v>
      </c>
      <c r="AP4874" s="98" t="s">
        <v>174</v>
      </c>
      <c r="AQ4874" s="98" t="s">
        <v>174</v>
      </c>
      <c r="AR4874" s="98" t="s">
        <v>174</v>
      </c>
      <c r="AS4874" s="98" t="s">
        <v>174</v>
      </c>
      <c r="AT4874" s="129" t="s">
        <v>174</v>
      </c>
      <c r="AU4874" s="98" t="s">
        <v>174</v>
      </c>
      <c r="AV4874" s="98" t="s">
        <v>174</v>
      </c>
      <c r="AW4874" s="98" t="s">
        <v>174</v>
      </c>
      <c r="AX4874" s="98"/>
      <c r="AY4874" s="98"/>
      <c r="AZ4874" s="98"/>
      <c r="BA4874" s="98"/>
      <c r="BB4874" s="107">
        <v>45884</v>
      </c>
    </row>
    <row r="4875" spans="1:54" s="8" customFormat="1" ht="13.95" customHeight="1" x14ac:dyDescent="0.25">
      <c r="A4875" s="219" t="s">
        <v>11153</v>
      </c>
      <c r="B4875" s="220" t="s">
        <v>10412</v>
      </c>
      <c r="C4875" s="98" t="s">
        <v>11154</v>
      </c>
      <c r="D4875" s="98" t="s">
        <v>11155</v>
      </c>
      <c r="E4875" s="141" t="s">
        <v>174</v>
      </c>
      <c r="F4875" s="141">
        <v>3248</v>
      </c>
      <c r="G4875" s="98" t="s">
        <v>1</v>
      </c>
      <c r="H4875" s="98">
        <v>0</v>
      </c>
      <c r="I4875" s="98">
        <v>0</v>
      </c>
      <c r="J4875" s="98">
        <v>1</v>
      </c>
      <c r="K4875" s="98" t="s">
        <v>174</v>
      </c>
      <c r="L4875" s="98" t="s">
        <v>174</v>
      </c>
      <c r="M4875" s="98" t="s">
        <v>174</v>
      </c>
      <c r="N4875" s="98" t="s">
        <v>174</v>
      </c>
      <c r="O4875" s="98" t="s">
        <v>174</v>
      </c>
      <c r="P4875" s="98" t="s">
        <v>174</v>
      </c>
      <c r="Q4875" s="98" t="s">
        <v>174</v>
      </c>
      <c r="R4875" s="98" t="s">
        <v>174</v>
      </c>
      <c r="S4875" s="98" t="s">
        <v>174</v>
      </c>
      <c r="T4875" s="98" t="s">
        <v>174</v>
      </c>
      <c r="U4875" s="99"/>
      <c r="V4875" s="99"/>
      <c r="W4875" s="99"/>
      <c r="X4875" s="99"/>
      <c r="Y4875" s="99"/>
      <c r="Z4875" s="99"/>
      <c r="AA4875" s="99"/>
      <c r="AB4875" s="99"/>
      <c r="AC4875" s="99"/>
      <c r="AD4875" s="99"/>
      <c r="AE4875" s="99"/>
      <c r="AF4875" s="99"/>
      <c r="AG4875" s="99"/>
      <c r="AH4875" s="99"/>
      <c r="AI4875" s="99"/>
      <c r="AJ4875" s="99"/>
      <c r="AK4875" s="99"/>
      <c r="AL4875" s="99"/>
      <c r="AM4875" s="99"/>
      <c r="AN4875" s="99"/>
      <c r="AO4875" s="99"/>
      <c r="AP4875" s="99"/>
      <c r="AQ4875" s="99"/>
      <c r="AR4875" s="99"/>
      <c r="AS4875" s="99"/>
      <c r="AT4875" s="99"/>
      <c r="AU4875" s="99"/>
      <c r="AV4875" s="99"/>
      <c r="AW4875" s="99"/>
      <c r="AX4875" s="99"/>
      <c r="AY4875" s="99"/>
      <c r="AZ4875" s="99"/>
      <c r="BA4875" s="99"/>
      <c r="BB4875" s="107">
        <v>45884</v>
      </c>
    </row>
    <row r="4876" spans="1:54" s="8" customFormat="1" ht="13.95" customHeight="1" x14ac:dyDescent="0.25">
      <c r="A4876" s="219" t="s">
        <v>11156</v>
      </c>
      <c r="B4876" s="220" t="s">
        <v>10412</v>
      </c>
      <c r="C4876" s="98" t="s">
        <v>11157</v>
      </c>
      <c r="D4876" s="98" t="s">
        <v>11158</v>
      </c>
      <c r="E4876" s="141" t="s">
        <v>174</v>
      </c>
      <c r="F4876" s="141">
        <v>3253</v>
      </c>
      <c r="G4876" s="98" t="s">
        <v>1</v>
      </c>
      <c r="H4876" s="98">
        <v>1</v>
      </c>
      <c r="I4876" s="98">
        <v>0</v>
      </c>
      <c r="J4876" s="98">
        <v>1</v>
      </c>
      <c r="K4876" s="98" t="s">
        <v>174</v>
      </c>
      <c r="L4876" s="98" t="s">
        <v>174</v>
      </c>
      <c r="M4876" s="98" t="s">
        <v>174</v>
      </c>
      <c r="N4876" s="98" t="s">
        <v>174</v>
      </c>
      <c r="O4876" s="98" t="s">
        <v>174</v>
      </c>
      <c r="P4876" s="98" t="s">
        <v>174</v>
      </c>
      <c r="Q4876" s="98" t="s">
        <v>174</v>
      </c>
      <c r="R4876" s="98" t="s">
        <v>174</v>
      </c>
      <c r="S4876" s="98" t="s">
        <v>174</v>
      </c>
      <c r="T4876" s="98" t="s">
        <v>174</v>
      </c>
      <c r="U4876" s="99"/>
      <c r="V4876" s="99"/>
      <c r="W4876" s="99"/>
      <c r="X4876" s="99"/>
      <c r="Y4876" s="99"/>
      <c r="Z4876" s="99"/>
      <c r="AA4876" s="99"/>
      <c r="AB4876" s="99"/>
      <c r="AC4876" s="99"/>
      <c r="AD4876" s="99"/>
      <c r="AE4876" s="99"/>
      <c r="AF4876" s="99"/>
      <c r="AG4876" s="99"/>
      <c r="AH4876" s="99"/>
      <c r="AI4876" s="99"/>
      <c r="AJ4876" s="99"/>
      <c r="AK4876" s="99"/>
      <c r="AL4876" s="99"/>
      <c r="AM4876" s="99"/>
      <c r="AN4876" s="99"/>
      <c r="AO4876" s="99"/>
      <c r="AP4876" s="99"/>
      <c r="AQ4876" s="99"/>
      <c r="AR4876" s="99"/>
      <c r="AS4876" s="99"/>
      <c r="AT4876" s="99"/>
      <c r="AU4876" s="99"/>
      <c r="AV4876" s="99"/>
      <c r="AW4876" s="99"/>
      <c r="AX4876" s="99"/>
      <c r="AY4876" s="99"/>
      <c r="AZ4876" s="99"/>
      <c r="BA4876" s="99"/>
      <c r="BB4876" s="107">
        <v>45884</v>
      </c>
    </row>
    <row r="4877" spans="1:54" s="8" customFormat="1" ht="13.95" customHeight="1" x14ac:dyDescent="0.25">
      <c r="A4877" s="219" t="s">
        <v>11159</v>
      </c>
      <c r="B4877" s="220" t="s">
        <v>10412</v>
      </c>
      <c r="C4877" s="98" t="s">
        <v>11160</v>
      </c>
      <c r="D4877" s="98" t="s">
        <v>11161</v>
      </c>
      <c r="E4877" s="141" t="s">
        <v>174</v>
      </c>
      <c r="F4877" s="141">
        <v>3255</v>
      </c>
      <c r="G4877" s="98" t="s">
        <v>1</v>
      </c>
      <c r="H4877" s="98">
        <v>0</v>
      </c>
      <c r="I4877" s="98">
        <v>0</v>
      </c>
      <c r="J4877" s="98">
        <v>1</v>
      </c>
      <c r="K4877" s="98" t="s">
        <v>174</v>
      </c>
      <c r="L4877" s="98" t="s">
        <v>174</v>
      </c>
      <c r="M4877" s="98" t="s">
        <v>174</v>
      </c>
      <c r="N4877" s="98" t="s">
        <v>174</v>
      </c>
      <c r="O4877" s="98" t="s">
        <v>174</v>
      </c>
      <c r="P4877" s="98" t="s">
        <v>174</v>
      </c>
      <c r="Q4877" s="98" t="s">
        <v>174</v>
      </c>
      <c r="R4877" s="98" t="s">
        <v>174</v>
      </c>
      <c r="S4877" s="98" t="s">
        <v>174</v>
      </c>
      <c r="T4877" s="98" t="s">
        <v>174</v>
      </c>
      <c r="U4877" s="99"/>
      <c r="V4877" s="99"/>
      <c r="W4877" s="99"/>
      <c r="X4877" s="99"/>
      <c r="Y4877" s="99"/>
      <c r="Z4877" s="99"/>
      <c r="AA4877" s="99"/>
      <c r="AB4877" s="99"/>
      <c r="AC4877" s="99"/>
      <c r="AD4877" s="99"/>
      <c r="AE4877" s="99"/>
      <c r="AF4877" s="99"/>
      <c r="AG4877" s="99"/>
      <c r="AH4877" s="99"/>
      <c r="AI4877" s="99"/>
      <c r="AJ4877" s="99"/>
      <c r="AK4877" s="99"/>
      <c r="AL4877" s="99"/>
      <c r="AM4877" s="99"/>
      <c r="AN4877" s="99"/>
      <c r="AO4877" s="99"/>
      <c r="AP4877" s="99"/>
      <c r="AQ4877" s="99"/>
      <c r="AR4877" s="99"/>
      <c r="AS4877" s="99"/>
      <c r="AT4877" s="99"/>
      <c r="AU4877" s="99"/>
      <c r="AV4877" s="99"/>
      <c r="AW4877" s="99"/>
      <c r="AX4877" s="99"/>
      <c r="AY4877" s="99"/>
      <c r="AZ4877" s="99"/>
      <c r="BA4877" s="99"/>
      <c r="BB4877" s="107">
        <v>45884</v>
      </c>
    </row>
    <row r="4878" spans="1:54" s="8" customFormat="1" ht="13.95" customHeight="1" x14ac:dyDescent="0.25">
      <c r="A4878" s="219" t="s">
        <v>11162</v>
      </c>
      <c r="B4878" s="220" t="s">
        <v>10412</v>
      </c>
      <c r="C4878" s="98" t="s">
        <v>11163</v>
      </c>
      <c r="D4878" s="98" t="s">
        <v>11164</v>
      </c>
      <c r="E4878" s="141" t="s">
        <v>174</v>
      </c>
      <c r="F4878" s="141">
        <v>3261</v>
      </c>
      <c r="G4878" s="98" t="s">
        <v>1</v>
      </c>
      <c r="H4878" s="98">
        <v>1</v>
      </c>
      <c r="I4878" s="98">
        <v>0</v>
      </c>
      <c r="J4878" s="98">
        <v>1</v>
      </c>
      <c r="K4878" s="98" t="s">
        <v>174</v>
      </c>
      <c r="L4878" s="98" t="s">
        <v>174</v>
      </c>
      <c r="M4878" s="98" t="s">
        <v>174</v>
      </c>
      <c r="N4878" s="98" t="s">
        <v>174</v>
      </c>
      <c r="O4878" s="98" t="s">
        <v>174</v>
      </c>
      <c r="P4878" s="98" t="s">
        <v>174</v>
      </c>
      <c r="Q4878" s="98" t="s">
        <v>174</v>
      </c>
      <c r="R4878" s="98" t="s">
        <v>174</v>
      </c>
      <c r="S4878" s="98" t="s">
        <v>174</v>
      </c>
      <c r="T4878" s="98" t="s">
        <v>174</v>
      </c>
      <c r="U4878" s="99"/>
      <c r="V4878" s="99"/>
      <c r="W4878" s="99"/>
      <c r="X4878" s="99"/>
      <c r="Y4878" s="99"/>
      <c r="Z4878" s="99"/>
      <c r="AA4878" s="99"/>
      <c r="AB4878" s="99"/>
      <c r="AC4878" s="99"/>
      <c r="AD4878" s="99"/>
      <c r="AE4878" s="99"/>
      <c r="AF4878" s="99"/>
      <c r="AG4878" s="99"/>
      <c r="AH4878" s="99"/>
      <c r="AI4878" s="99"/>
      <c r="AJ4878" s="99"/>
      <c r="AK4878" s="99"/>
      <c r="AL4878" s="99"/>
      <c r="AM4878" s="99"/>
      <c r="AN4878" s="99"/>
      <c r="AO4878" s="99"/>
      <c r="AP4878" s="99"/>
      <c r="AQ4878" s="99"/>
      <c r="AR4878" s="99"/>
      <c r="AS4878" s="99"/>
      <c r="AT4878" s="99"/>
      <c r="AU4878" s="99"/>
      <c r="AV4878" s="99"/>
      <c r="AW4878" s="99"/>
      <c r="AX4878" s="99"/>
      <c r="AY4878" s="99"/>
      <c r="AZ4878" s="99"/>
      <c r="BA4878" s="99"/>
      <c r="BB4878" s="107">
        <v>45884</v>
      </c>
    </row>
    <row r="4879" spans="1:54" s="8" customFormat="1" ht="13.95" customHeight="1" x14ac:dyDescent="0.25">
      <c r="A4879" s="219" t="s">
        <v>11165</v>
      </c>
      <c r="B4879" s="220" t="s">
        <v>10412</v>
      </c>
      <c r="C4879" s="98" t="s">
        <v>11166</v>
      </c>
      <c r="D4879" s="98" t="s">
        <v>11167</v>
      </c>
      <c r="E4879" s="141" t="s">
        <v>174</v>
      </c>
      <c r="F4879" s="141">
        <v>3270</v>
      </c>
      <c r="G4879" s="98" t="s">
        <v>1</v>
      </c>
      <c r="H4879" s="98">
        <v>0</v>
      </c>
      <c r="I4879" s="98">
        <v>0</v>
      </c>
      <c r="J4879" s="98">
        <v>1</v>
      </c>
      <c r="K4879" s="98" t="s">
        <v>174</v>
      </c>
      <c r="L4879" s="98" t="s">
        <v>174</v>
      </c>
      <c r="M4879" s="98" t="s">
        <v>174</v>
      </c>
      <c r="N4879" s="98" t="s">
        <v>174</v>
      </c>
      <c r="O4879" s="98" t="s">
        <v>174</v>
      </c>
      <c r="P4879" s="98" t="s">
        <v>174</v>
      </c>
      <c r="Q4879" s="98" t="s">
        <v>174</v>
      </c>
      <c r="R4879" s="98" t="s">
        <v>174</v>
      </c>
      <c r="S4879" s="98" t="s">
        <v>174</v>
      </c>
      <c r="T4879" s="98" t="s">
        <v>174</v>
      </c>
      <c r="U4879" s="99"/>
      <c r="V4879" s="99"/>
      <c r="W4879" s="99"/>
      <c r="X4879" s="99"/>
      <c r="Y4879" s="99"/>
      <c r="Z4879" s="99"/>
      <c r="AA4879" s="99"/>
      <c r="AB4879" s="99"/>
      <c r="AC4879" s="99"/>
      <c r="AD4879" s="99"/>
      <c r="AE4879" s="99"/>
      <c r="AF4879" s="99"/>
      <c r="AG4879" s="99"/>
      <c r="AH4879" s="99"/>
      <c r="AI4879" s="99"/>
      <c r="AJ4879" s="99"/>
      <c r="AK4879" s="99"/>
      <c r="AL4879" s="99"/>
      <c r="AM4879" s="99"/>
      <c r="AN4879" s="99"/>
      <c r="AO4879" s="99"/>
      <c r="AP4879" s="99"/>
      <c r="AQ4879" s="99"/>
      <c r="AR4879" s="99"/>
      <c r="AS4879" s="99"/>
      <c r="AT4879" s="99"/>
      <c r="AU4879" s="99"/>
      <c r="AV4879" s="99"/>
      <c r="AW4879" s="99"/>
      <c r="AX4879" s="99"/>
      <c r="AY4879" s="99"/>
      <c r="AZ4879" s="99"/>
      <c r="BA4879" s="99"/>
      <c r="BB4879" s="107">
        <v>45884</v>
      </c>
    </row>
    <row r="4880" spans="1:54" s="8" customFormat="1" ht="13.95" customHeight="1" x14ac:dyDescent="0.25">
      <c r="A4880" s="219" t="s">
        <v>11168</v>
      </c>
      <c r="B4880" s="220" t="s">
        <v>10412</v>
      </c>
      <c r="C4880" s="98" t="s">
        <v>11169</v>
      </c>
      <c r="D4880" s="98" t="s">
        <v>11170</v>
      </c>
      <c r="E4880" s="141" t="s">
        <v>174</v>
      </c>
      <c r="F4880" s="141">
        <v>3299</v>
      </c>
      <c r="G4880" s="98" t="s">
        <v>1</v>
      </c>
      <c r="H4880" s="98">
        <v>0</v>
      </c>
      <c r="I4880" s="98">
        <v>0</v>
      </c>
      <c r="J4880" s="98">
        <v>1</v>
      </c>
      <c r="K4880" s="98" t="s">
        <v>174</v>
      </c>
      <c r="L4880" s="98" t="s">
        <v>174</v>
      </c>
      <c r="M4880" s="98" t="s">
        <v>174</v>
      </c>
      <c r="N4880" s="98" t="s">
        <v>174</v>
      </c>
      <c r="O4880" s="98" t="s">
        <v>174</v>
      </c>
      <c r="P4880" s="98" t="s">
        <v>174</v>
      </c>
      <c r="Q4880" s="98" t="s">
        <v>174</v>
      </c>
      <c r="R4880" s="98" t="s">
        <v>174</v>
      </c>
      <c r="S4880" s="98" t="s">
        <v>174</v>
      </c>
      <c r="T4880" s="98" t="s">
        <v>174</v>
      </c>
      <c r="U4880" s="99"/>
      <c r="V4880" s="99"/>
      <c r="W4880" s="99"/>
      <c r="X4880" s="99"/>
      <c r="Y4880" s="99"/>
      <c r="Z4880" s="99"/>
      <c r="AA4880" s="99"/>
      <c r="AB4880" s="99"/>
      <c r="AC4880" s="99"/>
      <c r="AD4880" s="99"/>
      <c r="AE4880" s="99"/>
      <c r="AF4880" s="99"/>
      <c r="AG4880" s="99"/>
      <c r="AH4880" s="99"/>
      <c r="AI4880" s="99"/>
      <c r="AJ4880" s="99"/>
      <c r="AK4880" s="99"/>
      <c r="AL4880" s="99"/>
      <c r="AM4880" s="99"/>
      <c r="AN4880" s="99"/>
      <c r="AO4880" s="99"/>
      <c r="AP4880" s="99"/>
      <c r="AQ4880" s="99"/>
      <c r="AR4880" s="99"/>
      <c r="AS4880" s="99"/>
      <c r="AT4880" s="99"/>
      <c r="AU4880" s="99"/>
      <c r="AV4880" s="99"/>
      <c r="AW4880" s="99"/>
      <c r="AX4880" s="99"/>
      <c r="AY4880" s="99"/>
      <c r="AZ4880" s="99"/>
      <c r="BA4880" s="99"/>
      <c r="BB4880" s="107">
        <v>45884</v>
      </c>
    </row>
    <row r="4881" spans="1:54" s="8" customFormat="1" ht="13.95" customHeight="1" x14ac:dyDescent="0.25">
      <c r="A4881" s="219" t="s">
        <v>11171</v>
      </c>
      <c r="B4881" s="220" t="s">
        <v>10412</v>
      </c>
      <c r="C4881" s="98" t="s">
        <v>11172</v>
      </c>
      <c r="D4881" s="98" t="s">
        <v>11173</v>
      </c>
      <c r="E4881" s="141" t="s">
        <v>174</v>
      </c>
      <c r="F4881" s="141">
        <v>3316</v>
      </c>
      <c r="G4881" s="98" t="s">
        <v>1</v>
      </c>
      <c r="H4881" s="98">
        <v>1</v>
      </c>
      <c r="I4881" s="98">
        <v>0</v>
      </c>
      <c r="J4881" s="98">
        <v>1</v>
      </c>
      <c r="K4881" s="98" t="s">
        <v>174</v>
      </c>
      <c r="L4881" s="98" t="s">
        <v>174</v>
      </c>
      <c r="M4881" s="98" t="s">
        <v>174</v>
      </c>
      <c r="N4881" s="98" t="s">
        <v>174</v>
      </c>
      <c r="O4881" s="98" t="s">
        <v>174</v>
      </c>
      <c r="P4881" s="98" t="s">
        <v>174</v>
      </c>
      <c r="Q4881" s="98" t="s">
        <v>174</v>
      </c>
      <c r="R4881" s="98" t="s">
        <v>174</v>
      </c>
      <c r="S4881" s="98" t="s">
        <v>174</v>
      </c>
      <c r="T4881" s="98" t="s">
        <v>174</v>
      </c>
      <c r="U4881" s="99"/>
      <c r="V4881" s="99"/>
      <c r="W4881" s="99"/>
      <c r="X4881" s="99"/>
      <c r="Y4881" s="99"/>
      <c r="Z4881" s="99"/>
      <c r="AA4881" s="99"/>
      <c r="AB4881" s="99"/>
      <c r="AC4881" s="99"/>
      <c r="AD4881" s="99"/>
      <c r="AE4881" s="99"/>
      <c r="AF4881" s="99"/>
      <c r="AG4881" s="99"/>
      <c r="AH4881" s="99"/>
      <c r="AI4881" s="99"/>
      <c r="AJ4881" s="99"/>
      <c r="AK4881" s="99"/>
      <c r="AL4881" s="99"/>
      <c r="AM4881" s="99"/>
      <c r="AN4881" s="99"/>
      <c r="AO4881" s="99"/>
      <c r="AP4881" s="99"/>
      <c r="AQ4881" s="99"/>
      <c r="AR4881" s="99"/>
      <c r="AS4881" s="99"/>
      <c r="AT4881" s="99"/>
      <c r="AU4881" s="99"/>
      <c r="AV4881" s="99"/>
      <c r="AW4881" s="99"/>
      <c r="AX4881" s="99"/>
      <c r="AY4881" s="99"/>
      <c r="AZ4881" s="99"/>
      <c r="BA4881" s="99"/>
      <c r="BB4881" s="107">
        <v>45884</v>
      </c>
    </row>
    <row r="4882" spans="1:54" s="8" customFormat="1" ht="13.95" customHeight="1" x14ac:dyDescent="0.25">
      <c r="A4882" s="219" t="s">
        <v>11174</v>
      </c>
      <c r="B4882" s="220" t="s">
        <v>10412</v>
      </c>
      <c r="C4882" s="98" t="s">
        <v>11175</v>
      </c>
      <c r="D4882" s="98" t="s">
        <v>11176</v>
      </c>
      <c r="E4882" s="141" t="s">
        <v>174</v>
      </c>
      <c r="F4882" s="141">
        <v>3335</v>
      </c>
      <c r="G4882" s="98" t="s">
        <v>1</v>
      </c>
      <c r="H4882" s="98">
        <v>0</v>
      </c>
      <c r="I4882" s="98">
        <v>0</v>
      </c>
      <c r="J4882" s="98">
        <v>1</v>
      </c>
      <c r="K4882" s="98" t="s">
        <v>174</v>
      </c>
      <c r="L4882" s="98" t="s">
        <v>174</v>
      </c>
      <c r="M4882" s="98" t="s">
        <v>174</v>
      </c>
      <c r="N4882" s="98" t="s">
        <v>174</v>
      </c>
      <c r="O4882" s="98" t="s">
        <v>174</v>
      </c>
      <c r="P4882" s="98" t="s">
        <v>174</v>
      </c>
      <c r="Q4882" s="98" t="s">
        <v>174</v>
      </c>
      <c r="R4882" s="98" t="s">
        <v>174</v>
      </c>
      <c r="S4882" s="98" t="s">
        <v>174</v>
      </c>
      <c r="T4882" s="98" t="s">
        <v>174</v>
      </c>
      <c r="U4882" s="99"/>
      <c r="V4882" s="99"/>
      <c r="W4882" s="99"/>
      <c r="X4882" s="99"/>
      <c r="Y4882" s="99"/>
      <c r="Z4882" s="99"/>
      <c r="AA4882" s="99"/>
      <c r="AB4882" s="99"/>
      <c r="AC4882" s="99"/>
      <c r="AD4882" s="99"/>
      <c r="AE4882" s="99"/>
      <c r="AF4882" s="99"/>
      <c r="AG4882" s="99"/>
      <c r="AH4882" s="99"/>
      <c r="AI4882" s="99"/>
      <c r="AJ4882" s="99"/>
      <c r="AK4882" s="99"/>
      <c r="AL4882" s="99"/>
      <c r="AM4882" s="99"/>
      <c r="AN4882" s="99"/>
      <c r="AO4882" s="99"/>
      <c r="AP4882" s="99"/>
      <c r="AQ4882" s="99"/>
      <c r="AR4882" s="99"/>
      <c r="AS4882" s="99"/>
      <c r="AT4882" s="99"/>
      <c r="AU4882" s="99"/>
      <c r="AV4882" s="99"/>
      <c r="AW4882" s="99"/>
      <c r="AX4882" s="99"/>
      <c r="AY4882" s="99"/>
      <c r="AZ4882" s="99"/>
      <c r="BA4882" s="99"/>
      <c r="BB4882" s="107">
        <v>45884</v>
      </c>
    </row>
    <row r="4883" spans="1:54" s="8" customFormat="1" ht="13.95" customHeight="1" x14ac:dyDescent="0.25">
      <c r="A4883" s="219" t="s">
        <v>11177</v>
      </c>
      <c r="B4883" s="220" t="s">
        <v>10412</v>
      </c>
      <c r="C4883" s="98" t="s">
        <v>11178</v>
      </c>
      <c r="D4883" s="98" t="s">
        <v>11179</v>
      </c>
      <c r="E4883" s="141" t="s">
        <v>174</v>
      </c>
      <c r="F4883" s="141">
        <v>3352</v>
      </c>
      <c r="G4883" s="98" t="s">
        <v>1</v>
      </c>
      <c r="H4883" s="98">
        <v>0</v>
      </c>
      <c r="I4883" s="98">
        <v>0</v>
      </c>
      <c r="J4883" s="98">
        <v>1</v>
      </c>
      <c r="K4883" s="98" t="s">
        <v>174</v>
      </c>
      <c r="L4883" s="98" t="s">
        <v>174</v>
      </c>
      <c r="M4883" s="98" t="s">
        <v>174</v>
      </c>
      <c r="N4883" s="98" t="s">
        <v>174</v>
      </c>
      <c r="O4883" s="98" t="s">
        <v>174</v>
      </c>
      <c r="P4883" s="98" t="s">
        <v>174</v>
      </c>
      <c r="Q4883" s="98" t="s">
        <v>174</v>
      </c>
      <c r="R4883" s="98" t="s">
        <v>174</v>
      </c>
      <c r="S4883" s="98" t="s">
        <v>174</v>
      </c>
      <c r="T4883" s="98" t="s">
        <v>174</v>
      </c>
      <c r="U4883" s="99"/>
      <c r="V4883" s="99"/>
      <c r="W4883" s="99"/>
      <c r="X4883" s="99"/>
      <c r="Y4883" s="99"/>
      <c r="Z4883" s="99"/>
      <c r="AA4883" s="99"/>
      <c r="AB4883" s="99"/>
      <c r="AC4883" s="99"/>
      <c r="AD4883" s="99"/>
      <c r="AE4883" s="99"/>
      <c r="AF4883" s="99"/>
      <c r="AG4883" s="99"/>
      <c r="AH4883" s="99"/>
      <c r="AI4883" s="99"/>
      <c r="AJ4883" s="99"/>
      <c r="AK4883" s="99"/>
      <c r="AL4883" s="99"/>
      <c r="AM4883" s="99"/>
      <c r="AN4883" s="99"/>
      <c r="AO4883" s="99"/>
      <c r="AP4883" s="99"/>
      <c r="AQ4883" s="99"/>
      <c r="AR4883" s="99"/>
      <c r="AS4883" s="99"/>
      <c r="AT4883" s="99"/>
      <c r="AU4883" s="99"/>
      <c r="AV4883" s="99"/>
      <c r="AW4883" s="99"/>
      <c r="AX4883" s="99"/>
      <c r="AY4883" s="99"/>
      <c r="AZ4883" s="99"/>
      <c r="BA4883" s="99"/>
      <c r="BB4883" s="107">
        <v>45884</v>
      </c>
    </row>
    <row r="4884" spans="1:54" s="8" customFormat="1" ht="13.95" customHeight="1" x14ac:dyDescent="0.25">
      <c r="A4884" s="219" t="s">
        <v>11180</v>
      </c>
      <c r="B4884" s="220" t="s">
        <v>10412</v>
      </c>
      <c r="C4884" s="98" t="s">
        <v>11181</v>
      </c>
      <c r="D4884" s="98" t="s">
        <v>11182</v>
      </c>
      <c r="E4884" s="141" t="s">
        <v>174</v>
      </c>
      <c r="F4884" s="141">
        <v>3559</v>
      </c>
      <c r="G4884" s="98" t="s">
        <v>1</v>
      </c>
      <c r="H4884" s="98">
        <v>0</v>
      </c>
      <c r="I4884" s="98">
        <v>0</v>
      </c>
      <c r="J4884" s="98">
        <v>1</v>
      </c>
      <c r="K4884" s="98" t="s">
        <v>174</v>
      </c>
      <c r="L4884" s="98" t="s">
        <v>174</v>
      </c>
      <c r="M4884" s="98" t="s">
        <v>174</v>
      </c>
      <c r="N4884" s="98" t="s">
        <v>174</v>
      </c>
      <c r="O4884" s="98" t="s">
        <v>174</v>
      </c>
      <c r="P4884" s="98" t="s">
        <v>174</v>
      </c>
      <c r="Q4884" s="98" t="s">
        <v>174</v>
      </c>
      <c r="R4884" s="98" t="s">
        <v>174</v>
      </c>
      <c r="S4884" s="98" t="s">
        <v>174</v>
      </c>
      <c r="T4884" s="98" t="s">
        <v>174</v>
      </c>
      <c r="U4884" s="99"/>
      <c r="V4884" s="99"/>
      <c r="W4884" s="99"/>
      <c r="X4884" s="99"/>
      <c r="Y4884" s="99"/>
      <c r="Z4884" s="99"/>
      <c r="AA4884" s="99"/>
      <c r="AB4884" s="99"/>
      <c r="AC4884" s="99"/>
      <c r="AD4884" s="99"/>
      <c r="AE4884" s="99"/>
      <c r="AF4884" s="99"/>
      <c r="AG4884" s="99"/>
      <c r="AH4884" s="99"/>
      <c r="AI4884" s="99"/>
      <c r="AJ4884" s="99"/>
      <c r="AK4884" s="99"/>
      <c r="AL4884" s="99"/>
      <c r="AM4884" s="99"/>
      <c r="AN4884" s="99"/>
      <c r="AO4884" s="99"/>
      <c r="AP4884" s="99"/>
      <c r="AQ4884" s="99"/>
      <c r="AR4884" s="99"/>
      <c r="AS4884" s="99"/>
      <c r="AT4884" s="99"/>
      <c r="AU4884" s="99"/>
      <c r="AV4884" s="99"/>
      <c r="AW4884" s="99"/>
      <c r="AX4884" s="99"/>
      <c r="AY4884" s="99"/>
      <c r="AZ4884" s="99"/>
      <c r="BA4884" s="99"/>
      <c r="BB4884" s="107">
        <v>45884</v>
      </c>
    </row>
    <row r="4885" spans="1:54" s="8" customFormat="1" ht="13.95" customHeight="1" x14ac:dyDescent="0.25">
      <c r="A4885" s="219" t="s">
        <v>11183</v>
      </c>
      <c r="B4885" s="220" t="s">
        <v>10412</v>
      </c>
      <c r="C4885" s="98" t="s">
        <v>11184</v>
      </c>
      <c r="D4885" s="98" t="s">
        <v>11185</v>
      </c>
      <c r="E4885" s="141" t="s">
        <v>174</v>
      </c>
      <c r="F4885" s="141">
        <v>3571</v>
      </c>
      <c r="G4885" s="98" t="s">
        <v>1</v>
      </c>
      <c r="H4885" s="98">
        <v>1</v>
      </c>
      <c r="I4885" s="98">
        <v>1</v>
      </c>
      <c r="J4885" s="98">
        <v>1</v>
      </c>
      <c r="K4885" s="98" t="s">
        <v>174</v>
      </c>
      <c r="L4885" s="98" t="s">
        <v>174</v>
      </c>
      <c r="M4885" s="98" t="s">
        <v>174</v>
      </c>
      <c r="N4885" s="98" t="s">
        <v>174</v>
      </c>
      <c r="O4885" s="98" t="s">
        <v>174</v>
      </c>
      <c r="P4885" s="98" t="s">
        <v>174</v>
      </c>
      <c r="Q4885" s="98" t="s">
        <v>174</v>
      </c>
      <c r="R4885" s="98" t="s">
        <v>174</v>
      </c>
      <c r="S4885" s="98" t="s">
        <v>174</v>
      </c>
      <c r="T4885" s="98" t="s">
        <v>174</v>
      </c>
      <c r="U4885" s="99"/>
      <c r="V4885" s="99"/>
      <c r="W4885" s="99"/>
      <c r="X4885" s="99"/>
      <c r="Y4885" s="99"/>
      <c r="Z4885" s="99"/>
      <c r="AA4885" s="99"/>
      <c r="AB4885" s="99"/>
      <c r="AC4885" s="99"/>
      <c r="AD4885" s="99"/>
      <c r="AE4885" s="99"/>
      <c r="AF4885" s="99"/>
      <c r="AG4885" s="99"/>
      <c r="AH4885" s="99"/>
      <c r="AI4885" s="99"/>
      <c r="AJ4885" s="99"/>
      <c r="AK4885" s="99"/>
      <c r="AL4885" s="99"/>
      <c r="AM4885" s="99"/>
      <c r="AN4885" s="99"/>
      <c r="AO4885" s="99"/>
      <c r="AP4885" s="99"/>
      <c r="AQ4885" s="99"/>
      <c r="AR4885" s="99"/>
      <c r="AS4885" s="99"/>
      <c r="AT4885" s="99"/>
      <c r="AU4885" s="99"/>
      <c r="AV4885" s="99"/>
      <c r="AW4885" s="99"/>
      <c r="AX4885" s="99"/>
      <c r="AY4885" s="99"/>
      <c r="AZ4885" s="99"/>
      <c r="BA4885" s="99"/>
      <c r="BB4885" s="107">
        <v>45884</v>
      </c>
    </row>
    <row r="4886" spans="1:54" s="8" customFormat="1" ht="13.95" customHeight="1" x14ac:dyDescent="0.25">
      <c r="A4886" s="219" t="s">
        <v>11186</v>
      </c>
      <c r="B4886" s="220" t="s">
        <v>10412</v>
      </c>
      <c r="C4886" s="98" t="s">
        <v>11187</v>
      </c>
      <c r="D4886" s="98" t="s">
        <v>11188</v>
      </c>
      <c r="E4886" s="141" t="s">
        <v>174</v>
      </c>
      <c r="F4886" s="141">
        <v>3574</v>
      </c>
      <c r="G4886" s="98" t="s">
        <v>1</v>
      </c>
      <c r="H4886" s="98">
        <v>1</v>
      </c>
      <c r="I4886" s="98">
        <v>1</v>
      </c>
      <c r="J4886" s="98">
        <v>1</v>
      </c>
      <c r="K4886" s="98" t="s">
        <v>174</v>
      </c>
      <c r="L4886" s="98" t="s">
        <v>174</v>
      </c>
      <c r="M4886" s="98" t="s">
        <v>174</v>
      </c>
      <c r="N4886" s="98" t="s">
        <v>174</v>
      </c>
      <c r="O4886" s="98" t="s">
        <v>174</v>
      </c>
      <c r="P4886" s="98" t="s">
        <v>174</v>
      </c>
      <c r="Q4886" s="98" t="s">
        <v>174</v>
      </c>
      <c r="R4886" s="98" t="s">
        <v>174</v>
      </c>
      <c r="S4886" s="98" t="s">
        <v>174</v>
      </c>
      <c r="T4886" s="98" t="s">
        <v>174</v>
      </c>
      <c r="U4886" s="99"/>
      <c r="V4886" s="99"/>
      <c r="W4886" s="99"/>
      <c r="X4886" s="99"/>
      <c r="Y4886" s="99"/>
      <c r="Z4886" s="99"/>
      <c r="AA4886" s="99"/>
      <c r="AB4886" s="99"/>
      <c r="AC4886" s="99"/>
      <c r="AD4886" s="99"/>
      <c r="AE4886" s="99"/>
      <c r="AF4886" s="99"/>
      <c r="AG4886" s="99"/>
      <c r="AH4886" s="99"/>
      <c r="AI4886" s="99"/>
      <c r="AJ4886" s="99"/>
      <c r="AK4886" s="99"/>
      <c r="AL4886" s="99"/>
      <c r="AM4886" s="99"/>
      <c r="AN4886" s="99"/>
      <c r="AO4886" s="99"/>
      <c r="AP4886" s="99"/>
      <c r="AQ4886" s="99"/>
      <c r="AR4886" s="99"/>
      <c r="AS4886" s="99"/>
      <c r="AT4886" s="99"/>
      <c r="AU4886" s="99"/>
      <c r="AV4886" s="99"/>
      <c r="AW4886" s="99"/>
      <c r="AX4886" s="99"/>
      <c r="AY4886" s="99"/>
      <c r="AZ4886" s="99"/>
      <c r="BA4886" s="99"/>
      <c r="BB4886" s="107">
        <v>45884</v>
      </c>
    </row>
    <row r="4887" spans="1:54" s="8" customFormat="1" ht="13.95" customHeight="1" x14ac:dyDescent="0.25">
      <c r="A4887" s="219" t="s">
        <v>11189</v>
      </c>
      <c r="B4887" s="220" t="s">
        <v>10412</v>
      </c>
      <c r="C4887" s="98" t="s">
        <v>11190</v>
      </c>
      <c r="D4887" s="98" t="s">
        <v>11191</v>
      </c>
      <c r="E4887" s="141" t="s">
        <v>174</v>
      </c>
      <c r="F4887" s="141">
        <v>3589</v>
      </c>
      <c r="G4887" s="98" t="s">
        <v>1</v>
      </c>
      <c r="H4887" s="98">
        <v>0</v>
      </c>
      <c r="I4887" s="98">
        <v>0</v>
      </c>
      <c r="J4887" s="98">
        <v>1</v>
      </c>
      <c r="K4887" s="98" t="s">
        <v>174</v>
      </c>
      <c r="L4887" s="98" t="s">
        <v>174</v>
      </c>
      <c r="M4887" s="98" t="s">
        <v>174</v>
      </c>
      <c r="N4887" s="98" t="s">
        <v>174</v>
      </c>
      <c r="O4887" s="98" t="s">
        <v>174</v>
      </c>
      <c r="P4887" s="98" t="s">
        <v>174</v>
      </c>
      <c r="Q4887" s="98" t="s">
        <v>174</v>
      </c>
      <c r="R4887" s="98" t="s">
        <v>174</v>
      </c>
      <c r="S4887" s="98" t="s">
        <v>174</v>
      </c>
      <c r="T4887" s="98" t="s">
        <v>174</v>
      </c>
      <c r="U4887" s="99"/>
      <c r="V4887" s="99"/>
      <c r="W4887" s="99"/>
      <c r="X4887" s="99"/>
      <c r="Y4887" s="99"/>
      <c r="Z4887" s="99"/>
      <c r="AA4887" s="99"/>
      <c r="AB4887" s="99"/>
      <c r="AC4887" s="99"/>
      <c r="AD4887" s="99"/>
      <c r="AE4887" s="99"/>
      <c r="AF4887" s="99"/>
      <c r="AG4887" s="99"/>
      <c r="AH4887" s="99"/>
      <c r="AI4887" s="99"/>
      <c r="AJ4887" s="99"/>
      <c r="AK4887" s="99"/>
      <c r="AL4887" s="99"/>
      <c r="AM4887" s="99"/>
      <c r="AN4887" s="99"/>
      <c r="AO4887" s="99"/>
      <c r="AP4887" s="99"/>
      <c r="AQ4887" s="99"/>
      <c r="AR4887" s="99"/>
      <c r="AS4887" s="99"/>
      <c r="AT4887" s="99"/>
      <c r="AU4887" s="99"/>
      <c r="AV4887" s="99"/>
      <c r="AW4887" s="99"/>
      <c r="AX4887" s="99"/>
      <c r="AY4887" s="99"/>
      <c r="AZ4887" s="99"/>
      <c r="BA4887" s="99"/>
      <c r="BB4887" s="107">
        <v>45884</v>
      </c>
    </row>
    <row r="4888" spans="1:54" s="8" customFormat="1" ht="13.95" customHeight="1" x14ac:dyDescent="0.25">
      <c r="A4888" s="219" t="s">
        <v>11192</v>
      </c>
      <c r="B4888" s="220" t="s">
        <v>10412</v>
      </c>
      <c r="C4888" s="98" t="s">
        <v>11193</v>
      </c>
      <c r="D4888" s="98" t="s">
        <v>11194</v>
      </c>
      <c r="E4888" s="141" t="s">
        <v>174</v>
      </c>
      <c r="F4888" s="141">
        <v>3926</v>
      </c>
      <c r="G4888" s="98" t="s">
        <v>1</v>
      </c>
      <c r="H4888" s="98">
        <v>0</v>
      </c>
      <c r="I4888" s="98">
        <v>0</v>
      </c>
      <c r="J4888" s="98">
        <v>0</v>
      </c>
      <c r="K4888" s="98" t="s">
        <v>174</v>
      </c>
      <c r="L4888" s="98" t="s">
        <v>174</v>
      </c>
      <c r="M4888" s="98" t="s">
        <v>174</v>
      </c>
      <c r="N4888" s="98" t="s">
        <v>174</v>
      </c>
      <c r="O4888" s="98" t="s">
        <v>174</v>
      </c>
      <c r="P4888" s="98" t="s">
        <v>174</v>
      </c>
      <c r="Q4888" s="98" t="s">
        <v>174</v>
      </c>
      <c r="R4888" s="98" t="s">
        <v>174</v>
      </c>
      <c r="S4888" s="98" t="s">
        <v>174</v>
      </c>
      <c r="T4888" s="98" t="s">
        <v>174</v>
      </c>
      <c r="U4888" s="98" t="s">
        <v>174</v>
      </c>
      <c r="V4888" s="98" t="s">
        <v>174</v>
      </c>
      <c r="W4888" s="98" t="s">
        <v>174</v>
      </c>
      <c r="X4888" s="98" t="s">
        <v>174</v>
      </c>
      <c r="Y4888" s="98" t="s">
        <v>174</v>
      </c>
      <c r="Z4888" s="98" t="s">
        <v>174</v>
      </c>
      <c r="AA4888" s="98" t="s">
        <v>174</v>
      </c>
      <c r="AB4888" s="98" t="s">
        <v>174</v>
      </c>
      <c r="AC4888" s="98" t="s">
        <v>174</v>
      </c>
      <c r="AD4888" s="98" t="s">
        <v>174</v>
      </c>
      <c r="AE4888" s="98" t="s">
        <v>174</v>
      </c>
      <c r="AF4888" s="98" t="s">
        <v>174</v>
      </c>
      <c r="AG4888" s="98" t="s">
        <v>174</v>
      </c>
      <c r="AH4888" s="98" t="s">
        <v>174</v>
      </c>
      <c r="AI4888" s="98" t="s">
        <v>174</v>
      </c>
      <c r="AJ4888" s="98" t="s">
        <v>174</v>
      </c>
      <c r="AK4888" s="98" t="s">
        <v>174</v>
      </c>
      <c r="AL4888" s="98" t="s">
        <v>174</v>
      </c>
      <c r="AM4888" s="98" t="s">
        <v>174</v>
      </c>
      <c r="AN4888" s="98" t="s">
        <v>174</v>
      </c>
      <c r="AO4888" s="98" t="s">
        <v>174</v>
      </c>
      <c r="AP4888" s="98" t="s">
        <v>174</v>
      </c>
      <c r="AQ4888" s="98" t="s">
        <v>174</v>
      </c>
      <c r="AR4888" s="98" t="s">
        <v>174</v>
      </c>
      <c r="AS4888" s="98" t="s">
        <v>174</v>
      </c>
      <c r="AT4888" s="129" t="s">
        <v>174</v>
      </c>
      <c r="AU4888" s="98" t="s">
        <v>174</v>
      </c>
      <c r="AV4888" s="98" t="s">
        <v>174</v>
      </c>
      <c r="AW4888" s="98" t="s">
        <v>174</v>
      </c>
      <c r="AX4888" s="98"/>
      <c r="AY4888" s="98"/>
      <c r="AZ4888" s="98"/>
      <c r="BA4888" s="98"/>
      <c r="BB4888" s="107">
        <v>45884</v>
      </c>
    </row>
    <row r="4889" spans="1:54" s="8" customFormat="1" ht="13.95" customHeight="1" x14ac:dyDescent="0.25">
      <c r="A4889" s="219" t="s">
        <v>11195</v>
      </c>
      <c r="B4889" s="220" t="s">
        <v>10412</v>
      </c>
      <c r="C4889" s="98" t="s">
        <v>11196</v>
      </c>
      <c r="D4889" s="98" t="s">
        <v>11197</v>
      </c>
      <c r="E4889" s="141" t="s">
        <v>174</v>
      </c>
      <c r="F4889" s="141">
        <v>3950</v>
      </c>
      <c r="G4889" s="98" t="s">
        <v>1</v>
      </c>
      <c r="H4889" s="98">
        <v>0</v>
      </c>
      <c r="I4889" s="98">
        <v>0</v>
      </c>
      <c r="J4889" s="98">
        <v>1</v>
      </c>
      <c r="K4889" s="98" t="s">
        <v>174</v>
      </c>
      <c r="L4889" s="98" t="s">
        <v>174</v>
      </c>
      <c r="M4889" s="98" t="s">
        <v>174</v>
      </c>
      <c r="N4889" s="98" t="s">
        <v>174</v>
      </c>
      <c r="O4889" s="98" t="s">
        <v>174</v>
      </c>
      <c r="P4889" s="98" t="s">
        <v>174</v>
      </c>
      <c r="Q4889" s="98" t="s">
        <v>174</v>
      </c>
      <c r="R4889" s="98" t="s">
        <v>174</v>
      </c>
      <c r="S4889" s="98" t="s">
        <v>174</v>
      </c>
      <c r="T4889" s="98" t="s">
        <v>174</v>
      </c>
      <c r="U4889" s="99"/>
      <c r="V4889" s="99"/>
      <c r="W4889" s="99"/>
      <c r="X4889" s="99"/>
      <c r="Y4889" s="99"/>
      <c r="Z4889" s="99"/>
      <c r="AA4889" s="99"/>
      <c r="AB4889" s="99"/>
      <c r="AC4889" s="99"/>
      <c r="AD4889" s="99"/>
      <c r="AE4889" s="99"/>
      <c r="AF4889" s="99"/>
      <c r="AG4889" s="99"/>
      <c r="AH4889" s="99"/>
      <c r="AI4889" s="99"/>
      <c r="AJ4889" s="99"/>
      <c r="AK4889" s="99"/>
      <c r="AL4889" s="99"/>
      <c r="AM4889" s="99"/>
      <c r="AN4889" s="99"/>
      <c r="AO4889" s="99"/>
      <c r="AP4889" s="99"/>
      <c r="AQ4889" s="99"/>
      <c r="AR4889" s="99"/>
      <c r="AS4889" s="99"/>
      <c r="AT4889" s="99"/>
      <c r="AU4889" s="99"/>
      <c r="AV4889" s="99"/>
      <c r="AW4889" s="99"/>
      <c r="AX4889" s="99"/>
      <c r="AY4889" s="99"/>
      <c r="AZ4889" s="99"/>
      <c r="BA4889" s="99"/>
      <c r="BB4889" s="107">
        <v>45884</v>
      </c>
    </row>
    <row r="4890" spans="1:54" s="8" customFormat="1" ht="13.95" customHeight="1" x14ac:dyDescent="0.25">
      <c r="A4890" s="219" t="s">
        <v>11198</v>
      </c>
      <c r="B4890" s="220" t="s">
        <v>10412</v>
      </c>
      <c r="C4890" s="98" t="s">
        <v>11199</v>
      </c>
      <c r="D4890" s="98" t="s">
        <v>11200</v>
      </c>
      <c r="E4890" s="141" t="s">
        <v>174</v>
      </c>
      <c r="F4890" s="141">
        <v>3958</v>
      </c>
      <c r="G4890" s="98" t="s">
        <v>1</v>
      </c>
      <c r="H4890" s="98">
        <v>1</v>
      </c>
      <c r="I4890" s="98">
        <v>0</v>
      </c>
      <c r="J4890" s="98">
        <v>1</v>
      </c>
      <c r="K4890" s="98" t="s">
        <v>174</v>
      </c>
      <c r="L4890" s="98" t="s">
        <v>174</v>
      </c>
      <c r="M4890" s="98" t="s">
        <v>174</v>
      </c>
      <c r="N4890" s="98" t="s">
        <v>174</v>
      </c>
      <c r="O4890" s="98" t="s">
        <v>174</v>
      </c>
      <c r="P4890" s="98" t="s">
        <v>174</v>
      </c>
      <c r="Q4890" s="98" t="s">
        <v>174</v>
      </c>
      <c r="R4890" s="98" t="s">
        <v>174</v>
      </c>
      <c r="S4890" s="98" t="s">
        <v>174</v>
      </c>
      <c r="T4890" s="98" t="s">
        <v>174</v>
      </c>
      <c r="U4890" s="98" t="s">
        <v>174</v>
      </c>
      <c r="V4890" s="98" t="s">
        <v>174</v>
      </c>
      <c r="W4890" s="98" t="s">
        <v>174</v>
      </c>
      <c r="X4890" s="98" t="s">
        <v>174</v>
      </c>
      <c r="Y4890" s="98" t="s">
        <v>174</v>
      </c>
      <c r="Z4890" s="98" t="s">
        <v>174</v>
      </c>
      <c r="AA4890" s="98" t="s">
        <v>174</v>
      </c>
      <c r="AB4890" s="98" t="s">
        <v>174</v>
      </c>
      <c r="AC4890" s="98" t="s">
        <v>174</v>
      </c>
      <c r="AD4890" s="98" t="s">
        <v>174</v>
      </c>
      <c r="AE4890" s="98" t="s">
        <v>174</v>
      </c>
      <c r="AF4890" s="98" t="s">
        <v>174</v>
      </c>
      <c r="AG4890" s="98" t="s">
        <v>174</v>
      </c>
      <c r="AH4890" s="98" t="s">
        <v>174</v>
      </c>
      <c r="AI4890" s="98" t="s">
        <v>174</v>
      </c>
      <c r="AJ4890" s="98" t="s">
        <v>174</v>
      </c>
      <c r="AK4890" s="98" t="s">
        <v>174</v>
      </c>
      <c r="AL4890" s="98" t="s">
        <v>174</v>
      </c>
      <c r="AM4890" s="98" t="s">
        <v>174</v>
      </c>
      <c r="AN4890" s="98" t="s">
        <v>174</v>
      </c>
      <c r="AO4890" s="98" t="s">
        <v>174</v>
      </c>
      <c r="AP4890" s="98" t="s">
        <v>174</v>
      </c>
      <c r="AQ4890" s="98" t="s">
        <v>174</v>
      </c>
      <c r="AR4890" s="98" t="s">
        <v>174</v>
      </c>
      <c r="AS4890" s="98" t="s">
        <v>174</v>
      </c>
      <c r="AT4890" s="129" t="s">
        <v>174</v>
      </c>
      <c r="AU4890" s="98" t="s">
        <v>174</v>
      </c>
      <c r="AV4890" s="98" t="s">
        <v>174</v>
      </c>
      <c r="AW4890" s="98" t="s">
        <v>174</v>
      </c>
      <c r="AX4890" s="98"/>
      <c r="AY4890" s="98"/>
      <c r="AZ4890" s="98"/>
      <c r="BA4890" s="98"/>
      <c r="BB4890" s="107">
        <v>45884</v>
      </c>
    </row>
    <row r="4891" spans="1:54" s="8" customFormat="1" ht="13.95" customHeight="1" x14ac:dyDescent="0.25">
      <c r="A4891" s="219" t="s">
        <v>11201</v>
      </c>
      <c r="B4891" s="220" t="s">
        <v>10412</v>
      </c>
      <c r="C4891" s="98" t="s">
        <v>11202</v>
      </c>
      <c r="D4891" s="98" t="s">
        <v>11203</v>
      </c>
      <c r="E4891" s="141" t="s">
        <v>174</v>
      </c>
      <c r="F4891" s="141">
        <v>3968</v>
      </c>
      <c r="G4891" s="98" t="s">
        <v>1</v>
      </c>
      <c r="H4891" s="98">
        <v>0</v>
      </c>
      <c r="I4891" s="98">
        <v>0</v>
      </c>
      <c r="J4891" s="98">
        <v>1</v>
      </c>
      <c r="K4891" s="98" t="s">
        <v>174</v>
      </c>
      <c r="L4891" s="98" t="s">
        <v>174</v>
      </c>
      <c r="M4891" s="98" t="s">
        <v>174</v>
      </c>
      <c r="N4891" s="98" t="s">
        <v>174</v>
      </c>
      <c r="O4891" s="98" t="s">
        <v>174</v>
      </c>
      <c r="P4891" s="98" t="s">
        <v>174</v>
      </c>
      <c r="Q4891" s="98" t="s">
        <v>174</v>
      </c>
      <c r="R4891" s="98" t="s">
        <v>174</v>
      </c>
      <c r="S4891" s="98" t="s">
        <v>174</v>
      </c>
      <c r="T4891" s="98" t="s">
        <v>174</v>
      </c>
      <c r="U4891" s="99"/>
      <c r="V4891" s="99"/>
      <c r="W4891" s="99"/>
      <c r="X4891" s="99"/>
      <c r="Y4891" s="99"/>
      <c r="Z4891" s="99"/>
      <c r="AA4891" s="99"/>
      <c r="AB4891" s="99"/>
      <c r="AC4891" s="99"/>
      <c r="AD4891" s="99"/>
      <c r="AE4891" s="99"/>
      <c r="AF4891" s="99"/>
      <c r="AG4891" s="99"/>
      <c r="AH4891" s="99"/>
      <c r="AI4891" s="99"/>
      <c r="AJ4891" s="99"/>
      <c r="AK4891" s="99"/>
      <c r="AL4891" s="99"/>
      <c r="AM4891" s="99"/>
      <c r="AN4891" s="99"/>
      <c r="AO4891" s="99"/>
      <c r="AP4891" s="99"/>
      <c r="AQ4891" s="99"/>
      <c r="AR4891" s="99"/>
      <c r="AS4891" s="99"/>
      <c r="AT4891" s="99"/>
      <c r="AU4891" s="99"/>
      <c r="AV4891" s="99"/>
      <c r="AW4891" s="99"/>
      <c r="AX4891" s="99"/>
      <c r="AY4891" s="99"/>
      <c r="AZ4891" s="99"/>
      <c r="BA4891" s="99"/>
      <c r="BB4891" s="107">
        <v>45884</v>
      </c>
    </row>
    <row r="4892" spans="1:54" s="8" customFormat="1" ht="13.95" customHeight="1" x14ac:dyDescent="0.25">
      <c r="A4892" s="219" t="s">
        <v>11204</v>
      </c>
      <c r="B4892" s="220" t="s">
        <v>10412</v>
      </c>
      <c r="C4892" s="98" t="s">
        <v>11205</v>
      </c>
      <c r="D4892" s="98" t="s">
        <v>11206</v>
      </c>
      <c r="E4892" s="141" t="s">
        <v>174</v>
      </c>
      <c r="F4892" s="141">
        <v>3985</v>
      </c>
      <c r="G4892" s="98" t="s">
        <v>13</v>
      </c>
      <c r="H4892" s="98">
        <v>1</v>
      </c>
      <c r="I4892" s="98">
        <v>1</v>
      </c>
      <c r="J4892" s="98">
        <v>1</v>
      </c>
      <c r="K4892" s="98" t="s">
        <v>174</v>
      </c>
      <c r="L4892" s="98" t="s">
        <v>174</v>
      </c>
      <c r="M4892" s="98" t="s">
        <v>174</v>
      </c>
      <c r="N4892" s="98" t="s">
        <v>174</v>
      </c>
      <c r="O4892" s="98" t="s">
        <v>174</v>
      </c>
      <c r="P4892" s="98" t="s">
        <v>174</v>
      </c>
      <c r="Q4892" s="98" t="s">
        <v>174</v>
      </c>
      <c r="R4892" s="98" t="s">
        <v>174</v>
      </c>
      <c r="S4892" s="98" t="s">
        <v>174</v>
      </c>
      <c r="T4892" s="98" t="s">
        <v>174</v>
      </c>
      <c r="U4892" s="99"/>
      <c r="V4892" s="99"/>
      <c r="W4892" s="99"/>
      <c r="X4892" s="99"/>
      <c r="Y4892" s="99"/>
      <c r="Z4892" s="99"/>
      <c r="AA4892" s="99"/>
      <c r="AB4892" s="99"/>
      <c r="AC4892" s="99"/>
      <c r="AD4892" s="99"/>
      <c r="AE4892" s="99"/>
      <c r="AF4892" s="99"/>
      <c r="AG4892" s="99"/>
      <c r="AH4892" s="99"/>
      <c r="AI4892" s="99"/>
      <c r="AJ4892" s="99"/>
      <c r="AK4892" s="99"/>
      <c r="AL4892" s="99"/>
      <c r="AM4892" s="99"/>
      <c r="AN4892" s="99"/>
      <c r="AO4892" s="99"/>
      <c r="AP4892" s="99"/>
      <c r="AQ4892" s="99"/>
      <c r="AR4892" s="99"/>
      <c r="AS4892" s="99"/>
      <c r="AT4892" s="99"/>
      <c r="AU4892" s="99"/>
      <c r="AV4892" s="99"/>
      <c r="AW4892" s="99"/>
      <c r="AX4892" s="99"/>
      <c r="AY4892" s="99"/>
      <c r="AZ4892" s="99"/>
      <c r="BA4892" s="99"/>
      <c r="BB4892" s="107">
        <v>45884</v>
      </c>
    </row>
    <row r="4893" spans="1:54" s="8" customFormat="1" ht="13.95" customHeight="1" x14ac:dyDescent="0.25">
      <c r="A4893" s="219" t="s">
        <v>11207</v>
      </c>
      <c r="B4893" s="220" t="s">
        <v>10412</v>
      </c>
      <c r="C4893" s="98" t="s">
        <v>11208</v>
      </c>
      <c r="D4893" s="98" t="s">
        <v>11209</v>
      </c>
      <c r="E4893" s="141" t="s">
        <v>174</v>
      </c>
      <c r="F4893" s="141">
        <v>4226</v>
      </c>
      <c r="G4893" s="98" t="s">
        <v>1</v>
      </c>
      <c r="H4893" s="98">
        <v>0</v>
      </c>
      <c r="I4893" s="98">
        <v>0</v>
      </c>
      <c r="J4893" s="98">
        <v>1</v>
      </c>
      <c r="K4893" s="98" t="s">
        <v>174</v>
      </c>
      <c r="L4893" s="98" t="s">
        <v>174</v>
      </c>
      <c r="M4893" s="98" t="s">
        <v>174</v>
      </c>
      <c r="N4893" s="98" t="s">
        <v>174</v>
      </c>
      <c r="O4893" s="98" t="s">
        <v>174</v>
      </c>
      <c r="P4893" s="98" t="s">
        <v>174</v>
      </c>
      <c r="Q4893" s="98" t="s">
        <v>174</v>
      </c>
      <c r="R4893" s="98" t="s">
        <v>174</v>
      </c>
      <c r="S4893" s="98" t="s">
        <v>174</v>
      </c>
      <c r="T4893" s="98" t="s">
        <v>174</v>
      </c>
      <c r="U4893" s="98" t="s">
        <v>174</v>
      </c>
      <c r="V4893" s="98" t="s">
        <v>174</v>
      </c>
      <c r="W4893" s="98" t="s">
        <v>174</v>
      </c>
      <c r="X4893" s="98" t="s">
        <v>174</v>
      </c>
      <c r="Y4893" s="98" t="s">
        <v>174</v>
      </c>
      <c r="Z4893" s="98" t="s">
        <v>174</v>
      </c>
      <c r="AA4893" s="98" t="s">
        <v>174</v>
      </c>
      <c r="AB4893" s="98" t="s">
        <v>174</v>
      </c>
      <c r="AC4893" s="98" t="s">
        <v>174</v>
      </c>
      <c r="AD4893" s="98" t="s">
        <v>174</v>
      </c>
      <c r="AE4893" s="98" t="s">
        <v>174</v>
      </c>
      <c r="AF4893" s="98" t="s">
        <v>174</v>
      </c>
      <c r="AG4893" s="98" t="s">
        <v>174</v>
      </c>
      <c r="AH4893" s="98" t="s">
        <v>174</v>
      </c>
      <c r="AI4893" s="98" t="s">
        <v>174</v>
      </c>
      <c r="AJ4893" s="98" t="s">
        <v>174</v>
      </c>
      <c r="AK4893" s="98" t="s">
        <v>174</v>
      </c>
      <c r="AL4893" s="98" t="s">
        <v>174</v>
      </c>
      <c r="AM4893" s="98" t="s">
        <v>174</v>
      </c>
      <c r="AN4893" s="98" t="s">
        <v>174</v>
      </c>
      <c r="AO4893" s="98" t="s">
        <v>174</v>
      </c>
      <c r="AP4893" s="98" t="s">
        <v>174</v>
      </c>
      <c r="AQ4893" s="98" t="s">
        <v>174</v>
      </c>
      <c r="AR4893" s="98" t="s">
        <v>174</v>
      </c>
      <c r="AS4893" s="98" t="s">
        <v>174</v>
      </c>
      <c r="AT4893" s="129" t="s">
        <v>174</v>
      </c>
      <c r="AU4893" s="98" t="s">
        <v>174</v>
      </c>
      <c r="AV4893" s="98" t="s">
        <v>174</v>
      </c>
      <c r="AW4893" s="98" t="s">
        <v>174</v>
      </c>
      <c r="AX4893" s="98"/>
      <c r="AY4893" s="98"/>
      <c r="AZ4893" s="98"/>
      <c r="BA4893" s="98"/>
      <c r="BB4893" s="107">
        <v>45884</v>
      </c>
    </row>
    <row r="4894" spans="1:54" s="8" customFormat="1" ht="13.95" customHeight="1" x14ac:dyDescent="0.25">
      <c r="A4894" s="219" t="s">
        <v>11210</v>
      </c>
      <c r="B4894" s="220" t="s">
        <v>10412</v>
      </c>
      <c r="C4894" s="98" t="s">
        <v>11211</v>
      </c>
      <c r="D4894" s="98" t="s">
        <v>11212</v>
      </c>
      <c r="E4894" s="141" t="s">
        <v>174</v>
      </c>
      <c r="F4894" s="141">
        <v>4340</v>
      </c>
      <c r="G4894" s="98" t="s">
        <v>1</v>
      </c>
      <c r="H4894" s="98">
        <v>0</v>
      </c>
      <c r="I4894" s="98">
        <v>0</v>
      </c>
      <c r="J4894" s="98">
        <v>1</v>
      </c>
      <c r="K4894" s="98" t="s">
        <v>174</v>
      </c>
      <c r="L4894" s="98" t="s">
        <v>174</v>
      </c>
      <c r="M4894" s="98" t="s">
        <v>174</v>
      </c>
      <c r="N4894" s="98" t="s">
        <v>174</v>
      </c>
      <c r="O4894" s="98" t="s">
        <v>174</v>
      </c>
      <c r="P4894" s="98" t="s">
        <v>174</v>
      </c>
      <c r="Q4894" s="98" t="s">
        <v>174</v>
      </c>
      <c r="R4894" s="98" t="s">
        <v>174</v>
      </c>
      <c r="S4894" s="98" t="s">
        <v>174</v>
      </c>
      <c r="T4894" s="98" t="s">
        <v>174</v>
      </c>
      <c r="U4894" s="99"/>
      <c r="V4894" s="99"/>
      <c r="W4894" s="99"/>
      <c r="X4894" s="99"/>
      <c r="Y4894" s="99"/>
      <c r="Z4894" s="99"/>
      <c r="AA4894" s="99"/>
      <c r="AB4894" s="99"/>
      <c r="AC4894" s="99"/>
      <c r="AD4894" s="99"/>
      <c r="AE4894" s="99"/>
      <c r="AF4894" s="99"/>
      <c r="AG4894" s="99"/>
      <c r="AH4894" s="99"/>
      <c r="AI4894" s="99"/>
      <c r="AJ4894" s="99"/>
      <c r="AK4894" s="99"/>
      <c r="AL4894" s="99"/>
      <c r="AM4894" s="99"/>
      <c r="AN4894" s="99"/>
      <c r="AO4894" s="99"/>
      <c r="AP4894" s="99"/>
      <c r="AQ4894" s="99"/>
      <c r="AR4894" s="99"/>
      <c r="AS4894" s="99"/>
      <c r="AT4894" s="99"/>
      <c r="AU4894" s="99"/>
      <c r="AV4894" s="99"/>
      <c r="AW4894" s="99"/>
      <c r="AX4894" s="99"/>
      <c r="AY4894" s="99"/>
      <c r="AZ4894" s="99"/>
      <c r="BA4894" s="99"/>
      <c r="BB4894" s="107">
        <v>45884</v>
      </c>
    </row>
    <row r="4895" spans="1:54" s="8" customFormat="1" ht="13.95" customHeight="1" x14ac:dyDescent="0.25">
      <c r="A4895" s="219" t="s">
        <v>11213</v>
      </c>
      <c r="B4895" s="220" t="s">
        <v>10412</v>
      </c>
      <c r="C4895" s="98" t="s">
        <v>11214</v>
      </c>
      <c r="D4895" s="98" t="s">
        <v>11215</v>
      </c>
      <c r="E4895" s="141" t="s">
        <v>174</v>
      </c>
      <c r="F4895" s="141">
        <v>4383</v>
      </c>
      <c r="G4895" s="98" t="s">
        <v>1</v>
      </c>
      <c r="H4895" s="98">
        <v>0</v>
      </c>
      <c r="I4895" s="98">
        <v>0</v>
      </c>
      <c r="J4895" s="98">
        <v>0</v>
      </c>
      <c r="K4895" s="98" t="s">
        <v>174</v>
      </c>
      <c r="L4895" s="98" t="s">
        <v>174</v>
      </c>
      <c r="M4895" s="98" t="s">
        <v>174</v>
      </c>
      <c r="N4895" s="98" t="s">
        <v>174</v>
      </c>
      <c r="O4895" s="98" t="s">
        <v>174</v>
      </c>
      <c r="P4895" s="98" t="s">
        <v>174</v>
      </c>
      <c r="Q4895" s="98" t="s">
        <v>174</v>
      </c>
      <c r="R4895" s="98" t="s">
        <v>174</v>
      </c>
      <c r="S4895" s="98" t="s">
        <v>174</v>
      </c>
      <c r="T4895" s="98" t="s">
        <v>174</v>
      </c>
      <c r="U4895" s="98" t="s">
        <v>174</v>
      </c>
      <c r="V4895" s="98" t="s">
        <v>174</v>
      </c>
      <c r="W4895" s="98" t="s">
        <v>174</v>
      </c>
      <c r="X4895" s="98" t="s">
        <v>174</v>
      </c>
      <c r="Y4895" s="98" t="s">
        <v>174</v>
      </c>
      <c r="Z4895" s="98" t="s">
        <v>174</v>
      </c>
      <c r="AA4895" s="98" t="s">
        <v>174</v>
      </c>
      <c r="AB4895" s="98" t="s">
        <v>174</v>
      </c>
      <c r="AC4895" s="98" t="s">
        <v>174</v>
      </c>
      <c r="AD4895" s="98" t="s">
        <v>174</v>
      </c>
      <c r="AE4895" s="98" t="s">
        <v>174</v>
      </c>
      <c r="AF4895" s="98" t="s">
        <v>174</v>
      </c>
      <c r="AG4895" s="98" t="s">
        <v>174</v>
      </c>
      <c r="AH4895" s="98" t="s">
        <v>174</v>
      </c>
      <c r="AI4895" s="98" t="s">
        <v>174</v>
      </c>
      <c r="AJ4895" s="98" t="s">
        <v>174</v>
      </c>
      <c r="AK4895" s="98" t="s">
        <v>174</v>
      </c>
      <c r="AL4895" s="98" t="s">
        <v>174</v>
      </c>
      <c r="AM4895" s="98" t="s">
        <v>174</v>
      </c>
      <c r="AN4895" s="98" t="s">
        <v>174</v>
      </c>
      <c r="AO4895" s="98" t="s">
        <v>174</v>
      </c>
      <c r="AP4895" s="98" t="s">
        <v>174</v>
      </c>
      <c r="AQ4895" s="98" t="s">
        <v>174</v>
      </c>
      <c r="AR4895" s="98" t="s">
        <v>174</v>
      </c>
      <c r="AS4895" s="98" t="s">
        <v>174</v>
      </c>
      <c r="AT4895" s="129" t="s">
        <v>174</v>
      </c>
      <c r="AU4895" s="98" t="s">
        <v>174</v>
      </c>
      <c r="AV4895" s="98" t="s">
        <v>174</v>
      </c>
      <c r="AW4895" s="98" t="s">
        <v>174</v>
      </c>
      <c r="AX4895" s="98"/>
      <c r="AY4895" s="98"/>
      <c r="AZ4895" s="98"/>
      <c r="BA4895" s="98"/>
      <c r="BB4895" s="107">
        <v>45884</v>
      </c>
    </row>
    <row r="4896" spans="1:54" s="8" customFormat="1" ht="13.95" customHeight="1" x14ac:dyDescent="0.25">
      <c r="A4896" s="219" t="s">
        <v>11216</v>
      </c>
      <c r="B4896" s="220" t="s">
        <v>10412</v>
      </c>
      <c r="C4896" s="98" t="s">
        <v>11217</v>
      </c>
      <c r="D4896" s="98" t="s">
        <v>11218</v>
      </c>
      <c r="E4896" s="141" t="s">
        <v>174</v>
      </c>
      <c r="F4896" s="141">
        <v>4430</v>
      </c>
      <c r="G4896" s="98" t="s">
        <v>1</v>
      </c>
      <c r="H4896" s="98">
        <v>1</v>
      </c>
      <c r="I4896" s="98">
        <v>1</v>
      </c>
      <c r="J4896" s="98">
        <v>1</v>
      </c>
      <c r="K4896" s="98" t="s">
        <v>174</v>
      </c>
      <c r="L4896" s="98" t="s">
        <v>174</v>
      </c>
      <c r="M4896" s="98" t="s">
        <v>174</v>
      </c>
      <c r="N4896" s="98" t="s">
        <v>174</v>
      </c>
      <c r="O4896" s="98" t="s">
        <v>174</v>
      </c>
      <c r="P4896" s="98" t="s">
        <v>174</v>
      </c>
      <c r="Q4896" s="98" t="s">
        <v>174</v>
      </c>
      <c r="R4896" s="98" t="s">
        <v>174</v>
      </c>
      <c r="S4896" s="98" t="s">
        <v>174</v>
      </c>
      <c r="T4896" s="98" t="s">
        <v>174</v>
      </c>
      <c r="U4896" s="99"/>
      <c r="V4896" s="99"/>
      <c r="W4896" s="99"/>
      <c r="X4896" s="99"/>
      <c r="Y4896" s="99"/>
      <c r="Z4896" s="99"/>
      <c r="AA4896" s="99"/>
      <c r="AB4896" s="99"/>
      <c r="AC4896" s="99"/>
      <c r="AD4896" s="99"/>
      <c r="AE4896" s="99"/>
      <c r="AF4896" s="99"/>
      <c r="AG4896" s="99"/>
      <c r="AH4896" s="99"/>
      <c r="AI4896" s="99"/>
      <c r="AJ4896" s="99"/>
      <c r="AK4896" s="99"/>
      <c r="AL4896" s="99"/>
      <c r="AM4896" s="99"/>
      <c r="AN4896" s="99"/>
      <c r="AO4896" s="99"/>
      <c r="AP4896" s="99"/>
      <c r="AQ4896" s="99"/>
      <c r="AR4896" s="99"/>
      <c r="AS4896" s="99"/>
      <c r="AT4896" s="99"/>
      <c r="AU4896" s="99"/>
      <c r="AV4896" s="99"/>
      <c r="AW4896" s="99"/>
      <c r="AX4896" s="99"/>
      <c r="AY4896" s="99"/>
      <c r="AZ4896" s="99"/>
      <c r="BA4896" s="99"/>
      <c r="BB4896" s="107">
        <v>45884</v>
      </c>
    </row>
    <row r="4897" spans="1:54" s="8" customFormat="1" ht="13.95" customHeight="1" x14ac:dyDescent="0.25">
      <c r="A4897" s="219" t="s">
        <v>11219</v>
      </c>
      <c r="B4897" s="220" t="s">
        <v>10412</v>
      </c>
      <c r="C4897" s="98" t="s">
        <v>11220</v>
      </c>
      <c r="D4897" s="98" t="s">
        <v>11221</v>
      </c>
      <c r="E4897" s="141" t="s">
        <v>174</v>
      </c>
      <c r="F4897" s="141">
        <v>4541</v>
      </c>
      <c r="G4897" s="98" t="s">
        <v>1</v>
      </c>
      <c r="H4897" s="98">
        <v>1</v>
      </c>
      <c r="I4897" s="98">
        <v>1</v>
      </c>
      <c r="J4897" s="98">
        <v>1</v>
      </c>
      <c r="K4897" s="98" t="s">
        <v>174</v>
      </c>
      <c r="L4897" s="98" t="s">
        <v>174</v>
      </c>
      <c r="M4897" s="98" t="s">
        <v>174</v>
      </c>
      <c r="N4897" s="98" t="s">
        <v>174</v>
      </c>
      <c r="O4897" s="98" t="s">
        <v>174</v>
      </c>
      <c r="P4897" s="98" t="s">
        <v>174</v>
      </c>
      <c r="Q4897" s="98" t="s">
        <v>174</v>
      </c>
      <c r="R4897" s="98" t="s">
        <v>174</v>
      </c>
      <c r="S4897" s="98" t="s">
        <v>174</v>
      </c>
      <c r="T4897" s="98" t="s">
        <v>174</v>
      </c>
      <c r="U4897" s="99"/>
      <c r="V4897" s="99"/>
      <c r="W4897" s="99"/>
      <c r="X4897" s="99"/>
      <c r="Y4897" s="99"/>
      <c r="Z4897" s="99"/>
      <c r="AA4897" s="99"/>
      <c r="AB4897" s="99"/>
      <c r="AC4897" s="99"/>
      <c r="AD4897" s="99"/>
      <c r="AE4897" s="99"/>
      <c r="AF4897" s="99"/>
      <c r="AG4897" s="99"/>
      <c r="AH4897" s="99"/>
      <c r="AI4897" s="99"/>
      <c r="AJ4897" s="99"/>
      <c r="AK4897" s="99"/>
      <c r="AL4897" s="99"/>
      <c r="AM4897" s="99"/>
      <c r="AN4897" s="99"/>
      <c r="AO4897" s="99"/>
      <c r="AP4897" s="99"/>
      <c r="AQ4897" s="99"/>
      <c r="AR4897" s="99"/>
      <c r="AS4897" s="99"/>
      <c r="AT4897" s="99"/>
      <c r="AU4897" s="99"/>
      <c r="AV4897" s="99"/>
      <c r="AW4897" s="99"/>
      <c r="AX4897" s="99"/>
      <c r="AY4897" s="99"/>
      <c r="AZ4897" s="99"/>
      <c r="BA4897" s="99"/>
      <c r="BB4897" s="107">
        <v>45884</v>
      </c>
    </row>
    <row r="4898" spans="1:54" s="8" customFormat="1" ht="13.95" customHeight="1" x14ac:dyDescent="0.25">
      <c r="A4898" s="219" t="s">
        <v>11222</v>
      </c>
      <c r="B4898" s="220" t="s">
        <v>10412</v>
      </c>
      <c r="C4898" s="98" t="s">
        <v>11223</v>
      </c>
      <c r="D4898" s="98" t="s">
        <v>11224</v>
      </c>
      <c r="E4898" s="141" t="s">
        <v>174</v>
      </c>
      <c r="F4898" s="141">
        <v>4551</v>
      </c>
      <c r="G4898" s="98" t="s">
        <v>1</v>
      </c>
      <c r="H4898" s="98">
        <v>0</v>
      </c>
      <c r="I4898" s="98">
        <v>0</v>
      </c>
      <c r="J4898" s="98">
        <v>1</v>
      </c>
      <c r="K4898" s="98" t="s">
        <v>174</v>
      </c>
      <c r="L4898" s="98" t="s">
        <v>174</v>
      </c>
      <c r="M4898" s="98" t="s">
        <v>174</v>
      </c>
      <c r="N4898" s="98" t="s">
        <v>174</v>
      </c>
      <c r="O4898" s="98" t="s">
        <v>174</v>
      </c>
      <c r="P4898" s="98" t="s">
        <v>174</v>
      </c>
      <c r="Q4898" s="98" t="s">
        <v>174</v>
      </c>
      <c r="R4898" s="98" t="s">
        <v>174</v>
      </c>
      <c r="S4898" s="98" t="s">
        <v>174</v>
      </c>
      <c r="T4898" s="98" t="s">
        <v>174</v>
      </c>
      <c r="U4898" s="99"/>
      <c r="V4898" s="99"/>
      <c r="W4898" s="99"/>
      <c r="X4898" s="99"/>
      <c r="Y4898" s="99"/>
      <c r="Z4898" s="99"/>
      <c r="AA4898" s="99"/>
      <c r="AB4898" s="99"/>
      <c r="AC4898" s="99"/>
      <c r="AD4898" s="99"/>
      <c r="AE4898" s="99"/>
      <c r="AF4898" s="99"/>
      <c r="AG4898" s="99"/>
      <c r="AH4898" s="99"/>
      <c r="AI4898" s="99"/>
      <c r="AJ4898" s="99"/>
      <c r="AK4898" s="99"/>
      <c r="AL4898" s="99"/>
      <c r="AM4898" s="99"/>
      <c r="AN4898" s="99"/>
      <c r="AO4898" s="99"/>
      <c r="AP4898" s="99"/>
      <c r="AQ4898" s="99"/>
      <c r="AR4898" s="99"/>
      <c r="AS4898" s="99"/>
      <c r="AT4898" s="99"/>
      <c r="AU4898" s="99"/>
      <c r="AV4898" s="99"/>
      <c r="AW4898" s="99"/>
      <c r="AX4898" s="99"/>
      <c r="AY4898" s="99"/>
      <c r="AZ4898" s="99"/>
      <c r="BA4898" s="99"/>
      <c r="BB4898" s="107">
        <v>45884</v>
      </c>
    </row>
    <row r="4899" spans="1:54" s="8" customFormat="1" ht="13.95" customHeight="1" x14ac:dyDescent="0.25">
      <c r="A4899" s="219" t="s">
        <v>11225</v>
      </c>
      <c r="B4899" s="220" t="s">
        <v>10412</v>
      </c>
      <c r="C4899" s="98" t="s">
        <v>11226</v>
      </c>
      <c r="D4899" s="98" t="s">
        <v>11227</v>
      </c>
      <c r="E4899" s="141" t="s">
        <v>174</v>
      </c>
      <c r="F4899" s="141">
        <v>4621</v>
      </c>
      <c r="G4899" s="98" t="s">
        <v>1</v>
      </c>
      <c r="H4899" s="98">
        <v>0</v>
      </c>
      <c r="I4899" s="98">
        <v>0</v>
      </c>
      <c r="J4899" s="98">
        <v>1</v>
      </c>
      <c r="K4899" s="98" t="s">
        <v>174</v>
      </c>
      <c r="L4899" s="98" t="s">
        <v>174</v>
      </c>
      <c r="M4899" s="98" t="s">
        <v>174</v>
      </c>
      <c r="N4899" s="98" t="s">
        <v>174</v>
      </c>
      <c r="O4899" s="98" t="s">
        <v>174</v>
      </c>
      <c r="P4899" s="98" t="s">
        <v>174</v>
      </c>
      <c r="Q4899" s="98" t="s">
        <v>174</v>
      </c>
      <c r="R4899" s="98" t="s">
        <v>174</v>
      </c>
      <c r="S4899" s="98" t="s">
        <v>174</v>
      </c>
      <c r="T4899" s="98" t="s">
        <v>174</v>
      </c>
      <c r="U4899" s="99"/>
      <c r="V4899" s="99"/>
      <c r="W4899" s="99"/>
      <c r="X4899" s="99"/>
      <c r="Y4899" s="99"/>
      <c r="Z4899" s="99"/>
      <c r="AA4899" s="99"/>
      <c r="AB4899" s="99"/>
      <c r="AC4899" s="99"/>
      <c r="AD4899" s="99"/>
      <c r="AE4899" s="99"/>
      <c r="AF4899" s="99"/>
      <c r="AG4899" s="99"/>
      <c r="AH4899" s="99"/>
      <c r="AI4899" s="99"/>
      <c r="AJ4899" s="99"/>
      <c r="AK4899" s="99"/>
      <c r="AL4899" s="99"/>
      <c r="AM4899" s="99"/>
      <c r="AN4899" s="99"/>
      <c r="AO4899" s="99"/>
      <c r="AP4899" s="99"/>
      <c r="AQ4899" s="99"/>
      <c r="AR4899" s="99"/>
      <c r="AS4899" s="99"/>
      <c r="AT4899" s="99"/>
      <c r="AU4899" s="99"/>
      <c r="AV4899" s="99"/>
      <c r="AW4899" s="99"/>
      <c r="AX4899" s="99"/>
      <c r="AY4899" s="99"/>
      <c r="AZ4899" s="99"/>
      <c r="BA4899" s="99"/>
      <c r="BB4899" s="107">
        <v>45884</v>
      </c>
    </row>
    <row r="4900" spans="1:54" s="8" customFormat="1" ht="13.95" customHeight="1" x14ac:dyDescent="0.25">
      <c r="A4900" s="219" t="s">
        <v>11228</v>
      </c>
      <c r="B4900" s="220" t="s">
        <v>10412</v>
      </c>
      <c r="C4900" s="98" t="s">
        <v>11229</v>
      </c>
      <c r="D4900" s="98" t="s">
        <v>11230</v>
      </c>
      <c r="E4900" s="141" t="s">
        <v>174</v>
      </c>
      <c r="F4900" s="141">
        <v>4651</v>
      </c>
      <c r="G4900" s="98" t="s">
        <v>1</v>
      </c>
      <c r="H4900" s="98">
        <v>0</v>
      </c>
      <c r="I4900" s="98">
        <v>0</v>
      </c>
      <c r="J4900" s="98">
        <v>1</v>
      </c>
      <c r="K4900" s="98" t="s">
        <v>174</v>
      </c>
      <c r="L4900" s="98" t="s">
        <v>174</v>
      </c>
      <c r="M4900" s="98" t="s">
        <v>174</v>
      </c>
      <c r="N4900" s="98" t="s">
        <v>174</v>
      </c>
      <c r="O4900" s="98" t="s">
        <v>174</v>
      </c>
      <c r="P4900" s="98" t="s">
        <v>174</v>
      </c>
      <c r="Q4900" s="98" t="s">
        <v>174</v>
      </c>
      <c r="R4900" s="98" t="s">
        <v>174</v>
      </c>
      <c r="S4900" s="98" t="s">
        <v>174</v>
      </c>
      <c r="T4900" s="98" t="s">
        <v>174</v>
      </c>
      <c r="U4900" s="99"/>
      <c r="V4900" s="99"/>
      <c r="W4900" s="99"/>
      <c r="X4900" s="99"/>
      <c r="Y4900" s="99"/>
      <c r="Z4900" s="99"/>
      <c r="AA4900" s="99"/>
      <c r="AB4900" s="99"/>
      <c r="AC4900" s="99"/>
      <c r="AD4900" s="99"/>
      <c r="AE4900" s="99"/>
      <c r="AF4900" s="99"/>
      <c r="AG4900" s="99"/>
      <c r="AH4900" s="99"/>
      <c r="AI4900" s="99"/>
      <c r="AJ4900" s="99"/>
      <c r="AK4900" s="99"/>
      <c r="AL4900" s="99"/>
      <c r="AM4900" s="99"/>
      <c r="AN4900" s="99"/>
      <c r="AO4900" s="99"/>
      <c r="AP4900" s="99"/>
      <c r="AQ4900" s="99"/>
      <c r="AR4900" s="99"/>
      <c r="AS4900" s="99"/>
      <c r="AT4900" s="99"/>
      <c r="AU4900" s="99"/>
      <c r="AV4900" s="99"/>
      <c r="AW4900" s="99"/>
      <c r="AX4900" s="99"/>
      <c r="AY4900" s="99"/>
      <c r="AZ4900" s="99"/>
      <c r="BA4900" s="99"/>
      <c r="BB4900" s="107">
        <v>45884</v>
      </c>
    </row>
    <row r="4901" spans="1:54" s="8" customFormat="1" ht="13.95" customHeight="1" x14ac:dyDescent="0.25">
      <c r="A4901" s="219" t="s">
        <v>11231</v>
      </c>
      <c r="B4901" s="220" t="s">
        <v>10412</v>
      </c>
      <c r="C4901" s="98" t="s">
        <v>11232</v>
      </c>
      <c r="D4901" s="98" t="s">
        <v>11233</v>
      </c>
      <c r="E4901" s="141" t="s">
        <v>174</v>
      </c>
      <c r="F4901" s="141">
        <v>4669</v>
      </c>
      <c r="G4901" s="98" t="s">
        <v>1</v>
      </c>
      <c r="H4901" s="98">
        <v>0</v>
      </c>
      <c r="I4901" s="98">
        <v>0</v>
      </c>
      <c r="J4901" s="98">
        <v>1</v>
      </c>
      <c r="K4901" s="98" t="s">
        <v>174</v>
      </c>
      <c r="L4901" s="98" t="s">
        <v>174</v>
      </c>
      <c r="M4901" s="98" t="s">
        <v>174</v>
      </c>
      <c r="N4901" s="98" t="s">
        <v>174</v>
      </c>
      <c r="O4901" s="98" t="s">
        <v>174</v>
      </c>
      <c r="P4901" s="98" t="s">
        <v>174</v>
      </c>
      <c r="Q4901" s="98" t="s">
        <v>174</v>
      </c>
      <c r="R4901" s="98" t="s">
        <v>174</v>
      </c>
      <c r="S4901" s="98" t="s">
        <v>174</v>
      </c>
      <c r="T4901" s="98" t="s">
        <v>174</v>
      </c>
      <c r="U4901" s="99"/>
      <c r="V4901" s="99"/>
      <c r="W4901" s="99"/>
      <c r="X4901" s="99"/>
      <c r="Y4901" s="99"/>
      <c r="Z4901" s="99"/>
      <c r="AA4901" s="99"/>
      <c r="AB4901" s="99"/>
      <c r="AC4901" s="99"/>
      <c r="AD4901" s="99"/>
      <c r="AE4901" s="99"/>
      <c r="AF4901" s="99"/>
      <c r="AG4901" s="99"/>
      <c r="AH4901" s="99"/>
      <c r="AI4901" s="99"/>
      <c r="AJ4901" s="99"/>
      <c r="AK4901" s="99"/>
      <c r="AL4901" s="99"/>
      <c r="AM4901" s="99"/>
      <c r="AN4901" s="99"/>
      <c r="AO4901" s="99"/>
      <c r="AP4901" s="99"/>
      <c r="AQ4901" s="99"/>
      <c r="AR4901" s="99"/>
      <c r="AS4901" s="99"/>
      <c r="AT4901" s="99"/>
      <c r="AU4901" s="99"/>
      <c r="AV4901" s="99"/>
      <c r="AW4901" s="99"/>
      <c r="AX4901" s="99"/>
      <c r="AY4901" s="99"/>
      <c r="AZ4901" s="99"/>
      <c r="BA4901" s="99"/>
      <c r="BB4901" s="107">
        <v>45884</v>
      </c>
    </row>
    <row r="4902" spans="1:54" s="8" customFormat="1" ht="13.95" customHeight="1" x14ac:dyDescent="0.25">
      <c r="A4902" s="219" t="s">
        <v>11234</v>
      </c>
      <c r="B4902" s="220" t="s">
        <v>10412</v>
      </c>
      <c r="C4902" s="98" t="s">
        <v>11235</v>
      </c>
      <c r="D4902" s="98" t="s">
        <v>11236</v>
      </c>
      <c r="E4902" s="141" t="s">
        <v>174</v>
      </c>
      <c r="F4902" s="141">
        <v>4673</v>
      </c>
      <c r="G4902" s="98" t="s">
        <v>1</v>
      </c>
      <c r="H4902" s="98">
        <v>0</v>
      </c>
      <c r="I4902" s="98">
        <v>0</v>
      </c>
      <c r="J4902" s="98">
        <v>1</v>
      </c>
      <c r="K4902" s="98" t="s">
        <v>174</v>
      </c>
      <c r="L4902" s="98" t="s">
        <v>174</v>
      </c>
      <c r="M4902" s="98" t="s">
        <v>174</v>
      </c>
      <c r="N4902" s="98" t="s">
        <v>174</v>
      </c>
      <c r="O4902" s="98" t="s">
        <v>174</v>
      </c>
      <c r="P4902" s="98" t="s">
        <v>174</v>
      </c>
      <c r="Q4902" s="98" t="s">
        <v>174</v>
      </c>
      <c r="R4902" s="98" t="s">
        <v>174</v>
      </c>
      <c r="S4902" s="98" t="s">
        <v>174</v>
      </c>
      <c r="T4902" s="98" t="s">
        <v>174</v>
      </c>
      <c r="U4902" s="99"/>
      <c r="V4902" s="99"/>
      <c r="W4902" s="99"/>
      <c r="X4902" s="99"/>
      <c r="Y4902" s="99"/>
      <c r="Z4902" s="99"/>
      <c r="AA4902" s="99"/>
      <c r="AB4902" s="99"/>
      <c r="AC4902" s="99"/>
      <c r="AD4902" s="99"/>
      <c r="AE4902" s="99"/>
      <c r="AF4902" s="99"/>
      <c r="AG4902" s="99"/>
      <c r="AH4902" s="99"/>
      <c r="AI4902" s="99"/>
      <c r="AJ4902" s="99"/>
      <c r="AK4902" s="99"/>
      <c r="AL4902" s="99"/>
      <c r="AM4902" s="99"/>
      <c r="AN4902" s="99"/>
      <c r="AO4902" s="99"/>
      <c r="AP4902" s="99"/>
      <c r="AQ4902" s="99"/>
      <c r="AR4902" s="99"/>
      <c r="AS4902" s="99"/>
      <c r="AT4902" s="99"/>
      <c r="AU4902" s="99"/>
      <c r="AV4902" s="99"/>
      <c r="AW4902" s="99"/>
      <c r="AX4902" s="99"/>
      <c r="AY4902" s="99"/>
      <c r="AZ4902" s="99"/>
      <c r="BA4902" s="99"/>
      <c r="BB4902" s="107">
        <v>45884</v>
      </c>
    </row>
    <row r="4903" spans="1:54" s="8" customFormat="1" ht="13.95" customHeight="1" x14ac:dyDescent="0.25">
      <c r="A4903" s="219" t="s">
        <v>11237</v>
      </c>
      <c r="B4903" s="220" t="s">
        <v>10412</v>
      </c>
      <c r="C4903" s="98" t="s">
        <v>11238</v>
      </c>
      <c r="D4903" s="98" t="s">
        <v>11239</v>
      </c>
      <c r="E4903" s="141" t="s">
        <v>174</v>
      </c>
      <c r="F4903" s="141">
        <v>4769</v>
      </c>
      <c r="G4903" s="98" t="s">
        <v>1</v>
      </c>
      <c r="H4903" s="98">
        <v>0</v>
      </c>
      <c r="I4903" s="98">
        <v>0</v>
      </c>
      <c r="J4903" s="98">
        <v>1</v>
      </c>
      <c r="K4903" s="98" t="s">
        <v>174</v>
      </c>
      <c r="L4903" s="98" t="s">
        <v>174</v>
      </c>
      <c r="M4903" s="98" t="s">
        <v>174</v>
      </c>
      <c r="N4903" s="98" t="s">
        <v>174</v>
      </c>
      <c r="O4903" s="98" t="s">
        <v>174</v>
      </c>
      <c r="P4903" s="98" t="s">
        <v>174</v>
      </c>
      <c r="Q4903" s="98" t="s">
        <v>174</v>
      </c>
      <c r="R4903" s="98" t="s">
        <v>174</v>
      </c>
      <c r="S4903" s="98" t="s">
        <v>174</v>
      </c>
      <c r="T4903" s="98" t="s">
        <v>174</v>
      </c>
      <c r="U4903" s="99"/>
      <c r="V4903" s="99"/>
      <c r="W4903" s="99"/>
      <c r="X4903" s="99"/>
      <c r="Y4903" s="99"/>
      <c r="Z4903" s="99"/>
      <c r="AA4903" s="99"/>
      <c r="AB4903" s="99"/>
      <c r="AC4903" s="99"/>
      <c r="AD4903" s="99"/>
      <c r="AE4903" s="99"/>
      <c r="AF4903" s="99"/>
      <c r="AG4903" s="99"/>
      <c r="AH4903" s="99"/>
      <c r="AI4903" s="99"/>
      <c r="AJ4903" s="99"/>
      <c r="AK4903" s="99"/>
      <c r="AL4903" s="99"/>
      <c r="AM4903" s="99"/>
      <c r="AN4903" s="99"/>
      <c r="AO4903" s="99"/>
      <c r="AP4903" s="99"/>
      <c r="AQ4903" s="99"/>
      <c r="AR4903" s="99"/>
      <c r="AS4903" s="99"/>
      <c r="AT4903" s="99"/>
      <c r="AU4903" s="99"/>
      <c r="AV4903" s="99"/>
      <c r="AW4903" s="99"/>
      <c r="AX4903" s="99"/>
      <c r="AY4903" s="99"/>
      <c r="AZ4903" s="99"/>
      <c r="BA4903" s="99"/>
      <c r="BB4903" s="107">
        <v>45884</v>
      </c>
    </row>
    <row r="4904" spans="1:54" s="8" customFormat="1" ht="13.5" customHeight="1" x14ac:dyDescent="0.25">
      <c r="A4904" s="219" t="s">
        <v>11240</v>
      </c>
      <c r="B4904" s="220" t="s">
        <v>10412</v>
      </c>
      <c r="C4904" s="98" t="s">
        <v>11241</v>
      </c>
      <c r="D4904" s="98" t="s">
        <v>11242</v>
      </c>
      <c r="E4904" s="141" t="s">
        <v>174</v>
      </c>
      <c r="F4904" s="141">
        <v>4840</v>
      </c>
      <c r="G4904" s="98" t="s">
        <v>3</v>
      </c>
      <c r="H4904" s="98">
        <v>0</v>
      </c>
      <c r="I4904" s="98">
        <v>0</v>
      </c>
      <c r="J4904" s="98">
        <v>0</v>
      </c>
      <c r="K4904" s="98" t="s">
        <v>174</v>
      </c>
      <c r="L4904" s="98" t="s">
        <v>174</v>
      </c>
      <c r="M4904" s="98" t="s">
        <v>174</v>
      </c>
      <c r="N4904" s="98" t="s">
        <v>174</v>
      </c>
      <c r="O4904" s="98" t="s">
        <v>174</v>
      </c>
      <c r="P4904" s="98" t="s">
        <v>174</v>
      </c>
      <c r="Q4904" s="98" t="s">
        <v>174</v>
      </c>
      <c r="R4904" s="98" t="s">
        <v>174</v>
      </c>
      <c r="S4904" s="98" t="s">
        <v>174</v>
      </c>
      <c r="T4904" s="98" t="s">
        <v>174</v>
      </c>
      <c r="U4904" s="99"/>
      <c r="V4904" s="99"/>
      <c r="W4904" s="99"/>
      <c r="X4904" s="99"/>
      <c r="Y4904" s="99"/>
      <c r="Z4904" s="99"/>
      <c r="AA4904" s="99"/>
      <c r="AB4904" s="99"/>
      <c r="AC4904" s="99"/>
      <c r="AD4904" s="99"/>
      <c r="AE4904" s="99"/>
      <c r="AF4904" s="99"/>
      <c r="AG4904" s="99"/>
      <c r="AH4904" s="99"/>
      <c r="AI4904" s="99"/>
      <c r="AJ4904" s="99"/>
      <c r="AK4904" s="99"/>
      <c r="AL4904" s="99"/>
      <c r="AM4904" s="99"/>
      <c r="AN4904" s="99"/>
      <c r="AO4904" s="99"/>
      <c r="AP4904" s="99"/>
      <c r="AQ4904" s="99"/>
      <c r="AR4904" s="99"/>
      <c r="AS4904" s="99"/>
      <c r="AT4904" s="99"/>
      <c r="AU4904" s="99"/>
      <c r="AV4904" s="99"/>
      <c r="AW4904" s="99"/>
      <c r="AX4904" s="99"/>
      <c r="AY4904" s="99"/>
      <c r="AZ4904" s="99"/>
      <c r="BA4904" s="99"/>
      <c r="BB4904" s="107">
        <v>45884</v>
      </c>
    </row>
    <row r="4905" spans="1:54" s="8" customFormat="1" ht="13.95" customHeight="1" x14ac:dyDescent="0.25">
      <c r="A4905" s="219" t="s">
        <v>11243</v>
      </c>
      <c r="B4905" s="220" t="s">
        <v>10412</v>
      </c>
      <c r="C4905" s="98" t="s">
        <v>11244</v>
      </c>
      <c r="D4905" s="98" t="s">
        <v>11245</v>
      </c>
      <c r="E4905" s="141" t="s">
        <v>174</v>
      </c>
      <c r="F4905" s="141">
        <v>4914</v>
      </c>
      <c r="G4905" s="98" t="s">
        <v>1</v>
      </c>
      <c r="H4905" s="98">
        <v>0</v>
      </c>
      <c r="I4905" s="98">
        <v>0</v>
      </c>
      <c r="J4905" s="98">
        <v>1</v>
      </c>
      <c r="K4905" s="98" t="s">
        <v>174</v>
      </c>
      <c r="L4905" s="98" t="s">
        <v>174</v>
      </c>
      <c r="M4905" s="98" t="s">
        <v>174</v>
      </c>
      <c r="N4905" s="98" t="s">
        <v>174</v>
      </c>
      <c r="O4905" s="98" t="s">
        <v>174</v>
      </c>
      <c r="P4905" s="98" t="s">
        <v>174</v>
      </c>
      <c r="Q4905" s="98" t="s">
        <v>174</v>
      </c>
      <c r="R4905" s="98" t="s">
        <v>174</v>
      </c>
      <c r="S4905" s="98" t="s">
        <v>174</v>
      </c>
      <c r="T4905" s="98" t="s">
        <v>174</v>
      </c>
      <c r="U4905" s="99"/>
      <c r="V4905" s="99"/>
      <c r="W4905" s="99"/>
      <c r="X4905" s="99"/>
      <c r="Y4905" s="99"/>
      <c r="Z4905" s="99"/>
      <c r="AA4905" s="99"/>
      <c r="AB4905" s="99"/>
      <c r="AC4905" s="99"/>
      <c r="AD4905" s="99"/>
      <c r="AE4905" s="99"/>
      <c r="AF4905" s="99"/>
      <c r="AG4905" s="99"/>
      <c r="AH4905" s="99"/>
      <c r="AI4905" s="99"/>
      <c r="AJ4905" s="99"/>
      <c r="AK4905" s="99"/>
      <c r="AL4905" s="99"/>
      <c r="AM4905" s="99"/>
      <c r="AN4905" s="99"/>
      <c r="AO4905" s="99"/>
      <c r="AP4905" s="99"/>
      <c r="AQ4905" s="99"/>
      <c r="AR4905" s="99"/>
      <c r="AS4905" s="99"/>
      <c r="AT4905" s="99"/>
      <c r="AU4905" s="99"/>
      <c r="AV4905" s="99"/>
      <c r="AW4905" s="99"/>
      <c r="AX4905" s="99"/>
      <c r="AY4905" s="99"/>
      <c r="AZ4905" s="99"/>
      <c r="BA4905" s="99"/>
      <c r="BB4905" s="107">
        <v>45884</v>
      </c>
    </row>
    <row r="4906" spans="1:54" s="8" customFormat="1" ht="13.95" customHeight="1" x14ac:dyDescent="0.25">
      <c r="A4906" s="219" t="s">
        <v>11246</v>
      </c>
      <c r="B4906" s="220" t="s">
        <v>10412</v>
      </c>
      <c r="C4906" s="98" t="s">
        <v>11247</v>
      </c>
      <c r="D4906" s="98" t="s">
        <v>11248</v>
      </c>
      <c r="E4906" s="141" t="s">
        <v>174</v>
      </c>
      <c r="F4906" s="141">
        <v>4960</v>
      </c>
      <c r="G4906" s="98" t="s">
        <v>1</v>
      </c>
      <c r="H4906" s="98">
        <v>0</v>
      </c>
      <c r="I4906" s="98">
        <v>0</v>
      </c>
      <c r="J4906" s="98">
        <v>1</v>
      </c>
      <c r="K4906" s="98" t="s">
        <v>174</v>
      </c>
      <c r="L4906" s="98" t="s">
        <v>174</v>
      </c>
      <c r="M4906" s="98" t="s">
        <v>174</v>
      </c>
      <c r="N4906" s="98" t="s">
        <v>174</v>
      </c>
      <c r="O4906" s="98" t="s">
        <v>174</v>
      </c>
      <c r="P4906" s="98" t="s">
        <v>174</v>
      </c>
      <c r="Q4906" s="98" t="s">
        <v>174</v>
      </c>
      <c r="R4906" s="98" t="s">
        <v>174</v>
      </c>
      <c r="S4906" s="98" t="s">
        <v>174</v>
      </c>
      <c r="T4906" s="98" t="s">
        <v>174</v>
      </c>
      <c r="U4906" s="98" t="s">
        <v>174</v>
      </c>
      <c r="V4906" s="98" t="s">
        <v>174</v>
      </c>
      <c r="W4906" s="98" t="s">
        <v>174</v>
      </c>
      <c r="X4906" s="98" t="s">
        <v>174</v>
      </c>
      <c r="Y4906" s="98" t="s">
        <v>174</v>
      </c>
      <c r="Z4906" s="98" t="s">
        <v>174</v>
      </c>
      <c r="AA4906" s="98" t="s">
        <v>174</v>
      </c>
      <c r="AB4906" s="98" t="s">
        <v>174</v>
      </c>
      <c r="AC4906" s="98" t="s">
        <v>174</v>
      </c>
      <c r="AD4906" s="98" t="s">
        <v>174</v>
      </c>
      <c r="AE4906" s="98" t="s">
        <v>174</v>
      </c>
      <c r="AF4906" s="98" t="s">
        <v>174</v>
      </c>
      <c r="AG4906" s="98" t="s">
        <v>174</v>
      </c>
      <c r="AH4906" s="98" t="s">
        <v>174</v>
      </c>
      <c r="AI4906" s="98" t="s">
        <v>174</v>
      </c>
      <c r="AJ4906" s="98" t="s">
        <v>174</v>
      </c>
      <c r="AK4906" s="98" t="s">
        <v>174</v>
      </c>
      <c r="AL4906" s="98" t="s">
        <v>174</v>
      </c>
      <c r="AM4906" s="98" t="s">
        <v>174</v>
      </c>
      <c r="AN4906" s="98" t="s">
        <v>174</v>
      </c>
      <c r="AO4906" s="98" t="s">
        <v>174</v>
      </c>
      <c r="AP4906" s="98" t="s">
        <v>174</v>
      </c>
      <c r="AQ4906" s="98" t="s">
        <v>174</v>
      </c>
      <c r="AR4906" s="98" t="s">
        <v>174</v>
      </c>
      <c r="AS4906" s="98" t="s">
        <v>174</v>
      </c>
      <c r="AT4906" s="129" t="s">
        <v>174</v>
      </c>
      <c r="AU4906" s="98" t="s">
        <v>174</v>
      </c>
      <c r="AV4906" s="98" t="s">
        <v>174</v>
      </c>
      <c r="AW4906" s="98" t="s">
        <v>174</v>
      </c>
      <c r="AX4906" s="98"/>
      <c r="AY4906" s="98"/>
      <c r="AZ4906" s="98"/>
      <c r="BA4906" s="98"/>
      <c r="BB4906" s="107">
        <v>45884</v>
      </c>
    </row>
    <row r="4907" spans="1:54" s="8" customFormat="1" ht="13.95" customHeight="1" x14ac:dyDescent="0.25">
      <c r="A4907" s="219" t="s">
        <v>11249</v>
      </c>
      <c r="B4907" s="220" t="s">
        <v>10412</v>
      </c>
      <c r="C4907" s="98" t="s">
        <v>11250</v>
      </c>
      <c r="D4907" s="98" t="s">
        <v>11251</v>
      </c>
      <c r="E4907" s="141" t="s">
        <v>174</v>
      </c>
      <c r="F4907" s="141">
        <v>5117</v>
      </c>
      <c r="G4907" s="98" t="s">
        <v>1</v>
      </c>
      <c r="H4907" s="98">
        <v>0</v>
      </c>
      <c r="I4907" s="98">
        <v>0</v>
      </c>
      <c r="J4907" s="98">
        <v>1</v>
      </c>
      <c r="K4907" s="98" t="s">
        <v>174</v>
      </c>
      <c r="L4907" s="98" t="s">
        <v>174</v>
      </c>
      <c r="M4907" s="98" t="s">
        <v>174</v>
      </c>
      <c r="N4907" s="98" t="s">
        <v>174</v>
      </c>
      <c r="O4907" s="98" t="s">
        <v>174</v>
      </c>
      <c r="P4907" s="98" t="s">
        <v>174</v>
      </c>
      <c r="Q4907" s="98" t="s">
        <v>174</v>
      </c>
      <c r="R4907" s="98" t="s">
        <v>174</v>
      </c>
      <c r="S4907" s="98" t="s">
        <v>174</v>
      </c>
      <c r="T4907" s="98" t="s">
        <v>174</v>
      </c>
      <c r="U4907" s="99"/>
      <c r="V4907" s="99"/>
      <c r="W4907" s="99"/>
      <c r="X4907" s="99"/>
      <c r="Y4907" s="99"/>
      <c r="Z4907" s="99"/>
      <c r="AA4907" s="99"/>
      <c r="AB4907" s="99"/>
      <c r="AC4907" s="99"/>
      <c r="AD4907" s="99"/>
      <c r="AE4907" s="99"/>
      <c r="AF4907" s="99"/>
      <c r="AG4907" s="99"/>
      <c r="AH4907" s="99"/>
      <c r="AI4907" s="99"/>
      <c r="AJ4907" s="99"/>
      <c r="AK4907" s="99"/>
      <c r="AL4907" s="99"/>
      <c r="AM4907" s="99"/>
      <c r="AN4907" s="99"/>
      <c r="AO4907" s="99"/>
      <c r="AP4907" s="99"/>
      <c r="AQ4907" s="99"/>
      <c r="AR4907" s="99"/>
      <c r="AS4907" s="99"/>
      <c r="AT4907" s="99"/>
      <c r="AU4907" s="99"/>
      <c r="AV4907" s="99"/>
      <c r="AW4907" s="99"/>
      <c r="AX4907" s="99"/>
      <c r="AY4907" s="99"/>
      <c r="AZ4907" s="99"/>
      <c r="BA4907" s="99"/>
      <c r="BB4907" s="107">
        <v>45884</v>
      </c>
    </row>
    <row r="4908" spans="1:54" s="8" customFormat="1" ht="13.95" customHeight="1" x14ac:dyDescent="0.25">
      <c r="A4908" s="219" t="s">
        <v>11252</v>
      </c>
      <c r="B4908" s="220" t="s">
        <v>10412</v>
      </c>
      <c r="C4908" s="98" t="s">
        <v>11253</v>
      </c>
      <c r="D4908" s="98" t="s">
        <v>11254</v>
      </c>
      <c r="E4908" s="141" t="s">
        <v>174</v>
      </c>
      <c r="F4908" s="141">
        <v>5185</v>
      </c>
      <c r="G4908" s="98" t="s">
        <v>1</v>
      </c>
      <c r="H4908" s="98">
        <v>0</v>
      </c>
      <c r="I4908" s="98">
        <v>0</v>
      </c>
      <c r="J4908" s="98">
        <v>1</v>
      </c>
      <c r="K4908" s="98" t="s">
        <v>174</v>
      </c>
      <c r="L4908" s="98" t="s">
        <v>174</v>
      </c>
      <c r="M4908" s="98" t="s">
        <v>174</v>
      </c>
      <c r="N4908" s="98" t="s">
        <v>174</v>
      </c>
      <c r="O4908" s="98" t="s">
        <v>174</v>
      </c>
      <c r="P4908" s="98" t="s">
        <v>174</v>
      </c>
      <c r="Q4908" s="98" t="s">
        <v>174</v>
      </c>
      <c r="R4908" s="98" t="s">
        <v>174</v>
      </c>
      <c r="S4908" s="98" t="s">
        <v>174</v>
      </c>
      <c r="T4908" s="98" t="s">
        <v>174</v>
      </c>
      <c r="U4908" s="99"/>
      <c r="V4908" s="99"/>
      <c r="W4908" s="99"/>
      <c r="X4908" s="99"/>
      <c r="Y4908" s="99"/>
      <c r="Z4908" s="99"/>
      <c r="AA4908" s="99"/>
      <c r="AB4908" s="99"/>
      <c r="AC4908" s="99"/>
      <c r="AD4908" s="99"/>
      <c r="AE4908" s="99"/>
      <c r="AF4908" s="99"/>
      <c r="AG4908" s="99"/>
      <c r="AH4908" s="99"/>
      <c r="AI4908" s="99"/>
      <c r="AJ4908" s="99"/>
      <c r="AK4908" s="99"/>
      <c r="AL4908" s="99"/>
      <c r="AM4908" s="99"/>
      <c r="AN4908" s="99"/>
      <c r="AO4908" s="99"/>
      <c r="AP4908" s="99"/>
      <c r="AQ4908" s="99"/>
      <c r="AR4908" s="99"/>
      <c r="AS4908" s="99"/>
      <c r="AT4908" s="99"/>
      <c r="AU4908" s="99"/>
      <c r="AV4908" s="99"/>
      <c r="AW4908" s="99"/>
      <c r="AX4908" s="99"/>
      <c r="AY4908" s="99"/>
      <c r="AZ4908" s="99"/>
      <c r="BA4908" s="99"/>
      <c r="BB4908" s="107">
        <v>45884</v>
      </c>
    </row>
    <row r="4909" spans="1:54" s="8" customFormat="1" ht="13.95" customHeight="1" x14ac:dyDescent="0.25">
      <c r="A4909" s="219" t="s">
        <v>11255</v>
      </c>
      <c r="B4909" s="220" t="s">
        <v>10412</v>
      </c>
      <c r="C4909" s="98" t="s">
        <v>11256</v>
      </c>
      <c r="D4909" s="98" t="s">
        <v>11257</v>
      </c>
      <c r="E4909" s="141" t="s">
        <v>174</v>
      </c>
      <c r="F4909" s="141">
        <v>5529</v>
      </c>
      <c r="G4909" s="98" t="s">
        <v>1</v>
      </c>
      <c r="H4909" s="98">
        <v>0</v>
      </c>
      <c r="I4909" s="98">
        <v>0</v>
      </c>
      <c r="J4909" s="98">
        <v>1</v>
      </c>
      <c r="K4909" s="98" t="s">
        <v>174</v>
      </c>
      <c r="L4909" s="98" t="s">
        <v>174</v>
      </c>
      <c r="M4909" s="98" t="s">
        <v>174</v>
      </c>
      <c r="N4909" s="98" t="s">
        <v>174</v>
      </c>
      <c r="O4909" s="98" t="s">
        <v>174</v>
      </c>
      <c r="P4909" s="98" t="s">
        <v>174</v>
      </c>
      <c r="Q4909" s="98" t="s">
        <v>174</v>
      </c>
      <c r="R4909" s="98" t="s">
        <v>174</v>
      </c>
      <c r="S4909" s="98" t="s">
        <v>174</v>
      </c>
      <c r="T4909" s="98" t="s">
        <v>174</v>
      </c>
      <c r="U4909" s="98" t="s">
        <v>174</v>
      </c>
      <c r="V4909" s="98" t="s">
        <v>174</v>
      </c>
      <c r="W4909" s="98" t="s">
        <v>174</v>
      </c>
      <c r="X4909" s="98" t="s">
        <v>174</v>
      </c>
      <c r="Y4909" s="98" t="s">
        <v>174</v>
      </c>
      <c r="Z4909" s="98" t="s">
        <v>174</v>
      </c>
      <c r="AA4909" s="98" t="s">
        <v>174</v>
      </c>
      <c r="AB4909" s="98" t="s">
        <v>174</v>
      </c>
      <c r="AC4909" s="98" t="s">
        <v>174</v>
      </c>
      <c r="AD4909" s="98" t="s">
        <v>174</v>
      </c>
      <c r="AE4909" s="98" t="s">
        <v>174</v>
      </c>
      <c r="AF4909" s="98" t="s">
        <v>174</v>
      </c>
      <c r="AG4909" s="98" t="s">
        <v>174</v>
      </c>
      <c r="AH4909" s="98" t="s">
        <v>174</v>
      </c>
      <c r="AI4909" s="98" t="s">
        <v>174</v>
      </c>
      <c r="AJ4909" s="98" t="s">
        <v>174</v>
      </c>
      <c r="AK4909" s="98" t="s">
        <v>174</v>
      </c>
      <c r="AL4909" s="98" t="s">
        <v>174</v>
      </c>
      <c r="AM4909" s="98" t="s">
        <v>174</v>
      </c>
      <c r="AN4909" s="98" t="s">
        <v>174</v>
      </c>
      <c r="AO4909" s="98" t="s">
        <v>174</v>
      </c>
      <c r="AP4909" s="98" t="s">
        <v>174</v>
      </c>
      <c r="AQ4909" s="98" t="s">
        <v>174</v>
      </c>
      <c r="AR4909" s="98" t="s">
        <v>174</v>
      </c>
      <c r="AS4909" s="98" t="s">
        <v>174</v>
      </c>
      <c r="AT4909" s="129" t="s">
        <v>174</v>
      </c>
      <c r="AU4909" s="98" t="s">
        <v>174</v>
      </c>
      <c r="AV4909" s="98" t="s">
        <v>174</v>
      </c>
      <c r="AW4909" s="98" t="s">
        <v>174</v>
      </c>
      <c r="AX4909" s="98"/>
      <c r="AY4909" s="98"/>
      <c r="AZ4909" s="98"/>
      <c r="BA4909" s="98"/>
      <c r="BB4909" s="107">
        <v>45884</v>
      </c>
    </row>
    <row r="4910" spans="1:54" s="8" customFormat="1" ht="13.95" customHeight="1" x14ac:dyDescent="0.25">
      <c r="A4910" s="219" t="s">
        <v>11258</v>
      </c>
      <c r="B4910" s="220" t="s">
        <v>10412</v>
      </c>
      <c r="C4910" s="98" t="s">
        <v>11259</v>
      </c>
      <c r="D4910" s="98" t="s">
        <v>11260</v>
      </c>
      <c r="E4910" s="141" t="s">
        <v>174</v>
      </c>
      <c r="F4910" s="141">
        <v>5584</v>
      </c>
      <c r="G4910" s="98" t="s">
        <v>1</v>
      </c>
      <c r="H4910" s="98">
        <v>1</v>
      </c>
      <c r="I4910" s="98">
        <v>0</v>
      </c>
      <c r="J4910" s="98">
        <v>1</v>
      </c>
      <c r="K4910" s="98" t="s">
        <v>174</v>
      </c>
      <c r="L4910" s="98" t="s">
        <v>174</v>
      </c>
      <c r="M4910" s="98" t="s">
        <v>174</v>
      </c>
      <c r="N4910" s="98" t="s">
        <v>174</v>
      </c>
      <c r="O4910" s="98" t="s">
        <v>174</v>
      </c>
      <c r="P4910" s="98" t="s">
        <v>174</v>
      </c>
      <c r="Q4910" s="98" t="s">
        <v>174</v>
      </c>
      <c r="R4910" s="98" t="s">
        <v>174</v>
      </c>
      <c r="S4910" s="98" t="s">
        <v>174</v>
      </c>
      <c r="T4910" s="98" t="s">
        <v>174</v>
      </c>
      <c r="U4910" s="98" t="s">
        <v>174</v>
      </c>
      <c r="V4910" s="98" t="s">
        <v>174</v>
      </c>
      <c r="W4910" s="98" t="s">
        <v>174</v>
      </c>
      <c r="X4910" s="98" t="s">
        <v>174</v>
      </c>
      <c r="Y4910" s="98" t="s">
        <v>174</v>
      </c>
      <c r="Z4910" s="98" t="s">
        <v>174</v>
      </c>
      <c r="AA4910" s="98" t="s">
        <v>174</v>
      </c>
      <c r="AB4910" s="98" t="s">
        <v>174</v>
      </c>
      <c r="AC4910" s="98" t="s">
        <v>174</v>
      </c>
      <c r="AD4910" s="98" t="s">
        <v>174</v>
      </c>
      <c r="AE4910" s="98" t="s">
        <v>174</v>
      </c>
      <c r="AF4910" s="98" t="s">
        <v>174</v>
      </c>
      <c r="AG4910" s="98" t="s">
        <v>174</v>
      </c>
      <c r="AH4910" s="98" t="s">
        <v>174</v>
      </c>
      <c r="AI4910" s="98" t="s">
        <v>174</v>
      </c>
      <c r="AJ4910" s="98" t="s">
        <v>174</v>
      </c>
      <c r="AK4910" s="98" t="s">
        <v>174</v>
      </c>
      <c r="AL4910" s="98" t="s">
        <v>174</v>
      </c>
      <c r="AM4910" s="98" t="s">
        <v>174</v>
      </c>
      <c r="AN4910" s="98" t="s">
        <v>174</v>
      </c>
      <c r="AO4910" s="98" t="s">
        <v>174</v>
      </c>
      <c r="AP4910" s="98" t="s">
        <v>174</v>
      </c>
      <c r="AQ4910" s="98" t="s">
        <v>174</v>
      </c>
      <c r="AR4910" s="98" t="s">
        <v>174</v>
      </c>
      <c r="AS4910" s="98" t="s">
        <v>174</v>
      </c>
      <c r="AT4910" s="129" t="s">
        <v>174</v>
      </c>
      <c r="AU4910" s="98" t="s">
        <v>174</v>
      </c>
      <c r="AV4910" s="98" t="s">
        <v>174</v>
      </c>
      <c r="AW4910" s="98" t="s">
        <v>174</v>
      </c>
      <c r="AX4910" s="98"/>
      <c r="AY4910" s="98"/>
      <c r="AZ4910" s="98"/>
      <c r="BA4910" s="98"/>
      <c r="BB4910" s="107">
        <v>45884</v>
      </c>
    </row>
    <row r="4911" spans="1:54" s="8" customFormat="1" ht="13.95" customHeight="1" x14ac:dyDescent="0.25">
      <c r="A4911" s="219" t="s">
        <v>11261</v>
      </c>
      <c r="B4911" s="220" t="s">
        <v>10412</v>
      </c>
      <c r="C4911" s="98" t="s">
        <v>11262</v>
      </c>
      <c r="D4911" s="98" t="s">
        <v>11263</v>
      </c>
      <c r="E4911" s="141" t="s">
        <v>174</v>
      </c>
      <c r="F4911" s="141">
        <v>5592</v>
      </c>
      <c r="G4911" s="98" t="s">
        <v>1</v>
      </c>
      <c r="H4911" s="98">
        <v>0</v>
      </c>
      <c r="I4911" s="98">
        <v>0</v>
      </c>
      <c r="J4911" s="98">
        <v>1</v>
      </c>
      <c r="K4911" s="98" t="s">
        <v>174</v>
      </c>
      <c r="L4911" s="98" t="s">
        <v>174</v>
      </c>
      <c r="M4911" s="98" t="s">
        <v>174</v>
      </c>
      <c r="N4911" s="98" t="s">
        <v>174</v>
      </c>
      <c r="O4911" s="98" t="s">
        <v>174</v>
      </c>
      <c r="P4911" s="98" t="s">
        <v>174</v>
      </c>
      <c r="Q4911" s="98" t="s">
        <v>174</v>
      </c>
      <c r="R4911" s="98" t="s">
        <v>174</v>
      </c>
      <c r="S4911" s="98" t="s">
        <v>174</v>
      </c>
      <c r="T4911" s="98" t="s">
        <v>174</v>
      </c>
      <c r="U4911" s="99"/>
      <c r="V4911" s="99"/>
      <c r="W4911" s="99"/>
      <c r="X4911" s="99"/>
      <c r="Y4911" s="99"/>
      <c r="Z4911" s="99"/>
      <c r="AA4911" s="99"/>
      <c r="AB4911" s="99"/>
      <c r="AC4911" s="99"/>
      <c r="AD4911" s="99"/>
      <c r="AE4911" s="99"/>
      <c r="AF4911" s="99"/>
      <c r="AG4911" s="99"/>
      <c r="AH4911" s="99"/>
      <c r="AI4911" s="99"/>
      <c r="AJ4911" s="99"/>
      <c r="AK4911" s="99"/>
      <c r="AL4911" s="99"/>
      <c r="AM4911" s="99"/>
      <c r="AN4911" s="99"/>
      <c r="AO4911" s="99"/>
      <c r="AP4911" s="99"/>
      <c r="AQ4911" s="99"/>
      <c r="AR4911" s="99"/>
      <c r="AS4911" s="99"/>
      <c r="AT4911" s="99"/>
      <c r="AU4911" s="99"/>
      <c r="AV4911" s="99"/>
      <c r="AW4911" s="99"/>
      <c r="AX4911" s="99"/>
      <c r="AY4911" s="99"/>
      <c r="AZ4911" s="99"/>
      <c r="BA4911" s="99"/>
      <c r="BB4911" s="107">
        <v>45884</v>
      </c>
    </row>
    <row r="4912" spans="1:54" s="8" customFormat="1" ht="13.95" customHeight="1" x14ac:dyDescent="0.25">
      <c r="A4912" s="219" t="s">
        <v>11264</v>
      </c>
      <c r="B4912" s="220" t="s">
        <v>10412</v>
      </c>
      <c r="C4912" s="98" t="s">
        <v>11265</v>
      </c>
      <c r="D4912" s="98" t="s">
        <v>11266</v>
      </c>
      <c r="E4912" s="141" t="s">
        <v>174</v>
      </c>
      <c r="F4912" s="141">
        <v>5640</v>
      </c>
      <c r="G4912" s="98" t="s">
        <v>1</v>
      </c>
      <c r="H4912" s="98">
        <v>0</v>
      </c>
      <c r="I4912" s="98">
        <v>0</v>
      </c>
      <c r="J4912" s="98">
        <v>1</v>
      </c>
      <c r="K4912" s="98" t="s">
        <v>174</v>
      </c>
      <c r="L4912" s="98" t="s">
        <v>174</v>
      </c>
      <c r="M4912" s="98" t="s">
        <v>174</v>
      </c>
      <c r="N4912" s="98" t="s">
        <v>174</v>
      </c>
      <c r="O4912" s="98" t="s">
        <v>174</v>
      </c>
      <c r="P4912" s="98" t="s">
        <v>174</v>
      </c>
      <c r="Q4912" s="98" t="s">
        <v>174</v>
      </c>
      <c r="R4912" s="98" t="s">
        <v>174</v>
      </c>
      <c r="S4912" s="98" t="s">
        <v>174</v>
      </c>
      <c r="T4912" s="98" t="s">
        <v>174</v>
      </c>
      <c r="U4912" s="99"/>
      <c r="V4912" s="99"/>
      <c r="W4912" s="99"/>
      <c r="X4912" s="99"/>
      <c r="Y4912" s="99"/>
      <c r="Z4912" s="99"/>
      <c r="AA4912" s="99"/>
      <c r="AB4912" s="99"/>
      <c r="AC4912" s="99"/>
      <c r="AD4912" s="99"/>
      <c r="AE4912" s="99"/>
      <c r="AF4912" s="99"/>
      <c r="AG4912" s="99"/>
      <c r="AH4912" s="99"/>
      <c r="AI4912" s="99"/>
      <c r="AJ4912" s="99"/>
      <c r="AK4912" s="99"/>
      <c r="AL4912" s="99"/>
      <c r="AM4912" s="99"/>
      <c r="AN4912" s="99"/>
      <c r="AO4912" s="99"/>
      <c r="AP4912" s="99"/>
      <c r="AQ4912" s="99"/>
      <c r="AR4912" s="99"/>
      <c r="AS4912" s="99"/>
      <c r="AT4912" s="99"/>
      <c r="AU4912" s="99"/>
      <c r="AV4912" s="99"/>
      <c r="AW4912" s="99"/>
      <c r="AX4912" s="99"/>
      <c r="AY4912" s="99"/>
      <c r="AZ4912" s="99"/>
      <c r="BA4912" s="99"/>
      <c r="BB4912" s="107">
        <v>45884</v>
      </c>
    </row>
    <row r="4913" spans="1:54" s="8" customFormat="1" ht="13.95" customHeight="1" x14ac:dyDescent="0.25">
      <c r="A4913" s="219" t="s">
        <v>11267</v>
      </c>
      <c r="B4913" s="220" t="s">
        <v>10412</v>
      </c>
      <c r="C4913" s="98" t="s">
        <v>11268</v>
      </c>
      <c r="D4913" s="98" t="s">
        <v>11269</v>
      </c>
      <c r="E4913" s="141" t="s">
        <v>174</v>
      </c>
      <c r="F4913" s="141">
        <v>5809</v>
      </c>
      <c r="G4913" s="98" t="s">
        <v>1</v>
      </c>
      <c r="H4913" s="98">
        <v>0</v>
      </c>
      <c r="I4913" s="98">
        <v>0</v>
      </c>
      <c r="J4913" s="98">
        <v>1</v>
      </c>
      <c r="K4913" s="98" t="s">
        <v>174</v>
      </c>
      <c r="L4913" s="98" t="s">
        <v>174</v>
      </c>
      <c r="M4913" s="98" t="s">
        <v>174</v>
      </c>
      <c r="N4913" s="98" t="s">
        <v>174</v>
      </c>
      <c r="O4913" s="98" t="s">
        <v>174</v>
      </c>
      <c r="P4913" s="98" t="s">
        <v>174</v>
      </c>
      <c r="Q4913" s="98" t="s">
        <v>174</v>
      </c>
      <c r="R4913" s="98" t="s">
        <v>174</v>
      </c>
      <c r="S4913" s="98" t="s">
        <v>174</v>
      </c>
      <c r="T4913" s="98" t="s">
        <v>174</v>
      </c>
      <c r="U4913" s="99"/>
      <c r="V4913" s="99"/>
      <c r="W4913" s="99"/>
      <c r="X4913" s="99"/>
      <c r="Y4913" s="99"/>
      <c r="Z4913" s="99"/>
      <c r="AA4913" s="99"/>
      <c r="AB4913" s="99"/>
      <c r="AC4913" s="99"/>
      <c r="AD4913" s="99"/>
      <c r="AE4913" s="99"/>
      <c r="AF4913" s="99"/>
      <c r="AG4913" s="99"/>
      <c r="AH4913" s="99"/>
      <c r="AI4913" s="99"/>
      <c r="AJ4913" s="99"/>
      <c r="AK4913" s="99"/>
      <c r="AL4913" s="99"/>
      <c r="AM4913" s="99"/>
      <c r="AN4913" s="99"/>
      <c r="AO4913" s="99"/>
      <c r="AP4913" s="99"/>
      <c r="AQ4913" s="99"/>
      <c r="AR4913" s="99"/>
      <c r="AS4913" s="99"/>
      <c r="AT4913" s="99"/>
      <c r="AU4913" s="99"/>
      <c r="AV4913" s="99"/>
      <c r="AW4913" s="99"/>
      <c r="AX4913" s="99"/>
      <c r="AY4913" s="99"/>
      <c r="AZ4913" s="99"/>
      <c r="BA4913" s="99"/>
      <c r="BB4913" s="107">
        <v>45884</v>
      </c>
    </row>
    <row r="4914" spans="1:54" s="8" customFormat="1" ht="13.95" customHeight="1" x14ac:dyDescent="0.25">
      <c r="A4914" s="219" t="s">
        <v>11270</v>
      </c>
      <c r="B4914" s="220" t="s">
        <v>10412</v>
      </c>
      <c r="C4914" s="98" t="s">
        <v>11271</v>
      </c>
      <c r="D4914" s="98" t="s">
        <v>11272</v>
      </c>
      <c r="E4914" s="141" t="s">
        <v>174</v>
      </c>
      <c r="F4914" s="141">
        <v>5838</v>
      </c>
      <c r="G4914" s="98" t="s">
        <v>1</v>
      </c>
      <c r="H4914" s="98">
        <v>1</v>
      </c>
      <c r="I4914" s="98">
        <v>0</v>
      </c>
      <c r="J4914" s="98">
        <v>1</v>
      </c>
      <c r="K4914" s="98" t="s">
        <v>174</v>
      </c>
      <c r="L4914" s="98" t="s">
        <v>174</v>
      </c>
      <c r="M4914" s="98" t="s">
        <v>174</v>
      </c>
      <c r="N4914" s="98" t="s">
        <v>174</v>
      </c>
      <c r="O4914" s="98" t="s">
        <v>174</v>
      </c>
      <c r="P4914" s="98" t="s">
        <v>174</v>
      </c>
      <c r="Q4914" s="98" t="s">
        <v>174</v>
      </c>
      <c r="R4914" s="98" t="s">
        <v>174</v>
      </c>
      <c r="S4914" s="98" t="s">
        <v>174</v>
      </c>
      <c r="T4914" s="98" t="s">
        <v>174</v>
      </c>
      <c r="U4914" s="99"/>
      <c r="V4914" s="99"/>
      <c r="W4914" s="99"/>
      <c r="X4914" s="99"/>
      <c r="Y4914" s="99"/>
      <c r="Z4914" s="99"/>
      <c r="AA4914" s="99"/>
      <c r="AB4914" s="99"/>
      <c r="AC4914" s="99"/>
      <c r="AD4914" s="99"/>
      <c r="AE4914" s="99"/>
      <c r="AF4914" s="99"/>
      <c r="AG4914" s="99"/>
      <c r="AH4914" s="99"/>
      <c r="AI4914" s="99"/>
      <c r="AJ4914" s="99"/>
      <c r="AK4914" s="99"/>
      <c r="AL4914" s="99"/>
      <c r="AM4914" s="99"/>
      <c r="AN4914" s="99"/>
      <c r="AO4914" s="99"/>
      <c r="AP4914" s="99"/>
      <c r="AQ4914" s="99"/>
      <c r="AR4914" s="99"/>
      <c r="AS4914" s="99"/>
      <c r="AT4914" s="99"/>
      <c r="AU4914" s="99"/>
      <c r="AV4914" s="99"/>
      <c r="AW4914" s="99"/>
      <c r="AX4914" s="99"/>
      <c r="AY4914" s="99"/>
      <c r="AZ4914" s="99"/>
      <c r="BA4914" s="99"/>
      <c r="BB4914" s="107">
        <v>45884</v>
      </c>
    </row>
    <row r="4915" spans="1:54" s="8" customFormat="1" ht="13.95" customHeight="1" x14ac:dyDescent="0.25">
      <c r="A4915" s="219" t="s">
        <v>11273</v>
      </c>
      <c r="B4915" s="220" t="s">
        <v>10412</v>
      </c>
      <c r="C4915" s="98" t="s">
        <v>11274</v>
      </c>
      <c r="D4915" s="98" t="s">
        <v>11275</v>
      </c>
      <c r="E4915" s="141" t="s">
        <v>174</v>
      </c>
      <c r="F4915" s="141">
        <v>5871</v>
      </c>
      <c r="G4915" s="98" t="s">
        <v>1</v>
      </c>
      <c r="H4915" s="98">
        <v>0</v>
      </c>
      <c r="I4915" s="98">
        <v>0</v>
      </c>
      <c r="J4915" s="98">
        <v>1</v>
      </c>
      <c r="K4915" s="98" t="s">
        <v>174</v>
      </c>
      <c r="L4915" s="98" t="s">
        <v>174</v>
      </c>
      <c r="M4915" s="98" t="s">
        <v>174</v>
      </c>
      <c r="N4915" s="98" t="s">
        <v>174</v>
      </c>
      <c r="O4915" s="98" t="s">
        <v>174</v>
      </c>
      <c r="P4915" s="98" t="s">
        <v>174</v>
      </c>
      <c r="Q4915" s="98" t="s">
        <v>174</v>
      </c>
      <c r="R4915" s="98" t="s">
        <v>174</v>
      </c>
      <c r="S4915" s="98" t="s">
        <v>174</v>
      </c>
      <c r="T4915" s="98" t="s">
        <v>174</v>
      </c>
      <c r="U4915" s="99"/>
      <c r="V4915" s="99"/>
      <c r="W4915" s="99"/>
      <c r="X4915" s="99"/>
      <c r="Y4915" s="99"/>
      <c r="Z4915" s="99"/>
      <c r="AA4915" s="99"/>
      <c r="AB4915" s="99"/>
      <c r="AC4915" s="99"/>
      <c r="AD4915" s="99"/>
      <c r="AE4915" s="99"/>
      <c r="AF4915" s="99"/>
      <c r="AG4915" s="99"/>
      <c r="AH4915" s="99"/>
      <c r="AI4915" s="99"/>
      <c r="AJ4915" s="99"/>
      <c r="AK4915" s="99"/>
      <c r="AL4915" s="99"/>
      <c r="AM4915" s="99"/>
      <c r="AN4915" s="99"/>
      <c r="AO4915" s="99"/>
      <c r="AP4915" s="99"/>
      <c r="AQ4915" s="99"/>
      <c r="AR4915" s="99"/>
      <c r="AS4915" s="99"/>
      <c r="AT4915" s="99"/>
      <c r="AU4915" s="99"/>
      <c r="AV4915" s="99"/>
      <c r="AW4915" s="99"/>
      <c r="AX4915" s="99"/>
      <c r="AY4915" s="99"/>
      <c r="AZ4915" s="99"/>
      <c r="BA4915" s="99"/>
      <c r="BB4915" s="107">
        <v>45884</v>
      </c>
    </row>
    <row r="4916" spans="1:54" s="8" customFormat="1" ht="13.95" customHeight="1" x14ac:dyDescent="0.25">
      <c r="A4916" s="219" t="s">
        <v>11276</v>
      </c>
      <c r="B4916" s="220" t="s">
        <v>10412</v>
      </c>
      <c r="C4916" s="98" t="s">
        <v>11277</v>
      </c>
      <c r="D4916" s="98" t="s">
        <v>11278</v>
      </c>
      <c r="E4916" s="141" t="s">
        <v>174</v>
      </c>
      <c r="F4916" s="141">
        <v>7200</v>
      </c>
      <c r="G4916" s="98" t="s">
        <v>3</v>
      </c>
      <c r="H4916" s="98">
        <v>1</v>
      </c>
      <c r="I4916" s="98">
        <v>0</v>
      </c>
      <c r="J4916" s="98">
        <v>1</v>
      </c>
      <c r="K4916" s="98" t="s">
        <v>174</v>
      </c>
      <c r="L4916" s="98" t="s">
        <v>174</v>
      </c>
      <c r="M4916" s="98" t="s">
        <v>174</v>
      </c>
      <c r="N4916" s="98" t="s">
        <v>174</v>
      </c>
      <c r="O4916" s="98" t="s">
        <v>174</v>
      </c>
      <c r="P4916" s="98" t="s">
        <v>174</v>
      </c>
      <c r="Q4916" s="98" t="s">
        <v>174</v>
      </c>
      <c r="R4916" s="98" t="s">
        <v>174</v>
      </c>
      <c r="S4916" s="98" t="s">
        <v>174</v>
      </c>
      <c r="T4916" s="98" t="s">
        <v>174</v>
      </c>
      <c r="U4916" s="99"/>
      <c r="V4916" s="99"/>
      <c r="W4916" s="99"/>
      <c r="X4916" s="99"/>
      <c r="Y4916" s="99"/>
      <c r="Z4916" s="99"/>
      <c r="AA4916" s="99"/>
      <c r="AB4916" s="99"/>
      <c r="AC4916" s="99"/>
      <c r="AD4916" s="99"/>
      <c r="AE4916" s="99"/>
      <c r="AF4916" s="99"/>
      <c r="AG4916" s="99"/>
      <c r="AH4916" s="99"/>
      <c r="AI4916" s="99"/>
      <c r="AJ4916" s="99"/>
      <c r="AK4916" s="99"/>
      <c r="AL4916" s="99"/>
      <c r="AM4916" s="99"/>
      <c r="AN4916" s="99"/>
      <c r="AO4916" s="99"/>
      <c r="AP4916" s="99"/>
      <c r="AQ4916" s="99"/>
      <c r="AR4916" s="99"/>
      <c r="AS4916" s="99"/>
      <c r="AT4916" s="99"/>
      <c r="AU4916" s="99"/>
      <c r="AV4916" s="99"/>
      <c r="AW4916" s="99"/>
      <c r="AX4916" s="99"/>
      <c r="AY4916" s="99"/>
      <c r="AZ4916" s="99"/>
      <c r="BA4916" s="99"/>
      <c r="BB4916" s="107">
        <v>45884</v>
      </c>
    </row>
    <row r="4917" spans="1:54" s="8" customFormat="1" ht="13.95" customHeight="1" x14ac:dyDescent="0.25">
      <c r="A4917" s="219" t="s">
        <v>11279</v>
      </c>
      <c r="B4917" s="220" t="s">
        <v>10412</v>
      </c>
      <c r="C4917" s="98" t="s">
        <v>11280</v>
      </c>
      <c r="D4917" s="98" t="s">
        <v>11281</v>
      </c>
      <c r="E4917" s="141" t="s">
        <v>174</v>
      </c>
      <c r="F4917" s="141">
        <v>6031</v>
      </c>
      <c r="G4917" s="98" t="s">
        <v>1</v>
      </c>
      <c r="H4917" s="98">
        <v>0</v>
      </c>
      <c r="I4917" s="98">
        <v>0</v>
      </c>
      <c r="J4917" s="98">
        <v>1</v>
      </c>
      <c r="K4917" s="98" t="s">
        <v>174</v>
      </c>
      <c r="L4917" s="98" t="s">
        <v>174</v>
      </c>
      <c r="M4917" s="98" t="s">
        <v>174</v>
      </c>
      <c r="N4917" s="98" t="s">
        <v>174</v>
      </c>
      <c r="O4917" s="98" t="s">
        <v>174</v>
      </c>
      <c r="P4917" s="98" t="s">
        <v>174</v>
      </c>
      <c r="Q4917" s="98" t="s">
        <v>174</v>
      </c>
      <c r="R4917" s="98" t="s">
        <v>174</v>
      </c>
      <c r="S4917" s="98" t="s">
        <v>174</v>
      </c>
      <c r="T4917" s="98" t="s">
        <v>174</v>
      </c>
      <c r="U4917" s="99"/>
      <c r="V4917" s="99"/>
      <c r="W4917" s="99"/>
      <c r="X4917" s="99"/>
      <c r="Y4917" s="99"/>
      <c r="Z4917" s="99"/>
      <c r="AA4917" s="99"/>
      <c r="AB4917" s="99"/>
      <c r="AC4917" s="99"/>
      <c r="AD4917" s="99"/>
      <c r="AE4917" s="99"/>
      <c r="AF4917" s="99"/>
      <c r="AG4917" s="99"/>
      <c r="AH4917" s="99"/>
      <c r="AI4917" s="99"/>
      <c r="AJ4917" s="99"/>
      <c r="AK4917" s="99"/>
      <c r="AL4917" s="99"/>
      <c r="AM4917" s="99"/>
      <c r="AN4917" s="99"/>
      <c r="AO4917" s="99"/>
      <c r="AP4917" s="99"/>
      <c r="AQ4917" s="99"/>
      <c r="AR4917" s="99"/>
      <c r="AS4917" s="99"/>
      <c r="AT4917" s="99"/>
      <c r="AU4917" s="99"/>
      <c r="AV4917" s="99"/>
      <c r="AW4917" s="99"/>
      <c r="AX4917" s="99"/>
      <c r="AY4917" s="99"/>
      <c r="AZ4917" s="99"/>
      <c r="BA4917" s="99"/>
      <c r="BB4917" s="107">
        <v>45884</v>
      </c>
    </row>
    <row r="4918" spans="1:54" s="8" customFormat="1" ht="13.95" customHeight="1" x14ac:dyDescent="0.25">
      <c r="A4918" s="219" t="s">
        <v>11282</v>
      </c>
      <c r="B4918" s="220" t="s">
        <v>10412</v>
      </c>
      <c r="C4918" s="98" t="s">
        <v>11283</v>
      </c>
      <c r="D4918" s="98" t="s">
        <v>11284</v>
      </c>
      <c r="E4918" s="141" t="s">
        <v>174</v>
      </c>
      <c r="F4918" s="141">
        <v>6098</v>
      </c>
      <c r="G4918" s="98" t="s">
        <v>1</v>
      </c>
      <c r="H4918" s="98">
        <v>0</v>
      </c>
      <c r="I4918" s="98">
        <v>0</v>
      </c>
      <c r="J4918" s="98">
        <v>1</v>
      </c>
      <c r="K4918" s="98" t="s">
        <v>174</v>
      </c>
      <c r="L4918" s="98" t="s">
        <v>174</v>
      </c>
      <c r="M4918" s="98" t="s">
        <v>174</v>
      </c>
      <c r="N4918" s="98" t="s">
        <v>174</v>
      </c>
      <c r="O4918" s="98" t="s">
        <v>174</v>
      </c>
      <c r="P4918" s="98" t="s">
        <v>174</v>
      </c>
      <c r="Q4918" s="98" t="s">
        <v>174</v>
      </c>
      <c r="R4918" s="98" t="s">
        <v>174</v>
      </c>
      <c r="S4918" s="98" t="s">
        <v>174</v>
      </c>
      <c r="T4918" s="98" t="s">
        <v>174</v>
      </c>
      <c r="U4918" s="99"/>
      <c r="V4918" s="99"/>
      <c r="W4918" s="99"/>
      <c r="X4918" s="99"/>
      <c r="Y4918" s="99"/>
      <c r="Z4918" s="99"/>
      <c r="AA4918" s="99"/>
      <c r="AB4918" s="99"/>
      <c r="AC4918" s="99"/>
      <c r="AD4918" s="99"/>
      <c r="AE4918" s="99"/>
      <c r="AF4918" s="99"/>
      <c r="AG4918" s="99"/>
      <c r="AH4918" s="99"/>
      <c r="AI4918" s="99"/>
      <c r="AJ4918" s="99"/>
      <c r="AK4918" s="99"/>
      <c r="AL4918" s="99"/>
      <c r="AM4918" s="99"/>
      <c r="AN4918" s="99"/>
      <c r="AO4918" s="99"/>
      <c r="AP4918" s="99"/>
      <c r="AQ4918" s="99"/>
      <c r="AR4918" s="99"/>
      <c r="AS4918" s="99"/>
      <c r="AT4918" s="99"/>
      <c r="AU4918" s="99"/>
      <c r="AV4918" s="99"/>
      <c r="AW4918" s="99"/>
      <c r="AX4918" s="99"/>
      <c r="AY4918" s="99"/>
      <c r="AZ4918" s="99"/>
      <c r="BA4918" s="99"/>
      <c r="BB4918" s="107">
        <v>45884</v>
      </c>
    </row>
    <row r="4919" spans="1:54" s="8" customFormat="1" ht="13.95" customHeight="1" x14ac:dyDescent="0.25">
      <c r="A4919" s="219" t="s">
        <v>11285</v>
      </c>
      <c r="B4919" s="220" t="s">
        <v>10412</v>
      </c>
      <c r="C4919" s="98" t="s">
        <v>11286</v>
      </c>
      <c r="D4919" s="98" t="s">
        <v>11287</v>
      </c>
      <c r="E4919" s="141" t="s">
        <v>174</v>
      </c>
      <c r="F4919" s="141">
        <v>6163</v>
      </c>
      <c r="G4919" s="98" t="s">
        <v>1</v>
      </c>
      <c r="H4919" s="98">
        <v>0</v>
      </c>
      <c r="I4919" s="98">
        <v>0</v>
      </c>
      <c r="J4919" s="98">
        <v>1</v>
      </c>
      <c r="K4919" s="98" t="s">
        <v>174</v>
      </c>
      <c r="L4919" s="98" t="s">
        <v>174</v>
      </c>
      <c r="M4919" s="98" t="s">
        <v>174</v>
      </c>
      <c r="N4919" s="98" t="s">
        <v>174</v>
      </c>
      <c r="O4919" s="98" t="s">
        <v>174</v>
      </c>
      <c r="P4919" s="98" t="s">
        <v>174</v>
      </c>
      <c r="Q4919" s="98" t="s">
        <v>174</v>
      </c>
      <c r="R4919" s="98" t="s">
        <v>174</v>
      </c>
      <c r="S4919" s="98" t="s">
        <v>174</v>
      </c>
      <c r="T4919" s="98" t="s">
        <v>174</v>
      </c>
      <c r="U4919" s="99"/>
      <c r="V4919" s="99"/>
      <c r="W4919" s="99"/>
      <c r="X4919" s="99"/>
      <c r="Y4919" s="99"/>
      <c r="Z4919" s="99"/>
      <c r="AA4919" s="99"/>
      <c r="AB4919" s="99"/>
      <c r="AC4919" s="99"/>
      <c r="AD4919" s="99"/>
      <c r="AE4919" s="99"/>
      <c r="AF4919" s="99"/>
      <c r="AG4919" s="99"/>
      <c r="AH4919" s="99"/>
      <c r="AI4919" s="99"/>
      <c r="AJ4919" s="99"/>
      <c r="AK4919" s="99"/>
      <c r="AL4919" s="99"/>
      <c r="AM4919" s="99"/>
      <c r="AN4919" s="99"/>
      <c r="AO4919" s="99"/>
      <c r="AP4919" s="99"/>
      <c r="AQ4919" s="99"/>
      <c r="AR4919" s="99"/>
      <c r="AS4919" s="99"/>
      <c r="AT4919" s="99"/>
      <c r="AU4919" s="99"/>
      <c r="AV4919" s="99"/>
      <c r="AW4919" s="99"/>
      <c r="AX4919" s="99"/>
      <c r="AY4919" s="99"/>
      <c r="AZ4919" s="99"/>
      <c r="BA4919" s="99"/>
      <c r="BB4919" s="107">
        <v>45884</v>
      </c>
    </row>
    <row r="4920" spans="1:54" s="8" customFormat="1" ht="13.95" customHeight="1" x14ac:dyDescent="0.25">
      <c r="A4920" s="219" t="s">
        <v>11288</v>
      </c>
      <c r="B4920" s="220" t="s">
        <v>10412</v>
      </c>
      <c r="C4920" s="98" t="s">
        <v>11289</v>
      </c>
      <c r="D4920" s="98" t="s">
        <v>11290</v>
      </c>
      <c r="E4920" s="141" t="s">
        <v>174</v>
      </c>
      <c r="F4920" s="141">
        <v>6179</v>
      </c>
      <c r="G4920" s="98" t="s">
        <v>1</v>
      </c>
      <c r="H4920" s="98">
        <v>0</v>
      </c>
      <c r="I4920" s="98">
        <v>0</v>
      </c>
      <c r="J4920" s="98">
        <v>1</v>
      </c>
      <c r="K4920" s="98" t="s">
        <v>174</v>
      </c>
      <c r="L4920" s="98" t="s">
        <v>174</v>
      </c>
      <c r="M4920" s="98" t="s">
        <v>174</v>
      </c>
      <c r="N4920" s="98" t="s">
        <v>174</v>
      </c>
      <c r="O4920" s="98" t="s">
        <v>174</v>
      </c>
      <c r="P4920" s="98" t="s">
        <v>174</v>
      </c>
      <c r="Q4920" s="98" t="s">
        <v>174</v>
      </c>
      <c r="R4920" s="98" t="s">
        <v>174</v>
      </c>
      <c r="S4920" s="98" t="s">
        <v>174</v>
      </c>
      <c r="T4920" s="98" t="s">
        <v>174</v>
      </c>
      <c r="U4920" s="99"/>
      <c r="V4920" s="99"/>
      <c r="W4920" s="99"/>
      <c r="X4920" s="99"/>
      <c r="Y4920" s="99"/>
      <c r="Z4920" s="99"/>
      <c r="AA4920" s="99"/>
      <c r="AB4920" s="99"/>
      <c r="AC4920" s="99"/>
      <c r="AD4920" s="99"/>
      <c r="AE4920" s="99"/>
      <c r="AF4920" s="99"/>
      <c r="AG4920" s="99"/>
      <c r="AH4920" s="99"/>
      <c r="AI4920" s="99"/>
      <c r="AJ4920" s="99"/>
      <c r="AK4920" s="99"/>
      <c r="AL4920" s="99"/>
      <c r="AM4920" s="99"/>
      <c r="AN4920" s="99"/>
      <c r="AO4920" s="99"/>
      <c r="AP4920" s="99"/>
      <c r="AQ4920" s="99"/>
      <c r="AR4920" s="99"/>
      <c r="AS4920" s="99"/>
      <c r="AT4920" s="99"/>
      <c r="AU4920" s="99"/>
      <c r="AV4920" s="99"/>
      <c r="AW4920" s="99"/>
      <c r="AX4920" s="99"/>
      <c r="AY4920" s="99"/>
      <c r="AZ4920" s="99"/>
      <c r="BA4920" s="99"/>
      <c r="BB4920" s="107">
        <v>45884</v>
      </c>
    </row>
    <row r="4921" spans="1:54" s="8" customFormat="1" ht="13.95" customHeight="1" x14ac:dyDescent="0.25">
      <c r="A4921" s="219" t="s">
        <v>11291</v>
      </c>
      <c r="B4921" s="220" t="s">
        <v>10412</v>
      </c>
      <c r="C4921" s="98" t="s">
        <v>11292</v>
      </c>
      <c r="D4921" s="98" t="s">
        <v>11293</v>
      </c>
      <c r="E4921" s="141" t="s">
        <v>174</v>
      </c>
      <c r="F4921" s="141">
        <v>6241</v>
      </c>
      <c r="G4921" s="98" t="s">
        <v>1</v>
      </c>
      <c r="H4921" s="98">
        <v>1</v>
      </c>
      <c r="I4921" s="98">
        <v>0</v>
      </c>
      <c r="J4921" s="98">
        <v>1</v>
      </c>
      <c r="K4921" s="98" t="s">
        <v>174</v>
      </c>
      <c r="L4921" s="98" t="s">
        <v>174</v>
      </c>
      <c r="M4921" s="98" t="s">
        <v>174</v>
      </c>
      <c r="N4921" s="98" t="s">
        <v>174</v>
      </c>
      <c r="O4921" s="98" t="s">
        <v>174</v>
      </c>
      <c r="P4921" s="98" t="s">
        <v>174</v>
      </c>
      <c r="Q4921" s="98" t="s">
        <v>174</v>
      </c>
      <c r="R4921" s="98" t="s">
        <v>174</v>
      </c>
      <c r="S4921" s="98" t="s">
        <v>174</v>
      </c>
      <c r="T4921" s="98" t="s">
        <v>174</v>
      </c>
      <c r="U4921" s="99"/>
      <c r="V4921" s="99"/>
      <c r="W4921" s="99"/>
      <c r="X4921" s="99"/>
      <c r="Y4921" s="99"/>
      <c r="Z4921" s="99"/>
      <c r="AA4921" s="99"/>
      <c r="AB4921" s="99"/>
      <c r="AC4921" s="99"/>
      <c r="AD4921" s="99"/>
      <c r="AE4921" s="99"/>
      <c r="AF4921" s="99"/>
      <c r="AG4921" s="99"/>
      <c r="AH4921" s="99"/>
      <c r="AI4921" s="99"/>
      <c r="AJ4921" s="99"/>
      <c r="AK4921" s="99"/>
      <c r="AL4921" s="99"/>
      <c r="AM4921" s="99"/>
      <c r="AN4921" s="99"/>
      <c r="AO4921" s="99"/>
      <c r="AP4921" s="99"/>
      <c r="AQ4921" s="99"/>
      <c r="AR4921" s="99"/>
      <c r="AS4921" s="99"/>
      <c r="AT4921" s="99"/>
      <c r="AU4921" s="99"/>
      <c r="AV4921" s="99"/>
      <c r="AW4921" s="99"/>
      <c r="AX4921" s="99"/>
      <c r="AY4921" s="99"/>
      <c r="AZ4921" s="99"/>
      <c r="BA4921" s="99"/>
      <c r="BB4921" s="107">
        <v>45884</v>
      </c>
    </row>
    <row r="4922" spans="1:54" s="8" customFormat="1" ht="13.95" customHeight="1" x14ac:dyDescent="0.25">
      <c r="A4922" s="219" t="s">
        <v>11294</v>
      </c>
      <c r="B4922" s="220" t="s">
        <v>10412</v>
      </c>
      <c r="C4922" s="98" t="s">
        <v>11295</v>
      </c>
      <c r="D4922" s="98" t="s">
        <v>11296</v>
      </c>
      <c r="E4922" s="141" t="s">
        <v>174</v>
      </c>
      <c r="F4922" s="141">
        <v>6419</v>
      </c>
      <c r="G4922" s="98" t="s">
        <v>1</v>
      </c>
      <c r="H4922" s="98">
        <v>1</v>
      </c>
      <c r="I4922" s="98">
        <v>0</v>
      </c>
      <c r="J4922" s="98">
        <v>1</v>
      </c>
      <c r="K4922" s="98" t="s">
        <v>174</v>
      </c>
      <c r="L4922" s="98" t="s">
        <v>174</v>
      </c>
      <c r="M4922" s="98" t="s">
        <v>174</v>
      </c>
      <c r="N4922" s="98" t="s">
        <v>174</v>
      </c>
      <c r="O4922" s="98" t="s">
        <v>174</v>
      </c>
      <c r="P4922" s="98" t="s">
        <v>174</v>
      </c>
      <c r="Q4922" s="98" t="s">
        <v>174</v>
      </c>
      <c r="R4922" s="98" t="s">
        <v>174</v>
      </c>
      <c r="S4922" s="98" t="s">
        <v>174</v>
      </c>
      <c r="T4922" s="98" t="s">
        <v>174</v>
      </c>
      <c r="U4922" s="98" t="s">
        <v>174</v>
      </c>
      <c r="V4922" s="98" t="s">
        <v>174</v>
      </c>
      <c r="W4922" s="98" t="s">
        <v>174</v>
      </c>
      <c r="X4922" s="98" t="s">
        <v>174</v>
      </c>
      <c r="Y4922" s="98" t="s">
        <v>174</v>
      </c>
      <c r="Z4922" s="98" t="s">
        <v>174</v>
      </c>
      <c r="AA4922" s="98" t="s">
        <v>174</v>
      </c>
      <c r="AB4922" s="98" t="s">
        <v>174</v>
      </c>
      <c r="AC4922" s="98" t="s">
        <v>174</v>
      </c>
      <c r="AD4922" s="98" t="s">
        <v>174</v>
      </c>
      <c r="AE4922" s="98" t="s">
        <v>174</v>
      </c>
      <c r="AF4922" s="98" t="s">
        <v>174</v>
      </c>
      <c r="AG4922" s="98" t="s">
        <v>174</v>
      </c>
      <c r="AH4922" s="98" t="s">
        <v>174</v>
      </c>
      <c r="AI4922" s="98" t="s">
        <v>174</v>
      </c>
      <c r="AJ4922" s="98" t="s">
        <v>174</v>
      </c>
      <c r="AK4922" s="98" t="s">
        <v>174</v>
      </c>
      <c r="AL4922" s="98" t="s">
        <v>174</v>
      </c>
      <c r="AM4922" s="98" t="s">
        <v>174</v>
      </c>
      <c r="AN4922" s="98" t="s">
        <v>174</v>
      </c>
      <c r="AO4922" s="98" t="s">
        <v>174</v>
      </c>
      <c r="AP4922" s="98" t="s">
        <v>174</v>
      </c>
      <c r="AQ4922" s="98" t="s">
        <v>174</v>
      </c>
      <c r="AR4922" s="98" t="s">
        <v>174</v>
      </c>
      <c r="AS4922" s="98" t="s">
        <v>174</v>
      </c>
      <c r="AT4922" s="129" t="s">
        <v>174</v>
      </c>
      <c r="AU4922" s="98" t="s">
        <v>174</v>
      </c>
      <c r="AV4922" s="98" t="s">
        <v>174</v>
      </c>
      <c r="AW4922" s="98" t="s">
        <v>174</v>
      </c>
      <c r="AX4922" s="98"/>
      <c r="AY4922" s="98"/>
      <c r="AZ4922" s="98"/>
      <c r="BA4922" s="98"/>
      <c r="BB4922" s="107">
        <v>45884</v>
      </c>
    </row>
    <row r="4923" spans="1:54" s="8" customFormat="1" ht="13.95" customHeight="1" x14ac:dyDescent="0.25">
      <c r="A4923" s="219" t="s">
        <v>11297</v>
      </c>
      <c r="B4923" s="220" t="s">
        <v>10412</v>
      </c>
      <c r="C4923" s="98" t="s">
        <v>11298</v>
      </c>
      <c r="D4923" s="98" t="s">
        <v>11299</v>
      </c>
      <c r="E4923" s="141" t="s">
        <v>174</v>
      </c>
      <c r="F4923" s="141">
        <v>7051</v>
      </c>
      <c r="G4923" s="98" t="s">
        <v>1</v>
      </c>
      <c r="H4923" s="98">
        <v>1</v>
      </c>
      <c r="I4923" s="98">
        <v>1</v>
      </c>
      <c r="J4923" s="98">
        <v>1</v>
      </c>
      <c r="K4923" s="98" t="s">
        <v>174</v>
      </c>
      <c r="L4923" s="98" t="s">
        <v>174</v>
      </c>
      <c r="M4923" s="98" t="s">
        <v>174</v>
      </c>
      <c r="N4923" s="98" t="s">
        <v>174</v>
      </c>
      <c r="O4923" s="98" t="s">
        <v>174</v>
      </c>
      <c r="P4923" s="98" t="s">
        <v>174</v>
      </c>
      <c r="Q4923" s="98" t="s">
        <v>174</v>
      </c>
      <c r="R4923" s="98" t="s">
        <v>174</v>
      </c>
      <c r="S4923" s="98" t="s">
        <v>174</v>
      </c>
      <c r="T4923" s="98" t="s">
        <v>174</v>
      </c>
      <c r="U4923" s="99"/>
      <c r="V4923" s="99"/>
      <c r="W4923" s="99"/>
      <c r="X4923" s="99"/>
      <c r="Y4923" s="99"/>
      <c r="Z4923" s="99"/>
      <c r="AA4923" s="99"/>
      <c r="AB4923" s="99"/>
      <c r="AC4923" s="99"/>
      <c r="AD4923" s="99"/>
      <c r="AE4923" s="99"/>
      <c r="AF4923" s="99"/>
      <c r="AG4923" s="99"/>
      <c r="AH4923" s="99"/>
      <c r="AI4923" s="99"/>
      <c r="AJ4923" s="99"/>
      <c r="AK4923" s="99"/>
      <c r="AL4923" s="99"/>
      <c r="AM4923" s="99"/>
      <c r="AN4923" s="99"/>
      <c r="AO4923" s="99"/>
      <c r="AP4923" s="99"/>
      <c r="AQ4923" s="99"/>
      <c r="AR4923" s="99"/>
      <c r="AS4923" s="99"/>
      <c r="AT4923" s="99"/>
      <c r="AU4923" s="99"/>
      <c r="AV4923" s="99"/>
      <c r="AW4923" s="99"/>
      <c r="AX4923" s="99"/>
      <c r="AY4923" s="99"/>
      <c r="AZ4923" s="99"/>
      <c r="BA4923" s="99"/>
      <c r="BB4923" s="107">
        <v>45884</v>
      </c>
    </row>
    <row r="4924" spans="1:54" s="8" customFormat="1" ht="13.95" customHeight="1" x14ac:dyDescent="0.25">
      <c r="A4924" s="219" t="s">
        <v>11300</v>
      </c>
      <c r="B4924" s="220" t="s">
        <v>10412</v>
      </c>
      <c r="C4924" s="98" t="s">
        <v>11301</v>
      </c>
      <c r="D4924" s="98" t="s">
        <v>11302</v>
      </c>
      <c r="E4924" s="141" t="s">
        <v>174</v>
      </c>
      <c r="F4924" s="141">
        <v>7078</v>
      </c>
      <c r="G4924" s="98" t="s">
        <v>1</v>
      </c>
      <c r="H4924" s="98">
        <v>0</v>
      </c>
      <c r="I4924" s="98">
        <v>0</v>
      </c>
      <c r="J4924" s="98">
        <v>1</v>
      </c>
      <c r="K4924" s="98" t="s">
        <v>174</v>
      </c>
      <c r="L4924" s="98" t="s">
        <v>174</v>
      </c>
      <c r="M4924" s="98" t="s">
        <v>174</v>
      </c>
      <c r="N4924" s="98" t="s">
        <v>174</v>
      </c>
      <c r="O4924" s="98" t="s">
        <v>174</v>
      </c>
      <c r="P4924" s="98" t="s">
        <v>174</v>
      </c>
      <c r="Q4924" s="98" t="s">
        <v>174</v>
      </c>
      <c r="R4924" s="98" t="s">
        <v>174</v>
      </c>
      <c r="S4924" s="98" t="s">
        <v>174</v>
      </c>
      <c r="T4924" s="98" t="s">
        <v>174</v>
      </c>
      <c r="U4924" s="99"/>
      <c r="V4924" s="99"/>
      <c r="W4924" s="99"/>
      <c r="X4924" s="99"/>
      <c r="Y4924" s="99"/>
      <c r="Z4924" s="99"/>
      <c r="AA4924" s="99"/>
      <c r="AB4924" s="99"/>
      <c r="AC4924" s="99"/>
      <c r="AD4924" s="99"/>
      <c r="AE4924" s="99"/>
      <c r="AF4924" s="99"/>
      <c r="AG4924" s="99"/>
      <c r="AH4924" s="99"/>
      <c r="AI4924" s="99"/>
      <c r="AJ4924" s="99"/>
      <c r="AK4924" s="99"/>
      <c r="AL4924" s="99"/>
      <c r="AM4924" s="99"/>
      <c r="AN4924" s="99"/>
      <c r="AO4924" s="99"/>
      <c r="AP4924" s="99"/>
      <c r="AQ4924" s="99"/>
      <c r="AR4924" s="99"/>
      <c r="AS4924" s="99"/>
      <c r="AT4924" s="99"/>
      <c r="AU4924" s="99"/>
      <c r="AV4924" s="99"/>
      <c r="AW4924" s="99"/>
      <c r="AX4924" s="99"/>
      <c r="AY4924" s="99"/>
      <c r="AZ4924" s="99"/>
      <c r="BA4924" s="99"/>
      <c r="BB4924" s="107">
        <v>45884</v>
      </c>
    </row>
    <row r="4925" spans="1:54" s="8" customFormat="1" ht="13.95" customHeight="1" x14ac:dyDescent="0.25">
      <c r="A4925" s="219" t="s">
        <v>11303</v>
      </c>
      <c r="B4925" s="220" t="s">
        <v>10412</v>
      </c>
      <c r="C4925" s="98" t="s">
        <v>11304</v>
      </c>
      <c r="D4925" s="98" t="s">
        <v>11305</v>
      </c>
      <c r="E4925" s="141" t="s">
        <v>174</v>
      </c>
      <c r="F4925" s="141">
        <v>7099</v>
      </c>
      <c r="G4925" s="98" t="s">
        <v>1</v>
      </c>
      <c r="H4925" s="98">
        <v>0</v>
      </c>
      <c r="I4925" s="98">
        <v>0</v>
      </c>
      <c r="J4925" s="98">
        <v>1</v>
      </c>
      <c r="K4925" s="98" t="s">
        <v>174</v>
      </c>
      <c r="L4925" s="98" t="s">
        <v>174</v>
      </c>
      <c r="M4925" s="98" t="s">
        <v>174</v>
      </c>
      <c r="N4925" s="98" t="s">
        <v>174</v>
      </c>
      <c r="O4925" s="98" t="s">
        <v>174</v>
      </c>
      <c r="P4925" s="98" t="s">
        <v>174</v>
      </c>
      <c r="Q4925" s="98" t="s">
        <v>174</v>
      </c>
      <c r="R4925" s="98" t="s">
        <v>174</v>
      </c>
      <c r="S4925" s="98" t="s">
        <v>174</v>
      </c>
      <c r="T4925" s="98" t="s">
        <v>174</v>
      </c>
      <c r="U4925" s="99"/>
      <c r="V4925" s="99"/>
      <c r="W4925" s="99"/>
      <c r="X4925" s="99"/>
      <c r="Y4925" s="99"/>
      <c r="Z4925" s="99"/>
      <c r="AA4925" s="99"/>
      <c r="AB4925" s="99"/>
      <c r="AC4925" s="99"/>
      <c r="AD4925" s="99"/>
      <c r="AE4925" s="99"/>
      <c r="AF4925" s="99"/>
      <c r="AG4925" s="99"/>
      <c r="AH4925" s="99"/>
      <c r="AI4925" s="99"/>
      <c r="AJ4925" s="99"/>
      <c r="AK4925" s="99"/>
      <c r="AL4925" s="99"/>
      <c r="AM4925" s="99"/>
      <c r="AN4925" s="99"/>
      <c r="AO4925" s="99"/>
      <c r="AP4925" s="99"/>
      <c r="AQ4925" s="99"/>
      <c r="AR4925" s="99"/>
      <c r="AS4925" s="99"/>
      <c r="AT4925" s="99"/>
      <c r="AU4925" s="99"/>
      <c r="AV4925" s="99"/>
      <c r="AW4925" s="99"/>
      <c r="AX4925" s="99"/>
      <c r="AY4925" s="99"/>
      <c r="AZ4925" s="99"/>
      <c r="BA4925" s="99"/>
      <c r="BB4925" s="107">
        <v>45884</v>
      </c>
    </row>
    <row r="4926" spans="1:54" s="8" customFormat="1" ht="13.95" customHeight="1" x14ac:dyDescent="0.25">
      <c r="A4926" s="219" t="s">
        <v>11306</v>
      </c>
      <c r="B4926" s="220" t="s">
        <v>10412</v>
      </c>
      <c r="C4926" s="98" t="s">
        <v>11307</v>
      </c>
      <c r="D4926" s="98" t="s">
        <v>11308</v>
      </c>
      <c r="E4926" s="141" t="s">
        <v>174</v>
      </c>
      <c r="F4926" s="141">
        <v>7110</v>
      </c>
      <c r="G4926" s="98" t="s">
        <v>1</v>
      </c>
      <c r="H4926" s="98">
        <v>1</v>
      </c>
      <c r="I4926" s="98">
        <v>0</v>
      </c>
      <c r="J4926" s="98">
        <v>1</v>
      </c>
      <c r="K4926" s="98" t="s">
        <v>174</v>
      </c>
      <c r="L4926" s="98" t="s">
        <v>174</v>
      </c>
      <c r="M4926" s="98" t="s">
        <v>174</v>
      </c>
      <c r="N4926" s="98" t="s">
        <v>174</v>
      </c>
      <c r="O4926" s="98" t="s">
        <v>174</v>
      </c>
      <c r="P4926" s="98" t="s">
        <v>174</v>
      </c>
      <c r="Q4926" s="98" t="s">
        <v>174</v>
      </c>
      <c r="R4926" s="98" t="s">
        <v>174</v>
      </c>
      <c r="S4926" s="98" t="s">
        <v>174</v>
      </c>
      <c r="T4926" s="98" t="s">
        <v>174</v>
      </c>
      <c r="U4926" s="99"/>
      <c r="V4926" s="99"/>
      <c r="W4926" s="99"/>
      <c r="X4926" s="99"/>
      <c r="Y4926" s="99"/>
      <c r="Z4926" s="99"/>
      <c r="AA4926" s="99"/>
      <c r="AB4926" s="99"/>
      <c r="AC4926" s="99"/>
      <c r="AD4926" s="99"/>
      <c r="AE4926" s="99"/>
      <c r="AF4926" s="99"/>
      <c r="AG4926" s="99"/>
      <c r="AH4926" s="99"/>
      <c r="AI4926" s="99"/>
      <c r="AJ4926" s="99"/>
      <c r="AK4926" s="99"/>
      <c r="AL4926" s="99"/>
      <c r="AM4926" s="99"/>
      <c r="AN4926" s="99"/>
      <c r="AO4926" s="99"/>
      <c r="AP4926" s="99"/>
      <c r="AQ4926" s="99"/>
      <c r="AR4926" s="99"/>
      <c r="AS4926" s="99"/>
      <c r="AT4926" s="99"/>
      <c r="AU4926" s="99"/>
      <c r="AV4926" s="99"/>
      <c r="AW4926" s="99"/>
      <c r="AX4926" s="99"/>
      <c r="AY4926" s="99"/>
      <c r="AZ4926" s="99"/>
      <c r="BA4926" s="99"/>
      <c r="BB4926" s="107">
        <v>45884</v>
      </c>
    </row>
    <row r="4927" spans="1:54" s="8" customFormat="1" ht="13.95" customHeight="1" x14ac:dyDescent="0.25">
      <c r="A4927" s="219" t="s">
        <v>11309</v>
      </c>
      <c r="B4927" s="220" t="s">
        <v>10412</v>
      </c>
      <c r="C4927" s="98" t="s">
        <v>11310</v>
      </c>
      <c r="D4927" s="98" t="s">
        <v>11311</v>
      </c>
      <c r="E4927" s="141" t="s">
        <v>174</v>
      </c>
      <c r="F4927" s="141">
        <v>7145</v>
      </c>
      <c r="G4927" s="98" t="s">
        <v>10</v>
      </c>
      <c r="H4927" s="98">
        <v>1</v>
      </c>
      <c r="I4927" s="98">
        <v>0</v>
      </c>
      <c r="J4927" s="98">
        <v>1</v>
      </c>
      <c r="K4927" s="98" t="s">
        <v>174</v>
      </c>
      <c r="L4927" s="98" t="s">
        <v>174</v>
      </c>
      <c r="M4927" s="98" t="s">
        <v>174</v>
      </c>
      <c r="N4927" s="98" t="s">
        <v>174</v>
      </c>
      <c r="O4927" s="98" t="s">
        <v>174</v>
      </c>
      <c r="P4927" s="98" t="s">
        <v>174</v>
      </c>
      <c r="Q4927" s="98" t="s">
        <v>174</v>
      </c>
      <c r="R4927" s="98" t="s">
        <v>174</v>
      </c>
      <c r="S4927" s="98" t="s">
        <v>174</v>
      </c>
      <c r="T4927" s="98" t="s">
        <v>174</v>
      </c>
      <c r="U4927" s="98" t="s">
        <v>174</v>
      </c>
      <c r="V4927" s="98" t="s">
        <v>174</v>
      </c>
      <c r="W4927" s="98" t="s">
        <v>174</v>
      </c>
      <c r="X4927" s="98" t="s">
        <v>174</v>
      </c>
      <c r="Y4927" s="98" t="s">
        <v>174</v>
      </c>
      <c r="Z4927" s="98" t="s">
        <v>174</v>
      </c>
      <c r="AA4927" s="98" t="s">
        <v>174</v>
      </c>
      <c r="AB4927" s="98" t="s">
        <v>174</v>
      </c>
      <c r="AC4927" s="98" t="s">
        <v>174</v>
      </c>
      <c r="AD4927" s="98" t="s">
        <v>174</v>
      </c>
      <c r="AE4927" s="98" t="s">
        <v>174</v>
      </c>
      <c r="AF4927" s="98" t="s">
        <v>174</v>
      </c>
      <c r="AG4927" s="98" t="s">
        <v>174</v>
      </c>
      <c r="AH4927" s="98" t="s">
        <v>174</v>
      </c>
      <c r="AI4927" s="98" t="s">
        <v>174</v>
      </c>
      <c r="AJ4927" s="98" t="s">
        <v>174</v>
      </c>
      <c r="AK4927" s="98" t="s">
        <v>174</v>
      </c>
      <c r="AL4927" s="98" t="s">
        <v>174</v>
      </c>
      <c r="AM4927" s="98" t="s">
        <v>174</v>
      </c>
      <c r="AN4927" s="98" t="s">
        <v>174</v>
      </c>
      <c r="AO4927" s="98" t="s">
        <v>174</v>
      </c>
      <c r="AP4927" s="98" t="s">
        <v>174</v>
      </c>
      <c r="AQ4927" s="98" t="s">
        <v>174</v>
      </c>
      <c r="AR4927" s="98" t="s">
        <v>174</v>
      </c>
      <c r="AS4927" s="98" t="s">
        <v>174</v>
      </c>
      <c r="AT4927" s="129" t="s">
        <v>174</v>
      </c>
      <c r="AU4927" s="98" t="s">
        <v>174</v>
      </c>
      <c r="AV4927" s="98" t="s">
        <v>174</v>
      </c>
      <c r="AW4927" s="98" t="s">
        <v>174</v>
      </c>
      <c r="AX4927" s="98"/>
      <c r="AY4927" s="98"/>
      <c r="AZ4927" s="98"/>
      <c r="BA4927" s="98"/>
      <c r="BB4927" s="107">
        <v>45884</v>
      </c>
    </row>
    <row r="4928" spans="1:54" s="8" customFormat="1" ht="13.95" customHeight="1" x14ac:dyDescent="0.25">
      <c r="A4928" s="219" t="s">
        <v>11312</v>
      </c>
      <c r="B4928" s="220" t="s">
        <v>10412</v>
      </c>
      <c r="C4928" s="98" t="s">
        <v>11313</v>
      </c>
      <c r="D4928" s="98" t="s">
        <v>11314</v>
      </c>
      <c r="E4928" s="141" t="s">
        <v>174</v>
      </c>
      <c r="F4928" s="141">
        <v>7436</v>
      </c>
      <c r="G4928" s="98" t="s">
        <v>1</v>
      </c>
      <c r="H4928" s="98">
        <v>0</v>
      </c>
      <c r="I4928" s="98">
        <v>0</v>
      </c>
      <c r="J4928" s="98">
        <v>1</v>
      </c>
      <c r="K4928" s="98" t="s">
        <v>174</v>
      </c>
      <c r="L4928" s="98" t="s">
        <v>174</v>
      </c>
      <c r="M4928" s="98" t="s">
        <v>174</v>
      </c>
      <c r="N4928" s="98" t="s">
        <v>174</v>
      </c>
      <c r="O4928" s="98" t="s">
        <v>174</v>
      </c>
      <c r="P4928" s="98" t="s">
        <v>174</v>
      </c>
      <c r="Q4928" s="98" t="s">
        <v>174</v>
      </c>
      <c r="R4928" s="98" t="s">
        <v>174</v>
      </c>
      <c r="S4928" s="98" t="s">
        <v>174</v>
      </c>
      <c r="T4928" s="98" t="s">
        <v>174</v>
      </c>
      <c r="U4928" s="98" t="s">
        <v>174</v>
      </c>
      <c r="V4928" s="98" t="s">
        <v>174</v>
      </c>
      <c r="W4928" s="98" t="s">
        <v>174</v>
      </c>
      <c r="X4928" s="98" t="s">
        <v>174</v>
      </c>
      <c r="Y4928" s="98" t="s">
        <v>174</v>
      </c>
      <c r="Z4928" s="98" t="s">
        <v>174</v>
      </c>
      <c r="AA4928" s="98" t="s">
        <v>174</v>
      </c>
      <c r="AB4928" s="98" t="s">
        <v>174</v>
      </c>
      <c r="AC4928" s="98" t="s">
        <v>174</v>
      </c>
      <c r="AD4928" s="98" t="s">
        <v>174</v>
      </c>
      <c r="AE4928" s="98" t="s">
        <v>174</v>
      </c>
      <c r="AF4928" s="98" t="s">
        <v>174</v>
      </c>
      <c r="AG4928" s="98" t="s">
        <v>174</v>
      </c>
      <c r="AH4928" s="98" t="s">
        <v>174</v>
      </c>
      <c r="AI4928" s="98" t="s">
        <v>174</v>
      </c>
      <c r="AJ4928" s="98" t="s">
        <v>174</v>
      </c>
      <c r="AK4928" s="98" t="s">
        <v>174</v>
      </c>
      <c r="AL4928" s="98" t="s">
        <v>174</v>
      </c>
      <c r="AM4928" s="98" t="s">
        <v>174</v>
      </c>
      <c r="AN4928" s="98" t="s">
        <v>174</v>
      </c>
      <c r="AO4928" s="98" t="s">
        <v>174</v>
      </c>
      <c r="AP4928" s="98" t="s">
        <v>174</v>
      </c>
      <c r="AQ4928" s="98" t="s">
        <v>174</v>
      </c>
      <c r="AR4928" s="98" t="s">
        <v>174</v>
      </c>
      <c r="AS4928" s="98" t="s">
        <v>174</v>
      </c>
      <c r="AT4928" s="129" t="s">
        <v>174</v>
      </c>
      <c r="AU4928" s="98" t="s">
        <v>174</v>
      </c>
      <c r="AV4928" s="98" t="s">
        <v>174</v>
      </c>
      <c r="AW4928" s="98" t="s">
        <v>174</v>
      </c>
      <c r="AX4928" s="98"/>
      <c r="AY4928" s="98"/>
      <c r="AZ4928" s="98"/>
      <c r="BA4928" s="98"/>
      <c r="BB4928" s="107">
        <v>45884</v>
      </c>
    </row>
    <row r="4929" spans="1:54" s="8" customFormat="1" ht="13.95" customHeight="1" x14ac:dyDescent="0.25">
      <c r="A4929" s="219" t="s">
        <v>11315</v>
      </c>
      <c r="B4929" s="220" t="s">
        <v>10412</v>
      </c>
      <c r="C4929" s="98" t="s">
        <v>11316</v>
      </c>
      <c r="D4929" s="98" t="s">
        <v>11317</v>
      </c>
      <c r="E4929" s="141" t="s">
        <v>174</v>
      </c>
      <c r="F4929" s="141">
        <v>7874</v>
      </c>
      <c r="G4929" s="98" t="s">
        <v>1</v>
      </c>
      <c r="H4929" s="98">
        <v>1</v>
      </c>
      <c r="I4929" s="98">
        <v>1</v>
      </c>
      <c r="J4929" s="98">
        <v>1</v>
      </c>
      <c r="K4929" s="98" t="s">
        <v>174</v>
      </c>
      <c r="L4929" s="98" t="s">
        <v>174</v>
      </c>
      <c r="M4929" s="98" t="s">
        <v>174</v>
      </c>
      <c r="N4929" s="98" t="s">
        <v>174</v>
      </c>
      <c r="O4929" s="98" t="s">
        <v>174</v>
      </c>
      <c r="P4929" s="98" t="s">
        <v>174</v>
      </c>
      <c r="Q4929" s="98" t="s">
        <v>174</v>
      </c>
      <c r="R4929" s="98" t="s">
        <v>174</v>
      </c>
      <c r="S4929" s="98" t="s">
        <v>174</v>
      </c>
      <c r="T4929" s="98" t="s">
        <v>174</v>
      </c>
      <c r="U4929" s="99"/>
      <c r="V4929" s="99"/>
      <c r="W4929" s="99"/>
      <c r="X4929" s="99"/>
      <c r="Y4929" s="99"/>
      <c r="Z4929" s="99"/>
      <c r="AA4929" s="99"/>
      <c r="AB4929" s="99"/>
      <c r="AC4929" s="99"/>
      <c r="AD4929" s="99"/>
      <c r="AE4929" s="99"/>
      <c r="AF4929" s="99"/>
      <c r="AG4929" s="99"/>
      <c r="AH4929" s="99"/>
      <c r="AI4929" s="99"/>
      <c r="AJ4929" s="99"/>
      <c r="AK4929" s="99"/>
      <c r="AL4929" s="99"/>
      <c r="AM4929" s="99"/>
      <c r="AN4929" s="99"/>
      <c r="AO4929" s="99"/>
      <c r="AP4929" s="99"/>
      <c r="AQ4929" s="99"/>
      <c r="AR4929" s="99"/>
      <c r="AS4929" s="99"/>
      <c r="AT4929" s="99"/>
      <c r="AU4929" s="99"/>
      <c r="AV4929" s="99"/>
      <c r="AW4929" s="99"/>
      <c r="AX4929" s="99"/>
      <c r="AY4929" s="99"/>
      <c r="AZ4929" s="99"/>
      <c r="BA4929" s="99"/>
      <c r="BB4929" s="107">
        <v>45884</v>
      </c>
    </row>
    <row r="4930" spans="1:54" s="8" customFormat="1" ht="13.95" customHeight="1" x14ac:dyDescent="0.25">
      <c r="A4930" s="219" t="s">
        <v>11318</v>
      </c>
      <c r="B4930" s="220" t="s">
        <v>10412</v>
      </c>
      <c r="C4930" s="98" t="s">
        <v>11319</v>
      </c>
      <c r="D4930" s="98" t="s">
        <v>11320</v>
      </c>
      <c r="E4930" s="141" t="s">
        <v>174</v>
      </c>
      <c r="F4930" s="141">
        <v>8429</v>
      </c>
      <c r="G4930" s="98" t="s">
        <v>1</v>
      </c>
      <c r="H4930" s="98">
        <v>1</v>
      </c>
      <c r="I4930" s="98">
        <v>1</v>
      </c>
      <c r="J4930" s="98">
        <v>1</v>
      </c>
      <c r="K4930" s="98" t="s">
        <v>174</v>
      </c>
      <c r="L4930" s="98" t="s">
        <v>174</v>
      </c>
      <c r="M4930" s="98" t="s">
        <v>174</v>
      </c>
      <c r="N4930" s="98" t="s">
        <v>174</v>
      </c>
      <c r="O4930" s="98" t="s">
        <v>174</v>
      </c>
      <c r="P4930" s="98" t="s">
        <v>174</v>
      </c>
      <c r="Q4930" s="98" t="s">
        <v>174</v>
      </c>
      <c r="R4930" s="98" t="s">
        <v>174</v>
      </c>
      <c r="S4930" s="98" t="s">
        <v>174</v>
      </c>
      <c r="T4930" s="98" t="s">
        <v>174</v>
      </c>
      <c r="U4930" s="98" t="s">
        <v>174</v>
      </c>
      <c r="V4930" s="98" t="s">
        <v>174</v>
      </c>
      <c r="W4930" s="98" t="s">
        <v>174</v>
      </c>
      <c r="X4930" s="98" t="s">
        <v>174</v>
      </c>
      <c r="Y4930" s="98" t="s">
        <v>174</v>
      </c>
      <c r="Z4930" s="98" t="s">
        <v>174</v>
      </c>
      <c r="AA4930" s="98" t="s">
        <v>174</v>
      </c>
      <c r="AB4930" s="98" t="s">
        <v>174</v>
      </c>
      <c r="AC4930" s="98" t="s">
        <v>174</v>
      </c>
      <c r="AD4930" s="98" t="s">
        <v>174</v>
      </c>
      <c r="AE4930" s="98" t="s">
        <v>174</v>
      </c>
      <c r="AF4930" s="98" t="s">
        <v>174</v>
      </c>
      <c r="AG4930" s="98" t="s">
        <v>174</v>
      </c>
      <c r="AH4930" s="98" t="s">
        <v>174</v>
      </c>
      <c r="AI4930" s="98" t="s">
        <v>174</v>
      </c>
      <c r="AJ4930" s="98" t="s">
        <v>174</v>
      </c>
      <c r="AK4930" s="98" t="s">
        <v>174</v>
      </c>
      <c r="AL4930" s="98" t="s">
        <v>174</v>
      </c>
      <c r="AM4930" s="98" t="s">
        <v>174</v>
      </c>
      <c r="AN4930" s="98" t="s">
        <v>174</v>
      </c>
      <c r="AO4930" s="98" t="s">
        <v>174</v>
      </c>
      <c r="AP4930" s="98" t="s">
        <v>174</v>
      </c>
      <c r="AQ4930" s="98" t="s">
        <v>174</v>
      </c>
      <c r="AR4930" s="98" t="s">
        <v>174</v>
      </c>
      <c r="AS4930" s="98" t="s">
        <v>174</v>
      </c>
      <c r="AT4930" s="129" t="s">
        <v>174</v>
      </c>
      <c r="AU4930" s="98" t="s">
        <v>174</v>
      </c>
      <c r="AV4930" s="98" t="s">
        <v>174</v>
      </c>
      <c r="AW4930" s="98" t="s">
        <v>174</v>
      </c>
      <c r="AX4930" s="98"/>
      <c r="AY4930" s="98"/>
      <c r="AZ4930" s="98"/>
      <c r="BA4930" s="98"/>
      <c r="BB4930" s="107">
        <v>45884</v>
      </c>
    </row>
    <row r="4931" spans="1:54" s="8" customFormat="1" ht="13.95" customHeight="1" x14ac:dyDescent="0.25">
      <c r="A4931" s="219" t="s">
        <v>11321</v>
      </c>
      <c r="B4931" s="220" t="s">
        <v>10412</v>
      </c>
      <c r="C4931" s="98" t="s">
        <v>11322</v>
      </c>
      <c r="D4931" s="98" t="s">
        <v>11323</v>
      </c>
      <c r="E4931" s="141" t="s">
        <v>174</v>
      </c>
      <c r="F4931" s="141">
        <v>8500</v>
      </c>
      <c r="G4931" s="98" t="s">
        <v>1</v>
      </c>
      <c r="H4931" s="98">
        <v>0</v>
      </c>
      <c r="I4931" s="98">
        <v>0</v>
      </c>
      <c r="J4931" s="98">
        <v>1</v>
      </c>
      <c r="K4931" s="98" t="s">
        <v>174</v>
      </c>
      <c r="L4931" s="98" t="s">
        <v>174</v>
      </c>
      <c r="M4931" s="98" t="s">
        <v>174</v>
      </c>
      <c r="N4931" s="98" t="s">
        <v>174</v>
      </c>
      <c r="O4931" s="98" t="s">
        <v>174</v>
      </c>
      <c r="P4931" s="98" t="s">
        <v>174</v>
      </c>
      <c r="Q4931" s="98" t="s">
        <v>174</v>
      </c>
      <c r="R4931" s="98" t="s">
        <v>174</v>
      </c>
      <c r="S4931" s="98" t="s">
        <v>174</v>
      </c>
      <c r="T4931" s="98" t="s">
        <v>174</v>
      </c>
      <c r="U4931" s="98" t="s">
        <v>174</v>
      </c>
      <c r="V4931" s="98" t="s">
        <v>174</v>
      </c>
      <c r="W4931" s="98" t="s">
        <v>174</v>
      </c>
      <c r="X4931" s="98" t="s">
        <v>174</v>
      </c>
      <c r="Y4931" s="98" t="s">
        <v>174</v>
      </c>
      <c r="Z4931" s="98" t="s">
        <v>174</v>
      </c>
      <c r="AA4931" s="98" t="s">
        <v>174</v>
      </c>
      <c r="AB4931" s="98" t="s">
        <v>174</v>
      </c>
      <c r="AC4931" s="98" t="s">
        <v>174</v>
      </c>
      <c r="AD4931" s="98" t="s">
        <v>174</v>
      </c>
      <c r="AE4931" s="98" t="s">
        <v>174</v>
      </c>
      <c r="AF4931" s="98" t="s">
        <v>174</v>
      </c>
      <c r="AG4931" s="98" t="s">
        <v>174</v>
      </c>
      <c r="AH4931" s="98" t="s">
        <v>174</v>
      </c>
      <c r="AI4931" s="98" t="s">
        <v>174</v>
      </c>
      <c r="AJ4931" s="98" t="s">
        <v>174</v>
      </c>
      <c r="AK4931" s="98" t="s">
        <v>174</v>
      </c>
      <c r="AL4931" s="98" t="s">
        <v>174</v>
      </c>
      <c r="AM4931" s="98" t="s">
        <v>174</v>
      </c>
      <c r="AN4931" s="98" t="s">
        <v>174</v>
      </c>
      <c r="AO4931" s="98" t="s">
        <v>174</v>
      </c>
      <c r="AP4931" s="98" t="s">
        <v>174</v>
      </c>
      <c r="AQ4931" s="98" t="s">
        <v>174</v>
      </c>
      <c r="AR4931" s="98" t="s">
        <v>174</v>
      </c>
      <c r="AS4931" s="98" t="s">
        <v>174</v>
      </c>
      <c r="AT4931" s="129" t="s">
        <v>174</v>
      </c>
      <c r="AU4931" s="98" t="s">
        <v>174</v>
      </c>
      <c r="AV4931" s="98" t="s">
        <v>174</v>
      </c>
      <c r="AW4931" s="98" t="s">
        <v>174</v>
      </c>
      <c r="AX4931" s="98"/>
      <c r="AY4931" s="98"/>
      <c r="AZ4931" s="98"/>
      <c r="BA4931" s="98"/>
      <c r="BB4931" s="107">
        <v>45884</v>
      </c>
    </row>
    <row r="4932" spans="1:54" s="8" customFormat="1" ht="13.95" customHeight="1" x14ac:dyDescent="0.25">
      <c r="A4932" s="219" t="s">
        <v>11324</v>
      </c>
      <c r="B4932" s="220" t="s">
        <v>10412</v>
      </c>
      <c r="C4932" s="98" t="s">
        <v>11325</v>
      </c>
      <c r="D4932" s="98" t="s">
        <v>11326</v>
      </c>
      <c r="E4932" s="141" t="s">
        <v>174</v>
      </c>
      <c r="F4932" s="141">
        <v>8598</v>
      </c>
      <c r="G4932" s="98" t="s">
        <v>1</v>
      </c>
      <c r="H4932" s="98">
        <v>0</v>
      </c>
      <c r="I4932" s="98">
        <v>0</v>
      </c>
      <c r="J4932" s="98">
        <v>1</v>
      </c>
      <c r="K4932" s="98" t="s">
        <v>174</v>
      </c>
      <c r="L4932" s="98" t="s">
        <v>174</v>
      </c>
      <c r="M4932" s="98" t="s">
        <v>174</v>
      </c>
      <c r="N4932" s="98" t="s">
        <v>174</v>
      </c>
      <c r="O4932" s="98" t="s">
        <v>174</v>
      </c>
      <c r="P4932" s="98" t="s">
        <v>174</v>
      </c>
      <c r="Q4932" s="98" t="s">
        <v>174</v>
      </c>
      <c r="R4932" s="98" t="s">
        <v>174</v>
      </c>
      <c r="S4932" s="98" t="s">
        <v>174</v>
      </c>
      <c r="T4932" s="98" t="s">
        <v>174</v>
      </c>
      <c r="U4932" s="99"/>
      <c r="V4932" s="99"/>
      <c r="W4932" s="99"/>
      <c r="X4932" s="99"/>
      <c r="Y4932" s="99"/>
      <c r="Z4932" s="99"/>
      <c r="AA4932" s="99"/>
      <c r="AB4932" s="99"/>
      <c r="AC4932" s="99"/>
      <c r="AD4932" s="99"/>
      <c r="AE4932" s="99"/>
      <c r="AF4932" s="99"/>
      <c r="AG4932" s="99"/>
      <c r="AH4932" s="99"/>
      <c r="AI4932" s="99"/>
      <c r="AJ4932" s="99"/>
      <c r="AK4932" s="99"/>
      <c r="AL4932" s="99"/>
      <c r="AM4932" s="99"/>
      <c r="AN4932" s="99"/>
      <c r="AO4932" s="99"/>
      <c r="AP4932" s="99"/>
      <c r="AQ4932" s="99"/>
      <c r="AR4932" s="99"/>
      <c r="AS4932" s="99"/>
      <c r="AT4932" s="99"/>
      <c r="AU4932" s="99"/>
      <c r="AV4932" s="99"/>
      <c r="AW4932" s="99"/>
      <c r="AX4932" s="99"/>
      <c r="AY4932" s="99"/>
      <c r="AZ4932" s="99"/>
      <c r="BA4932" s="99"/>
      <c r="BB4932" s="107">
        <v>45884</v>
      </c>
    </row>
    <row r="4933" spans="1:54" s="8" customFormat="1" ht="13.95" customHeight="1" x14ac:dyDescent="0.25">
      <c r="A4933" s="219" t="s">
        <v>11327</v>
      </c>
      <c r="B4933" s="220" t="s">
        <v>10412</v>
      </c>
      <c r="C4933" s="98" t="s">
        <v>11328</v>
      </c>
      <c r="D4933" s="98" t="s">
        <v>11329</v>
      </c>
      <c r="E4933" s="141" t="s">
        <v>174</v>
      </c>
      <c r="F4933" s="141">
        <v>8686</v>
      </c>
      <c r="G4933" s="98" t="s">
        <v>1</v>
      </c>
      <c r="H4933" s="98">
        <v>0</v>
      </c>
      <c r="I4933" s="98">
        <v>0</v>
      </c>
      <c r="J4933" s="98">
        <v>1</v>
      </c>
      <c r="K4933" s="98" t="s">
        <v>174</v>
      </c>
      <c r="L4933" s="98" t="s">
        <v>174</v>
      </c>
      <c r="M4933" s="98" t="s">
        <v>174</v>
      </c>
      <c r="N4933" s="98" t="s">
        <v>174</v>
      </c>
      <c r="O4933" s="98" t="s">
        <v>174</v>
      </c>
      <c r="P4933" s="98" t="s">
        <v>174</v>
      </c>
      <c r="Q4933" s="98" t="s">
        <v>174</v>
      </c>
      <c r="R4933" s="98" t="s">
        <v>174</v>
      </c>
      <c r="S4933" s="98" t="s">
        <v>174</v>
      </c>
      <c r="T4933" s="98" t="s">
        <v>174</v>
      </c>
      <c r="U4933" s="98" t="s">
        <v>174</v>
      </c>
      <c r="V4933" s="98" t="s">
        <v>174</v>
      </c>
      <c r="W4933" s="98" t="s">
        <v>174</v>
      </c>
      <c r="X4933" s="98" t="s">
        <v>174</v>
      </c>
      <c r="Y4933" s="98" t="s">
        <v>174</v>
      </c>
      <c r="Z4933" s="98" t="s">
        <v>174</v>
      </c>
      <c r="AA4933" s="98" t="s">
        <v>174</v>
      </c>
      <c r="AB4933" s="98" t="s">
        <v>174</v>
      </c>
      <c r="AC4933" s="98" t="s">
        <v>174</v>
      </c>
      <c r="AD4933" s="98" t="s">
        <v>174</v>
      </c>
      <c r="AE4933" s="98" t="s">
        <v>174</v>
      </c>
      <c r="AF4933" s="98" t="s">
        <v>174</v>
      </c>
      <c r="AG4933" s="98" t="s">
        <v>174</v>
      </c>
      <c r="AH4933" s="98" t="s">
        <v>174</v>
      </c>
      <c r="AI4933" s="98" t="s">
        <v>174</v>
      </c>
      <c r="AJ4933" s="98" t="s">
        <v>174</v>
      </c>
      <c r="AK4933" s="98" t="s">
        <v>174</v>
      </c>
      <c r="AL4933" s="98" t="s">
        <v>174</v>
      </c>
      <c r="AM4933" s="98" t="s">
        <v>174</v>
      </c>
      <c r="AN4933" s="98" t="s">
        <v>174</v>
      </c>
      <c r="AO4933" s="98" t="s">
        <v>174</v>
      </c>
      <c r="AP4933" s="98" t="s">
        <v>174</v>
      </c>
      <c r="AQ4933" s="98" t="s">
        <v>174</v>
      </c>
      <c r="AR4933" s="98" t="s">
        <v>174</v>
      </c>
      <c r="AS4933" s="98" t="s">
        <v>174</v>
      </c>
      <c r="AT4933" s="129" t="s">
        <v>174</v>
      </c>
      <c r="AU4933" s="98" t="s">
        <v>174</v>
      </c>
      <c r="AV4933" s="98" t="s">
        <v>174</v>
      </c>
      <c r="AW4933" s="98" t="s">
        <v>174</v>
      </c>
      <c r="AX4933" s="98"/>
      <c r="AY4933" s="98"/>
      <c r="AZ4933" s="98"/>
      <c r="BA4933" s="98"/>
      <c r="BB4933" s="107">
        <v>45884</v>
      </c>
    </row>
    <row r="4934" spans="1:54" s="8" customFormat="1" ht="13.95" customHeight="1" x14ac:dyDescent="0.25">
      <c r="A4934" s="219" t="s">
        <v>11330</v>
      </c>
      <c r="B4934" s="220" t="s">
        <v>10412</v>
      </c>
      <c r="C4934" s="98" t="s">
        <v>11331</v>
      </c>
      <c r="D4934" s="98" t="s">
        <v>11332</v>
      </c>
      <c r="E4934" s="141" t="s">
        <v>174</v>
      </c>
      <c r="F4934" s="141">
        <v>9118</v>
      </c>
      <c r="G4934" s="98" t="s">
        <v>13</v>
      </c>
      <c r="H4934" s="98">
        <v>0</v>
      </c>
      <c r="I4934" s="98">
        <v>0</v>
      </c>
      <c r="J4934" s="98">
        <v>1</v>
      </c>
      <c r="K4934" s="98" t="s">
        <v>174</v>
      </c>
      <c r="L4934" s="98" t="s">
        <v>174</v>
      </c>
      <c r="M4934" s="98" t="s">
        <v>174</v>
      </c>
      <c r="N4934" s="98" t="s">
        <v>174</v>
      </c>
      <c r="O4934" s="98" t="s">
        <v>174</v>
      </c>
      <c r="P4934" s="98" t="s">
        <v>174</v>
      </c>
      <c r="Q4934" s="98" t="s">
        <v>174</v>
      </c>
      <c r="R4934" s="98" t="s">
        <v>174</v>
      </c>
      <c r="S4934" s="98" t="s">
        <v>174</v>
      </c>
      <c r="T4934" s="98" t="s">
        <v>174</v>
      </c>
      <c r="U4934" s="99"/>
      <c r="V4934" s="99"/>
      <c r="W4934" s="99"/>
      <c r="X4934" s="99"/>
      <c r="Y4934" s="99"/>
      <c r="Z4934" s="99"/>
      <c r="AA4934" s="99"/>
      <c r="AB4934" s="99"/>
      <c r="AC4934" s="99"/>
      <c r="AD4934" s="99"/>
      <c r="AE4934" s="99"/>
      <c r="AF4934" s="99"/>
      <c r="AG4934" s="99"/>
      <c r="AH4934" s="99"/>
      <c r="AI4934" s="99"/>
      <c r="AJ4934" s="99"/>
      <c r="AK4934" s="99"/>
      <c r="AL4934" s="99"/>
      <c r="AM4934" s="99"/>
      <c r="AN4934" s="99"/>
      <c r="AO4934" s="99"/>
      <c r="AP4934" s="99"/>
      <c r="AQ4934" s="99"/>
      <c r="AR4934" s="99"/>
      <c r="AS4934" s="99"/>
      <c r="AT4934" s="99"/>
      <c r="AU4934" s="99"/>
      <c r="AV4934" s="99"/>
      <c r="AW4934" s="99"/>
      <c r="AX4934" s="99"/>
      <c r="AY4934" s="99"/>
      <c r="AZ4934" s="99"/>
      <c r="BA4934" s="99"/>
      <c r="BB4934" s="107">
        <v>45884</v>
      </c>
    </row>
    <row r="4935" spans="1:54" s="8" customFormat="1" ht="13.95" customHeight="1" x14ac:dyDescent="0.25">
      <c r="A4935" s="219" t="s">
        <v>11333</v>
      </c>
      <c r="B4935" s="220" t="s">
        <v>10412</v>
      </c>
      <c r="C4935" s="98" t="s">
        <v>11334</v>
      </c>
      <c r="D4935" s="98" t="s">
        <v>11335</v>
      </c>
      <c r="E4935" s="141" t="s">
        <v>174</v>
      </c>
      <c r="F4935" s="141">
        <v>9136</v>
      </c>
      <c r="G4935" s="98" t="s">
        <v>1</v>
      </c>
      <c r="H4935" s="98">
        <v>1</v>
      </c>
      <c r="I4935" s="98">
        <v>1</v>
      </c>
      <c r="J4935" s="98">
        <v>1</v>
      </c>
      <c r="K4935" s="98" t="s">
        <v>174</v>
      </c>
      <c r="L4935" s="98" t="s">
        <v>174</v>
      </c>
      <c r="M4935" s="98" t="s">
        <v>174</v>
      </c>
      <c r="N4935" s="98" t="s">
        <v>174</v>
      </c>
      <c r="O4935" s="98" t="s">
        <v>174</v>
      </c>
      <c r="P4935" s="98" t="s">
        <v>174</v>
      </c>
      <c r="Q4935" s="98" t="s">
        <v>174</v>
      </c>
      <c r="R4935" s="98" t="s">
        <v>174</v>
      </c>
      <c r="S4935" s="98" t="s">
        <v>174</v>
      </c>
      <c r="T4935" s="98" t="s">
        <v>174</v>
      </c>
      <c r="U4935" s="99"/>
      <c r="V4935" s="99"/>
      <c r="W4935" s="99"/>
      <c r="X4935" s="99"/>
      <c r="Y4935" s="99"/>
      <c r="Z4935" s="99"/>
      <c r="AA4935" s="99"/>
      <c r="AB4935" s="99"/>
      <c r="AC4935" s="99"/>
      <c r="AD4935" s="99"/>
      <c r="AE4935" s="99"/>
      <c r="AF4935" s="99"/>
      <c r="AG4935" s="99"/>
      <c r="AH4935" s="99"/>
      <c r="AI4935" s="99"/>
      <c r="AJ4935" s="99"/>
      <c r="AK4935" s="99"/>
      <c r="AL4935" s="99"/>
      <c r="AM4935" s="99"/>
      <c r="AN4935" s="99"/>
      <c r="AO4935" s="99"/>
      <c r="AP4935" s="99"/>
      <c r="AQ4935" s="99"/>
      <c r="AR4935" s="99"/>
      <c r="AS4935" s="99"/>
      <c r="AT4935" s="99"/>
      <c r="AU4935" s="99"/>
      <c r="AV4935" s="99"/>
      <c r="AW4935" s="99"/>
      <c r="AX4935" s="99"/>
      <c r="AY4935" s="99"/>
      <c r="AZ4935" s="99"/>
      <c r="BA4935" s="99"/>
      <c r="BB4935" s="107">
        <v>45884</v>
      </c>
    </row>
    <row r="4936" spans="1:54" s="8" customFormat="1" ht="13.95" customHeight="1" x14ac:dyDescent="0.25">
      <c r="A4936" s="219" t="s">
        <v>11336</v>
      </c>
      <c r="B4936" s="220" t="s">
        <v>10412</v>
      </c>
      <c r="C4936" s="98" t="s">
        <v>11337</v>
      </c>
      <c r="D4936" s="98" t="s">
        <v>11338</v>
      </c>
      <c r="E4936" s="141" t="s">
        <v>174</v>
      </c>
      <c r="F4936" s="141">
        <v>9181</v>
      </c>
      <c r="G4936" s="98" t="s">
        <v>1</v>
      </c>
      <c r="H4936" s="98">
        <v>1</v>
      </c>
      <c r="I4936" s="98">
        <v>0</v>
      </c>
      <c r="J4936" s="98">
        <v>1</v>
      </c>
      <c r="K4936" s="98" t="s">
        <v>174</v>
      </c>
      <c r="L4936" s="98" t="s">
        <v>174</v>
      </c>
      <c r="M4936" s="98" t="s">
        <v>174</v>
      </c>
      <c r="N4936" s="98" t="s">
        <v>174</v>
      </c>
      <c r="O4936" s="98" t="s">
        <v>174</v>
      </c>
      <c r="P4936" s="98" t="s">
        <v>174</v>
      </c>
      <c r="Q4936" s="98" t="s">
        <v>174</v>
      </c>
      <c r="R4936" s="98" t="s">
        <v>174</v>
      </c>
      <c r="S4936" s="98" t="s">
        <v>174</v>
      </c>
      <c r="T4936" s="98" t="s">
        <v>174</v>
      </c>
      <c r="U4936" s="98" t="s">
        <v>174</v>
      </c>
      <c r="V4936" s="98" t="s">
        <v>174</v>
      </c>
      <c r="W4936" s="98" t="s">
        <v>174</v>
      </c>
      <c r="X4936" s="98" t="s">
        <v>174</v>
      </c>
      <c r="Y4936" s="98" t="s">
        <v>174</v>
      </c>
      <c r="Z4936" s="98" t="s">
        <v>174</v>
      </c>
      <c r="AA4936" s="98" t="s">
        <v>174</v>
      </c>
      <c r="AB4936" s="98" t="s">
        <v>174</v>
      </c>
      <c r="AC4936" s="98" t="s">
        <v>174</v>
      </c>
      <c r="AD4936" s="98" t="s">
        <v>174</v>
      </c>
      <c r="AE4936" s="98" t="s">
        <v>174</v>
      </c>
      <c r="AF4936" s="98" t="s">
        <v>174</v>
      </c>
      <c r="AG4936" s="98" t="s">
        <v>174</v>
      </c>
      <c r="AH4936" s="98" t="s">
        <v>174</v>
      </c>
      <c r="AI4936" s="98" t="s">
        <v>174</v>
      </c>
      <c r="AJ4936" s="98" t="s">
        <v>174</v>
      </c>
      <c r="AK4936" s="98" t="s">
        <v>174</v>
      </c>
      <c r="AL4936" s="98" t="s">
        <v>174</v>
      </c>
      <c r="AM4936" s="98" t="s">
        <v>174</v>
      </c>
      <c r="AN4936" s="98" t="s">
        <v>174</v>
      </c>
      <c r="AO4936" s="98" t="s">
        <v>174</v>
      </c>
      <c r="AP4936" s="98" t="s">
        <v>174</v>
      </c>
      <c r="AQ4936" s="98" t="s">
        <v>174</v>
      </c>
      <c r="AR4936" s="98" t="s">
        <v>174</v>
      </c>
      <c r="AS4936" s="98" t="s">
        <v>174</v>
      </c>
      <c r="AT4936" s="129" t="s">
        <v>174</v>
      </c>
      <c r="AU4936" s="98" t="s">
        <v>174</v>
      </c>
      <c r="AV4936" s="98" t="s">
        <v>174</v>
      </c>
      <c r="AW4936" s="98" t="s">
        <v>174</v>
      </c>
      <c r="AX4936" s="98"/>
      <c r="AY4936" s="98"/>
      <c r="AZ4936" s="98"/>
      <c r="BA4936" s="98"/>
      <c r="BB4936" s="107">
        <v>45884</v>
      </c>
    </row>
    <row r="4937" spans="1:54" s="8" customFormat="1" ht="13.95" customHeight="1" x14ac:dyDescent="0.25">
      <c r="A4937" s="219" t="s">
        <v>11339</v>
      </c>
      <c r="B4937" s="220" t="s">
        <v>10412</v>
      </c>
      <c r="C4937" s="98" t="s">
        <v>11340</v>
      </c>
      <c r="D4937" s="98" t="s">
        <v>11341</v>
      </c>
      <c r="E4937" s="141" t="s">
        <v>174</v>
      </c>
      <c r="F4937" s="141">
        <v>10212</v>
      </c>
      <c r="G4937" s="98" t="s">
        <v>3</v>
      </c>
      <c r="H4937" s="98">
        <v>1</v>
      </c>
      <c r="I4937" s="98">
        <v>1</v>
      </c>
      <c r="J4937" s="98">
        <v>1</v>
      </c>
      <c r="K4937" s="98" t="s">
        <v>174</v>
      </c>
      <c r="L4937" s="98" t="s">
        <v>174</v>
      </c>
      <c r="M4937" s="98" t="s">
        <v>174</v>
      </c>
      <c r="N4937" s="98" t="s">
        <v>174</v>
      </c>
      <c r="O4937" s="98" t="s">
        <v>174</v>
      </c>
      <c r="P4937" s="98" t="s">
        <v>174</v>
      </c>
      <c r="Q4937" s="98" t="s">
        <v>174</v>
      </c>
      <c r="R4937" s="98" t="s">
        <v>174</v>
      </c>
      <c r="S4937" s="98" t="s">
        <v>174</v>
      </c>
      <c r="T4937" s="98" t="s">
        <v>174</v>
      </c>
      <c r="U4937" s="98" t="s">
        <v>174</v>
      </c>
      <c r="V4937" s="98" t="s">
        <v>174</v>
      </c>
      <c r="W4937" s="98" t="s">
        <v>174</v>
      </c>
      <c r="X4937" s="98" t="s">
        <v>174</v>
      </c>
      <c r="Y4937" s="98" t="s">
        <v>174</v>
      </c>
      <c r="Z4937" s="98" t="s">
        <v>174</v>
      </c>
      <c r="AA4937" s="98" t="s">
        <v>174</v>
      </c>
      <c r="AB4937" s="98" t="s">
        <v>174</v>
      </c>
      <c r="AC4937" s="98" t="s">
        <v>174</v>
      </c>
      <c r="AD4937" s="98" t="s">
        <v>174</v>
      </c>
      <c r="AE4937" s="98" t="s">
        <v>174</v>
      </c>
      <c r="AF4937" s="98" t="s">
        <v>174</v>
      </c>
      <c r="AG4937" s="98" t="s">
        <v>174</v>
      </c>
      <c r="AH4937" s="98" t="s">
        <v>174</v>
      </c>
      <c r="AI4937" s="98" t="s">
        <v>174</v>
      </c>
      <c r="AJ4937" s="98" t="s">
        <v>174</v>
      </c>
      <c r="AK4937" s="98" t="s">
        <v>174</v>
      </c>
      <c r="AL4937" s="98" t="s">
        <v>174</v>
      </c>
      <c r="AM4937" s="98" t="s">
        <v>174</v>
      </c>
      <c r="AN4937" s="98" t="s">
        <v>174</v>
      </c>
      <c r="AO4937" s="98" t="s">
        <v>174</v>
      </c>
      <c r="AP4937" s="98" t="s">
        <v>174</v>
      </c>
      <c r="AQ4937" s="98" t="s">
        <v>174</v>
      </c>
      <c r="AR4937" s="98" t="s">
        <v>174</v>
      </c>
      <c r="AS4937" s="98" t="s">
        <v>174</v>
      </c>
      <c r="AT4937" s="129" t="s">
        <v>174</v>
      </c>
      <c r="AU4937" s="98" t="s">
        <v>174</v>
      </c>
      <c r="AV4937" s="98" t="s">
        <v>174</v>
      </c>
      <c r="AW4937" s="98" t="s">
        <v>174</v>
      </c>
      <c r="AX4937" s="98"/>
      <c r="AY4937" s="98"/>
      <c r="AZ4937" s="98"/>
      <c r="BA4937" s="98"/>
      <c r="BB4937" s="107">
        <v>45884</v>
      </c>
    </row>
    <row r="4938" spans="1:54" s="8" customFormat="1" ht="13.95" customHeight="1" x14ac:dyDescent="0.25">
      <c r="A4938" s="219" t="s">
        <v>20245</v>
      </c>
      <c r="B4938" s="220" t="s">
        <v>10412</v>
      </c>
      <c r="C4938" s="98" t="s">
        <v>11342</v>
      </c>
      <c r="D4938" s="98" t="s">
        <v>11343</v>
      </c>
      <c r="E4938" s="141" t="s">
        <v>174</v>
      </c>
      <c r="F4938" s="141">
        <v>14066</v>
      </c>
      <c r="G4938" s="98" t="s">
        <v>3</v>
      </c>
      <c r="H4938" s="98">
        <v>1</v>
      </c>
      <c r="I4938" s="98">
        <v>1</v>
      </c>
      <c r="J4938" s="98">
        <v>1</v>
      </c>
      <c r="K4938" s="98" t="s">
        <v>174</v>
      </c>
      <c r="L4938" s="98" t="s">
        <v>174</v>
      </c>
      <c r="M4938" s="98" t="s">
        <v>174</v>
      </c>
      <c r="N4938" s="98" t="s">
        <v>174</v>
      </c>
      <c r="O4938" s="98" t="s">
        <v>174</v>
      </c>
      <c r="P4938" s="98" t="s">
        <v>174</v>
      </c>
      <c r="Q4938" s="98" t="s">
        <v>174</v>
      </c>
      <c r="R4938" s="98" t="s">
        <v>174</v>
      </c>
      <c r="S4938" s="98" t="s">
        <v>174</v>
      </c>
      <c r="T4938" s="98" t="s">
        <v>174</v>
      </c>
      <c r="U4938" s="99"/>
      <c r="V4938" s="99"/>
      <c r="W4938" s="99"/>
      <c r="X4938" s="99"/>
      <c r="Y4938" s="99"/>
      <c r="Z4938" s="99"/>
      <c r="AA4938" s="99"/>
      <c r="AB4938" s="99"/>
      <c r="AC4938" s="99"/>
      <c r="AD4938" s="99"/>
      <c r="AE4938" s="99"/>
      <c r="AF4938" s="99"/>
      <c r="AG4938" s="99"/>
      <c r="AH4938" s="99"/>
      <c r="AI4938" s="99"/>
      <c r="AJ4938" s="99"/>
      <c r="AK4938" s="99"/>
      <c r="AL4938" s="99"/>
      <c r="AM4938" s="99"/>
      <c r="AN4938" s="99"/>
      <c r="AO4938" s="99"/>
      <c r="AP4938" s="99"/>
      <c r="AQ4938" s="99"/>
      <c r="AR4938" s="99"/>
      <c r="AS4938" s="99"/>
      <c r="AT4938" s="99"/>
      <c r="AU4938" s="99"/>
      <c r="AV4938" s="99"/>
      <c r="AW4938" s="99"/>
      <c r="AX4938" s="99"/>
      <c r="AY4938" s="99"/>
      <c r="AZ4938" s="99"/>
      <c r="BA4938" s="99"/>
      <c r="BB4938" s="107">
        <v>45884</v>
      </c>
    </row>
    <row r="4939" spans="1:54" s="8" customFormat="1" ht="13.95" customHeight="1" x14ac:dyDescent="0.25">
      <c r="A4939" s="219" t="s">
        <v>11344</v>
      </c>
      <c r="B4939" s="220" t="s">
        <v>10412</v>
      </c>
      <c r="C4939" s="98" t="s">
        <v>11345</v>
      </c>
      <c r="D4939" s="98" t="s">
        <v>11346</v>
      </c>
      <c r="E4939" s="141" t="s">
        <v>174</v>
      </c>
      <c r="F4939" s="141">
        <v>10668</v>
      </c>
      <c r="G4939" s="98" t="s">
        <v>3</v>
      </c>
      <c r="H4939" s="98">
        <v>0</v>
      </c>
      <c r="I4939" s="98">
        <v>0</v>
      </c>
      <c r="J4939" s="98">
        <v>1</v>
      </c>
      <c r="K4939" s="98" t="s">
        <v>174</v>
      </c>
      <c r="L4939" s="98" t="s">
        <v>174</v>
      </c>
      <c r="M4939" s="98" t="s">
        <v>174</v>
      </c>
      <c r="N4939" s="98" t="s">
        <v>174</v>
      </c>
      <c r="O4939" s="98" t="s">
        <v>174</v>
      </c>
      <c r="P4939" s="98" t="s">
        <v>174</v>
      </c>
      <c r="Q4939" s="98" t="s">
        <v>174</v>
      </c>
      <c r="R4939" s="98" t="s">
        <v>174</v>
      </c>
      <c r="S4939" s="98" t="s">
        <v>174</v>
      </c>
      <c r="T4939" s="98" t="s">
        <v>174</v>
      </c>
      <c r="U4939" s="99"/>
      <c r="V4939" s="99"/>
      <c r="W4939" s="99"/>
      <c r="X4939" s="99"/>
      <c r="Y4939" s="99"/>
      <c r="Z4939" s="99"/>
      <c r="AA4939" s="99"/>
      <c r="AB4939" s="99"/>
      <c r="AC4939" s="99"/>
      <c r="AD4939" s="99"/>
      <c r="AE4939" s="99"/>
      <c r="AF4939" s="99"/>
      <c r="AG4939" s="99"/>
      <c r="AH4939" s="99"/>
      <c r="AI4939" s="99"/>
      <c r="AJ4939" s="99"/>
      <c r="AK4939" s="99"/>
      <c r="AL4939" s="99"/>
      <c r="AM4939" s="99"/>
      <c r="AN4939" s="99"/>
      <c r="AO4939" s="99"/>
      <c r="AP4939" s="99"/>
      <c r="AQ4939" s="99"/>
      <c r="AR4939" s="99"/>
      <c r="AS4939" s="99"/>
      <c r="AT4939" s="99"/>
      <c r="AU4939" s="99"/>
      <c r="AV4939" s="99"/>
      <c r="AW4939" s="99"/>
      <c r="AX4939" s="99"/>
      <c r="AY4939" s="99"/>
      <c r="AZ4939" s="99"/>
      <c r="BA4939" s="99"/>
      <c r="BB4939" s="107">
        <v>45884</v>
      </c>
    </row>
    <row r="4940" spans="1:54" s="8" customFormat="1" ht="13.95" customHeight="1" x14ac:dyDescent="0.25">
      <c r="A4940" s="219" t="s">
        <v>11347</v>
      </c>
      <c r="B4940" s="220" t="s">
        <v>10412</v>
      </c>
      <c r="C4940" s="98" t="s">
        <v>7572</v>
      </c>
      <c r="D4940" s="98" t="s">
        <v>11348</v>
      </c>
      <c r="E4940" s="141" t="s">
        <v>174</v>
      </c>
      <c r="F4940" s="141">
        <v>14884</v>
      </c>
      <c r="G4940" s="98" t="s">
        <v>3</v>
      </c>
      <c r="H4940" s="98">
        <v>0</v>
      </c>
      <c r="I4940" s="98">
        <v>0</v>
      </c>
      <c r="J4940" s="98">
        <v>0</v>
      </c>
      <c r="K4940" s="98" t="s">
        <v>174</v>
      </c>
      <c r="L4940" s="98" t="s">
        <v>174</v>
      </c>
      <c r="M4940" s="98" t="s">
        <v>174</v>
      </c>
      <c r="N4940" s="98" t="s">
        <v>174</v>
      </c>
      <c r="O4940" s="98" t="s">
        <v>174</v>
      </c>
      <c r="P4940" s="98" t="s">
        <v>174</v>
      </c>
      <c r="Q4940" s="98" t="s">
        <v>174</v>
      </c>
      <c r="R4940" s="98" t="s">
        <v>174</v>
      </c>
      <c r="S4940" s="98" t="s">
        <v>174</v>
      </c>
      <c r="T4940" s="98" t="s">
        <v>174</v>
      </c>
      <c r="U4940" s="99"/>
      <c r="V4940" s="99"/>
      <c r="W4940" s="99"/>
      <c r="X4940" s="99"/>
      <c r="Y4940" s="99"/>
      <c r="Z4940" s="99"/>
      <c r="AA4940" s="99"/>
      <c r="AB4940" s="99"/>
      <c r="AC4940" s="99"/>
      <c r="AD4940" s="99"/>
      <c r="AE4940" s="99"/>
      <c r="AF4940" s="99"/>
      <c r="AG4940" s="99"/>
      <c r="AH4940" s="99"/>
      <c r="AI4940" s="99"/>
      <c r="AJ4940" s="99"/>
      <c r="AK4940" s="99"/>
      <c r="AL4940" s="99"/>
      <c r="AM4940" s="99"/>
      <c r="AN4940" s="99"/>
      <c r="AO4940" s="99"/>
      <c r="AP4940" s="99"/>
      <c r="AQ4940" s="99"/>
      <c r="AR4940" s="99"/>
      <c r="AS4940" s="99"/>
      <c r="AT4940" s="99"/>
      <c r="AU4940" s="99"/>
      <c r="AV4940" s="99"/>
      <c r="AW4940" s="99"/>
      <c r="AX4940" s="99"/>
      <c r="AY4940" s="99"/>
      <c r="AZ4940" s="99"/>
      <c r="BA4940" s="99"/>
      <c r="BB4940" s="107">
        <v>45884</v>
      </c>
    </row>
    <row r="4941" spans="1:54" s="8" customFormat="1" ht="13.95" customHeight="1" x14ac:dyDescent="0.25">
      <c r="A4941" s="219" t="s">
        <v>11349</v>
      </c>
      <c r="B4941" s="220" t="s">
        <v>10412</v>
      </c>
      <c r="C4941" s="98" t="s">
        <v>11350</v>
      </c>
      <c r="D4941" s="98" t="s">
        <v>11351</v>
      </c>
      <c r="E4941" s="141" t="s">
        <v>174</v>
      </c>
      <c r="F4941" s="141">
        <v>10961</v>
      </c>
      <c r="G4941" s="98" t="s">
        <v>13</v>
      </c>
      <c r="H4941" s="98">
        <v>0</v>
      </c>
      <c r="I4941" s="98">
        <v>0</v>
      </c>
      <c r="J4941" s="98">
        <v>0</v>
      </c>
      <c r="K4941" s="98" t="s">
        <v>174</v>
      </c>
      <c r="L4941" s="98" t="s">
        <v>174</v>
      </c>
      <c r="M4941" s="98" t="s">
        <v>174</v>
      </c>
      <c r="N4941" s="98" t="s">
        <v>174</v>
      </c>
      <c r="O4941" s="98" t="s">
        <v>174</v>
      </c>
      <c r="P4941" s="98" t="s">
        <v>174</v>
      </c>
      <c r="Q4941" s="98" t="s">
        <v>174</v>
      </c>
      <c r="R4941" s="98" t="s">
        <v>174</v>
      </c>
      <c r="S4941" s="98" t="s">
        <v>174</v>
      </c>
      <c r="T4941" s="98" t="s">
        <v>174</v>
      </c>
      <c r="U4941" s="99"/>
      <c r="V4941" s="99"/>
      <c r="W4941" s="99"/>
      <c r="X4941" s="99"/>
      <c r="Y4941" s="99"/>
      <c r="Z4941" s="99"/>
      <c r="AA4941" s="99"/>
      <c r="AB4941" s="99"/>
      <c r="AC4941" s="99"/>
      <c r="AD4941" s="99"/>
      <c r="AE4941" s="99"/>
      <c r="AF4941" s="99"/>
      <c r="AG4941" s="99"/>
      <c r="AH4941" s="99"/>
      <c r="AI4941" s="99"/>
      <c r="AJ4941" s="99"/>
      <c r="AK4941" s="99"/>
      <c r="AL4941" s="99"/>
      <c r="AM4941" s="99"/>
      <c r="AN4941" s="99"/>
      <c r="AO4941" s="99"/>
      <c r="AP4941" s="99"/>
      <c r="AQ4941" s="99"/>
      <c r="AR4941" s="99"/>
      <c r="AS4941" s="99"/>
      <c r="AT4941" s="99"/>
      <c r="AU4941" s="99"/>
      <c r="AV4941" s="99"/>
      <c r="AW4941" s="99"/>
      <c r="AX4941" s="99"/>
      <c r="AY4941" s="99"/>
      <c r="AZ4941" s="99"/>
      <c r="BA4941" s="99"/>
      <c r="BB4941" s="107">
        <v>45884</v>
      </c>
    </row>
    <row r="4942" spans="1:54" s="8" customFormat="1" ht="13.95" customHeight="1" x14ac:dyDescent="0.25">
      <c r="A4942" s="219" t="s">
        <v>11352</v>
      </c>
      <c r="B4942" s="220" t="s">
        <v>10412</v>
      </c>
      <c r="C4942" s="98" t="s">
        <v>11353</v>
      </c>
      <c r="D4942" s="98" t="s">
        <v>11354</v>
      </c>
      <c r="E4942" s="141" t="s">
        <v>174</v>
      </c>
      <c r="F4942" s="141">
        <v>12124</v>
      </c>
      <c r="G4942" s="98" t="s">
        <v>0</v>
      </c>
      <c r="H4942" s="98">
        <v>1</v>
      </c>
      <c r="I4942" s="98">
        <v>0</v>
      </c>
      <c r="J4942" s="98">
        <v>1</v>
      </c>
      <c r="K4942" s="98" t="s">
        <v>174</v>
      </c>
      <c r="L4942" s="98" t="s">
        <v>174</v>
      </c>
      <c r="M4942" s="98" t="s">
        <v>174</v>
      </c>
      <c r="N4942" s="98" t="s">
        <v>174</v>
      </c>
      <c r="O4942" s="98" t="s">
        <v>174</v>
      </c>
      <c r="P4942" s="98" t="s">
        <v>174</v>
      </c>
      <c r="Q4942" s="98" t="s">
        <v>174</v>
      </c>
      <c r="R4942" s="98" t="s">
        <v>174</v>
      </c>
      <c r="S4942" s="98" t="s">
        <v>174</v>
      </c>
      <c r="T4942" s="98" t="s">
        <v>174</v>
      </c>
      <c r="U4942" s="99"/>
      <c r="V4942" s="99"/>
      <c r="W4942" s="99"/>
      <c r="X4942" s="99"/>
      <c r="Y4942" s="99"/>
      <c r="Z4942" s="99"/>
      <c r="AA4942" s="99"/>
      <c r="AB4942" s="99"/>
      <c r="AC4942" s="99"/>
      <c r="AD4942" s="99"/>
      <c r="AE4942" s="99"/>
      <c r="AF4942" s="99"/>
      <c r="AG4942" s="99"/>
      <c r="AH4942" s="99"/>
      <c r="AI4942" s="99"/>
      <c r="AJ4942" s="99"/>
      <c r="AK4942" s="99"/>
      <c r="AL4942" s="99"/>
      <c r="AM4942" s="99"/>
      <c r="AN4942" s="99"/>
      <c r="AO4942" s="99"/>
      <c r="AP4942" s="99"/>
      <c r="AQ4942" s="99"/>
      <c r="AR4942" s="99"/>
      <c r="AS4942" s="99"/>
      <c r="AT4942" s="99"/>
      <c r="AU4942" s="99"/>
      <c r="AV4942" s="99"/>
      <c r="AW4942" s="99"/>
      <c r="AX4942" s="99"/>
      <c r="AY4942" s="99"/>
      <c r="AZ4942" s="99"/>
      <c r="BA4942" s="99"/>
      <c r="BB4942" s="107">
        <v>45884</v>
      </c>
    </row>
    <row r="4943" spans="1:54" s="8" customFormat="1" ht="13.95" customHeight="1" x14ac:dyDescent="0.25">
      <c r="A4943" s="219" t="s">
        <v>11355</v>
      </c>
      <c r="B4943" s="220" t="s">
        <v>10412</v>
      </c>
      <c r="C4943" s="98" t="s">
        <v>11356</v>
      </c>
      <c r="D4943" s="98" t="s">
        <v>11357</v>
      </c>
      <c r="E4943" s="141" t="s">
        <v>174</v>
      </c>
      <c r="F4943" s="141">
        <v>12148</v>
      </c>
      <c r="G4943" s="98" t="s">
        <v>1</v>
      </c>
      <c r="H4943" s="98">
        <v>0</v>
      </c>
      <c r="I4943" s="98">
        <v>0</v>
      </c>
      <c r="J4943" s="98">
        <v>1</v>
      </c>
      <c r="K4943" s="98" t="s">
        <v>174</v>
      </c>
      <c r="L4943" s="98" t="s">
        <v>174</v>
      </c>
      <c r="M4943" s="98" t="s">
        <v>174</v>
      </c>
      <c r="N4943" s="98" t="s">
        <v>174</v>
      </c>
      <c r="O4943" s="98" t="s">
        <v>174</v>
      </c>
      <c r="P4943" s="98" t="s">
        <v>174</v>
      </c>
      <c r="Q4943" s="98" t="s">
        <v>174</v>
      </c>
      <c r="R4943" s="98" t="s">
        <v>174</v>
      </c>
      <c r="S4943" s="98" t="s">
        <v>174</v>
      </c>
      <c r="T4943" s="98" t="s">
        <v>174</v>
      </c>
      <c r="U4943" s="99"/>
      <c r="V4943" s="99"/>
      <c r="W4943" s="99"/>
      <c r="X4943" s="99"/>
      <c r="Y4943" s="99"/>
      <c r="Z4943" s="99"/>
      <c r="AA4943" s="99"/>
      <c r="AB4943" s="99"/>
      <c r="AC4943" s="99"/>
      <c r="AD4943" s="99"/>
      <c r="AE4943" s="99"/>
      <c r="AF4943" s="99"/>
      <c r="AG4943" s="99"/>
      <c r="AH4943" s="99"/>
      <c r="AI4943" s="99"/>
      <c r="AJ4943" s="99"/>
      <c r="AK4943" s="99"/>
      <c r="AL4943" s="99"/>
      <c r="AM4943" s="99"/>
      <c r="AN4943" s="99"/>
      <c r="AO4943" s="99"/>
      <c r="AP4943" s="99"/>
      <c r="AQ4943" s="99"/>
      <c r="AR4943" s="99"/>
      <c r="AS4943" s="99"/>
      <c r="AT4943" s="99"/>
      <c r="AU4943" s="99"/>
      <c r="AV4943" s="99"/>
      <c r="AW4943" s="99"/>
      <c r="AX4943" s="99"/>
      <c r="AY4943" s="99"/>
      <c r="AZ4943" s="99"/>
      <c r="BA4943" s="99"/>
      <c r="BB4943" s="107">
        <v>45884</v>
      </c>
    </row>
    <row r="4944" spans="1:54" s="8" customFormat="1" ht="13.95" customHeight="1" x14ac:dyDescent="0.25">
      <c r="A4944" s="219" t="s">
        <v>11358</v>
      </c>
      <c r="B4944" s="220" t="s">
        <v>10412</v>
      </c>
      <c r="C4944" s="98" t="s">
        <v>11359</v>
      </c>
      <c r="D4944" s="98" t="s">
        <v>11360</v>
      </c>
      <c r="E4944" s="141" t="s">
        <v>174</v>
      </c>
      <c r="F4944" s="141">
        <v>12845</v>
      </c>
      <c r="G4944" s="98" t="s">
        <v>3</v>
      </c>
      <c r="H4944" s="98">
        <v>0</v>
      </c>
      <c r="I4944" s="98">
        <v>0</v>
      </c>
      <c r="J4944" s="98">
        <v>1</v>
      </c>
      <c r="K4944" s="98" t="s">
        <v>174</v>
      </c>
      <c r="L4944" s="98" t="s">
        <v>174</v>
      </c>
      <c r="M4944" s="98" t="s">
        <v>174</v>
      </c>
      <c r="N4944" s="98" t="s">
        <v>174</v>
      </c>
      <c r="O4944" s="98" t="s">
        <v>174</v>
      </c>
      <c r="P4944" s="98" t="s">
        <v>174</v>
      </c>
      <c r="Q4944" s="98" t="s">
        <v>174</v>
      </c>
      <c r="R4944" s="98" t="s">
        <v>174</v>
      </c>
      <c r="S4944" s="98" t="s">
        <v>174</v>
      </c>
      <c r="T4944" s="98" t="s">
        <v>174</v>
      </c>
      <c r="U4944" s="99"/>
      <c r="V4944" s="99"/>
      <c r="W4944" s="99"/>
      <c r="X4944" s="99"/>
      <c r="Y4944" s="99"/>
      <c r="Z4944" s="99"/>
      <c r="AA4944" s="99"/>
      <c r="AB4944" s="99"/>
      <c r="AC4944" s="99"/>
      <c r="AD4944" s="99"/>
      <c r="AE4944" s="99"/>
      <c r="AF4944" s="99"/>
      <c r="AG4944" s="99"/>
      <c r="AH4944" s="99"/>
      <c r="AI4944" s="99"/>
      <c r="AJ4944" s="99"/>
      <c r="AK4944" s="99"/>
      <c r="AL4944" s="99"/>
      <c r="AM4944" s="99"/>
      <c r="AN4944" s="99"/>
      <c r="AO4944" s="99"/>
      <c r="AP4944" s="99"/>
      <c r="AQ4944" s="99"/>
      <c r="AR4944" s="99"/>
      <c r="AS4944" s="99"/>
      <c r="AT4944" s="99"/>
      <c r="AU4944" s="99"/>
      <c r="AV4944" s="99"/>
      <c r="AW4944" s="99"/>
      <c r="AX4944" s="99"/>
      <c r="AY4944" s="99"/>
      <c r="AZ4944" s="99"/>
      <c r="BA4944" s="99"/>
      <c r="BB4944" s="107">
        <v>45884</v>
      </c>
    </row>
    <row r="4945" spans="1:54" s="8" customFormat="1" ht="13.95" customHeight="1" x14ac:dyDescent="0.25">
      <c r="A4945" s="219" t="s">
        <v>11361</v>
      </c>
      <c r="B4945" s="220" t="s">
        <v>10412</v>
      </c>
      <c r="C4945" s="98" t="s">
        <v>11362</v>
      </c>
      <c r="D4945" s="98" t="s">
        <v>11363</v>
      </c>
      <c r="E4945" s="141" t="s">
        <v>174</v>
      </c>
      <c r="F4945" s="141">
        <v>12950</v>
      </c>
      <c r="G4945" s="98" t="s">
        <v>1</v>
      </c>
      <c r="H4945" s="98">
        <v>0</v>
      </c>
      <c r="I4945" s="98">
        <v>0</v>
      </c>
      <c r="J4945" s="98">
        <v>1</v>
      </c>
      <c r="K4945" s="98" t="s">
        <v>174</v>
      </c>
      <c r="L4945" s="98" t="s">
        <v>174</v>
      </c>
      <c r="M4945" s="98" t="s">
        <v>174</v>
      </c>
      <c r="N4945" s="98" t="s">
        <v>174</v>
      </c>
      <c r="O4945" s="98" t="s">
        <v>174</v>
      </c>
      <c r="P4945" s="98" t="s">
        <v>174</v>
      </c>
      <c r="Q4945" s="98" t="s">
        <v>174</v>
      </c>
      <c r="R4945" s="98" t="s">
        <v>174</v>
      </c>
      <c r="S4945" s="98" t="s">
        <v>174</v>
      </c>
      <c r="T4945" s="98" t="s">
        <v>174</v>
      </c>
      <c r="U4945" s="99"/>
      <c r="V4945" s="99"/>
      <c r="W4945" s="99"/>
      <c r="X4945" s="99"/>
      <c r="Y4945" s="99"/>
      <c r="Z4945" s="99"/>
      <c r="AA4945" s="99"/>
      <c r="AB4945" s="99"/>
      <c r="AC4945" s="99"/>
      <c r="AD4945" s="99"/>
      <c r="AE4945" s="99"/>
      <c r="AF4945" s="99"/>
      <c r="AG4945" s="99"/>
      <c r="AH4945" s="99"/>
      <c r="AI4945" s="99"/>
      <c r="AJ4945" s="99"/>
      <c r="AK4945" s="99"/>
      <c r="AL4945" s="99"/>
      <c r="AM4945" s="99"/>
      <c r="AN4945" s="99"/>
      <c r="AO4945" s="99"/>
      <c r="AP4945" s="99"/>
      <c r="AQ4945" s="99"/>
      <c r="AR4945" s="99"/>
      <c r="AS4945" s="99"/>
      <c r="AT4945" s="99"/>
      <c r="AU4945" s="99"/>
      <c r="AV4945" s="99"/>
      <c r="AW4945" s="99"/>
      <c r="AX4945" s="99"/>
      <c r="AY4945" s="99"/>
      <c r="AZ4945" s="99"/>
      <c r="BA4945" s="99"/>
      <c r="BB4945" s="107">
        <v>45884</v>
      </c>
    </row>
    <row r="4946" spans="1:54" s="8" customFormat="1" ht="13.95" customHeight="1" x14ac:dyDescent="0.25">
      <c r="A4946" s="219" t="s">
        <v>11364</v>
      </c>
      <c r="B4946" s="220" t="s">
        <v>10412</v>
      </c>
      <c r="C4946" s="98" t="s">
        <v>7881</v>
      </c>
      <c r="D4946" s="98" t="s">
        <v>11365</v>
      </c>
      <c r="E4946" s="141" t="s">
        <v>174</v>
      </c>
      <c r="F4946" s="141">
        <v>12955</v>
      </c>
      <c r="G4946" s="98" t="s">
        <v>3</v>
      </c>
      <c r="H4946" s="98">
        <v>1</v>
      </c>
      <c r="I4946" s="98">
        <v>0</v>
      </c>
      <c r="J4946" s="98">
        <v>1</v>
      </c>
      <c r="K4946" s="98" t="s">
        <v>174</v>
      </c>
      <c r="L4946" s="98" t="s">
        <v>174</v>
      </c>
      <c r="M4946" s="98" t="s">
        <v>174</v>
      </c>
      <c r="N4946" s="98" t="s">
        <v>174</v>
      </c>
      <c r="O4946" s="98" t="s">
        <v>174</v>
      </c>
      <c r="P4946" s="98" t="s">
        <v>174</v>
      </c>
      <c r="Q4946" s="98" t="s">
        <v>174</v>
      </c>
      <c r="R4946" s="98" t="s">
        <v>174</v>
      </c>
      <c r="S4946" s="98" t="s">
        <v>174</v>
      </c>
      <c r="T4946" s="98" t="s">
        <v>174</v>
      </c>
      <c r="U4946" s="99"/>
      <c r="V4946" s="99"/>
      <c r="W4946" s="99"/>
      <c r="X4946" s="99"/>
      <c r="Y4946" s="99"/>
      <c r="Z4946" s="99"/>
      <c r="AA4946" s="99"/>
      <c r="AB4946" s="99"/>
      <c r="AC4946" s="99"/>
      <c r="AD4946" s="99"/>
      <c r="AE4946" s="99"/>
      <c r="AF4946" s="99"/>
      <c r="AG4946" s="99"/>
      <c r="AH4946" s="99"/>
      <c r="AI4946" s="99"/>
      <c r="AJ4946" s="99"/>
      <c r="AK4946" s="99"/>
      <c r="AL4946" s="99"/>
      <c r="AM4946" s="99"/>
      <c r="AN4946" s="99"/>
      <c r="AO4946" s="99"/>
      <c r="AP4946" s="99"/>
      <c r="AQ4946" s="99"/>
      <c r="AR4946" s="99"/>
      <c r="AS4946" s="99"/>
      <c r="AT4946" s="99"/>
      <c r="AU4946" s="99"/>
      <c r="AV4946" s="99"/>
      <c r="AW4946" s="99"/>
      <c r="AX4946" s="99"/>
      <c r="AY4946" s="99"/>
      <c r="AZ4946" s="99"/>
      <c r="BA4946" s="99"/>
      <c r="BB4946" s="107">
        <v>45884</v>
      </c>
    </row>
    <row r="4947" spans="1:54" s="8" customFormat="1" ht="13.95" customHeight="1" x14ac:dyDescent="0.25">
      <c r="A4947" s="219" t="s">
        <v>11366</v>
      </c>
      <c r="B4947" s="220" t="s">
        <v>10412</v>
      </c>
      <c r="C4947" s="98" t="s">
        <v>11367</v>
      </c>
      <c r="D4947" s="98" t="s">
        <v>10643</v>
      </c>
      <c r="E4947" s="141" t="s">
        <v>174</v>
      </c>
      <c r="F4947" s="141">
        <v>13054</v>
      </c>
      <c r="G4947" s="98" t="s">
        <v>1</v>
      </c>
      <c r="H4947" s="98">
        <v>1</v>
      </c>
      <c r="I4947" s="98">
        <v>0</v>
      </c>
      <c r="J4947" s="98">
        <v>1</v>
      </c>
      <c r="K4947" s="98" t="s">
        <v>174</v>
      </c>
      <c r="L4947" s="98" t="s">
        <v>174</v>
      </c>
      <c r="M4947" s="98" t="s">
        <v>174</v>
      </c>
      <c r="N4947" s="98" t="s">
        <v>174</v>
      </c>
      <c r="O4947" s="98" t="s">
        <v>174</v>
      </c>
      <c r="P4947" s="98" t="s">
        <v>174</v>
      </c>
      <c r="Q4947" s="98" t="s">
        <v>174</v>
      </c>
      <c r="R4947" s="98" t="s">
        <v>174</v>
      </c>
      <c r="S4947" s="98" t="s">
        <v>174</v>
      </c>
      <c r="T4947" s="98" t="s">
        <v>174</v>
      </c>
      <c r="U4947" s="99"/>
      <c r="V4947" s="99"/>
      <c r="W4947" s="99"/>
      <c r="X4947" s="99"/>
      <c r="Y4947" s="99"/>
      <c r="Z4947" s="99"/>
      <c r="AA4947" s="99"/>
      <c r="AB4947" s="99"/>
      <c r="AC4947" s="99"/>
      <c r="AD4947" s="99"/>
      <c r="AE4947" s="99"/>
      <c r="AF4947" s="99"/>
      <c r="AG4947" s="99"/>
      <c r="AH4947" s="99"/>
      <c r="AI4947" s="99"/>
      <c r="AJ4947" s="99"/>
      <c r="AK4947" s="99"/>
      <c r="AL4947" s="99"/>
      <c r="AM4947" s="99"/>
      <c r="AN4947" s="99"/>
      <c r="AO4947" s="99"/>
      <c r="AP4947" s="99"/>
      <c r="AQ4947" s="99"/>
      <c r="AR4947" s="99"/>
      <c r="AS4947" s="99"/>
      <c r="AT4947" s="99"/>
      <c r="AU4947" s="99"/>
      <c r="AV4947" s="99"/>
      <c r="AW4947" s="99"/>
      <c r="AX4947" s="99"/>
      <c r="AY4947" s="99"/>
      <c r="AZ4947" s="99"/>
      <c r="BA4947" s="99"/>
      <c r="BB4947" s="107">
        <v>45884</v>
      </c>
    </row>
    <row r="4948" spans="1:54" s="8" customFormat="1" ht="13.95" customHeight="1" x14ac:dyDescent="0.25">
      <c r="A4948" s="219" t="s">
        <v>11368</v>
      </c>
      <c r="B4948" s="220" t="s">
        <v>10412</v>
      </c>
      <c r="C4948" s="98" t="s">
        <v>11369</v>
      </c>
      <c r="D4948" s="98" t="s">
        <v>11370</v>
      </c>
      <c r="E4948" s="141" t="s">
        <v>174</v>
      </c>
      <c r="F4948" s="141">
        <v>13203</v>
      </c>
      <c r="G4948" s="98" t="s">
        <v>1</v>
      </c>
      <c r="H4948" s="98">
        <v>0</v>
      </c>
      <c r="I4948" s="98">
        <v>0</v>
      </c>
      <c r="J4948" s="98">
        <v>1</v>
      </c>
      <c r="K4948" s="98" t="s">
        <v>174</v>
      </c>
      <c r="L4948" s="98" t="s">
        <v>174</v>
      </c>
      <c r="M4948" s="98" t="s">
        <v>174</v>
      </c>
      <c r="N4948" s="98" t="s">
        <v>174</v>
      </c>
      <c r="O4948" s="98" t="s">
        <v>174</v>
      </c>
      <c r="P4948" s="98" t="s">
        <v>174</v>
      </c>
      <c r="Q4948" s="98" t="s">
        <v>174</v>
      </c>
      <c r="R4948" s="98" t="s">
        <v>174</v>
      </c>
      <c r="S4948" s="98" t="s">
        <v>174</v>
      </c>
      <c r="T4948" s="98" t="s">
        <v>174</v>
      </c>
      <c r="U4948" s="98" t="s">
        <v>174</v>
      </c>
      <c r="V4948" s="98" t="s">
        <v>174</v>
      </c>
      <c r="W4948" s="98" t="s">
        <v>174</v>
      </c>
      <c r="X4948" s="98" t="s">
        <v>174</v>
      </c>
      <c r="Y4948" s="98" t="s">
        <v>174</v>
      </c>
      <c r="Z4948" s="98" t="s">
        <v>174</v>
      </c>
      <c r="AA4948" s="98" t="s">
        <v>174</v>
      </c>
      <c r="AB4948" s="98" t="s">
        <v>174</v>
      </c>
      <c r="AC4948" s="98" t="s">
        <v>174</v>
      </c>
      <c r="AD4948" s="98" t="s">
        <v>174</v>
      </c>
      <c r="AE4948" s="98" t="s">
        <v>174</v>
      </c>
      <c r="AF4948" s="98" t="s">
        <v>174</v>
      </c>
      <c r="AG4948" s="98" t="s">
        <v>174</v>
      </c>
      <c r="AH4948" s="98" t="s">
        <v>174</v>
      </c>
      <c r="AI4948" s="98" t="s">
        <v>174</v>
      </c>
      <c r="AJ4948" s="98" t="s">
        <v>174</v>
      </c>
      <c r="AK4948" s="98" t="s">
        <v>174</v>
      </c>
      <c r="AL4948" s="98" t="s">
        <v>174</v>
      </c>
      <c r="AM4948" s="98" t="s">
        <v>174</v>
      </c>
      <c r="AN4948" s="98" t="s">
        <v>174</v>
      </c>
      <c r="AO4948" s="98" t="s">
        <v>174</v>
      </c>
      <c r="AP4948" s="98" t="s">
        <v>174</v>
      </c>
      <c r="AQ4948" s="98" t="s">
        <v>174</v>
      </c>
      <c r="AR4948" s="98" t="s">
        <v>174</v>
      </c>
      <c r="AS4948" s="98" t="s">
        <v>174</v>
      </c>
      <c r="AT4948" s="129" t="s">
        <v>174</v>
      </c>
      <c r="AU4948" s="98" t="s">
        <v>174</v>
      </c>
      <c r="AV4948" s="98" t="s">
        <v>174</v>
      </c>
      <c r="AW4948" s="98" t="s">
        <v>174</v>
      </c>
      <c r="AX4948" s="98"/>
      <c r="AY4948" s="98"/>
      <c r="AZ4948" s="98"/>
      <c r="BA4948" s="98"/>
      <c r="BB4948" s="107">
        <v>45884</v>
      </c>
    </row>
    <row r="4949" spans="1:54" s="8" customFormat="1" ht="13.95" customHeight="1" x14ac:dyDescent="0.25">
      <c r="A4949" s="219" t="s">
        <v>11371</v>
      </c>
      <c r="B4949" s="220" t="s">
        <v>10412</v>
      </c>
      <c r="C4949" s="98" t="s">
        <v>11372</v>
      </c>
      <c r="D4949" s="98" t="s">
        <v>11373</v>
      </c>
      <c r="E4949" s="141" t="s">
        <v>174</v>
      </c>
      <c r="F4949" s="141">
        <v>13949</v>
      </c>
      <c r="G4949" s="98" t="s">
        <v>1</v>
      </c>
      <c r="H4949" s="98">
        <v>1</v>
      </c>
      <c r="I4949" s="98">
        <v>1</v>
      </c>
      <c r="J4949" s="98">
        <v>1</v>
      </c>
      <c r="K4949" s="98" t="s">
        <v>174</v>
      </c>
      <c r="L4949" s="98" t="s">
        <v>174</v>
      </c>
      <c r="M4949" s="98" t="s">
        <v>174</v>
      </c>
      <c r="N4949" s="98" t="s">
        <v>174</v>
      </c>
      <c r="O4949" s="98" t="s">
        <v>174</v>
      </c>
      <c r="P4949" s="98" t="s">
        <v>174</v>
      </c>
      <c r="Q4949" s="98" t="s">
        <v>174</v>
      </c>
      <c r="R4949" s="98" t="s">
        <v>174</v>
      </c>
      <c r="S4949" s="98" t="s">
        <v>174</v>
      </c>
      <c r="T4949" s="98" t="s">
        <v>174</v>
      </c>
      <c r="U4949" s="99"/>
      <c r="V4949" s="99"/>
      <c r="W4949" s="99"/>
      <c r="X4949" s="99"/>
      <c r="Y4949" s="99"/>
      <c r="Z4949" s="99"/>
      <c r="AA4949" s="99"/>
      <c r="AB4949" s="99"/>
      <c r="AC4949" s="99"/>
      <c r="AD4949" s="99"/>
      <c r="AE4949" s="99"/>
      <c r="AF4949" s="99"/>
      <c r="AG4949" s="99"/>
      <c r="AH4949" s="99"/>
      <c r="AI4949" s="99"/>
      <c r="AJ4949" s="99"/>
      <c r="AK4949" s="99"/>
      <c r="AL4949" s="99"/>
      <c r="AM4949" s="99"/>
      <c r="AN4949" s="99"/>
      <c r="AO4949" s="99"/>
      <c r="AP4949" s="99"/>
      <c r="AQ4949" s="99"/>
      <c r="AR4949" s="99"/>
      <c r="AS4949" s="99"/>
      <c r="AT4949" s="99"/>
      <c r="AU4949" s="99"/>
      <c r="AV4949" s="99"/>
      <c r="AW4949" s="99"/>
      <c r="AX4949" s="99"/>
      <c r="AY4949" s="99"/>
      <c r="AZ4949" s="99"/>
      <c r="BA4949" s="99"/>
      <c r="BB4949" s="107">
        <v>45884</v>
      </c>
    </row>
    <row r="4950" spans="1:54" s="8" customFormat="1" ht="13.95" customHeight="1" x14ac:dyDescent="0.25">
      <c r="A4950" s="219" t="s">
        <v>11374</v>
      </c>
      <c r="B4950" s="220" t="s">
        <v>10412</v>
      </c>
      <c r="C4950" s="98" t="s">
        <v>11375</v>
      </c>
      <c r="D4950" s="98" t="s">
        <v>11376</v>
      </c>
      <c r="E4950" s="141" t="s">
        <v>174</v>
      </c>
      <c r="F4950" s="141">
        <v>14284</v>
      </c>
      <c r="G4950" s="98" t="s">
        <v>3</v>
      </c>
      <c r="H4950" s="98">
        <v>1</v>
      </c>
      <c r="I4950" s="98">
        <v>0</v>
      </c>
      <c r="J4950" s="98">
        <v>1</v>
      </c>
      <c r="K4950" s="98" t="s">
        <v>174</v>
      </c>
      <c r="L4950" s="98" t="s">
        <v>174</v>
      </c>
      <c r="M4950" s="98" t="s">
        <v>174</v>
      </c>
      <c r="N4950" s="98" t="s">
        <v>174</v>
      </c>
      <c r="O4950" s="98" t="s">
        <v>174</v>
      </c>
      <c r="P4950" s="98" t="s">
        <v>174</v>
      </c>
      <c r="Q4950" s="98" t="s">
        <v>174</v>
      </c>
      <c r="R4950" s="98" t="s">
        <v>174</v>
      </c>
      <c r="S4950" s="98" t="s">
        <v>174</v>
      </c>
      <c r="T4950" s="98" t="s">
        <v>174</v>
      </c>
      <c r="U4950" s="98" t="s">
        <v>174</v>
      </c>
      <c r="V4950" s="98" t="s">
        <v>174</v>
      </c>
      <c r="W4950" s="98" t="s">
        <v>174</v>
      </c>
      <c r="X4950" s="98" t="s">
        <v>174</v>
      </c>
      <c r="Y4950" s="98" t="s">
        <v>174</v>
      </c>
      <c r="Z4950" s="98" t="s">
        <v>174</v>
      </c>
      <c r="AA4950" s="98" t="s">
        <v>174</v>
      </c>
      <c r="AB4950" s="98" t="s">
        <v>174</v>
      </c>
      <c r="AC4950" s="98" t="s">
        <v>174</v>
      </c>
      <c r="AD4950" s="98" t="s">
        <v>174</v>
      </c>
      <c r="AE4950" s="98" t="s">
        <v>174</v>
      </c>
      <c r="AF4950" s="98" t="s">
        <v>174</v>
      </c>
      <c r="AG4950" s="98" t="s">
        <v>174</v>
      </c>
      <c r="AH4950" s="98" t="s">
        <v>174</v>
      </c>
      <c r="AI4950" s="98" t="s">
        <v>174</v>
      </c>
      <c r="AJ4950" s="98" t="s">
        <v>174</v>
      </c>
      <c r="AK4950" s="98" t="s">
        <v>174</v>
      </c>
      <c r="AL4950" s="98" t="s">
        <v>174</v>
      </c>
      <c r="AM4950" s="98" t="s">
        <v>174</v>
      </c>
      <c r="AN4950" s="98" t="s">
        <v>174</v>
      </c>
      <c r="AO4950" s="98" t="s">
        <v>174</v>
      </c>
      <c r="AP4950" s="98" t="s">
        <v>174</v>
      </c>
      <c r="AQ4950" s="98" t="s">
        <v>174</v>
      </c>
      <c r="AR4950" s="98" t="s">
        <v>174</v>
      </c>
      <c r="AS4950" s="98" t="s">
        <v>174</v>
      </c>
      <c r="AT4950" s="129" t="s">
        <v>174</v>
      </c>
      <c r="AU4950" s="98" t="s">
        <v>174</v>
      </c>
      <c r="AV4950" s="98" t="s">
        <v>174</v>
      </c>
      <c r="AW4950" s="98" t="s">
        <v>174</v>
      </c>
      <c r="AX4950" s="98"/>
      <c r="AY4950" s="98"/>
      <c r="AZ4950" s="98"/>
      <c r="BA4950" s="98"/>
      <c r="BB4950" s="107">
        <v>45884</v>
      </c>
    </row>
    <row r="4951" spans="1:54" s="8" customFormat="1" ht="13.95" customHeight="1" x14ac:dyDescent="0.25">
      <c r="A4951" s="219" t="s">
        <v>11377</v>
      </c>
      <c r="B4951" s="220" t="s">
        <v>10412</v>
      </c>
      <c r="C4951" s="98" t="s">
        <v>7038</v>
      </c>
      <c r="D4951" s="98" t="s">
        <v>10456</v>
      </c>
      <c r="E4951" s="141" t="s">
        <v>174</v>
      </c>
      <c r="F4951" s="141">
        <v>15313</v>
      </c>
      <c r="G4951" s="98" t="s">
        <v>3</v>
      </c>
      <c r="H4951" s="98">
        <v>0</v>
      </c>
      <c r="I4951" s="98">
        <v>0</v>
      </c>
      <c r="J4951" s="98">
        <v>1</v>
      </c>
      <c r="K4951" s="98" t="s">
        <v>174</v>
      </c>
      <c r="L4951" s="98" t="s">
        <v>174</v>
      </c>
      <c r="M4951" s="98" t="s">
        <v>174</v>
      </c>
      <c r="N4951" s="98" t="s">
        <v>174</v>
      </c>
      <c r="O4951" s="98" t="s">
        <v>174</v>
      </c>
      <c r="P4951" s="98" t="s">
        <v>174</v>
      </c>
      <c r="Q4951" s="98" t="s">
        <v>174</v>
      </c>
      <c r="R4951" s="98" t="s">
        <v>174</v>
      </c>
      <c r="S4951" s="98" t="s">
        <v>174</v>
      </c>
      <c r="T4951" s="98" t="s">
        <v>174</v>
      </c>
      <c r="U4951" s="99"/>
      <c r="V4951" s="99"/>
      <c r="W4951" s="99"/>
      <c r="X4951" s="99"/>
      <c r="Y4951" s="99"/>
      <c r="Z4951" s="99"/>
      <c r="AA4951" s="99"/>
      <c r="AB4951" s="99"/>
      <c r="AC4951" s="99"/>
      <c r="AD4951" s="99"/>
      <c r="AE4951" s="99"/>
      <c r="AF4951" s="99"/>
      <c r="AG4951" s="99"/>
      <c r="AH4951" s="99"/>
      <c r="AI4951" s="99"/>
      <c r="AJ4951" s="99"/>
      <c r="AK4951" s="99"/>
      <c r="AL4951" s="99"/>
      <c r="AM4951" s="99"/>
      <c r="AN4951" s="99"/>
      <c r="AO4951" s="99"/>
      <c r="AP4951" s="99"/>
      <c r="AQ4951" s="99"/>
      <c r="AR4951" s="99"/>
      <c r="AS4951" s="99"/>
      <c r="AT4951" s="99"/>
      <c r="AU4951" s="99"/>
      <c r="AV4951" s="99"/>
      <c r="AW4951" s="99"/>
      <c r="AX4951" s="99"/>
      <c r="AY4951" s="99"/>
      <c r="AZ4951" s="99"/>
      <c r="BA4951" s="99"/>
      <c r="BB4951" s="107">
        <v>45884</v>
      </c>
    </row>
    <row r="4952" spans="1:54" s="8" customFormat="1" ht="13.95" customHeight="1" x14ac:dyDescent="0.25">
      <c r="A4952" s="219" t="s">
        <v>11378</v>
      </c>
      <c r="B4952" s="220" t="s">
        <v>10412</v>
      </c>
      <c r="C4952" s="98" t="s">
        <v>11379</v>
      </c>
      <c r="D4952" s="98" t="s">
        <v>11380</v>
      </c>
      <c r="E4952" s="141" t="s">
        <v>174</v>
      </c>
      <c r="F4952" s="141">
        <v>16960</v>
      </c>
      <c r="G4952" s="98" t="s">
        <v>3</v>
      </c>
      <c r="H4952" s="98">
        <v>1</v>
      </c>
      <c r="I4952" s="98">
        <v>1</v>
      </c>
      <c r="J4952" s="98">
        <v>1</v>
      </c>
      <c r="K4952" s="98" t="s">
        <v>174</v>
      </c>
      <c r="L4952" s="98" t="s">
        <v>174</v>
      </c>
      <c r="M4952" s="98" t="s">
        <v>174</v>
      </c>
      <c r="N4952" s="98" t="s">
        <v>174</v>
      </c>
      <c r="O4952" s="98" t="s">
        <v>174</v>
      </c>
      <c r="P4952" s="98" t="s">
        <v>174</v>
      </c>
      <c r="Q4952" s="98" t="s">
        <v>174</v>
      </c>
      <c r="R4952" s="98" t="s">
        <v>174</v>
      </c>
      <c r="S4952" s="98" t="s">
        <v>174</v>
      </c>
      <c r="T4952" s="98" t="s">
        <v>174</v>
      </c>
      <c r="U4952" s="98" t="s">
        <v>174</v>
      </c>
      <c r="V4952" s="98" t="s">
        <v>174</v>
      </c>
      <c r="W4952" s="98" t="s">
        <v>174</v>
      </c>
      <c r="X4952" s="98" t="s">
        <v>174</v>
      </c>
      <c r="Y4952" s="98" t="s">
        <v>174</v>
      </c>
      <c r="Z4952" s="98" t="s">
        <v>174</v>
      </c>
      <c r="AA4952" s="98" t="s">
        <v>174</v>
      </c>
      <c r="AB4952" s="98" t="s">
        <v>174</v>
      </c>
      <c r="AC4952" s="98" t="s">
        <v>174</v>
      </c>
      <c r="AD4952" s="98" t="s">
        <v>174</v>
      </c>
      <c r="AE4952" s="98" t="s">
        <v>174</v>
      </c>
      <c r="AF4952" s="98" t="s">
        <v>174</v>
      </c>
      <c r="AG4952" s="98" t="s">
        <v>174</v>
      </c>
      <c r="AH4952" s="98" t="s">
        <v>174</v>
      </c>
      <c r="AI4952" s="98" t="s">
        <v>174</v>
      </c>
      <c r="AJ4952" s="98" t="s">
        <v>174</v>
      </c>
      <c r="AK4952" s="98" t="s">
        <v>174</v>
      </c>
      <c r="AL4952" s="98" t="s">
        <v>174</v>
      </c>
      <c r="AM4952" s="98" t="s">
        <v>174</v>
      </c>
      <c r="AN4952" s="98" t="s">
        <v>174</v>
      </c>
      <c r="AO4952" s="98" t="s">
        <v>174</v>
      </c>
      <c r="AP4952" s="98" t="s">
        <v>174</v>
      </c>
      <c r="AQ4952" s="98" t="s">
        <v>174</v>
      </c>
      <c r="AR4952" s="98" t="s">
        <v>174</v>
      </c>
      <c r="AS4952" s="98" t="s">
        <v>174</v>
      </c>
      <c r="AT4952" s="129" t="s">
        <v>174</v>
      </c>
      <c r="AU4952" s="98" t="s">
        <v>174</v>
      </c>
      <c r="AV4952" s="98" t="s">
        <v>174</v>
      </c>
      <c r="AW4952" s="98" t="s">
        <v>174</v>
      </c>
      <c r="AX4952" s="98"/>
      <c r="AY4952" s="98"/>
      <c r="AZ4952" s="98"/>
      <c r="BA4952" s="98"/>
      <c r="BB4952" s="107">
        <v>45884</v>
      </c>
    </row>
    <row r="4953" spans="1:54" s="8" customFormat="1" ht="13.95" customHeight="1" x14ac:dyDescent="0.25">
      <c r="A4953" s="219" t="s">
        <v>11381</v>
      </c>
      <c r="B4953" s="220" t="s">
        <v>10412</v>
      </c>
      <c r="C4953" s="98" t="s">
        <v>11382</v>
      </c>
      <c r="D4953" s="98" t="s">
        <v>11383</v>
      </c>
      <c r="E4953" s="141" t="s">
        <v>174</v>
      </c>
      <c r="F4953" s="141">
        <v>17082</v>
      </c>
      <c r="G4953" s="98" t="s">
        <v>1</v>
      </c>
      <c r="H4953" s="98">
        <v>1</v>
      </c>
      <c r="I4953" s="98">
        <v>1</v>
      </c>
      <c r="J4953" s="98">
        <v>1</v>
      </c>
      <c r="K4953" s="98" t="s">
        <v>174</v>
      </c>
      <c r="L4953" s="98" t="s">
        <v>174</v>
      </c>
      <c r="M4953" s="98" t="s">
        <v>174</v>
      </c>
      <c r="N4953" s="98" t="s">
        <v>174</v>
      </c>
      <c r="O4953" s="98" t="s">
        <v>174</v>
      </c>
      <c r="P4953" s="98" t="s">
        <v>174</v>
      </c>
      <c r="Q4953" s="98" t="s">
        <v>174</v>
      </c>
      <c r="R4953" s="98" t="s">
        <v>174</v>
      </c>
      <c r="S4953" s="98" t="s">
        <v>174</v>
      </c>
      <c r="T4953" s="98" t="s">
        <v>174</v>
      </c>
      <c r="U4953" s="99"/>
      <c r="V4953" s="99"/>
      <c r="W4953" s="99"/>
      <c r="X4953" s="99"/>
      <c r="Y4953" s="99"/>
      <c r="Z4953" s="99"/>
      <c r="AA4953" s="99"/>
      <c r="AB4953" s="99"/>
      <c r="AC4953" s="99"/>
      <c r="AD4953" s="99"/>
      <c r="AE4953" s="99"/>
      <c r="AF4953" s="99"/>
      <c r="AG4953" s="99"/>
      <c r="AH4953" s="99"/>
      <c r="AI4953" s="99"/>
      <c r="AJ4953" s="99"/>
      <c r="AK4953" s="99"/>
      <c r="AL4953" s="99"/>
      <c r="AM4953" s="99"/>
      <c r="AN4953" s="99"/>
      <c r="AO4953" s="99"/>
      <c r="AP4953" s="99"/>
      <c r="AQ4953" s="99"/>
      <c r="AR4953" s="99"/>
      <c r="AS4953" s="99"/>
      <c r="AT4953" s="99"/>
      <c r="AU4953" s="99"/>
      <c r="AV4953" s="99"/>
      <c r="AW4953" s="99"/>
      <c r="AX4953" s="99"/>
      <c r="AY4953" s="99"/>
      <c r="AZ4953" s="99"/>
      <c r="BA4953" s="99"/>
      <c r="BB4953" s="107">
        <v>45884</v>
      </c>
    </row>
    <row r="4954" spans="1:54" s="8" customFormat="1" ht="13.95" customHeight="1" x14ac:dyDescent="0.25">
      <c r="A4954" s="219" t="s">
        <v>11384</v>
      </c>
      <c r="B4954" s="220" t="s">
        <v>10412</v>
      </c>
      <c r="C4954" s="98" t="s">
        <v>11385</v>
      </c>
      <c r="D4954" s="98" t="s">
        <v>11386</v>
      </c>
      <c r="E4954" s="141" t="s">
        <v>174</v>
      </c>
      <c r="F4954" s="141">
        <v>20000</v>
      </c>
      <c r="G4954" s="98" t="s">
        <v>3</v>
      </c>
      <c r="H4954" s="98">
        <v>1</v>
      </c>
      <c r="I4954" s="98">
        <v>0</v>
      </c>
      <c r="J4954" s="98">
        <v>1</v>
      </c>
      <c r="K4954" s="98" t="s">
        <v>174</v>
      </c>
      <c r="L4954" s="98" t="s">
        <v>174</v>
      </c>
      <c r="M4954" s="98" t="s">
        <v>174</v>
      </c>
      <c r="N4954" s="98" t="s">
        <v>174</v>
      </c>
      <c r="O4954" s="98" t="s">
        <v>174</v>
      </c>
      <c r="P4954" s="98" t="s">
        <v>174</v>
      </c>
      <c r="Q4954" s="98" t="s">
        <v>174</v>
      </c>
      <c r="R4954" s="98" t="s">
        <v>174</v>
      </c>
      <c r="S4954" s="98" t="s">
        <v>174</v>
      </c>
      <c r="T4954" s="98" t="s">
        <v>174</v>
      </c>
      <c r="U4954" s="98" t="s">
        <v>174</v>
      </c>
      <c r="V4954" s="98" t="s">
        <v>174</v>
      </c>
      <c r="W4954" s="98" t="s">
        <v>174</v>
      </c>
      <c r="X4954" s="98" t="s">
        <v>174</v>
      </c>
      <c r="Y4954" s="98" t="s">
        <v>174</v>
      </c>
      <c r="Z4954" s="98" t="s">
        <v>174</v>
      </c>
      <c r="AA4954" s="98" t="s">
        <v>174</v>
      </c>
      <c r="AB4954" s="98" t="s">
        <v>174</v>
      </c>
      <c r="AC4954" s="98" t="s">
        <v>174</v>
      </c>
      <c r="AD4954" s="98" t="s">
        <v>174</v>
      </c>
      <c r="AE4954" s="98" t="s">
        <v>174</v>
      </c>
      <c r="AF4954" s="98" t="s">
        <v>174</v>
      </c>
      <c r="AG4954" s="98" t="s">
        <v>174</v>
      </c>
      <c r="AH4954" s="98" t="s">
        <v>174</v>
      </c>
      <c r="AI4954" s="98" t="s">
        <v>174</v>
      </c>
      <c r="AJ4954" s="98" t="s">
        <v>174</v>
      </c>
      <c r="AK4954" s="98" t="s">
        <v>174</v>
      </c>
      <c r="AL4954" s="98" t="s">
        <v>174</v>
      </c>
      <c r="AM4954" s="98" t="s">
        <v>174</v>
      </c>
      <c r="AN4954" s="98" t="s">
        <v>174</v>
      </c>
      <c r="AO4954" s="98" t="s">
        <v>174</v>
      </c>
      <c r="AP4954" s="98" t="s">
        <v>174</v>
      </c>
      <c r="AQ4954" s="98" t="s">
        <v>174</v>
      </c>
      <c r="AR4954" s="98" t="s">
        <v>174</v>
      </c>
      <c r="AS4954" s="98" t="s">
        <v>174</v>
      </c>
      <c r="AT4954" s="98">
        <v>1</v>
      </c>
      <c r="AU4954" s="98" t="s">
        <v>174</v>
      </c>
      <c r="AV4954" s="98" t="s">
        <v>174</v>
      </c>
      <c r="AW4954" s="98" t="s">
        <v>174</v>
      </c>
      <c r="AX4954" s="98"/>
      <c r="AY4954" s="98"/>
      <c r="AZ4954" s="98"/>
      <c r="BA4954" s="98"/>
      <c r="BB4954" s="107">
        <v>45884</v>
      </c>
    </row>
    <row r="4955" spans="1:54" s="8" customFormat="1" ht="13.95" customHeight="1" x14ac:dyDescent="0.25">
      <c r="A4955" s="219" t="s">
        <v>11387</v>
      </c>
      <c r="B4955" s="220" t="s">
        <v>10412</v>
      </c>
      <c r="C4955" s="98" t="s">
        <v>11388</v>
      </c>
      <c r="D4955" s="98" t="s">
        <v>11389</v>
      </c>
      <c r="E4955" s="141" t="s">
        <v>174</v>
      </c>
      <c r="F4955" s="141">
        <v>22697</v>
      </c>
      <c r="G4955" s="98" t="s">
        <v>3</v>
      </c>
      <c r="H4955" s="98">
        <v>1</v>
      </c>
      <c r="I4955" s="98">
        <v>1</v>
      </c>
      <c r="J4955" s="98">
        <v>0</v>
      </c>
      <c r="K4955" s="98" t="s">
        <v>174</v>
      </c>
      <c r="L4955" s="98" t="s">
        <v>174</v>
      </c>
      <c r="M4955" s="98" t="s">
        <v>174</v>
      </c>
      <c r="N4955" s="98" t="s">
        <v>174</v>
      </c>
      <c r="O4955" s="98" t="s">
        <v>174</v>
      </c>
      <c r="P4955" s="98" t="s">
        <v>174</v>
      </c>
      <c r="Q4955" s="98" t="s">
        <v>174</v>
      </c>
      <c r="R4955" s="98" t="s">
        <v>174</v>
      </c>
      <c r="S4955" s="98" t="s">
        <v>174</v>
      </c>
      <c r="T4955" s="98" t="s">
        <v>174</v>
      </c>
      <c r="U4955" s="99"/>
      <c r="V4955" s="99"/>
      <c r="W4955" s="99"/>
      <c r="X4955" s="99"/>
      <c r="Y4955" s="99"/>
      <c r="Z4955" s="99"/>
      <c r="AA4955" s="99"/>
      <c r="AB4955" s="99"/>
      <c r="AC4955" s="99"/>
      <c r="AD4955" s="99"/>
      <c r="AE4955" s="99"/>
      <c r="AF4955" s="99"/>
      <c r="AG4955" s="99"/>
      <c r="AH4955" s="99"/>
      <c r="AI4955" s="99"/>
      <c r="AJ4955" s="99"/>
      <c r="AK4955" s="99"/>
      <c r="AL4955" s="99"/>
      <c r="AM4955" s="99"/>
      <c r="AN4955" s="99"/>
      <c r="AO4955" s="99"/>
      <c r="AP4955" s="99"/>
      <c r="AQ4955" s="99"/>
      <c r="AR4955" s="99"/>
      <c r="AS4955" s="99"/>
      <c r="AT4955" s="99"/>
      <c r="AU4955" s="99"/>
      <c r="AV4955" s="99"/>
      <c r="AW4955" s="99"/>
      <c r="AX4955" s="99"/>
      <c r="AY4955" s="99"/>
      <c r="AZ4955" s="99"/>
      <c r="BA4955" s="99"/>
      <c r="BB4955" s="107">
        <v>45884</v>
      </c>
    </row>
    <row r="4956" spans="1:54" s="8" customFormat="1" ht="13.95" customHeight="1" x14ac:dyDescent="0.25">
      <c r="A4956" s="219" t="s">
        <v>11390</v>
      </c>
      <c r="B4956" s="220" t="s">
        <v>10412</v>
      </c>
      <c r="C4956" s="98" t="s">
        <v>11391</v>
      </c>
      <c r="D4956" s="98" t="s">
        <v>11392</v>
      </c>
      <c r="E4956" s="141" t="s">
        <v>174</v>
      </c>
      <c r="F4956" s="141">
        <v>23035</v>
      </c>
      <c r="G4956" s="98" t="s">
        <v>3</v>
      </c>
      <c r="H4956" s="98">
        <v>1</v>
      </c>
      <c r="I4956" s="98">
        <v>0</v>
      </c>
      <c r="J4956" s="98">
        <v>1</v>
      </c>
      <c r="K4956" s="98" t="s">
        <v>174</v>
      </c>
      <c r="L4956" s="98" t="s">
        <v>174</v>
      </c>
      <c r="M4956" s="98" t="s">
        <v>174</v>
      </c>
      <c r="N4956" s="98" t="s">
        <v>174</v>
      </c>
      <c r="O4956" s="98" t="s">
        <v>174</v>
      </c>
      <c r="P4956" s="98" t="s">
        <v>174</v>
      </c>
      <c r="Q4956" s="98" t="s">
        <v>174</v>
      </c>
      <c r="R4956" s="98" t="s">
        <v>174</v>
      </c>
      <c r="S4956" s="98" t="s">
        <v>174</v>
      </c>
      <c r="T4956" s="98" t="s">
        <v>174</v>
      </c>
      <c r="U4956" s="98" t="s">
        <v>174</v>
      </c>
      <c r="V4956" s="98" t="s">
        <v>174</v>
      </c>
      <c r="W4956" s="98" t="s">
        <v>174</v>
      </c>
      <c r="X4956" s="98" t="s">
        <v>174</v>
      </c>
      <c r="Y4956" s="98" t="s">
        <v>174</v>
      </c>
      <c r="Z4956" s="98" t="s">
        <v>174</v>
      </c>
      <c r="AA4956" s="98" t="s">
        <v>174</v>
      </c>
      <c r="AB4956" s="98" t="s">
        <v>174</v>
      </c>
      <c r="AC4956" s="98" t="s">
        <v>174</v>
      </c>
      <c r="AD4956" s="98" t="s">
        <v>174</v>
      </c>
      <c r="AE4956" s="98" t="s">
        <v>174</v>
      </c>
      <c r="AF4956" s="98" t="s">
        <v>174</v>
      </c>
      <c r="AG4956" s="98" t="s">
        <v>174</v>
      </c>
      <c r="AH4956" s="98" t="s">
        <v>174</v>
      </c>
      <c r="AI4956" s="98" t="s">
        <v>174</v>
      </c>
      <c r="AJ4956" s="98" t="s">
        <v>174</v>
      </c>
      <c r="AK4956" s="98" t="s">
        <v>174</v>
      </c>
      <c r="AL4956" s="98" t="s">
        <v>174</v>
      </c>
      <c r="AM4956" s="98" t="s">
        <v>174</v>
      </c>
      <c r="AN4956" s="98" t="s">
        <v>174</v>
      </c>
      <c r="AO4956" s="98" t="s">
        <v>174</v>
      </c>
      <c r="AP4956" s="98" t="s">
        <v>174</v>
      </c>
      <c r="AQ4956" s="98" t="s">
        <v>174</v>
      </c>
      <c r="AR4956" s="98" t="s">
        <v>174</v>
      </c>
      <c r="AS4956" s="98" t="s">
        <v>174</v>
      </c>
      <c r="AT4956" s="129" t="s">
        <v>174</v>
      </c>
      <c r="AU4956" s="98" t="s">
        <v>174</v>
      </c>
      <c r="AV4956" s="98" t="s">
        <v>174</v>
      </c>
      <c r="AW4956" s="98" t="s">
        <v>174</v>
      </c>
      <c r="AX4956" s="98"/>
      <c r="AY4956" s="98"/>
      <c r="AZ4956" s="98"/>
      <c r="BA4956" s="98"/>
      <c r="BB4956" s="107">
        <v>45884</v>
      </c>
    </row>
    <row r="4957" spans="1:54" s="8" customFormat="1" ht="13.95" customHeight="1" x14ac:dyDescent="0.25">
      <c r="A4957" s="219" t="s">
        <v>11393</v>
      </c>
      <c r="B4957" s="220" t="s">
        <v>10412</v>
      </c>
      <c r="C4957" s="98" t="s">
        <v>11394</v>
      </c>
      <c r="D4957" s="98" t="s">
        <v>11395</v>
      </c>
      <c r="E4957" s="141" t="s">
        <v>174</v>
      </c>
      <c r="F4957" s="141">
        <v>24664</v>
      </c>
      <c r="G4957" s="98" t="s">
        <v>3</v>
      </c>
      <c r="H4957" s="98">
        <v>1</v>
      </c>
      <c r="I4957" s="98">
        <v>0</v>
      </c>
      <c r="J4957" s="98">
        <v>1</v>
      </c>
      <c r="K4957" s="98" t="s">
        <v>174</v>
      </c>
      <c r="L4957" s="98" t="s">
        <v>174</v>
      </c>
      <c r="M4957" s="98" t="s">
        <v>174</v>
      </c>
      <c r="N4957" s="98" t="s">
        <v>174</v>
      </c>
      <c r="O4957" s="98" t="s">
        <v>174</v>
      </c>
      <c r="P4957" s="98" t="s">
        <v>174</v>
      </c>
      <c r="Q4957" s="98" t="s">
        <v>174</v>
      </c>
      <c r="R4957" s="98" t="s">
        <v>174</v>
      </c>
      <c r="S4957" s="98" t="s">
        <v>174</v>
      </c>
      <c r="T4957" s="98" t="s">
        <v>174</v>
      </c>
      <c r="U4957" s="98" t="s">
        <v>174</v>
      </c>
      <c r="V4957" s="98" t="s">
        <v>174</v>
      </c>
      <c r="W4957" s="98" t="s">
        <v>174</v>
      </c>
      <c r="X4957" s="98" t="s">
        <v>174</v>
      </c>
      <c r="Y4957" s="98" t="s">
        <v>174</v>
      </c>
      <c r="Z4957" s="98" t="s">
        <v>174</v>
      </c>
      <c r="AA4957" s="98" t="s">
        <v>174</v>
      </c>
      <c r="AB4957" s="98" t="s">
        <v>174</v>
      </c>
      <c r="AC4957" s="98" t="s">
        <v>174</v>
      </c>
      <c r="AD4957" s="98" t="s">
        <v>174</v>
      </c>
      <c r="AE4957" s="98" t="s">
        <v>174</v>
      </c>
      <c r="AF4957" s="98" t="s">
        <v>174</v>
      </c>
      <c r="AG4957" s="98" t="s">
        <v>174</v>
      </c>
      <c r="AH4957" s="98" t="s">
        <v>174</v>
      </c>
      <c r="AI4957" s="98" t="s">
        <v>174</v>
      </c>
      <c r="AJ4957" s="98" t="s">
        <v>174</v>
      </c>
      <c r="AK4957" s="98" t="s">
        <v>174</v>
      </c>
      <c r="AL4957" s="98" t="s">
        <v>174</v>
      </c>
      <c r="AM4957" s="98" t="s">
        <v>174</v>
      </c>
      <c r="AN4957" s="98" t="s">
        <v>174</v>
      </c>
      <c r="AO4957" s="98" t="s">
        <v>174</v>
      </c>
      <c r="AP4957" s="98" t="s">
        <v>174</v>
      </c>
      <c r="AQ4957" s="98" t="s">
        <v>174</v>
      </c>
      <c r="AR4957" s="98" t="s">
        <v>174</v>
      </c>
      <c r="AS4957" s="98" t="s">
        <v>174</v>
      </c>
      <c r="AT4957" s="129" t="s">
        <v>174</v>
      </c>
      <c r="AU4957" s="98" t="s">
        <v>174</v>
      </c>
      <c r="AV4957" s="98" t="s">
        <v>174</v>
      </c>
      <c r="AW4957" s="98" t="s">
        <v>174</v>
      </c>
      <c r="AX4957" s="98"/>
      <c r="AY4957" s="98"/>
      <c r="AZ4957" s="98"/>
      <c r="BA4957" s="98"/>
      <c r="BB4957" s="107">
        <v>45884</v>
      </c>
    </row>
    <row r="4958" spans="1:54" s="8" customFormat="1" ht="13.95" customHeight="1" x14ac:dyDescent="0.25">
      <c r="A4958" s="219" t="s">
        <v>11396</v>
      </c>
      <c r="B4958" s="220" t="s">
        <v>10412</v>
      </c>
      <c r="C4958" s="98" t="s">
        <v>11397</v>
      </c>
      <c r="D4958" s="98" t="s">
        <v>11398</v>
      </c>
      <c r="E4958" s="141" t="s">
        <v>174</v>
      </c>
      <c r="F4958" s="141">
        <v>5383</v>
      </c>
      <c r="G4958" s="98" t="s">
        <v>24147</v>
      </c>
      <c r="H4958" s="98">
        <v>1</v>
      </c>
      <c r="I4958" s="98">
        <v>1</v>
      </c>
      <c r="J4958" s="98">
        <v>1</v>
      </c>
      <c r="K4958" s="98" t="s">
        <v>174</v>
      </c>
      <c r="L4958" s="98" t="s">
        <v>174</v>
      </c>
      <c r="M4958" s="98" t="s">
        <v>174</v>
      </c>
      <c r="N4958" s="98" t="s">
        <v>174</v>
      </c>
      <c r="O4958" s="98" t="s">
        <v>174</v>
      </c>
      <c r="P4958" s="98" t="s">
        <v>174</v>
      </c>
      <c r="Q4958" s="98" t="s">
        <v>174</v>
      </c>
      <c r="R4958" s="98" t="s">
        <v>174</v>
      </c>
      <c r="S4958" s="98" t="s">
        <v>174</v>
      </c>
      <c r="T4958" s="98" t="s">
        <v>174</v>
      </c>
      <c r="U4958" s="99"/>
      <c r="V4958" s="99"/>
      <c r="W4958" s="99"/>
      <c r="X4958" s="99"/>
      <c r="Y4958" s="99"/>
      <c r="Z4958" s="99"/>
      <c r="AA4958" s="99"/>
      <c r="AB4958" s="99"/>
      <c r="AC4958" s="99"/>
      <c r="AD4958" s="99"/>
      <c r="AE4958" s="99"/>
      <c r="AF4958" s="99"/>
      <c r="AG4958" s="99"/>
      <c r="AH4958" s="99"/>
      <c r="AI4958" s="99"/>
      <c r="AJ4958" s="99"/>
      <c r="AK4958" s="99"/>
      <c r="AL4958" s="99"/>
      <c r="AM4958" s="99"/>
      <c r="AN4958" s="99"/>
      <c r="AO4958" s="99"/>
      <c r="AP4958" s="99"/>
      <c r="AQ4958" s="99"/>
      <c r="AR4958" s="99"/>
      <c r="AS4958" s="99"/>
      <c r="AT4958" s="99"/>
      <c r="AU4958" s="99"/>
      <c r="AV4958" s="99"/>
      <c r="AW4958" s="99"/>
      <c r="AX4958" s="99"/>
      <c r="AY4958" s="99"/>
      <c r="AZ4958" s="99"/>
      <c r="BA4958" s="99"/>
      <c r="BB4958" s="107">
        <v>45884</v>
      </c>
    </row>
    <row r="4959" spans="1:54" s="8" customFormat="1" ht="13.95" customHeight="1" x14ac:dyDescent="0.25">
      <c r="A4959" s="219" t="s">
        <v>11399</v>
      </c>
      <c r="B4959" s="220" t="s">
        <v>10412</v>
      </c>
      <c r="C4959" s="98" t="s">
        <v>11400</v>
      </c>
      <c r="D4959" s="98" t="s">
        <v>11401</v>
      </c>
      <c r="E4959" s="141" t="s">
        <v>174</v>
      </c>
      <c r="F4959" s="141">
        <v>27457</v>
      </c>
      <c r="G4959" s="98" t="s">
        <v>3</v>
      </c>
      <c r="H4959" s="98">
        <v>1</v>
      </c>
      <c r="I4959" s="98">
        <v>1</v>
      </c>
      <c r="J4959" s="98">
        <v>1</v>
      </c>
      <c r="K4959" s="98" t="s">
        <v>174</v>
      </c>
      <c r="L4959" s="98" t="s">
        <v>174</v>
      </c>
      <c r="M4959" s="98" t="s">
        <v>174</v>
      </c>
      <c r="N4959" s="98" t="s">
        <v>174</v>
      </c>
      <c r="O4959" s="98" t="s">
        <v>174</v>
      </c>
      <c r="P4959" s="98" t="s">
        <v>174</v>
      </c>
      <c r="Q4959" s="98" t="s">
        <v>174</v>
      </c>
      <c r="R4959" s="98" t="s">
        <v>174</v>
      </c>
      <c r="S4959" s="98" t="s">
        <v>174</v>
      </c>
      <c r="T4959" s="98" t="s">
        <v>174</v>
      </c>
      <c r="U4959" s="98" t="s">
        <v>174</v>
      </c>
      <c r="V4959" s="98" t="s">
        <v>174</v>
      </c>
      <c r="W4959" s="98" t="s">
        <v>174</v>
      </c>
      <c r="X4959" s="98" t="s">
        <v>174</v>
      </c>
      <c r="Y4959" s="98" t="s">
        <v>174</v>
      </c>
      <c r="Z4959" s="98" t="s">
        <v>174</v>
      </c>
      <c r="AA4959" s="98" t="s">
        <v>174</v>
      </c>
      <c r="AB4959" s="98" t="s">
        <v>174</v>
      </c>
      <c r="AC4959" s="98" t="s">
        <v>174</v>
      </c>
      <c r="AD4959" s="98" t="s">
        <v>174</v>
      </c>
      <c r="AE4959" s="98" t="s">
        <v>174</v>
      </c>
      <c r="AF4959" s="98" t="s">
        <v>174</v>
      </c>
      <c r="AG4959" s="98" t="s">
        <v>174</v>
      </c>
      <c r="AH4959" s="98" t="s">
        <v>174</v>
      </c>
      <c r="AI4959" s="98" t="s">
        <v>174</v>
      </c>
      <c r="AJ4959" s="98" t="s">
        <v>174</v>
      </c>
      <c r="AK4959" s="98" t="s">
        <v>174</v>
      </c>
      <c r="AL4959" s="98" t="s">
        <v>174</v>
      </c>
      <c r="AM4959" s="98" t="s">
        <v>174</v>
      </c>
      <c r="AN4959" s="98" t="s">
        <v>174</v>
      </c>
      <c r="AO4959" s="98" t="s">
        <v>174</v>
      </c>
      <c r="AP4959" s="98" t="s">
        <v>174</v>
      </c>
      <c r="AQ4959" s="98" t="s">
        <v>174</v>
      </c>
      <c r="AR4959" s="98" t="s">
        <v>174</v>
      </c>
      <c r="AS4959" s="98" t="s">
        <v>174</v>
      </c>
      <c r="AT4959" s="129" t="s">
        <v>174</v>
      </c>
      <c r="AU4959" s="98" t="s">
        <v>174</v>
      </c>
      <c r="AV4959" s="98" t="s">
        <v>174</v>
      </c>
      <c r="AW4959" s="98" t="s">
        <v>174</v>
      </c>
      <c r="AX4959" s="98"/>
      <c r="AY4959" s="98"/>
      <c r="AZ4959" s="98"/>
      <c r="BA4959" s="98"/>
      <c r="BB4959" s="107">
        <v>45884</v>
      </c>
    </row>
    <row r="4960" spans="1:54" s="8" customFormat="1" ht="13.95" customHeight="1" x14ac:dyDescent="0.25">
      <c r="A4960" s="219" t="s">
        <v>11402</v>
      </c>
      <c r="B4960" s="220" t="s">
        <v>10412</v>
      </c>
      <c r="C4960" s="98" t="s">
        <v>11403</v>
      </c>
      <c r="D4960" s="98" t="s">
        <v>11404</v>
      </c>
      <c r="E4960" s="141" t="s">
        <v>174</v>
      </c>
      <c r="F4960" s="141">
        <v>30662</v>
      </c>
      <c r="G4960" s="98" t="s">
        <v>3</v>
      </c>
      <c r="H4960" s="98">
        <v>1</v>
      </c>
      <c r="I4960" s="98">
        <v>0</v>
      </c>
      <c r="J4960" s="98">
        <v>0</v>
      </c>
      <c r="K4960" s="98" t="s">
        <v>174</v>
      </c>
      <c r="L4960" s="98" t="s">
        <v>174</v>
      </c>
      <c r="M4960" s="98" t="s">
        <v>174</v>
      </c>
      <c r="N4960" s="98" t="s">
        <v>174</v>
      </c>
      <c r="O4960" s="98" t="s">
        <v>174</v>
      </c>
      <c r="P4960" s="98" t="s">
        <v>174</v>
      </c>
      <c r="Q4960" s="98" t="s">
        <v>174</v>
      </c>
      <c r="R4960" s="98" t="s">
        <v>174</v>
      </c>
      <c r="S4960" s="98" t="s">
        <v>174</v>
      </c>
      <c r="T4960" s="98" t="s">
        <v>174</v>
      </c>
      <c r="U4960" s="99"/>
      <c r="V4960" s="99"/>
      <c r="W4960" s="99"/>
      <c r="X4960" s="99"/>
      <c r="Y4960" s="99"/>
      <c r="Z4960" s="99"/>
      <c r="AA4960" s="99"/>
      <c r="AB4960" s="99"/>
      <c r="AC4960" s="99"/>
      <c r="AD4960" s="99"/>
      <c r="AE4960" s="99"/>
      <c r="AF4960" s="99"/>
      <c r="AG4960" s="99"/>
      <c r="AH4960" s="99"/>
      <c r="AI4960" s="99"/>
      <c r="AJ4960" s="99"/>
      <c r="AK4960" s="99"/>
      <c r="AL4960" s="99"/>
      <c r="AM4960" s="99"/>
      <c r="AN4960" s="99"/>
      <c r="AO4960" s="99"/>
      <c r="AP4960" s="99"/>
      <c r="AQ4960" s="99"/>
      <c r="AR4960" s="99"/>
      <c r="AS4960" s="99"/>
      <c r="AT4960" s="99"/>
      <c r="AU4960" s="99"/>
      <c r="AV4960" s="99"/>
      <c r="AW4960" s="99"/>
      <c r="AX4960" s="99"/>
      <c r="AY4960" s="99"/>
      <c r="AZ4960" s="99"/>
      <c r="BA4960" s="99"/>
      <c r="BB4960" s="107">
        <v>45884</v>
      </c>
    </row>
    <row r="4961" spans="1:54" s="8" customFormat="1" ht="13.95" customHeight="1" x14ac:dyDescent="0.25">
      <c r="A4961" s="219" t="s">
        <v>11405</v>
      </c>
      <c r="B4961" s="220" t="s">
        <v>10412</v>
      </c>
      <c r="C4961" s="98" t="s">
        <v>11406</v>
      </c>
      <c r="D4961" s="98" t="s">
        <v>11407</v>
      </c>
      <c r="E4961" s="141" t="s">
        <v>174</v>
      </c>
      <c r="F4961" s="141">
        <v>33399</v>
      </c>
      <c r="G4961" s="98" t="s">
        <v>13</v>
      </c>
      <c r="H4961" s="98">
        <v>1</v>
      </c>
      <c r="I4961" s="98">
        <v>0</v>
      </c>
      <c r="J4961" s="98">
        <v>1</v>
      </c>
      <c r="K4961" s="98" t="s">
        <v>174</v>
      </c>
      <c r="L4961" s="98" t="s">
        <v>174</v>
      </c>
      <c r="M4961" s="98" t="s">
        <v>174</v>
      </c>
      <c r="N4961" s="98" t="s">
        <v>174</v>
      </c>
      <c r="O4961" s="98" t="s">
        <v>174</v>
      </c>
      <c r="P4961" s="98" t="s">
        <v>174</v>
      </c>
      <c r="Q4961" s="98" t="s">
        <v>174</v>
      </c>
      <c r="R4961" s="98" t="s">
        <v>174</v>
      </c>
      <c r="S4961" s="98" t="s">
        <v>174</v>
      </c>
      <c r="T4961" s="98" t="s">
        <v>174</v>
      </c>
      <c r="U4961" s="99"/>
      <c r="V4961" s="99"/>
      <c r="W4961" s="99"/>
      <c r="X4961" s="99"/>
      <c r="Y4961" s="99"/>
      <c r="Z4961" s="99"/>
      <c r="AA4961" s="99"/>
      <c r="AB4961" s="99"/>
      <c r="AC4961" s="99"/>
      <c r="AD4961" s="99"/>
      <c r="AE4961" s="99"/>
      <c r="AF4961" s="99"/>
      <c r="AG4961" s="99"/>
      <c r="AH4961" s="99"/>
      <c r="AI4961" s="99"/>
      <c r="AJ4961" s="99"/>
      <c r="AK4961" s="99"/>
      <c r="AL4961" s="99"/>
      <c r="AM4961" s="99"/>
      <c r="AN4961" s="99"/>
      <c r="AO4961" s="99"/>
      <c r="AP4961" s="99"/>
      <c r="AQ4961" s="99"/>
      <c r="AR4961" s="99"/>
      <c r="AS4961" s="99"/>
      <c r="AT4961" s="99"/>
      <c r="AU4961" s="99"/>
      <c r="AV4961" s="99"/>
      <c r="AW4961" s="99"/>
      <c r="AX4961" s="99"/>
      <c r="AY4961" s="99"/>
      <c r="AZ4961" s="99"/>
      <c r="BA4961" s="99"/>
      <c r="BB4961" s="107">
        <v>45884</v>
      </c>
    </row>
    <row r="4962" spans="1:54" s="8" customFormat="1" ht="13.95" customHeight="1" x14ac:dyDescent="0.25">
      <c r="A4962" s="219" t="s">
        <v>11408</v>
      </c>
      <c r="B4962" s="220" t="s">
        <v>10412</v>
      </c>
      <c r="C4962" s="98" t="s">
        <v>11409</v>
      </c>
      <c r="D4962" s="98" t="s">
        <v>11410</v>
      </c>
      <c r="E4962" s="141" t="s">
        <v>174</v>
      </c>
      <c r="F4962" s="141">
        <v>36940</v>
      </c>
      <c r="G4962" s="98" t="s">
        <v>10</v>
      </c>
      <c r="H4962" s="98">
        <v>1</v>
      </c>
      <c r="I4962" s="98">
        <v>1</v>
      </c>
      <c r="J4962" s="98">
        <v>1</v>
      </c>
      <c r="K4962" s="98" t="s">
        <v>174</v>
      </c>
      <c r="L4962" s="98" t="s">
        <v>174</v>
      </c>
      <c r="M4962" s="98" t="s">
        <v>174</v>
      </c>
      <c r="N4962" s="98" t="s">
        <v>174</v>
      </c>
      <c r="O4962" s="98" t="s">
        <v>174</v>
      </c>
      <c r="P4962" s="98" t="s">
        <v>174</v>
      </c>
      <c r="Q4962" s="98" t="s">
        <v>174</v>
      </c>
      <c r="R4962" s="98" t="s">
        <v>174</v>
      </c>
      <c r="S4962" s="98" t="s">
        <v>174</v>
      </c>
      <c r="T4962" s="98" t="s">
        <v>174</v>
      </c>
      <c r="U4962" s="99"/>
      <c r="V4962" s="99"/>
      <c r="W4962" s="99"/>
      <c r="X4962" s="99"/>
      <c r="Y4962" s="99"/>
      <c r="Z4962" s="99"/>
      <c r="AA4962" s="99"/>
      <c r="AB4962" s="99"/>
      <c r="AC4962" s="99"/>
      <c r="AD4962" s="99"/>
      <c r="AE4962" s="99"/>
      <c r="AF4962" s="99"/>
      <c r="AG4962" s="99"/>
      <c r="AH4962" s="99"/>
      <c r="AI4962" s="99"/>
      <c r="AJ4962" s="99"/>
      <c r="AK4962" s="99"/>
      <c r="AL4962" s="99"/>
      <c r="AM4962" s="99"/>
      <c r="AN4962" s="99"/>
      <c r="AO4962" s="99"/>
      <c r="AP4962" s="99"/>
      <c r="AQ4962" s="99"/>
      <c r="AR4962" s="99"/>
      <c r="AS4962" s="99"/>
      <c r="AT4962" s="99"/>
      <c r="AU4962" s="99"/>
      <c r="AV4962" s="99"/>
      <c r="AW4962" s="99"/>
      <c r="AX4962" s="99"/>
      <c r="AY4962" s="99"/>
      <c r="AZ4962" s="99"/>
      <c r="BA4962" s="99"/>
      <c r="BB4962" s="107">
        <v>45884</v>
      </c>
    </row>
    <row r="4963" spans="1:54" s="8" customFormat="1" ht="13.95" customHeight="1" x14ac:dyDescent="0.25">
      <c r="A4963" s="219" t="s">
        <v>11411</v>
      </c>
      <c r="B4963" s="220" t="s">
        <v>10412</v>
      </c>
      <c r="C4963" s="98" t="s">
        <v>11412</v>
      </c>
      <c r="D4963" s="98" t="s">
        <v>11413</v>
      </c>
      <c r="E4963" s="141" t="s">
        <v>174</v>
      </c>
      <c r="F4963" s="141">
        <v>37597</v>
      </c>
      <c r="G4963" s="98" t="s">
        <v>10</v>
      </c>
      <c r="H4963" s="98">
        <v>1</v>
      </c>
      <c r="I4963" s="98">
        <v>1</v>
      </c>
      <c r="J4963" s="98">
        <v>0</v>
      </c>
      <c r="K4963" s="98" t="s">
        <v>174</v>
      </c>
      <c r="L4963" s="98" t="s">
        <v>174</v>
      </c>
      <c r="M4963" s="98" t="s">
        <v>174</v>
      </c>
      <c r="N4963" s="98" t="s">
        <v>174</v>
      </c>
      <c r="O4963" s="98" t="s">
        <v>174</v>
      </c>
      <c r="P4963" s="98" t="s">
        <v>174</v>
      </c>
      <c r="Q4963" s="98" t="s">
        <v>174</v>
      </c>
      <c r="R4963" s="98" t="s">
        <v>174</v>
      </c>
      <c r="S4963" s="98" t="s">
        <v>174</v>
      </c>
      <c r="T4963" s="98" t="s">
        <v>174</v>
      </c>
      <c r="U4963" s="99"/>
      <c r="V4963" s="99"/>
      <c r="W4963" s="99"/>
      <c r="X4963" s="99"/>
      <c r="Y4963" s="99"/>
      <c r="Z4963" s="99"/>
      <c r="AA4963" s="99"/>
      <c r="AB4963" s="99"/>
      <c r="AC4963" s="99"/>
      <c r="AD4963" s="99"/>
      <c r="AE4963" s="99"/>
      <c r="AF4963" s="99"/>
      <c r="AG4963" s="99"/>
      <c r="AH4963" s="99"/>
      <c r="AI4963" s="99"/>
      <c r="AJ4963" s="99"/>
      <c r="AK4963" s="99"/>
      <c r="AL4963" s="99"/>
      <c r="AM4963" s="99"/>
      <c r="AN4963" s="99"/>
      <c r="AO4963" s="99"/>
      <c r="AP4963" s="99"/>
      <c r="AQ4963" s="99"/>
      <c r="AR4963" s="99"/>
      <c r="AS4963" s="99"/>
      <c r="AT4963" s="99"/>
      <c r="AU4963" s="99"/>
      <c r="AV4963" s="99"/>
      <c r="AW4963" s="99"/>
      <c r="AX4963" s="99"/>
      <c r="AY4963" s="99"/>
      <c r="AZ4963" s="99"/>
      <c r="BA4963" s="99"/>
      <c r="BB4963" s="107">
        <v>45884</v>
      </c>
    </row>
    <row r="4964" spans="1:54" s="8" customFormat="1" ht="13.95" customHeight="1" x14ac:dyDescent="0.25">
      <c r="A4964" s="219" t="s">
        <v>11414</v>
      </c>
      <c r="B4964" s="220" t="s">
        <v>10412</v>
      </c>
      <c r="C4964" s="98" t="s">
        <v>21955</v>
      </c>
      <c r="D4964" s="98" t="s">
        <v>11415</v>
      </c>
      <c r="E4964" s="141" t="s">
        <v>174</v>
      </c>
      <c r="F4964" s="222">
        <v>40522</v>
      </c>
      <c r="G4964" s="98" t="s">
        <v>3</v>
      </c>
      <c r="H4964" s="98">
        <v>1</v>
      </c>
      <c r="I4964" s="98">
        <v>0</v>
      </c>
      <c r="J4964" s="98">
        <v>1</v>
      </c>
      <c r="K4964" s="98" t="s">
        <v>174</v>
      </c>
      <c r="L4964" s="98" t="s">
        <v>174</v>
      </c>
      <c r="M4964" s="98" t="s">
        <v>174</v>
      </c>
      <c r="N4964" s="98" t="s">
        <v>174</v>
      </c>
      <c r="O4964" s="98" t="s">
        <v>174</v>
      </c>
      <c r="P4964" s="98" t="s">
        <v>174</v>
      </c>
      <c r="Q4964" s="98" t="s">
        <v>174</v>
      </c>
      <c r="R4964" s="98" t="s">
        <v>174</v>
      </c>
      <c r="S4964" s="98" t="s">
        <v>174</v>
      </c>
      <c r="T4964" s="98" t="s">
        <v>174</v>
      </c>
      <c r="U4964" s="98" t="s">
        <v>174</v>
      </c>
      <c r="V4964" s="98" t="s">
        <v>174</v>
      </c>
      <c r="W4964" s="98" t="s">
        <v>174</v>
      </c>
      <c r="X4964" s="98" t="s">
        <v>174</v>
      </c>
      <c r="Y4964" s="98" t="s">
        <v>174</v>
      </c>
      <c r="Z4964" s="98" t="s">
        <v>174</v>
      </c>
      <c r="AA4964" s="98" t="s">
        <v>174</v>
      </c>
      <c r="AB4964" s="98" t="s">
        <v>174</v>
      </c>
      <c r="AC4964" s="98" t="s">
        <v>174</v>
      </c>
      <c r="AD4964" s="98" t="s">
        <v>174</v>
      </c>
      <c r="AE4964" s="98" t="s">
        <v>174</v>
      </c>
      <c r="AF4964" s="98" t="s">
        <v>174</v>
      </c>
      <c r="AG4964" s="98" t="s">
        <v>174</v>
      </c>
      <c r="AH4964" s="98" t="s">
        <v>174</v>
      </c>
      <c r="AI4964" s="98" t="s">
        <v>174</v>
      </c>
      <c r="AJ4964" s="98" t="s">
        <v>174</v>
      </c>
      <c r="AK4964" s="98" t="s">
        <v>174</v>
      </c>
      <c r="AL4964" s="98" t="s">
        <v>174</v>
      </c>
      <c r="AM4964" s="98" t="s">
        <v>174</v>
      </c>
      <c r="AN4964" s="98" t="s">
        <v>174</v>
      </c>
      <c r="AO4964" s="98" t="s">
        <v>174</v>
      </c>
      <c r="AP4964" s="98" t="s">
        <v>174</v>
      </c>
      <c r="AQ4964" s="98" t="s">
        <v>174</v>
      </c>
      <c r="AR4964" s="98" t="s">
        <v>174</v>
      </c>
      <c r="AS4964" s="98" t="s">
        <v>174</v>
      </c>
      <c r="AT4964" s="129" t="s">
        <v>174</v>
      </c>
      <c r="AU4964" s="98" t="s">
        <v>174</v>
      </c>
      <c r="AV4964" s="98" t="s">
        <v>174</v>
      </c>
      <c r="AW4964" s="98" t="s">
        <v>174</v>
      </c>
      <c r="AX4964" s="98"/>
      <c r="AY4964" s="98"/>
      <c r="AZ4964" s="98"/>
      <c r="BA4964" s="98"/>
      <c r="BB4964" s="107">
        <v>45884</v>
      </c>
    </row>
    <row r="4965" spans="1:54" s="8" customFormat="1" ht="13.95" customHeight="1" x14ac:dyDescent="0.25">
      <c r="A4965" s="219" t="s">
        <v>11416</v>
      </c>
      <c r="B4965" s="220" t="s">
        <v>10412</v>
      </c>
      <c r="C4965" s="98" t="s">
        <v>11417</v>
      </c>
      <c r="D4965" s="98" t="s">
        <v>11418</v>
      </c>
      <c r="E4965" s="141" t="s">
        <v>174</v>
      </c>
      <c r="F4965" s="141">
        <v>45274</v>
      </c>
      <c r="G4965" s="98" t="s">
        <v>13</v>
      </c>
      <c r="H4965" s="98">
        <v>1</v>
      </c>
      <c r="I4965" s="98">
        <v>0</v>
      </c>
      <c r="J4965" s="98">
        <v>0</v>
      </c>
      <c r="K4965" s="98" t="s">
        <v>174</v>
      </c>
      <c r="L4965" s="98" t="s">
        <v>174</v>
      </c>
      <c r="M4965" s="98" t="s">
        <v>174</v>
      </c>
      <c r="N4965" s="98" t="s">
        <v>174</v>
      </c>
      <c r="O4965" s="98" t="s">
        <v>174</v>
      </c>
      <c r="P4965" s="98" t="s">
        <v>174</v>
      </c>
      <c r="Q4965" s="98" t="s">
        <v>174</v>
      </c>
      <c r="R4965" s="98" t="s">
        <v>174</v>
      </c>
      <c r="S4965" s="98" t="s">
        <v>174</v>
      </c>
      <c r="T4965" s="98" t="s">
        <v>174</v>
      </c>
      <c r="U4965" s="98" t="s">
        <v>174</v>
      </c>
      <c r="V4965" s="98" t="s">
        <v>174</v>
      </c>
      <c r="W4965" s="98" t="s">
        <v>174</v>
      </c>
      <c r="X4965" s="98" t="s">
        <v>174</v>
      </c>
      <c r="Y4965" s="98" t="s">
        <v>174</v>
      </c>
      <c r="Z4965" s="98" t="s">
        <v>174</v>
      </c>
      <c r="AA4965" s="98" t="s">
        <v>174</v>
      </c>
      <c r="AB4965" s="98" t="s">
        <v>174</v>
      </c>
      <c r="AC4965" s="98" t="s">
        <v>174</v>
      </c>
      <c r="AD4965" s="98" t="s">
        <v>174</v>
      </c>
      <c r="AE4965" s="98" t="s">
        <v>174</v>
      </c>
      <c r="AF4965" s="98" t="s">
        <v>174</v>
      </c>
      <c r="AG4965" s="98" t="s">
        <v>174</v>
      </c>
      <c r="AH4965" s="98" t="s">
        <v>174</v>
      </c>
      <c r="AI4965" s="98" t="s">
        <v>174</v>
      </c>
      <c r="AJ4965" s="98" t="s">
        <v>174</v>
      </c>
      <c r="AK4965" s="98" t="s">
        <v>174</v>
      </c>
      <c r="AL4965" s="98" t="s">
        <v>174</v>
      </c>
      <c r="AM4965" s="98" t="s">
        <v>174</v>
      </c>
      <c r="AN4965" s="98" t="s">
        <v>174</v>
      </c>
      <c r="AO4965" s="98" t="s">
        <v>174</v>
      </c>
      <c r="AP4965" s="98" t="s">
        <v>174</v>
      </c>
      <c r="AQ4965" s="98" t="s">
        <v>174</v>
      </c>
      <c r="AR4965" s="98" t="s">
        <v>174</v>
      </c>
      <c r="AS4965" s="98" t="s">
        <v>174</v>
      </c>
      <c r="AT4965" s="129" t="s">
        <v>174</v>
      </c>
      <c r="AU4965" s="98" t="s">
        <v>174</v>
      </c>
      <c r="AV4965" s="98" t="s">
        <v>174</v>
      </c>
      <c r="AW4965" s="98" t="s">
        <v>174</v>
      </c>
      <c r="AX4965" s="98"/>
      <c r="AY4965" s="98"/>
      <c r="AZ4965" s="98"/>
      <c r="BA4965" s="98"/>
      <c r="BB4965" s="107">
        <v>45884</v>
      </c>
    </row>
    <row r="4966" spans="1:54" s="8" customFormat="1" ht="13.95" customHeight="1" x14ac:dyDescent="0.25">
      <c r="A4966" s="219" t="s">
        <v>11419</v>
      </c>
      <c r="B4966" s="220" t="s">
        <v>10412</v>
      </c>
      <c r="C4966" s="98" t="s">
        <v>20246</v>
      </c>
      <c r="D4966" s="98" t="s">
        <v>11420</v>
      </c>
      <c r="E4966" s="141" t="s">
        <v>174</v>
      </c>
      <c r="F4966" s="141">
        <v>53348</v>
      </c>
      <c r="G4966" s="98" t="s">
        <v>0</v>
      </c>
      <c r="H4966" s="98">
        <v>1</v>
      </c>
      <c r="I4966" s="98">
        <v>0</v>
      </c>
      <c r="J4966" s="98">
        <v>1</v>
      </c>
      <c r="K4966" s="98" t="s">
        <v>174</v>
      </c>
      <c r="L4966" s="98" t="s">
        <v>174</v>
      </c>
      <c r="M4966" s="98" t="s">
        <v>174</v>
      </c>
      <c r="N4966" s="98" t="s">
        <v>174</v>
      </c>
      <c r="O4966" s="98" t="s">
        <v>174</v>
      </c>
      <c r="P4966" s="98" t="s">
        <v>174</v>
      </c>
      <c r="Q4966" s="98" t="s">
        <v>174</v>
      </c>
      <c r="R4966" s="98" t="s">
        <v>174</v>
      </c>
      <c r="S4966" s="98" t="s">
        <v>174</v>
      </c>
      <c r="T4966" s="98" t="s">
        <v>174</v>
      </c>
      <c r="U4966" s="99"/>
      <c r="V4966" s="99"/>
      <c r="W4966" s="99"/>
      <c r="X4966" s="99"/>
      <c r="Y4966" s="99"/>
      <c r="Z4966" s="99"/>
      <c r="AA4966" s="99"/>
      <c r="AB4966" s="99"/>
      <c r="AC4966" s="99"/>
      <c r="AD4966" s="99"/>
      <c r="AE4966" s="99"/>
      <c r="AF4966" s="99"/>
      <c r="AG4966" s="99"/>
      <c r="AH4966" s="99"/>
      <c r="AI4966" s="99"/>
      <c r="AJ4966" s="99"/>
      <c r="AK4966" s="99"/>
      <c r="AL4966" s="99"/>
      <c r="AM4966" s="99"/>
      <c r="AN4966" s="99"/>
      <c r="AO4966" s="99"/>
      <c r="AP4966" s="99"/>
      <c r="AQ4966" s="99"/>
      <c r="AR4966" s="99"/>
      <c r="AS4966" s="99"/>
      <c r="AT4966" s="99"/>
      <c r="AU4966" s="99"/>
      <c r="AV4966" s="99"/>
      <c r="AW4966" s="99"/>
      <c r="AX4966" s="99"/>
      <c r="AY4966" s="99"/>
      <c r="AZ4966" s="99"/>
      <c r="BA4966" s="99"/>
      <c r="BB4966" s="107">
        <v>45884</v>
      </c>
    </row>
    <row r="4967" spans="1:54" s="8" customFormat="1" ht="13.95" customHeight="1" x14ac:dyDescent="0.25">
      <c r="A4967" s="219" t="s">
        <v>11421</v>
      </c>
      <c r="B4967" s="220" t="s">
        <v>10412</v>
      </c>
      <c r="C4967" s="98" t="s">
        <v>11422</v>
      </c>
      <c r="D4967" s="98" t="s">
        <v>11423</v>
      </c>
      <c r="E4967" s="141" t="s">
        <v>174</v>
      </c>
      <c r="F4967" s="141">
        <v>52987</v>
      </c>
      <c r="G4967" s="98" t="s">
        <v>0</v>
      </c>
      <c r="H4967" s="98">
        <v>1</v>
      </c>
      <c r="I4967" s="98">
        <v>1</v>
      </c>
      <c r="J4967" s="98">
        <v>1</v>
      </c>
      <c r="K4967" s="98" t="s">
        <v>174</v>
      </c>
      <c r="L4967" s="98" t="s">
        <v>174</v>
      </c>
      <c r="M4967" s="98" t="s">
        <v>174</v>
      </c>
      <c r="N4967" s="98" t="s">
        <v>174</v>
      </c>
      <c r="O4967" s="98" t="s">
        <v>174</v>
      </c>
      <c r="P4967" s="98" t="s">
        <v>174</v>
      </c>
      <c r="Q4967" s="98" t="s">
        <v>174</v>
      </c>
      <c r="R4967" s="98" t="s">
        <v>174</v>
      </c>
      <c r="S4967" s="98" t="s">
        <v>174</v>
      </c>
      <c r="T4967" s="98" t="s">
        <v>174</v>
      </c>
      <c r="U4967" s="98" t="s">
        <v>174</v>
      </c>
      <c r="V4967" s="98" t="s">
        <v>174</v>
      </c>
      <c r="W4967" s="98" t="s">
        <v>174</v>
      </c>
      <c r="X4967" s="98" t="s">
        <v>174</v>
      </c>
      <c r="Y4967" s="98" t="s">
        <v>174</v>
      </c>
      <c r="Z4967" s="98" t="s">
        <v>174</v>
      </c>
      <c r="AA4967" s="98" t="s">
        <v>174</v>
      </c>
      <c r="AB4967" s="98" t="s">
        <v>174</v>
      </c>
      <c r="AC4967" s="98" t="s">
        <v>174</v>
      </c>
      <c r="AD4967" s="98" t="s">
        <v>174</v>
      </c>
      <c r="AE4967" s="98" t="s">
        <v>174</v>
      </c>
      <c r="AF4967" s="98" t="s">
        <v>174</v>
      </c>
      <c r="AG4967" s="98" t="s">
        <v>174</v>
      </c>
      <c r="AH4967" s="98" t="s">
        <v>174</v>
      </c>
      <c r="AI4967" s="98" t="s">
        <v>174</v>
      </c>
      <c r="AJ4967" s="98" t="s">
        <v>174</v>
      </c>
      <c r="AK4967" s="98" t="s">
        <v>174</v>
      </c>
      <c r="AL4967" s="98" t="s">
        <v>174</v>
      </c>
      <c r="AM4967" s="98" t="s">
        <v>174</v>
      </c>
      <c r="AN4967" s="98" t="s">
        <v>174</v>
      </c>
      <c r="AO4967" s="98" t="s">
        <v>174</v>
      </c>
      <c r="AP4967" s="98" t="s">
        <v>174</v>
      </c>
      <c r="AQ4967" s="98" t="s">
        <v>174</v>
      </c>
      <c r="AR4967" s="98" t="s">
        <v>174</v>
      </c>
      <c r="AS4967" s="98" t="s">
        <v>174</v>
      </c>
      <c r="AT4967" s="129" t="s">
        <v>174</v>
      </c>
      <c r="AU4967" s="98" t="s">
        <v>174</v>
      </c>
      <c r="AV4967" s="98" t="s">
        <v>174</v>
      </c>
      <c r="AW4967" s="98" t="s">
        <v>174</v>
      </c>
      <c r="AX4967" s="98"/>
      <c r="AY4967" s="98"/>
      <c r="AZ4967" s="98"/>
      <c r="BA4967" s="98"/>
      <c r="BB4967" s="107">
        <v>45884</v>
      </c>
    </row>
    <row r="4968" spans="1:54" s="8" customFormat="1" ht="13.95" customHeight="1" x14ac:dyDescent="0.25">
      <c r="A4968" s="219" t="s">
        <v>11424</v>
      </c>
      <c r="B4968" s="220" t="s">
        <v>10412</v>
      </c>
      <c r="C4968" s="98" t="s">
        <v>11425</v>
      </c>
      <c r="D4968" s="98" t="s">
        <v>11426</v>
      </c>
      <c r="E4968" s="141" t="s">
        <v>174</v>
      </c>
      <c r="F4968" s="141">
        <v>53158</v>
      </c>
      <c r="G4968" s="98" t="s">
        <v>10</v>
      </c>
      <c r="H4968" s="98">
        <v>1</v>
      </c>
      <c r="I4968" s="98">
        <v>0</v>
      </c>
      <c r="J4968" s="98">
        <v>0</v>
      </c>
      <c r="K4968" s="98" t="s">
        <v>174</v>
      </c>
      <c r="L4968" s="98" t="s">
        <v>174</v>
      </c>
      <c r="M4968" s="98" t="s">
        <v>174</v>
      </c>
      <c r="N4968" s="98" t="s">
        <v>174</v>
      </c>
      <c r="O4968" s="98" t="s">
        <v>174</v>
      </c>
      <c r="P4968" s="98" t="s">
        <v>174</v>
      </c>
      <c r="Q4968" s="98" t="s">
        <v>174</v>
      </c>
      <c r="R4968" s="98" t="s">
        <v>174</v>
      </c>
      <c r="S4968" s="98" t="s">
        <v>174</v>
      </c>
      <c r="T4968" s="98" t="s">
        <v>174</v>
      </c>
      <c r="U4968" s="99"/>
      <c r="V4968" s="99"/>
      <c r="W4968" s="99"/>
      <c r="X4968" s="99"/>
      <c r="Y4968" s="99"/>
      <c r="Z4968" s="99"/>
      <c r="AA4968" s="99"/>
      <c r="AB4968" s="99"/>
      <c r="AC4968" s="99"/>
      <c r="AD4968" s="99"/>
      <c r="AE4968" s="99"/>
      <c r="AF4968" s="99"/>
      <c r="AG4968" s="99"/>
      <c r="AH4968" s="99"/>
      <c r="AI4968" s="99"/>
      <c r="AJ4968" s="99"/>
      <c r="AK4968" s="99"/>
      <c r="AL4968" s="99"/>
      <c r="AM4968" s="99"/>
      <c r="AN4968" s="99"/>
      <c r="AO4968" s="99"/>
      <c r="AP4968" s="99"/>
      <c r="AQ4968" s="99"/>
      <c r="AR4968" s="99"/>
      <c r="AS4968" s="99"/>
      <c r="AT4968" s="99"/>
      <c r="AU4968" s="99"/>
      <c r="AV4968" s="99"/>
      <c r="AW4968" s="99"/>
      <c r="AX4968" s="99"/>
      <c r="AY4968" s="99"/>
      <c r="AZ4968" s="99"/>
      <c r="BA4968" s="99"/>
      <c r="BB4968" s="107">
        <v>45884</v>
      </c>
    </row>
    <row r="4969" spans="1:54" s="8" customFormat="1" ht="13.95" customHeight="1" x14ac:dyDescent="0.25">
      <c r="A4969" s="219" t="s">
        <v>11427</v>
      </c>
      <c r="B4969" s="220" t="s">
        <v>10412</v>
      </c>
      <c r="C4969" s="98" t="s">
        <v>11428</v>
      </c>
      <c r="D4969" s="98" t="s">
        <v>11429</v>
      </c>
      <c r="E4969" s="141" t="s">
        <v>174</v>
      </c>
      <c r="F4969" s="141">
        <v>56626</v>
      </c>
      <c r="G4969" s="98" t="s">
        <v>10</v>
      </c>
      <c r="H4969" s="98">
        <v>1</v>
      </c>
      <c r="I4969" s="98">
        <v>1</v>
      </c>
      <c r="J4969" s="98">
        <v>1</v>
      </c>
      <c r="K4969" s="98" t="s">
        <v>174</v>
      </c>
      <c r="L4969" s="98" t="s">
        <v>174</v>
      </c>
      <c r="M4969" s="98" t="s">
        <v>174</v>
      </c>
      <c r="N4969" s="98" t="s">
        <v>174</v>
      </c>
      <c r="O4969" s="98" t="s">
        <v>174</v>
      </c>
      <c r="P4969" s="98" t="s">
        <v>174</v>
      </c>
      <c r="Q4969" s="98" t="s">
        <v>174</v>
      </c>
      <c r="R4969" s="98" t="s">
        <v>174</v>
      </c>
      <c r="S4969" s="98" t="s">
        <v>174</v>
      </c>
      <c r="T4969" s="98" t="s">
        <v>174</v>
      </c>
      <c r="U4969" s="99"/>
      <c r="V4969" s="99"/>
      <c r="W4969" s="99"/>
      <c r="X4969" s="99"/>
      <c r="Y4969" s="99"/>
      <c r="Z4969" s="99"/>
      <c r="AA4969" s="99"/>
      <c r="AB4969" s="99"/>
      <c r="AC4969" s="99"/>
      <c r="AD4969" s="99"/>
      <c r="AE4969" s="99"/>
      <c r="AF4969" s="99"/>
      <c r="AG4969" s="99"/>
      <c r="AH4969" s="99"/>
      <c r="AI4969" s="99"/>
      <c r="AJ4969" s="99"/>
      <c r="AK4969" s="99"/>
      <c r="AL4969" s="99"/>
      <c r="AM4969" s="99"/>
      <c r="AN4969" s="99"/>
      <c r="AO4969" s="99"/>
      <c r="AP4969" s="99"/>
      <c r="AQ4969" s="99"/>
      <c r="AR4969" s="99"/>
      <c r="AS4969" s="99"/>
      <c r="AT4969" s="99"/>
      <c r="AU4969" s="99"/>
      <c r="AV4969" s="99"/>
      <c r="AW4969" s="99"/>
      <c r="AX4969" s="99"/>
      <c r="AY4969" s="99"/>
      <c r="AZ4969" s="99"/>
      <c r="BA4969" s="99"/>
      <c r="BB4969" s="107">
        <v>45884</v>
      </c>
    </row>
    <row r="4970" spans="1:54" s="8" customFormat="1" ht="13.95" customHeight="1" x14ac:dyDescent="0.25">
      <c r="A4970" s="219" t="s">
        <v>11430</v>
      </c>
      <c r="B4970" s="220" t="s">
        <v>10412</v>
      </c>
      <c r="C4970" s="98" t="s">
        <v>11431</v>
      </c>
      <c r="D4970" s="98" t="s">
        <v>11432</v>
      </c>
      <c r="E4970" s="141" t="s">
        <v>174</v>
      </c>
      <c r="F4970" s="222">
        <v>253755</v>
      </c>
      <c r="G4970" s="98" t="s">
        <v>10</v>
      </c>
      <c r="H4970" s="98">
        <v>1</v>
      </c>
      <c r="I4970" s="98">
        <v>1</v>
      </c>
      <c r="J4970" s="98">
        <v>1</v>
      </c>
      <c r="K4970" s="98" t="s">
        <v>174</v>
      </c>
      <c r="L4970" s="98" t="s">
        <v>174</v>
      </c>
      <c r="M4970" s="98" t="s">
        <v>174</v>
      </c>
      <c r="N4970" s="98" t="s">
        <v>174</v>
      </c>
      <c r="O4970" s="98" t="s">
        <v>174</v>
      </c>
      <c r="P4970" s="98" t="s">
        <v>174</v>
      </c>
      <c r="Q4970" s="98" t="s">
        <v>174</v>
      </c>
      <c r="R4970" s="98" t="s">
        <v>174</v>
      </c>
      <c r="S4970" s="98" t="s">
        <v>174</v>
      </c>
      <c r="T4970" s="98" t="s">
        <v>174</v>
      </c>
      <c r="U4970" s="99"/>
      <c r="V4970" s="99"/>
      <c r="W4970" s="99"/>
      <c r="X4970" s="99"/>
      <c r="Y4970" s="99"/>
      <c r="Z4970" s="99"/>
      <c r="AA4970" s="99"/>
      <c r="AB4970" s="99"/>
      <c r="AC4970" s="99"/>
      <c r="AD4970" s="99"/>
      <c r="AE4970" s="99"/>
      <c r="AF4970" s="99"/>
      <c r="AG4970" s="99"/>
      <c r="AH4970" s="99"/>
      <c r="AI4970" s="99"/>
      <c r="AJ4970" s="99"/>
      <c r="AK4970" s="99"/>
      <c r="AL4970" s="99"/>
      <c r="AM4970" s="99"/>
      <c r="AN4970" s="99"/>
      <c r="AO4970" s="99"/>
      <c r="AP4970" s="99"/>
      <c r="AQ4970" s="99"/>
      <c r="AR4970" s="99"/>
      <c r="AS4970" s="99"/>
      <c r="AT4970" s="99"/>
      <c r="AU4970" s="99"/>
      <c r="AV4970" s="99"/>
      <c r="AW4970" s="99"/>
      <c r="AX4970" s="99"/>
      <c r="AY4970" s="99"/>
      <c r="AZ4970" s="99"/>
      <c r="BA4970" s="99"/>
      <c r="BB4970" s="107">
        <v>45884</v>
      </c>
    </row>
    <row r="4971" spans="1:54" s="8" customFormat="1" ht="13.95" customHeight="1" x14ac:dyDescent="0.25">
      <c r="A4971" s="219" t="s">
        <v>11433</v>
      </c>
      <c r="B4971" s="220" t="s">
        <v>10412</v>
      </c>
      <c r="C4971" s="98" t="s">
        <v>11434</v>
      </c>
      <c r="D4971" s="98" t="s">
        <v>11435</v>
      </c>
      <c r="E4971" s="141" t="s">
        <v>174</v>
      </c>
      <c r="F4971" s="141">
        <v>79227</v>
      </c>
      <c r="G4971" s="98" t="s">
        <v>10</v>
      </c>
      <c r="H4971" s="98">
        <v>1</v>
      </c>
      <c r="I4971" s="98">
        <v>1</v>
      </c>
      <c r="J4971" s="98">
        <v>1</v>
      </c>
      <c r="K4971" s="98" t="s">
        <v>174</v>
      </c>
      <c r="L4971" s="98" t="s">
        <v>174</v>
      </c>
      <c r="M4971" s="98" t="s">
        <v>174</v>
      </c>
      <c r="N4971" s="98" t="s">
        <v>174</v>
      </c>
      <c r="O4971" s="98" t="s">
        <v>174</v>
      </c>
      <c r="P4971" s="98" t="s">
        <v>174</v>
      </c>
      <c r="Q4971" s="98" t="s">
        <v>174</v>
      </c>
      <c r="R4971" s="98" t="s">
        <v>174</v>
      </c>
      <c r="S4971" s="98" t="s">
        <v>174</v>
      </c>
      <c r="T4971" s="98" t="s">
        <v>174</v>
      </c>
      <c r="U4971" s="98" t="s">
        <v>174</v>
      </c>
      <c r="V4971" s="98" t="s">
        <v>174</v>
      </c>
      <c r="W4971" s="98" t="s">
        <v>174</v>
      </c>
      <c r="X4971" s="98" t="s">
        <v>174</v>
      </c>
      <c r="Y4971" s="98" t="s">
        <v>174</v>
      </c>
      <c r="Z4971" s="98" t="s">
        <v>174</v>
      </c>
      <c r="AA4971" s="98" t="s">
        <v>174</v>
      </c>
      <c r="AB4971" s="98" t="s">
        <v>174</v>
      </c>
      <c r="AC4971" s="98" t="s">
        <v>174</v>
      </c>
      <c r="AD4971" s="98" t="s">
        <v>174</v>
      </c>
      <c r="AE4971" s="98" t="s">
        <v>174</v>
      </c>
      <c r="AF4971" s="98" t="s">
        <v>174</v>
      </c>
      <c r="AG4971" s="98" t="s">
        <v>174</v>
      </c>
      <c r="AH4971" s="98" t="s">
        <v>174</v>
      </c>
      <c r="AI4971" s="98" t="s">
        <v>174</v>
      </c>
      <c r="AJ4971" s="98" t="s">
        <v>174</v>
      </c>
      <c r="AK4971" s="98" t="s">
        <v>174</v>
      </c>
      <c r="AL4971" s="98" t="s">
        <v>174</v>
      </c>
      <c r="AM4971" s="98" t="s">
        <v>174</v>
      </c>
      <c r="AN4971" s="98" t="s">
        <v>174</v>
      </c>
      <c r="AO4971" s="98" t="s">
        <v>174</v>
      </c>
      <c r="AP4971" s="98" t="s">
        <v>174</v>
      </c>
      <c r="AQ4971" s="98" t="s">
        <v>174</v>
      </c>
      <c r="AR4971" s="98" t="s">
        <v>174</v>
      </c>
      <c r="AS4971" s="98" t="s">
        <v>174</v>
      </c>
      <c r="AT4971" s="129" t="s">
        <v>174</v>
      </c>
      <c r="AU4971" s="98" t="s">
        <v>174</v>
      </c>
      <c r="AV4971" s="98" t="s">
        <v>174</v>
      </c>
      <c r="AW4971" s="98" t="s">
        <v>174</v>
      </c>
      <c r="AX4971" s="98"/>
      <c r="AY4971" s="98"/>
      <c r="AZ4971" s="98"/>
      <c r="BA4971" s="98"/>
      <c r="BB4971" s="107">
        <v>45884</v>
      </c>
    </row>
    <row r="4972" spans="1:54" s="8" customFormat="1" ht="13.95" customHeight="1" x14ac:dyDescent="0.25">
      <c r="A4972" s="219" t="s">
        <v>11436</v>
      </c>
      <c r="B4972" s="220" t="s">
        <v>10412</v>
      </c>
      <c r="C4972" s="98" t="s">
        <v>11437</v>
      </c>
      <c r="D4972" s="98" t="s">
        <v>11438</v>
      </c>
      <c r="E4972" s="141" t="s">
        <v>174</v>
      </c>
      <c r="F4972" s="141">
        <v>84265</v>
      </c>
      <c r="G4972" s="98" t="s">
        <v>0</v>
      </c>
      <c r="H4972" s="98">
        <v>1</v>
      </c>
      <c r="I4972" s="98">
        <v>1</v>
      </c>
      <c r="J4972" s="98">
        <v>1</v>
      </c>
      <c r="K4972" s="98" t="s">
        <v>174</v>
      </c>
      <c r="L4972" s="98" t="s">
        <v>174</v>
      </c>
      <c r="M4972" s="98" t="s">
        <v>174</v>
      </c>
      <c r="N4972" s="98" t="s">
        <v>174</v>
      </c>
      <c r="O4972" s="98" t="s">
        <v>174</v>
      </c>
      <c r="P4972" s="98" t="s">
        <v>174</v>
      </c>
      <c r="Q4972" s="98" t="s">
        <v>174</v>
      </c>
      <c r="R4972" s="98" t="s">
        <v>174</v>
      </c>
      <c r="S4972" s="98" t="s">
        <v>174</v>
      </c>
      <c r="T4972" s="98" t="s">
        <v>174</v>
      </c>
      <c r="U4972" s="98" t="s">
        <v>174</v>
      </c>
      <c r="V4972" s="98" t="s">
        <v>174</v>
      </c>
      <c r="W4972" s="98" t="s">
        <v>174</v>
      </c>
      <c r="X4972" s="98" t="s">
        <v>174</v>
      </c>
      <c r="Y4972" s="98" t="s">
        <v>174</v>
      </c>
      <c r="Z4972" s="98" t="s">
        <v>174</v>
      </c>
      <c r="AA4972" s="98" t="s">
        <v>174</v>
      </c>
      <c r="AB4972" s="98" t="s">
        <v>174</v>
      </c>
      <c r="AC4972" s="98" t="s">
        <v>174</v>
      </c>
      <c r="AD4972" s="98" t="s">
        <v>174</v>
      </c>
      <c r="AE4972" s="98" t="s">
        <v>174</v>
      </c>
      <c r="AF4972" s="98" t="s">
        <v>174</v>
      </c>
      <c r="AG4972" s="98" t="s">
        <v>174</v>
      </c>
      <c r="AH4972" s="98" t="s">
        <v>174</v>
      </c>
      <c r="AI4972" s="98" t="s">
        <v>174</v>
      </c>
      <c r="AJ4972" s="98" t="s">
        <v>174</v>
      </c>
      <c r="AK4972" s="98" t="s">
        <v>174</v>
      </c>
      <c r="AL4972" s="98" t="s">
        <v>174</v>
      </c>
      <c r="AM4972" s="98" t="s">
        <v>174</v>
      </c>
      <c r="AN4972" s="98" t="s">
        <v>174</v>
      </c>
      <c r="AO4972" s="98" t="s">
        <v>174</v>
      </c>
      <c r="AP4972" s="98" t="s">
        <v>174</v>
      </c>
      <c r="AQ4972" s="98" t="s">
        <v>174</v>
      </c>
      <c r="AR4972" s="98" t="s">
        <v>174</v>
      </c>
      <c r="AS4972" s="98" t="s">
        <v>174</v>
      </c>
      <c r="AT4972" s="129" t="s">
        <v>174</v>
      </c>
      <c r="AU4972" s="98" t="s">
        <v>174</v>
      </c>
      <c r="AV4972" s="98" t="s">
        <v>174</v>
      </c>
      <c r="AW4972" s="98" t="s">
        <v>174</v>
      </c>
      <c r="AX4972" s="98"/>
      <c r="AY4972" s="98"/>
      <c r="AZ4972" s="98"/>
      <c r="BA4972" s="98"/>
      <c r="BB4972" s="107">
        <v>45884</v>
      </c>
    </row>
    <row r="4973" spans="1:54" s="8" customFormat="1" ht="13.95" customHeight="1" x14ac:dyDescent="0.25">
      <c r="A4973" s="219" t="s">
        <v>11439</v>
      </c>
      <c r="B4973" s="220" t="s">
        <v>10412</v>
      </c>
      <c r="C4973" s="98" t="s">
        <v>11440</v>
      </c>
      <c r="D4973" s="98" t="s">
        <v>11441</v>
      </c>
      <c r="E4973" s="141" t="s">
        <v>174</v>
      </c>
      <c r="F4973" s="141">
        <v>136504</v>
      </c>
      <c r="G4973" s="98" t="s">
        <v>0</v>
      </c>
      <c r="H4973" s="98">
        <v>1</v>
      </c>
      <c r="I4973" s="98">
        <v>1</v>
      </c>
      <c r="J4973" s="98">
        <v>1</v>
      </c>
      <c r="K4973" s="98" t="s">
        <v>174</v>
      </c>
      <c r="L4973" s="98" t="s">
        <v>174</v>
      </c>
      <c r="M4973" s="98" t="s">
        <v>174</v>
      </c>
      <c r="N4973" s="98" t="s">
        <v>174</v>
      </c>
      <c r="O4973" s="98" t="s">
        <v>174</v>
      </c>
      <c r="P4973" s="98" t="s">
        <v>174</v>
      </c>
      <c r="Q4973" s="98" t="s">
        <v>174</v>
      </c>
      <c r="R4973" s="98" t="s">
        <v>174</v>
      </c>
      <c r="S4973" s="98" t="s">
        <v>174</v>
      </c>
      <c r="T4973" s="98" t="s">
        <v>174</v>
      </c>
      <c r="U4973" s="99"/>
      <c r="V4973" s="99"/>
      <c r="W4973" s="99"/>
      <c r="X4973" s="99"/>
      <c r="Y4973" s="99"/>
      <c r="Z4973" s="99"/>
      <c r="AA4973" s="99"/>
      <c r="AB4973" s="99"/>
      <c r="AC4973" s="99"/>
      <c r="AD4973" s="99"/>
      <c r="AE4973" s="99"/>
      <c r="AF4973" s="99"/>
      <c r="AG4973" s="99"/>
      <c r="AH4973" s="99"/>
      <c r="AI4973" s="99"/>
      <c r="AJ4973" s="99"/>
      <c r="AK4973" s="99"/>
      <c r="AL4973" s="99"/>
      <c r="AM4973" s="99"/>
      <c r="AN4973" s="99"/>
      <c r="AO4973" s="99"/>
      <c r="AP4973" s="99"/>
      <c r="AQ4973" s="99"/>
      <c r="AR4973" s="99"/>
      <c r="AS4973" s="99"/>
      <c r="AT4973" s="99"/>
      <c r="AU4973" s="99"/>
      <c r="AV4973" s="99"/>
      <c r="AW4973" s="99"/>
      <c r="AX4973" s="99"/>
      <c r="AY4973" s="99"/>
      <c r="AZ4973" s="99"/>
      <c r="BA4973" s="99"/>
      <c r="BB4973" s="107">
        <v>45884</v>
      </c>
    </row>
    <row r="4974" spans="1:54" s="8" customFormat="1" ht="13.95" customHeight="1" x14ac:dyDescent="0.25">
      <c r="A4974" s="219" t="s">
        <v>11442</v>
      </c>
      <c r="B4974" s="220" t="s">
        <v>10412</v>
      </c>
      <c r="C4974" s="98" t="s">
        <v>11443</v>
      </c>
      <c r="D4974" s="98" t="s">
        <v>11444</v>
      </c>
      <c r="E4974" s="141" t="s">
        <v>174</v>
      </c>
      <c r="F4974" s="141">
        <v>146049</v>
      </c>
      <c r="G4974" s="98" t="s">
        <v>13</v>
      </c>
      <c r="H4974" s="98">
        <v>1</v>
      </c>
      <c r="I4974" s="98">
        <v>1</v>
      </c>
      <c r="J4974" s="98">
        <v>0</v>
      </c>
      <c r="K4974" s="98" t="s">
        <v>174</v>
      </c>
      <c r="L4974" s="98" t="s">
        <v>174</v>
      </c>
      <c r="M4974" s="98" t="s">
        <v>174</v>
      </c>
      <c r="N4974" s="98" t="s">
        <v>174</v>
      </c>
      <c r="O4974" s="98" t="s">
        <v>174</v>
      </c>
      <c r="P4974" s="98" t="s">
        <v>174</v>
      </c>
      <c r="Q4974" s="98" t="s">
        <v>174</v>
      </c>
      <c r="R4974" s="98" t="s">
        <v>174</v>
      </c>
      <c r="S4974" s="98" t="s">
        <v>174</v>
      </c>
      <c r="T4974" s="98" t="s">
        <v>174</v>
      </c>
      <c r="U4974" s="99"/>
      <c r="V4974" s="99"/>
      <c r="W4974" s="99"/>
      <c r="X4974" s="99"/>
      <c r="Y4974" s="99"/>
      <c r="Z4974" s="99"/>
      <c r="AA4974" s="99"/>
      <c r="AB4974" s="99"/>
      <c r="AC4974" s="99"/>
      <c r="AD4974" s="99"/>
      <c r="AE4974" s="99"/>
      <c r="AF4974" s="99"/>
      <c r="AG4974" s="99"/>
      <c r="AH4974" s="99"/>
      <c r="AI4974" s="99"/>
      <c r="AJ4974" s="99"/>
      <c r="AK4974" s="99"/>
      <c r="AL4974" s="99"/>
      <c r="AM4974" s="99"/>
      <c r="AN4974" s="99"/>
      <c r="AO4974" s="99"/>
      <c r="AP4974" s="99"/>
      <c r="AQ4974" s="99"/>
      <c r="AR4974" s="99"/>
      <c r="AS4974" s="99"/>
      <c r="AT4974" s="99"/>
      <c r="AU4974" s="99"/>
      <c r="AV4974" s="99"/>
      <c r="AW4974" s="99"/>
      <c r="AX4974" s="99"/>
      <c r="AY4974" s="99"/>
      <c r="AZ4974" s="99"/>
      <c r="BA4974" s="99"/>
      <c r="BB4974" s="107">
        <v>45884</v>
      </c>
    </row>
    <row r="4975" spans="1:54" s="8" customFormat="1" ht="13.95" customHeight="1" x14ac:dyDescent="0.25">
      <c r="A4975" s="219" t="s">
        <v>11445</v>
      </c>
      <c r="B4975" s="220" t="s">
        <v>10412</v>
      </c>
      <c r="C4975" s="98" t="s">
        <v>11446</v>
      </c>
      <c r="D4975" s="98" t="s">
        <v>11447</v>
      </c>
      <c r="E4975" s="141" t="s">
        <v>174</v>
      </c>
      <c r="F4975" s="141">
        <v>281323</v>
      </c>
      <c r="G4975" s="98" t="s">
        <v>6</v>
      </c>
      <c r="H4975" s="98">
        <v>1</v>
      </c>
      <c r="I4975" s="98">
        <v>1</v>
      </c>
      <c r="J4975" s="98">
        <v>0</v>
      </c>
      <c r="K4975" s="98" t="s">
        <v>174</v>
      </c>
      <c r="L4975" s="98" t="s">
        <v>174</v>
      </c>
      <c r="M4975" s="98" t="s">
        <v>174</v>
      </c>
      <c r="N4975" s="98" t="s">
        <v>174</v>
      </c>
      <c r="O4975" s="98" t="s">
        <v>174</v>
      </c>
      <c r="P4975" s="98" t="s">
        <v>174</v>
      </c>
      <c r="Q4975" s="98" t="s">
        <v>174</v>
      </c>
      <c r="R4975" s="98" t="s">
        <v>174</v>
      </c>
      <c r="S4975" s="98" t="s">
        <v>174</v>
      </c>
      <c r="T4975" s="98" t="s">
        <v>174</v>
      </c>
      <c r="U4975" s="99"/>
      <c r="V4975" s="99"/>
      <c r="W4975" s="99"/>
      <c r="X4975" s="99"/>
      <c r="Y4975" s="99"/>
      <c r="Z4975" s="99"/>
      <c r="AA4975" s="99"/>
      <c r="AB4975" s="99"/>
      <c r="AC4975" s="99"/>
      <c r="AD4975" s="99"/>
      <c r="AE4975" s="99"/>
      <c r="AF4975" s="99"/>
      <c r="AG4975" s="99"/>
      <c r="AH4975" s="99"/>
      <c r="AI4975" s="99"/>
      <c r="AJ4975" s="99"/>
      <c r="AK4975" s="99"/>
      <c r="AL4975" s="99"/>
      <c r="AM4975" s="99"/>
      <c r="AN4975" s="99"/>
      <c r="AO4975" s="99"/>
      <c r="AP4975" s="99"/>
      <c r="AQ4975" s="99"/>
      <c r="AR4975" s="99"/>
      <c r="AS4975" s="99"/>
      <c r="AT4975" s="99"/>
      <c r="AU4975" s="99"/>
      <c r="AV4975" s="99"/>
      <c r="AW4975" s="99"/>
      <c r="AX4975" s="99"/>
      <c r="AY4975" s="99"/>
      <c r="AZ4975" s="99"/>
      <c r="BA4975" s="99"/>
      <c r="BB4975" s="107">
        <v>45884</v>
      </c>
    </row>
    <row r="4976" spans="1:54" s="8" customFormat="1" ht="13.95" customHeight="1" x14ac:dyDescent="0.25">
      <c r="A4976" s="219" t="s">
        <v>11448</v>
      </c>
      <c r="B4976" s="220" t="s">
        <v>10412</v>
      </c>
      <c r="C4976" s="98" t="s">
        <v>11449</v>
      </c>
      <c r="D4976" s="98" t="s">
        <v>11450</v>
      </c>
      <c r="E4976" s="141" t="s">
        <v>174</v>
      </c>
      <c r="F4976" s="141">
        <v>544286</v>
      </c>
      <c r="G4976" s="98" t="s">
        <v>13</v>
      </c>
      <c r="H4976" s="98">
        <v>1</v>
      </c>
      <c r="I4976" s="98">
        <v>0</v>
      </c>
      <c r="J4976" s="98">
        <v>1</v>
      </c>
      <c r="K4976" s="98" t="s">
        <v>174</v>
      </c>
      <c r="L4976" s="98" t="s">
        <v>174</v>
      </c>
      <c r="M4976" s="98" t="s">
        <v>174</v>
      </c>
      <c r="N4976" s="98" t="s">
        <v>174</v>
      </c>
      <c r="O4976" s="98" t="s">
        <v>174</v>
      </c>
      <c r="P4976" s="98" t="s">
        <v>174</v>
      </c>
      <c r="Q4976" s="98" t="s">
        <v>174</v>
      </c>
      <c r="R4976" s="98" t="s">
        <v>174</v>
      </c>
      <c r="S4976" s="98" t="s">
        <v>174</v>
      </c>
      <c r="T4976" s="98" t="s">
        <v>174</v>
      </c>
      <c r="U4976" s="98" t="s">
        <v>174</v>
      </c>
      <c r="V4976" s="98" t="s">
        <v>174</v>
      </c>
      <c r="W4976" s="98" t="s">
        <v>174</v>
      </c>
      <c r="X4976" s="98" t="s">
        <v>174</v>
      </c>
      <c r="Y4976" s="98" t="s">
        <v>174</v>
      </c>
      <c r="Z4976" s="98" t="s">
        <v>174</v>
      </c>
      <c r="AA4976" s="98" t="s">
        <v>174</v>
      </c>
      <c r="AB4976" s="98" t="s">
        <v>174</v>
      </c>
      <c r="AC4976" s="98" t="s">
        <v>174</v>
      </c>
      <c r="AD4976" s="98" t="s">
        <v>174</v>
      </c>
      <c r="AE4976" s="98" t="s">
        <v>174</v>
      </c>
      <c r="AF4976" s="98" t="s">
        <v>174</v>
      </c>
      <c r="AG4976" s="98" t="s">
        <v>174</v>
      </c>
      <c r="AH4976" s="98" t="s">
        <v>174</v>
      </c>
      <c r="AI4976" s="98" t="s">
        <v>174</v>
      </c>
      <c r="AJ4976" s="98" t="s">
        <v>174</v>
      </c>
      <c r="AK4976" s="98" t="s">
        <v>174</v>
      </c>
      <c r="AL4976" s="98" t="s">
        <v>174</v>
      </c>
      <c r="AM4976" s="98" t="s">
        <v>174</v>
      </c>
      <c r="AN4976" s="98" t="s">
        <v>174</v>
      </c>
      <c r="AO4976" s="98" t="s">
        <v>174</v>
      </c>
      <c r="AP4976" s="98" t="s">
        <v>174</v>
      </c>
      <c r="AQ4976" s="98" t="s">
        <v>174</v>
      </c>
      <c r="AR4976" s="98" t="s">
        <v>174</v>
      </c>
      <c r="AS4976" s="98" t="s">
        <v>174</v>
      </c>
      <c r="AT4976" s="129" t="s">
        <v>174</v>
      </c>
      <c r="AU4976" s="98" t="s">
        <v>174</v>
      </c>
      <c r="AV4976" s="98" t="s">
        <v>174</v>
      </c>
      <c r="AW4976" s="98" t="s">
        <v>174</v>
      </c>
      <c r="AX4976" s="98"/>
      <c r="AY4976" s="98"/>
      <c r="AZ4976" s="98"/>
      <c r="BA4976" s="98"/>
      <c r="BB4976" s="107">
        <v>45884</v>
      </c>
    </row>
    <row r="4977" spans="1:54" s="8" customFormat="1" ht="13.95" customHeight="1" x14ac:dyDescent="0.25">
      <c r="A4977" s="219" t="s">
        <v>11451</v>
      </c>
      <c r="B4977" s="220" t="s">
        <v>10412</v>
      </c>
      <c r="C4977" s="98" t="s">
        <v>11452</v>
      </c>
      <c r="D4977" s="98" t="s">
        <v>11453</v>
      </c>
      <c r="E4977" s="141" t="s">
        <v>174</v>
      </c>
      <c r="F4977" s="141">
        <v>572314</v>
      </c>
      <c r="G4977" s="98" t="s">
        <v>13</v>
      </c>
      <c r="H4977" s="98">
        <v>1</v>
      </c>
      <c r="I4977" s="98">
        <v>1</v>
      </c>
      <c r="J4977" s="98">
        <v>1</v>
      </c>
      <c r="K4977" s="98" t="s">
        <v>174</v>
      </c>
      <c r="L4977" s="98" t="s">
        <v>174</v>
      </c>
      <c r="M4977" s="98" t="s">
        <v>174</v>
      </c>
      <c r="N4977" s="98" t="s">
        <v>174</v>
      </c>
      <c r="O4977" s="98" t="s">
        <v>174</v>
      </c>
      <c r="P4977" s="98" t="s">
        <v>174</v>
      </c>
      <c r="Q4977" s="98" t="s">
        <v>174</v>
      </c>
      <c r="R4977" s="98" t="s">
        <v>174</v>
      </c>
      <c r="S4977" s="98" t="s">
        <v>174</v>
      </c>
      <c r="T4977" s="98" t="s">
        <v>174</v>
      </c>
      <c r="U4977" s="99"/>
      <c r="V4977" s="99"/>
      <c r="W4977" s="99"/>
      <c r="X4977" s="99"/>
      <c r="Y4977" s="99"/>
      <c r="Z4977" s="99"/>
      <c r="AA4977" s="99"/>
      <c r="AB4977" s="99"/>
      <c r="AC4977" s="99"/>
      <c r="AD4977" s="99"/>
      <c r="AE4977" s="99"/>
      <c r="AF4977" s="99"/>
      <c r="AG4977" s="99"/>
      <c r="AH4977" s="99"/>
      <c r="AI4977" s="99"/>
      <c r="AJ4977" s="99"/>
      <c r="AK4977" s="99"/>
      <c r="AL4977" s="99"/>
      <c r="AM4977" s="99"/>
      <c r="AN4977" s="99"/>
      <c r="AO4977" s="99"/>
      <c r="AP4977" s="99"/>
      <c r="AQ4977" s="99"/>
      <c r="AR4977" s="99"/>
      <c r="AS4977" s="99"/>
      <c r="AT4977" s="99"/>
      <c r="AU4977" s="99"/>
      <c r="AV4977" s="99"/>
      <c r="AW4977" s="99"/>
      <c r="AX4977" s="99"/>
      <c r="AY4977" s="99"/>
      <c r="AZ4977" s="99"/>
      <c r="BA4977" s="99"/>
      <c r="BB4977" s="107">
        <v>45884</v>
      </c>
    </row>
    <row r="4978" spans="1:54" s="8" customFormat="1" ht="13.95" customHeight="1" x14ac:dyDescent="0.25">
      <c r="A4978" s="219" t="s">
        <v>19884</v>
      </c>
      <c r="B4978" s="220" t="s">
        <v>10412</v>
      </c>
      <c r="C4978" s="98" t="s">
        <v>22027</v>
      </c>
      <c r="D4978" s="98" t="s">
        <v>11454</v>
      </c>
      <c r="E4978" s="141" t="s">
        <v>174</v>
      </c>
      <c r="F4978" s="141">
        <v>36514</v>
      </c>
      <c r="G4978" s="98" t="s">
        <v>3</v>
      </c>
      <c r="H4978" s="98">
        <v>1</v>
      </c>
      <c r="I4978" s="98">
        <v>1</v>
      </c>
      <c r="J4978" s="98">
        <v>1</v>
      </c>
      <c r="K4978" s="98" t="s">
        <v>174</v>
      </c>
      <c r="L4978" s="98" t="s">
        <v>174</v>
      </c>
      <c r="M4978" s="98" t="s">
        <v>174</v>
      </c>
      <c r="N4978" s="98" t="s">
        <v>174</v>
      </c>
      <c r="O4978" s="98" t="s">
        <v>174</v>
      </c>
      <c r="P4978" s="98" t="s">
        <v>174</v>
      </c>
      <c r="Q4978" s="98" t="s">
        <v>174</v>
      </c>
      <c r="R4978" s="98" t="s">
        <v>174</v>
      </c>
      <c r="S4978" s="98" t="s">
        <v>174</v>
      </c>
      <c r="T4978" s="98" t="s">
        <v>174</v>
      </c>
      <c r="U4978" s="99"/>
      <c r="V4978" s="99"/>
      <c r="W4978" s="99"/>
      <c r="X4978" s="99"/>
      <c r="Y4978" s="99"/>
      <c r="Z4978" s="99"/>
      <c r="AA4978" s="99"/>
      <c r="AB4978" s="99"/>
      <c r="AC4978" s="99"/>
      <c r="AD4978" s="99"/>
      <c r="AE4978" s="99"/>
      <c r="AF4978" s="99"/>
      <c r="AG4978" s="99"/>
      <c r="AH4978" s="99"/>
      <c r="AI4978" s="99"/>
      <c r="AJ4978" s="99"/>
      <c r="AK4978" s="99"/>
      <c r="AL4978" s="99"/>
      <c r="AM4978" s="99"/>
      <c r="AN4978" s="99"/>
      <c r="AO4978" s="99"/>
      <c r="AP4978" s="99"/>
      <c r="AQ4978" s="99"/>
      <c r="AR4978" s="99"/>
      <c r="AS4978" s="99"/>
      <c r="AT4978" s="99"/>
      <c r="AU4978" s="99"/>
      <c r="AV4978" s="99"/>
      <c r="AW4978" s="99"/>
      <c r="AX4978" s="99"/>
      <c r="AY4978" s="99"/>
      <c r="AZ4978" s="99"/>
      <c r="BA4978" s="99"/>
      <c r="BB4978" s="107">
        <v>45884</v>
      </c>
    </row>
    <row r="4979" spans="1:54" s="8" customFormat="1" ht="13.95" customHeight="1" x14ac:dyDescent="0.25">
      <c r="A4979" s="219" t="s">
        <v>11455</v>
      </c>
      <c r="B4979" s="220" t="s">
        <v>10412</v>
      </c>
      <c r="C4979" s="98" t="s">
        <v>11456</v>
      </c>
      <c r="D4979" s="98" t="s">
        <v>11457</v>
      </c>
      <c r="E4979" s="141" t="s">
        <v>174</v>
      </c>
      <c r="F4979" s="141">
        <v>657</v>
      </c>
      <c r="G4979" s="98" t="s">
        <v>1</v>
      </c>
      <c r="H4979" s="98">
        <v>0</v>
      </c>
      <c r="I4979" s="98">
        <v>0</v>
      </c>
      <c r="J4979" s="98">
        <v>1</v>
      </c>
      <c r="K4979" s="98" t="s">
        <v>174</v>
      </c>
      <c r="L4979" s="98" t="s">
        <v>174</v>
      </c>
      <c r="M4979" s="98" t="s">
        <v>174</v>
      </c>
      <c r="N4979" s="98" t="s">
        <v>174</v>
      </c>
      <c r="O4979" s="98" t="s">
        <v>174</v>
      </c>
      <c r="P4979" s="98" t="s">
        <v>174</v>
      </c>
      <c r="Q4979" s="98" t="s">
        <v>174</v>
      </c>
      <c r="R4979" s="98" t="s">
        <v>174</v>
      </c>
      <c r="S4979" s="98" t="s">
        <v>174</v>
      </c>
      <c r="T4979" s="98" t="s">
        <v>174</v>
      </c>
      <c r="U4979" s="98" t="s">
        <v>174</v>
      </c>
      <c r="V4979" s="98" t="s">
        <v>174</v>
      </c>
      <c r="W4979" s="98" t="s">
        <v>174</v>
      </c>
      <c r="X4979" s="98" t="s">
        <v>174</v>
      </c>
      <c r="Y4979" s="98" t="s">
        <v>174</v>
      </c>
      <c r="Z4979" s="98" t="s">
        <v>174</v>
      </c>
      <c r="AA4979" s="98" t="s">
        <v>174</v>
      </c>
      <c r="AB4979" s="98" t="s">
        <v>174</v>
      </c>
      <c r="AC4979" s="98" t="s">
        <v>174</v>
      </c>
      <c r="AD4979" s="98" t="s">
        <v>174</v>
      </c>
      <c r="AE4979" s="98" t="s">
        <v>174</v>
      </c>
      <c r="AF4979" s="98" t="s">
        <v>174</v>
      </c>
      <c r="AG4979" s="98" t="s">
        <v>174</v>
      </c>
      <c r="AH4979" s="98" t="s">
        <v>174</v>
      </c>
      <c r="AI4979" s="98" t="s">
        <v>174</v>
      </c>
      <c r="AJ4979" s="98" t="s">
        <v>174</v>
      </c>
      <c r="AK4979" s="98" t="s">
        <v>174</v>
      </c>
      <c r="AL4979" s="98" t="s">
        <v>174</v>
      </c>
      <c r="AM4979" s="98" t="s">
        <v>174</v>
      </c>
      <c r="AN4979" s="98" t="s">
        <v>174</v>
      </c>
      <c r="AO4979" s="98" t="s">
        <v>174</v>
      </c>
      <c r="AP4979" s="98" t="s">
        <v>174</v>
      </c>
      <c r="AQ4979" s="98" t="s">
        <v>174</v>
      </c>
      <c r="AR4979" s="98" t="s">
        <v>174</v>
      </c>
      <c r="AS4979" s="98" t="s">
        <v>174</v>
      </c>
      <c r="AT4979" s="129" t="s">
        <v>174</v>
      </c>
      <c r="AU4979" s="98" t="s">
        <v>174</v>
      </c>
      <c r="AV4979" s="98" t="s">
        <v>174</v>
      </c>
      <c r="AW4979" s="98" t="s">
        <v>174</v>
      </c>
      <c r="AX4979" s="98"/>
      <c r="AY4979" s="98"/>
      <c r="AZ4979" s="98"/>
      <c r="BA4979" s="98"/>
      <c r="BB4979" s="107">
        <v>45884</v>
      </c>
    </row>
    <row r="4980" spans="1:54" s="8" customFormat="1" ht="13.95" customHeight="1" x14ac:dyDescent="0.25">
      <c r="A4980" s="219" t="s">
        <v>11458</v>
      </c>
      <c r="B4980" s="220" t="s">
        <v>10412</v>
      </c>
      <c r="C4980" s="98" t="s">
        <v>11459</v>
      </c>
      <c r="D4980" s="98" t="s">
        <v>11460</v>
      </c>
      <c r="E4980" s="141" t="s">
        <v>174</v>
      </c>
      <c r="F4980" s="141">
        <v>197</v>
      </c>
      <c r="G4980" s="98" t="s">
        <v>1</v>
      </c>
      <c r="H4980" s="98">
        <v>0</v>
      </c>
      <c r="I4980" s="98">
        <v>0</v>
      </c>
      <c r="J4980" s="98">
        <v>0</v>
      </c>
      <c r="K4980" s="98" t="s">
        <v>174</v>
      </c>
      <c r="L4980" s="98" t="s">
        <v>174</v>
      </c>
      <c r="M4980" s="98" t="s">
        <v>174</v>
      </c>
      <c r="N4980" s="98" t="s">
        <v>174</v>
      </c>
      <c r="O4980" s="98" t="s">
        <v>174</v>
      </c>
      <c r="P4980" s="98" t="s">
        <v>174</v>
      </c>
      <c r="Q4980" s="98" t="s">
        <v>174</v>
      </c>
      <c r="R4980" s="98" t="s">
        <v>174</v>
      </c>
      <c r="S4980" s="98" t="s">
        <v>174</v>
      </c>
      <c r="T4980" s="98" t="s">
        <v>174</v>
      </c>
      <c r="U4980" s="99"/>
      <c r="V4980" s="99"/>
      <c r="W4980" s="99"/>
      <c r="X4980" s="99"/>
      <c r="Y4980" s="99"/>
      <c r="Z4980" s="99"/>
      <c r="AA4980" s="99"/>
      <c r="AB4980" s="99"/>
      <c r="AC4980" s="99"/>
      <c r="AD4980" s="99"/>
      <c r="AE4980" s="99"/>
      <c r="AF4980" s="99"/>
      <c r="AG4980" s="99"/>
      <c r="AH4980" s="99"/>
      <c r="AI4980" s="99"/>
      <c r="AJ4980" s="99"/>
      <c r="AK4980" s="99"/>
      <c r="AL4980" s="99"/>
      <c r="AM4980" s="99"/>
      <c r="AN4980" s="99"/>
      <c r="AO4980" s="99"/>
      <c r="AP4980" s="99"/>
      <c r="AQ4980" s="99"/>
      <c r="AR4980" s="99"/>
      <c r="AS4980" s="99"/>
      <c r="AT4980" s="99"/>
      <c r="AU4980" s="99"/>
      <c r="AV4980" s="99"/>
      <c r="AW4980" s="99"/>
      <c r="AX4980" s="99"/>
      <c r="AY4980" s="99"/>
      <c r="AZ4980" s="99"/>
      <c r="BA4980" s="99"/>
      <c r="BB4980" s="107">
        <v>45884</v>
      </c>
    </row>
    <row r="4981" spans="1:54" s="8" customFormat="1" ht="13.95" customHeight="1" x14ac:dyDescent="0.25">
      <c r="A4981" s="219" t="s">
        <v>11461</v>
      </c>
      <c r="B4981" s="220" t="s">
        <v>10412</v>
      </c>
      <c r="C4981" s="98" t="s">
        <v>11462</v>
      </c>
      <c r="D4981" s="98" t="s">
        <v>11463</v>
      </c>
      <c r="E4981" s="141" t="s">
        <v>174</v>
      </c>
      <c r="F4981" s="141">
        <v>6692</v>
      </c>
      <c r="G4981" s="98" t="s">
        <v>1</v>
      </c>
      <c r="H4981" s="98">
        <v>0</v>
      </c>
      <c r="I4981" s="98">
        <v>0</v>
      </c>
      <c r="J4981" s="98">
        <v>1</v>
      </c>
      <c r="K4981" s="98" t="s">
        <v>174</v>
      </c>
      <c r="L4981" s="98" t="s">
        <v>174</v>
      </c>
      <c r="M4981" s="98" t="s">
        <v>174</v>
      </c>
      <c r="N4981" s="98" t="s">
        <v>174</v>
      </c>
      <c r="O4981" s="98" t="s">
        <v>174</v>
      </c>
      <c r="P4981" s="98" t="s">
        <v>174</v>
      </c>
      <c r="Q4981" s="98" t="s">
        <v>174</v>
      </c>
      <c r="R4981" s="98" t="s">
        <v>174</v>
      </c>
      <c r="S4981" s="98" t="s">
        <v>174</v>
      </c>
      <c r="T4981" s="98" t="s">
        <v>174</v>
      </c>
      <c r="U4981" s="98" t="s">
        <v>174</v>
      </c>
      <c r="V4981" s="98" t="s">
        <v>174</v>
      </c>
      <c r="W4981" s="98" t="s">
        <v>174</v>
      </c>
      <c r="X4981" s="98" t="s">
        <v>174</v>
      </c>
      <c r="Y4981" s="98" t="s">
        <v>174</v>
      </c>
      <c r="Z4981" s="98" t="s">
        <v>174</v>
      </c>
      <c r="AA4981" s="98" t="s">
        <v>174</v>
      </c>
      <c r="AB4981" s="98" t="s">
        <v>174</v>
      </c>
      <c r="AC4981" s="98" t="s">
        <v>174</v>
      </c>
      <c r="AD4981" s="98" t="s">
        <v>174</v>
      </c>
      <c r="AE4981" s="98" t="s">
        <v>174</v>
      </c>
      <c r="AF4981" s="98" t="s">
        <v>174</v>
      </c>
      <c r="AG4981" s="98" t="s">
        <v>174</v>
      </c>
      <c r="AH4981" s="98" t="s">
        <v>174</v>
      </c>
      <c r="AI4981" s="98" t="s">
        <v>174</v>
      </c>
      <c r="AJ4981" s="98" t="s">
        <v>174</v>
      </c>
      <c r="AK4981" s="98" t="s">
        <v>174</v>
      </c>
      <c r="AL4981" s="98" t="s">
        <v>174</v>
      </c>
      <c r="AM4981" s="98" t="s">
        <v>174</v>
      </c>
      <c r="AN4981" s="98" t="s">
        <v>174</v>
      </c>
      <c r="AO4981" s="98" t="s">
        <v>174</v>
      </c>
      <c r="AP4981" s="98" t="s">
        <v>174</v>
      </c>
      <c r="AQ4981" s="98" t="s">
        <v>174</v>
      </c>
      <c r="AR4981" s="98" t="s">
        <v>174</v>
      </c>
      <c r="AS4981" s="98" t="s">
        <v>174</v>
      </c>
      <c r="AT4981" s="129" t="s">
        <v>174</v>
      </c>
      <c r="AU4981" s="98" t="s">
        <v>174</v>
      </c>
      <c r="AV4981" s="98" t="s">
        <v>174</v>
      </c>
      <c r="AW4981" s="98" t="s">
        <v>174</v>
      </c>
      <c r="AX4981" s="98"/>
      <c r="AY4981" s="98"/>
      <c r="AZ4981" s="98"/>
      <c r="BA4981" s="98"/>
      <c r="BB4981" s="107">
        <v>45884</v>
      </c>
    </row>
    <row r="4982" spans="1:54" s="8" customFormat="1" ht="13.95" customHeight="1" x14ac:dyDescent="0.25">
      <c r="A4982" s="219" t="s">
        <v>11464</v>
      </c>
      <c r="B4982" s="220" t="s">
        <v>10412</v>
      </c>
      <c r="C4982" s="98" t="s">
        <v>11465</v>
      </c>
      <c r="D4982" s="98" t="s">
        <v>11466</v>
      </c>
      <c r="E4982" s="141" t="s">
        <v>174</v>
      </c>
      <c r="F4982" s="141">
        <v>2551</v>
      </c>
      <c r="G4982" s="98" t="s">
        <v>13</v>
      </c>
      <c r="H4982" s="98">
        <v>0</v>
      </c>
      <c r="I4982" s="98">
        <v>0</v>
      </c>
      <c r="J4982" s="98">
        <v>1</v>
      </c>
      <c r="K4982" s="98" t="s">
        <v>174</v>
      </c>
      <c r="L4982" s="98" t="s">
        <v>174</v>
      </c>
      <c r="M4982" s="98" t="s">
        <v>174</v>
      </c>
      <c r="N4982" s="98" t="s">
        <v>174</v>
      </c>
      <c r="O4982" s="98" t="s">
        <v>174</v>
      </c>
      <c r="P4982" s="98" t="s">
        <v>174</v>
      </c>
      <c r="Q4982" s="98" t="s">
        <v>174</v>
      </c>
      <c r="R4982" s="98" t="s">
        <v>174</v>
      </c>
      <c r="S4982" s="98" t="s">
        <v>174</v>
      </c>
      <c r="T4982" s="98" t="s">
        <v>174</v>
      </c>
      <c r="U4982" s="99"/>
      <c r="V4982" s="99"/>
      <c r="W4982" s="99"/>
      <c r="X4982" s="99"/>
      <c r="Y4982" s="99"/>
      <c r="Z4982" s="99"/>
      <c r="AA4982" s="99"/>
      <c r="AB4982" s="99"/>
      <c r="AC4982" s="99"/>
      <c r="AD4982" s="99"/>
      <c r="AE4982" s="99"/>
      <c r="AF4982" s="99"/>
      <c r="AG4982" s="99"/>
      <c r="AH4982" s="99"/>
      <c r="AI4982" s="99"/>
      <c r="AJ4982" s="99"/>
      <c r="AK4982" s="99"/>
      <c r="AL4982" s="99"/>
      <c r="AM4982" s="99"/>
      <c r="AN4982" s="99"/>
      <c r="AO4982" s="99"/>
      <c r="AP4982" s="99"/>
      <c r="AQ4982" s="99"/>
      <c r="AR4982" s="99"/>
      <c r="AS4982" s="99"/>
      <c r="AT4982" s="99"/>
      <c r="AU4982" s="99"/>
      <c r="AV4982" s="99"/>
      <c r="AW4982" s="99"/>
      <c r="AX4982" s="99"/>
      <c r="AY4982" s="99"/>
      <c r="AZ4982" s="99"/>
      <c r="BA4982" s="99"/>
      <c r="BB4982" s="107">
        <v>45884</v>
      </c>
    </row>
    <row r="4983" spans="1:54" s="8" customFormat="1" ht="13.95" customHeight="1" x14ac:dyDescent="0.25">
      <c r="A4983" s="219" t="s">
        <v>11467</v>
      </c>
      <c r="B4983" s="220" t="s">
        <v>10412</v>
      </c>
      <c r="C4983" s="98" t="s">
        <v>11468</v>
      </c>
      <c r="D4983" s="98" t="s">
        <v>11469</v>
      </c>
      <c r="E4983" s="141" t="s">
        <v>174</v>
      </c>
      <c r="F4983" s="141">
        <v>2609</v>
      </c>
      <c r="G4983" s="98" t="s">
        <v>1</v>
      </c>
      <c r="H4983" s="98">
        <v>0</v>
      </c>
      <c r="I4983" s="98">
        <v>0</v>
      </c>
      <c r="J4983" s="98">
        <v>1</v>
      </c>
      <c r="K4983" s="98" t="s">
        <v>174</v>
      </c>
      <c r="L4983" s="98" t="s">
        <v>174</v>
      </c>
      <c r="M4983" s="98" t="s">
        <v>174</v>
      </c>
      <c r="N4983" s="98" t="s">
        <v>174</v>
      </c>
      <c r="O4983" s="98" t="s">
        <v>174</v>
      </c>
      <c r="P4983" s="98" t="s">
        <v>174</v>
      </c>
      <c r="Q4983" s="98" t="s">
        <v>174</v>
      </c>
      <c r="R4983" s="98" t="s">
        <v>174</v>
      </c>
      <c r="S4983" s="98" t="s">
        <v>174</v>
      </c>
      <c r="T4983" s="98" t="s">
        <v>174</v>
      </c>
      <c r="U4983" s="99"/>
      <c r="V4983" s="99"/>
      <c r="W4983" s="99"/>
      <c r="X4983" s="99"/>
      <c r="Y4983" s="99"/>
      <c r="Z4983" s="99"/>
      <c r="AA4983" s="99"/>
      <c r="AB4983" s="99"/>
      <c r="AC4983" s="99"/>
      <c r="AD4983" s="99"/>
      <c r="AE4983" s="99"/>
      <c r="AF4983" s="99"/>
      <c r="AG4983" s="99"/>
      <c r="AH4983" s="99"/>
      <c r="AI4983" s="99"/>
      <c r="AJ4983" s="99"/>
      <c r="AK4983" s="99"/>
      <c r="AL4983" s="99"/>
      <c r="AM4983" s="99"/>
      <c r="AN4983" s="99"/>
      <c r="AO4983" s="99"/>
      <c r="AP4983" s="99"/>
      <c r="AQ4983" s="99"/>
      <c r="AR4983" s="99"/>
      <c r="AS4983" s="99"/>
      <c r="AT4983" s="99"/>
      <c r="AU4983" s="99"/>
      <c r="AV4983" s="99"/>
      <c r="AW4983" s="99"/>
      <c r="AX4983" s="99"/>
      <c r="AY4983" s="99"/>
      <c r="AZ4983" s="99"/>
      <c r="BA4983" s="99"/>
      <c r="BB4983" s="107">
        <v>45884</v>
      </c>
    </row>
    <row r="4984" spans="1:54" s="8" customFormat="1" ht="13.95" customHeight="1" x14ac:dyDescent="0.25">
      <c r="A4984" s="219" t="s">
        <v>11470</v>
      </c>
      <c r="B4984" s="220" t="s">
        <v>10412</v>
      </c>
      <c r="C4984" s="98" t="s">
        <v>11471</v>
      </c>
      <c r="D4984" s="98" t="s">
        <v>11472</v>
      </c>
      <c r="E4984" s="141" t="s">
        <v>174</v>
      </c>
      <c r="F4984" s="141">
        <v>573</v>
      </c>
      <c r="G4984" s="98" t="s">
        <v>1</v>
      </c>
      <c r="H4984" s="98">
        <v>0</v>
      </c>
      <c r="I4984" s="98">
        <v>0</v>
      </c>
      <c r="J4984" s="98">
        <v>1</v>
      </c>
      <c r="K4984" s="98" t="s">
        <v>174</v>
      </c>
      <c r="L4984" s="98" t="s">
        <v>174</v>
      </c>
      <c r="M4984" s="98" t="s">
        <v>174</v>
      </c>
      <c r="N4984" s="98" t="s">
        <v>174</v>
      </c>
      <c r="O4984" s="98" t="s">
        <v>174</v>
      </c>
      <c r="P4984" s="98" t="s">
        <v>174</v>
      </c>
      <c r="Q4984" s="98" t="s">
        <v>174</v>
      </c>
      <c r="R4984" s="98" t="s">
        <v>174</v>
      </c>
      <c r="S4984" s="98" t="s">
        <v>174</v>
      </c>
      <c r="T4984" s="98" t="s">
        <v>174</v>
      </c>
      <c r="U4984" s="99"/>
      <c r="V4984" s="99"/>
      <c r="W4984" s="99"/>
      <c r="X4984" s="99"/>
      <c r="Y4984" s="99"/>
      <c r="Z4984" s="99"/>
      <c r="AA4984" s="99"/>
      <c r="AB4984" s="99"/>
      <c r="AC4984" s="99"/>
      <c r="AD4984" s="99"/>
      <c r="AE4984" s="99"/>
      <c r="AF4984" s="99"/>
      <c r="AG4984" s="99"/>
      <c r="AH4984" s="99"/>
      <c r="AI4984" s="99"/>
      <c r="AJ4984" s="99"/>
      <c r="AK4984" s="99"/>
      <c r="AL4984" s="99"/>
      <c r="AM4984" s="99"/>
      <c r="AN4984" s="99"/>
      <c r="AO4984" s="99"/>
      <c r="AP4984" s="99"/>
      <c r="AQ4984" s="99"/>
      <c r="AR4984" s="99"/>
      <c r="AS4984" s="99"/>
      <c r="AT4984" s="99"/>
      <c r="AU4984" s="99"/>
      <c r="AV4984" s="99"/>
      <c r="AW4984" s="99"/>
      <c r="AX4984" s="99"/>
      <c r="AY4984" s="99"/>
      <c r="AZ4984" s="99"/>
      <c r="BA4984" s="99"/>
      <c r="BB4984" s="107">
        <v>45884</v>
      </c>
    </row>
    <row r="4985" spans="1:54" s="8" customFormat="1" ht="13.95" customHeight="1" x14ac:dyDescent="0.25">
      <c r="A4985" s="219" t="s">
        <v>11473</v>
      </c>
      <c r="B4985" s="220" t="s">
        <v>10412</v>
      </c>
      <c r="C4985" s="98" t="s">
        <v>11474</v>
      </c>
      <c r="D4985" s="98" t="s">
        <v>11475</v>
      </c>
      <c r="E4985" s="141" t="s">
        <v>174</v>
      </c>
      <c r="F4985" s="141">
        <v>953</v>
      </c>
      <c r="G4985" s="98" t="s">
        <v>1</v>
      </c>
      <c r="H4985" s="98">
        <v>0</v>
      </c>
      <c r="I4985" s="98">
        <v>0</v>
      </c>
      <c r="J4985" s="98">
        <v>1</v>
      </c>
      <c r="K4985" s="98" t="s">
        <v>174</v>
      </c>
      <c r="L4985" s="98" t="s">
        <v>174</v>
      </c>
      <c r="M4985" s="98" t="s">
        <v>174</v>
      </c>
      <c r="N4985" s="98" t="s">
        <v>174</v>
      </c>
      <c r="O4985" s="98" t="s">
        <v>174</v>
      </c>
      <c r="P4985" s="98" t="s">
        <v>174</v>
      </c>
      <c r="Q4985" s="98" t="s">
        <v>174</v>
      </c>
      <c r="R4985" s="98" t="s">
        <v>174</v>
      </c>
      <c r="S4985" s="98" t="s">
        <v>174</v>
      </c>
      <c r="T4985" s="98" t="s">
        <v>174</v>
      </c>
      <c r="U4985" s="99"/>
      <c r="V4985" s="99"/>
      <c r="W4985" s="99"/>
      <c r="X4985" s="99"/>
      <c r="Y4985" s="99"/>
      <c r="Z4985" s="99"/>
      <c r="AA4985" s="99"/>
      <c r="AB4985" s="99"/>
      <c r="AC4985" s="99"/>
      <c r="AD4985" s="99"/>
      <c r="AE4985" s="99"/>
      <c r="AF4985" s="99"/>
      <c r="AG4985" s="99"/>
      <c r="AH4985" s="99"/>
      <c r="AI4985" s="99"/>
      <c r="AJ4985" s="99"/>
      <c r="AK4985" s="99"/>
      <c r="AL4985" s="99"/>
      <c r="AM4985" s="99"/>
      <c r="AN4985" s="99"/>
      <c r="AO4985" s="99"/>
      <c r="AP4985" s="99"/>
      <c r="AQ4985" s="99"/>
      <c r="AR4985" s="99"/>
      <c r="AS4985" s="99"/>
      <c r="AT4985" s="99"/>
      <c r="AU4985" s="99"/>
      <c r="AV4985" s="99"/>
      <c r="AW4985" s="99"/>
      <c r="AX4985" s="99"/>
      <c r="AY4985" s="99"/>
      <c r="AZ4985" s="99"/>
      <c r="BA4985" s="99"/>
      <c r="BB4985" s="107">
        <v>45884</v>
      </c>
    </row>
    <row r="4986" spans="1:54" s="8" customFormat="1" ht="13.95" customHeight="1" x14ac:dyDescent="0.25">
      <c r="A4986" s="219" t="s">
        <v>11476</v>
      </c>
      <c r="B4986" s="220" t="s">
        <v>10412</v>
      </c>
      <c r="C4986" s="98" t="s">
        <v>11477</v>
      </c>
      <c r="D4986" s="98" t="s">
        <v>11478</v>
      </c>
      <c r="E4986" s="141" t="s">
        <v>174</v>
      </c>
      <c r="F4986" s="141">
        <v>4222</v>
      </c>
      <c r="G4986" s="98" t="s">
        <v>1</v>
      </c>
      <c r="H4986" s="98">
        <v>0</v>
      </c>
      <c r="I4986" s="98">
        <v>0</v>
      </c>
      <c r="J4986" s="98">
        <v>1</v>
      </c>
      <c r="K4986" s="98" t="s">
        <v>174</v>
      </c>
      <c r="L4986" s="98" t="s">
        <v>174</v>
      </c>
      <c r="M4986" s="98" t="s">
        <v>174</v>
      </c>
      <c r="N4986" s="98" t="s">
        <v>174</v>
      </c>
      <c r="O4986" s="98" t="s">
        <v>174</v>
      </c>
      <c r="P4986" s="98" t="s">
        <v>174</v>
      </c>
      <c r="Q4986" s="98" t="s">
        <v>174</v>
      </c>
      <c r="R4986" s="98" t="s">
        <v>174</v>
      </c>
      <c r="S4986" s="98" t="s">
        <v>174</v>
      </c>
      <c r="T4986" s="98" t="s">
        <v>174</v>
      </c>
      <c r="U4986" s="98" t="s">
        <v>174</v>
      </c>
      <c r="V4986" s="98" t="s">
        <v>174</v>
      </c>
      <c r="W4986" s="98" t="s">
        <v>174</v>
      </c>
      <c r="X4986" s="98" t="s">
        <v>174</v>
      </c>
      <c r="Y4986" s="98" t="s">
        <v>174</v>
      </c>
      <c r="Z4986" s="98" t="s">
        <v>174</v>
      </c>
      <c r="AA4986" s="98" t="s">
        <v>174</v>
      </c>
      <c r="AB4986" s="98" t="s">
        <v>174</v>
      </c>
      <c r="AC4986" s="98" t="s">
        <v>174</v>
      </c>
      <c r="AD4986" s="98" t="s">
        <v>174</v>
      </c>
      <c r="AE4986" s="98" t="s">
        <v>174</v>
      </c>
      <c r="AF4986" s="98" t="s">
        <v>174</v>
      </c>
      <c r="AG4986" s="98" t="s">
        <v>174</v>
      </c>
      <c r="AH4986" s="98" t="s">
        <v>174</v>
      </c>
      <c r="AI4986" s="98" t="s">
        <v>174</v>
      </c>
      <c r="AJ4986" s="98" t="s">
        <v>174</v>
      </c>
      <c r="AK4986" s="98" t="s">
        <v>174</v>
      </c>
      <c r="AL4986" s="98" t="s">
        <v>174</v>
      </c>
      <c r="AM4986" s="98" t="s">
        <v>174</v>
      </c>
      <c r="AN4986" s="98" t="s">
        <v>174</v>
      </c>
      <c r="AO4986" s="98" t="s">
        <v>174</v>
      </c>
      <c r="AP4986" s="98" t="s">
        <v>174</v>
      </c>
      <c r="AQ4986" s="98" t="s">
        <v>174</v>
      </c>
      <c r="AR4986" s="98" t="s">
        <v>174</v>
      </c>
      <c r="AS4986" s="98" t="s">
        <v>174</v>
      </c>
      <c r="AT4986" s="129" t="s">
        <v>174</v>
      </c>
      <c r="AU4986" s="98" t="s">
        <v>174</v>
      </c>
      <c r="AV4986" s="98" t="s">
        <v>174</v>
      </c>
      <c r="AW4986" s="98" t="s">
        <v>174</v>
      </c>
      <c r="AX4986" s="98"/>
      <c r="AY4986" s="98"/>
      <c r="AZ4986" s="98"/>
      <c r="BA4986" s="98"/>
      <c r="BB4986" s="107">
        <v>45884</v>
      </c>
    </row>
    <row r="4987" spans="1:54" s="8" customFormat="1" ht="13.95" customHeight="1" x14ac:dyDescent="0.25">
      <c r="A4987" s="219" t="s">
        <v>11479</v>
      </c>
      <c r="B4987" s="220" t="s">
        <v>10412</v>
      </c>
      <c r="C4987" s="98" t="s">
        <v>11480</v>
      </c>
      <c r="D4987" s="98" t="s">
        <v>11481</v>
      </c>
      <c r="E4987" s="141" t="s">
        <v>174</v>
      </c>
      <c r="F4987" s="141">
        <v>1293</v>
      </c>
      <c r="G4987" s="98" t="s">
        <v>1</v>
      </c>
      <c r="H4987" s="98">
        <v>0</v>
      </c>
      <c r="I4987" s="98">
        <v>0</v>
      </c>
      <c r="J4987" s="98">
        <v>0</v>
      </c>
      <c r="K4987" s="98" t="s">
        <v>174</v>
      </c>
      <c r="L4987" s="98" t="s">
        <v>174</v>
      </c>
      <c r="M4987" s="98" t="s">
        <v>174</v>
      </c>
      <c r="N4987" s="98" t="s">
        <v>174</v>
      </c>
      <c r="O4987" s="98" t="s">
        <v>174</v>
      </c>
      <c r="P4987" s="98" t="s">
        <v>174</v>
      </c>
      <c r="Q4987" s="98" t="s">
        <v>174</v>
      </c>
      <c r="R4987" s="98" t="s">
        <v>174</v>
      </c>
      <c r="S4987" s="98" t="s">
        <v>174</v>
      </c>
      <c r="T4987" s="98" t="s">
        <v>174</v>
      </c>
      <c r="U4987" s="99"/>
      <c r="V4987" s="99"/>
      <c r="W4987" s="99"/>
      <c r="X4987" s="99"/>
      <c r="Y4987" s="99"/>
      <c r="Z4987" s="99"/>
      <c r="AA4987" s="99"/>
      <c r="AB4987" s="99"/>
      <c r="AC4987" s="99"/>
      <c r="AD4987" s="99"/>
      <c r="AE4987" s="99"/>
      <c r="AF4987" s="99"/>
      <c r="AG4987" s="99"/>
      <c r="AH4987" s="99"/>
      <c r="AI4987" s="99"/>
      <c r="AJ4987" s="99"/>
      <c r="AK4987" s="99"/>
      <c r="AL4987" s="99"/>
      <c r="AM4987" s="99"/>
      <c r="AN4987" s="99"/>
      <c r="AO4987" s="99"/>
      <c r="AP4987" s="99"/>
      <c r="AQ4987" s="99"/>
      <c r="AR4987" s="99"/>
      <c r="AS4987" s="99"/>
      <c r="AT4987" s="99"/>
      <c r="AU4987" s="99"/>
      <c r="AV4987" s="99"/>
      <c r="AW4987" s="99"/>
      <c r="AX4987" s="99"/>
      <c r="AY4987" s="99"/>
      <c r="AZ4987" s="99"/>
      <c r="BA4987" s="99"/>
      <c r="BB4987" s="107">
        <v>45884</v>
      </c>
    </row>
    <row r="4988" spans="1:54" s="8" customFormat="1" ht="13.95" customHeight="1" x14ac:dyDescent="0.25">
      <c r="A4988" s="219" t="s">
        <v>11482</v>
      </c>
      <c r="B4988" s="220" t="s">
        <v>10412</v>
      </c>
      <c r="C4988" s="98" t="s">
        <v>11483</v>
      </c>
      <c r="D4988" s="98" t="s">
        <v>11484</v>
      </c>
      <c r="E4988" s="141" t="s">
        <v>174</v>
      </c>
      <c r="F4988" s="141">
        <v>409</v>
      </c>
      <c r="G4988" s="98" t="s">
        <v>10</v>
      </c>
      <c r="H4988" s="98">
        <v>0</v>
      </c>
      <c r="I4988" s="98">
        <v>0</v>
      </c>
      <c r="J4988" s="98">
        <v>0</v>
      </c>
      <c r="K4988" s="98" t="s">
        <v>174</v>
      </c>
      <c r="L4988" s="98" t="s">
        <v>174</v>
      </c>
      <c r="M4988" s="98" t="s">
        <v>174</v>
      </c>
      <c r="N4988" s="98" t="s">
        <v>174</v>
      </c>
      <c r="O4988" s="98" t="s">
        <v>174</v>
      </c>
      <c r="P4988" s="98" t="s">
        <v>174</v>
      </c>
      <c r="Q4988" s="98" t="s">
        <v>174</v>
      </c>
      <c r="R4988" s="98" t="s">
        <v>174</v>
      </c>
      <c r="S4988" s="98" t="s">
        <v>174</v>
      </c>
      <c r="T4988" s="98" t="s">
        <v>174</v>
      </c>
      <c r="U4988" s="99"/>
      <c r="V4988" s="99"/>
      <c r="W4988" s="99"/>
      <c r="X4988" s="99"/>
      <c r="Y4988" s="99"/>
      <c r="Z4988" s="99"/>
      <c r="AA4988" s="99"/>
      <c r="AB4988" s="99"/>
      <c r="AC4988" s="99"/>
      <c r="AD4988" s="99"/>
      <c r="AE4988" s="99"/>
      <c r="AF4988" s="99"/>
      <c r="AG4988" s="99"/>
      <c r="AH4988" s="99"/>
      <c r="AI4988" s="99"/>
      <c r="AJ4988" s="99"/>
      <c r="AK4988" s="99"/>
      <c r="AL4988" s="99"/>
      <c r="AM4988" s="99"/>
      <c r="AN4988" s="99"/>
      <c r="AO4988" s="99"/>
      <c r="AP4988" s="99"/>
      <c r="AQ4988" s="99"/>
      <c r="AR4988" s="99"/>
      <c r="AS4988" s="99"/>
      <c r="AT4988" s="99"/>
      <c r="AU4988" s="99"/>
      <c r="AV4988" s="99"/>
      <c r="AW4988" s="99"/>
      <c r="AX4988" s="99"/>
      <c r="AY4988" s="99"/>
      <c r="AZ4988" s="99"/>
      <c r="BA4988" s="99"/>
      <c r="BB4988" s="107">
        <v>45884</v>
      </c>
    </row>
    <row r="4989" spans="1:54" s="8" customFormat="1" ht="13.95" customHeight="1" x14ac:dyDescent="0.25">
      <c r="A4989" s="219" t="s">
        <v>11485</v>
      </c>
      <c r="B4989" s="220" t="s">
        <v>10412</v>
      </c>
      <c r="C4989" s="98" t="s">
        <v>11486</v>
      </c>
      <c r="D4989" s="98" t="s">
        <v>11487</v>
      </c>
      <c r="E4989" s="141" t="s">
        <v>174</v>
      </c>
      <c r="F4989" s="141">
        <v>9330</v>
      </c>
      <c r="G4989" s="98" t="s">
        <v>13</v>
      </c>
      <c r="H4989" s="98">
        <v>0</v>
      </c>
      <c r="I4989" s="98">
        <v>0</v>
      </c>
      <c r="J4989" s="98">
        <v>1</v>
      </c>
      <c r="K4989" s="98" t="s">
        <v>174</v>
      </c>
      <c r="L4989" s="98" t="s">
        <v>174</v>
      </c>
      <c r="M4989" s="98" t="s">
        <v>174</v>
      </c>
      <c r="N4989" s="98" t="s">
        <v>174</v>
      </c>
      <c r="O4989" s="98" t="s">
        <v>174</v>
      </c>
      <c r="P4989" s="98" t="s">
        <v>174</v>
      </c>
      <c r="Q4989" s="98" t="s">
        <v>174</v>
      </c>
      <c r="R4989" s="98" t="s">
        <v>174</v>
      </c>
      <c r="S4989" s="98" t="s">
        <v>174</v>
      </c>
      <c r="T4989" s="98" t="s">
        <v>174</v>
      </c>
      <c r="U4989" s="99"/>
      <c r="V4989" s="99"/>
      <c r="W4989" s="99"/>
      <c r="X4989" s="99"/>
      <c r="Y4989" s="99"/>
      <c r="Z4989" s="99"/>
      <c r="AA4989" s="99"/>
      <c r="AB4989" s="99"/>
      <c r="AC4989" s="99"/>
      <c r="AD4989" s="99"/>
      <c r="AE4989" s="99"/>
      <c r="AF4989" s="99"/>
      <c r="AG4989" s="99"/>
      <c r="AH4989" s="99"/>
      <c r="AI4989" s="99"/>
      <c r="AJ4989" s="99"/>
      <c r="AK4989" s="99"/>
      <c r="AL4989" s="99"/>
      <c r="AM4989" s="99"/>
      <c r="AN4989" s="99"/>
      <c r="AO4989" s="99"/>
      <c r="AP4989" s="99"/>
      <c r="AQ4989" s="99"/>
      <c r="AR4989" s="99"/>
      <c r="AS4989" s="99"/>
      <c r="AT4989" s="99"/>
      <c r="AU4989" s="99"/>
      <c r="AV4989" s="99"/>
      <c r="AW4989" s="99"/>
      <c r="AX4989" s="99"/>
      <c r="AY4989" s="99"/>
      <c r="AZ4989" s="99"/>
      <c r="BA4989" s="99"/>
      <c r="BB4989" s="107">
        <v>45884</v>
      </c>
    </row>
    <row r="4990" spans="1:54" s="8" customFormat="1" ht="13.95" customHeight="1" x14ac:dyDescent="0.25">
      <c r="A4990" s="219" t="s">
        <v>11488</v>
      </c>
      <c r="B4990" s="220" t="s">
        <v>10412</v>
      </c>
      <c r="C4990" s="98" t="s">
        <v>11489</v>
      </c>
      <c r="D4990" s="98" t="s">
        <v>11490</v>
      </c>
      <c r="E4990" s="141" t="s">
        <v>174</v>
      </c>
      <c r="F4990" s="141">
        <v>14693</v>
      </c>
      <c r="G4990" s="98" t="s">
        <v>10</v>
      </c>
      <c r="H4990" s="98">
        <v>1</v>
      </c>
      <c r="I4990" s="98">
        <v>0</v>
      </c>
      <c r="J4990" s="98">
        <v>0</v>
      </c>
      <c r="K4990" s="98" t="s">
        <v>174</v>
      </c>
      <c r="L4990" s="98" t="s">
        <v>174</v>
      </c>
      <c r="M4990" s="98" t="s">
        <v>174</v>
      </c>
      <c r="N4990" s="98" t="s">
        <v>174</v>
      </c>
      <c r="O4990" s="98" t="s">
        <v>174</v>
      </c>
      <c r="P4990" s="98" t="s">
        <v>174</v>
      </c>
      <c r="Q4990" s="98" t="s">
        <v>174</v>
      </c>
      <c r="R4990" s="98" t="s">
        <v>174</v>
      </c>
      <c r="S4990" s="98" t="s">
        <v>174</v>
      </c>
      <c r="T4990" s="98" t="s">
        <v>174</v>
      </c>
      <c r="U4990" s="98" t="s">
        <v>174</v>
      </c>
      <c r="V4990" s="98" t="s">
        <v>174</v>
      </c>
      <c r="W4990" s="98" t="s">
        <v>174</v>
      </c>
      <c r="X4990" s="98" t="s">
        <v>174</v>
      </c>
      <c r="Y4990" s="98" t="s">
        <v>174</v>
      </c>
      <c r="Z4990" s="98" t="s">
        <v>174</v>
      </c>
      <c r="AA4990" s="98" t="s">
        <v>174</v>
      </c>
      <c r="AB4990" s="98" t="s">
        <v>174</v>
      </c>
      <c r="AC4990" s="98" t="s">
        <v>174</v>
      </c>
      <c r="AD4990" s="98" t="s">
        <v>174</v>
      </c>
      <c r="AE4990" s="98" t="s">
        <v>174</v>
      </c>
      <c r="AF4990" s="98" t="s">
        <v>174</v>
      </c>
      <c r="AG4990" s="98" t="s">
        <v>174</v>
      </c>
      <c r="AH4990" s="98" t="s">
        <v>174</v>
      </c>
      <c r="AI4990" s="98" t="s">
        <v>174</v>
      </c>
      <c r="AJ4990" s="98" t="s">
        <v>174</v>
      </c>
      <c r="AK4990" s="98" t="s">
        <v>174</v>
      </c>
      <c r="AL4990" s="98" t="s">
        <v>174</v>
      </c>
      <c r="AM4990" s="98" t="s">
        <v>174</v>
      </c>
      <c r="AN4990" s="98" t="s">
        <v>174</v>
      </c>
      <c r="AO4990" s="98" t="s">
        <v>174</v>
      </c>
      <c r="AP4990" s="98" t="s">
        <v>174</v>
      </c>
      <c r="AQ4990" s="98" t="s">
        <v>174</v>
      </c>
      <c r="AR4990" s="98" t="s">
        <v>174</v>
      </c>
      <c r="AS4990" s="98" t="s">
        <v>174</v>
      </c>
      <c r="AT4990" s="129" t="s">
        <v>174</v>
      </c>
      <c r="AU4990" s="98" t="s">
        <v>174</v>
      </c>
      <c r="AV4990" s="98" t="s">
        <v>174</v>
      </c>
      <c r="AW4990" s="98" t="s">
        <v>174</v>
      </c>
      <c r="AX4990" s="98"/>
      <c r="AY4990" s="98"/>
      <c r="AZ4990" s="98"/>
      <c r="BA4990" s="98"/>
      <c r="BB4990" s="107">
        <v>45884</v>
      </c>
    </row>
    <row r="4991" spans="1:54" s="8" customFormat="1" ht="13.95" customHeight="1" x14ac:dyDescent="0.25">
      <c r="A4991" s="219" t="s">
        <v>11491</v>
      </c>
      <c r="B4991" s="220" t="s">
        <v>10412</v>
      </c>
      <c r="C4991" s="98" t="s">
        <v>11492</v>
      </c>
      <c r="D4991" s="98" t="s">
        <v>11493</v>
      </c>
      <c r="E4991" s="141" t="s">
        <v>174</v>
      </c>
      <c r="F4991" s="141">
        <v>473</v>
      </c>
      <c r="G4991" s="98" t="s">
        <v>1</v>
      </c>
      <c r="H4991" s="98">
        <v>0</v>
      </c>
      <c r="I4991" s="98">
        <v>0</v>
      </c>
      <c r="J4991" s="98">
        <v>0</v>
      </c>
      <c r="K4991" s="98" t="s">
        <v>174</v>
      </c>
      <c r="L4991" s="98" t="s">
        <v>174</v>
      </c>
      <c r="M4991" s="98" t="s">
        <v>174</v>
      </c>
      <c r="N4991" s="98" t="s">
        <v>174</v>
      </c>
      <c r="O4991" s="98" t="s">
        <v>174</v>
      </c>
      <c r="P4991" s="98" t="s">
        <v>174</v>
      </c>
      <c r="Q4991" s="98" t="s">
        <v>174</v>
      </c>
      <c r="R4991" s="98" t="s">
        <v>174</v>
      </c>
      <c r="S4991" s="98" t="s">
        <v>174</v>
      </c>
      <c r="T4991" s="98" t="s">
        <v>174</v>
      </c>
      <c r="U4991" s="99"/>
      <c r="V4991" s="99"/>
      <c r="W4991" s="99"/>
      <c r="X4991" s="99"/>
      <c r="Y4991" s="99"/>
      <c r="Z4991" s="99"/>
      <c r="AA4991" s="99"/>
      <c r="AB4991" s="99"/>
      <c r="AC4991" s="99"/>
      <c r="AD4991" s="99"/>
      <c r="AE4991" s="99"/>
      <c r="AF4991" s="99"/>
      <c r="AG4991" s="99"/>
      <c r="AH4991" s="99"/>
      <c r="AI4991" s="99"/>
      <c r="AJ4991" s="99"/>
      <c r="AK4991" s="99"/>
      <c r="AL4991" s="99"/>
      <c r="AM4991" s="99"/>
      <c r="AN4991" s="99"/>
      <c r="AO4991" s="99"/>
      <c r="AP4991" s="99"/>
      <c r="AQ4991" s="99"/>
      <c r="AR4991" s="99"/>
      <c r="AS4991" s="99"/>
      <c r="AT4991" s="99"/>
      <c r="AU4991" s="99"/>
      <c r="AV4991" s="99"/>
      <c r="AW4991" s="99"/>
      <c r="AX4991" s="99"/>
      <c r="AY4991" s="99"/>
      <c r="AZ4991" s="99"/>
      <c r="BA4991" s="99"/>
      <c r="BB4991" s="107">
        <v>45884</v>
      </c>
    </row>
    <row r="4992" spans="1:54" s="8" customFormat="1" ht="13.95" customHeight="1" x14ac:dyDescent="0.25">
      <c r="A4992" s="219" t="s">
        <v>11494</v>
      </c>
      <c r="B4992" s="220" t="s">
        <v>10412</v>
      </c>
      <c r="C4992" s="98" t="s">
        <v>11495</v>
      </c>
      <c r="D4992" s="98" t="s">
        <v>11496</v>
      </c>
      <c r="E4992" s="141" t="s">
        <v>174</v>
      </c>
      <c r="F4992" s="141">
        <v>784</v>
      </c>
      <c r="G4992" s="98" t="s">
        <v>1</v>
      </c>
      <c r="H4992" s="98">
        <v>0</v>
      </c>
      <c r="I4992" s="98">
        <v>0</v>
      </c>
      <c r="J4992" s="98">
        <v>1</v>
      </c>
      <c r="K4992" s="98" t="s">
        <v>174</v>
      </c>
      <c r="L4992" s="98" t="s">
        <v>174</v>
      </c>
      <c r="M4992" s="98" t="s">
        <v>174</v>
      </c>
      <c r="N4992" s="98" t="s">
        <v>174</v>
      </c>
      <c r="O4992" s="98" t="s">
        <v>174</v>
      </c>
      <c r="P4992" s="98" t="s">
        <v>174</v>
      </c>
      <c r="Q4992" s="98" t="s">
        <v>174</v>
      </c>
      <c r="R4992" s="98" t="s">
        <v>174</v>
      </c>
      <c r="S4992" s="98" t="s">
        <v>174</v>
      </c>
      <c r="T4992" s="98" t="s">
        <v>174</v>
      </c>
      <c r="U4992" s="98" t="s">
        <v>174</v>
      </c>
      <c r="V4992" s="98" t="s">
        <v>174</v>
      </c>
      <c r="W4992" s="98" t="s">
        <v>174</v>
      </c>
      <c r="X4992" s="98" t="s">
        <v>174</v>
      </c>
      <c r="Y4992" s="98" t="s">
        <v>174</v>
      </c>
      <c r="Z4992" s="98" t="s">
        <v>174</v>
      </c>
      <c r="AA4992" s="98" t="s">
        <v>174</v>
      </c>
      <c r="AB4992" s="98" t="s">
        <v>174</v>
      </c>
      <c r="AC4992" s="98" t="s">
        <v>174</v>
      </c>
      <c r="AD4992" s="98" t="s">
        <v>174</v>
      </c>
      <c r="AE4992" s="98" t="s">
        <v>174</v>
      </c>
      <c r="AF4992" s="98" t="s">
        <v>174</v>
      </c>
      <c r="AG4992" s="98" t="s">
        <v>174</v>
      </c>
      <c r="AH4992" s="98" t="s">
        <v>174</v>
      </c>
      <c r="AI4992" s="98" t="s">
        <v>174</v>
      </c>
      <c r="AJ4992" s="98" t="s">
        <v>174</v>
      </c>
      <c r="AK4992" s="98" t="s">
        <v>174</v>
      </c>
      <c r="AL4992" s="98" t="s">
        <v>174</v>
      </c>
      <c r="AM4992" s="98" t="s">
        <v>174</v>
      </c>
      <c r="AN4992" s="98" t="s">
        <v>174</v>
      </c>
      <c r="AO4992" s="98" t="s">
        <v>174</v>
      </c>
      <c r="AP4992" s="98" t="s">
        <v>174</v>
      </c>
      <c r="AQ4992" s="98" t="s">
        <v>174</v>
      </c>
      <c r="AR4992" s="98" t="s">
        <v>174</v>
      </c>
      <c r="AS4992" s="98" t="s">
        <v>174</v>
      </c>
      <c r="AT4992" s="129" t="s">
        <v>174</v>
      </c>
      <c r="AU4992" s="98" t="s">
        <v>174</v>
      </c>
      <c r="AV4992" s="98" t="s">
        <v>174</v>
      </c>
      <c r="AW4992" s="98" t="s">
        <v>174</v>
      </c>
      <c r="AX4992" s="98"/>
      <c r="AY4992" s="98"/>
      <c r="AZ4992" s="98"/>
      <c r="BA4992" s="98"/>
      <c r="BB4992" s="107">
        <v>45884</v>
      </c>
    </row>
    <row r="4993" spans="1:54" s="8" customFormat="1" ht="13.95" customHeight="1" x14ac:dyDescent="0.25">
      <c r="A4993" s="219" t="s">
        <v>11497</v>
      </c>
      <c r="B4993" s="220" t="s">
        <v>10412</v>
      </c>
      <c r="C4993" s="98" t="s">
        <v>11498</v>
      </c>
      <c r="D4993" s="98" t="s">
        <v>11499</v>
      </c>
      <c r="E4993" s="141" t="s">
        <v>174</v>
      </c>
      <c r="F4993" s="141">
        <v>1501</v>
      </c>
      <c r="G4993" s="98" t="s">
        <v>1</v>
      </c>
      <c r="H4993" s="98">
        <v>0</v>
      </c>
      <c r="I4993" s="98">
        <v>0</v>
      </c>
      <c r="J4993" s="98">
        <v>1</v>
      </c>
      <c r="K4993" s="98" t="s">
        <v>174</v>
      </c>
      <c r="L4993" s="98" t="s">
        <v>174</v>
      </c>
      <c r="M4993" s="98" t="s">
        <v>174</v>
      </c>
      <c r="N4993" s="98" t="s">
        <v>174</v>
      </c>
      <c r="O4993" s="98" t="s">
        <v>174</v>
      </c>
      <c r="P4993" s="98" t="s">
        <v>174</v>
      </c>
      <c r="Q4993" s="98" t="s">
        <v>174</v>
      </c>
      <c r="R4993" s="98" t="s">
        <v>174</v>
      </c>
      <c r="S4993" s="98" t="s">
        <v>174</v>
      </c>
      <c r="T4993" s="98" t="s">
        <v>174</v>
      </c>
      <c r="U4993" s="99"/>
      <c r="V4993" s="99"/>
      <c r="W4993" s="99"/>
      <c r="X4993" s="99"/>
      <c r="Y4993" s="99"/>
      <c r="Z4993" s="99"/>
      <c r="AA4993" s="99"/>
      <c r="AB4993" s="99"/>
      <c r="AC4993" s="99"/>
      <c r="AD4993" s="99"/>
      <c r="AE4993" s="99"/>
      <c r="AF4993" s="99"/>
      <c r="AG4993" s="99"/>
      <c r="AH4993" s="99"/>
      <c r="AI4993" s="99"/>
      <c r="AJ4993" s="99"/>
      <c r="AK4993" s="99"/>
      <c r="AL4993" s="99"/>
      <c r="AM4993" s="99"/>
      <c r="AN4993" s="99"/>
      <c r="AO4993" s="99"/>
      <c r="AP4993" s="99"/>
      <c r="AQ4993" s="99"/>
      <c r="AR4993" s="99"/>
      <c r="AS4993" s="99"/>
      <c r="AT4993" s="99"/>
      <c r="AU4993" s="99"/>
      <c r="AV4993" s="99"/>
      <c r="AW4993" s="99"/>
      <c r="AX4993" s="99"/>
      <c r="AY4993" s="99"/>
      <c r="AZ4993" s="99"/>
      <c r="BA4993" s="99"/>
      <c r="BB4993" s="107">
        <v>45884</v>
      </c>
    </row>
    <row r="4994" spans="1:54" s="8" customFormat="1" ht="13.95" customHeight="1" x14ac:dyDescent="0.25">
      <c r="A4994" s="219" t="s">
        <v>11500</v>
      </c>
      <c r="B4994" s="220" t="s">
        <v>10412</v>
      </c>
      <c r="C4994" s="98" t="s">
        <v>11501</v>
      </c>
      <c r="D4994" s="98" t="s">
        <v>11502</v>
      </c>
      <c r="E4994" s="141" t="s">
        <v>174</v>
      </c>
      <c r="F4994" s="141">
        <v>1419</v>
      </c>
      <c r="G4994" s="98" t="s">
        <v>1</v>
      </c>
      <c r="H4994" s="98">
        <v>0</v>
      </c>
      <c r="I4994" s="98">
        <v>0</v>
      </c>
      <c r="J4994" s="98">
        <v>1</v>
      </c>
      <c r="K4994" s="98" t="s">
        <v>174</v>
      </c>
      <c r="L4994" s="98" t="s">
        <v>174</v>
      </c>
      <c r="M4994" s="98" t="s">
        <v>174</v>
      </c>
      <c r="N4994" s="98" t="s">
        <v>174</v>
      </c>
      <c r="O4994" s="98" t="s">
        <v>174</v>
      </c>
      <c r="P4994" s="98" t="s">
        <v>174</v>
      </c>
      <c r="Q4994" s="98" t="s">
        <v>174</v>
      </c>
      <c r="R4994" s="98" t="s">
        <v>174</v>
      </c>
      <c r="S4994" s="98" t="s">
        <v>174</v>
      </c>
      <c r="T4994" s="98" t="s">
        <v>174</v>
      </c>
      <c r="U4994" s="99"/>
      <c r="V4994" s="99"/>
      <c r="W4994" s="99"/>
      <c r="X4994" s="99"/>
      <c r="Y4994" s="99"/>
      <c r="Z4994" s="99"/>
      <c r="AA4994" s="99"/>
      <c r="AB4994" s="99"/>
      <c r="AC4994" s="99"/>
      <c r="AD4994" s="99"/>
      <c r="AE4994" s="99"/>
      <c r="AF4994" s="99"/>
      <c r="AG4994" s="99"/>
      <c r="AH4994" s="99"/>
      <c r="AI4994" s="99"/>
      <c r="AJ4994" s="99"/>
      <c r="AK4994" s="99"/>
      <c r="AL4994" s="99"/>
      <c r="AM4994" s="99"/>
      <c r="AN4994" s="99"/>
      <c r="AO4994" s="99"/>
      <c r="AP4994" s="99"/>
      <c r="AQ4994" s="99"/>
      <c r="AR4994" s="99"/>
      <c r="AS4994" s="99"/>
      <c r="AT4994" s="99"/>
      <c r="AU4994" s="99"/>
      <c r="AV4994" s="99"/>
      <c r="AW4994" s="99"/>
      <c r="AX4994" s="99"/>
      <c r="AY4994" s="99"/>
      <c r="AZ4994" s="99"/>
      <c r="BA4994" s="99"/>
      <c r="BB4994" s="107">
        <v>45884</v>
      </c>
    </row>
    <row r="4995" spans="1:54" s="8" customFormat="1" ht="13.95" customHeight="1" x14ac:dyDescent="0.25">
      <c r="A4995" s="219" t="s">
        <v>11503</v>
      </c>
      <c r="B4995" s="220" t="s">
        <v>10412</v>
      </c>
      <c r="C4995" s="98" t="s">
        <v>11504</v>
      </c>
      <c r="D4995" s="98" t="s">
        <v>11505</v>
      </c>
      <c r="E4995" s="141" t="s">
        <v>174</v>
      </c>
      <c r="F4995" s="141">
        <v>4980</v>
      </c>
      <c r="G4995" s="98" t="s">
        <v>13</v>
      </c>
      <c r="H4995" s="98">
        <v>0</v>
      </c>
      <c r="I4995" s="98">
        <v>0</v>
      </c>
      <c r="J4995" s="98">
        <v>0</v>
      </c>
      <c r="K4995" s="98" t="s">
        <v>174</v>
      </c>
      <c r="L4995" s="98" t="s">
        <v>174</v>
      </c>
      <c r="M4995" s="98" t="s">
        <v>174</v>
      </c>
      <c r="N4995" s="98" t="s">
        <v>174</v>
      </c>
      <c r="O4995" s="98" t="s">
        <v>174</v>
      </c>
      <c r="P4995" s="98" t="s">
        <v>174</v>
      </c>
      <c r="Q4995" s="98" t="s">
        <v>174</v>
      </c>
      <c r="R4995" s="98" t="s">
        <v>174</v>
      </c>
      <c r="S4995" s="98" t="s">
        <v>174</v>
      </c>
      <c r="T4995" s="98" t="s">
        <v>174</v>
      </c>
      <c r="U4995" s="98" t="s">
        <v>174</v>
      </c>
      <c r="V4995" s="98" t="s">
        <v>174</v>
      </c>
      <c r="W4995" s="98" t="s">
        <v>174</v>
      </c>
      <c r="X4995" s="98" t="s">
        <v>174</v>
      </c>
      <c r="Y4995" s="98" t="s">
        <v>174</v>
      </c>
      <c r="Z4995" s="98" t="s">
        <v>174</v>
      </c>
      <c r="AA4995" s="98" t="s">
        <v>174</v>
      </c>
      <c r="AB4995" s="98" t="s">
        <v>174</v>
      </c>
      <c r="AC4995" s="98" t="s">
        <v>174</v>
      </c>
      <c r="AD4995" s="98" t="s">
        <v>174</v>
      </c>
      <c r="AE4995" s="98" t="s">
        <v>174</v>
      </c>
      <c r="AF4995" s="98" t="s">
        <v>174</v>
      </c>
      <c r="AG4995" s="98" t="s">
        <v>174</v>
      </c>
      <c r="AH4995" s="98" t="s">
        <v>174</v>
      </c>
      <c r="AI4995" s="98" t="s">
        <v>174</v>
      </c>
      <c r="AJ4995" s="98" t="s">
        <v>174</v>
      </c>
      <c r="AK4995" s="98" t="s">
        <v>174</v>
      </c>
      <c r="AL4995" s="98" t="s">
        <v>174</v>
      </c>
      <c r="AM4995" s="98" t="s">
        <v>174</v>
      </c>
      <c r="AN4995" s="98" t="s">
        <v>174</v>
      </c>
      <c r="AO4995" s="98" t="s">
        <v>174</v>
      </c>
      <c r="AP4995" s="98" t="s">
        <v>174</v>
      </c>
      <c r="AQ4995" s="98" t="s">
        <v>174</v>
      </c>
      <c r="AR4995" s="98" t="s">
        <v>174</v>
      </c>
      <c r="AS4995" s="98" t="s">
        <v>174</v>
      </c>
      <c r="AT4995" s="129" t="s">
        <v>174</v>
      </c>
      <c r="AU4995" s="98" t="s">
        <v>174</v>
      </c>
      <c r="AV4995" s="98" t="s">
        <v>174</v>
      </c>
      <c r="AW4995" s="98" t="s">
        <v>174</v>
      </c>
      <c r="AX4995" s="98"/>
      <c r="AY4995" s="98"/>
      <c r="AZ4995" s="98"/>
      <c r="BA4995" s="98"/>
      <c r="BB4995" s="107">
        <v>45884</v>
      </c>
    </row>
    <row r="4996" spans="1:54" s="8" customFormat="1" ht="13.95" customHeight="1" x14ac:dyDescent="0.25">
      <c r="A4996" s="219" t="s">
        <v>11506</v>
      </c>
      <c r="B4996" s="220" t="s">
        <v>10412</v>
      </c>
      <c r="C4996" s="98" t="s">
        <v>11507</v>
      </c>
      <c r="D4996" s="98" t="s">
        <v>11508</v>
      </c>
      <c r="E4996" s="141" t="s">
        <v>174</v>
      </c>
      <c r="F4996" s="141">
        <v>6020</v>
      </c>
      <c r="G4996" s="98" t="s">
        <v>13</v>
      </c>
      <c r="H4996" s="98">
        <v>0</v>
      </c>
      <c r="I4996" s="98">
        <v>0</v>
      </c>
      <c r="J4996" s="98">
        <v>0</v>
      </c>
      <c r="K4996" s="98" t="s">
        <v>174</v>
      </c>
      <c r="L4996" s="98" t="s">
        <v>174</v>
      </c>
      <c r="M4996" s="98" t="s">
        <v>174</v>
      </c>
      <c r="N4996" s="98" t="s">
        <v>174</v>
      </c>
      <c r="O4996" s="98" t="s">
        <v>174</v>
      </c>
      <c r="P4996" s="98" t="s">
        <v>174</v>
      </c>
      <c r="Q4996" s="98" t="s">
        <v>174</v>
      </c>
      <c r="R4996" s="98" t="s">
        <v>174</v>
      </c>
      <c r="S4996" s="98" t="s">
        <v>174</v>
      </c>
      <c r="T4996" s="98" t="s">
        <v>174</v>
      </c>
      <c r="U4996" s="99"/>
      <c r="V4996" s="99"/>
      <c r="W4996" s="99"/>
      <c r="X4996" s="99"/>
      <c r="Y4996" s="99"/>
      <c r="Z4996" s="99"/>
      <c r="AA4996" s="99"/>
      <c r="AB4996" s="99"/>
      <c r="AC4996" s="99"/>
      <c r="AD4996" s="99"/>
      <c r="AE4996" s="99"/>
      <c r="AF4996" s="99"/>
      <c r="AG4996" s="99"/>
      <c r="AH4996" s="99"/>
      <c r="AI4996" s="99"/>
      <c r="AJ4996" s="99"/>
      <c r="AK4996" s="99"/>
      <c r="AL4996" s="99"/>
      <c r="AM4996" s="99"/>
      <c r="AN4996" s="99"/>
      <c r="AO4996" s="99"/>
      <c r="AP4996" s="99"/>
      <c r="AQ4996" s="99"/>
      <c r="AR4996" s="99"/>
      <c r="AS4996" s="99"/>
      <c r="AT4996" s="99"/>
      <c r="AU4996" s="99"/>
      <c r="AV4996" s="99"/>
      <c r="AW4996" s="99"/>
      <c r="AX4996" s="99"/>
      <c r="AY4996" s="99"/>
      <c r="AZ4996" s="99"/>
      <c r="BA4996" s="99"/>
      <c r="BB4996" s="107">
        <v>45884</v>
      </c>
    </row>
    <row r="4997" spans="1:54" s="8" customFormat="1" ht="13.95" customHeight="1" x14ac:dyDescent="0.25">
      <c r="A4997" s="219" t="s">
        <v>11509</v>
      </c>
      <c r="B4997" s="220" t="s">
        <v>10412</v>
      </c>
      <c r="C4997" s="98" t="s">
        <v>11510</v>
      </c>
      <c r="D4997" s="98" t="s">
        <v>11511</v>
      </c>
      <c r="E4997" s="141" t="s">
        <v>174</v>
      </c>
      <c r="F4997" s="141">
        <v>47290</v>
      </c>
      <c r="G4997" s="98" t="s">
        <v>7</v>
      </c>
      <c r="H4997" s="98">
        <v>1</v>
      </c>
      <c r="I4997" s="98">
        <v>1</v>
      </c>
      <c r="J4997" s="98">
        <v>1</v>
      </c>
      <c r="K4997" s="98" t="s">
        <v>174</v>
      </c>
      <c r="L4997" s="98" t="s">
        <v>174</v>
      </c>
      <c r="M4997" s="98" t="s">
        <v>174</v>
      </c>
      <c r="N4997" s="98" t="s">
        <v>174</v>
      </c>
      <c r="O4997" s="98" t="s">
        <v>174</v>
      </c>
      <c r="P4997" s="98" t="s">
        <v>174</v>
      </c>
      <c r="Q4997" s="98" t="s">
        <v>174</v>
      </c>
      <c r="R4997" s="98" t="s">
        <v>174</v>
      </c>
      <c r="S4997" s="98" t="s">
        <v>174</v>
      </c>
      <c r="T4997" s="98" t="s">
        <v>174</v>
      </c>
      <c r="U4997" s="99"/>
      <c r="V4997" s="99"/>
      <c r="W4997" s="99"/>
      <c r="X4997" s="99"/>
      <c r="Y4997" s="99"/>
      <c r="Z4997" s="99"/>
      <c r="AA4997" s="99"/>
      <c r="AB4997" s="99"/>
      <c r="AC4997" s="99"/>
      <c r="AD4997" s="99"/>
      <c r="AE4997" s="99"/>
      <c r="AF4997" s="99"/>
      <c r="AG4997" s="99"/>
      <c r="AH4997" s="99"/>
      <c r="AI4997" s="99"/>
      <c r="AJ4997" s="99"/>
      <c r="AK4997" s="99"/>
      <c r="AL4997" s="99"/>
      <c r="AM4997" s="99"/>
      <c r="AN4997" s="99"/>
      <c r="AO4997" s="99"/>
      <c r="AP4997" s="99"/>
      <c r="AQ4997" s="99"/>
      <c r="AR4997" s="99"/>
      <c r="AS4997" s="99"/>
      <c r="AT4997" s="99"/>
      <c r="AU4997" s="99"/>
      <c r="AV4997" s="99"/>
      <c r="AW4997" s="99"/>
      <c r="AX4997" s="99"/>
      <c r="AY4997" s="99"/>
      <c r="AZ4997" s="99"/>
      <c r="BA4997" s="99"/>
      <c r="BB4997" s="107">
        <v>45884</v>
      </c>
    </row>
    <row r="4998" spans="1:54" s="8" customFormat="1" ht="13.95" customHeight="1" x14ac:dyDescent="0.25">
      <c r="A4998" s="219" t="s">
        <v>11512</v>
      </c>
      <c r="B4998" s="220" t="s">
        <v>10412</v>
      </c>
      <c r="C4998" s="98" t="s">
        <v>11513</v>
      </c>
      <c r="D4998" s="98" t="s">
        <v>11514</v>
      </c>
      <c r="E4998" s="141" t="s">
        <v>174</v>
      </c>
      <c r="F4998" s="141">
        <v>1286</v>
      </c>
      <c r="G4998" s="98" t="s">
        <v>1</v>
      </c>
      <c r="H4998" s="98">
        <v>0</v>
      </c>
      <c r="I4998" s="98">
        <v>0</v>
      </c>
      <c r="J4998" s="98">
        <v>1</v>
      </c>
      <c r="K4998" s="98" t="s">
        <v>174</v>
      </c>
      <c r="L4998" s="98" t="s">
        <v>174</v>
      </c>
      <c r="M4998" s="98" t="s">
        <v>174</v>
      </c>
      <c r="N4998" s="98" t="s">
        <v>174</v>
      </c>
      <c r="O4998" s="98" t="s">
        <v>174</v>
      </c>
      <c r="P4998" s="98" t="s">
        <v>174</v>
      </c>
      <c r="Q4998" s="98" t="s">
        <v>174</v>
      </c>
      <c r="R4998" s="98" t="s">
        <v>174</v>
      </c>
      <c r="S4998" s="98" t="s">
        <v>174</v>
      </c>
      <c r="T4998" s="98" t="s">
        <v>174</v>
      </c>
      <c r="U4998" s="99"/>
      <c r="V4998" s="99"/>
      <c r="W4998" s="99"/>
      <c r="X4998" s="99"/>
      <c r="Y4998" s="99"/>
      <c r="Z4998" s="99"/>
      <c r="AA4998" s="99"/>
      <c r="AB4998" s="99"/>
      <c r="AC4998" s="99"/>
      <c r="AD4998" s="99"/>
      <c r="AE4998" s="99"/>
      <c r="AF4998" s="99"/>
      <c r="AG4998" s="99"/>
      <c r="AH4998" s="99"/>
      <c r="AI4998" s="99"/>
      <c r="AJ4998" s="99"/>
      <c r="AK4998" s="99"/>
      <c r="AL4998" s="99"/>
      <c r="AM4998" s="99"/>
      <c r="AN4998" s="99"/>
      <c r="AO4998" s="99"/>
      <c r="AP4998" s="99"/>
      <c r="AQ4998" s="99"/>
      <c r="AR4998" s="99"/>
      <c r="AS4998" s="99"/>
      <c r="AT4998" s="99"/>
      <c r="AU4998" s="99"/>
      <c r="AV4998" s="99"/>
      <c r="AW4998" s="99"/>
      <c r="AX4998" s="99"/>
      <c r="AY4998" s="99"/>
      <c r="AZ4998" s="99"/>
      <c r="BA4998" s="99"/>
      <c r="BB4998" s="107">
        <v>45884</v>
      </c>
    </row>
    <row r="4999" spans="1:54" s="8" customFormat="1" ht="13.95" customHeight="1" x14ac:dyDescent="0.25">
      <c r="A4999" s="219" t="s">
        <v>11515</v>
      </c>
      <c r="B4999" s="220" t="s">
        <v>10412</v>
      </c>
      <c r="C4999" s="98" t="s">
        <v>11516</v>
      </c>
      <c r="D4999" s="98" t="s">
        <v>11517</v>
      </c>
      <c r="E4999" s="141" t="s">
        <v>174</v>
      </c>
      <c r="F4999" s="141">
        <v>4656</v>
      </c>
      <c r="G4999" s="98" t="s">
        <v>13</v>
      </c>
      <c r="H4999" s="98">
        <v>0</v>
      </c>
      <c r="I4999" s="98">
        <v>0</v>
      </c>
      <c r="J4999" s="98">
        <v>0</v>
      </c>
      <c r="K4999" s="98" t="s">
        <v>174</v>
      </c>
      <c r="L4999" s="98" t="s">
        <v>174</v>
      </c>
      <c r="M4999" s="98" t="s">
        <v>174</v>
      </c>
      <c r="N4999" s="98" t="s">
        <v>174</v>
      </c>
      <c r="O4999" s="98" t="s">
        <v>174</v>
      </c>
      <c r="P4999" s="98" t="s">
        <v>174</v>
      </c>
      <c r="Q4999" s="98" t="s">
        <v>174</v>
      </c>
      <c r="R4999" s="98" t="s">
        <v>174</v>
      </c>
      <c r="S4999" s="98" t="s">
        <v>174</v>
      </c>
      <c r="T4999" s="98" t="s">
        <v>174</v>
      </c>
      <c r="U4999" s="98" t="s">
        <v>174</v>
      </c>
      <c r="V4999" s="98" t="s">
        <v>174</v>
      </c>
      <c r="W4999" s="98" t="s">
        <v>174</v>
      </c>
      <c r="X4999" s="98" t="s">
        <v>174</v>
      </c>
      <c r="Y4999" s="98" t="s">
        <v>174</v>
      </c>
      <c r="Z4999" s="98" t="s">
        <v>174</v>
      </c>
      <c r="AA4999" s="98" t="s">
        <v>174</v>
      </c>
      <c r="AB4999" s="98" t="s">
        <v>174</v>
      </c>
      <c r="AC4999" s="98" t="s">
        <v>174</v>
      </c>
      <c r="AD4999" s="98" t="s">
        <v>174</v>
      </c>
      <c r="AE4999" s="98" t="s">
        <v>174</v>
      </c>
      <c r="AF4999" s="98" t="s">
        <v>174</v>
      </c>
      <c r="AG4999" s="98" t="s">
        <v>174</v>
      </c>
      <c r="AH4999" s="98" t="s">
        <v>174</v>
      </c>
      <c r="AI4999" s="98" t="s">
        <v>174</v>
      </c>
      <c r="AJ4999" s="98" t="s">
        <v>174</v>
      </c>
      <c r="AK4999" s="98" t="s">
        <v>174</v>
      </c>
      <c r="AL4999" s="98" t="s">
        <v>174</v>
      </c>
      <c r="AM4999" s="98" t="s">
        <v>174</v>
      </c>
      <c r="AN4999" s="98" t="s">
        <v>174</v>
      </c>
      <c r="AO4999" s="98" t="s">
        <v>174</v>
      </c>
      <c r="AP4999" s="98" t="s">
        <v>174</v>
      </c>
      <c r="AQ4999" s="98" t="s">
        <v>174</v>
      </c>
      <c r="AR4999" s="98" t="s">
        <v>174</v>
      </c>
      <c r="AS4999" s="98" t="s">
        <v>174</v>
      </c>
      <c r="AT4999" s="129" t="s">
        <v>174</v>
      </c>
      <c r="AU4999" s="98" t="s">
        <v>174</v>
      </c>
      <c r="AV4999" s="98" t="s">
        <v>174</v>
      </c>
      <c r="AW4999" s="98" t="s">
        <v>174</v>
      </c>
      <c r="AX4999" s="98"/>
      <c r="AY4999" s="98"/>
      <c r="AZ4999" s="98"/>
      <c r="BA4999" s="98"/>
      <c r="BB4999" s="107">
        <v>45884</v>
      </c>
    </row>
    <row r="5000" spans="1:54" s="8" customFormat="1" ht="13.95" customHeight="1" x14ac:dyDescent="0.25">
      <c r="A5000" s="219" t="s">
        <v>11518</v>
      </c>
      <c r="B5000" s="220" t="s">
        <v>10412</v>
      </c>
      <c r="C5000" s="98" t="s">
        <v>11519</v>
      </c>
      <c r="D5000" s="98" t="s">
        <v>11520</v>
      </c>
      <c r="E5000" s="141" t="s">
        <v>174</v>
      </c>
      <c r="F5000" s="141">
        <v>2401</v>
      </c>
      <c r="G5000" s="98" t="s">
        <v>1</v>
      </c>
      <c r="H5000" s="98">
        <v>0</v>
      </c>
      <c r="I5000" s="98">
        <v>0</v>
      </c>
      <c r="J5000" s="98">
        <v>1</v>
      </c>
      <c r="K5000" s="98" t="s">
        <v>174</v>
      </c>
      <c r="L5000" s="98" t="s">
        <v>174</v>
      </c>
      <c r="M5000" s="98" t="s">
        <v>174</v>
      </c>
      <c r="N5000" s="98" t="s">
        <v>174</v>
      </c>
      <c r="O5000" s="98" t="s">
        <v>174</v>
      </c>
      <c r="P5000" s="98" t="s">
        <v>174</v>
      </c>
      <c r="Q5000" s="98" t="s">
        <v>174</v>
      </c>
      <c r="R5000" s="98" t="s">
        <v>174</v>
      </c>
      <c r="S5000" s="98" t="s">
        <v>174</v>
      </c>
      <c r="T5000" s="98" t="s">
        <v>174</v>
      </c>
      <c r="U5000" s="99"/>
      <c r="V5000" s="99"/>
      <c r="W5000" s="99"/>
      <c r="X5000" s="99"/>
      <c r="Y5000" s="99"/>
      <c r="Z5000" s="99"/>
      <c r="AA5000" s="99"/>
      <c r="AB5000" s="99"/>
      <c r="AC5000" s="99"/>
      <c r="AD5000" s="99"/>
      <c r="AE5000" s="99"/>
      <c r="AF5000" s="99"/>
      <c r="AG5000" s="99"/>
      <c r="AH5000" s="99"/>
      <c r="AI5000" s="99"/>
      <c r="AJ5000" s="99"/>
      <c r="AK5000" s="99"/>
      <c r="AL5000" s="99"/>
      <c r="AM5000" s="99"/>
      <c r="AN5000" s="99"/>
      <c r="AO5000" s="99"/>
      <c r="AP5000" s="99"/>
      <c r="AQ5000" s="99"/>
      <c r="AR5000" s="99"/>
      <c r="AS5000" s="99"/>
      <c r="AT5000" s="99"/>
      <c r="AU5000" s="99"/>
      <c r="AV5000" s="99"/>
      <c r="AW5000" s="99"/>
      <c r="AX5000" s="99"/>
      <c r="AY5000" s="99"/>
      <c r="AZ5000" s="99"/>
      <c r="BA5000" s="99"/>
      <c r="BB5000" s="107">
        <v>45884</v>
      </c>
    </row>
    <row r="5001" spans="1:54" s="8" customFormat="1" ht="13.95" customHeight="1" x14ac:dyDescent="0.25">
      <c r="A5001" s="219" t="s">
        <v>11521</v>
      </c>
      <c r="B5001" s="220" t="s">
        <v>10412</v>
      </c>
      <c r="C5001" s="98" t="s">
        <v>11522</v>
      </c>
      <c r="D5001" s="98" t="s">
        <v>11523</v>
      </c>
      <c r="E5001" s="141" t="s">
        <v>174</v>
      </c>
      <c r="F5001" s="141">
        <v>1072</v>
      </c>
      <c r="G5001" s="98" t="s">
        <v>1</v>
      </c>
      <c r="H5001" s="98">
        <v>0</v>
      </c>
      <c r="I5001" s="98">
        <v>0</v>
      </c>
      <c r="J5001" s="98">
        <v>1</v>
      </c>
      <c r="K5001" s="98" t="s">
        <v>174</v>
      </c>
      <c r="L5001" s="98" t="s">
        <v>174</v>
      </c>
      <c r="M5001" s="98" t="s">
        <v>174</v>
      </c>
      <c r="N5001" s="98" t="s">
        <v>174</v>
      </c>
      <c r="O5001" s="98" t="s">
        <v>174</v>
      </c>
      <c r="P5001" s="98" t="s">
        <v>174</v>
      </c>
      <c r="Q5001" s="98" t="s">
        <v>174</v>
      </c>
      <c r="R5001" s="98" t="s">
        <v>174</v>
      </c>
      <c r="S5001" s="98" t="s">
        <v>174</v>
      </c>
      <c r="T5001" s="98" t="s">
        <v>174</v>
      </c>
      <c r="U5001" s="98" t="s">
        <v>174</v>
      </c>
      <c r="V5001" s="98" t="s">
        <v>174</v>
      </c>
      <c r="W5001" s="98" t="s">
        <v>174</v>
      </c>
      <c r="X5001" s="98" t="s">
        <v>174</v>
      </c>
      <c r="Y5001" s="98" t="s">
        <v>174</v>
      </c>
      <c r="Z5001" s="98" t="s">
        <v>174</v>
      </c>
      <c r="AA5001" s="98" t="s">
        <v>174</v>
      </c>
      <c r="AB5001" s="98" t="s">
        <v>174</v>
      </c>
      <c r="AC5001" s="98" t="s">
        <v>174</v>
      </c>
      <c r="AD5001" s="98" t="s">
        <v>174</v>
      </c>
      <c r="AE5001" s="98" t="s">
        <v>174</v>
      </c>
      <c r="AF5001" s="98" t="s">
        <v>174</v>
      </c>
      <c r="AG5001" s="98" t="s">
        <v>174</v>
      </c>
      <c r="AH5001" s="98" t="s">
        <v>174</v>
      </c>
      <c r="AI5001" s="98" t="s">
        <v>174</v>
      </c>
      <c r="AJ5001" s="98" t="s">
        <v>174</v>
      </c>
      <c r="AK5001" s="98" t="s">
        <v>174</v>
      </c>
      <c r="AL5001" s="98" t="s">
        <v>174</v>
      </c>
      <c r="AM5001" s="98" t="s">
        <v>174</v>
      </c>
      <c r="AN5001" s="98" t="s">
        <v>174</v>
      </c>
      <c r="AO5001" s="98" t="s">
        <v>174</v>
      </c>
      <c r="AP5001" s="98" t="s">
        <v>174</v>
      </c>
      <c r="AQ5001" s="98" t="s">
        <v>174</v>
      </c>
      <c r="AR5001" s="98" t="s">
        <v>174</v>
      </c>
      <c r="AS5001" s="98" t="s">
        <v>174</v>
      </c>
      <c r="AT5001" s="129" t="s">
        <v>174</v>
      </c>
      <c r="AU5001" s="98" t="s">
        <v>174</v>
      </c>
      <c r="AV5001" s="98" t="s">
        <v>174</v>
      </c>
      <c r="AW5001" s="98" t="s">
        <v>174</v>
      </c>
      <c r="AX5001" s="98"/>
      <c r="AY5001" s="98"/>
      <c r="AZ5001" s="98"/>
      <c r="BA5001" s="98"/>
      <c r="BB5001" s="107">
        <v>45884</v>
      </c>
    </row>
    <row r="5002" spans="1:54" s="8" customFormat="1" ht="13.95" customHeight="1" x14ac:dyDescent="0.25">
      <c r="A5002" s="219" t="s">
        <v>11524</v>
      </c>
      <c r="B5002" s="220" t="s">
        <v>10412</v>
      </c>
      <c r="C5002" s="98" t="s">
        <v>11525</v>
      </c>
      <c r="D5002" s="98" t="s">
        <v>11526</v>
      </c>
      <c r="E5002" s="141" t="s">
        <v>174</v>
      </c>
      <c r="F5002" s="141">
        <v>613</v>
      </c>
      <c r="G5002" s="98" t="s">
        <v>11</v>
      </c>
      <c r="H5002" s="98">
        <v>0</v>
      </c>
      <c r="I5002" s="98">
        <v>0</v>
      </c>
      <c r="J5002" s="98">
        <v>0</v>
      </c>
      <c r="K5002" s="98" t="s">
        <v>174</v>
      </c>
      <c r="L5002" s="98" t="s">
        <v>174</v>
      </c>
      <c r="M5002" s="98" t="s">
        <v>174</v>
      </c>
      <c r="N5002" s="98" t="s">
        <v>174</v>
      </c>
      <c r="O5002" s="98" t="s">
        <v>174</v>
      </c>
      <c r="P5002" s="98" t="s">
        <v>174</v>
      </c>
      <c r="Q5002" s="98" t="s">
        <v>174</v>
      </c>
      <c r="R5002" s="98" t="s">
        <v>174</v>
      </c>
      <c r="S5002" s="98" t="s">
        <v>174</v>
      </c>
      <c r="T5002" s="98" t="s">
        <v>174</v>
      </c>
      <c r="U5002" s="99"/>
      <c r="V5002" s="99"/>
      <c r="W5002" s="99"/>
      <c r="X5002" s="99"/>
      <c r="Y5002" s="99"/>
      <c r="Z5002" s="99"/>
      <c r="AA5002" s="99"/>
      <c r="AB5002" s="99"/>
      <c r="AC5002" s="99"/>
      <c r="AD5002" s="99"/>
      <c r="AE5002" s="99"/>
      <c r="AF5002" s="99"/>
      <c r="AG5002" s="99"/>
      <c r="AH5002" s="99"/>
      <c r="AI5002" s="99"/>
      <c r="AJ5002" s="99"/>
      <c r="AK5002" s="99"/>
      <c r="AL5002" s="99"/>
      <c r="AM5002" s="99"/>
      <c r="AN5002" s="99"/>
      <c r="AO5002" s="99"/>
      <c r="AP5002" s="99"/>
      <c r="AQ5002" s="99"/>
      <c r="AR5002" s="99"/>
      <c r="AS5002" s="99"/>
      <c r="AT5002" s="99"/>
      <c r="AU5002" s="99"/>
      <c r="AV5002" s="99"/>
      <c r="AW5002" s="99"/>
      <c r="AX5002" s="99"/>
      <c r="AY5002" s="99"/>
      <c r="AZ5002" s="99"/>
      <c r="BA5002" s="99"/>
      <c r="BB5002" s="107">
        <v>45884</v>
      </c>
    </row>
    <row r="5003" spans="1:54" s="8" customFormat="1" ht="13.95" customHeight="1" x14ac:dyDescent="0.25">
      <c r="A5003" s="219" t="s">
        <v>11527</v>
      </c>
      <c r="B5003" s="220" t="s">
        <v>10412</v>
      </c>
      <c r="C5003" s="98" t="s">
        <v>11528</v>
      </c>
      <c r="D5003" s="98" t="s">
        <v>11529</v>
      </c>
      <c r="E5003" s="141" t="s">
        <v>174</v>
      </c>
      <c r="F5003" s="141">
        <v>492</v>
      </c>
      <c r="G5003" s="98" t="s">
        <v>1</v>
      </c>
      <c r="H5003" s="98">
        <v>0</v>
      </c>
      <c r="I5003" s="98">
        <v>0</v>
      </c>
      <c r="J5003" s="98">
        <v>1</v>
      </c>
      <c r="K5003" s="98" t="s">
        <v>174</v>
      </c>
      <c r="L5003" s="98" t="s">
        <v>174</v>
      </c>
      <c r="M5003" s="98" t="s">
        <v>174</v>
      </c>
      <c r="N5003" s="98" t="s">
        <v>174</v>
      </c>
      <c r="O5003" s="98" t="s">
        <v>174</v>
      </c>
      <c r="P5003" s="98" t="s">
        <v>174</v>
      </c>
      <c r="Q5003" s="98" t="s">
        <v>174</v>
      </c>
      <c r="R5003" s="98" t="s">
        <v>174</v>
      </c>
      <c r="S5003" s="98" t="s">
        <v>174</v>
      </c>
      <c r="T5003" s="98" t="s">
        <v>174</v>
      </c>
      <c r="U5003" s="98" t="s">
        <v>174</v>
      </c>
      <c r="V5003" s="98" t="s">
        <v>174</v>
      </c>
      <c r="W5003" s="98" t="s">
        <v>174</v>
      </c>
      <c r="X5003" s="98" t="s">
        <v>174</v>
      </c>
      <c r="Y5003" s="98" t="s">
        <v>174</v>
      </c>
      <c r="Z5003" s="98" t="s">
        <v>174</v>
      </c>
      <c r="AA5003" s="98" t="s">
        <v>174</v>
      </c>
      <c r="AB5003" s="98" t="s">
        <v>174</v>
      </c>
      <c r="AC5003" s="98" t="s">
        <v>174</v>
      </c>
      <c r="AD5003" s="98" t="s">
        <v>174</v>
      </c>
      <c r="AE5003" s="98" t="s">
        <v>174</v>
      </c>
      <c r="AF5003" s="98" t="s">
        <v>174</v>
      </c>
      <c r="AG5003" s="98" t="s">
        <v>174</v>
      </c>
      <c r="AH5003" s="98" t="s">
        <v>174</v>
      </c>
      <c r="AI5003" s="98" t="s">
        <v>174</v>
      </c>
      <c r="AJ5003" s="98" t="s">
        <v>174</v>
      </c>
      <c r="AK5003" s="98" t="s">
        <v>174</v>
      </c>
      <c r="AL5003" s="98" t="s">
        <v>174</v>
      </c>
      <c r="AM5003" s="98" t="s">
        <v>174</v>
      </c>
      <c r="AN5003" s="98" t="s">
        <v>174</v>
      </c>
      <c r="AO5003" s="98" t="s">
        <v>174</v>
      </c>
      <c r="AP5003" s="98" t="s">
        <v>174</v>
      </c>
      <c r="AQ5003" s="98" t="s">
        <v>174</v>
      </c>
      <c r="AR5003" s="98" t="s">
        <v>174</v>
      </c>
      <c r="AS5003" s="98" t="s">
        <v>174</v>
      </c>
      <c r="AT5003" s="129" t="s">
        <v>174</v>
      </c>
      <c r="AU5003" s="98" t="s">
        <v>174</v>
      </c>
      <c r="AV5003" s="98" t="s">
        <v>174</v>
      </c>
      <c r="AW5003" s="98" t="s">
        <v>174</v>
      </c>
      <c r="AX5003" s="98"/>
      <c r="AY5003" s="98"/>
      <c r="AZ5003" s="98"/>
      <c r="BA5003" s="98"/>
      <c r="BB5003" s="107">
        <v>45884</v>
      </c>
    </row>
    <row r="5004" spans="1:54" s="8" customFormat="1" ht="13.95" customHeight="1" x14ac:dyDescent="0.25">
      <c r="A5004" s="219" t="s">
        <v>11530</v>
      </c>
      <c r="B5004" s="220" t="s">
        <v>10412</v>
      </c>
      <c r="C5004" s="98" t="s">
        <v>11531</v>
      </c>
      <c r="D5004" s="98" t="s">
        <v>11532</v>
      </c>
      <c r="E5004" s="141" t="s">
        <v>174</v>
      </c>
      <c r="F5004" s="141">
        <v>5184</v>
      </c>
      <c r="G5004" s="98" t="s">
        <v>1</v>
      </c>
      <c r="H5004" s="98">
        <v>1</v>
      </c>
      <c r="I5004" s="98">
        <v>0</v>
      </c>
      <c r="J5004" s="98">
        <v>1</v>
      </c>
      <c r="K5004" s="98" t="s">
        <v>174</v>
      </c>
      <c r="L5004" s="98" t="s">
        <v>174</v>
      </c>
      <c r="M5004" s="98" t="s">
        <v>174</v>
      </c>
      <c r="N5004" s="98" t="s">
        <v>174</v>
      </c>
      <c r="O5004" s="98" t="s">
        <v>174</v>
      </c>
      <c r="P5004" s="98" t="s">
        <v>174</v>
      </c>
      <c r="Q5004" s="98" t="s">
        <v>174</v>
      </c>
      <c r="R5004" s="98" t="s">
        <v>174</v>
      </c>
      <c r="S5004" s="98" t="s">
        <v>174</v>
      </c>
      <c r="T5004" s="98" t="s">
        <v>174</v>
      </c>
      <c r="U5004" s="98" t="s">
        <v>174</v>
      </c>
      <c r="V5004" s="98" t="s">
        <v>174</v>
      </c>
      <c r="W5004" s="98" t="s">
        <v>174</v>
      </c>
      <c r="X5004" s="98" t="s">
        <v>174</v>
      </c>
      <c r="Y5004" s="98" t="s">
        <v>174</v>
      </c>
      <c r="Z5004" s="98" t="s">
        <v>174</v>
      </c>
      <c r="AA5004" s="98" t="s">
        <v>174</v>
      </c>
      <c r="AB5004" s="98" t="s">
        <v>174</v>
      </c>
      <c r="AC5004" s="98" t="s">
        <v>174</v>
      </c>
      <c r="AD5004" s="98" t="s">
        <v>174</v>
      </c>
      <c r="AE5004" s="98" t="s">
        <v>174</v>
      </c>
      <c r="AF5004" s="98" t="s">
        <v>174</v>
      </c>
      <c r="AG5004" s="98" t="s">
        <v>174</v>
      </c>
      <c r="AH5004" s="98" t="s">
        <v>174</v>
      </c>
      <c r="AI5004" s="98" t="s">
        <v>174</v>
      </c>
      <c r="AJ5004" s="98" t="s">
        <v>174</v>
      </c>
      <c r="AK5004" s="98" t="s">
        <v>174</v>
      </c>
      <c r="AL5004" s="98" t="s">
        <v>174</v>
      </c>
      <c r="AM5004" s="98" t="s">
        <v>174</v>
      </c>
      <c r="AN5004" s="98" t="s">
        <v>174</v>
      </c>
      <c r="AO5004" s="98" t="s">
        <v>174</v>
      </c>
      <c r="AP5004" s="98" t="s">
        <v>174</v>
      </c>
      <c r="AQ5004" s="98" t="s">
        <v>174</v>
      </c>
      <c r="AR5004" s="98" t="s">
        <v>174</v>
      </c>
      <c r="AS5004" s="98" t="s">
        <v>174</v>
      </c>
      <c r="AT5004" s="129" t="s">
        <v>174</v>
      </c>
      <c r="AU5004" s="98" t="s">
        <v>174</v>
      </c>
      <c r="AV5004" s="98" t="s">
        <v>174</v>
      </c>
      <c r="AW5004" s="98" t="s">
        <v>174</v>
      </c>
      <c r="AX5004" s="98"/>
      <c r="AY5004" s="98"/>
      <c r="AZ5004" s="98"/>
      <c r="BA5004" s="98"/>
      <c r="BB5004" s="107">
        <v>45884</v>
      </c>
    </row>
    <row r="5005" spans="1:54" s="8" customFormat="1" ht="13.95" customHeight="1" x14ac:dyDescent="0.25">
      <c r="A5005" s="219" t="s">
        <v>11533</v>
      </c>
      <c r="B5005" s="220" t="s">
        <v>10412</v>
      </c>
      <c r="C5005" s="98" t="s">
        <v>11534</v>
      </c>
      <c r="D5005" s="98" t="s">
        <v>11535</v>
      </c>
      <c r="E5005" s="141" t="s">
        <v>174</v>
      </c>
      <c r="F5005" s="141">
        <v>3897</v>
      </c>
      <c r="G5005" s="98" t="s">
        <v>13</v>
      </c>
      <c r="H5005" s="98">
        <v>0</v>
      </c>
      <c r="I5005" s="98">
        <v>0</v>
      </c>
      <c r="J5005" s="98">
        <v>0</v>
      </c>
      <c r="K5005" s="98" t="s">
        <v>174</v>
      </c>
      <c r="L5005" s="98" t="s">
        <v>174</v>
      </c>
      <c r="M5005" s="98" t="s">
        <v>174</v>
      </c>
      <c r="N5005" s="98" t="s">
        <v>174</v>
      </c>
      <c r="O5005" s="98" t="s">
        <v>174</v>
      </c>
      <c r="P5005" s="98" t="s">
        <v>174</v>
      </c>
      <c r="Q5005" s="98" t="s">
        <v>174</v>
      </c>
      <c r="R5005" s="98" t="s">
        <v>174</v>
      </c>
      <c r="S5005" s="98" t="s">
        <v>174</v>
      </c>
      <c r="T5005" s="98" t="s">
        <v>174</v>
      </c>
      <c r="U5005" s="99"/>
      <c r="V5005" s="99"/>
      <c r="W5005" s="99"/>
      <c r="X5005" s="99"/>
      <c r="Y5005" s="99"/>
      <c r="Z5005" s="99"/>
      <c r="AA5005" s="99"/>
      <c r="AB5005" s="99"/>
      <c r="AC5005" s="99"/>
      <c r="AD5005" s="99"/>
      <c r="AE5005" s="99"/>
      <c r="AF5005" s="99"/>
      <c r="AG5005" s="99"/>
      <c r="AH5005" s="99"/>
      <c r="AI5005" s="99"/>
      <c r="AJ5005" s="99"/>
      <c r="AK5005" s="99"/>
      <c r="AL5005" s="99"/>
      <c r="AM5005" s="99"/>
      <c r="AN5005" s="99"/>
      <c r="AO5005" s="99"/>
      <c r="AP5005" s="99"/>
      <c r="AQ5005" s="99"/>
      <c r="AR5005" s="99"/>
      <c r="AS5005" s="99"/>
      <c r="AT5005" s="99"/>
      <c r="AU5005" s="99"/>
      <c r="AV5005" s="99"/>
      <c r="AW5005" s="99"/>
      <c r="AX5005" s="99"/>
      <c r="AY5005" s="99"/>
      <c r="AZ5005" s="99"/>
      <c r="BA5005" s="99"/>
      <c r="BB5005" s="107">
        <v>45884</v>
      </c>
    </row>
    <row r="5006" spans="1:54" s="8" customFormat="1" ht="13.95" customHeight="1" x14ac:dyDescent="0.25">
      <c r="A5006" s="219" t="s">
        <v>11536</v>
      </c>
      <c r="B5006" s="220" t="s">
        <v>10412</v>
      </c>
      <c r="C5006" s="98" t="s">
        <v>11537</v>
      </c>
      <c r="D5006" s="98" t="s">
        <v>11538</v>
      </c>
      <c r="E5006" s="141" t="s">
        <v>174</v>
      </c>
      <c r="F5006" s="141">
        <v>3635</v>
      </c>
      <c r="G5006" s="98" t="s">
        <v>13</v>
      </c>
      <c r="H5006" s="98">
        <v>0</v>
      </c>
      <c r="I5006" s="98">
        <v>0</v>
      </c>
      <c r="J5006" s="98">
        <v>0</v>
      </c>
      <c r="K5006" s="98" t="s">
        <v>174</v>
      </c>
      <c r="L5006" s="98" t="s">
        <v>174</v>
      </c>
      <c r="M5006" s="98" t="s">
        <v>174</v>
      </c>
      <c r="N5006" s="98" t="s">
        <v>174</v>
      </c>
      <c r="O5006" s="98" t="s">
        <v>174</v>
      </c>
      <c r="P5006" s="98" t="s">
        <v>174</v>
      </c>
      <c r="Q5006" s="98" t="s">
        <v>174</v>
      </c>
      <c r="R5006" s="98" t="s">
        <v>174</v>
      </c>
      <c r="S5006" s="98" t="s">
        <v>174</v>
      </c>
      <c r="T5006" s="98" t="s">
        <v>174</v>
      </c>
      <c r="U5006" s="99"/>
      <c r="V5006" s="99"/>
      <c r="W5006" s="99"/>
      <c r="X5006" s="99"/>
      <c r="Y5006" s="99"/>
      <c r="Z5006" s="99"/>
      <c r="AA5006" s="99"/>
      <c r="AB5006" s="99"/>
      <c r="AC5006" s="99"/>
      <c r="AD5006" s="99"/>
      <c r="AE5006" s="99"/>
      <c r="AF5006" s="99"/>
      <c r="AG5006" s="99"/>
      <c r="AH5006" s="99"/>
      <c r="AI5006" s="99"/>
      <c r="AJ5006" s="99"/>
      <c r="AK5006" s="99"/>
      <c r="AL5006" s="99"/>
      <c r="AM5006" s="99"/>
      <c r="AN5006" s="99"/>
      <c r="AO5006" s="99"/>
      <c r="AP5006" s="99"/>
      <c r="AQ5006" s="99"/>
      <c r="AR5006" s="99"/>
      <c r="AS5006" s="99"/>
      <c r="AT5006" s="99"/>
      <c r="AU5006" s="99"/>
      <c r="AV5006" s="99"/>
      <c r="AW5006" s="99"/>
      <c r="AX5006" s="99"/>
      <c r="AY5006" s="99"/>
      <c r="AZ5006" s="99"/>
      <c r="BA5006" s="99"/>
      <c r="BB5006" s="107">
        <v>45884</v>
      </c>
    </row>
    <row r="5007" spans="1:54" s="8" customFormat="1" ht="13.95" customHeight="1" x14ac:dyDescent="0.25">
      <c r="A5007" s="219" t="s">
        <v>11539</v>
      </c>
      <c r="B5007" s="220" t="s">
        <v>10412</v>
      </c>
      <c r="C5007" s="98" t="s">
        <v>11540</v>
      </c>
      <c r="D5007" s="98" t="s">
        <v>11541</v>
      </c>
      <c r="E5007" s="141" t="s">
        <v>174</v>
      </c>
      <c r="F5007" s="141">
        <v>1143</v>
      </c>
      <c r="G5007" s="98" t="s">
        <v>1</v>
      </c>
      <c r="H5007" s="98">
        <v>0</v>
      </c>
      <c r="I5007" s="98">
        <v>0</v>
      </c>
      <c r="J5007" s="98">
        <v>1</v>
      </c>
      <c r="K5007" s="98" t="s">
        <v>174</v>
      </c>
      <c r="L5007" s="98" t="s">
        <v>174</v>
      </c>
      <c r="M5007" s="98" t="s">
        <v>174</v>
      </c>
      <c r="N5007" s="98" t="s">
        <v>174</v>
      </c>
      <c r="O5007" s="98" t="s">
        <v>174</v>
      </c>
      <c r="P5007" s="98" t="s">
        <v>174</v>
      </c>
      <c r="Q5007" s="98" t="s">
        <v>174</v>
      </c>
      <c r="R5007" s="98" t="s">
        <v>174</v>
      </c>
      <c r="S5007" s="98" t="s">
        <v>174</v>
      </c>
      <c r="T5007" s="98" t="s">
        <v>174</v>
      </c>
      <c r="U5007" s="99"/>
      <c r="V5007" s="99"/>
      <c r="W5007" s="99"/>
      <c r="X5007" s="99"/>
      <c r="Y5007" s="99"/>
      <c r="Z5007" s="99"/>
      <c r="AA5007" s="99"/>
      <c r="AB5007" s="99"/>
      <c r="AC5007" s="99"/>
      <c r="AD5007" s="99"/>
      <c r="AE5007" s="99"/>
      <c r="AF5007" s="99"/>
      <c r="AG5007" s="99"/>
      <c r="AH5007" s="99"/>
      <c r="AI5007" s="99"/>
      <c r="AJ5007" s="99"/>
      <c r="AK5007" s="99"/>
      <c r="AL5007" s="99"/>
      <c r="AM5007" s="99"/>
      <c r="AN5007" s="99"/>
      <c r="AO5007" s="99"/>
      <c r="AP5007" s="99"/>
      <c r="AQ5007" s="99"/>
      <c r="AR5007" s="99"/>
      <c r="AS5007" s="99"/>
      <c r="AT5007" s="99"/>
      <c r="AU5007" s="99"/>
      <c r="AV5007" s="99"/>
      <c r="AW5007" s="99"/>
      <c r="AX5007" s="99"/>
      <c r="AY5007" s="99"/>
      <c r="AZ5007" s="99"/>
      <c r="BA5007" s="99"/>
      <c r="BB5007" s="107">
        <v>45884</v>
      </c>
    </row>
    <row r="5008" spans="1:54" s="8" customFormat="1" ht="13.95" customHeight="1" x14ac:dyDescent="0.25">
      <c r="A5008" s="219" t="s">
        <v>11542</v>
      </c>
      <c r="B5008" s="220" t="s">
        <v>10412</v>
      </c>
      <c r="C5008" s="98" t="s">
        <v>11543</v>
      </c>
      <c r="D5008" s="98" t="s">
        <v>11544</v>
      </c>
      <c r="E5008" s="141" t="s">
        <v>174</v>
      </c>
      <c r="F5008" s="141">
        <v>2799</v>
      </c>
      <c r="G5008" s="98" t="s">
        <v>13</v>
      </c>
      <c r="H5008" s="98">
        <v>0</v>
      </c>
      <c r="I5008" s="98">
        <v>0</v>
      </c>
      <c r="J5008" s="98">
        <v>0</v>
      </c>
      <c r="K5008" s="98" t="s">
        <v>174</v>
      </c>
      <c r="L5008" s="98" t="s">
        <v>174</v>
      </c>
      <c r="M5008" s="98" t="s">
        <v>174</v>
      </c>
      <c r="N5008" s="98" t="s">
        <v>174</v>
      </c>
      <c r="O5008" s="98" t="s">
        <v>174</v>
      </c>
      <c r="P5008" s="98" t="s">
        <v>174</v>
      </c>
      <c r="Q5008" s="98" t="s">
        <v>174</v>
      </c>
      <c r="R5008" s="98" t="s">
        <v>174</v>
      </c>
      <c r="S5008" s="98" t="s">
        <v>174</v>
      </c>
      <c r="T5008" s="98" t="s">
        <v>174</v>
      </c>
      <c r="U5008" s="99"/>
      <c r="V5008" s="99"/>
      <c r="W5008" s="99"/>
      <c r="X5008" s="99"/>
      <c r="Y5008" s="99"/>
      <c r="Z5008" s="99"/>
      <c r="AA5008" s="99"/>
      <c r="AB5008" s="99"/>
      <c r="AC5008" s="99"/>
      <c r="AD5008" s="99"/>
      <c r="AE5008" s="99"/>
      <c r="AF5008" s="99"/>
      <c r="AG5008" s="99"/>
      <c r="AH5008" s="99"/>
      <c r="AI5008" s="99"/>
      <c r="AJ5008" s="99"/>
      <c r="AK5008" s="99"/>
      <c r="AL5008" s="99"/>
      <c r="AM5008" s="99"/>
      <c r="AN5008" s="99"/>
      <c r="AO5008" s="99"/>
      <c r="AP5008" s="99"/>
      <c r="AQ5008" s="99"/>
      <c r="AR5008" s="99"/>
      <c r="AS5008" s="99"/>
      <c r="AT5008" s="99"/>
      <c r="AU5008" s="99"/>
      <c r="AV5008" s="99"/>
      <c r="AW5008" s="99"/>
      <c r="AX5008" s="99"/>
      <c r="AY5008" s="99"/>
      <c r="AZ5008" s="99"/>
      <c r="BA5008" s="99"/>
      <c r="BB5008" s="107">
        <v>45884</v>
      </c>
    </row>
    <row r="5009" spans="1:54" s="8" customFormat="1" ht="13.95" customHeight="1" x14ac:dyDescent="0.25">
      <c r="A5009" s="219" t="s">
        <v>11545</v>
      </c>
      <c r="B5009" s="220" t="s">
        <v>10412</v>
      </c>
      <c r="C5009" s="98" t="s">
        <v>5883</v>
      </c>
      <c r="D5009" s="98" t="s">
        <v>11546</v>
      </c>
      <c r="E5009" s="141" t="s">
        <v>174</v>
      </c>
      <c r="F5009" s="141">
        <v>136</v>
      </c>
      <c r="G5009" s="98" t="s">
        <v>1</v>
      </c>
      <c r="H5009" s="98">
        <v>0</v>
      </c>
      <c r="I5009" s="98">
        <v>0</v>
      </c>
      <c r="J5009" s="98">
        <v>1</v>
      </c>
      <c r="K5009" s="98" t="s">
        <v>174</v>
      </c>
      <c r="L5009" s="98" t="s">
        <v>174</v>
      </c>
      <c r="M5009" s="98" t="s">
        <v>174</v>
      </c>
      <c r="N5009" s="98" t="s">
        <v>174</v>
      </c>
      <c r="O5009" s="98" t="s">
        <v>174</v>
      </c>
      <c r="P5009" s="98" t="s">
        <v>174</v>
      </c>
      <c r="Q5009" s="98" t="s">
        <v>174</v>
      </c>
      <c r="R5009" s="98" t="s">
        <v>174</v>
      </c>
      <c r="S5009" s="98" t="s">
        <v>174</v>
      </c>
      <c r="T5009" s="98" t="s">
        <v>174</v>
      </c>
      <c r="U5009" s="99"/>
      <c r="V5009" s="99"/>
      <c r="W5009" s="99"/>
      <c r="X5009" s="99"/>
      <c r="Y5009" s="99"/>
      <c r="Z5009" s="99"/>
      <c r="AA5009" s="99"/>
      <c r="AB5009" s="99"/>
      <c r="AC5009" s="99"/>
      <c r="AD5009" s="99"/>
      <c r="AE5009" s="99"/>
      <c r="AF5009" s="99"/>
      <c r="AG5009" s="99"/>
      <c r="AH5009" s="99"/>
      <c r="AI5009" s="99"/>
      <c r="AJ5009" s="99"/>
      <c r="AK5009" s="99"/>
      <c r="AL5009" s="99"/>
      <c r="AM5009" s="99"/>
      <c r="AN5009" s="99"/>
      <c r="AO5009" s="99"/>
      <c r="AP5009" s="99"/>
      <c r="AQ5009" s="99"/>
      <c r="AR5009" s="99"/>
      <c r="AS5009" s="99"/>
      <c r="AT5009" s="99"/>
      <c r="AU5009" s="99"/>
      <c r="AV5009" s="99"/>
      <c r="AW5009" s="99"/>
      <c r="AX5009" s="99"/>
      <c r="AY5009" s="99"/>
      <c r="AZ5009" s="99"/>
      <c r="BA5009" s="99"/>
      <c r="BB5009" s="107">
        <v>45884</v>
      </c>
    </row>
    <row r="5010" spans="1:54" s="8" customFormat="1" ht="13.95" customHeight="1" x14ac:dyDescent="0.25">
      <c r="A5010" s="219" t="s">
        <v>11547</v>
      </c>
      <c r="B5010" s="220" t="s">
        <v>10412</v>
      </c>
      <c r="C5010" s="98" t="s">
        <v>11548</v>
      </c>
      <c r="D5010" s="98" t="s">
        <v>11549</v>
      </c>
      <c r="E5010" s="141" t="s">
        <v>174</v>
      </c>
      <c r="F5010" s="141">
        <v>501</v>
      </c>
      <c r="G5010" s="98" t="s">
        <v>1</v>
      </c>
      <c r="H5010" s="98">
        <v>0</v>
      </c>
      <c r="I5010" s="98">
        <v>0</v>
      </c>
      <c r="J5010" s="98">
        <v>1</v>
      </c>
      <c r="K5010" s="98" t="s">
        <v>174</v>
      </c>
      <c r="L5010" s="98" t="s">
        <v>174</v>
      </c>
      <c r="M5010" s="98" t="s">
        <v>174</v>
      </c>
      <c r="N5010" s="98" t="s">
        <v>174</v>
      </c>
      <c r="O5010" s="98" t="s">
        <v>174</v>
      </c>
      <c r="P5010" s="98" t="s">
        <v>174</v>
      </c>
      <c r="Q5010" s="98" t="s">
        <v>174</v>
      </c>
      <c r="R5010" s="98" t="s">
        <v>174</v>
      </c>
      <c r="S5010" s="98" t="s">
        <v>174</v>
      </c>
      <c r="T5010" s="98" t="s">
        <v>174</v>
      </c>
      <c r="U5010" s="99"/>
      <c r="V5010" s="99"/>
      <c r="W5010" s="99"/>
      <c r="X5010" s="99"/>
      <c r="Y5010" s="99"/>
      <c r="Z5010" s="99"/>
      <c r="AA5010" s="99"/>
      <c r="AB5010" s="99"/>
      <c r="AC5010" s="99"/>
      <c r="AD5010" s="99"/>
      <c r="AE5010" s="99"/>
      <c r="AF5010" s="99"/>
      <c r="AG5010" s="99"/>
      <c r="AH5010" s="99"/>
      <c r="AI5010" s="99"/>
      <c r="AJ5010" s="99"/>
      <c r="AK5010" s="99"/>
      <c r="AL5010" s="99"/>
      <c r="AM5010" s="99"/>
      <c r="AN5010" s="99"/>
      <c r="AO5010" s="99"/>
      <c r="AP5010" s="99"/>
      <c r="AQ5010" s="99"/>
      <c r="AR5010" s="99"/>
      <c r="AS5010" s="99"/>
      <c r="AT5010" s="99"/>
      <c r="AU5010" s="99"/>
      <c r="AV5010" s="99"/>
      <c r="AW5010" s="99"/>
      <c r="AX5010" s="99"/>
      <c r="AY5010" s="99"/>
      <c r="AZ5010" s="99"/>
      <c r="BA5010" s="99"/>
      <c r="BB5010" s="107">
        <v>45884</v>
      </c>
    </row>
    <row r="5011" spans="1:54" s="8" customFormat="1" ht="13.95" customHeight="1" x14ac:dyDescent="0.25">
      <c r="A5011" s="219" t="s">
        <v>11550</v>
      </c>
      <c r="B5011" s="220" t="s">
        <v>10412</v>
      </c>
      <c r="C5011" s="98" t="s">
        <v>11551</v>
      </c>
      <c r="D5011" s="98" t="s">
        <v>11552</v>
      </c>
      <c r="E5011" s="141" t="s">
        <v>174</v>
      </c>
      <c r="F5011" s="141">
        <v>426</v>
      </c>
      <c r="G5011" s="98" t="s">
        <v>1</v>
      </c>
      <c r="H5011" s="98">
        <v>0</v>
      </c>
      <c r="I5011" s="98">
        <v>0</v>
      </c>
      <c r="J5011" s="98">
        <v>0</v>
      </c>
      <c r="K5011" s="98" t="s">
        <v>174</v>
      </c>
      <c r="L5011" s="98" t="s">
        <v>174</v>
      </c>
      <c r="M5011" s="98" t="s">
        <v>174</v>
      </c>
      <c r="N5011" s="98" t="s">
        <v>174</v>
      </c>
      <c r="O5011" s="98" t="s">
        <v>174</v>
      </c>
      <c r="P5011" s="98" t="s">
        <v>174</v>
      </c>
      <c r="Q5011" s="98" t="s">
        <v>174</v>
      </c>
      <c r="R5011" s="98" t="s">
        <v>174</v>
      </c>
      <c r="S5011" s="98" t="s">
        <v>174</v>
      </c>
      <c r="T5011" s="98" t="s">
        <v>174</v>
      </c>
      <c r="U5011" s="99"/>
      <c r="V5011" s="99"/>
      <c r="W5011" s="99"/>
      <c r="X5011" s="99"/>
      <c r="Y5011" s="99"/>
      <c r="Z5011" s="99"/>
      <c r="AA5011" s="99"/>
      <c r="AB5011" s="99"/>
      <c r="AC5011" s="99"/>
      <c r="AD5011" s="99"/>
      <c r="AE5011" s="99"/>
      <c r="AF5011" s="99"/>
      <c r="AG5011" s="99"/>
      <c r="AH5011" s="99"/>
      <c r="AI5011" s="99"/>
      <c r="AJ5011" s="99"/>
      <c r="AK5011" s="99"/>
      <c r="AL5011" s="99"/>
      <c r="AM5011" s="99"/>
      <c r="AN5011" s="99"/>
      <c r="AO5011" s="99"/>
      <c r="AP5011" s="99"/>
      <c r="AQ5011" s="99"/>
      <c r="AR5011" s="99"/>
      <c r="AS5011" s="99"/>
      <c r="AT5011" s="99"/>
      <c r="AU5011" s="99"/>
      <c r="AV5011" s="99"/>
      <c r="AW5011" s="99"/>
      <c r="AX5011" s="99"/>
      <c r="AY5011" s="99"/>
      <c r="AZ5011" s="99"/>
      <c r="BA5011" s="99"/>
      <c r="BB5011" s="107">
        <v>45884</v>
      </c>
    </row>
    <row r="5012" spans="1:54" s="8" customFormat="1" ht="13.95" customHeight="1" x14ac:dyDescent="0.25">
      <c r="A5012" s="219" t="s">
        <v>11553</v>
      </c>
      <c r="B5012" s="220" t="s">
        <v>10412</v>
      </c>
      <c r="C5012" s="98" t="s">
        <v>11554</v>
      </c>
      <c r="D5012" s="98" t="s">
        <v>11555</v>
      </c>
      <c r="E5012" s="141" t="s">
        <v>174</v>
      </c>
      <c r="F5012" s="141">
        <v>243</v>
      </c>
      <c r="G5012" s="98" t="s">
        <v>1</v>
      </c>
      <c r="H5012" s="98">
        <v>0</v>
      </c>
      <c r="I5012" s="98">
        <v>0</v>
      </c>
      <c r="J5012" s="98">
        <v>1</v>
      </c>
      <c r="K5012" s="98" t="s">
        <v>174</v>
      </c>
      <c r="L5012" s="98" t="s">
        <v>174</v>
      </c>
      <c r="M5012" s="98" t="s">
        <v>174</v>
      </c>
      <c r="N5012" s="98" t="s">
        <v>174</v>
      </c>
      <c r="O5012" s="98" t="s">
        <v>174</v>
      </c>
      <c r="P5012" s="98" t="s">
        <v>174</v>
      </c>
      <c r="Q5012" s="98" t="s">
        <v>174</v>
      </c>
      <c r="R5012" s="98" t="s">
        <v>174</v>
      </c>
      <c r="S5012" s="98" t="s">
        <v>174</v>
      </c>
      <c r="T5012" s="98" t="s">
        <v>174</v>
      </c>
      <c r="U5012" s="98" t="s">
        <v>174</v>
      </c>
      <c r="V5012" s="98" t="s">
        <v>174</v>
      </c>
      <c r="W5012" s="98" t="s">
        <v>174</v>
      </c>
      <c r="X5012" s="98" t="s">
        <v>174</v>
      </c>
      <c r="Y5012" s="98" t="s">
        <v>174</v>
      </c>
      <c r="Z5012" s="98" t="s">
        <v>174</v>
      </c>
      <c r="AA5012" s="98" t="s">
        <v>174</v>
      </c>
      <c r="AB5012" s="98" t="s">
        <v>174</v>
      </c>
      <c r="AC5012" s="98" t="s">
        <v>174</v>
      </c>
      <c r="AD5012" s="98" t="s">
        <v>174</v>
      </c>
      <c r="AE5012" s="98" t="s">
        <v>174</v>
      </c>
      <c r="AF5012" s="98" t="s">
        <v>174</v>
      </c>
      <c r="AG5012" s="98" t="s">
        <v>174</v>
      </c>
      <c r="AH5012" s="98" t="s">
        <v>174</v>
      </c>
      <c r="AI5012" s="98" t="s">
        <v>174</v>
      </c>
      <c r="AJ5012" s="98" t="s">
        <v>174</v>
      </c>
      <c r="AK5012" s="98" t="s">
        <v>174</v>
      </c>
      <c r="AL5012" s="98" t="s">
        <v>174</v>
      </c>
      <c r="AM5012" s="98" t="s">
        <v>174</v>
      </c>
      <c r="AN5012" s="98" t="s">
        <v>174</v>
      </c>
      <c r="AO5012" s="98" t="s">
        <v>174</v>
      </c>
      <c r="AP5012" s="98" t="s">
        <v>174</v>
      </c>
      <c r="AQ5012" s="98" t="s">
        <v>174</v>
      </c>
      <c r="AR5012" s="98" t="s">
        <v>174</v>
      </c>
      <c r="AS5012" s="98" t="s">
        <v>174</v>
      </c>
      <c r="AT5012" s="129" t="s">
        <v>174</v>
      </c>
      <c r="AU5012" s="98" t="s">
        <v>174</v>
      </c>
      <c r="AV5012" s="98" t="s">
        <v>174</v>
      </c>
      <c r="AW5012" s="98" t="s">
        <v>174</v>
      </c>
      <c r="AX5012" s="98"/>
      <c r="AY5012" s="98"/>
      <c r="AZ5012" s="98"/>
      <c r="BA5012" s="98"/>
      <c r="BB5012" s="107">
        <v>45884</v>
      </c>
    </row>
    <row r="5013" spans="1:54" s="8" customFormat="1" ht="13.95" customHeight="1" x14ac:dyDescent="0.25">
      <c r="A5013" s="219" t="s">
        <v>11556</v>
      </c>
      <c r="B5013" s="220" t="s">
        <v>10412</v>
      </c>
      <c r="C5013" s="98" t="s">
        <v>11557</v>
      </c>
      <c r="D5013" s="98" t="s">
        <v>11558</v>
      </c>
      <c r="E5013" s="141" t="s">
        <v>174</v>
      </c>
      <c r="F5013" s="141">
        <v>285</v>
      </c>
      <c r="G5013" s="98" t="s">
        <v>1</v>
      </c>
      <c r="H5013" s="98">
        <v>0</v>
      </c>
      <c r="I5013" s="98">
        <v>0</v>
      </c>
      <c r="J5013" s="98">
        <v>1</v>
      </c>
      <c r="K5013" s="98" t="s">
        <v>174</v>
      </c>
      <c r="L5013" s="98" t="s">
        <v>174</v>
      </c>
      <c r="M5013" s="98" t="s">
        <v>174</v>
      </c>
      <c r="N5013" s="98" t="s">
        <v>174</v>
      </c>
      <c r="O5013" s="98" t="s">
        <v>174</v>
      </c>
      <c r="P5013" s="98" t="s">
        <v>174</v>
      </c>
      <c r="Q5013" s="98" t="s">
        <v>174</v>
      </c>
      <c r="R5013" s="98" t="s">
        <v>174</v>
      </c>
      <c r="S5013" s="98" t="s">
        <v>174</v>
      </c>
      <c r="T5013" s="98" t="s">
        <v>174</v>
      </c>
      <c r="U5013" s="98" t="s">
        <v>174</v>
      </c>
      <c r="V5013" s="98" t="s">
        <v>174</v>
      </c>
      <c r="W5013" s="98" t="s">
        <v>174</v>
      </c>
      <c r="X5013" s="98" t="s">
        <v>174</v>
      </c>
      <c r="Y5013" s="98" t="s">
        <v>174</v>
      </c>
      <c r="Z5013" s="98" t="s">
        <v>174</v>
      </c>
      <c r="AA5013" s="98" t="s">
        <v>174</v>
      </c>
      <c r="AB5013" s="98" t="s">
        <v>174</v>
      </c>
      <c r="AC5013" s="98" t="s">
        <v>174</v>
      </c>
      <c r="AD5013" s="98" t="s">
        <v>174</v>
      </c>
      <c r="AE5013" s="98" t="s">
        <v>174</v>
      </c>
      <c r="AF5013" s="98" t="s">
        <v>174</v>
      </c>
      <c r="AG5013" s="98" t="s">
        <v>174</v>
      </c>
      <c r="AH5013" s="98" t="s">
        <v>174</v>
      </c>
      <c r="AI5013" s="98" t="s">
        <v>174</v>
      </c>
      <c r="AJ5013" s="98" t="s">
        <v>174</v>
      </c>
      <c r="AK5013" s="98" t="s">
        <v>174</v>
      </c>
      <c r="AL5013" s="98" t="s">
        <v>174</v>
      </c>
      <c r="AM5013" s="98" t="s">
        <v>174</v>
      </c>
      <c r="AN5013" s="98" t="s">
        <v>174</v>
      </c>
      <c r="AO5013" s="98" t="s">
        <v>174</v>
      </c>
      <c r="AP5013" s="98" t="s">
        <v>174</v>
      </c>
      <c r="AQ5013" s="98" t="s">
        <v>174</v>
      </c>
      <c r="AR5013" s="98" t="s">
        <v>174</v>
      </c>
      <c r="AS5013" s="98" t="s">
        <v>174</v>
      </c>
      <c r="AT5013" s="129" t="s">
        <v>174</v>
      </c>
      <c r="AU5013" s="98" t="s">
        <v>174</v>
      </c>
      <c r="AV5013" s="98" t="s">
        <v>174</v>
      </c>
      <c r="AW5013" s="98" t="s">
        <v>174</v>
      </c>
      <c r="AX5013" s="98"/>
      <c r="AY5013" s="98"/>
      <c r="AZ5013" s="98"/>
      <c r="BA5013" s="98"/>
      <c r="BB5013" s="107">
        <v>45884</v>
      </c>
    </row>
    <row r="5014" spans="1:54" s="8" customFormat="1" ht="13.95" customHeight="1" x14ac:dyDescent="0.25">
      <c r="A5014" s="219" t="s">
        <v>11559</v>
      </c>
      <c r="B5014" s="220" t="s">
        <v>10412</v>
      </c>
      <c r="C5014" s="98" t="s">
        <v>11560</v>
      </c>
      <c r="D5014" s="98" t="s">
        <v>11561</v>
      </c>
      <c r="E5014" s="141" t="s">
        <v>174</v>
      </c>
      <c r="F5014" s="141">
        <v>1037</v>
      </c>
      <c r="G5014" s="98" t="s">
        <v>1</v>
      </c>
      <c r="H5014" s="98">
        <v>0</v>
      </c>
      <c r="I5014" s="98">
        <v>0</v>
      </c>
      <c r="J5014" s="98">
        <v>0</v>
      </c>
      <c r="K5014" s="98" t="s">
        <v>174</v>
      </c>
      <c r="L5014" s="98" t="s">
        <v>174</v>
      </c>
      <c r="M5014" s="98" t="s">
        <v>174</v>
      </c>
      <c r="N5014" s="98" t="s">
        <v>174</v>
      </c>
      <c r="O5014" s="98" t="s">
        <v>174</v>
      </c>
      <c r="P5014" s="98" t="s">
        <v>174</v>
      </c>
      <c r="Q5014" s="98" t="s">
        <v>174</v>
      </c>
      <c r="R5014" s="98" t="s">
        <v>174</v>
      </c>
      <c r="S5014" s="98" t="s">
        <v>174</v>
      </c>
      <c r="T5014" s="98" t="s">
        <v>174</v>
      </c>
      <c r="U5014" s="98" t="s">
        <v>174</v>
      </c>
      <c r="V5014" s="98" t="s">
        <v>174</v>
      </c>
      <c r="W5014" s="98" t="s">
        <v>174</v>
      </c>
      <c r="X5014" s="98" t="s">
        <v>174</v>
      </c>
      <c r="Y5014" s="98" t="s">
        <v>174</v>
      </c>
      <c r="Z5014" s="98" t="s">
        <v>174</v>
      </c>
      <c r="AA5014" s="98" t="s">
        <v>174</v>
      </c>
      <c r="AB5014" s="98" t="s">
        <v>174</v>
      </c>
      <c r="AC5014" s="98" t="s">
        <v>174</v>
      </c>
      <c r="AD5014" s="98" t="s">
        <v>174</v>
      </c>
      <c r="AE5014" s="98" t="s">
        <v>174</v>
      </c>
      <c r="AF5014" s="98" t="s">
        <v>174</v>
      </c>
      <c r="AG5014" s="98" t="s">
        <v>174</v>
      </c>
      <c r="AH5014" s="98" t="s">
        <v>174</v>
      </c>
      <c r="AI5014" s="98" t="s">
        <v>174</v>
      </c>
      <c r="AJ5014" s="98" t="s">
        <v>174</v>
      </c>
      <c r="AK5014" s="98" t="s">
        <v>174</v>
      </c>
      <c r="AL5014" s="98" t="s">
        <v>174</v>
      </c>
      <c r="AM5014" s="98" t="s">
        <v>174</v>
      </c>
      <c r="AN5014" s="98" t="s">
        <v>174</v>
      </c>
      <c r="AO5014" s="98" t="s">
        <v>174</v>
      </c>
      <c r="AP5014" s="98" t="s">
        <v>174</v>
      </c>
      <c r="AQ5014" s="98" t="s">
        <v>174</v>
      </c>
      <c r="AR5014" s="98" t="s">
        <v>174</v>
      </c>
      <c r="AS5014" s="98" t="s">
        <v>174</v>
      </c>
      <c r="AT5014" s="129" t="s">
        <v>174</v>
      </c>
      <c r="AU5014" s="98" t="s">
        <v>174</v>
      </c>
      <c r="AV5014" s="98" t="s">
        <v>174</v>
      </c>
      <c r="AW5014" s="98" t="s">
        <v>174</v>
      </c>
      <c r="AX5014" s="98"/>
      <c r="AY5014" s="98"/>
      <c r="AZ5014" s="98"/>
      <c r="BA5014" s="98"/>
      <c r="BB5014" s="107">
        <v>45884</v>
      </c>
    </row>
    <row r="5015" spans="1:54" s="8" customFormat="1" ht="13.95" customHeight="1" x14ac:dyDescent="0.25">
      <c r="A5015" s="219" t="s">
        <v>11562</v>
      </c>
      <c r="B5015" s="220" t="s">
        <v>10412</v>
      </c>
      <c r="C5015" s="98" t="s">
        <v>11563</v>
      </c>
      <c r="D5015" s="98" t="s">
        <v>11564</v>
      </c>
      <c r="E5015" s="141" t="s">
        <v>174</v>
      </c>
      <c r="F5015" s="141">
        <v>36414</v>
      </c>
      <c r="G5015" s="98" t="s">
        <v>13</v>
      </c>
      <c r="H5015" s="98">
        <v>0</v>
      </c>
      <c r="I5015" s="98">
        <v>0</v>
      </c>
      <c r="J5015" s="98">
        <v>0</v>
      </c>
      <c r="K5015" s="98" t="s">
        <v>174</v>
      </c>
      <c r="L5015" s="98" t="s">
        <v>174</v>
      </c>
      <c r="M5015" s="98" t="s">
        <v>174</v>
      </c>
      <c r="N5015" s="98" t="s">
        <v>174</v>
      </c>
      <c r="O5015" s="98" t="s">
        <v>174</v>
      </c>
      <c r="P5015" s="98" t="s">
        <v>174</v>
      </c>
      <c r="Q5015" s="98" t="s">
        <v>174</v>
      </c>
      <c r="R5015" s="98" t="s">
        <v>174</v>
      </c>
      <c r="S5015" s="98" t="s">
        <v>174</v>
      </c>
      <c r="T5015" s="98" t="s">
        <v>174</v>
      </c>
      <c r="U5015" s="99"/>
      <c r="V5015" s="99"/>
      <c r="W5015" s="99"/>
      <c r="X5015" s="99"/>
      <c r="Y5015" s="99"/>
      <c r="Z5015" s="99"/>
      <c r="AA5015" s="99"/>
      <c r="AB5015" s="99"/>
      <c r="AC5015" s="99"/>
      <c r="AD5015" s="99"/>
      <c r="AE5015" s="99"/>
      <c r="AF5015" s="99"/>
      <c r="AG5015" s="99"/>
      <c r="AH5015" s="99"/>
      <c r="AI5015" s="99"/>
      <c r="AJ5015" s="99"/>
      <c r="AK5015" s="99"/>
      <c r="AL5015" s="99"/>
      <c r="AM5015" s="99"/>
      <c r="AN5015" s="99"/>
      <c r="AO5015" s="99"/>
      <c r="AP5015" s="99"/>
      <c r="AQ5015" s="99"/>
      <c r="AR5015" s="99"/>
      <c r="AS5015" s="99"/>
      <c r="AT5015" s="99"/>
      <c r="AU5015" s="99"/>
      <c r="AV5015" s="99"/>
      <c r="AW5015" s="99"/>
      <c r="AX5015" s="99"/>
      <c r="AY5015" s="99"/>
      <c r="AZ5015" s="99"/>
      <c r="BA5015" s="99"/>
      <c r="BB5015" s="107">
        <v>45884</v>
      </c>
    </row>
    <row r="5016" spans="1:54" s="8" customFormat="1" ht="13.95" customHeight="1" x14ac:dyDescent="0.25">
      <c r="A5016" s="219" t="s">
        <v>11565</v>
      </c>
      <c r="B5016" s="220" t="s">
        <v>10412</v>
      </c>
      <c r="C5016" s="98" t="s">
        <v>11566</v>
      </c>
      <c r="D5016" s="98" t="s">
        <v>11567</v>
      </c>
      <c r="E5016" s="141" t="s">
        <v>174</v>
      </c>
      <c r="F5016" s="141">
        <v>820</v>
      </c>
      <c r="G5016" s="98" t="s">
        <v>1</v>
      </c>
      <c r="H5016" s="98">
        <v>0</v>
      </c>
      <c r="I5016" s="98">
        <v>0</v>
      </c>
      <c r="J5016" s="98">
        <v>1</v>
      </c>
      <c r="K5016" s="98" t="s">
        <v>174</v>
      </c>
      <c r="L5016" s="98" t="s">
        <v>174</v>
      </c>
      <c r="M5016" s="98" t="s">
        <v>174</v>
      </c>
      <c r="N5016" s="98" t="s">
        <v>174</v>
      </c>
      <c r="O5016" s="98" t="s">
        <v>174</v>
      </c>
      <c r="P5016" s="98" t="s">
        <v>174</v>
      </c>
      <c r="Q5016" s="98" t="s">
        <v>174</v>
      </c>
      <c r="R5016" s="98" t="s">
        <v>174</v>
      </c>
      <c r="S5016" s="98" t="s">
        <v>174</v>
      </c>
      <c r="T5016" s="98" t="s">
        <v>174</v>
      </c>
      <c r="U5016" s="99"/>
      <c r="V5016" s="99"/>
      <c r="W5016" s="99"/>
      <c r="X5016" s="99"/>
      <c r="Y5016" s="99"/>
      <c r="Z5016" s="99"/>
      <c r="AA5016" s="99"/>
      <c r="AB5016" s="99"/>
      <c r="AC5016" s="99"/>
      <c r="AD5016" s="99"/>
      <c r="AE5016" s="99"/>
      <c r="AF5016" s="99"/>
      <c r="AG5016" s="99"/>
      <c r="AH5016" s="99"/>
      <c r="AI5016" s="99"/>
      <c r="AJ5016" s="99"/>
      <c r="AK5016" s="99"/>
      <c r="AL5016" s="99"/>
      <c r="AM5016" s="99"/>
      <c r="AN5016" s="99"/>
      <c r="AO5016" s="99"/>
      <c r="AP5016" s="99"/>
      <c r="AQ5016" s="99"/>
      <c r="AR5016" s="99"/>
      <c r="AS5016" s="99"/>
      <c r="AT5016" s="99"/>
      <c r="AU5016" s="99"/>
      <c r="AV5016" s="99"/>
      <c r="AW5016" s="99"/>
      <c r="AX5016" s="99"/>
      <c r="AY5016" s="99"/>
      <c r="AZ5016" s="99"/>
      <c r="BA5016" s="99"/>
      <c r="BB5016" s="107">
        <v>45884</v>
      </c>
    </row>
    <row r="5017" spans="1:54" s="8" customFormat="1" ht="13.95" customHeight="1" x14ac:dyDescent="0.25">
      <c r="A5017" s="219" t="s">
        <v>11568</v>
      </c>
      <c r="B5017" s="220" t="s">
        <v>10412</v>
      </c>
      <c r="C5017" s="98" t="s">
        <v>11569</v>
      </c>
      <c r="D5017" s="98" t="s">
        <v>11570</v>
      </c>
      <c r="E5017" s="141" t="s">
        <v>174</v>
      </c>
      <c r="F5017" s="141">
        <v>484</v>
      </c>
      <c r="G5017" s="98" t="s">
        <v>1</v>
      </c>
      <c r="H5017" s="98">
        <v>0</v>
      </c>
      <c r="I5017" s="98">
        <v>0</v>
      </c>
      <c r="J5017" s="98">
        <v>0</v>
      </c>
      <c r="K5017" s="98" t="s">
        <v>174</v>
      </c>
      <c r="L5017" s="98" t="s">
        <v>174</v>
      </c>
      <c r="M5017" s="98" t="s">
        <v>174</v>
      </c>
      <c r="N5017" s="98" t="s">
        <v>174</v>
      </c>
      <c r="O5017" s="98" t="s">
        <v>174</v>
      </c>
      <c r="P5017" s="98" t="s">
        <v>174</v>
      </c>
      <c r="Q5017" s="98" t="s">
        <v>174</v>
      </c>
      <c r="R5017" s="98" t="s">
        <v>174</v>
      </c>
      <c r="S5017" s="98" t="s">
        <v>174</v>
      </c>
      <c r="T5017" s="98" t="s">
        <v>174</v>
      </c>
      <c r="U5017" s="98" t="s">
        <v>174</v>
      </c>
      <c r="V5017" s="98" t="s">
        <v>174</v>
      </c>
      <c r="W5017" s="98" t="s">
        <v>174</v>
      </c>
      <c r="X5017" s="98" t="s">
        <v>174</v>
      </c>
      <c r="Y5017" s="98" t="s">
        <v>174</v>
      </c>
      <c r="Z5017" s="98" t="s">
        <v>174</v>
      </c>
      <c r="AA5017" s="98" t="s">
        <v>174</v>
      </c>
      <c r="AB5017" s="98" t="s">
        <v>174</v>
      </c>
      <c r="AC5017" s="98" t="s">
        <v>174</v>
      </c>
      <c r="AD5017" s="98" t="s">
        <v>174</v>
      </c>
      <c r="AE5017" s="98" t="s">
        <v>174</v>
      </c>
      <c r="AF5017" s="98" t="s">
        <v>174</v>
      </c>
      <c r="AG5017" s="98" t="s">
        <v>174</v>
      </c>
      <c r="AH5017" s="98" t="s">
        <v>174</v>
      </c>
      <c r="AI5017" s="98" t="s">
        <v>174</v>
      </c>
      <c r="AJ5017" s="98" t="s">
        <v>174</v>
      </c>
      <c r="AK5017" s="98" t="s">
        <v>174</v>
      </c>
      <c r="AL5017" s="98" t="s">
        <v>174</v>
      </c>
      <c r="AM5017" s="98" t="s">
        <v>174</v>
      </c>
      <c r="AN5017" s="98" t="s">
        <v>174</v>
      </c>
      <c r="AO5017" s="98" t="s">
        <v>174</v>
      </c>
      <c r="AP5017" s="98" t="s">
        <v>174</v>
      </c>
      <c r="AQ5017" s="98" t="s">
        <v>174</v>
      </c>
      <c r="AR5017" s="98" t="s">
        <v>174</v>
      </c>
      <c r="AS5017" s="98" t="s">
        <v>174</v>
      </c>
      <c r="AT5017" s="129" t="s">
        <v>174</v>
      </c>
      <c r="AU5017" s="98" t="s">
        <v>174</v>
      </c>
      <c r="AV5017" s="98" t="s">
        <v>174</v>
      </c>
      <c r="AW5017" s="98" t="s">
        <v>174</v>
      </c>
      <c r="AX5017" s="98"/>
      <c r="AY5017" s="98"/>
      <c r="AZ5017" s="98"/>
      <c r="BA5017" s="98"/>
      <c r="BB5017" s="107">
        <v>45884</v>
      </c>
    </row>
    <row r="5018" spans="1:54" s="8" customFormat="1" ht="13.95" customHeight="1" x14ac:dyDescent="0.25">
      <c r="A5018" s="219" t="s">
        <v>11571</v>
      </c>
      <c r="B5018" s="220" t="s">
        <v>10412</v>
      </c>
      <c r="C5018" s="98" t="s">
        <v>11572</v>
      </c>
      <c r="D5018" s="98" t="s">
        <v>11573</v>
      </c>
      <c r="E5018" s="141" t="s">
        <v>174</v>
      </c>
      <c r="F5018" s="141">
        <v>508</v>
      </c>
      <c r="G5018" s="98" t="s">
        <v>1</v>
      </c>
      <c r="H5018" s="98">
        <v>0</v>
      </c>
      <c r="I5018" s="98">
        <v>0</v>
      </c>
      <c r="J5018" s="98">
        <v>1</v>
      </c>
      <c r="K5018" s="98" t="s">
        <v>174</v>
      </c>
      <c r="L5018" s="98" t="s">
        <v>174</v>
      </c>
      <c r="M5018" s="98" t="s">
        <v>174</v>
      </c>
      <c r="N5018" s="98" t="s">
        <v>174</v>
      </c>
      <c r="O5018" s="98" t="s">
        <v>174</v>
      </c>
      <c r="P5018" s="98" t="s">
        <v>174</v>
      </c>
      <c r="Q5018" s="98" t="s">
        <v>174</v>
      </c>
      <c r="R5018" s="98" t="s">
        <v>174</v>
      </c>
      <c r="S5018" s="98" t="s">
        <v>174</v>
      </c>
      <c r="T5018" s="98" t="s">
        <v>174</v>
      </c>
      <c r="U5018" s="99"/>
      <c r="V5018" s="99"/>
      <c r="W5018" s="99"/>
      <c r="X5018" s="99"/>
      <c r="Y5018" s="99"/>
      <c r="Z5018" s="99"/>
      <c r="AA5018" s="99"/>
      <c r="AB5018" s="99"/>
      <c r="AC5018" s="99"/>
      <c r="AD5018" s="99"/>
      <c r="AE5018" s="99"/>
      <c r="AF5018" s="99"/>
      <c r="AG5018" s="99"/>
      <c r="AH5018" s="99"/>
      <c r="AI5018" s="99"/>
      <c r="AJ5018" s="99"/>
      <c r="AK5018" s="99"/>
      <c r="AL5018" s="99"/>
      <c r="AM5018" s="99"/>
      <c r="AN5018" s="99"/>
      <c r="AO5018" s="99"/>
      <c r="AP5018" s="99"/>
      <c r="AQ5018" s="99"/>
      <c r="AR5018" s="99"/>
      <c r="AS5018" s="99"/>
      <c r="AT5018" s="99"/>
      <c r="AU5018" s="99"/>
      <c r="AV5018" s="99"/>
      <c r="AW5018" s="99"/>
      <c r="AX5018" s="99"/>
      <c r="AY5018" s="99"/>
      <c r="AZ5018" s="99"/>
      <c r="BA5018" s="99"/>
      <c r="BB5018" s="107">
        <v>45884</v>
      </c>
    </row>
    <row r="5019" spans="1:54" s="8" customFormat="1" ht="13.95" customHeight="1" x14ac:dyDescent="0.25">
      <c r="A5019" s="219" t="s">
        <v>11574</v>
      </c>
      <c r="B5019" s="220" t="s">
        <v>10412</v>
      </c>
      <c r="C5019" s="98" t="s">
        <v>11575</v>
      </c>
      <c r="D5019" s="98" t="s">
        <v>11576</v>
      </c>
      <c r="E5019" s="141" t="s">
        <v>174</v>
      </c>
      <c r="F5019" s="141">
        <v>394</v>
      </c>
      <c r="G5019" s="98" t="s">
        <v>9</v>
      </c>
      <c r="H5019" s="98">
        <v>0</v>
      </c>
      <c r="I5019" s="98">
        <v>0</v>
      </c>
      <c r="J5019" s="98">
        <v>0</v>
      </c>
      <c r="K5019" s="98" t="s">
        <v>174</v>
      </c>
      <c r="L5019" s="98" t="s">
        <v>174</v>
      </c>
      <c r="M5019" s="98" t="s">
        <v>174</v>
      </c>
      <c r="N5019" s="98" t="s">
        <v>174</v>
      </c>
      <c r="O5019" s="98" t="s">
        <v>174</v>
      </c>
      <c r="P5019" s="98" t="s">
        <v>174</v>
      </c>
      <c r="Q5019" s="98" t="s">
        <v>174</v>
      </c>
      <c r="R5019" s="98" t="s">
        <v>174</v>
      </c>
      <c r="S5019" s="98" t="s">
        <v>174</v>
      </c>
      <c r="T5019" s="98" t="s">
        <v>174</v>
      </c>
      <c r="U5019" s="99"/>
      <c r="V5019" s="99"/>
      <c r="W5019" s="99"/>
      <c r="X5019" s="99"/>
      <c r="Y5019" s="99"/>
      <c r="Z5019" s="99"/>
      <c r="AA5019" s="99"/>
      <c r="AB5019" s="99"/>
      <c r="AC5019" s="99"/>
      <c r="AD5019" s="99"/>
      <c r="AE5019" s="99"/>
      <c r="AF5019" s="99"/>
      <c r="AG5019" s="99"/>
      <c r="AH5019" s="99"/>
      <c r="AI5019" s="99"/>
      <c r="AJ5019" s="99"/>
      <c r="AK5019" s="99"/>
      <c r="AL5019" s="99"/>
      <c r="AM5019" s="99"/>
      <c r="AN5019" s="99"/>
      <c r="AO5019" s="99"/>
      <c r="AP5019" s="99"/>
      <c r="AQ5019" s="99"/>
      <c r="AR5019" s="99"/>
      <c r="AS5019" s="99"/>
      <c r="AT5019" s="99"/>
      <c r="AU5019" s="99"/>
      <c r="AV5019" s="99"/>
      <c r="AW5019" s="99"/>
      <c r="AX5019" s="99"/>
      <c r="AY5019" s="99"/>
      <c r="AZ5019" s="99"/>
      <c r="BA5019" s="99"/>
      <c r="BB5019" s="107">
        <v>45884</v>
      </c>
    </row>
    <row r="5020" spans="1:54" s="8" customFormat="1" ht="13.95" customHeight="1" x14ac:dyDescent="0.25">
      <c r="A5020" s="219" t="s">
        <v>11577</v>
      </c>
      <c r="B5020" s="220" t="s">
        <v>10412</v>
      </c>
      <c r="C5020" s="98" t="s">
        <v>11578</v>
      </c>
      <c r="D5020" s="98" t="s">
        <v>11579</v>
      </c>
      <c r="E5020" s="141" t="s">
        <v>174</v>
      </c>
      <c r="F5020" s="141">
        <v>5545</v>
      </c>
      <c r="G5020" s="98" t="s">
        <v>9</v>
      </c>
      <c r="H5020" s="98">
        <v>0</v>
      </c>
      <c r="I5020" s="98">
        <v>0</v>
      </c>
      <c r="J5020" s="98">
        <v>0</v>
      </c>
      <c r="K5020" s="98" t="s">
        <v>174</v>
      </c>
      <c r="L5020" s="98" t="s">
        <v>174</v>
      </c>
      <c r="M5020" s="98" t="s">
        <v>174</v>
      </c>
      <c r="N5020" s="98" t="s">
        <v>174</v>
      </c>
      <c r="O5020" s="98" t="s">
        <v>174</v>
      </c>
      <c r="P5020" s="98" t="s">
        <v>174</v>
      </c>
      <c r="Q5020" s="98" t="s">
        <v>174</v>
      </c>
      <c r="R5020" s="98" t="s">
        <v>174</v>
      </c>
      <c r="S5020" s="98" t="s">
        <v>174</v>
      </c>
      <c r="T5020" s="98" t="s">
        <v>174</v>
      </c>
      <c r="U5020" s="99"/>
      <c r="V5020" s="99"/>
      <c r="W5020" s="99"/>
      <c r="X5020" s="99"/>
      <c r="Y5020" s="99"/>
      <c r="Z5020" s="99"/>
      <c r="AA5020" s="99"/>
      <c r="AB5020" s="99"/>
      <c r="AC5020" s="99"/>
      <c r="AD5020" s="99"/>
      <c r="AE5020" s="99"/>
      <c r="AF5020" s="99"/>
      <c r="AG5020" s="99"/>
      <c r="AH5020" s="99"/>
      <c r="AI5020" s="99"/>
      <c r="AJ5020" s="99"/>
      <c r="AK5020" s="99"/>
      <c r="AL5020" s="99"/>
      <c r="AM5020" s="99"/>
      <c r="AN5020" s="99"/>
      <c r="AO5020" s="99"/>
      <c r="AP5020" s="99"/>
      <c r="AQ5020" s="99"/>
      <c r="AR5020" s="99"/>
      <c r="AS5020" s="99"/>
      <c r="AT5020" s="99"/>
      <c r="AU5020" s="99"/>
      <c r="AV5020" s="99"/>
      <c r="AW5020" s="99"/>
      <c r="AX5020" s="99"/>
      <c r="AY5020" s="99"/>
      <c r="AZ5020" s="99"/>
      <c r="BA5020" s="99"/>
      <c r="BB5020" s="107">
        <v>45884</v>
      </c>
    </row>
    <row r="5021" spans="1:54" s="8" customFormat="1" ht="13.95" customHeight="1" x14ac:dyDescent="0.25">
      <c r="A5021" s="219" t="s">
        <v>11580</v>
      </c>
      <c r="B5021" s="220" t="s">
        <v>10412</v>
      </c>
      <c r="C5021" s="98" t="s">
        <v>11581</v>
      </c>
      <c r="D5021" s="98" t="s">
        <v>11582</v>
      </c>
      <c r="E5021" s="141" t="s">
        <v>174</v>
      </c>
      <c r="F5021" s="141">
        <v>2117</v>
      </c>
      <c r="G5021" s="98" t="s">
        <v>9</v>
      </c>
      <c r="H5021" s="98">
        <v>0</v>
      </c>
      <c r="I5021" s="98">
        <v>0</v>
      </c>
      <c r="J5021" s="98">
        <v>0</v>
      </c>
      <c r="K5021" s="98" t="s">
        <v>174</v>
      </c>
      <c r="L5021" s="98" t="s">
        <v>174</v>
      </c>
      <c r="M5021" s="98" t="s">
        <v>174</v>
      </c>
      <c r="N5021" s="98" t="s">
        <v>174</v>
      </c>
      <c r="O5021" s="98" t="s">
        <v>174</v>
      </c>
      <c r="P5021" s="98" t="s">
        <v>174</v>
      </c>
      <c r="Q5021" s="98" t="s">
        <v>174</v>
      </c>
      <c r="R5021" s="98" t="s">
        <v>174</v>
      </c>
      <c r="S5021" s="98" t="s">
        <v>174</v>
      </c>
      <c r="T5021" s="98" t="s">
        <v>174</v>
      </c>
      <c r="U5021" s="99"/>
      <c r="V5021" s="99"/>
      <c r="W5021" s="99"/>
      <c r="X5021" s="99"/>
      <c r="Y5021" s="99"/>
      <c r="Z5021" s="99"/>
      <c r="AA5021" s="99"/>
      <c r="AB5021" s="99"/>
      <c r="AC5021" s="99"/>
      <c r="AD5021" s="99"/>
      <c r="AE5021" s="99"/>
      <c r="AF5021" s="99"/>
      <c r="AG5021" s="99"/>
      <c r="AH5021" s="99"/>
      <c r="AI5021" s="99"/>
      <c r="AJ5021" s="99"/>
      <c r="AK5021" s="99"/>
      <c r="AL5021" s="99"/>
      <c r="AM5021" s="99"/>
      <c r="AN5021" s="99"/>
      <c r="AO5021" s="99"/>
      <c r="AP5021" s="99"/>
      <c r="AQ5021" s="99"/>
      <c r="AR5021" s="99"/>
      <c r="AS5021" s="99"/>
      <c r="AT5021" s="99"/>
      <c r="AU5021" s="99"/>
      <c r="AV5021" s="99"/>
      <c r="AW5021" s="99"/>
      <c r="AX5021" s="99"/>
      <c r="AY5021" s="99"/>
      <c r="AZ5021" s="99"/>
      <c r="BA5021" s="99"/>
      <c r="BB5021" s="107">
        <v>45884</v>
      </c>
    </row>
    <row r="5022" spans="1:54" s="8" customFormat="1" ht="13.95" customHeight="1" x14ac:dyDescent="0.25">
      <c r="A5022" s="219" t="s">
        <v>11583</v>
      </c>
      <c r="B5022" s="220" t="s">
        <v>10412</v>
      </c>
      <c r="C5022" s="98" t="s">
        <v>11584</v>
      </c>
      <c r="D5022" s="98" t="s">
        <v>11579</v>
      </c>
      <c r="E5022" s="141" t="s">
        <v>174</v>
      </c>
      <c r="F5022" s="141">
        <v>3676</v>
      </c>
      <c r="G5022" s="98" t="s">
        <v>9</v>
      </c>
      <c r="H5022" s="98">
        <v>0</v>
      </c>
      <c r="I5022" s="98">
        <v>0</v>
      </c>
      <c r="J5022" s="98">
        <v>0</v>
      </c>
      <c r="K5022" s="98" t="s">
        <v>174</v>
      </c>
      <c r="L5022" s="98" t="s">
        <v>174</v>
      </c>
      <c r="M5022" s="98" t="s">
        <v>174</v>
      </c>
      <c r="N5022" s="98" t="s">
        <v>174</v>
      </c>
      <c r="O5022" s="98" t="s">
        <v>174</v>
      </c>
      <c r="P5022" s="98" t="s">
        <v>174</v>
      </c>
      <c r="Q5022" s="98" t="s">
        <v>174</v>
      </c>
      <c r="R5022" s="98" t="s">
        <v>174</v>
      </c>
      <c r="S5022" s="98" t="s">
        <v>174</v>
      </c>
      <c r="T5022" s="98" t="s">
        <v>174</v>
      </c>
      <c r="U5022" s="98" t="s">
        <v>174</v>
      </c>
      <c r="V5022" s="98" t="s">
        <v>174</v>
      </c>
      <c r="W5022" s="98" t="s">
        <v>174</v>
      </c>
      <c r="X5022" s="98" t="s">
        <v>174</v>
      </c>
      <c r="Y5022" s="98" t="s">
        <v>174</v>
      </c>
      <c r="Z5022" s="98" t="s">
        <v>174</v>
      </c>
      <c r="AA5022" s="98" t="s">
        <v>174</v>
      </c>
      <c r="AB5022" s="98" t="s">
        <v>174</v>
      </c>
      <c r="AC5022" s="98" t="s">
        <v>174</v>
      </c>
      <c r="AD5022" s="98" t="s">
        <v>174</v>
      </c>
      <c r="AE5022" s="98" t="s">
        <v>174</v>
      </c>
      <c r="AF5022" s="98" t="s">
        <v>174</v>
      </c>
      <c r="AG5022" s="98" t="s">
        <v>174</v>
      </c>
      <c r="AH5022" s="98" t="s">
        <v>174</v>
      </c>
      <c r="AI5022" s="98" t="s">
        <v>174</v>
      </c>
      <c r="AJ5022" s="98" t="s">
        <v>174</v>
      </c>
      <c r="AK5022" s="98" t="s">
        <v>174</v>
      </c>
      <c r="AL5022" s="98" t="s">
        <v>174</v>
      </c>
      <c r="AM5022" s="98" t="s">
        <v>174</v>
      </c>
      <c r="AN5022" s="98" t="s">
        <v>174</v>
      </c>
      <c r="AO5022" s="98" t="s">
        <v>174</v>
      </c>
      <c r="AP5022" s="98" t="s">
        <v>174</v>
      </c>
      <c r="AQ5022" s="98" t="s">
        <v>174</v>
      </c>
      <c r="AR5022" s="98" t="s">
        <v>174</v>
      </c>
      <c r="AS5022" s="98" t="s">
        <v>174</v>
      </c>
      <c r="AT5022" s="98">
        <v>1</v>
      </c>
      <c r="AU5022" s="98" t="s">
        <v>174</v>
      </c>
      <c r="AV5022" s="98" t="s">
        <v>174</v>
      </c>
      <c r="AW5022" s="98" t="s">
        <v>174</v>
      </c>
      <c r="AX5022" s="98"/>
      <c r="AY5022" s="98"/>
      <c r="AZ5022" s="98"/>
      <c r="BA5022" s="98"/>
      <c r="BB5022" s="107">
        <v>45884</v>
      </c>
    </row>
    <row r="5023" spans="1:54" s="8" customFormat="1" ht="13.95" customHeight="1" x14ac:dyDescent="0.25">
      <c r="A5023" s="219" t="s">
        <v>11585</v>
      </c>
      <c r="B5023" s="220" t="s">
        <v>10412</v>
      </c>
      <c r="C5023" s="98" t="s">
        <v>11586</v>
      </c>
      <c r="D5023" s="98" t="s">
        <v>11579</v>
      </c>
      <c r="E5023" s="141" t="s">
        <v>174</v>
      </c>
      <c r="F5023" s="141">
        <v>17892</v>
      </c>
      <c r="G5023" s="98" t="s">
        <v>9</v>
      </c>
      <c r="H5023" s="98">
        <v>0</v>
      </c>
      <c r="I5023" s="98">
        <v>0</v>
      </c>
      <c r="J5023" s="98">
        <v>0</v>
      </c>
      <c r="K5023" s="98" t="s">
        <v>174</v>
      </c>
      <c r="L5023" s="98" t="s">
        <v>174</v>
      </c>
      <c r="M5023" s="98" t="s">
        <v>174</v>
      </c>
      <c r="N5023" s="98" t="s">
        <v>174</v>
      </c>
      <c r="O5023" s="98" t="s">
        <v>174</v>
      </c>
      <c r="P5023" s="98" t="s">
        <v>174</v>
      </c>
      <c r="Q5023" s="98" t="s">
        <v>174</v>
      </c>
      <c r="R5023" s="98" t="s">
        <v>174</v>
      </c>
      <c r="S5023" s="98" t="s">
        <v>174</v>
      </c>
      <c r="T5023" s="98" t="s">
        <v>174</v>
      </c>
      <c r="U5023" s="98" t="s">
        <v>174</v>
      </c>
      <c r="V5023" s="98" t="s">
        <v>174</v>
      </c>
      <c r="W5023" s="98" t="s">
        <v>174</v>
      </c>
      <c r="X5023" s="98" t="s">
        <v>174</v>
      </c>
      <c r="Y5023" s="98" t="s">
        <v>174</v>
      </c>
      <c r="Z5023" s="98" t="s">
        <v>174</v>
      </c>
      <c r="AA5023" s="98" t="s">
        <v>174</v>
      </c>
      <c r="AB5023" s="98" t="s">
        <v>174</v>
      </c>
      <c r="AC5023" s="98" t="s">
        <v>174</v>
      </c>
      <c r="AD5023" s="98" t="s">
        <v>174</v>
      </c>
      <c r="AE5023" s="98" t="s">
        <v>174</v>
      </c>
      <c r="AF5023" s="98" t="s">
        <v>174</v>
      </c>
      <c r="AG5023" s="98" t="s">
        <v>174</v>
      </c>
      <c r="AH5023" s="98" t="s">
        <v>174</v>
      </c>
      <c r="AI5023" s="98" t="s">
        <v>174</v>
      </c>
      <c r="AJ5023" s="98" t="s">
        <v>174</v>
      </c>
      <c r="AK5023" s="98" t="s">
        <v>174</v>
      </c>
      <c r="AL5023" s="98" t="s">
        <v>174</v>
      </c>
      <c r="AM5023" s="98" t="s">
        <v>174</v>
      </c>
      <c r="AN5023" s="98" t="s">
        <v>174</v>
      </c>
      <c r="AO5023" s="98" t="s">
        <v>174</v>
      </c>
      <c r="AP5023" s="98" t="s">
        <v>174</v>
      </c>
      <c r="AQ5023" s="98" t="s">
        <v>174</v>
      </c>
      <c r="AR5023" s="98" t="s">
        <v>174</v>
      </c>
      <c r="AS5023" s="98" t="s">
        <v>174</v>
      </c>
      <c r="AT5023" s="98">
        <v>1</v>
      </c>
      <c r="AU5023" s="98" t="s">
        <v>174</v>
      </c>
      <c r="AV5023" s="98" t="s">
        <v>174</v>
      </c>
      <c r="AW5023" s="98" t="s">
        <v>174</v>
      </c>
      <c r="AX5023" s="98"/>
      <c r="AY5023" s="98"/>
      <c r="AZ5023" s="98"/>
      <c r="BA5023" s="98"/>
      <c r="BB5023" s="107">
        <v>45884</v>
      </c>
    </row>
    <row r="5024" spans="1:54" s="8" customFormat="1" ht="13.95" customHeight="1" x14ac:dyDescent="0.25">
      <c r="A5024" s="219" t="s">
        <v>11587</v>
      </c>
      <c r="B5024" s="220" t="s">
        <v>10412</v>
      </c>
      <c r="C5024" s="98" t="s">
        <v>11588</v>
      </c>
      <c r="D5024" s="98" t="s">
        <v>11589</v>
      </c>
      <c r="E5024" s="141" t="s">
        <v>174</v>
      </c>
      <c r="F5024" s="141">
        <v>299</v>
      </c>
      <c r="G5024" s="98" t="s">
        <v>9</v>
      </c>
      <c r="H5024" s="98">
        <v>0</v>
      </c>
      <c r="I5024" s="98">
        <v>0</v>
      </c>
      <c r="J5024" s="98">
        <v>0</v>
      </c>
      <c r="K5024" s="98" t="s">
        <v>174</v>
      </c>
      <c r="L5024" s="98" t="s">
        <v>174</v>
      </c>
      <c r="M5024" s="98" t="s">
        <v>174</v>
      </c>
      <c r="N5024" s="98" t="s">
        <v>174</v>
      </c>
      <c r="O5024" s="98" t="s">
        <v>174</v>
      </c>
      <c r="P5024" s="98" t="s">
        <v>174</v>
      </c>
      <c r="Q5024" s="98" t="s">
        <v>174</v>
      </c>
      <c r="R5024" s="98" t="s">
        <v>174</v>
      </c>
      <c r="S5024" s="98" t="s">
        <v>174</v>
      </c>
      <c r="T5024" s="98" t="s">
        <v>174</v>
      </c>
      <c r="U5024" s="99"/>
      <c r="V5024" s="99"/>
      <c r="W5024" s="99"/>
      <c r="X5024" s="99"/>
      <c r="Y5024" s="99"/>
      <c r="Z5024" s="99"/>
      <c r="AA5024" s="99"/>
      <c r="AB5024" s="99"/>
      <c r="AC5024" s="99"/>
      <c r="AD5024" s="99"/>
      <c r="AE5024" s="99"/>
      <c r="AF5024" s="99"/>
      <c r="AG5024" s="99"/>
      <c r="AH5024" s="99"/>
      <c r="AI5024" s="99"/>
      <c r="AJ5024" s="99"/>
      <c r="AK5024" s="99"/>
      <c r="AL5024" s="99"/>
      <c r="AM5024" s="99"/>
      <c r="AN5024" s="99"/>
      <c r="AO5024" s="99"/>
      <c r="AP5024" s="99"/>
      <c r="AQ5024" s="99"/>
      <c r="AR5024" s="99"/>
      <c r="AS5024" s="99"/>
      <c r="AT5024" s="99"/>
      <c r="AU5024" s="99"/>
      <c r="AV5024" s="99"/>
      <c r="AW5024" s="99"/>
      <c r="AX5024" s="99"/>
      <c r="AY5024" s="99"/>
      <c r="AZ5024" s="99"/>
      <c r="BA5024" s="99"/>
      <c r="BB5024" s="107">
        <v>45884</v>
      </c>
    </row>
    <row r="5025" spans="1:54" s="8" customFormat="1" ht="13.95" customHeight="1" x14ac:dyDescent="0.25">
      <c r="A5025" s="219" t="s">
        <v>11590</v>
      </c>
      <c r="B5025" s="220" t="s">
        <v>10412</v>
      </c>
      <c r="C5025" s="98" t="s">
        <v>11591</v>
      </c>
      <c r="D5025" s="98" t="s">
        <v>11592</v>
      </c>
      <c r="E5025" s="141" t="s">
        <v>174</v>
      </c>
      <c r="F5025" s="141">
        <v>744</v>
      </c>
      <c r="G5025" s="98" t="s">
        <v>1</v>
      </c>
      <c r="H5025" s="98">
        <v>0</v>
      </c>
      <c r="I5025" s="98">
        <v>0</v>
      </c>
      <c r="J5025" s="98">
        <v>0</v>
      </c>
      <c r="K5025" s="98" t="s">
        <v>174</v>
      </c>
      <c r="L5025" s="98" t="s">
        <v>174</v>
      </c>
      <c r="M5025" s="98" t="s">
        <v>174</v>
      </c>
      <c r="N5025" s="98" t="s">
        <v>174</v>
      </c>
      <c r="O5025" s="98" t="s">
        <v>174</v>
      </c>
      <c r="P5025" s="98" t="s">
        <v>174</v>
      </c>
      <c r="Q5025" s="98" t="s">
        <v>174</v>
      </c>
      <c r="R5025" s="98" t="s">
        <v>174</v>
      </c>
      <c r="S5025" s="98" t="s">
        <v>174</v>
      </c>
      <c r="T5025" s="98" t="s">
        <v>174</v>
      </c>
      <c r="U5025" s="98" t="s">
        <v>174</v>
      </c>
      <c r="V5025" s="98" t="s">
        <v>174</v>
      </c>
      <c r="W5025" s="98" t="s">
        <v>174</v>
      </c>
      <c r="X5025" s="98" t="s">
        <v>174</v>
      </c>
      <c r="Y5025" s="98" t="s">
        <v>174</v>
      </c>
      <c r="Z5025" s="98" t="s">
        <v>174</v>
      </c>
      <c r="AA5025" s="98" t="s">
        <v>174</v>
      </c>
      <c r="AB5025" s="98" t="s">
        <v>174</v>
      </c>
      <c r="AC5025" s="98" t="s">
        <v>174</v>
      </c>
      <c r="AD5025" s="98" t="s">
        <v>174</v>
      </c>
      <c r="AE5025" s="98" t="s">
        <v>174</v>
      </c>
      <c r="AF5025" s="98" t="s">
        <v>174</v>
      </c>
      <c r="AG5025" s="98" t="s">
        <v>174</v>
      </c>
      <c r="AH5025" s="98" t="s">
        <v>174</v>
      </c>
      <c r="AI5025" s="98" t="s">
        <v>174</v>
      </c>
      <c r="AJ5025" s="98" t="s">
        <v>174</v>
      </c>
      <c r="AK5025" s="98" t="s">
        <v>174</v>
      </c>
      <c r="AL5025" s="98" t="s">
        <v>174</v>
      </c>
      <c r="AM5025" s="98" t="s">
        <v>174</v>
      </c>
      <c r="AN5025" s="98" t="s">
        <v>174</v>
      </c>
      <c r="AO5025" s="98" t="s">
        <v>174</v>
      </c>
      <c r="AP5025" s="98" t="s">
        <v>174</v>
      </c>
      <c r="AQ5025" s="98" t="s">
        <v>174</v>
      </c>
      <c r="AR5025" s="98" t="s">
        <v>174</v>
      </c>
      <c r="AS5025" s="98" t="s">
        <v>174</v>
      </c>
      <c r="AT5025" s="129" t="s">
        <v>174</v>
      </c>
      <c r="AU5025" s="98" t="s">
        <v>174</v>
      </c>
      <c r="AV5025" s="98" t="s">
        <v>174</v>
      </c>
      <c r="AW5025" s="98" t="s">
        <v>174</v>
      </c>
      <c r="AX5025" s="98"/>
      <c r="AY5025" s="98"/>
      <c r="AZ5025" s="98"/>
      <c r="BA5025" s="98"/>
      <c r="BB5025" s="107">
        <v>45884</v>
      </c>
    </row>
    <row r="5026" spans="1:54" s="8" customFormat="1" ht="13.95" customHeight="1" x14ac:dyDescent="0.25">
      <c r="A5026" s="219" t="s">
        <v>11593</v>
      </c>
      <c r="B5026" s="220" t="s">
        <v>10412</v>
      </c>
      <c r="C5026" s="98" t="s">
        <v>11594</v>
      </c>
      <c r="D5026" s="98" t="s">
        <v>11595</v>
      </c>
      <c r="E5026" s="141" t="s">
        <v>174</v>
      </c>
      <c r="F5026" s="141">
        <v>809</v>
      </c>
      <c r="G5026" s="98" t="s">
        <v>1</v>
      </c>
      <c r="H5026" s="98">
        <v>0</v>
      </c>
      <c r="I5026" s="98">
        <v>0</v>
      </c>
      <c r="J5026" s="98">
        <v>1</v>
      </c>
      <c r="K5026" s="98" t="s">
        <v>174</v>
      </c>
      <c r="L5026" s="98" t="s">
        <v>174</v>
      </c>
      <c r="M5026" s="98" t="s">
        <v>174</v>
      </c>
      <c r="N5026" s="98" t="s">
        <v>174</v>
      </c>
      <c r="O5026" s="98" t="s">
        <v>174</v>
      </c>
      <c r="P5026" s="98" t="s">
        <v>174</v>
      </c>
      <c r="Q5026" s="98" t="s">
        <v>174</v>
      </c>
      <c r="R5026" s="98" t="s">
        <v>174</v>
      </c>
      <c r="S5026" s="98" t="s">
        <v>174</v>
      </c>
      <c r="T5026" s="98" t="s">
        <v>174</v>
      </c>
      <c r="U5026" s="98" t="s">
        <v>174</v>
      </c>
      <c r="V5026" s="98" t="s">
        <v>174</v>
      </c>
      <c r="W5026" s="98" t="s">
        <v>174</v>
      </c>
      <c r="X5026" s="98" t="s">
        <v>174</v>
      </c>
      <c r="Y5026" s="98" t="s">
        <v>174</v>
      </c>
      <c r="Z5026" s="98" t="s">
        <v>174</v>
      </c>
      <c r="AA5026" s="98" t="s">
        <v>174</v>
      </c>
      <c r="AB5026" s="98" t="s">
        <v>174</v>
      </c>
      <c r="AC5026" s="98" t="s">
        <v>174</v>
      </c>
      <c r="AD5026" s="98" t="s">
        <v>174</v>
      </c>
      <c r="AE5026" s="98" t="s">
        <v>174</v>
      </c>
      <c r="AF5026" s="98" t="s">
        <v>174</v>
      </c>
      <c r="AG5026" s="98" t="s">
        <v>174</v>
      </c>
      <c r="AH5026" s="98" t="s">
        <v>174</v>
      </c>
      <c r="AI5026" s="98" t="s">
        <v>174</v>
      </c>
      <c r="AJ5026" s="98" t="s">
        <v>174</v>
      </c>
      <c r="AK5026" s="98" t="s">
        <v>174</v>
      </c>
      <c r="AL5026" s="98" t="s">
        <v>174</v>
      </c>
      <c r="AM5026" s="98" t="s">
        <v>174</v>
      </c>
      <c r="AN5026" s="98" t="s">
        <v>174</v>
      </c>
      <c r="AO5026" s="98" t="s">
        <v>174</v>
      </c>
      <c r="AP5026" s="98" t="s">
        <v>174</v>
      </c>
      <c r="AQ5026" s="98" t="s">
        <v>174</v>
      </c>
      <c r="AR5026" s="98" t="s">
        <v>174</v>
      </c>
      <c r="AS5026" s="98" t="s">
        <v>174</v>
      </c>
      <c r="AT5026" s="129" t="s">
        <v>174</v>
      </c>
      <c r="AU5026" s="98" t="s">
        <v>174</v>
      </c>
      <c r="AV5026" s="98" t="s">
        <v>174</v>
      </c>
      <c r="AW5026" s="98" t="s">
        <v>174</v>
      </c>
      <c r="AX5026" s="98"/>
      <c r="AY5026" s="98"/>
      <c r="AZ5026" s="98"/>
      <c r="BA5026" s="98"/>
      <c r="BB5026" s="107">
        <v>45884</v>
      </c>
    </row>
    <row r="5027" spans="1:54" s="8" customFormat="1" ht="13.95" customHeight="1" x14ac:dyDescent="0.25">
      <c r="A5027" s="219" t="s">
        <v>11596</v>
      </c>
      <c r="B5027" s="220" t="s">
        <v>10412</v>
      </c>
      <c r="C5027" s="98" t="s">
        <v>11597</v>
      </c>
      <c r="D5027" s="98" t="s">
        <v>11598</v>
      </c>
      <c r="E5027" s="141" t="s">
        <v>174</v>
      </c>
      <c r="F5027" s="141">
        <v>2322</v>
      </c>
      <c r="G5027" s="98" t="s">
        <v>9</v>
      </c>
      <c r="H5027" s="98">
        <v>0</v>
      </c>
      <c r="I5027" s="98">
        <v>0</v>
      </c>
      <c r="J5027" s="98">
        <v>0</v>
      </c>
      <c r="K5027" s="98" t="s">
        <v>174</v>
      </c>
      <c r="L5027" s="98" t="s">
        <v>174</v>
      </c>
      <c r="M5027" s="98" t="s">
        <v>174</v>
      </c>
      <c r="N5027" s="98" t="s">
        <v>174</v>
      </c>
      <c r="O5027" s="98" t="s">
        <v>174</v>
      </c>
      <c r="P5027" s="98" t="s">
        <v>174</v>
      </c>
      <c r="Q5027" s="98" t="s">
        <v>174</v>
      </c>
      <c r="R5027" s="98" t="s">
        <v>174</v>
      </c>
      <c r="S5027" s="98" t="s">
        <v>174</v>
      </c>
      <c r="T5027" s="98" t="s">
        <v>174</v>
      </c>
      <c r="U5027" s="99"/>
      <c r="V5027" s="99"/>
      <c r="W5027" s="99"/>
      <c r="X5027" s="99"/>
      <c r="Y5027" s="99"/>
      <c r="Z5027" s="99"/>
      <c r="AA5027" s="99"/>
      <c r="AB5027" s="99"/>
      <c r="AC5027" s="99"/>
      <c r="AD5027" s="99"/>
      <c r="AE5027" s="99"/>
      <c r="AF5027" s="99"/>
      <c r="AG5027" s="99"/>
      <c r="AH5027" s="99"/>
      <c r="AI5027" s="99"/>
      <c r="AJ5027" s="99"/>
      <c r="AK5027" s="99"/>
      <c r="AL5027" s="99"/>
      <c r="AM5027" s="99"/>
      <c r="AN5027" s="99"/>
      <c r="AO5027" s="99"/>
      <c r="AP5027" s="99"/>
      <c r="AQ5027" s="99"/>
      <c r="AR5027" s="99"/>
      <c r="AS5027" s="99"/>
      <c r="AT5027" s="99"/>
      <c r="AU5027" s="99"/>
      <c r="AV5027" s="99"/>
      <c r="AW5027" s="99"/>
      <c r="AX5027" s="99"/>
      <c r="AY5027" s="99"/>
      <c r="AZ5027" s="99"/>
      <c r="BA5027" s="99"/>
      <c r="BB5027" s="107">
        <v>45884</v>
      </c>
    </row>
    <row r="5028" spans="1:54" s="8" customFormat="1" ht="13.95" customHeight="1" x14ac:dyDescent="0.25">
      <c r="A5028" s="219" t="s">
        <v>11599</v>
      </c>
      <c r="B5028" s="220" t="s">
        <v>10412</v>
      </c>
      <c r="C5028" s="98" t="s">
        <v>11600</v>
      </c>
      <c r="D5028" s="98" t="s">
        <v>11601</v>
      </c>
      <c r="E5028" s="141" t="s">
        <v>174</v>
      </c>
      <c r="F5028" s="141">
        <v>1442</v>
      </c>
      <c r="G5028" s="98" t="s">
        <v>9</v>
      </c>
      <c r="H5028" s="98">
        <v>0</v>
      </c>
      <c r="I5028" s="98">
        <v>0</v>
      </c>
      <c r="J5028" s="98">
        <v>0</v>
      </c>
      <c r="K5028" s="98" t="s">
        <v>174</v>
      </c>
      <c r="L5028" s="98" t="s">
        <v>174</v>
      </c>
      <c r="M5028" s="98" t="s">
        <v>174</v>
      </c>
      <c r="N5028" s="98" t="s">
        <v>174</v>
      </c>
      <c r="O5028" s="98" t="s">
        <v>174</v>
      </c>
      <c r="P5028" s="98" t="s">
        <v>174</v>
      </c>
      <c r="Q5028" s="98" t="s">
        <v>174</v>
      </c>
      <c r="R5028" s="98" t="s">
        <v>174</v>
      </c>
      <c r="S5028" s="98" t="s">
        <v>174</v>
      </c>
      <c r="T5028" s="98" t="s">
        <v>174</v>
      </c>
      <c r="U5028" s="99"/>
      <c r="V5028" s="99"/>
      <c r="W5028" s="99"/>
      <c r="X5028" s="99"/>
      <c r="Y5028" s="99"/>
      <c r="Z5028" s="99"/>
      <c r="AA5028" s="99"/>
      <c r="AB5028" s="99"/>
      <c r="AC5028" s="99"/>
      <c r="AD5028" s="99"/>
      <c r="AE5028" s="99"/>
      <c r="AF5028" s="99"/>
      <c r="AG5028" s="99"/>
      <c r="AH5028" s="99"/>
      <c r="AI5028" s="99"/>
      <c r="AJ5028" s="99"/>
      <c r="AK5028" s="99"/>
      <c r="AL5028" s="99"/>
      <c r="AM5028" s="99"/>
      <c r="AN5028" s="99"/>
      <c r="AO5028" s="99"/>
      <c r="AP5028" s="99"/>
      <c r="AQ5028" s="99"/>
      <c r="AR5028" s="99"/>
      <c r="AS5028" s="99"/>
      <c r="AT5028" s="99"/>
      <c r="AU5028" s="99"/>
      <c r="AV5028" s="99"/>
      <c r="AW5028" s="99"/>
      <c r="AX5028" s="99"/>
      <c r="AY5028" s="99"/>
      <c r="AZ5028" s="99"/>
      <c r="BA5028" s="99"/>
      <c r="BB5028" s="107">
        <v>45884</v>
      </c>
    </row>
    <row r="5029" spans="1:54" s="8" customFormat="1" ht="13.95" customHeight="1" x14ac:dyDescent="0.25">
      <c r="A5029" s="219" t="s">
        <v>11602</v>
      </c>
      <c r="B5029" s="220" t="s">
        <v>10412</v>
      </c>
      <c r="C5029" s="98" t="s">
        <v>11603</v>
      </c>
      <c r="D5029" s="98" t="s">
        <v>11604</v>
      </c>
      <c r="E5029" s="141" t="s">
        <v>174</v>
      </c>
      <c r="F5029" s="141">
        <v>1872</v>
      </c>
      <c r="G5029" s="98" t="s">
        <v>9</v>
      </c>
      <c r="H5029" s="98">
        <v>0</v>
      </c>
      <c r="I5029" s="98">
        <v>0</v>
      </c>
      <c r="J5029" s="98">
        <v>0</v>
      </c>
      <c r="K5029" s="98" t="s">
        <v>174</v>
      </c>
      <c r="L5029" s="98" t="s">
        <v>174</v>
      </c>
      <c r="M5029" s="98" t="s">
        <v>174</v>
      </c>
      <c r="N5029" s="98" t="s">
        <v>174</v>
      </c>
      <c r="O5029" s="98" t="s">
        <v>174</v>
      </c>
      <c r="P5029" s="98" t="s">
        <v>174</v>
      </c>
      <c r="Q5029" s="98" t="s">
        <v>174</v>
      </c>
      <c r="R5029" s="98" t="s">
        <v>174</v>
      </c>
      <c r="S5029" s="98" t="s">
        <v>174</v>
      </c>
      <c r="T5029" s="98" t="s">
        <v>174</v>
      </c>
      <c r="U5029" s="99"/>
      <c r="V5029" s="99"/>
      <c r="W5029" s="99"/>
      <c r="X5029" s="99"/>
      <c r="Y5029" s="99"/>
      <c r="Z5029" s="99"/>
      <c r="AA5029" s="99"/>
      <c r="AB5029" s="99"/>
      <c r="AC5029" s="99"/>
      <c r="AD5029" s="99"/>
      <c r="AE5029" s="99"/>
      <c r="AF5029" s="99"/>
      <c r="AG5029" s="99"/>
      <c r="AH5029" s="99"/>
      <c r="AI5029" s="99"/>
      <c r="AJ5029" s="99"/>
      <c r="AK5029" s="99"/>
      <c r="AL5029" s="99"/>
      <c r="AM5029" s="99"/>
      <c r="AN5029" s="99"/>
      <c r="AO5029" s="99"/>
      <c r="AP5029" s="99"/>
      <c r="AQ5029" s="99"/>
      <c r="AR5029" s="99"/>
      <c r="AS5029" s="99"/>
      <c r="AT5029" s="99"/>
      <c r="AU5029" s="99"/>
      <c r="AV5029" s="99"/>
      <c r="AW5029" s="99"/>
      <c r="AX5029" s="99"/>
      <c r="AY5029" s="99"/>
      <c r="AZ5029" s="99"/>
      <c r="BA5029" s="99"/>
      <c r="BB5029" s="107">
        <v>45884</v>
      </c>
    </row>
    <row r="5030" spans="1:54" s="8" customFormat="1" ht="13.95" customHeight="1" x14ac:dyDescent="0.25">
      <c r="A5030" s="219" t="s">
        <v>11605</v>
      </c>
      <c r="B5030" s="220" t="s">
        <v>10412</v>
      </c>
      <c r="C5030" s="98" t="s">
        <v>11606</v>
      </c>
      <c r="D5030" s="98" t="s">
        <v>11607</v>
      </c>
      <c r="E5030" s="141" t="s">
        <v>174</v>
      </c>
      <c r="F5030" s="141">
        <v>99</v>
      </c>
      <c r="G5030" s="98" t="s">
        <v>9</v>
      </c>
      <c r="H5030" s="98">
        <v>0</v>
      </c>
      <c r="I5030" s="98">
        <v>0</v>
      </c>
      <c r="J5030" s="98">
        <v>0</v>
      </c>
      <c r="K5030" s="98" t="s">
        <v>174</v>
      </c>
      <c r="L5030" s="98" t="s">
        <v>174</v>
      </c>
      <c r="M5030" s="98" t="s">
        <v>174</v>
      </c>
      <c r="N5030" s="98" t="s">
        <v>174</v>
      </c>
      <c r="O5030" s="98" t="s">
        <v>174</v>
      </c>
      <c r="P5030" s="98" t="s">
        <v>174</v>
      </c>
      <c r="Q5030" s="98" t="s">
        <v>174</v>
      </c>
      <c r="R5030" s="98" t="s">
        <v>174</v>
      </c>
      <c r="S5030" s="98" t="s">
        <v>174</v>
      </c>
      <c r="T5030" s="98" t="s">
        <v>174</v>
      </c>
      <c r="U5030" s="99"/>
      <c r="V5030" s="99"/>
      <c r="W5030" s="99"/>
      <c r="X5030" s="99"/>
      <c r="Y5030" s="99"/>
      <c r="Z5030" s="99"/>
      <c r="AA5030" s="99"/>
      <c r="AB5030" s="99"/>
      <c r="AC5030" s="99"/>
      <c r="AD5030" s="99"/>
      <c r="AE5030" s="99"/>
      <c r="AF5030" s="99"/>
      <c r="AG5030" s="99"/>
      <c r="AH5030" s="99"/>
      <c r="AI5030" s="99"/>
      <c r="AJ5030" s="99"/>
      <c r="AK5030" s="99"/>
      <c r="AL5030" s="99"/>
      <c r="AM5030" s="99"/>
      <c r="AN5030" s="99"/>
      <c r="AO5030" s="99"/>
      <c r="AP5030" s="99"/>
      <c r="AQ5030" s="99"/>
      <c r="AR5030" s="99"/>
      <c r="AS5030" s="99"/>
      <c r="AT5030" s="99"/>
      <c r="AU5030" s="99"/>
      <c r="AV5030" s="99"/>
      <c r="AW5030" s="99"/>
      <c r="AX5030" s="99"/>
      <c r="AY5030" s="99"/>
      <c r="AZ5030" s="99"/>
      <c r="BA5030" s="99"/>
      <c r="BB5030" s="107">
        <v>45884</v>
      </c>
    </row>
    <row r="5031" spans="1:54" s="8" customFormat="1" ht="13.95" customHeight="1" x14ac:dyDescent="0.25">
      <c r="A5031" s="219" t="s">
        <v>11608</v>
      </c>
      <c r="B5031" s="220" t="s">
        <v>10412</v>
      </c>
      <c r="C5031" s="98" t="s">
        <v>11609</v>
      </c>
      <c r="D5031" s="98" t="s">
        <v>11610</v>
      </c>
      <c r="E5031" s="141" t="s">
        <v>174</v>
      </c>
      <c r="F5031" s="141">
        <v>10923</v>
      </c>
      <c r="G5031" s="98" t="s">
        <v>9</v>
      </c>
      <c r="H5031" s="98">
        <v>0</v>
      </c>
      <c r="I5031" s="98">
        <v>0</v>
      </c>
      <c r="J5031" s="98">
        <v>0</v>
      </c>
      <c r="K5031" s="98" t="s">
        <v>174</v>
      </c>
      <c r="L5031" s="98" t="s">
        <v>174</v>
      </c>
      <c r="M5031" s="98" t="s">
        <v>174</v>
      </c>
      <c r="N5031" s="98" t="s">
        <v>174</v>
      </c>
      <c r="O5031" s="98" t="s">
        <v>174</v>
      </c>
      <c r="P5031" s="98" t="s">
        <v>174</v>
      </c>
      <c r="Q5031" s="98" t="s">
        <v>174</v>
      </c>
      <c r="R5031" s="98" t="s">
        <v>174</v>
      </c>
      <c r="S5031" s="98" t="s">
        <v>174</v>
      </c>
      <c r="T5031" s="98" t="s">
        <v>174</v>
      </c>
      <c r="U5031" s="99"/>
      <c r="V5031" s="99"/>
      <c r="W5031" s="99"/>
      <c r="X5031" s="99"/>
      <c r="Y5031" s="99"/>
      <c r="Z5031" s="99"/>
      <c r="AA5031" s="99"/>
      <c r="AB5031" s="99"/>
      <c r="AC5031" s="99"/>
      <c r="AD5031" s="99"/>
      <c r="AE5031" s="99"/>
      <c r="AF5031" s="99"/>
      <c r="AG5031" s="99"/>
      <c r="AH5031" s="99"/>
      <c r="AI5031" s="99"/>
      <c r="AJ5031" s="99"/>
      <c r="AK5031" s="99"/>
      <c r="AL5031" s="99"/>
      <c r="AM5031" s="99"/>
      <c r="AN5031" s="99"/>
      <c r="AO5031" s="99"/>
      <c r="AP5031" s="99"/>
      <c r="AQ5031" s="99"/>
      <c r="AR5031" s="99"/>
      <c r="AS5031" s="99"/>
      <c r="AT5031" s="99"/>
      <c r="AU5031" s="99"/>
      <c r="AV5031" s="99"/>
      <c r="AW5031" s="99"/>
      <c r="AX5031" s="99"/>
      <c r="AY5031" s="99"/>
      <c r="AZ5031" s="99"/>
      <c r="BA5031" s="99"/>
      <c r="BB5031" s="107">
        <v>45884</v>
      </c>
    </row>
    <row r="5032" spans="1:54" s="8" customFormat="1" ht="13.95" customHeight="1" x14ac:dyDescent="0.25">
      <c r="A5032" s="219" t="s">
        <v>11611</v>
      </c>
      <c r="B5032" s="220" t="s">
        <v>10412</v>
      </c>
      <c r="C5032" s="98" t="s">
        <v>11612</v>
      </c>
      <c r="D5032" s="98" t="s">
        <v>11613</v>
      </c>
      <c r="E5032" s="141" t="s">
        <v>174</v>
      </c>
      <c r="F5032" s="141">
        <v>4260</v>
      </c>
      <c r="G5032" s="98" t="s">
        <v>9</v>
      </c>
      <c r="H5032" s="98">
        <v>0</v>
      </c>
      <c r="I5032" s="98">
        <v>0</v>
      </c>
      <c r="J5032" s="98">
        <v>0</v>
      </c>
      <c r="K5032" s="98" t="s">
        <v>174</v>
      </c>
      <c r="L5032" s="98" t="s">
        <v>174</v>
      </c>
      <c r="M5032" s="98" t="s">
        <v>174</v>
      </c>
      <c r="N5032" s="98" t="s">
        <v>174</v>
      </c>
      <c r="O5032" s="98" t="s">
        <v>174</v>
      </c>
      <c r="P5032" s="98" t="s">
        <v>174</v>
      </c>
      <c r="Q5032" s="98" t="s">
        <v>174</v>
      </c>
      <c r="R5032" s="98" t="s">
        <v>174</v>
      </c>
      <c r="S5032" s="98" t="s">
        <v>174</v>
      </c>
      <c r="T5032" s="98" t="s">
        <v>174</v>
      </c>
      <c r="U5032" s="99"/>
      <c r="V5032" s="99"/>
      <c r="W5032" s="99"/>
      <c r="X5032" s="99"/>
      <c r="Y5032" s="99"/>
      <c r="Z5032" s="99"/>
      <c r="AA5032" s="99"/>
      <c r="AB5032" s="99"/>
      <c r="AC5032" s="99"/>
      <c r="AD5032" s="99"/>
      <c r="AE5032" s="99"/>
      <c r="AF5032" s="99"/>
      <c r="AG5032" s="99"/>
      <c r="AH5032" s="99"/>
      <c r="AI5032" s="99"/>
      <c r="AJ5032" s="99"/>
      <c r="AK5032" s="99"/>
      <c r="AL5032" s="99"/>
      <c r="AM5032" s="99"/>
      <c r="AN5032" s="99"/>
      <c r="AO5032" s="99"/>
      <c r="AP5032" s="99"/>
      <c r="AQ5032" s="99"/>
      <c r="AR5032" s="99"/>
      <c r="AS5032" s="99"/>
      <c r="AT5032" s="99"/>
      <c r="AU5032" s="99"/>
      <c r="AV5032" s="99"/>
      <c r="AW5032" s="99"/>
      <c r="AX5032" s="99"/>
      <c r="AY5032" s="99"/>
      <c r="AZ5032" s="99"/>
      <c r="BA5032" s="99"/>
      <c r="BB5032" s="107">
        <v>45884</v>
      </c>
    </row>
    <row r="5033" spans="1:54" s="8" customFormat="1" ht="13.95" customHeight="1" x14ac:dyDescent="0.25">
      <c r="A5033" s="219" t="s">
        <v>11614</v>
      </c>
      <c r="B5033" s="220" t="s">
        <v>10412</v>
      </c>
      <c r="C5033" s="98" t="s">
        <v>11615</v>
      </c>
      <c r="D5033" s="98" t="s">
        <v>11616</v>
      </c>
      <c r="E5033" s="141" t="s">
        <v>174</v>
      </c>
      <c r="F5033" s="141">
        <v>16809</v>
      </c>
      <c r="G5033" s="98" t="s">
        <v>9</v>
      </c>
      <c r="H5033" s="98">
        <v>0</v>
      </c>
      <c r="I5033" s="98">
        <v>0</v>
      </c>
      <c r="J5033" s="98">
        <v>0</v>
      </c>
      <c r="K5033" s="98" t="s">
        <v>174</v>
      </c>
      <c r="L5033" s="98" t="s">
        <v>174</v>
      </c>
      <c r="M5033" s="98" t="s">
        <v>174</v>
      </c>
      <c r="N5033" s="98" t="s">
        <v>174</v>
      </c>
      <c r="O5033" s="98" t="s">
        <v>174</v>
      </c>
      <c r="P5033" s="98" t="s">
        <v>174</v>
      </c>
      <c r="Q5033" s="98" t="s">
        <v>174</v>
      </c>
      <c r="R5033" s="98" t="s">
        <v>174</v>
      </c>
      <c r="S5033" s="98" t="s">
        <v>174</v>
      </c>
      <c r="T5033" s="98" t="s">
        <v>174</v>
      </c>
      <c r="U5033" s="98" t="s">
        <v>174</v>
      </c>
      <c r="V5033" s="98" t="s">
        <v>174</v>
      </c>
      <c r="W5033" s="98" t="s">
        <v>174</v>
      </c>
      <c r="X5033" s="98" t="s">
        <v>174</v>
      </c>
      <c r="Y5033" s="98" t="s">
        <v>174</v>
      </c>
      <c r="Z5033" s="98" t="s">
        <v>174</v>
      </c>
      <c r="AA5033" s="98" t="s">
        <v>174</v>
      </c>
      <c r="AB5033" s="98" t="s">
        <v>174</v>
      </c>
      <c r="AC5033" s="98" t="s">
        <v>174</v>
      </c>
      <c r="AD5033" s="98" t="s">
        <v>174</v>
      </c>
      <c r="AE5033" s="98" t="s">
        <v>174</v>
      </c>
      <c r="AF5033" s="98" t="s">
        <v>174</v>
      </c>
      <c r="AG5033" s="98" t="s">
        <v>174</v>
      </c>
      <c r="AH5033" s="98" t="s">
        <v>174</v>
      </c>
      <c r="AI5033" s="98" t="s">
        <v>174</v>
      </c>
      <c r="AJ5033" s="98" t="s">
        <v>174</v>
      </c>
      <c r="AK5033" s="98" t="s">
        <v>174</v>
      </c>
      <c r="AL5033" s="98" t="s">
        <v>174</v>
      </c>
      <c r="AM5033" s="98" t="s">
        <v>174</v>
      </c>
      <c r="AN5033" s="98" t="s">
        <v>174</v>
      </c>
      <c r="AO5033" s="98" t="s">
        <v>174</v>
      </c>
      <c r="AP5033" s="98" t="s">
        <v>174</v>
      </c>
      <c r="AQ5033" s="98" t="s">
        <v>174</v>
      </c>
      <c r="AR5033" s="98" t="s">
        <v>174</v>
      </c>
      <c r="AS5033" s="98" t="s">
        <v>174</v>
      </c>
      <c r="AT5033" s="129" t="s">
        <v>174</v>
      </c>
      <c r="AU5033" s="98" t="s">
        <v>174</v>
      </c>
      <c r="AV5033" s="98" t="s">
        <v>174</v>
      </c>
      <c r="AW5033" s="98" t="s">
        <v>174</v>
      </c>
      <c r="AX5033" s="98"/>
      <c r="AY5033" s="98"/>
      <c r="AZ5033" s="98"/>
      <c r="BA5033" s="98"/>
      <c r="BB5033" s="107">
        <v>45884</v>
      </c>
    </row>
    <row r="5034" spans="1:54" s="8" customFormat="1" ht="13.95" customHeight="1" x14ac:dyDescent="0.25">
      <c r="A5034" s="219" t="s">
        <v>11617</v>
      </c>
      <c r="B5034" s="220" t="s">
        <v>10412</v>
      </c>
      <c r="C5034" s="98" t="s">
        <v>11618</v>
      </c>
      <c r="D5034" s="98" t="s">
        <v>11619</v>
      </c>
      <c r="E5034" s="141" t="s">
        <v>174</v>
      </c>
      <c r="F5034" s="141">
        <v>5205</v>
      </c>
      <c r="G5034" s="98" t="s">
        <v>9</v>
      </c>
      <c r="H5034" s="98">
        <v>0</v>
      </c>
      <c r="I5034" s="98">
        <v>0</v>
      </c>
      <c r="J5034" s="98">
        <v>0</v>
      </c>
      <c r="K5034" s="98" t="s">
        <v>174</v>
      </c>
      <c r="L5034" s="98" t="s">
        <v>174</v>
      </c>
      <c r="M5034" s="98" t="s">
        <v>174</v>
      </c>
      <c r="N5034" s="98" t="s">
        <v>174</v>
      </c>
      <c r="O5034" s="98" t="s">
        <v>174</v>
      </c>
      <c r="P5034" s="98" t="s">
        <v>174</v>
      </c>
      <c r="Q5034" s="98" t="s">
        <v>174</v>
      </c>
      <c r="R5034" s="98" t="s">
        <v>174</v>
      </c>
      <c r="S5034" s="98" t="s">
        <v>174</v>
      </c>
      <c r="T5034" s="98" t="s">
        <v>174</v>
      </c>
      <c r="U5034" s="98" t="s">
        <v>174</v>
      </c>
      <c r="V5034" s="98" t="s">
        <v>174</v>
      </c>
      <c r="W5034" s="98" t="s">
        <v>174</v>
      </c>
      <c r="X5034" s="98" t="s">
        <v>174</v>
      </c>
      <c r="Y5034" s="98" t="s">
        <v>174</v>
      </c>
      <c r="Z5034" s="98" t="s">
        <v>174</v>
      </c>
      <c r="AA5034" s="98" t="s">
        <v>174</v>
      </c>
      <c r="AB5034" s="98" t="s">
        <v>174</v>
      </c>
      <c r="AC5034" s="98" t="s">
        <v>174</v>
      </c>
      <c r="AD5034" s="98" t="s">
        <v>174</v>
      </c>
      <c r="AE5034" s="98" t="s">
        <v>174</v>
      </c>
      <c r="AF5034" s="98" t="s">
        <v>174</v>
      </c>
      <c r="AG5034" s="98" t="s">
        <v>174</v>
      </c>
      <c r="AH5034" s="98" t="s">
        <v>174</v>
      </c>
      <c r="AI5034" s="98" t="s">
        <v>174</v>
      </c>
      <c r="AJ5034" s="98" t="s">
        <v>174</v>
      </c>
      <c r="AK5034" s="98" t="s">
        <v>174</v>
      </c>
      <c r="AL5034" s="98" t="s">
        <v>174</v>
      </c>
      <c r="AM5034" s="98" t="s">
        <v>174</v>
      </c>
      <c r="AN5034" s="98" t="s">
        <v>174</v>
      </c>
      <c r="AO5034" s="98" t="s">
        <v>174</v>
      </c>
      <c r="AP5034" s="98" t="s">
        <v>174</v>
      </c>
      <c r="AQ5034" s="98" t="s">
        <v>174</v>
      </c>
      <c r="AR5034" s="98" t="s">
        <v>174</v>
      </c>
      <c r="AS5034" s="98" t="s">
        <v>174</v>
      </c>
      <c r="AT5034" s="129" t="s">
        <v>174</v>
      </c>
      <c r="AU5034" s="98" t="s">
        <v>174</v>
      </c>
      <c r="AV5034" s="98" t="s">
        <v>174</v>
      </c>
      <c r="AW5034" s="98" t="s">
        <v>174</v>
      </c>
      <c r="AX5034" s="98"/>
      <c r="AY5034" s="98"/>
      <c r="AZ5034" s="98"/>
      <c r="BA5034" s="98"/>
      <c r="BB5034" s="107">
        <v>45884</v>
      </c>
    </row>
    <row r="5035" spans="1:54" s="8" customFormat="1" ht="13.95" customHeight="1" x14ac:dyDescent="0.25">
      <c r="A5035" s="219" t="s">
        <v>11620</v>
      </c>
      <c r="B5035" s="220" t="s">
        <v>10412</v>
      </c>
      <c r="C5035" s="98" t="s">
        <v>11621</v>
      </c>
      <c r="D5035" s="98" t="s">
        <v>11622</v>
      </c>
      <c r="E5035" s="141" t="s">
        <v>174</v>
      </c>
      <c r="F5035" s="141">
        <v>2789</v>
      </c>
      <c r="G5035" s="98" t="s">
        <v>9</v>
      </c>
      <c r="H5035" s="98">
        <v>0</v>
      </c>
      <c r="I5035" s="98">
        <v>0</v>
      </c>
      <c r="J5035" s="98">
        <v>0</v>
      </c>
      <c r="K5035" s="98" t="s">
        <v>174</v>
      </c>
      <c r="L5035" s="98" t="s">
        <v>174</v>
      </c>
      <c r="M5035" s="98" t="s">
        <v>174</v>
      </c>
      <c r="N5035" s="98" t="s">
        <v>174</v>
      </c>
      <c r="O5035" s="98" t="s">
        <v>174</v>
      </c>
      <c r="P5035" s="98" t="s">
        <v>174</v>
      </c>
      <c r="Q5035" s="98" t="s">
        <v>174</v>
      </c>
      <c r="R5035" s="98" t="s">
        <v>174</v>
      </c>
      <c r="S5035" s="98" t="s">
        <v>174</v>
      </c>
      <c r="T5035" s="98" t="s">
        <v>174</v>
      </c>
      <c r="U5035" s="99"/>
      <c r="V5035" s="99"/>
      <c r="W5035" s="99"/>
      <c r="X5035" s="99"/>
      <c r="Y5035" s="99"/>
      <c r="Z5035" s="99"/>
      <c r="AA5035" s="99"/>
      <c r="AB5035" s="99"/>
      <c r="AC5035" s="99"/>
      <c r="AD5035" s="99"/>
      <c r="AE5035" s="99"/>
      <c r="AF5035" s="99"/>
      <c r="AG5035" s="99"/>
      <c r="AH5035" s="99"/>
      <c r="AI5035" s="99"/>
      <c r="AJ5035" s="99"/>
      <c r="AK5035" s="99"/>
      <c r="AL5035" s="99"/>
      <c r="AM5035" s="99"/>
      <c r="AN5035" s="99"/>
      <c r="AO5035" s="99"/>
      <c r="AP5035" s="99"/>
      <c r="AQ5035" s="99"/>
      <c r="AR5035" s="99"/>
      <c r="AS5035" s="99"/>
      <c r="AT5035" s="99"/>
      <c r="AU5035" s="99"/>
      <c r="AV5035" s="99"/>
      <c r="AW5035" s="99"/>
      <c r="AX5035" s="99"/>
      <c r="AY5035" s="99"/>
      <c r="AZ5035" s="99"/>
      <c r="BA5035" s="99"/>
      <c r="BB5035" s="107">
        <v>45884</v>
      </c>
    </row>
    <row r="5036" spans="1:54" s="8" customFormat="1" ht="13.95" customHeight="1" x14ac:dyDescent="0.25">
      <c r="A5036" s="219" t="s">
        <v>11623</v>
      </c>
      <c r="B5036" s="220" t="s">
        <v>10412</v>
      </c>
      <c r="C5036" s="98" t="s">
        <v>11624</v>
      </c>
      <c r="D5036" s="98" t="s">
        <v>11625</v>
      </c>
      <c r="E5036" s="141" t="s">
        <v>174</v>
      </c>
      <c r="F5036" s="141">
        <v>2207</v>
      </c>
      <c r="G5036" s="98" t="s">
        <v>13</v>
      </c>
      <c r="H5036" s="98">
        <v>0</v>
      </c>
      <c r="I5036" s="98">
        <v>0</v>
      </c>
      <c r="J5036" s="98">
        <v>0</v>
      </c>
      <c r="K5036" s="98" t="s">
        <v>174</v>
      </c>
      <c r="L5036" s="98" t="s">
        <v>174</v>
      </c>
      <c r="M5036" s="98" t="s">
        <v>174</v>
      </c>
      <c r="N5036" s="98" t="s">
        <v>174</v>
      </c>
      <c r="O5036" s="98" t="s">
        <v>174</v>
      </c>
      <c r="P5036" s="98" t="s">
        <v>174</v>
      </c>
      <c r="Q5036" s="98" t="s">
        <v>174</v>
      </c>
      <c r="R5036" s="98" t="s">
        <v>174</v>
      </c>
      <c r="S5036" s="98" t="s">
        <v>174</v>
      </c>
      <c r="T5036" s="98" t="s">
        <v>174</v>
      </c>
      <c r="U5036" s="98" t="s">
        <v>174</v>
      </c>
      <c r="V5036" s="98" t="s">
        <v>174</v>
      </c>
      <c r="W5036" s="98" t="s">
        <v>174</v>
      </c>
      <c r="X5036" s="98" t="s">
        <v>174</v>
      </c>
      <c r="Y5036" s="98" t="s">
        <v>174</v>
      </c>
      <c r="Z5036" s="98" t="s">
        <v>174</v>
      </c>
      <c r="AA5036" s="98" t="s">
        <v>174</v>
      </c>
      <c r="AB5036" s="98" t="s">
        <v>174</v>
      </c>
      <c r="AC5036" s="98" t="s">
        <v>174</v>
      </c>
      <c r="AD5036" s="98" t="s">
        <v>174</v>
      </c>
      <c r="AE5036" s="98" t="s">
        <v>174</v>
      </c>
      <c r="AF5036" s="98" t="s">
        <v>174</v>
      </c>
      <c r="AG5036" s="98" t="s">
        <v>174</v>
      </c>
      <c r="AH5036" s="98" t="s">
        <v>174</v>
      </c>
      <c r="AI5036" s="98" t="s">
        <v>174</v>
      </c>
      <c r="AJ5036" s="98" t="s">
        <v>174</v>
      </c>
      <c r="AK5036" s="98" t="s">
        <v>174</v>
      </c>
      <c r="AL5036" s="98" t="s">
        <v>174</v>
      </c>
      <c r="AM5036" s="98" t="s">
        <v>174</v>
      </c>
      <c r="AN5036" s="98" t="s">
        <v>174</v>
      </c>
      <c r="AO5036" s="98" t="s">
        <v>174</v>
      </c>
      <c r="AP5036" s="98" t="s">
        <v>174</v>
      </c>
      <c r="AQ5036" s="98" t="s">
        <v>174</v>
      </c>
      <c r="AR5036" s="98" t="s">
        <v>174</v>
      </c>
      <c r="AS5036" s="98" t="s">
        <v>174</v>
      </c>
      <c r="AT5036" s="129" t="s">
        <v>174</v>
      </c>
      <c r="AU5036" s="98" t="s">
        <v>174</v>
      </c>
      <c r="AV5036" s="98" t="s">
        <v>174</v>
      </c>
      <c r="AW5036" s="98" t="s">
        <v>174</v>
      </c>
      <c r="AX5036" s="98"/>
      <c r="AY5036" s="98"/>
      <c r="AZ5036" s="98"/>
      <c r="BA5036" s="98"/>
      <c r="BB5036" s="107">
        <v>45884</v>
      </c>
    </row>
    <row r="5037" spans="1:54" s="8" customFormat="1" ht="13.95" customHeight="1" x14ac:dyDescent="0.25">
      <c r="A5037" s="219" t="s">
        <v>11626</v>
      </c>
      <c r="B5037" s="220" t="s">
        <v>10412</v>
      </c>
      <c r="C5037" s="98" t="s">
        <v>11627</v>
      </c>
      <c r="D5037" s="98" t="s">
        <v>11628</v>
      </c>
      <c r="E5037" s="141" t="s">
        <v>174</v>
      </c>
      <c r="F5037" s="141">
        <v>1762</v>
      </c>
      <c r="G5037" s="98" t="s">
        <v>1</v>
      </c>
      <c r="H5037" s="98">
        <v>0</v>
      </c>
      <c r="I5037" s="98">
        <v>0</v>
      </c>
      <c r="J5037" s="98">
        <v>1</v>
      </c>
      <c r="K5037" s="98" t="s">
        <v>174</v>
      </c>
      <c r="L5037" s="98" t="s">
        <v>174</v>
      </c>
      <c r="M5037" s="98" t="s">
        <v>174</v>
      </c>
      <c r="N5037" s="98" t="s">
        <v>174</v>
      </c>
      <c r="O5037" s="98" t="s">
        <v>174</v>
      </c>
      <c r="P5037" s="98" t="s">
        <v>174</v>
      </c>
      <c r="Q5037" s="98" t="s">
        <v>174</v>
      </c>
      <c r="R5037" s="98" t="s">
        <v>174</v>
      </c>
      <c r="S5037" s="98" t="s">
        <v>174</v>
      </c>
      <c r="T5037" s="98" t="s">
        <v>174</v>
      </c>
      <c r="U5037" s="99"/>
      <c r="V5037" s="99"/>
      <c r="W5037" s="99"/>
      <c r="X5037" s="99"/>
      <c r="Y5037" s="99"/>
      <c r="Z5037" s="99"/>
      <c r="AA5037" s="99"/>
      <c r="AB5037" s="99"/>
      <c r="AC5037" s="99"/>
      <c r="AD5037" s="99"/>
      <c r="AE5037" s="99"/>
      <c r="AF5037" s="99"/>
      <c r="AG5037" s="99"/>
      <c r="AH5037" s="99"/>
      <c r="AI5037" s="99"/>
      <c r="AJ5037" s="99"/>
      <c r="AK5037" s="99"/>
      <c r="AL5037" s="99"/>
      <c r="AM5037" s="99"/>
      <c r="AN5037" s="99"/>
      <c r="AO5037" s="99"/>
      <c r="AP5037" s="99"/>
      <c r="AQ5037" s="99"/>
      <c r="AR5037" s="99"/>
      <c r="AS5037" s="99"/>
      <c r="AT5037" s="99"/>
      <c r="AU5037" s="99"/>
      <c r="AV5037" s="99"/>
      <c r="AW5037" s="99"/>
      <c r="AX5037" s="99"/>
      <c r="AY5037" s="99"/>
      <c r="AZ5037" s="99"/>
      <c r="BA5037" s="99"/>
      <c r="BB5037" s="107">
        <v>45884</v>
      </c>
    </row>
    <row r="5038" spans="1:54" s="8" customFormat="1" ht="13.95" customHeight="1" x14ac:dyDescent="0.25">
      <c r="A5038" s="219" t="s">
        <v>11629</v>
      </c>
      <c r="B5038" s="220" t="s">
        <v>10412</v>
      </c>
      <c r="C5038" s="98" t="s">
        <v>11630</v>
      </c>
      <c r="D5038" s="98" t="s">
        <v>11631</v>
      </c>
      <c r="E5038" s="141" t="s">
        <v>174</v>
      </c>
      <c r="F5038" s="141">
        <v>625</v>
      </c>
      <c r="G5038" s="98" t="s">
        <v>1</v>
      </c>
      <c r="H5038" s="98">
        <v>0</v>
      </c>
      <c r="I5038" s="98">
        <v>0</v>
      </c>
      <c r="J5038" s="98">
        <v>1</v>
      </c>
      <c r="K5038" s="98" t="s">
        <v>174</v>
      </c>
      <c r="L5038" s="98" t="s">
        <v>174</v>
      </c>
      <c r="M5038" s="98" t="s">
        <v>174</v>
      </c>
      <c r="N5038" s="98" t="s">
        <v>174</v>
      </c>
      <c r="O5038" s="98" t="s">
        <v>174</v>
      </c>
      <c r="P5038" s="98" t="s">
        <v>174</v>
      </c>
      <c r="Q5038" s="98" t="s">
        <v>174</v>
      </c>
      <c r="R5038" s="98" t="s">
        <v>174</v>
      </c>
      <c r="S5038" s="98" t="s">
        <v>174</v>
      </c>
      <c r="T5038" s="98" t="s">
        <v>174</v>
      </c>
      <c r="U5038" s="99"/>
      <c r="V5038" s="99"/>
      <c r="W5038" s="99"/>
      <c r="X5038" s="99"/>
      <c r="Y5038" s="99"/>
      <c r="Z5038" s="99"/>
      <c r="AA5038" s="99"/>
      <c r="AB5038" s="99"/>
      <c r="AC5038" s="99"/>
      <c r="AD5038" s="99"/>
      <c r="AE5038" s="99"/>
      <c r="AF5038" s="99"/>
      <c r="AG5038" s="99"/>
      <c r="AH5038" s="99"/>
      <c r="AI5038" s="99"/>
      <c r="AJ5038" s="99"/>
      <c r="AK5038" s="99"/>
      <c r="AL5038" s="99"/>
      <c r="AM5038" s="99"/>
      <c r="AN5038" s="99"/>
      <c r="AO5038" s="99"/>
      <c r="AP5038" s="99"/>
      <c r="AQ5038" s="99"/>
      <c r="AR5038" s="99"/>
      <c r="AS5038" s="99"/>
      <c r="AT5038" s="99"/>
      <c r="AU5038" s="99"/>
      <c r="AV5038" s="99"/>
      <c r="AW5038" s="99"/>
      <c r="AX5038" s="99"/>
      <c r="AY5038" s="99"/>
      <c r="AZ5038" s="99"/>
      <c r="BA5038" s="99"/>
      <c r="BB5038" s="107">
        <v>45884</v>
      </c>
    </row>
    <row r="5039" spans="1:54" s="8" customFormat="1" ht="13.95" customHeight="1" x14ac:dyDescent="0.25">
      <c r="A5039" s="219" t="s">
        <v>11632</v>
      </c>
      <c r="B5039" s="220" t="s">
        <v>10412</v>
      </c>
      <c r="C5039" s="98" t="s">
        <v>11633</v>
      </c>
      <c r="D5039" s="98" t="s">
        <v>11634</v>
      </c>
      <c r="E5039" s="141" t="s">
        <v>174</v>
      </c>
      <c r="F5039" s="141">
        <v>776</v>
      </c>
      <c r="G5039" s="98" t="s">
        <v>11</v>
      </c>
      <c r="H5039" s="98">
        <v>0</v>
      </c>
      <c r="I5039" s="98">
        <v>0</v>
      </c>
      <c r="J5039" s="98">
        <v>1</v>
      </c>
      <c r="K5039" s="98" t="s">
        <v>174</v>
      </c>
      <c r="L5039" s="98" t="s">
        <v>174</v>
      </c>
      <c r="M5039" s="98" t="s">
        <v>174</v>
      </c>
      <c r="N5039" s="98" t="s">
        <v>174</v>
      </c>
      <c r="O5039" s="98" t="s">
        <v>174</v>
      </c>
      <c r="P5039" s="98" t="s">
        <v>174</v>
      </c>
      <c r="Q5039" s="98" t="s">
        <v>174</v>
      </c>
      <c r="R5039" s="98" t="s">
        <v>174</v>
      </c>
      <c r="S5039" s="98" t="s">
        <v>174</v>
      </c>
      <c r="T5039" s="98" t="s">
        <v>174</v>
      </c>
      <c r="U5039" s="99"/>
      <c r="V5039" s="99"/>
      <c r="W5039" s="99"/>
      <c r="X5039" s="99"/>
      <c r="Y5039" s="99"/>
      <c r="Z5039" s="99"/>
      <c r="AA5039" s="99"/>
      <c r="AB5039" s="99"/>
      <c r="AC5039" s="99"/>
      <c r="AD5039" s="99"/>
      <c r="AE5039" s="99"/>
      <c r="AF5039" s="99"/>
      <c r="AG5039" s="99"/>
      <c r="AH5039" s="99"/>
      <c r="AI5039" s="99"/>
      <c r="AJ5039" s="99"/>
      <c r="AK5039" s="99"/>
      <c r="AL5039" s="99"/>
      <c r="AM5039" s="99"/>
      <c r="AN5039" s="99"/>
      <c r="AO5039" s="99"/>
      <c r="AP5039" s="99"/>
      <c r="AQ5039" s="99"/>
      <c r="AR5039" s="99"/>
      <c r="AS5039" s="99"/>
      <c r="AT5039" s="99"/>
      <c r="AU5039" s="99"/>
      <c r="AV5039" s="99"/>
      <c r="AW5039" s="99"/>
      <c r="AX5039" s="99"/>
      <c r="AY5039" s="99"/>
      <c r="AZ5039" s="99"/>
      <c r="BA5039" s="99"/>
      <c r="BB5039" s="107">
        <v>45884</v>
      </c>
    </row>
    <row r="5040" spans="1:54" s="8" customFormat="1" ht="13.95" customHeight="1" x14ac:dyDescent="0.25">
      <c r="A5040" s="219" t="s">
        <v>11635</v>
      </c>
      <c r="B5040" s="220" t="s">
        <v>10412</v>
      </c>
      <c r="C5040" s="98" t="s">
        <v>11636</v>
      </c>
      <c r="D5040" s="98" t="s">
        <v>11637</v>
      </c>
      <c r="E5040" s="141" t="s">
        <v>174</v>
      </c>
      <c r="F5040" s="141">
        <v>6604</v>
      </c>
      <c r="G5040" s="98" t="s">
        <v>13</v>
      </c>
      <c r="H5040" s="98">
        <v>0</v>
      </c>
      <c r="I5040" s="98">
        <v>0</v>
      </c>
      <c r="J5040" s="98">
        <v>0</v>
      </c>
      <c r="K5040" s="98" t="s">
        <v>174</v>
      </c>
      <c r="L5040" s="98" t="s">
        <v>174</v>
      </c>
      <c r="M5040" s="98" t="s">
        <v>174</v>
      </c>
      <c r="N5040" s="98" t="s">
        <v>174</v>
      </c>
      <c r="O5040" s="98" t="s">
        <v>174</v>
      </c>
      <c r="P5040" s="98" t="s">
        <v>174</v>
      </c>
      <c r="Q5040" s="98" t="s">
        <v>174</v>
      </c>
      <c r="R5040" s="98" t="s">
        <v>174</v>
      </c>
      <c r="S5040" s="98" t="s">
        <v>174</v>
      </c>
      <c r="T5040" s="98" t="s">
        <v>174</v>
      </c>
      <c r="U5040" s="99"/>
      <c r="V5040" s="99"/>
      <c r="W5040" s="99"/>
      <c r="X5040" s="99"/>
      <c r="Y5040" s="99"/>
      <c r="Z5040" s="99"/>
      <c r="AA5040" s="99"/>
      <c r="AB5040" s="99"/>
      <c r="AC5040" s="99"/>
      <c r="AD5040" s="99"/>
      <c r="AE5040" s="99"/>
      <c r="AF5040" s="99"/>
      <c r="AG5040" s="99"/>
      <c r="AH5040" s="99"/>
      <c r="AI5040" s="99"/>
      <c r="AJ5040" s="99"/>
      <c r="AK5040" s="99"/>
      <c r="AL5040" s="99"/>
      <c r="AM5040" s="99"/>
      <c r="AN5040" s="99"/>
      <c r="AO5040" s="99"/>
      <c r="AP5040" s="99"/>
      <c r="AQ5040" s="99"/>
      <c r="AR5040" s="99"/>
      <c r="AS5040" s="99"/>
      <c r="AT5040" s="99"/>
      <c r="AU5040" s="99"/>
      <c r="AV5040" s="99"/>
      <c r="AW5040" s="99"/>
      <c r="AX5040" s="99"/>
      <c r="AY5040" s="99"/>
      <c r="AZ5040" s="99"/>
      <c r="BA5040" s="99"/>
      <c r="BB5040" s="107">
        <v>45884</v>
      </c>
    </row>
    <row r="5041" spans="1:54" s="8" customFormat="1" ht="13.95" customHeight="1" x14ac:dyDescent="0.25">
      <c r="A5041" s="219" t="s">
        <v>11638</v>
      </c>
      <c r="B5041" s="220" t="s">
        <v>10412</v>
      </c>
      <c r="C5041" s="98" t="s">
        <v>11639</v>
      </c>
      <c r="D5041" s="98" t="s">
        <v>11640</v>
      </c>
      <c r="E5041" s="141" t="s">
        <v>174</v>
      </c>
      <c r="F5041" s="141">
        <v>497</v>
      </c>
      <c r="G5041" s="98" t="s">
        <v>1</v>
      </c>
      <c r="H5041" s="98">
        <v>0</v>
      </c>
      <c r="I5041" s="98">
        <v>0</v>
      </c>
      <c r="J5041" s="98">
        <v>1</v>
      </c>
      <c r="K5041" s="98" t="s">
        <v>174</v>
      </c>
      <c r="L5041" s="98" t="s">
        <v>174</v>
      </c>
      <c r="M5041" s="98" t="s">
        <v>174</v>
      </c>
      <c r="N5041" s="98" t="s">
        <v>174</v>
      </c>
      <c r="O5041" s="98" t="s">
        <v>174</v>
      </c>
      <c r="P5041" s="98" t="s">
        <v>174</v>
      </c>
      <c r="Q5041" s="98" t="s">
        <v>174</v>
      </c>
      <c r="R5041" s="98" t="s">
        <v>174</v>
      </c>
      <c r="S5041" s="98" t="s">
        <v>174</v>
      </c>
      <c r="T5041" s="98" t="s">
        <v>174</v>
      </c>
      <c r="U5041" s="98" t="s">
        <v>174</v>
      </c>
      <c r="V5041" s="98" t="s">
        <v>174</v>
      </c>
      <c r="W5041" s="98" t="s">
        <v>174</v>
      </c>
      <c r="X5041" s="98" t="s">
        <v>174</v>
      </c>
      <c r="Y5041" s="98" t="s">
        <v>174</v>
      </c>
      <c r="Z5041" s="98" t="s">
        <v>174</v>
      </c>
      <c r="AA5041" s="98" t="s">
        <v>174</v>
      </c>
      <c r="AB5041" s="98" t="s">
        <v>174</v>
      </c>
      <c r="AC5041" s="98" t="s">
        <v>174</v>
      </c>
      <c r="AD5041" s="98" t="s">
        <v>174</v>
      </c>
      <c r="AE5041" s="98" t="s">
        <v>174</v>
      </c>
      <c r="AF5041" s="98" t="s">
        <v>174</v>
      </c>
      <c r="AG5041" s="98" t="s">
        <v>174</v>
      </c>
      <c r="AH5041" s="98" t="s">
        <v>174</v>
      </c>
      <c r="AI5041" s="98" t="s">
        <v>174</v>
      </c>
      <c r="AJ5041" s="98" t="s">
        <v>174</v>
      </c>
      <c r="AK5041" s="98" t="s">
        <v>174</v>
      </c>
      <c r="AL5041" s="98" t="s">
        <v>174</v>
      </c>
      <c r="AM5041" s="98" t="s">
        <v>174</v>
      </c>
      <c r="AN5041" s="98" t="s">
        <v>174</v>
      </c>
      <c r="AO5041" s="98" t="s">
        <v>174</v>
      </c>
      <c r="AP5041" s="98" t="s">
        <v>174</v>
      </c>
      <c r="AQ5041" s="98" t="s">
        <v>174</v>
      </c>
      <c r="AR5041" s="98" t="s">
        <v>174</v>
      </c>
      <c r="AS5041" s="98" t="s">
        <v>174</v>
      </c>
      <c r="AT5041" s="98">
        <v>1</v>
      </c>
      <c r="AU5041" s="98" t="s">
        <v>174</v>
      </c>
      <c r="AV5041" s="98" t="s">
        <v>174</v>
      </c>
      <c r="AW5041" s="98" t="s">
        <v>174</v>
      </c>
      <c r="AX5041" s="98"/>
      <c r="AY5041" s="98"/>
      <c r="AZ5041" s="98"/>
      <c r="BA5041" s="98"/>
      <c r="BB5041" s="107">
        <v>45884</v>
      </c>
    </row>
    <row r="5042" spans="1:54" s="8" customFormat="1" ht="13.95" customHeight="1" x14ac:dyDescent="0.25">
      <c r="A5042" s="219" t="s">
        <v>11641</v>
      </c>
      <c r="B5042" s="220" t="s">
        <v>10412</v>
      </c>
      <c r="C5042" s="98" t="s">
        <v>11642</v>
      </c>
      <c r="D5042" s="98" t="s">
        <v>11643</v>
      </c>
      <c r="E5042" s="141" t="s">
        <v>174</v>
      </c>
      <c r="F5042" s="141">
        <v>2873</v>
      </c>
      <c r="G5042" s="98" t="s">
        <v>13</v>
      </c>
      <c r="H5042" s="98">
        <v>0</v>
      </c>
      <c r="I5042" s="98">
        <v>0</v>
      </c>
      <c r="J5042" s="98">
        <v>0</v>
      </c>
      <c r="K5042" s="98" t="s">
        <v>174</v>
      </c>
      <c r="L5042" s="98" t="s">
        <v>174</v>
      </c>
      <c r="M5042" s="98" t="s">
        <v>174</v>
      </c>
      <c r="N5042" s="98" t="s">
        <v>174</v>
      </c>
      <c r="O5042" s="98" t="s">
        <v>174</v>
      </c>
      <c r="P5042" s="98" t="s">
        <v>174</v>
      </c>
      <c r="Q5042" s="98" t="s">
        <v>174</v>
      </c>
      <c r="R5042" s="98" t="s">
        <v>174</v>
      </c>
      <c r="S5042" s="98" t="s">
        <v>174</v>
      </c>
      <c r="T5042" s="98" t="s">
        <v>174</v>
      </c>
      <c r="U5042" s="98" t="s">
        <v>174</v>
      </c>
      <c r="V5042" s="98" t="s">
        <v>174</v>
      </c>
      <c r="W5042" s="98" t="s">
        <v>174</v>
      </c>
      <c r="X5042" s="98" t="s">
        <v>174</v>
      </c>
      <c r="Y5042" s="98" t="s">
        <v>174</v>
      </c>
      <c r="Z5042" s="98" t="s">
        <v>174</v>
      </c>
      <c r="AA5042" s="98" t="s">
        <v>174</v>
      </c>
      <c r="AB5042" s="98" t="s">
        <v>174</v>
      </c>
      <c r="AC5042" s="98" t="s">
        <v>174</v>
      </c>
      <c r="AD5042" s="98" t="s">
        <v>174</v>
      </c>
      <c r="AE5042" s="98" t="s">
        <v>174</v>
      </c>
      <c r="AF5042" s="98" t="s">
        <v>174</v>
      </c>
      <c r="AG5042" s="98" t="s">
        <v>174</v>
      </c>
      <c r="AH5042" s="98" t="s">
        <v>174</v>
      </c>
      <c r="AI5042" s="98" t="s">
        <v>174</v>
      </c>
      <c r="AJ5042" s="98" t="s">
        <v>174</v>
      </c>
      <c r="AK5042" s="98" t="s">
        <v>174</v>
      </c>
      <c r="AL5042" s="98" t="s">
        <v>174</v>
      </c>
      <c r="AM5042" s="98" t="s">
        <v>174</v>
      </c>
      <c r="AN5042" s="98" t="s">
        <v>174</v>
      </c>
      <c r="AO5042" s="98" t="s">
        <v>174</v>
      </c>
      <c r="AP5042" s="98" t="s">
        <v>174</v>
      </c>
      <c r="AQ5042" s="98" t="s">
        <v>174</v>
      </c>
      <c r="AR5042" s="98" t="s">
        <v>174</v>
      </c>
      <c r="AS5042" s="98" t="s">
        <v>174</v>
      </c>
      <c r="AT5042" s="129" t="s">
        <v>174</v>
      </c>
      <c r="AU5042" s="98" t="s">
        <v>174</v>
      </c>
      <c r="AV5042" s="98" t="s">
        <v>174</v>
      </c>
      <c r="AW5042" s="98" t="s">
        <v>174</v>
      </c>
      <c r="AX5042" s="98"/>
      <c r="AY5042" s="98"/>
      <c r="AZ5042" s="98"/>
      <c r="BA5042" s="98"/>
      <c r="BB5042" s="107">
        <v>45884</v>
      </c>
    </row>
    <row r="5043" spans="1:54" s="8" customFormat="1" ht="13.95" customHeight="1" x14ac:dyDescent="0.25">
      <c r="A5043" s="219" t="s">
        <v>11644</v>
      </c>
      <c r="B5043" s="220" t="s">
        <v>10412</v>
      </c>
      <c r="C5043" s="98" t="s">
        <v>11645</v>
      </c>
      <c r="D5043" s="98" t="s">
        <v>11646</v>
      </c>
      <c r="E5043" s="141" t="s">
        <v>174</v>
      </c>
      <c r="F5043" s="141">
        <v>825</v>
      </c>
      <c r="G5043" s="98" t="s">
        <v>9</v>
      </c>
      <c r="H5043" s="98">
        <v>0</v>
      </c>
      <c r="I5043" s="98">
        <v>0</v>
      </c>
      <c r="J5043" s="98">
        <v>0</v>
      </c>
      <c r="K5043" s="98" t="s">
        <v>174</v>
      </c>
      <c r="L5043" s="98" t="s">
        <v>174</v>
      </c>
      <c r="M5043" s="98" t="s">
        <v>174</v>
      </c>
      <c r="N5043" s="98" t="s">
        <v>174</v>
      </c>
      <c r="O5043" s="98" t="s">
        <v>174</v>
      </c>
      <c r="P5043" s="98" t="s">
        <v>174</v>
      </c>
      <c r="Q5043" s="98" t="s">
        <v>174</v>
      </c>
      <c r="R5043" s="98" t="s">
        <v>174</v>
      </c>
      <c r="S5043" s="98" t="s">
        <v>174</v>
      </c>
      <c r="T5043" s="98" t="s">
        <v>174</v>
      </c>
      <c r="U5043" s="98" t="s">
        <v>174</v>
      </c>
      <c r="V5043" s="98" t="s">
        <v>174</v>
      </c>
      <c r="W5043" s="98" t="s">
        <v>174</v>
      </c>
      <c r="X5043" s="98" t="s">
        <v>174</v>
      </c>
      <c r="Y5043" s="98" t="s">
        <v>174</v>
      </c>
      <c r="Z5043" s="98" t="s">
        <v>174</v>
      </c>
      <c r="AA5043" s="98" t="s">
        <v>174</v>
      </c>
      <c r="AB5043" s="98" t="s">
        <v>174</v>
      </c>
      <c r="AC5043" s="98" t="s">
        <v>174</v>
      </c>
      <c r="AD5043" s="98" t="s">
        <v>174</v>
      </c>
      <c r="AE5043" s="98" t="s">
        <v>174</v>
      </c>
      <c r="AF5043" s="98" t="s">
        <v>174</v>
      </c>
      <c r="AG5043" s="98" t="s">
        <v>174</v>
      </c>
      <c r="AH5043" s="98" t="s">
        <v>174</v>
      </c>
      <c r="AI5043" s="98" t="s">
        <v>174</v>
      </c>
      <c r="AJ5043" s="98" t="s">
        <v>174</v>
      </c>
      <c r="AK5043" s="98" t="s">
        <v>174</v>
      </c>
      <c r="AL5043" s="98" t="s">
        <v>174</v>
      </c>
      <c r="AM5043" s="98" t="s">
        <v>174</v>
      </c>
      <c r="AN5043" s="98" t="s">
        <v>174</v>
      </c>
      <c r="AO5043" s="98" t="s">
        <v>174</v>
      </c>
      <c r="AP5043" s="98" t="s">
        <v>174</v>
      </c>
      <c r="AQ5043" s="98" t="s">
        <v>174</v>
      </c>
      <c r="AR5043" s="98" t="s">
        <v>174</v>
      </c>
      <c r="AS5043" s="98" t="s">
        <v>174</v>
      </c>
      <c r="AT5043" s="129" t="s">
        <v>174</v>
      </c>
      <c r="AU5043" s="98" t="s">
        <v>174</v>
      </c>
      <c r="AV5043" s="98" t="s">
        <v>174</v>
      </c>
      <c r="AW5043" s="98" t="s">
        <v>174</v>
      </c>
      <c r="AX5043" s="98"/>
      <c r="AY5043" s="98"/>
      <c r="AZ5043" s="98"/>
      <c r="BA5043" s="98"/>
      <c r="BB5043" s="107">
        <v>45884</v>
      </c>
    </row>
    <row r="5044" spans="1:54" s="8" customFormat="1" ht="13.95" customHeight="1" x14ac:dyDescent="0.25">
      <c r="A5044" s="219" t="s">
        <v>11647</v>
      </c>
      <c r="B5044" s="220" t="s">
        <v>10412</v>
      </c>
      <c r="C5044" s="98" t="s">
        <v>11648</v>
      </c>
      <c r="D5044" s="98" t="s">
        <v>11649</v>
      </c>
      <c r="E5044" s="141" t="s">
        <v>174</v>
      </c>
      <c r="F5044" s="141">
        <v>3950</v>
      </c>
      <c r="G5044" s="98" t="s">
        <v>9</v>
      </c>
      <c r="H5044" s="98">
        <v>0</v>
      </c>
      <c r="I5044" s="98">
        <v>0</v>
      </c>
      <c r="J5044" s="98">
        <v>0</v>
      </c>
      <c r="K5044" s="98" t="s">
        <v>174</v>
      </c>
      <c r="L5044" s="98" t="s">
        <v>174</v>
      </c>
      <c r="M5044" s="98" t="s">
        <v>174</v>
      </c>
      <c r="N5044" s="98" t="s">
        <v>174</v>
      </c>
      <c r="O5044" s="98" t="s">
        <v>174</v>
      </c>
      <c r="P5044" s="98" t="s">
        <v>174</v>
      </c>
      <c r="Q5044" s="98" t="s">
        <v>174</v>
      </c>
      <c r="R5044" s="98" t="s">
        <v>174</v>
      </c>
      <c r="S5044" s="98" t="s">
        <v>174</v>
      </c>
      <c r="T5044" s="98" t="s">
        <v>174</v>
      </c>
      <c r="U5044" s="98" t="s">
        <v>174</v>
      </c>
      <c r="V5044" s="98" t="s">
        <v>174</v>
      </c>
      <c r="W5044" s="98" t="s">
        <v>174</v>
      </c>
      <c r="X5044" s="98" t="s">
        <v>174</v>
      </c>
      <c r="Y5044" s="98" t="s">
        <v>174</v>
      </c>
      <c r="Z5044" s="98" t="s">
        <v>174</v>
      </c>
      <c r="AA5044" s="98" t="s">
        <v>174</v>
      </c>
      <c r="AB5044" s="98" t="s">
        <v>174</v>
      </c>
      <c r="AC5044" s="98" t="s">
        <v>174</v>
      </c>
      <c r="AD5044" s="98" t="s">
        <v>174</v>
      </c>
      <c r="AE5044" s="98" t="s">
        <v>174</v>
      </c>
      <c r="AF5044" s="98" t="s">
        <v>174</v>
      </c>
      <c r="AG5044" s="98" t="s">
        <v>174</v>
      </c>
      <c r="AH5044" s="98" t="s">
        <v>174</v>
      </c>
      <c r="AI5044" s="98" t="s">
        <v>174</v>
      </c>
      <c r="AJ5044" s="98" t="s">
        <v>174</v>
      </c>
      <c r="AK5044" s="98" t="s">
        <v>174</v>
      </c>
      <c r="AL5044" s="98" t="s">
        <v>174</v>
      </c>
      <c r="AM5044" s="98" t="s">
        <v>174</v>
      </c>
      <c r="AN5044" s="98" t="s">
        <v>174</v>
      </c>
      <c r="AO5044" s="98" t="s">
        <v>174</v>
      </c>
      <c r="AP5044" s="98" t="s">
        <v>174</v>
      </c>
      <c r="AQ5044" s="98" t="s">
        <v>174</v>
      </c>
      <c r="AR5044" s="98" t="s">
        <v>174</v>
      </c>
      <c r="AS5044" s="98" t="s">
        <v>174</v>
      </c>
      <c r="AT5044" s="129" t="s">
        <v>174</v>
      </c>
      <c r="AU5044" s="98" t="s">
        <v>174</v>
      </c>
      <c r="AV5044" s="98" t="s">
        <v>174</v>
      </c>
      <c r="AW5044" s="98" t="s">
        <v>174</v>
      </c>
      <c r="AX5044" s="98"/>
      <c r="AY5044" s="98"/>
      <c r="AZ5044" s="98"/>
      <c r="BA5044" s="98"/>
      <c r="BB5044" s="107">
        <v>45884</v>
      </c>
    </row>
    <row r="5045" spans="1:54" s="8" customFormat="1" ht="13.95" customHeight="1" x14ac:dyDescent="0.25">
      <c r="A5045" s="219" t="s">
        <v>11650</v>
      </c>
      <c r="B5045" s="220" t="s">
        <v>10412</v>
      </c>
      <c r="C5045" s="98" t="s">
        <v>11651</v>
      </c>
      <c r="D5045" s="98" t="s">
        <v>11652</v>
      </c>
      <c r="E5045" s="141" t="s">
        <v>174</v>
      </c>
      <c r="F5045" s="141">
        <v>1929</v>
      </c>
      <c r="G5045" s="98" t="s">
        <v>1</v>
      </c>
      <c r="H5045" s="98">
        <v>0</v>
      </c>
      <c r="I5045" s="98">
        <v>0</v>
      </c>
      <c r="J5045" s="98">
        <v>1</v>
      </c>
      <c r="K5045" s="98" t="s">
        <v>174</v>
      </c>
      <c r="L5045" s="98" t="s">
        <v>174</v>
      </c>
      <c r="M5045" s="98" t="s">
        <v>174</v>
      </c>
      <c r="N5045" s="98" t="s">
        <v>174</v>
      </c>
      <c r="O5045" s="98" t="s">
        <v>174</v>
      </c>
      <c r="P5045" s="98" t="s">
        <v>174</v>
      </c>
      <c r="Q5045" s="98" t="s">
        <v>174</v>
      </c>
      <c r="R5045" s="98" t="s">
        <v>174</v>
      </c>
      <c r="S5045" s="98" t="s">
        <v>174</v>
      </c>
      <c r="T5045" s="98" t="s">
        <v>174</v>
      </c>
      <c r="U5045" s="99"/>
      <c r="V5045" s="99"/>
      <c r="W5045" s="99"/>
      <c r="X5045" s="99"/>
      <c r="Y5045" s="99"/>
      <c r="Z5045" s="99"/>
      <c r="AA5045" s="99"/>
      <c r="AB5045" s="99"/>
      <c r="AC5045" s="99"/>
      <c r="AD5045" s="99"/>
      <c r="AE5045" s="99"/>
      <c r="AF5045" s="99"/>
      <c r="AG5045" s="99"/>
      <c r="AH5045" s="99"/>
      <c r="AI5045" s="99"/>
      <c r="AJ5045" s="99"/>
      <c r="AK5045" s="99"/>
      <c r="AL5045" s="99"/>
      <c r="AM5045" s="99"/>
      <c r="AN5045" s="99"/>
      <c r="AO5045" s="99"/>
      <c r="AP5045" s="99"/>
      <c r="AQ5045" s="99"/>
      <c r="AR5045" s="99"/>
      <c r="AS5045" s="99"/>
      <c r="AT5045" s="99"/>
      <c r="AU5045" s="99"/>
      <c r="AV5045" s="99"/>
      <c r="AW5045" s="99"/>
      <c r="AX5045" s="99"/>
      <c r="AY5045" s="99"/>
      <c r="AZ5045" s="99"/>
      <c r="BA5045" s="99"/>
      <c r="BB5045" s="107">
        <v>45884</v>
      </c>
    </row>
    <row r="5046" spans="1:54" s="8" customFormat="1" ht="13.95" customHeight="1" x14ac:dyDescent="0.25">
      <c r="A5046" s="219" t="s">
        <v>11653</v>
      </c>
      <c r="B5046" s="220" t="s">
        <v>10412</v>
      </c>
      <c r="C5046" s="98" t="s">
        <v>11654</v>
      </c>
      <c r="D5046" s="98" t="s">
        <v>11655</v>
      </c>
      <c r="E5046" s="141" t="s">
        <v>174</v>
      </c>
      <c r="F5046" s="141">
        <v>4145</v>
      </c>
      <c r="G5046" s="98" t="s">
        <v>1</v>
      </c>
      <c r="H5046" s="98">
        <v>0</v>
      </c>
      <c r="I5046" s="98">
        <v>0</v>
      </c>
      <c r="J5046" s="98">
        <v>1</v>
      </c>
      <c r="K5046" s="98" t="s">
        <v>174</v>
      </c>
      <c r="L5046" s="98" t="s">
        <v>174</v>
      </c>
      <c r="M5046" s="98" t="s">
        <v>174</v>
      </c>
      <c r="N5046" s="98" t="s">
        <v>174</v>
      </c>
      <c r="O5046" s="98" t="s">
        <v>174</v>
      </c>
      <c r="P5046" s="98" t="s">
        <v>174</v>
      </c>
      <c r="Q5046" s="98" t="s">
        <v>174</v>
      </c>
      <c r="R5046" s="98" t="s">
        <v>174</v>
      </c>
      <c r="S5046" s="98" t="s">
        <v>174</v>
      </c>
      <c r="T5046" s="98" t="s">
        <v>174</v>
      </c>
      <c r="U5046" s="99"/>
      <c r="V5046" s="99"/>
      <c r="W5046" s="99"/>
      <c r="X5046" s="99"/>
      <c r="Y5046" s="99"/>
      <c r="Z5046" s="99"/>
      <c r="AA5046" s="99"/>
      <c r="AB5046" s="99"/>
      <c r="AC5046" s="99"/>
      <c r="AD5046" s="99"/>
      <c r="AE5046" s="99"/>
      <c r="AF5046" s="99"/>
      <c r="AG5046" s="99"/>
      <c r="AH5046" s="99"/>
      <c r="AI5046" s="99"/>
      <c r="AJ5046" s="99"/>
      <c r="AK5046" s="99"/>
      <c r="AL5046" s="99"/>
      <c r="AM5046" s="99"/>
      <c r="AN5046" s="99"/>
      <c r="AO5046" s="99"/>
      <c r="AP5046" s="99"/>
      <c r="AQ5046" s="99"/>
      <c r="AR5046" s="99"/>
      <c r="AS5046" s="99"/>
      <c r="AT5046" s="99"/>
      <c r="AU5046" s="99"/>
      <c r="AV5046" s="99"/>
      <c r="AW5046" s="99"/>
      <c r="AX5046" s="99"/>
      <c r="AY5046" s="99"/>
      <c r="AZ5046" s="99"/>
      <c r="BA5046" s="99"/>
      <c r="BB5046" s="107">
        <v>45884</v>
      </c>
    </row>
    <row r="5047" spans="1:54" s="8" customFormat="1" ht="13.95" customHeight="1" x14ac:dyDescent="0.25">
      <c r="A5047" s="219" t="s">
        <v>11656</v>
      </c>
      <c r="B5047" s="220" t="s">
        <v>10412</v>
      </c>
      <c r="C5047" s="98" t="s">
        <v>11657</v>
      </c>
      <c r="D5047" s="98" t="s">
        <v>11655</v>
      </c>
      <c r="E5047" s="141" t="s">
        <v>174</v>
      </c>
      <c r="F5047" s="141">
        <v>14879</v>
      </c>
      <c r="G5047" s="98" t="s">
        <v>3</v>
      </c>
      <c r="H5047" s="98">
        <v>0</v>
      </c>
      <c r="I5047" s="98">
        <v>0</v>
      </c>
      <c r="J5047" s="98">
        <v>1</v>
      </c>
      <c r="K5047" s="98" t="s">
        <v>174</v>
      </c>
      <c r="L5047" s="98" t="s">
        <v>174</v>
      </c>
      <c r="M5047" s="98" t="s">
        <v>174</v>
      </c>
      <c r="N5047" s="98" t="s">
        <v>174</v>
      </c>
      <c r="O5047" s="98" t="s">
        <v>174</v>
      </c>
      <c r="P5047" s="98" t="s">
        <v>174</v>
      </c>
      <c r="Q5047" s="98" t="s">
        <v>174</v>
      </c>
      <c r="R5047" s="98" t="s">
        <v>174</v>
      </c>
      <c r="S5047" s="98" t="s">
        <v>174</v>
      </c>
      <c r="T5047" s="98" t="s">
        <v>174</v>
      </c>
      <c r="U5047" s="99"/>
      <c r="V5047" s="99"/>
      <c r="W5047" s="99"/>
      <c r="X5047" s="99"/>
      <c r="Y5047" s="99"/>
      <c r="Z5047" s="99"/>
      <c r="AA5047" s="99"/>
      <c r="AB5047" s="99"/>
      <c r="AC5047" s="99"/>
      <c r="AD5047" s="99"/>
      <c r="AE5047" s="99"/>
      <c r="AF5047" s="99"/>
      <c r="AG5047" s="99"/>
      <c r="AH5047" s="99"/>
      <c r="AI5047" s="99"/>
      <c r="AJ5047" s="99"/>
      <c r="AK5047" s="99"/>
      <c r="AL5047" s="99"/>
      <c r="AM5047" s="99"/>
      <c r="AN5047" s="99"/>
      <c r="AO5047" s="99"/>
      <c r="AP5047" s="99"/>
      <c r="AQ5047" s="99"/>
      <c r="AR5047" s="99"/>
      <c r="AS5047" s="99"/>
      <c r="AT5047" s="99"/>
      <c r="AU5047" s="99"/>
      <c r="AV5047" s="99"/>
      <c r="AW5047" s="99"/>
      <c r="AX5047" s="99"/>
      <c r="AY5047" s="99"/>
      <c r="AZ5047" s="99"/>
      <c r="BA5047" s="99"/>
      <c r="BB5047" s="107">
        <v>45884</v>
      </c>
    </row>
    <row r="5048" spans="1:54" s="8" customFormat="1" ht="13.95" customHeight="1" x14ac:dyDescent="0.25">
      <c r="A5048" s="219" t="s">
        <v>11658</v>
      </c>
      <c r="B5048" s="220" t="s">
        <v>10412</v>
      </c>
      <c r="C5048" s="98" t="s">
        <v>11659</v>
      </c>
      <c r="D5048" s="98" t="s">
        <v>11147</v>
      </c>
      <c r="E5048" s="141" t="s">
        <v>174</v>
      </c>
      <c r="F5048" s="141">
        <v>1892</v>
      </c>
      <c r="G5048" s="98" t="s">
        <v>1</v>
      </c>
      <c r="H5048" s="98">
        <v>0</v>
      </c>
      <c r="I5048" s="98">
        <v>0</v>
      </c>
      <c r="J5048" s="98">
        <v>1</v>
      </c>
      <c r="K5048" s="98" t="s">
        <v>174</v>
      </c>
      <c r="L5048" s="98" t="s">
        <v>174</v>
      </c>
      <c r="M5048" s="98" t="s">
        <v>174</v>
      </c>
      <c r="N5048" s="98" t="s">
        <v>174</v>
      </c>
      <c r="O5048" s="98" t="s">
        <v>174</v>
      </c>
      <c r="P5048" s="98" t="s">
        <v>174</v>
      </c>
      <c r="Q5048" s="98" t="s">
        <v>174</v>
      </c>
      <c r="R5048" s="98" t="s">
        <v>174</v>
      </c>
      <c r="S5048" s="98" t="s">
        <v>174</v>
      </c>
      <c r="T5048" s="98" t="s">
        <v>174</v>
      </c>
      <c r="U5048" s="99"/>
      <c r="V5048" s="99"/>
      <c r="W5048" s="99"/>
      <c r="X5048" s="99"/>
      <c r="Y5048" s="99"/>
      <c r="Z5048" s="99"/>
      <c r="AA5048" s="99"/>
      <c r="AB5048" s="99"/>
      <c r="AC5048" s="99"/>
      <c r="AD5048" s="99"/>
      <c r="AE5048" s="99"/>
      <c r="AF5048" s="99"/>
      <c r="AG5048" s="99"/>
      <c r="AH5048" s="99"/>
      <c r="AI5048" s="99"/>
      <c r="AJ5048" s="99"/>
      <c r="AK5048" s="99"/>
      <c r="AL5048" s="99"/>
      <c r="AM5048" s="99"/>
      <c r="AN5048" s="99"/>
      <c r="AO5048" s="99"/>
      <c r="AP5048" s="99"/>
      <c r="AQ5048" s="99"/>
      <c r="AR5048" s="99"/>
      <c r="AS5048" s="99"/>
      <c r="AT5048" s="99"/>
      <c r="AU5048" s="99"/>
      <c r="AV5048" s="99"/>
      <c r="AW5048" s="99"/>
      <c r="AX5048" s="99"/>
      <c r="AY5048" s="99"/>
      <c r="AZ5048" s="99"/>
      <c r="BA5048" s="99"/>
      <c r="BB5048" s="107">
        <v>45884</v>
      </c>
    </row>
    <row r="5049" spans="1:54" s="8" customFormat="1" ht="13.95" customHeight="1" x14ac:dyDescent="0.25">
      <c r="A5049" s="219" t="s">
        <v>11660</v>
      </c>
      <c r="B5049" s="220" t="s">
        <v>10412</v>
      </c>
      <c r="C5049" s="98" t="s">
        <v>11661</v>
      </c>
      <c r="D5049" s="98" t="s">
        <v>11662</v>
      </c>
      <c r="E5049" s="141" t="s">
        <v>174</v>
      </c>
      <c r="F5049" s="141">
        <v>4030</v>
      </c>
      <c r="G5049" s="98" t="s">
        <v>13</v>
      </c>
      <c r="H5049" s="98">
        <v>0</v>
      </c>
      <c r="I5049" s="98">
        <v>0</v>
      </c>
      <c r="J5049" s="98">
        <v>0</v>
      </c>
      <c r="K5049" s="98" t="s">
        <v>174</v>
      </c>
      <c r="L5049" s="98" t="s">
        <v>174</v>
      </c>
      <c r="M5049" s="98" t="s">
        <v>174</v>
      </c>
      <c r="N5049" s="98" t="s">
        <v>174</v>
      </c>
      <c r="O5049" s="98" t="s">
        <v>174</v>
      </c>
      <c r="P5049" s="98" t="s">
        <v>174</v>
      </c>
      <c r="Q5049" s="98" t="s">
        <v>174</v>
      </c>
      <c r="R5049" s="98" t="s">
        <v>174</v>
      </c>
      <c r="S5049" s="98" t="s">
        <v>174</v>
      </c>
      <c r="T5049" s="98" t="s">
        <v>174</v>
      </c>
      <c r="U5049" s="99"/>
      <c r="V5049" s="99"/>
      <c r="W5049" s="99"/>
      <c r="X5049" s="99"/>
      <c r="Y5049" s="99"/>
      <c r="Z5049" s="99"/>
      <c r="AA5049" s="99"/>
      <c r="AB5049" s="99"/>
      <c r="AC5049" s="99"/>
      <c r="AD5049" s="99"/>
      <c r="AE5049" s="99"/>
      <c r="AF5049" s="99"/>
      <c r="AG5049" s="99"/>
      <c r="AH5049" s="99"/>
      <c r="AI5049" s="99"/>
      <c r="AJ5049" s="99"/>
      <c r="AK5049" s="99"/>
      <c r="AL5049" s="99"/>
      <c r="AM5049" s="99"/>
      <c r="AN5049" s="99"/>
      <c r="AO5049" s="99"/>
      <c r="AP5049" s="99"/>
      <c r="AQ5049" s="99"/>
      <c r="AR5049" s="99"/>
      <c r="AS5049" s="99"/>
      <c r="AT5049" s="99"/>
      <c r="AU5049" s="99"/>
      <c r="AV5049" s="99"/>
      <c r="AW5049" s="99"/>
      <c r="AX5049" s="99"/>
      <c r="AY5049" s="99"/>
      <c r="AZ5049" s="99"/>
      <c r="BA5049" s="99"/>
      <c r="BB5049" s="107">
        <v>45884</v>
      </c>
    </row>
    <row r="5050" spans="1:54" s="8" customFormat="1" ht="13.95" customHeight="1" x14ac:dyDescent="0.25">
      <c r="A5050" s="219" t="s">
        <v>11663</v>
      </c>
      <c r="B5050" s="220" t="s">
        <v>10412</v>
      </c>
      <c r="C5050" s="98" t="s">
        <v>11664</v>
      </c>
      <c r="D5050" s="98" t="s">
        <v>11665</v>
      </c>
      <c r="E5050" s="141" t="s">
        <v>174</v>
      </c>
      <c r="F5050" s="141">
        <v>3143</v>
      </c>
      <c r="G5050" s="98" t="s">
        <v>1</v>
      </c>
      <c r="H5050" s="98">
        <v>0</v>
      </c>
      <c r="I5050" s="98">
        <v>0</v>
      </c>
      <c r="J5050" s="98">
        <v>1</v>
      </c>
      <c r="K5050" s="98" t="s">
        <v>174</v>
      </c>
      <c r="L5050" s="98" t="s">
        <v>174</v>
      </c>
      <c r="M5050" s="98" t="s">
        <v>174</v>
      </c>
      <c r="N5050" s="98" t="s">
        <v>174</v>
      </c>
      <c r="O5050" s="98" t="s">
        <v>174</v>
      </c>
      <c r="P5050" s="98" t="s">
        <v>174</v>
      </c>
      <c r="Q5050" s="98" t="s">
        <v>174</v>
      </c>
      <c r="R5050" s="98" t="s">
        <v>174</v>
      </c>
      <c r="S5050" s="98" t="s">
        <v>174</v>
      </c>
      <c r="T5050" s="98" t="s">
        <v>174</v>
      </c>
      <c r="U5050" s="99"/>
      <c r="V5050" s="99"/>
      <c r="W5050" s="99"/>
      <c r="X5050" s="99"/>
      <c r="Y5050" s="99"/>
      <c r="Z5050" s="99"/>
      <c r="AA5050" s="99"/>
      <c r="AB5050" s="99"/>
      <c r="AC5050" s="99"/>
      <c r="AD5050" s="99"/>
      <c r="AE5050" s="99"/>
      <c r="AF5050" s="99"/>
      <c r="AG5050" s="99"/>
      <c r="AH5050" s="99"/>
      <c r="AI5050" s="99"/>
      <c r="AJ5050" s="99"/>
      <c r="AK5050" s="99"/>
      <c r="AL5050" s="99"/>
      <c r="AM5050" s="99"/>
      <c r="AN5050" s="99"/>
      <c r="AO5050" s="99"/>
      <c r="AP5050" s="99"/>
      <c r="AQ5050" s="99"/>
      <c r="AR5050" s="99"/>
      <c r="AS5050" s="99"/>
      <c r="AT5050" s="99"/>
      <c r="AU5050" s="99"/>
      <c r="AV5050" s="99"/>
      <c r="AW5050" s="99"/>
      <c r="AX5050" s="99"/>
      <c r="AY5050" s="99"/>
      <c r="AZ5050" s="99"/>
      <c r="BA5050" s="99"/>
      <c r="BB5050" s="107">
        <v>45884</v>
      </c>
    </row>
    <row r="5051" spans="1:54" s="8" customFormat="1" ht="13.95" customHeight="1" x14ac:dyDescent="0.25">
      <c r="A5051" s="219" t="s">
        <v>11666</v>
      </c>
      <c r="B5051" s="220" t="s">
        <v>10412</v>
      </c>
      <c r="C5051" s="98" t="s">
        <v>11667</v>
      </c>
      <c r="D5051" s="98" t="s">
        <v>11668</v>
      </c>
      <c r="E5051" s="141" t="s">
        <v>174</v>
      </c>
      <c r="F5051" s="141">
        <v>6596</v>
      </c>
      <c r="G5051" s="98" t="s">
        <v>13</v>
      </c>
      <c r="H5051" s="98">
        <v>0</v>
      </c>
      <c r="I5051" s="98">
        <v>0</v>
      </c>
      <c r="J5051" s="98">
        <v>0</v>
      </c>
      <c r="K5051" s="98" t="s">
        <v>174</v>
      </c>
      <c r="L5051" s="98" t="s">
        <v>174</v>
      </c>
      <c r="M5051" s="98" t="s">
        <v>174</v>
      </c>
      <c r="N5051" s="98" t="s">
        <v>174</v>
      </c>
      <c r="O5051" s="98" t="s">
        <v>174</v>
      </c>
      <c r="P5051" s="98" t="s">
        <v>174</v>
      </c>
      <c r="Q5051" s="98" t="s">
        <v>174</v>
      </c>
      <c r="R5051" s="98" t="s">
        <v>174</v>
      </c>
      <c r="S5051" s="98" t="s">
        <v>174</v>
      </c>
      <c r="T5051" s="98" t="s">
        <v>174</v>
      </c>
      <c r="U5051" s="99"/>
      <c r="V5051" s="99"/>
      <c r="W5051" s="99"/>
      <c r="X5051" s="99"/>
      <c r="Y5051" s="99"/>
      <c r="Z5051" s="99"/>
      <c r="AA5051" s="99"/>
      <c r="AB5051" s="99"/>
      <c r="AC5051" s="99"/>
      <c r="AD5051" s="99"/>
      <c r="AE5051" s="99"/>
      <c r="AF5051" s="99"/>
      <c r="AG5051" s="99"/>
      <c r="AH5051" s="99"/>
      <c r="AI5051" s="99"/>
      <c r="AJ5051" s="99"/>
      <c r="AK5051" s="99"/>
      <c r="AL5051" s="99"/>
      <c r="AM5051" s="99"/>
      <c r="AN5051" s="99"/>
      <c r="AO5051" s="99"/>
      <c r="AP5051" s="99"/>
      <c r="AQ5051" s="99"/>
      <c r="AR5051" s="99"/>
      <c r="AS5051" s="99"/>
      <c r="AT5051" s="99"/>
      <c r="AU5051" s="99"/>
      <c r="AV5051" s="99"/>
      <c r="AW5051" s="99"/>
      <c r="AX5051" s="99"/>
      <c r="AY5051" s="99"/>
      <c r="AZ5051" s="99"/>
      <c r="BA5051" s="99"/>
      <c r="BB5051" s="107">
        <v>45884</v>
      </c>
    </row>
    <row r="5052" spans="1:54" s="8" customFormat="1" ht="13.95" customHeight="1" x14ac:dyDescent="0.25">
      <c r="A5052" s="219" t="s">
        <v>11669</v>
      </c>
      <c r="B5052" s="220" t="s">
        <v>10412</v>
      </c>
      <c r="C5052" s="98" t="s">
        <v>11670</v>
      </c>
      <c r="D5052" s="98" t="s">
        <v>11671</v>
      </c>
      <c r="E5052" s="141" t="s">
        <v>174</v>
      </c>
      <c r="F5052" s="141">
        <v>2316</v>
      </c>
      <c r="G5052" s="98" t="s">
        <v>1</v>
      </c>
      <c r="H5052" s="98">
        <v>1</v>
      </c>
      <c r="I5052" s="98">
        <v>0</v>
      </c>
      <c r="J5052" s="98">
        <v>1</v>
      </c>
      <c r="K5052" s="98" t="s">
        <v>174</v>
      </c>
      <c r="L5052" s="98" t="s">
        <v>174</v>
      </c>
      <c r="M5052" s="98" t="s">
        <v>174</v>
      </c>
      <c r="N5052" s="98" t="s">
        <v>174</v>
      </c>
      <c r="O5052" s="98" t="s">
        <v>174</v>
      </c>
      <c r="P5052" s="98" t="s">
        <v>174</v>
      </c>
      <c r="Q5052" s="98" t="s">
        <v>174</v>
      </c>
      <c r="R5052" s="98" t="s">
        <v>174</v>
      </c>
      <c r="S5052" s="98" t="s">
        <v>174</v>
      </c>
      <c r="T5052" s="98" t="s">
        <v>174</v>
      </c>
      <c r="U5052" s="99"/>
      <c r="V5052" s="99"/>
      <c r="W5052" s="99"/>
      <c r="X5052" s="99"/>
      <c r="Y5052" s="99"/>
      <c r="Z5052" s="99"/>
      <c r="AA5052" s="99"/>
      <c r="AB5052" s="99"/>
      <c r="AC5052" s="99"/>
      <c r="AD5052" s="99"/>
      <c r="AE5052" s="99"/>
      <c r="AF5052" s="99"/>
      <c r="AG5052" s="99"/>
      <c r="AH5052" s="99"/>
      <c r="AI5052" s="99"/>
      <c r="AJ5052" s="99"/>
      <c r="AK5052" s="99"/>
      <c r="AL5052" s="99"/>
      <c r="AM5052" s="99"/>
      <c r="AN5052" s="99"/>
      <c r="AO5052" s="99"/>
      <c r="AP5052" s="99"/>
      <c r="AQ5052" s="99"/>
      <c r="AR5052" s="99"/>
      <c r="AS5052" s="99"/>
      <c r="AT5052" s="99"/>
      <c r="AU5052" s="99"/>
      <c r="AV5052" s="99"/>
      <c r="AW5052" s="99"/>
      <c r="AX5052" s="99"/>
      <c r="AY5052" s="99"/>
      <c r="AZ5052" s="99"/>
      <c r="BA5052" s="99"/>
      <c r="BB5052" s="107">
        <v>45884</v>
      </c>
    </row>
    <row r="5053" spans="1:54" s="8" customFormat="1" ht="13.95" customHeight="1" x14ac:dyDescent="0.25">
      <c r="A5053" s="219" t="s">
        <v>11672</v>
      </c>
      <c r="B5053" s="220" t="s">
        <v>10412</v>
      </c>
      <c r="C5053" s="98" t="s">
        <v>11673</v>
      </c>
      <c r="D5053" s="98" t="s">
        <v>11674</v>
      </c>
      <c r="E5053" s="141" t="s">
        <v>174</v>
      </c>
      <c r="F5053" s="141">
        <v>368</v>
      </c>
      <c r="G5053" s="98" t="s">
        <v>1</v>
      </c>
      <c r="H5053" s="98">
        <v>0</v>
      </c>
      <c r="I5053" s="98">
        <v>0</v>
      </c>
      <c r="J5053" s="98">
        <v>0</v>
      </c>
      <c r="K5053" s="98" t="s">
        <v>174</v>
      </c>
      <c r="L5053" s="98" t="s">
        <v>174</v>
      </c>
      <c r="M5053" s="98" t="s">
        <v>174</v>
      </c>
      <c r="N5053" s="98" t="s">
        <v>174</v>
      </c>
      <c r="O5053" s="98" t="s">
        <v>174</v>
      </c>
      <c r="P5053" s="98" t="s">
        <v>174</v>
      </c>
      <c r="Q5053" s="98" t="s">
        <v>174</v>
      </c>
      <c r="R5053" s="98" t="s">
        <v>174</v>
      </c>
      <c r="S5053" s="98" t="s">
        <v>174</v>
      </c>
      <c r="T5053" s="98" t="s">
        <v>174</v>
      </c>
      <c r="U5053" s="99"/>
      <c r="V5053" s="99"/>
      <c r="W5053" s="99"/>
      <c r="X5053" s="99"/>
      <c r="Y5053" s="99"/>
      <c r="Z5053" s="99"/>
      <c r="AA5053" s="99"/>
      <c r="AB5053" s="99"/>
      <c r="AC5053" s="99"/>
      <c r="AD5053" s="99"/>
      <c r="AE5053" s="99"/>
      <c r="AF5053" s="99"/>
      <c r="AG5053" s="99"/>
      <c r="AH5053" s="99"/>
      <c r="AI5053" s="99"/>
      <c r="AJ5053" s="99"/>
      <c r="AK5053" s="99"/>
      <c r="AL5053" s="99"/>
      <c r="AM5053" s="99"/>
      <c r="AN5053" s="99"/>
      <c r="AO5053" s="99"/>
      <c r="AP5053" s="99"/>
      <c r="AQ5053" s="99"/>
      <c r="AR5053" s="99"/>
      <c r="AS5053" s="99"/>
      <c r="AT5053" s="99"/>
      <c r="AU5053" s="99"/>
      <c r="AV5053" s="99"/>
      <c r="AW5053" s="99"/>
      <c r="AX5053" s="99"/>
      <c r="AY5053" s="99"/>
      <c r="AZ5053" s="99"/>
      <c r="BA5053" s="99"/>
      <c r="BB5053" s="107">
        <v>45884</v>
      </c>
    </row>
    <row r="5054" spans="1:54" s="8" customFormat="1" ht="13.95" customHeight="1" x14ac:dyDescent="0.25">
      <c r="A5054" s="219" t="s">
        <v>11675</v>
      </c>
      <c r="B5054" s="220" t="s">
        <v>10412</v>
      </c>
      <c r="C5054" s="98" t="s">
        <v>11676</v>
      </c>
      <c r="D5054" s="98" t="s">
        <v>11677</v>
      </c>
      <c r="E5054" s="141" t="s">
        <v>174</v>
      </c>
      <c r="F5054" s="141">
        <v>227</v>
      </c>
      <c r="G5054" s="98" t="s">
        <v>1</v>
      </c>
      <c r="H5054" s="98">
        <v>0</v>
      </c>
      <c r="I5054" s="98">
        <v>0</v>
      </c>
      <c r="J5054" s="98">
        <v>0</v>
      </c>
      <c r="K5054" s="98" t="s">
        <v>174</v>
      </c>
      <c r="L5054" s="98" t="s">
        <v>174</v>
      </c>
      <c r="M5054" s="98" t="s">
        <v>174</v>
      </c>
      <c r="N5054" s="98" t="s">
        <v>174</v>
      </c>
      <c r="O5054" s="98" t="s">
        <v>174</v>
      </c>
      <c r="P5054" s="98" t="s">
        <v>174</v>
      </c>
      <c r="Q5054" s="98" t="s">
        <v>174</v>
      </c>
      <c r="R5054" s="98" t="s">
        <v>174</v>
      </c>
      <c r="S5054" s="98" t="s">
        <v>174</v>
      </c>
      <c r="T5054" s="98" t="s">
        <v>174</v>
      </c>
      <c r="U5054" s="99"/>
      <c r="V5054" s="99"/>
      <c r="W5054" s="99"/>
      <c r="X5054" s="99"/>
      <c r="Y5054" s="99"/>
      <c r="Z5054" s="99"/>
      <c r="AA5054" s="99"/>
      <c r="AB5054" s="99"/>
      <c r="AC5054" s="99"/>
      <c r="AD5054" s="99"/>
      <c r="AE5054" s="99"/>
      <c r="AF5054" s="99"/>
      <c r="AG5054" s="99"/>
      <c r="AH5054" s="99"/>
      <c r="AI5054" s="99"/>
      <c r="AJ5054" s="99"/>
      <c r="AK5054" s="99"/>
      <c r="AL5054" s="99"/>
      <c r="AM5054" s="99"/>
      <c r="AN5054" s="99"/>
      <c r="AO5054" s="99"/>
      <c r="AP5054" s="99"/>
      <c r="AQ5054" s="99"/>
      <c r="AR5054" s="99"/>
      <c r="AS5054" s="99"/>
      <c r="AT5054" s="99"/>
      <c r="AU5054" s="99"/>
      <c r="AV5054" s="99"/>
      <c r="AW5054" s="99"/>
      <c r="AX5054" s="99"/>
      <c r="AY5054" s="99"/>
      <c r="AZ5054" s="99"/>
      <c r="BA5054" s="99"/>
      <c r="BB5054" s="107">
        <v>45884</v>
      </c>
    </row>
    <row r="5055" spans="1:54" s="8" customFormat="1" ht="13.95" customHeight="1" x14ac:dyDescent="0.25">
      <c r="A5055" s="219" t="s">
        <v>11678</v>
      </c>
      <c r="B5055" s="220" t="s">
        <v>10412</v>
      </c>
      <c r="C5055" s="98" t="s">
        <v>11679</v>
      </c>
      <c r="D5055" s="98" t="s">
        <v>11680</v>
      </c>
      <c r="E5055" s="141" t="s">
        <v>174</v>
      </c>
      <c r="F5055" s="141">
        <v>1384</v>
      </c>
      <c r="G5055" s="98" t="s">
        <v>1</v>
      </c>
      <c r="H5055" s="98">
        <v>0</v>
      </c>
      <c r="I5055" s="98">
        <v>0</v>
      </c>
      <c r="J5055" s="98">
        <v>1</v>
      </c>
      <c r="K5055" s="98" t="s">
        <v>174</v>
      </c>
      <c r="L5055" s="98" t="s">
        <v>174</v>
      </c>
      <c r="M5055" s="98" t="s">
        <v>174</v>
      </c>
      <c r="N5055" s="98" t="s">
        <v>174</v>
      </c>
      <c r="O5055" s="98" t="s">
        <v>174</v>
      </c>
      <c r="P5055" s="98" t="s">
        <v>174</v>
      </c>
      <c r="Q5055" s="98" t="s">
        <v>174</v>
      </c>
      <c r="R5055" s="98" t="s">
        <v>174</v>
      </c>
      <c r="S5055" s="98" t="s">
        <v>174</v>
      </c>
      <c r="T5055" s="98" t="s">
        <v>174</v>
      </c>
      <c r="U5055" s="99"/>
      <c r="V5055" s="99"/>
      <c r="W5055" s="99"/>
      <c r="X5055" s="99"/>
      <c r="Y5055" s="99"/>
      <c r="Z5055" s="99"/>
      <c r="AA5055" s="99"/>
      <c r="AB5055" s="99"/>
      <c r="AC5055" s="99"/>
      <c r="AD5055" s="99"/>
      <c r="AE5055" s="99"/>
      <c r="AF5055" s="99"/>
      <c r="AG5055" s="99"/>
      <c r="AH5055" s="99"/>
      <c r="AI5055" s="99"/>
      <c r="AJ5055" s="99"/>
      <c r="AK5055" s="99"/>
      <c r="AL5055" s="99"/>
      <c r="AM5055" s="99"/>
      <c r="AN5055" s="99"/>
      <c r="AO5055" s="99"/>
      <c r="AP5055" s="99"/>
      <c r="AQ5055" s="99"/>
      <c r="AR5055" s="99"/>
      <c r="AS5055" s="99"/>
      <c r="AT5055" s="99"/>
      <c r="AU5055" s="99"/>
      <c r="AV5055" s="99"/>
      <c r="AW5055" s="99"/>
      <c r="AX5055" s="99"/>
      <c r="AY5055" s="99"/>
      <c r="AZ5055" s="99"/>
      <c r="BA5055" s="99"/>
      <c r="BB5055" s="107">
        <v>45884</v>
      </c>
    </row>
    <row r="5056" spans="1:54" s="8" customFormat="1" ht="13.95" customHeight="1" x14ac:dyDescent="0.25">
      <c r="A5056" s="219" t="s">
        <v>11681</v>
      </c>
      <c r="B5056" s="220" t="s">
        <v>10412</v>
      </c>
      <c r="C5056" s="98" t="s">
        <v>11682</v>
      </c>
      <c r="D5056" s="98" t="s">
        <v>11683</v>
      </c>
      <c r="E5056" s="141" t="s">
        <v>174</v>
      </c>
      <c r="F5056" s="141">
        <v>263</v>
      </c>
      <c r="G5056" s="98" t="s">
        <v>1</v>
      </c>
      <c r="H5056" s="98">
        <v>0</v>
      </c>
      <c r="I5056" s="98">
        <v>0</v>
      </c>
      <c r="J5056" s="98">
        <v>0</v>
      </c>
      <c r="K5056" s="98" t="s">
        <v>174</v>
      </c>
      <c r="L5056" s="98" t="s">
        <v>174</v>
      </c>
      <c r="M5056" s="98" t="s">
        <v>174</v>
      </c>
      <c r="N5056" s="98" t="s">
        <v>174</v>
      </c>
      <c r="O5056" s="98" t="s">
        <v>174</v>
      </c>
      <c r="P5056" s="98" t="s">
        <v>174</v>
      </c>
      <c r="Q5056" s="98" t="s">
        <v>174</v>
      </c>
      <c r="R5056" s="98" t="s">
        <v>174</v>
      </c>
      <c r="S5056" s="98" t="s">
        <v>174</v>
      </c>
      <c r="T5056" s="98" t="s">
        <v>174</v>
      </c>
      <c r="U5056" s="98" t="s">
        <v>174</v>
      </c>
      <c r="V5056" s="98" t="s">
        <v>174</v>
      </c>
      <c r="W5056" s="98" t="s">
        <v>174</v>
      </c>
      <c r="X5056" s="98" t="s">
        <v>174</v>
      </c>
      <c r="Y5056" s="98" t="s">
        <v>174</v>
      </c>
      <c r="Z5056" s="98" t="s">
        <v>174</v>
      </c>
      <c r="AA5056" s="98" t="s">
        <v>174</v>
      </c>
      <c r="AB5056" s="98" t="s">
        <v>174</v>
      </c>
      <c r="AC5056" s="98" t="s">
        <v>174</v>
      </c>
      <c r="AD5056" s="98" t="s">
        <v>174</v>
      </c>
      <c r="AE5056" s="98" t="s">
        <v>174</v>
      </c>
      <c r="AF5056" s="98" t="s">
        <v>174</v>
      </c>
      <c r="AG5056" s="98" t="s">
        <v>174</v>
      </c>
      <c r="AH5056" s="98" t="s">
        <v>174</v>
      </c>
      <c r="AI5056" s="98" t="s">
        <v>174</v>
      </c>
      <c r="AJ5056" s="98" t="s">
        <v>174</v>
      </c>
      <c r="AK5056" s="98" t="s">
        <v>174</v>
      </c>
      <c r="AL5056" s="98" t="s">
        <v>174</v>
      </c>
      <c r="AM5056" s="98" t="s">
        <v>174</v>
      </c>
      <c r="AN5056" s="98" t="s">
        <v>174</v>
      </c>
      <c r="AO5056" s="98" t="s">
        <v>174</v>
      </c>
      <c r="AP5056" s="98" t="s">
        <v>174</v>
      </c>
      <c r="AQ5056" s="98" t="s">
        <v>174</v>
      </c>
      <c r="AR5056" s="98" t="s">
        <v>174</v>
      </c>
      <c r="AS5056" s="98" t="s">
        <v>174</v>
      </c>
      <c r="AT5056" s="129" t="s">
        <v>174</v>
      </c>
      <c r="AU5056" s="98" t="s">
        <v>174</v>
      </c>
      <c r="AV5056" s="98" t="s">
        <v>174</v>
      </c>
      <c r="AW5056" s="98" t="s">
        <v>174</v>
      </c>
      <c r="AX5056" s="98"/>
      <c r="AY5056" s="98"/>
      <c r="AZ5056" s="98"/>
      <c r="BA5056" s="98"/>
      <c r="BB5056" s="107">
        <v>45884</v>
      </c>
    </row>
    <row r="5057" spans="1:54" s="8" customFormat="1" ht="13.95" customHeight="1" x14ac:dyDescent="0.25">
      <c r="A5057" s="219" t="s">
        <v>11684</v>
      </c>
      <c r="B5057" s="220" t="s">
        <v>10412</v>
      </c>
      <c r="C5057" s="98" t="s">
        <v>11685</v>
      </c>
      <c r="D5057" s="98" t="s">
        <v>11686</v>
      </c>
      <c r="E5057" s="141" t="s">
        <v>174</v>
      </c>
      <c r="F5057" s="141">
        <v>7091</v>
      </c>
      <c r="G5057" s="98" t="s">
        <v>1</v>
      </c>
      <c r="H5057" s="98">
        <v>0</v>
      </c>
      <c r="I5057" s="98">
        <v>0</v>
      </c>
      <c r="J5057" s="98">
        <v>1</v>
      </c>
      <c r="K5057" s="98" t="s">
        <v>174</v>
      </c>
      <c r="L5057" s="98" t="s">
        <v>174</v>
      </c>
      <c r="M5057" s="98" t="s">
        <v>174</v>
      </c>
      <c r="N5057" s="98" t="s">
        <v>174</v>
      </c>
      <c r="O5057" s="98" t="s">
        <v>174</v>
      </c>
      <c r="P5057" s="98" t="s">
        <v>174</v>
      </c>
      <c r="Q5057" s="98" t="s">
        <v>174</v>
      </c>
      <c r="R5057" s="98" t="s">
        <v>174</v>
      </c>
      <c r="S5057" s="98" t="s">
        <v>174</v>
      </c>
      <c r="T5057" s="98" t="s">
        <v>174</v>
      </c>
      <c r="U5057" s="98" t="s">
        <v>174</v>
      </c>
      <c r="V5057" s="98" t="s">
        <v>174</v>
      </c>
      <c r="W5057" s="98" t="s">
        <v>174</v>
      </c>
      <c r="X5057" s="98" t="s">
        <v>174</v>
      </c>
      <c r="Y5057" s="98" t="s">
        <v>174</v>
      </c>
      <c r="Z5057" s="98" t="s">
        <v>174</v>
      </c>
      <c r="AA5057" s="98" t="s">
        <v>174</v>
      </c>
      <c r="AB5057" s="98" t="s">
        <v>174</v>
      </c>
      <c r="AC5057" s="98" t="s">
        <v>174</v>
      </c>
      <c r="AD5057" s="98" t="s">
        <v>174</v>
      </c>
      <c r="AE5057" s="98" t="s">
        <v>174</v>
      </c>
      <c r="AF5057" s="98" t="s">
        <v>174</v>
      </c>
      <c r="AG5057" s="98" t="s">
        <v>174</v>
      </c>
      <c r="AH5057" s="98" t="s">
        <v>174</v>
      </c>
      <c r="AI5057" s="98" t="s">
        <v>174</v>
      </c>
      <c r="AJ5057" s="98" t="s">
        <v>174</v>
      </c>
      <c r="AK5057" s="98" t="s">
        <v>174</v>
      </c>
      <c r="AL5057" s="98" t="s">
        <v>174</v>
      </c>
      <c r="AM5057" s="98" t="s">
        <v>174</v>
      </c>
      <c r="AN5057" s="98" t="s">
        <v>174</v>
      </c>
      <c r="AO5057" s="98" t="s">
        <v>174</v>
      </c>
      <c r="AP5057" s="98" t="s">
        <v>174</v>
      </c>
      <c r="AQ5057" s="98" t="s">
        <v>174</v>
      </c>
      <c r="AR5057" s="98" t="s">
        <v>174</v>
      </c>
      <c r="AS5057" s="98" t="s">
        <v>174</v>
      </c>
      <c r="AT5057" s="129" t="s">
        <v>174</v>
      </c>
      <c r="AU5057" s="98" t="s">
        <v>174</v>
      </c>
      <c r="AV5057" s="98" t="s">
        <v>174</v>
      </c>
      <c r="AW5057" s="98" t="s">
        <v>174</v>
      </c>
      <c r="AX5057" s="98"/>
      <c r="AY5057" s="98"/>
      <c r="AZ5057" s="98"/>
      <c r="BA5057" s="98"/>
      <c r="BB5057" s="107">
        <v>45884</v>
      </c>
    </row>
    <row r="5058" spans="1:54" s="8" customFormat="1" ht="13.95" customHeight="1" x14ac:dyDescent="0.25">
      <c r="A5058" s="219" t="s">
        <v>11687</v>
      </c>
      <c r="B5058" s="220" t="s">
        <v>10412</v>
      </c>
      <c r="C5058" s="98" t="s">
        <v>11688</v>
      </c>
      <c r="D5058" s="98" t="s">
        <v>11689</v>
      </c>
      <c r="E5058" s="141" t="s">
        <v>174</v>
      </c>
      <c r="F5058" s="141">
        <v>2263</v>
      </c>
      <c r="G5058" s="98" t="s">
        <v>1</v>
      </c>
      <c r="H5058" s="98">
        <v>0</v>
      </c>
      <c r="I5058" s="98">
        <v>0</v>
      </c>
      <c r="J5058" s="98">
        <v>1</v>
      </c>
      <c r="K5058" s="98" t="s">
        <v>174</v>
      </c>
      <c r="L5058" s="98" t="s">
        <v>174</v>
      </c>
      <c r="M5058" s="98" t="s">
        <v>174</v>
      </c>
      <c r="N5058" s="98" t="s">
        <v>174</v>
      </c>
      <c r="O5058" s="98" t="s">
        <v>174</v>
      </c>
      <c r="P5058" s="98" t="s">
        <v>174</v>
      </c>
      <c r="Q5058" s="98" t="s">
        <v>174</v>
      </c>
      <c r="R5058" s="98" t="s">
        <v>174</v>
      </c>
      <c r="S5058" s="98" t="s">
        <v>174</v>
      </c>
      <c r="T5058" s="98" t="s">
        <v>174</v>
      </c>
      <c r="U5058" s="99"/>
      <c r="V5058" s="99"/>
      <c r="W5058" s="99"/>
      <c r="X5058" s="99"/>
      <c r="Y5058" s="99"/>
      <c r="Z5058" s="99"/>
      <c r="AA5058" s="99"/>
      <c r="AB5058" s="99"/>
      <c r="AC5058" s="99"/>
      <c r="AD5058" s="99"/>
      <c r="AE5058" s="99"/>
      <c r="AF5058" s="99"/>
      <c r="AG5058" s="99"/>
      <c r="AH5058" s="99"/>
      <c r="AI5058" s="99"/>
      <c r="AJ5058" s="99"/>
      <c r="AK5058" s="99"/>
      <c r="AL5058" s="99"/>
      <c r="AM5058" s="99"/>
      <c r="AN5058" s="99"/>
      <c r="AO5058" s="99"/>
      <c r="AP5058" s="99"/>
      <c r="AQ5058" s="99"/>
      <c r="AR5058" s="99"/>
      <c r="AS5058" s="99"/>
      <c r="AT5058" s="99"/>
      <c r="AU5058" s="99"/>
      <c r="AV5058" s="99"/>
      <c r="AW5058" s="99"/>
      <c r="AX5058" s="99"/>
      <c r="AY5058" s="99"/>
      <c r="AZ5058" s="99"/>
      <c r="BA5058" s="99"/>
      <c r="BB5058" s="107">
        <v>45884</v>
      </c>
    </row>
    <row r="5059" spans="1:54" s="8" customFormat="1" ht="13.95" customHeight="1" x14ac:dyDescent="0.25">
      <c r="A5059" s="219" t="s">
        <v>11690</v>
      </c>
      <c r="B5059" s="220" t="s">
        <v>10412</v>
      </c>
      <c r="C5059" s="98" t="s">
        <v>11691</v>
      </c>
      <c r="D5059" s="98" t="s">
        <v>11692</v>
      </c>
      <c r="E5059" s="141" t="s">
        <v>174</v>
      </c>
      <c r="F5059" s="141">
        <v>876</v>
      </c>
      <c r="G5059" s="98" t="s">
        <v>1</v>
      </c>
      <c r="H5059" s="98">
        <v>0</v>
      </c>
      <c r="I5059" s="98">
        <v>0</v>
      </c>
      <c r="J5059" s="98">
        <v>0</v>
      </c>
      <c r="K5059" s="98" t="s">
        <v>174</v>
      </c>
      <c r="L5059" s="98" t="s">
        <v>174</v>
      </c>
      <c r="M5059" s="98" t="s">
        <v>174</v>
      </c>
      <c r="N5059" s="98" t="s">
        <v>174</v>
      </c>
      <c r="O5059" s="98" t="s">
        <v>174</v>
      </c>
      <c r="P5059" s="98" t="s">
        <v>174</v>
      </c>
      <c r="Q5059" s="98" t="s">
        <v>174</v>
      </c>
      <c r="R5059" s="98" t="s">
        <v>174</v>
      </c>
      <c r="S5059" s="98" t="s">
        <v>174</v>
      </c>
      <c r="T5059" s="98" t="s">
        <v>174</v>
      </c>
      <c r="U5059" s="98" t="s">
        <v>174</v>
      </c>
      <c r="V5059" s="98" t="s">
        <v>174</v>
      </c>
      <c r="W5059" s="98" t="s">
        <v>174</v>
      </c>
      <c r="X5059" s="98" t="s">
        <v>174</v>
      </c>
      <c r="Y5059" s="98" t="s">
        <v>174</v>
      </c>
      <c r="Z5059" s="98" t="s">
        <v>174</v>
      </c>
      <c r="AA5059" s="98" t="s">
        <v>174</v>
      </c>
      <c r="AB5059" s="98" t="s">
        <v>174</v>
      </c>
      <c r="AC5059" s="98" t="s">
        <v>174</v>
      </c>
      <c r="AD5059" s="98" t="s">
        <v>174</v>
      </c>
      <c r="AE5059" s="98" t="s">
        <v>174</v>
      </c>
      <c r="AF5059" s="98" t="s">
        <v>174</v>
      </c>
      <c r="AG5059" s="98" t="s">
        <v>174</v>
      </c>
      <c r="AH5059" s="98" t="s">
        <v>174</v>
      </c>
      <c r="AI5059" s="98" t="s">
        <v>174</v>
      </c>
      <c r="AJ5059" s="98" t="s">
        <v>174</v>
      </c>
      <c r="AK5059" s="98" t="s">
        <v>174</v>
      </c>
      <c r="AL5059" s="98" t="s">
        <v>174</v>
      </c>
      <c r="AM5059" s="98" t="s">
        <v>174</v>
      </c>
      <c r="AN5059" s="98" t="s">
        <v>174</v>
      </c>
      <c r="AO5059" s="98" t="s">
        <v>174</v>
      </c>
      <c r="AP5059" s="98" t="s">
        <v>174</v>
      </c>
      <c r="AQ5059" s="98" t="s">
        <v>174</v>
      </c>
      <c r="AR5059" s="98" t="s">
        <v>174</v>
      </c>
      <c r="AS5059" s="98" t="s">
        <v>174</v>
      </c>
      <c r="AT5059" s="129" t="s">
        <v>174</v>
      </c>
      <c r="AU5059" s="98" t="s">
        <v>174</v>
      </c>
      <c r="AV5059" s="98" t="s">
        <v>174</v>
      </c>
      <c r="AW5059" s="98" t="s">
        <v>174</v>
      </c>
      <c r="AX5059" s="98"/>
      <c r="AY5059" s="98"/>
      <c r="AZ5059" s="98"/>
      <c r="BA5059" s="98"/>
      <c r="BB5059" s="107">
        <v>45884</v>
      </c>
    </row>
    <row r="5060" spans="1:54" s="8" customFormat="1" ht="13.95" customHeight="1" x14ac:dyDescent="0.25">
      <c r="A5060" s="219" t="s">
        <v>11693</v>
      </c>
      <c r="B5060" s="220" t="s">
        <v>10412</v>
      </c>
      <c r="C5060" s="98" t="s">
        <v>11694</v>
      </c>
      <c r="D5060" s="98" t="s">
        <v>11695</v>
      </c>
      <c r="E5060" s="141" t="s">
        <v>174</v>
      </c>
      <c r="F5060" s="141">
        <v>11493</v>
      </c>
      <c r="G5060" s="98" t="s">
        <v>9</v>
      </c>
      <c r="H5060" s="98">
        <v>0</v>
      </c>
      <c r="I5060" s="98">
        <v>0</v>
      </c>
      <c r="J5060" s="98">
        <v>0</v>
      </c>
      <c r="K5060" s="98" t="s">
        <v>174</v>
      </c>
      <c r="L5060" s="98" t="s">
        <v>174</v>
      </c>
      <c r="M5060" s="98" t="s">
        <v>174</v>
      </c>
      <c r="N5060" s="98" t="s">
        <v>174</v>
      </c>
      <c r="O5060" s="98" t="s">
        <v>174</v>
      </c>
      <c r="P5060" s="98" t="s">
        <v>174</v>
      </c>
      <c r="Q5060" s="98" t="s">
        <v>174</v>
      </c>
      <c r="R5060" s="98" t="s">
        <v>174</v>
      </c>
      <c r="S5060" s="98" t="s">
        <v>174</v>
      </c>
      <c r="T5060" s="98" t="s">
        <v>174</v>
      </c>
      <c r="U5060" s="98" t="s">
        <v>174</v>
      </c>
      <c r="V5060" s="98" t="s">
        <v>174</v>
      </c>
      <c r="W5060" s="98" t="s">
        <v>174</v>
      </c>
      <c r="X5060" s="98" t="s">
        <v>174</v>
      </c>
      <c r="Y5060" s="98" t="s">
        <v>174</v>
      </c>
      <c r="Z5060" s="98" t="s">
        <v>174</v>
      </c>
      <c r="AA5060" s="98" t="s">
        <v>174</v>
      </c>
      <c r="AB5060" s="98" t="s">
        <v>174</v>
      </c>
      <c r="AC5060" s="98" t="s">
        <v>174</v>
      </c>
      <c r="AD5060" s="98" t="s">
        <v>174</v>
      </c>
      <c r="AE5060" s="98" t="s">
        <v>174</v>
      </c>
      <c r="AF5060" s="98" t="s">
        <v>174</v>
      </c>
      <c r="AG5060" s="98" t="s">
        <v>174</v>
      </c>
      <c r="AH5060" s="98" t="s">
        <v>174</v>
      </c>
      <c r="AI5060" s="98" t="s">
        <v>174</v>
      </c>
      <c r="AJ5060" s="98" t="s">
        <v>174</v>
      </c>
      <c r="AK5060" s="98" t="s">
        <v>174</v>
      </c>
      <c r="AL5060" s="98" t="s">
        <v>174</v>
      </c>
      <c r="AM5060" s="98" t="s">
        <v>174</v>
      </c>
      <c r="AN5060" s="98" t="s">
        <v>174</v>
      </c>
      <c r="AO5060" s="98" t="s">
        <v>174</v>
      </c>
      <c r="AP5060" s="98" t="s">
        <v>174</v>
      </c>
      <c r="AQ5060" s="98" t="s">
        <v>174</v>
      </c>
      <c r="AR5060" s="98" t="s">
        <v>174</v>
      </c>
      <c r="AS5060" s="98" t="s">
        <v>174</v>
      </c>
      <c r="AT5060" s="129" t="s">
        <v>174</v>
      </c>
      <c r="AU5060" s="98" t="s">
        <v>174</v>
      </c>
      <c r="AV5060" s="98" t="s">
        <v>174</v>
      </c>
      <c r="AW5060" s="98" t="s">
        <v>174</v>
      </c>
      <c r="AX5060" s="98"/>
      <c r="AY5060" s="98"/>
      <c r="AZ5060" s="98"/>
      <c r="BA5060" s="98"/>
      <c r="BB5060" s="107">
        <v>45884</v>
      </c>
    </row>
    <row r="5061" spans="1:54" s="8" customFormat="1" ht="13.95" customHeight="1" x14ac:dyDescent="0.25">
      <c r="A5061" s="219" t="s">
        <v>11696</v>
      </c>
      <c r="B5061" s="220" t="s">
        <v>10412</v>
      </c>
      <c r="C5061" s="98" t="s">
        <v>11697</v>
      </c>
      <c r="D5061" s="98" t="s">
        <v>11698</v>
      </c>
      <c r="E5061" s="141" t="s">
        <v>174</v>
      </c>
      <c r="F5061" s="141">
        <v>4631</v>
      </c>
      <c r="G5061" s="98" t="s">
        <v>9</v>
      </c>
      <c r="H5061" s="98">
        <v>0</v>
      </c>
      <c r="I5061" s="98">
        <v>0</v>
      </c>
      <c r="J5061" s="98">
        <v>0</v>
      </c>
      <c r="K5061" s="98" t="s">
        <v>174</v>
      </c>
      <c r="L5061" s="98" t="s">
        <v>174</v>
      </c>
      <c r="M5061" s="98" t="s">
        <v>174</v>
      </c>
      <c r="N5061" s="98" t="s">
        <v>174</v>
      </c>
      <c r="O5061" s="98" t="s">
        <v>174</v>
      </c>
      <c r="P5061" s="98" t="s">
        <v>174</v>
      </c>
      <c r="Q5061" s="98" t="s">
        <v>174</v>
      </c>
      <c r="R5061" s="98" t="s">
        <v>174</v>
      </c>
      <c r="S5061" s="98" t="s">
        <v>174</v>
      </c>
      <c r="T5061" s="98" t="s">
        <v>174</v>
      </c>
      <c r="U5061" s="98" t="s">
        <v>174</v>
      </c>
      <c r="V5061" s="98" t="s">
        <v>174</v>
      </c>
      <c r="W5061" s="98" t="s">
        <v>174</v>
      </c>
      <c r="X5061" s="98" t="s">
        <v>174</v>
      </c>
      <c r="Y5061" s="98" t="s">
        <v>174</v>
      </c>
      <c r="Z5061" s="98" t="s">
        <v>174</v>
      </c>
      <c r="AA5061" s="98" t="s">
        <v>174</v>
      </c>
      <c r="AB5061" s="98" t="s">
        <v>174</v>
      </c>
      <c r="AC5061" s="98" t="s">
        <v>174</v>
      </c>
      <c r="AD5061" s="98" t="s">
        <v>174</v>
      </c>
      <c r="AE5061" s="98" t="s">
        <v>174</v>
      </c>
      <c r="AF5061" s="98" t="s">
        <v>174</v>
      </c>
      <c r="AG5061" s="98" t="s">
        <v>174</v>
      </c>
      <c r="AH5061" s="98" t="s">
        <v>174</v>
      </c>
      <c r="AI5061" s="98" t="s">
        <v>174</v>
      </c>
      <c r="AJ5061" s="98" t="s">
        <v>174</v>
      </c>
      <c r="AK5061" s="98" t="s">
        <v>174</v>
      </c>
      <c r="AL5061" s="98" t="s">
        <v>174</v>
      </c>
      <c r="AM5061" s="98" t="s">
        <v>174</v>
      </c>
      <c r="AN5061" s="98" t="s">
        <v>174</v>
      </c>
      <c r="AO5061" s="98" t="s">
        <v>174</v>
      </c>
      <c r="AP5061" s="98" t="s">
        <v>174</v>
      </c>
      <c r="AQ5061" s="98" t="s">
        <v>174</v>
      </c>
      <c r="AR5061" s="98" t="s">
        <v>174</v>
      </c>
      <c r="AS5061" s="98" t="s">
        <v>174</v>
      </c>
      <c r="AT5061" s="98">
        <v>1</v>
      </c>
      <c r="AU5061" s="98" t="s">
        <v>174</v>
      </c>
      <c r="AV5061" s="98" t="s">
        <v>174</v>
      </c>
      <c r="AW5061" s="98" t="s">
        <v>174</v>
      </c>
      <c r="AX5061" s="98"/>
      <c r="AY5061" s="98"/>
      <c r="AZ5061" s="98"/>
      <c r="BA5061" s="98"/>
      <c r="BB5061" s="107">
        <v>45884</v>
      </c>
    </row>
    <row r="5062" spans="1:54" s="8" customFormat="1" ht="13.95" customHeight="1" x14ac:dyDescent="0.25">
      <c r="A5062" s="219" t="s">
        <v>11699</v>
      </c>
      <c r="B5062" s="220" t="s">
        <v>10412</v>
      </c>
      <c r="C5062" s="98" t="s">
        <v>11700</v>
      </c>
      <c r="D5062" s="98" t="s">
        <v>11701</v>
      </c>
      <c r="E5062" s="141" t="s">
        <v>174</v>
      </c>
      <c r="F5062" s="141">
        <v>2248</v>
      </c>
      <c r="G5062" s="98" t="s">
        <v>9</v>
      </c>
      <c r="H5062" s="98">
        <v>0</v>
      </c>
      <c r="I5062" s="98">
        <v>0</v>
      </c>
      <c r="J5062" s="98">
        <v>0</v>
      </c>
      <c r="K5062" s="98" t="s">
        <v>174</v>
      </c>
      <c r="L5062" s="98" t="s">
        <v>174</v>
      </c>
      <c r="M5062" s="98" t="s">
        <v>174</v>
      </c>
      <c r="N5062" s="98" t="s">
        <v>174</v>
      </c>
      <c r="O5062" s="98" t="s">
        <v>174</v>
      </c>
      <c r="P5062" s="98" t="s">
        <v>174</v>
      </c>
      <c r="Q5062" s="98" t="s">
        <v>174</v>
      </c>
      <c r="R5062" s="98" t="s">
        <v>174</v>
      </c>
      <c r="S5062" s="98" t="s">
        <v>174</v>
      </c>
      <c r="T5062" s="98" t="s">
        <v>174</v>
      </c>
      <c r="U5062" s="99"/>
      <c r="V5062" s="99"/>
      <c r="W5062" s="99"/>
      <c r="X5062" s="99"/>
      <c r="Y5062" s="99"/>
      <c r="Z5062" s="99"/>
      <c r="AA5062" s="99"/>
      <c r="AB5062" s="99"/>
      <c r="AC5062" s="99"/>
      <c r="AD5062" s="99"/>
      <c r="AE5062" s="99"/>
      <c r="AF5062" s="99"/>
      <c r="AG5062" s="99"/>
      <c r="AH5062" s="99"/>
      <c r="AI5062" s="99"/>
      <c r="AJ5062" s="99"/>
      <c r="AK5062" s="99"/>
      <c r="AL5062" s="99"/>
      <c r="AM5062" s="99"/>
      <c r="AN5062" s="99"/>
      <c r="AO5062" s="99"/>
      <c r="AP5062" s="99"/>
      <c r="AQ5062" s="99"/>
      <c r="AR5062" s="99"/>
      <c r="AS5062" s="99"/>
      <c r="AT5062" s="99"/>
      <c r="AU5062" s="99"/>
      <c r="AV5062" s="99"/>
      <c r="AW5062" s="99"/>
      <c r="AX5062" s="99"/>
      <c r="AY5062" s="99"/>
      <c r="AZ5062" s="99"/>
      <c r="BA5062" s="99"/>
      <c r="BB5062" s="107">
        <v>45884</v>
      </c>
    </row>
    <row r="5063" spans="1:54" s="8" customFormat="1" ht="13.95" customHeight="1" x14ac:dyDescent="0.25">
      <c r="A5063" s="219" t="s">
        <v>11702</v>
      </c>
      <c r="B5063" s="220" t="s">
        <v>10412</v>
      </c>
      <c r="C5063" s="98" t="s">
        <v>11703</v>
      </c>
      <c r="D5063" s="98" t="s">
        <v>11704</v>
      </c>
      <c r="E5063" s="141" t="s">
        <v>174</v>
      </c>
      <c r="F5063" s="141">
        <v>7637</v>
      </c>
      <c r="G5063" s="98" t="s">
        <v>9</v>
      </c>
      <c r="H5063" s="98">
        <v>0</v>
      </c>
      <c r="I5063" s="98">
        <v>0</v>
      </c>
      <c r="J5063" s="98">
        <v>0</v>
      </c>
      <c r="K5063" s="98" t="s">
        <v>174</v>
      </c>
      <c r="L5063" s="98" t="s">
        <v>174</v>
      </c>
      <c r="M5063" s="98" t="s">
        <v>174</v>
      </c>
      <c r="N5063" s="98" t="s">
        <v>174</v>
      </c>
      <c r="O5063" s="98" t="s">
        <v>174</v>
      </c>
      <c r="P5063" s="98" t="s">
        <v>174</v>
      </c>
      <c r="Q5063" s="98" t="s">
        <v>174</v>
      </c>
      <c r="R5063" s="98" t="s">
        <v>174</v>
      </c>
      <c r="S5063" s="98" t="s">
        <v>174</v>
      </c>
      <c r="T5063" s="98" t="s">
        <v>174</v>
      </c>
      <c r="U5063" s="98" t="s">
        <v>174</v>
      </c>
      <c r="V5063" s="98" t="s">
        <v>174</v>
      </c>
      <c r="W5063" s="98" t="s">
        <v>174</v>
      </c>
      <c r="X5063" s="98" t="s">
        <v>174</v>
      </c>
      <c r="Y5063" s="98" t="s">
        <v>174</v>
      </c>
      <c r="Z5063" s="98" t="s">
        <v>174</v>
      </c>
      <c r="AA5063" s="98" t="s">
        <v>174</v>
      </c>
      <c r="AB5063" s="98" t="s">
        <v>174</v>
      </c>
      <c r="AC5063" s="98" t="s">
        <v>174</v>
      </c>
      <c r="AD5063" s="98" t="s">
        <v>174</v>
      </c>
      <c r="AE5063" s="98" t="s">
        <v>174</v>
      </c>
      <c r="AF5063" s="98" t="s">
        <v>174</v>
      </c>
      <c r="AG5063" s="98" t="s">
        <v>174</v>
      </c>
      <c r="AH5063" s="98" t="s">
        <v>174</v>
      </c>
      <c r="AI5063" s="98" t="s">
        <v>174</v>
      </c>
      <c r="AJ5063" s="98" t="s">
        <v>174</v>
      </c>
      <c r="AK5063" s="98" t="s">
        <v>174</v>
      </c>
      <c r="AL5063" s="98" t="s">
        <v>174</v>
      </c>
      <c r="AM5063" s="98" t="s">
        <v>174</v>
      </c>
      <c r="AN5063" s="98" t="s">
        <v>174</v>
      </c>
      <c r="AO5063" s="98" t="s">
        <v>174</v>
      </c>
      <c r="AP5063" s="98" t="s">
        <v>174</v>
      </c>
      <c r="AQ5063" s="98" t="s">
        <v>174</v>
      </c>
      <c r="AR5063" s="98" t="s">
        <v>174</v>
      </c>
      <c r="AS5063" s="98" t="s">
        <v>174</v>
      </c>
      <c r="AT5063" s="129" t="s">
        <v>174</v>
      </c>
      <c r="AU5063" s="98" t="s">
        <v>174</v>
      </c>
      <c r="AV5063" s="98" t="s">
        <v>174</v>
      </c>
      <c r="AW5063" s="98" t="s">
        <v>174</v>
      </c>
      <c r="AX5063" s="98"/>
      <c r="AY5063" s="98"/>
      <c r="AZ5063" s="98"/>
      <c r="BA5063" s="98"/>
      <c r="BB5063" s="107">
        <v>45884</v>
      </c>
    </row>
    <row r="5064" spans="1:54" s="8" customFormat="1" ht="13.95" customHeight="1" x14ac:dyDescent="0.25">
      <c r="A5064" s="219" t="s">
        <v>11705</v>
      </c>
      <c r="B5064" s="220" t="s">
        <v>10412</v>
      </c>
      <c r="C5064" s="98" t="s">
        <v>11706</v>
      </c>
      <c r="D5064" s="98" t="s">
        <v>11707</v>
      </c>
      <c r="E5064" s="141" t="s">
        <v>174</v>
      </c>
      <c r="F5064" s="141">
        <v>986</v>
      </c>
      <c r="G5064" s="98" t="s">
        <v>1</v>
      </c>
      <c r="H5064" s="98">
        <v>0</v>
      </c>
      <c r="I5064" s="98">
        <v>0</v>
      </c>
      <c r="J5064" s="98">
        <v>1</v>
      </c>
      <c r="K5064" s="98" t="s">
        <v>174</v>
      </c>
      <c r="L5064" s="98" t="s">
        <v>174</v>
      </c>
      <c r="M5064" s="98" t="s">
        <v>174</v>
      </c>
      <c r="N5064" s="98" t="s">
        <v>174</v>
      </c>
      <c r="O5064" s="98" t="s">
        <v>174</v>
      </c>
      <c r="P5064" s="98" t="s">
        <v>174</v>
      </c>
      <c r="Q5064" s="98" t="s">
        <v>174</v>
      </c>
      <c r="R5064" s="98" t="s">
        <v>174</v>
      </c>
      <c r="S5064" s="98" t="s">
        <v>174</v>
      </c>
      <c r="T5064" s="98" t="s">
        <v>174</v>
      </c>
      <c r="U5064" s="98" t="s">
        <v>174</v>
      </c>
      <c r="V5064" s="98" t="s">
        <v>174</v>
      </c>
      <c r="W5064" s="98" t="s">
        <v>174</v>
      </c>
      <c r="X5064" s="98" t="s">
        <v>174</v>
      </c>
      <c r="Y5064" s="98" t="s">
        <v>174</v>
      </c>
      <c r="Z5064" s="98" t="s">
        <v>174</v>
      </c>
      <c r="AA5064" s="98" t="s">
        <v>174</v>
      </c>
      <c r="AB5064" s="98" t="s">
        <v>174</v>
      </c>
      <c r="AC5064" s="98" t="s">
        <v>174</v>
      </c>
      <c r="AD5064" s="98" t="s">
        <v>174</v>
      </c>
      <c r="AE5064" s="98" t="s">
        <v>174</v>
      </c>
      <c r="AF5064" s="98" t="s">
        <v>174</v>
      </c>
      <c r="AG5064" s="98" t="s">
        <v>174</v>
      </c>
      <c r="AH5064" s="98" t="s">
        <v>174</v>
      </c>
      <c r="AI5064" s="98" t="s">
        <v>174</v>
      </c>
      <c r="AJ5064" s="98" t="s">
        <v>174</v>
      </c>
      <c r="AK5064" s="98" t="s">
        <v>174</v>
      </c>
      <c r="AL5064" s="98" t="s">
        <v>174</v>
      </c>
      <c r="AM5064" s="98" t="s">
        <v>174</v>
      </c>
      <c r="AN5064" s="98" t="s">
        <v>174</v>
      </c>
      <c r="AO5064" s="98" t="s">
        <v>174</v>
      </c>
      <c r="AP5064" s="98" t="s">
        <v>174</v>
      </c>
      <c r="AQ5064" s="98" t="s">
        <v>174</v>
      </c>
      <c r="AR5064" s="98" t="s">
        <v>174</v>
      </c>
      <c r="AS5064" s="98" t="s">
        <v>174</v>
      </c>
      <c r="AT5064" s="129" t="s">
        <v>174</v>
      </c>
      <c r="AU5064" s="98" t="s">
        <v>174</v>
      </c>
      <c r="AV5064" s="98" t="s">
        <v>174</v>
      </c>
      <c r="AW5064" s="98" t="s">
        <v>174</v>
      </c>
      <c r="AX5064" s="98"/>
      <c r="AY5064" s="98"/>
      <c r="AZ5064" s="98"/>
      <c r="BA5064" s="98"/>
      <c r="BB5064" s="107">
        <v>45884</v>
      </c>
    </row>
    <row r="5065" spans="1:54" s="8" customFormat="1" ht="13.95" customHeight="1" x14ac:dyDescent="0.25">
      <c r="A5065" s="219" t="s">
        <v>11708</v>
      </c>
      <c r="B5065" s="220" t="s">
        <v>10412</v>
      </c>
      <c r="C5065" s="98" t="s">
        <v>11709</v>
      </c>
      <c r="D5065" s="98" t="s">
        <v>11710</v>
      </c>
      <c r="E5065" s="141" t="s">
        <v>174</v>
      </c>
      <c r="F5065" s="141">
        <v>196</v>
      </c>
      <c r="G5065" s="98" t="s">
        <v>1</v>
      </c>
      <c r="H5065" s="98">
        <v>0</v>
      </c>
      <c r="I5065" s="98">
        <v>0</v>
      </c>
      <c r="J5065" s="98">
        <v>1</v>
      </c>
      <c r="K5065" s="98" t="s">
        <v>174</v>
      </c>
      <c r="L5065" s="98" t="s">
        <v>174</v>
      </c>
      <c r="M5065" s="98" t="s">
        <v>174</v>
      </c>
      <c r="N5065" s="98" t="s">
        <v>174</v>
      </c>
      <c r="O5065" s="98" t="s">
        <v>174</v>
      </c>
      <c r="P5065" s="98" t="s">
        <v>174</v>
      </c>
      <c r="Q5065" s="98" t="s">
        <v>174</v>
      </c>
      <c r="R5065" s="98" t="s">
        <v>174</v>
      </c>
      <c r="S5065" s="98" t="s">
        <v>174</v>
      </c>
      <c r="T5065" s="98" t="s">
        <v>174</v>
      </c>
      <c r="U5065" s="98" t="s">
        <v>174</v>
      </c>
      <c r="V5065" s="98" t="s">
        <v>174</v>
      </c>
      <c r="W5065" s="98" t="s">
        <v>174</v>
      </c>
      <c r="X5065" s="98" t="s">
        <v>174</v>
      </c>
      <c r="Y5065" s="98" t="s">
        <v>174</v>
      </c>
      <c r="Z5065" s="98" t="s">
        <v>174</v>
      </c>
      <c r="AA5065" s="98" t="s">
        <v>174</v>
      </c>
      <c r="AB5065" s="98" t="s">
        <v>174</v>
      </c>
      <c r="AC5065" s="98" t="s">
        <v>174</v>
      </c>
      <c r="AD5065" s="98" t="s">
        <v>174</v>
      </c>
      <c r="AE5065" s="98" t="s">
        <v>174</v>
      </c>
      <c r="AF5065" s="98" t="s">
        <v>174</v>
      </c>
      <c r="AG5065" s="98" t="s">
        <v>174</v>
      </c>
      <c r="AH5065" s="98" t="s">
        <v>174</v>
      </c>
      <c r="AI5065" s="98" t="s">
        <v>174</v>
      </c>
      <c r="AJ5065" s="98" t="s">
        <v>174</v>
      </c>
      <c r="AK5065" s="98" t="s">
        <v>174</v>
      </c>
      <c r="AL5065" s="98" t="s">
        <v>174</v>
      </c>
      <c r="AM5065" s="98" t="s">
        <v>174</v>
      </c>
      <c r="AN5065" s="98" t="s">
        <v>174</v>
      </c>
      <c r="AO5065" s="98" t="s">
        <v>174</v>
      </c>
      <c r="AP5065" s="98" t="s">
        <v>174</v>
      </c>
      <c r="AQ5065" s="98" t="s">
        <v>174</v>
      </c>
      <c r="AR5065" s="98" t="s">
        <v>174</v>
      </c>
      <c r="AS5065" s="98" t="s">
        <v>174</v>
      </c>
      <c r="AT5065" s="129" t="s">
        <v>174</v>
      </c>
      <c r="AU5065" s="98" t="s">
        <v>174</v>
      </c>
      <c r="AV5065" s="98" t="s">
        <v>174</v>
      </c>
      <c r="AW5065" s="98" t="s">
        <v>174</v>
      </c>
      <c r="AX5065" s="98"/>
      <c r="AY5065" s="98"/>
      <c r="AZ5065" s="98"/>
      <c r="BA5065" s="98"/>
      <c r="BB5065" s="107">
        <v>45884</v>
      </c>
    </row>
    <row r="5066" spans="1:54" s="8" customFormat="1" ht="13.95" customHeight="1" x14ac:dyDescent="0.25">
      <c r="A5066" s="219" t="s">
        <v>11711</v>
      </c>
      <c r="B5066" s="220" t="s">
        <v>10412</v>
      </c>
      <c r="C5066" s="98" t="s">
        <v>11712</v>
      </c>
      <c r="D5066" s="98" t="s">
        <v>11713</v>
      </c>
      <c r="E5066" s="141" t="s">
        <v>174</v>
      </c>
      <c r="F5066" s="141">
        <v>637</v>
      </c>
      <c r="G5066" s="98" t="s">
        <v>1</v>
      </c>
      <c r="H5066" s="98">
        <v>0</v>
      </c>
      <c r="I5066" s="98">
        <v>0</v>
      </c>
      <c r="J5066" s="98">
        <v>1</v>
      </c>
      <c r="K5066" s="98" t="s">
        <v>174</v>
      </c>
      <c r="L5066" s="98" t="s">
        <v>174</v>
      </c>
      <c r="M5066" s="98" t="s">
        <v>174</v>
      </c>
      <c r="N5066" s="98" t="s">
        <v>174</v>
      </c>
      <c r="O5066" s="98" t="s">
        <v>174</v>
      </c>
      <c r="P5066" s="98" t="s">
        <v>174</v>
      </c>
      <c r="Q5066" s="98" t="s">
        <v>174</v>
      </c>
      <c r="R5066" s="98" t="s">
        <v>174</v>
      </c>
      <c r="S5066" s="98" t="s">
        <v>174</v>
      </c>
      <c r="T5066" s="98" t="s">
        <v>174</v>
      </c>
      <c r="U5066" s="98" t="s">
        <v>174</v>
      </c>
      <c r="V5066" s="98" t="s">
        <v>174</v>
      </c>
      <c r="W5066" s="98" t="s">
        <v>174</v>
      </c>
      <c r="X5066" s="98" t="s">
        <v>174</v>
      </c>
      <c r="Y5066" s="98" t="s">
        <v>174</v>
      </c>
      <c r="Z5066" s="98" t="s">
        <v>174</v>
      </c>
      <c r="AA5066" s="98" t="s">
        <v>174</v>
      </c>
      <c r="AB5066" s="98" t="s">
        <v>174</v>
      </c>
      <c r="AC5066" s="98" t="s">
        <v>174</v>
      </c>
      <c r="AD5066" s="98" t="s">
        <v>174</v>
      </c>
      <c r="AE5066" s="98" t="s">
        <v>174</v>
      </c>
      <c r="AF5066" s="98" t="s">
        <v>174</v>
      </c>
      <c r="AG5066" s="98" t="s">
        <v>174</v>
      </c>
      <c r="AH5066" s="98" t="s">
        <v>174</v>
      </c>
      <c r="AI5066" s="98" t="s">
        <v>174</v>
      </c>
      <c r="AJ5066" s="98" t="s">
        <v>174</v>
      </c>
      <c r="AK5066" s="98" t="s">
        <v>174</v>
      </c>
      <c r="AL5066" s="98" t="s">
        <v>174</v>
      </c>
      <c r="AM5066" s="98" t="s">
        <v>174</v>
      </c>
      <c r="AN5066" s="98" t="s">
        <v>174</v>
      </c>
      <c r="AO5066" s="98" t="s">
        <v>174</v>
      </c>
      <c r="AP5066" s="98" t="s">
        <v>174</v>
      </c>
      <c r="AQ5066" s="98" t="s">
        <v>174</v>
      </c>
      <c r="AR5066" s="98" t="s">
        <v>174</v>
      </c>
      <c r="AS5066" s="98" t="s">
        <v>174</v>
      </c>
      <c r="AT5066" s="129" t="s">
        <v>174</v>
      </c>
      <c r="AU5066" s="98" t="s">
        <v>174</v>
      </c>
      <c r="AV5066" s="98" t="s">
        <v>174</v>
      </c>
      <c r="AW5066" s="98" t="s">
        <v>174</v>
      </c>
      <c r="AX5066" s="98"/>
      <c r="AY5066" s="98"/>
      <c r="AZ5066" s="98"/>
      <c r="BA5066" s="98"/>
      <c r="BB5066" s="107">
        <v>45884</v>
      </c>
    </row>
    <row r="5067" spans="1:54" s="8" customFormat="1" ht="13.95" customHeight="1" x14ac:dyDescent="0.25">
      <c r="A5067" s="219" t="s">
        <v>11714</v>
      </c>
      <c r="B5067" s="220" t="s">
        <v>10412</v>
      </c>
      <c r="C5067" s="98" t="s">
        <v>11715</v>
      </c>
      <c r="D5067" s="98" t="s">
        <v>11716</v>
      </c>
      <c r="E5067" s="141" t="s">
        <v>174</v>
      </c>
      <c r="F5067" s="141">
        <v>450</v>
      </c>
      <c r="G5067" s="98" t="s">
        <v>1</v>
      </c>
      <c r="H5067" s="98">
        <v>0</v>
      </c>
      <c r="I5067" s="98">
        <v>0</v>
      </c>
      <c r="J5067" s="98">
        <v>1</v>
      </c>
      <c r="K5067" s="98" t="s">
        <v>174</v>
      </c>
      <c r="L5067" s="98" t="s">
        <v>174</v>
      </c>
      <c r="M5067" s="98" t="s">
        <v>174</v>
      </c>
      <c r="N5067" s="98" t="s">
        <v>174</v>
      </c>
      <c r="O5067" s="98" t="s">
        <v>174</v>
      </c>
      <c r="P5067" s="98" t="s">
        <v>174</v>
      </c>
      <c r="Q5067" s="98" t="s">
        <v>174</v>
      </c>
      <c r="R5067" s="98" t="s">
        <v>174</v>
      </c>
      <c r="S5067" s="98" t="s">
        <v>174</v>
      </c>
      <c r="T5067" s="98" t="s">
        <v>174</v>
      </c>
      <c r="U5067" s="98" t="s">
        <v>174</v>
      </c>
      <c r="V5067" s="98" t="s">
        <v>174</v>
      </c>
      <c r="W5067" s="98" t="s">
        <v>174</v>
      </c>
      <c r="X5067" s="98" t="s">
        <v>174</v>
      </c>
      <c r="Y5067" s="98" t="s">
        <v>174</v>
      </c>
      <c r="Z5067" s="98" t="s">
        <v>174</v>
      </c>
      <c r="AA5067" s="98" t="s">
        <v>174</v>
      </c>
      <c r="AB5067" s="98" t="s">
        <v>174</v>
      </c>
      <c r="AC5067" s="98" t="s">
        <v>174</v>
      </c>
      <c r="AD5067" s="98" t="s">
        <v>174</v>
      </c>
      <c r="AE5067" s="98" t="s">
        <v>174</v>
      </c>
      <c r="AF5067" s="98" t="s">
        <v>174</v>
      </c>
      <c r="AG5067" s="98" t="s">
        <v>174</v>
      </c>
      <c r="AH5067" s="98" t="s">
        <v>174</v>
      </c>
      <c r="AI5067" s="98" t="s">
        <v>174</v>
      </c>
      <c r="AJ5067" s="98" t="s">
        <v>174</v>
      </c>
      <c r="AK5067" s="98" t="s">
        <v>174</v>
      </c>
      <c r="AL5067" s="98" t="s">
        <v>174</v>
      </c>
      <c r="AM5067" s="98" t="s">
        <v>174</v>
      </c>
      <c r="AN5067" s="98" t="s">
        <v>174</v>
      </c>
      <c r="AO5067" s="98" t="s">
        <v>174</v>
      </c>
      <c r="AP5067" s="98" t="s">
        <v>174</v>
      </c>
      <c r="AQ5067" s="98" t="s">
        <v>174</v>
      </c>
      <c r="AR5067" s="98" t="s">
        <v>174</v>
      </c>
      <c r="AS5067" s="98" t="s">
        <v>174</v>
      </c>
      <c r="AT5067" s="129" t="s">
        <v>174</v>
      </c>
      <c r="AU5067" s="98" t="s">
        <v>174</v>
      </c>
      <c r="AV5067" s="98" t="s">
        <v>174</v>
      </c>
      <c r="AW5067" s="98" t="s">
        <v>174</v>
      </c>
      <c r="AX5067" s="98"/>
      <c r="AY5067" s="98"/>
      <c r="AZ5067" s="98"/>
      <c r="BA5067" s="98"/>
      <c r="BB5067" s="107">
        <v>45884</v>
      </c>
    </row>
    <row r="5068" spans="1:54" s="8" customFormat="1" ht="13.95" customHeight="1" x14ac:dyDescent="0.25">
      <c r="A5068" s="219" t="s">
        <v>11717</v>
      </c>
      <c r="B5068" s="220" t="s">
        <v>10412</v>
      </c>
      <c r="C5068" s="98" t="s">
        <v>11718</v>
      </c>
      <c r="D5068" s="98" t="s">
        <v>11132</v>
      </c>
      <c r="E5068" s="141" t="s">
        <v>174</v>
      </c>
      <c r="F5068" s="141">
        <v>350</v>
      </c>
      <c r="G5068" s="98" t="s">
        <v>1</v>
      </c>
      <c r="H5068" s="98">
        <v>0</v>
      </c>
      <c r="I5068" s="98">
        <v>0</v>
      </c>
      <c r="J5068" s="98">
        <v>1</v>
      </c>
      <c r="K5068" s="98" t="s">
        <v>174</v>
      </c>
      <c r="L5068" s="98" t="s">
        <v>174</v>
      </c>
      <c r="M5068" s="98" t="s">
        <v>174</v>
      </c>
      <c r="N5068" s="98" t="s">
        <v>174</v>
      </c>
      <c r="O5068" s="98" t="s">
        <v>174</v>
      </c>
      <c r="P5068" s="98" t="s">
        <v>174</v>
      </c>
      <c r="Q5068" s="98" t="s">
        <v>174</v>
      </c>
      <c r="R5068" s="98" t="s">
        <v>174</v>
      </c>
      <c r="S5068" s="98" t="s">
        <v>174</v>
      </c>
      <c r="T5068" s="98" t="s">
        <v>174</v>
      </c>
      <c r="U5068" s="99"/>
      <c r="V5068" s="99"/>
      <c r="W5068" s="99"/>
      <c r="X5068" s="99"/>
      <c r="Y5068" s="99"/>
      <c r="Z5068" s="99"/>
      <c r="AA5068" s="99"/>
      <c r="AB5068" s="99"/>
      <c r="AC5068" s="99"/>
      <c r="AD5068" s="99"/>
      <c r="AE5068" s="99"/>
      <c r="AF5068" s="99"/>
      <c r="AG5068" s="99"/>
      <c r="AH5068" s="99"/>
      <c r="AI5068" s="99"/>
      <c r="AJ5068" s="99"/>
      <c r="AK5068" s="99"/>
      <c r="AL5068" s="99"/>
      <c r="AM5068" s="99"/>
      <c r="AN5068" s="99"/>
      <c r="AO5068" s="99"/>
      <c r="AP5068" s="99"/>
      <c r="AQ5068" s="99"/>
      <c r="AR5068" s="99"/>
      <c r="AS5068" s="99"/>
      <c r="AT5068" s="99"/>
      <c r="AU5068" s="99"/>
      <c r="AV5068" s="99"/>
      <c r="AW5068" s="99"/>
      <c r="AX5068" s="99"/>
      <c r="AY5068" s="99"/>
      <c r="AZ5068" s="99"/>
      <c r="BA5068" s="99"/>
      <c r="BB5068" s="107">
        <v>45884</v>
      </c>
    </row>
    <row r="5069" spans="1:54" s="8" customFormat="1" ht="13.95" customHeight="1" x14ac:dyDescent="0.25">
      <c r="A5069" s="219" t="s">
        <v>11719</v>
      </c>
      <c r="B5069" s="220" t="s">
        <v>10412</v>
      </c>
      <c r="C5069" s="98" t="s">
        <v>11720</v>
      </c>
      <c r="D5069" s="98" t="s">
        <v>11721</v>
      </c>
      <c r="E5069" s="141" t="s">
        <v>174</v>
      </c>
      <c r="F5069" s="141">
        <v>4775</v>
      </c>
      <c r="G5069" s="98" t="s">
        <v>13</v>
      </c>
      <c r="H5069" s="98">
        <v>0</v>
      </c>
      <c r="I5069" s="98">
        <v>0</v>
      </c>
      <c r="J5069" s="98">
        <v>0</v>
      </c>
      <c r="K5069" s="98" t="s">
        <v>174</v>
      </c>
      <c r="L5069" s="98" t="s">
        <v>174</v>
      </c>
      <c r="M5069" s="98" t="s">
        <v>174</v>
      </c>
      <c r="N5069" s="98" t="s">
        <v>174</v>
      </c>
      <c r="O5069" s="98" t="s">
        <v>174</v>
      </c>
      <c r="P5069" s="98" t="s">
        <v>174</v>
      </c>
      <c r="Q5069" s="98" t="s">
        <v>174</v>
      </c>
      <c r="R5069" s="98" t="s">
        <v>174</v>
      </c>
      <c r="S5069" s="98" t="s">
        <v>174</v>
      </c>
      <c r="T5069" s="98" t="s">
        <v>174</v>
      </c>
      <c r="U5069" s="99"/>
      <c r="V5069" s="99"/>
      <c r="W5069" s="99"/>
      <c r="X5069" s="99"/>
      <c r="Y5069" s="99"/>
      <c r="Z5069" s="99"/>
      <c r="AA5069" s="99"/>
      <c r="AB5069" s="99"/>
      <c r="AC5069" s="99"/>
      <c r="AD5069" s="99"/>
      <c r="AE5069" s="99"/>
      <c r="AF5069" s="99"/>
      <c r="AG5069" s="99"/>
      <c r="AH5069" s="99"/>
      <c r="AI5069" s="99"/>
      <c r="AJ5069" s="99"/>
      <c r="AK5069" s="99"/>
      <c r="AL5069" s="99"/>
      <c r="AM5069" s="99"/>
      <c r="AN5069" s="99"/>
      <c r="AO5069" s="99"/>
      <c r="AP5069" s="99"/>
      <c r="AQ5069" s="99"/>
      <c r="AR5069" s="99"/>
      <c r="AS5069" s="99"/>
      <c r="AT5069" s="99"/>
      <c r="AU5069" s="99"/>
      <c r="AV5069" s="99"/>
      <c r="AW5069" s="99"/>
      <c r="AX5069" s="99"/>
      <c r="AY5069" s="99"/>
      <c r="AZ5069" s="99"/>
      <c r="BA5069" s="99"/>
      <c r="BB5069" s="107">
        <v>45884</v>
      </c>
    </row>
    <row r="5070" spans="1:54" s="8" customFormat="1" ht="13.95" customHeight="1" x14ac:dyDescent="0.25">
      <c r="A5070" s="219" t="s">
        <v>11722</v>
      </c>
      <c r="B5070" s="220" t="s">
        <v>10412</v>
      </c>
      <c r="C5070" s="98" t="s">
        <v>11723</v>
      </c>
      <c r="D5070" s="98" t="s">
        <v>11724</v>
      </c>
      <c r="E5070" s="141" t="s">
        <v>174</v>
      </c>
      <c r="F5070" s="141">
        <v>139</v>
      </c>
      <c r="G5070" s="98" t="s">
        <v>1</v>
      </c>
      <c r="H5070" s="98">
        <v>0</v>
      </c>
      <c r="I5070" s="98">
        <v>0</v>
      </c>
      <c r="J5070" s="98">
        <v>1</v>
      </c>
      <c r="K5070" s="98" t="s">
        <v>174</v>
      </c>
      <c r="L5070" s="98" t="s">
        <v>174</v>
      </c>
      <c r="M5070" s="98" t="s">
        <v>174</v>
      </c>
      <c r="N5070" s="98" t="s">
        <v>174</v>
      </c>
      <c r="O5070" s="98" t="s">
        <v>174</v>
      </c>
      <c r="P5070" s="98" t="s">
        <v>174</v>
      </c>
      <c r="Q5070" s="98" t="s">
        <v>174</v>
      </c>
      <c r="R5070" s="98" t="s">
        <v>174</v>
      </c>
      <c r="S5070" s="98" t="s">
        <v>174</v>
      </c>
      <c r="T5070" s="98" t="s">
        <v>174</v>
      </c>
      <c r="U5070" s="99"/>
      <c r="V5070" s="99"/>
      <c r="W5070" s="99"/>
      <c r="X5070" s="99"/>
      <c r="Y5070" s="99"/>
      <c r="Z5070" s="99"/>
      <c r="AA5070" s="99"/>
      <c r="AB5070" s="99"/>
      <c r="AC5070" s="99"/>
      <c r="AD5070" s="99"/>
      <c r="AE5070" s="99"/>
      <c r="AF5070" s="99"/>
      <c r="AG5070" s="99"/>
      <c r="AH5070" s="99"/>
      <c r="AI5070" s="99"/>
      <c r="AJ5070" s="99"/>
      <c r="AK5070" s="99"/>
      <c r="AL5070" s="99"/>
      <c r="AM5070" s="99"/>
      <c r="AN5070" s="99"/>
      <c r="AO5070" s="99"/>
      <c r="AP5070" s="99"/>
      <c r="AQ5070" s="99"/>
      <c r="AR5070" s="99"/>
      <c r="AS5070" s="99"/>
      <c r="AT5070" s="99"/>
      <c r="AU5070" s="99"/>
      <c r="AV5070" s="99"/>
      <c r="AW5070" s="99"/>
      <c r="AX5070" s="99"/>
      <c r="AY5070" s="99"/>
      <c r="AZ5070" s="99"/>
      <c r="BA5070" s="99"/>
      <c r="BB5070" s="107">
        <v>45884</v>
      </c>
    </row>
    <row r="5071" spans="1:54" s="8" customFormat="1" ht="13.95" customHeight="1" x14ac:dyDescent="0.25">
      <c r="A5071" s="219" t="s">
        <v>11725</v>
      </c>
      <c r="B5071" s="220" t="s">
        <v>10412</v>
      </c>
      <c r="C5071" s="98" t="s">
        <v>11726</v>
      </c>
      <c r="D5071" s="98" t="s">
        <v>11727</v>
      </c>
      <c r="E5071" s="141" t="s">
        <v>174</v>
      </c>
      <c r="F5071" s="141">
        <v>124</v>
      </c>
      <c r="G5071" s="98" t="s">
        <v>1</v>
      </c>
      <c r="H5071" s="98">
        <v>0</v>
      </c>
      <c r="I5071" s="98">
        <v>0</v>
      </c>
      <c r="J5071" s="98">
        <v>0</v>
      </c>
      <c r="K5071" s="98" t="s">
        <v>174</v>
      </c>
      <c r="L5071" s="98" t="s">
        <v>174</v>
      </c>
      <c r="M5071" s="98" t="s">
        <v>174</v>
      </c>
      <c r="N5071" s="98" t="s">
        <v>174</v>
      </c>
      <c r="O5071" s="98" t="s">
        <v>174</v>
      </c>
      <c r="P5071" s="98" t="s">
        <v>174</v>
      </c>
      <c r="Q5071" s="98" t="s">
        <v>174</v>
      </c>
      <c r="R5071" s="98" t="s">
        <v>174</v>
      </c>
      <c r="S5071" s="98" t="s">
        <v>174</v>
      </c>
      <c r="T5071" s="98" t="s">
        <v>174</v>
      </c>
      <c r="U5071" s="99"/>
      <c r="V5071" s="99"/>
      <c r="W5071" s="99"/>
      <c r="X5071" s="99"/>
      <c r="Y5071" s="99"/>
      <c r="Z5071" s="99"/>
      <c r="AA5071" s="99"/>
      <c r="AB5071" s="99"/>
      <c r="AC5071" s="99"/>
      <c r="AD5071" s="99"/>
      <c r="AE5071" s="99"/>
      <c r="AF5071" s="99"/>
      <c r="AG5071" s="99"/>
      <c r="AH5071" s="99"/>
      <c r="AI5071" s="99"/>
      <c r="AJ5071" s="99"/>
      <c r="AK5071" s="99"/>
      <c r="AL5071" s="99"/>
      <c r="AM5071" s="99"/>
      <c r="AN5071" s="99"/>
      <c r="AO5071" s="99"/>
      <c r="AP5071" s="99"/>
      <c r="AQ5071" s="99"/>
      <c r="AR5071" s="99"/>
      <c r="AS5071" s="99"/>
      <c r="AT5071" s="99"/>
      <c r="AU5071" s="99"/>
      <c r="AV5071" s="99"/>
      <c r="AW5071" s="99"/>
      <c r="AX5071" s="99"/>
      <c r="AY5071" s="99"/>
      <c r="AZ5071" s="99"/>
      <c r="BA5071" s="99"/>
      <c r="BB5071" s="107">
        <v>45884</v>
      </c>
    </row>
    <row r="5072" spans="1:54" s="8" customFormat="1" ht="13.95" customHeight="1" x14ac:dyDescent="0.25">
      <c r="A5072" s="219" t="s">
        <v>11728</v>
      </c>
      <c r="B5072" s="220" t="s">
        <v>10412</v>
      </c>
      <c r="C5072" s="98" t="s">
        <v>11729</v>
      </c>
      <c r="D5072" s="98" t="s">
        <v>11730</v>
      </c>
      <c r="E5072" s="141" t="s">
        <v>174</v>
      </c>
      <c r="F5072" s="141">
        <v>119</v>
      </c>
      <c r="G5072" s="98" t="s">
        <v>1</v>
      </c>
      <c r="H5072" s="98">
        <v>0</v>
      </c>
      <c r="I5072" s="98">
        <v>0</v>
      </c>
      <c r="J5072" s="98">
        <v>0</v>
      </c>
      <c r="K5072" s="98" t="s">
        <v>174</v>
      </c>
      <c r="L5072" s="98" t="s">
        <v>174</v>
      </c>
      <c r="M5072" s="98" t="s">
        <v>174</v>
      </c>
      <c r="N5072" s="98" t="s">
        <v>174</v>
      </c>
      <c r="O5072" s="98" t="s">
        <v>174</v>
      </c>
      <c r="P5072" s="98" t="s">
        <v>174</v>
      </c>
      <c r="Q5072" s="98" t="s">
        <v>174</v>
      </c>
      <c r="R5072" s="98" t="s">
        <v>174</v>
      </c>
      <c r="S5072" s="98" t="s">
        <v>174</v>
      </c>
      <c r="T5072" s="98" t="s">
        <v>174</v>
      </c>
      <c r="U5072" s="99"/>
      <c r="V5072" s="99"/>
      <c r="W5072" s="99"/>
      <c r="X5072" s="99"/>
      <c r="Y5072" s="99"/>
      <c r="Z5072" s="99"/>
      <c r="AA5072" s="99"/>
      <c r="AB5072" s="99"/>
      <c r="AC5072" s="99"/>
      <c r="AD5072" s="99"/>
      <c r="AE5072" s="99"/>
      <c r="AF5072" s="99"/>
      <c r="AG5072" s="99"/>
      <c r="AH5072" s="99"/>
      <c r="AI5072" s="99"/>
      <c r="AJ5072" s="99"/>
      <c r="AK5072" s="99"/>
      <c r="AL5072" s="99"/>
      <c r="AM5072" s="99"/>
      <c r="AN5072" s="99"/>
      <c r="AO5072" s="99"/>
      <c r="AP5072" s="99"/>
      <c r="AQ5072" s="99"/>
      <c r="AR5072" s="99"/>
      <c r="AS5072" s="99"/>
      <c r="AT5072" s="99"/>
      <c r="AU5072" s="99"/>
      <c r="AV5072" s="99"/>
      <c r="AW5072" s="99"/>
      <c r="AX5072" s="99"/>
      <c r="AY5072" s="99"/>
      <c r="AZ5072" s="99"/>
      <c r="BA5072" s="99"/>
      <c r="BB5072" s="107">
        <v>45884</v>
      </c>
    </row>
    <row r="5073" spans="1:54" s="8" customFormat="1" ht="13.95" customHeight="1" x14ac:dyDescent="0.25">
      <c r="A5073" s="219" t="s">
        <v>11731</v>
      </c>
      <c r="B5073" s="220" t="s">
        <v>10412</v>
      </c>
      <c r="C5073" s="98" t="s">
        <v>11732</v>
      </c>
      <c r="D5073" s="98" t="s">
        <v>11727</v>
      </c>
      <c r="E5073" s="141" t="s">
        <v>174</v>
      </c>
      <c r="F5073" s="141">
        <v>230</v>
      </c>
      <c r="G5073" s="98" t="s">
        <v>1</v>
      </c>
      <c r="H5073" s="98">
        <v>0</v>
      </c>
      <c r="I5073" s="98">
        <v>0</v>
      </c>
      <c r="J5073" s="98">
        <v>0</v>
      </c>
      <c r="K5073" s="98" t="s">
        <v>174</v>
      </c>
      <c r="L5073" s="98" t="s">
        <v>174</v>
      </c>
      <c r="M5073" s="98" t="s">
        <v>174</v>
      </c>
      <c r="N5073" s="98" t="s">
        <v>174</v>
      </c>
      <c r="O5073" s="98" t="s">
        <v>174</v>
      </c>
      <c r="P5073" s="98" t="s">
        <v>174</v>
      </c>
      <c r="Q5073" s="98" t="s">
        <v>174</v>
      </c>
      <c r="R5073" s="98" t="s">
        <v>174</v>
      </c>
      <c r="S5073" s="98" t="s">
        <v>174</v>
      </c>
      <c r="T5073" s="98" t="s">
        <v>174</v>
      </c>
      <c r="U5073" s="99"/>
      <c r="V5073" s="99"/>
      <c r="W5073" s="99"/>
      <c r="X5073" s="99"/>
      <c r="Y5073" s="99"/>
      <c r="Z5073" s="99"/>
      <c r="AA5073" s="99"/>
      <c r="AB5073" s="99"/>
      <c r="AC5073" s="99"/>
      <c r="AD5073" s="99"/>
      <c r="AE5073" s="99"/>
      <c r="AF5073" s="99"/>
      <c r="AG5073" s="99"/>
      <c r="AH5073" s="99"/>
      <c r="AI5073" s="99"/>
      <c r="AJ5073" s="99"/>
      <c r="AK5073" s="99"/>
      <c r="AL5073" s="99"/>
      <c r="AM5073" s="99"/>
      <c r="AN5073" s="99"/>
      <c r="AO5073" s="99"/>
      <c r="AP5073" s="99"/>
      <c r="AQ5073" s="99"/>
      <c r="AR5073" s="99"/>
      <c r="AS5073" s="99"/>
      <c r="AT5073" s="99"/>
      <c r="AU5073" s="99"/>
      <c r="AV5073" s="99"/>
      <c r="AW5073" s="99"/>
      <c r="AX5073" s="99"/>
      <c r="AY5073" s="99"/>
      <c r="AZ5073" s="99"/>
      <c r="BA5073" s="99"/>
      <c r="BB5073" s="107">
        <v>45884</v>
      </c>
    </row>
    <row r="5074" spans="1:54" s="8" customFormat="1" ht="13.95" customHeight="1" x14ac:dyDescent="0.25">
      <c r="A5074" s="219" t="s">
        <v>11733</v>
      </c>
      <c r="B5074" s="220" t="s">
        <v>10412</v>
      </c>
      <c r="C5074" s="98" t="s">
        <v>11734</v>
      </c>
      <c r="D5074" s="98" t="s">
        <v>11735</v>
      </c>
      <c r="E5074" s="141" t="s">
        <v>174</v>
      </c>
      <c r="F5074" s="141">
        <v>1421</v>
      </c>
      <c r="G5074" s="98" t="s">
        <v>1</v>
      </c>
      <c r="H5074" s="98">
        <v>0</v>
      </c>
      <c r="I5074" s="98">
        <v>0</v>
      </c>
      <c r="J5074" s="98">
        <v>1</v>
      </c>
      <c r="K5074" s="98" t="s">
        <v>174</v>
      </c>
      <c r="L5074" s="98" t="s">
        <v>174</v>
      </c>
      <c r="M5074" s="98" t="s">
        <v>174</v>
      </c>
      <c r="N5074" s="98" t="s">
        <v>174</v>
      </c>
      <c r="O5074" s="98" t="s">
        <v>174</v>
      </c>
      <c r="P5074" s="98" t="s">
        <v>174</v>
      </c>
      <c r="Q5074" s="98" t="s">
        <v>174</v>
      </c>
      <c r="R5074" s="98" t="s">
        <v>174</v>
      </c>
      <c r="S5074" s="98" t="s">
        <v>174</v>
      </c>
      <c r="T5074" s="98" t="s">
        <v>174</v>
      </c>
      <c r="U5074" s="99"/>
      <c r="V5074" s="99"/>
      <c r="W5074" s="99"/>
      <c r="X5074" s="99"/>
      <c r="Y5074" s="99"/>
      <c r="Z5074" s="99"/>
      <c r="AA5074" s="99"/>
      <c r="AB5074" s="99"/>
      <c r="AC5074" s="99"/>
      <c r="AD5074" s="99"/>
      <c r="AE5074" s="99"/>
      <c r="AF5074" s="99"/>
      <c r="AG5074" s="99"/>
      <c r="AH5074" s="99"/>
      <c r="AI5074" s="99"/>
      <c r="AJ5074" s="99"/>
      <c r="AK5074" s="99"/>
      <c r="AL5074" s="99"/>
      <c r="AM5074" s="99"/>
      <c r="AN5074" s="99"/>
      <c r="AO5074" s="99"/>
      <c r="AP5074" s="99"/>
      <c r="AQ5074" s="99"/>
      <c r="AR5074" s="99"/>
      <c r="AS5074" s="99"/>
      <c r="AT5074" s="99"/>
      <c r="AU5074" s="99"/>
      <c r="AV5074" s="99"/>
      <c r="AW5074" s="99"/>
      <c r="AX5074" s="99"/>
      <c r="AY5074" s="99"/>
      <c r="AZ5074" s="99"/>
      <c r="BA5074" s="99"/>
      <c r="BB5074" s="107">
        <v>45884</v>
      </c>
    </row>
    <row r="5075" spans="1:54" s="8" customFormat="1" ht="13.95" customHeight="1" x14ac:dyDescent="0.25">
      <c r="A5075" s="219" t="s">
        <v>11736</v>
      </c>
      <c r="B5075" s="220" t="s">
        <v>10412</v>
      </c>
      <c r="C5075" s="98" t="s">
        <v>11737</v>
      </c>
      <c r="D5075" s="98" t="s">
        <v>11738</v>
      </c>
      <c r="E5075" s="141" t="s">
        <v>174</v>
      </c>
      <c r="F5075" s="141">
        <v>1423</v>
      </c>
      <c r="G5075" s="98" t="s">
        <v>1</v>
      </c>
      <c r="H5075" s="98">
        <v>0</v>
      </c>
      <c r="I5075" s="98">
        <v>0</v>
      </c>
      <c r="J5075" s="98">
        <v>1</v>
      </c>
      <c r="K5075" s="98" t="s">
        <v>174</v>
      </c>
      <c r="L5075" s="98" t="s">
        <v>174</v>
      </c>
      <c r="M5075" s="98" t="s">
        <v>174</v>
      </c>
      <c r="N5075" s="98" t="s">
        <v>174</v>
      </c>
      <c r="O5075" s="98" t="s">
        <v>174</v>
      </c>
      <c r="P5075" s="98" t="s">
        <v>174</v>
      </c>
      <c r="Q5075" s="98" t="s">
        <v>174</v>
      </c>
      <c r="R5075" s="98" t="s">
        <v>174</v>
      </c>
      <c r="S5075" s="98" t="s">
        <v>174</v>
      </c>
      <c r="T5075" s="98" t="s">
        <v>174</v>
      </c>
      <c r="U5075" s="98" t="s">
        <v>174</v>
      </c>
      <c r="V5075" s="98" t="s">
        <v>174</v>
      </c>
      <c r="W5075" s="98" t="s">
        <v>174</v>
      </c>
      <c r="X5075" s="98" t="s">
        <v>174</v>
      </c>
      <c r="Y5075" s="98" t="s">
        <v>174</v>
      </c>
      <c r="Z5075" s="98" t="s">
        <v>174</v>
      </c>
      <c r="AA5075" s="98" t="s">
        <v>174</v>
      </c>
      <c r="AB5075" s="98" t="s">
        <v>174</v>
      </c>
      <c r="AC5075" s="98" t="s">
        <v>174</v>
      </c>
      <c r="AD5075" s="98" t="s">
        <v>174</v>
      </c>
      <c r="AE5075" s="98" t="s">
        <v>174</v>
      </c>
      <c r="AF5075" s="98" t="s">
        <v>174</v>
      </c>
      <c r="AG5075" s="98" t="s">
        <v>174</v>
      </c>
      <c r="AH5075" s="98" t="s">
        <v>174</v>
      </c>
      <c r="AI5075" s="98" t="s">
        <v>174</v>
      </c>
      <c r="AJ5075" s="98" t="s">
        <v>174</v>
      </c>
      <c r="AK5075" s="98" t="s">
        <v>174</v>
      </c>
      <c r="AL5075" s="98" t="s">
        <v>174</v>
      </c>
      <c r="AM5075" s="98" t="s">
        <v>174</v>
      </c>
      <c r="AN5075" s="98" t="s">
        <v>174</v>
      </c>
      <c r="AO5075" s="98" t="s">
        <v>174</v>
      </c>
      <c r="AP5075" s="98" t="s">
        <v>174</v>
      </c>
      <c r="AQ5075" s="98" t="s">
        <v>174</v>
      </c>
      <c r="AR5075" s="98" t="s">
        <v>174</v>
      </c>
      <c r="AS5075" s="98" t="s">
        <v>174</v>
      </c>
      <c r="AT5075" s="129" t="s">
        <v>174</v>
      </c>
      <c r="AU5075" s="98" t="s">
        <v>174</v>
      </c>
      <c r="AV5075" s="98" t="s">
        <v>174</v>
      </c>
      <c r="AW5075" s="98" t="s">
        <v>174</v>
      </c>
      <c r="AX5075" s="98"/>
      <c r="AY5075" s="98"/>
      <c r="AZ5075" s="98"/>
      <c r="BA5075" s="98"/>
      <c r="BB5075" s="107">
        <v>45884</v>
      </c>
    </row>
    <row r="5076" spans="1:54" s="8" customFormat="1" ht="13.95" customHeight="1" x14ac:dyDescent="0.25">
      <c r="A5076" s="219" t="s">
        <v>11739</v>
      </c>
      <c r="B5076" s="220" t="s">
        <v>10412</v>
      </c>
      <c r="C5076" s="98" t="s">
        <v>11740</v>
      </c>
      <c r="D5076" s="98" t="s">
        <v>11741</v>
      </c>
      <c r="E5076" s="141" t="s">
        <v>174</v>
      </c>
      <c r="F5076" s="141">
        <v>5871</v>
      </c>
      <c r="G5076" s="98" t="s">
        <v>11</v>
      </c>
      <c r="H5076" s="98">
        <v>0</v>
      </c>
      <c r="I5076" s="98">
        <v>0</v>
      </c>
      <c r="J5076" s="98">
        <v>0</v>
      </c>
      <c r="K5076" s="98" t="s">
        <v>174</v>
      </c>
      <c r="L5076" s="98" t="s">
        <v>174</v>
      </c>
      <c r="M5076" s="98" t="s">
        <v>174</v>
      </c>
      <c r="N5076" s="98" t="s">
        <v>174</v>
      </c>
      <c r="O5076" s="98" t="s">
        <v>174</v>
      </c>
      <c r="P5076" s="98" t="s">
        <v>174</v>
      </c>
      <c r="Q5076" s="98" t="s">
        <v>174</v>
      </c>
      <c r="R5076" s="98" t="s">
        <v>174</v>
      </c>
      <c r="S5076" s="98" t="s">
        <v>174</v>
      </c>
      <c r="T5076" s="98" t="s">
        <v>174</v>
      </c>
      <c r="U5076" s="98" t="s">
        <v>174</v>
      </c>
      <c r="V5076" s="98" t="s">
        <v>174</v>
      </c>
      <c r="W5076" s="98" t="s">
        <v>174</v>
      </c>
      <c r="X5076" s="98" t="s">
        <v>174</v>
      </c>
      <c r="Y5076" s="98" t="s">
        <v>174</v>
      </c>
      <c r="Z5076" s="98" t="s">
        <v>174</v>
      </c>
      <c r="AA5076" s="98" t="s">
        <v>174</v>
      </c>
      <c r="AB5076" s="98" t="s">
        <v>174</v>
      </c>
      <c r="AC5076" s="98" t="s">
        <v>174</v>
      </c>
      <c r="AD5076" s="98" t="s">
        <v>174</v>
      </c>
      <c r="AE5076" s="98" t="s">
        <v>174</v>
      </c>
      <c r="AF5076" s="98" t="s">
        <v>174</v>
      </c>
      <c r="AG5076" s="98" t="s">
        <v>174</v>
      </c>
      <c r="AH5076" s="98" t="s">
        <v>174</v>
      </c>
      <c r="AI5076" s="98" t="s">
        <v>174</v>
      </c>
      <c r="AJ5076" s="98" t="s">
        <v>174</v>
      </c>
      <c r="AK5076" s="98" t="s">
        <v>174</v>
      </c>
      <c r="AL5076" s="98" t="s">
        <v>174</v>
      </c>
      <c r="AM5076" s="98" t="s">
        <v>174</v>
      </c>
      <c r="AN5076" s="98" t="s">
        <v>174</v>
      </c>
      <c r="AO5076" s="98" t="s">
        <v>174</v>
      </c>
      <c r="AP5076" s="98" t="s">
        <v>174</v>
      </c>
      <c r="AQ5076" s="98" t="s">
        <v>174</v>
      </c>
      <c r="AR5076" s="98" t="s">
        <v>174</v>
      </c>
      <c r="AS5076" s="98" t="s">
        <v>174</v>
      </c>
      <c r="AT5076" s="129" t="s">
        <v>174</v>
      </c>
      <c r="AU5076" s="98" t="s">
        <v>174</v>
      </c>
      <c r="AV5076" s="98" t="s">
        <v>174</v>
      </c>
      <c r="AW5076" s="98" t="s">
        <v>174</v>
      </c>
      <c r="AX5076" s="98"/>
      <c r="AY5076" s="98"/>
      <c r="AZ5076" s="98"/>
      <c r="BA5076" s="98"/>
      <c r="BB5076" s="107">
        <v>45884</v>
      </c>
    </row>
    <row r="5077" spans="1:54" s="8" customFormat="1" ht="13.5" customHeight="1" x14ac:dyDescent="0.25">
      <c r="A5077" s="219" t="s">
        <v>11742</v>
      </c>
      <c r="B5077" s="220" t="s">
        <v>10412</v>
      </c>
      <c r="C5077" s="98" t="s">
        <v>11743</v>
      </c>
      <c r="D5077" s="98" t="s">
        <v>11744</v>
      </c>
      <c r="E5077" s="141" t="s">
        <v>174</v>
      </c>
      <c r="F5077" s="141">
        <v>460</v>
      </c>
      <c r="G5077" s="98" t="s">
        <v>1</v>
      </c>
      <c r="H5077" s="98">
        <v>0</v>
      </c>
      <c r="I5077" s="98">
        <v>0</v>
      </c>
      <c r="J5077" s="98">
        <v>1</v>
      </c>
      <c r="K5077" s="98" t="s">
        <v>174</v>
      </c>
      <c r="L5077" s="98" t="s">
        <v>174</v>
      </c>
      <c r="M5077" s="98" t="s">
        <v>174</v>
      </c>
      <c r="N5077" s="98" t="s">
        <v>174</v>
      </c>
      <c r="O5077" s="98" t="s">
        <v>174</v>
      </c>
      <c r="P5077" s="98" t="s">
        <v>174</v>
      </c>
      <c r="Q5077" s="98" t="s">
        <v>174</v>
      </c>
      <c r="R5077" s="98" t="s">
        <v>174</v>
      </c>
      <c r="S5077" s="98" t="s">
        <v>174</v>
      </c>
      <c r="T5077" s="98" t="s">
        <v>174</v>
      </c>
      <c r="U5077" s="99"/>
      <c r="V5077" s="99"/>
      <c r="W5077" s="99"/>
      <c r="X5077" s="99"/>
      <c r="Y5077" s="99"/>
      <c r="Z5077" s="99"/>
      <c r="AA5077" s="99"/>
      <c r="AB5077" s="99"/>
      <c r="AC5077" s="99"/>
      <c r="AD5077" s="99"/>
      <c r="AE5077" s="99"/>
      <c r="AF5077" s="99"/>
      <c r="AG5077" s="99"/>
      <c r="AH5077" s="99"/>
      <c r="AI5077" s="99"/>
      <c r="AJ5077" s="99"/>
      <c r="AK5077" s="99"/>
      <c r="AL5077" s="99"/>
      <c r="AM5077" s="99"/>
      <c r="AN5077" s="99"/>
      <c r="AO5077" s="99"/>
      <c r="AP5077" s="99"/>
      <c r="AQ5077" s="99"/>
      <c r="AR5077" s="99"/>
      <c r="AS5077" s="99"/>
      <c r="AT5077" s="99"/>
      <c r="AU5077" s="99"/>
      <c r="AV5077" s="99"/>
      <c r="AW5077" s="99"/>
      <c r="AX5077" s="99"/>
      <c r="AY5077" s="99"/>
      <c r="AZ5077" s="99"/>
      <c r="BA5077" s="99"/>
      <c r="BB5077" s="107">
        <v>45884</v>
      </c>
    </row>
    <row r="5078" spans="1:54" s="8" customFormat="1" ht="13.5" customHeight="1" x14ac:dyDescent="0.25">
      <c r="A5078" s="219" t="s">
        <v>11745</v>
      </c>
      <c r="B5078" s="220" t="s">
        <v>10412</v>
      </c>
      <c r="C5078" s="98" t="s">
        <v>11746</v>
      </c>
      <c r="D5078" s="98" t="s">
        <v>11747</v>
      </c>
      <c r="E5078" s="141" t="s">
        <v>174</v>
      </c>
      <c r="F5078" s="141">
        <v>2522</v>
      </c>
      <c r="G5078" s="98" t="s">
        <v>1</v>
      </c>
      <c r="H5078" s="98">
        <v>0</v>
      </c>
      <c r="I5078" s="98">
        <v>0</v>
      </c>
      <c r="J5078" s="98">
        <v>0</v>
      </c>
      <c r="K5078" s="98" t="s">
        <v>174</v>
      </c>
      <c r="L5078" s="98" t="s">
        <v>174</v>
      </c>
      <c r="M5078" s="98" t="s">
        <v>174</v>
      </c>
      <c r="N5078" s="98" t="s">
        <v>174</v>
      </c>
      <c r="O5078" s="98" t="s">
        <v>174</v>
      </c>
      <c r="P5078" s="98" t="s">
        <v>174</v>
      </c>
      <c r="Q5078" s="98" t="s">
        <v>174</v>
      </c>
      <c r="R5078" s="98" t="s">
        <v>174</v>
      </c>
      <c r="S5078" s="98" t="s">
        <v>174</v>
      </c>
      <c r="T5078" s="98" t="s">
        <v>174</v>
      </c>
      <c r="U5078" s="98" t="s">
        <v>174</v>
      </c>
      <c r="V5078" s="98" t="s">
        <v>174</v>
      </c>
      <c r="W5078" s="98" t="s">
        <v>174</v>
      </c>
      <c r="X5078" s="98" t="s">
        <v>174</v>
      </c>
      <c r="Y5078" s="98" t="s">
        <v>174</v>
      </c>
      <c r="Z5078" s="98" t="s">
        <v>174</v>
      </c>
      <c r="AA5078" s="98" t="s">
        <v>174</v>
      </c>
      <c r="AB5078" s="98" t="s">
        <v>174</v>
      </c>
      <c r="AC5078" s="98" t="s">
        <v>174</v>
      </c>
      <c r="AD5078" s="98" t="s">
        <v>174</v>
      </c>
      <c r="AE5078" s="98" t="s">
        <v>174</v>
      </c>
      <c r="AF5078" s="98" t="s">
        <v>174</v>
      </c>
      <c r="AG5078" s="98" t="s">
        <v>174</v>
      </c>
      <c r="AH5078" s="98" t="s">
        <v>174</v>
      </c>
      <c r="AI5078" s="98" t="s">
        <v>174</v>
      </c>
      <c r="AJ5078" s="98" t="s">
        <v>174</v>
      </c>
      <c r="AK5078" s="98" t="s">
        <v>174</v>
      </c>
      <c r="AL5078" s="98" t="s">
        <v>174</v>
      </c>
      <c r="AM5078" s="98" t="s">
        <v>174</v>
      </c>
      <c r="AN5078" s="98" t="s">
        <v>174</v>
      </c>
      <c r="AO5078" s="98" t="s">
        <v>174</v>
      </c>
      <c r="AP5078" s="98" t="s">
        <v>174</v>
      </c>
      <c r="AQ5078" s="98" t="s">
        <v>174</v>
      </c>
      <c r="AR5078" s="98" t="s">
        <v>174</v>
      </c>
      <c r="AS5078" s="98" t="s">
        <v>174</v>
      </c>
      <c r="AT5078" s="129" t="s">
        <v>174</v>
      </c>
      <c r="AU5078" s="98" t="s">
        <v>174</v>
      </c>
      <c r="AV5078" s="98" t="s">
        <v>174</v>
      </c>
      <c r="AW5078" s="98" t="s">
        <v>174</v>
      </c>
      <c r="AX5078" s="98"/>
      <c r="AY5078" s="98"/>
      <c r="AZ5078" s="98"/>
      <c r="BA5078" s="98"/>
      <c r="BB5078" s="107">
        <v>45884</v>
      </c>
    </row>
    <row r="5079" spans="1:54" s="8" customFormat="1" ht="13.5" customHeight="1" x14ac:dyDescent="0.25">
      <c r="A5079" s="219" t="s">
        <v>11748</v>
      </c>
      <c r="B5079" s="220" t="s">
        <v>10412</v>
      </c>
      <c r="C5079" s="98" t="s">
        <v>11749</v>
      </c>
      <c r="D5079" s="98" t="s">
        <v>11750</v>
      </c>
      <c r="E5079" s="141" t="s">
        <v>174</v>
      </c>
      <c r="F5079" s="141">
        <v>361</v>
      </c>
      <c r="G5079" s="98" t="s">
        <v>1</v>
      </c>
      <c r="H5079" s="98">
        <v>0</v>
      </c>
      <c r="I5079" s="98">
        <v>0</v>
      </c>
      <c r="J5079" s="98">
        <v>1</v>
      </c>
      <c r="K5079" s="98" t="s">
        <v>174</v>
      </c>
      <c r="L5079" s="98" t="s">
        <v>174</v>
      </c>
      <c r="M5079" s="98" t="s">
        <v>174</v>
      </c>
      <c r="N5079" s="98" t="s">
        <v>174</v>
      </c>
      <c r="O5079" s="98" t="s">
        <v>174</v>
      </c>
      <c r="P5079" s="98" t="s">
        <v>174</v>
      </c>
      <c r="Q5079" s="98" t="s">
        <v>174</v>
      </c>
      <c r="R5079" s="98" t="s">
        <v>174</v>
      </c>
      <c r="S5079" s="98" t="s">
        <v>174</v>
      </c>
      <c r="T5079" s="98" t="s">
        <v>174</v>
      </c>
      <c r="U5079" s="98" t="s">
        <v>174</v>
      </c>
      <c r="V5079" s="98" t="s">
        <v>174</v>
      </c>
      <c r="W5079" s="98" t="s">
        <v>174</v>
      </c>
      <c r="X5079" s="98" t="s">
        <v>174</v>
      </c>
      <c r="Y5079" s="98" t="s">
        <v>174</v>
      </c>
      <c r="Z5079" s="98" t="s">
        <v>174</v>
      </c>
      <c r="AA5079" s="98" t="s">
        <v>174</v>
      </c>
      <c r="AB5079" s="98" t="s">
        <v>174</v>
      </c>
      <c r="AC5079" s="98" t="s">
        <v>174</v>
      </c>
      <c r="AD5079" s="98" t="s">
        <v>174</v>
      </c>
      <c r="AE5079" s="98" t="s">
        <v>174</v>
      </c>
      <c r="AF5079" s="98" t="s">
        <v>174</v>
      </c>
      <c r="AG5079" s="98" t="s">
        <v>174</v>
      </c>
      <c r="AH5079" s="98" t="s">
        <v>174</v>
      </c>
      <c r="AI5079" s="98" t="s">
        <v>174</v>
      </c>
      <c r="AJ5079" s="98" t="s">
        <v>174</v>
      </c>
      <c r="AK5079" s="98" t="s">
        <v>174</v>
      </c>
      <c r="AL5079" s="98" t="s">
        <v>174</v>
      </c>
      <c r="AM5079" s="98" t="s">
        <v>174</v>
      </c>
      <c r="AN5079" s="98" t="s">
        <v>174</v>
      </c>
      <c r="AO5079" s="98" t="s">
        <v>174</v>
      </c>
      <c r="AP5079" s="98" t="s">
        <v>174</v>
      </c>
      <c r="AQ5079" s="98" t="s">
        <v>174</v>
      </c>
      <c r="AR5079" s="98" t="s">
        <v>174</v>
      </c>
      <c r="AS5079" s="98" t="s">
        <v>174</v>
      </c>
      <c r="AT5079" s="129" t="s">
        <v>174</v>
      </c>
      <c r="AU5079" s="98" t="s">
        <v>174</v>
      </c>
      <c r="AV5079" s="98" t="s">
        <v>174</v>
      </c>
      <c r="AW5079" s="98" t="s">
        <v>174</v>
      </c>
      <c r="AX5079" s="98"/>
      <c r="AY5079" s="98"/>
      <c r="AZ5079" s="98"/>
      <c r="BA5079" s="98"/>
      <c r="BB5079" s="107">
        <v>45884</v>
      </c>
    </row>
    <row r="5080" spans="1:54" s="8" customFormat="1" ht="13.95" customHeight="1" x14ac:dyDescent="0.25">
      <c r="A5080" s="219" t="s">
        <v>20247</v>
      </c>
      <c r="B5080" s="220" t="s">
        <v>10412</v>
      </c>
      <c r="C5080" s="98" t="s">
        <v>11751</v>
      </c>
      <c r="D5080" s="98" t="s">
        <v>11752</v>
      </c>
      <c r="E5080" s="141" t="s">
        <v>174</v>
      </c>
      <c r="F5080" s="141">
        <v>4025</v>
      </c>
      <c r="G5080" s="98" t="s">
        <v>9</v>
      </c>
      <c r="H5080" s="98">
        <v>0</v>
      </c>
      <c r="I5080" s="98">
        <v>0</v>
      </c>
      <c r="J5080" s="98">
        <v>0</v>
      </c>
      <c r="K5080" s="98" t="s">
        <v>174</v>
      </c>
      <c r="L5080" s="98" t="s">
        <v>174</v>
      </c>
      <c r="M5080" s="98" t="s">
        <v>174</v>
      </c>
      <c r="N5080" s="98" t="s">
        <v>174</v>
      </c>
      <c r="O5080" s="98" t="s">
        <v>174</v>
      </c>
      <c r="P5080" s="98" t="s">
        <v>174</v>
      </c>
      <c r="Q5080" s="98" t="s">
        <v>174</v>
      </c>
      <c r="R5080" s="98" t="s">
        <v>174</v>
      </c>
      <c r="S5080" s="98" t="s">
        <v>174</v>
      </c>
      <c r="T5080" s="98" t="s">
        <v>174</v>
      </c>
      <c r="U5080" s="98" t="s">
        <v>174</v>
      </c>
      <c r="V5080" s="98" t="s">
        <v>174</v>
      </c>
      <c r="W5080" s="98" t="s">
        <v>174</v>
      </c>
      <c r="X5080" s="98" t="s">
        <v>174</v>
      </c>
      <c r="Y5080" s="98" t="s">
        <v>174</v>
      </c>
      <c r="Z5080" s="98" t="s">
        <v>174</v>
      </c>
      <c r="AA5080" s="98" t="s">
        <v>174</v>
      </c>
      <c r="AB5080" s="98" t="s">
        <v>174</v>
      </c>
      <c r="AC5080" s="98" t="s">
        <v>174</v>
      </c>
      <c r="AD5080" s="98" t="s">
        <v>174</v>
      </c>
      <c r="AE5080" s="98" t="s">
        <v>174</v>
      </c>
      <c r="AF5080" s="98" t="s">
        <v>174</v>
      </c>
      <c r="AG5080" s="98" t="s">
        <v>174</v>
      </c>
      <c r="AH5080" s="98" t="s">
        <v>174</v>
      </c>
      <c r="AI5080" s="98" t="s">
        <v>174</v>
      </c>
      <c r="AJ5080" s="98" t="s">
        <v>174</v>
      </c>
      <c r="AK5080" s="98" t="s">
        <v>174</v>
      </c>
      <c r="AL5080" s="98" t="s">
        <v>174</v>
      </c>
      <c r="AM5080" s="98" t="s">
        <v>174</v>
      </c>
      <c r="AN5080" s="98" t="s">
        <v>174</v>
      </c>
      <c r="AO5080" s="98" t="s">
        <v>174</v>
      </c>
      <c r="AP5080" s="98" t="s">
        <v>174</v>
      </c>
      <c r="AQ5080" s="98" t="s">
        <v>174</v>
      </c>
      <c r="AR5080" s="98" t="s">
        <v>174</v>
      </c>
      <c r="AS5080" s="98" t="s">
        <v>174</v>
      </c>
      <c r="AT5080" s="129" t="s">
        <v>174</v>
      </c>
      <c r="AU5080" s="98" t="s">
        <v>174</v>
      </c>
      <c r="AV5080" s="98" t="s">
        <v>174</v>
      </c>
      <c r="AW5080" s="98" t="s">
        <v>174</v>
      </c>
      <c r="AX5080" s="98"/>
      <c r="AY5080" s="98"/>
      <c r="AZ5080" s="98"/>
      <c r="BA5080" s="98"/>
      <c r="BB5080" s="107">
        <v>45884</v>
      </c>
    </row>
    <row r="5081" spans="1:54" s="8" customFormat="1" ht="13.95" customHeight="1" x14ac:dyDescent="0.25">
      <c r="A5081" s="219" t="s">
        <v>11753</v>
      </c>
      <c r="B5081" s="220" t="s">
        <v>10412</v>
      </c>
      <c r="C5081" s="98" t="s">
        <v>11754</v>
      </c>
      <c r="D5081" s="98" t="s">
        <v>11755</v>
      </c>
      <c r="E5081" s="141" t="s">
        <v>174</v>
      </c>
      <c r="F5081" s="141">
        <v>1480</v>
      </c>
      <c r="G5081" s="98" t="s">
        <v>9</v>
      </c>
      <c r="H5081" s="98">
        <v>0</v>
      </c>
      <c r="I5081" s="98">
        <v>0</v>
      </c>
      <c r="J5081" s="98">
        <v>0</v>
      </c>
      <c r="K5081" s="98" t="s">
        <v>174</v>
      </c>
      <c r="L5081" s="98" t="s">
        <v>174</v>
      </c>
      <c r="M5081" s="98" t="s">
        <v>174</v>
      </c>
      <c r="N5081" s="98" t="s">
        <v>174</v>
      </c>
      <c r="O5081" s="98" t="s">
        <v>174</v>
      </c>
      <c r="P5081" s="98" t="s">
        <v>174</v>
      </c>
      <c r="Q5081" s="98" t="s">
        <v>174</v>
      </c>
      <c r="R5081" s="98" t="s">
        <v>174</v>
      </c>
      <c r="S5081" s="98" t="s">
        <v>174</v>
      </c>
      <c r="T5081" s="98" t="s">
        <v>174</v>
      </c>
      <c r="U5081" s="98" t="s">
        <v>174</v>
      </c>
      <c r="V5081" s="98" t="s">
        <v>174</v>
      </c>
      <c r="W5081" s="98" t="s">
        <v>174</v>
      </c>
      <c r="X5081" s="98" t="s">
        <v>174</v>
      </c>
      <c r="Y5081" s="98" t="s">
        <v>174</v>
      </c>
      <c r="Z5081" s="98" t="s">
        <v>174</v>
      </c>
      <c r="AA5081" s="98" t="s">
        <v>174</v>
      </c>
      <c r="AB5081" s="98" t="s">
        <v>174</v>
      </c>
      <c r="AC5081" s="98" t="s">
        <v>174</v>
      </c>
      <c r="AD5081" s="98" t="s">
        <v>174</v>
      </c>
      <c r="AE5081" s="98" t="s">
        <v>174</v>
      </c>
      <c r="AF5081" s="98" t="s">
        <v>174</v>
      </c>
      <c r="AG5081" s="98" t="s">
        <v>174</v>
      </c>
      <c r="AH5081" s="98" t="s">
        <v>174</v>
      </c>
      <c r="AI5081" s="98" t="s">
        <v>174</v>
      </c>
      <c r="AJ5081" s="98" t="s">
        <v>174</v>
      </c>
      <c r="AK5081" s="98" t="s">
        <v>174</v>
      </c>
      <c r="AL5081" s="98" t="s">
        <v>174</v>
      </c>
      <c r="AM5081" s="98" t="s">
        <v>174</v>
      </c>
      <c r="AN5081" s="98" t="s">
        <v>174</v>
      </c>
      <c r="AO5081" s="98" t="s">
        <v>174</v>
      </c>
      <c r="AP5081" s="98" t="s">
        <v>174</v>
      </c>
      <c r="AQ5081" s="98" t="s">
        <v>174</v>
      </c>
      <c r="AR5081" s="98" t="s">
        <v>174</v>
      </c>
      <c r="AS5081" s="98" t="s">
        <v>174</v>
      </c>
      <c r="AT5081" s="129" t="s">
        <v>174</v>
      </c>
      <c r="AU5081" s="98" t="s">
        <v>174</v>
      </c>
      <c r="AV5081" s="98" t="s">
        <v>174</v>
      </c>
      <c r="AW5081" s="98" t="s">
        <v>174</v>
      </c>
      <c r="AX5081" s="98"/>
      <c r="AY5081" s="98"/>
      <c r="AZ5081" s="98"/>
      <c r="BA5081" s="98"/>
      <c r="BB5081" s="107">
        <v>45884</v>
      </c>
    </row>
    <row r="5082" spans="1:54" s="8" customFormat="1" ht="13.95" customHeight="1" x14ac:dyDescent="0.25">
      <c r="A5082" s="219" t="s">
        <v>11756</v>
      </c>
      <c r="B5082" s="220" t="s">
        <v>10412</v>
      </c>
      <c r="C5082" s="98" t="s">
        <v>11757</v>
      </c>
      <c r="D5082" s="98" t="s">
        <v>11758</v>
      </c>
      <c r="E5082" s="141" t="s">
        <v>174</v>
      </c>
      <c r="F5082" s="141">
        <v>5073</v>
      </c>
      <c r="G5082" s="98" t="s">
        <v>9</v>
      </c>
      <c r="H5082" s="98">
        <v>0</v>
      </c>
      <c r="I5082" s="98">
        <v>0</v>
      </c>
      <c r="J5082" s="98">
        <v>0</v>
      </c>
      <c r="K5082" s="98" t="s">
        <v>174</v>
      </c>
      <c r="L5082" s="98" t="s">
        <v>174</v>
      </c>
      <c r="M5082" s="98" t="s">
        <v>174</v>
      </c>
      <c r="N5082" s="98" t="s">
        <v>174</v>
      </c>
      <c r="O5082" s="98" t="s">
        <v>174</v>
      </c>
      <c r="P5082" s="98" t="s">
        <v>174</v>
      </c>
      <c r="Q5082" s="98" t="s">
        <v>174</v>
      </c>
      <c r="R5082" s="98" t="s">
        <v>174</v>
      </c>
      <c r="S5082" s="98" t="s">
        <v>174</v>
      </c>
      <c r="T5082" s="98" t="s">
        <v>174</v>
      </c>
      <c r="U5082" s="99"/>
      <c r="V5082" s="99"/>
      <c r="W5082" s="99"/>
      <c r="X5082" s="99"/>
      <c r="Y5082" s="99"/>
      <c r="Z5082" s="99"/>
      <c r="AA5082" s="99"/>
      <c r="AB5082" s="99"/>
      <c r="AC5082" s="99"/>
      <c r="AD5082" s="99"/>
      <c r="AE5082" s="99"/>
      <c r="AF5082" s="99"/>
      <c r="AG5082" s="99"/>
      <c r="AH5082" s="99"/>
      <c r="AI5082" s="99"/>
      <c r="AJ5082" s="99"/>
      <c r="AK5082" s="99"/>
      <c r="AL5082" s="99"/>
      <c r="AM5082" s="99"/>
      <c r="AN5082" s="99"/>
      <c r="AO5082" s="99"/>
      <c r="AP5082" s="99"/>
      <c r="AQ5082" s="99"/>
      <c r="AR5082" s="99"/>
      <c r="AS5082" s="99"/>
      <c r="AT5082" s="99"/>
      <c r="AU5082" s="99"/>
      <c r="AV5082" s="99"/>
      <c r="AW5082" s="99"/>
      <c r="AX5082" s="99"/>
      <c r="AY5082" s="99"/>
      <c r="AZ5082" s="99"/>
      <c r="BA5082" s="99"/>
      <c r="BB5082" s="107">
        <v>45884</v>
      </c>
    </row>
    <row r="5083" spans="1:54" s="8" customFormat="1" ht="13.95" customHeight="1" x14ac:dyDescent="0.25">
      <c r="A5083" s="219" t="s">
        <v>11759</v>
      </c>
      <c r="B5083" s="220" t="s">
        <v>10412</v>
      </c>
      <c r="C5083" s="98" t="s">
        <v>11760</v>
      </c>
      <c r="D5083" s="98" t="s">
        <v>11761</v>
      </c>
      <c r="E5083" s="141" t="s">
        <v>174</v>
      </c>
      <c r="F5083" s="141">
        <v>530</v>
      </c>
      <c r="G5083" s="98" t="s">
        <v>9</v>
      </c>
      <c r="H5083" s="98">
        <v>0</v>
      </c>
      <c r="I5083" s="98">
        <v>0</v>
      </c>
      <c r="J5083" s="98">
        <v>0</v>
      </c>
      <c r="K5083" s="98" t="s">
        <v>174</v>
      </c>
      <c r="L5083" s="98" t="s">
        <v>174</v>
      </c>
      <c r="M5083" s="98" t="s">
        <v>174</v>
      </c>
      <c r="N5083" s="98" t="s">
        <v>174</v>
      </c>
      <c r="O5083" s="98" t="s">
        <v>174</v>
      </c>
      <c r="P5083" s="98" t="s">
        <v>174</v>
      </c>
      <c r="Q5083" s="98" t="s">
        <v>174</v>
      </c>
      <c r="R5083" s="98" t="s">
        <v>174</v>
      </c>
      <c r="S5083" s="98" t="s">
        <v>174</v>
      </c>
      <c r="T5083" s="98" t="s">
        <v>174</v>
      </c>
      <c r="U5083" s="99"/>
      <c r="V5083" s="99"/>
      <c r="W5083" s="99"/>
      <c r="X5083" s="99"/>
      <c r="Y5083" s="99"/>
      <c r="Z5083" s="99"/>
      <c r="AA5083" s="99"/>
      <c r="AB5083" s="99"/>
      <c r="AC5083" s="99"/>
      <c r="AD5083" s="99"/>
      <c r="AE5083" s="99"/>
      <c r="AF5083" s="99"/>
      <c r="AG5083" s="99"/>
      <c r="AH5083" s="99"/>
      <c r="AI5083" s="99"/>
      <c r="AJ5083" s="99"/>
      <c r="AK5083" s="99"/>
      <c r="AL5083" s="99"/>
      <c r="AM5083" s="99"/>
      <c r="AN5083" s="99"/>
      <c r="AO5083" s="99"/>
      <c r="AP5083" s="99"/>
      <c r="AQ5083" s="99"/>
      <c r="AR5083" s="99"/>
      <c r="AS5083" s="99"/>
      <c r="AT5083" s="99"/>
      <c r="AU5083" s="99"/>
      <c r="AV5083" s="99"/>
      <c r="AW5083" s="99"/>
      <c r="AX5083" s="99"/>
      <c r="AY5083" s="99"/>
      <c r="AZ5083" s="99"/>
      <c r="BA5083" s="99"/>
      <c r="BB5083" s="107">
        <v>45884</v>
      </c>
    </row>
    <row r="5084" spans="1:54" s="8" customFormat="1" ht="13.95" customHeight="1" x14ac:dyDescent="0.25">
      <c r="A5084" s="219" t="s">
        <v>11762</v>
      </c>
      <c r="B5084" s="220" t="s">
        <v>10412</v>
      </c>
      <c r="C5084" s="98" t="s">
        <v>11763</v>
      </c>
      <c r="D5084" s="98" t="s">
        <v>11764</v>
      </c>
      <c r="E5084" s="141" t="s">
        <v>174</v>
      </c>
      <c r="F5084" s="141">
        <v>991</v>
      </c>
      <c r="G5084" s="98" t="s">
        <v>9</v>
      </c>
      <c r="H5084" s="98">
        <v>0</v>
      </c>
      <c r="I5084" s="98">
        <v>0</v>
      </c>
      <c r="J5084" s="98">
        <v>0</v>
      </c>
      <c r="K5084" s="98" t="s">
        <v>174</v>
      </c>
      <c r="L5084" s="98" t="s">
        <v>174</v>
      </c>
      <c r="M5084" s="98" t="s">
        <v>174</v>
      </c>
      <c r="N5084" s="98" t="s">
        <v>174</v>
      </c>
      <c r="O5084" s="98" t="s">
        <v>174</v>
      </c>
      <c r="P5084" s="98" t="s">
        <v>174</v>
      </c>
      <c r="Q5084" s="98" t="s">
        <v>174</v>
      </c>
      <c r="R5084" s="98" t="s">
        <v>174</v>
      </c>
      <c r="S5084" s="98" t="s">
        <v>174</v>
      </c>
      <c r="T5084" s="98" t="s">
        <v>174</v>
      </c>
      <c r="U5084" s="99"/>
      <c r="V5084" s="99"/>
      <c r="W5084" s="99"/>
      <c r="X5084" s="99"/>
      <c r="Y5084" s="99"/>
      <c r="Z5084" s="99"/>
      <c r="AA5084" s="99"/>
      <c r="AB5084" s="99"/>
      <c r="AC5084" s="99"/>
      <c r="AD5084" s="99"/>
      <c r="AE5084" s="99"/>
      <c r="AF5084" s="99"/>
      <c r="AG5084" s="99"/>
      <c r="AH5084" s="99"/>
      <c r="AI5084" s="99"/>
      <c r="AJ5084" s="99"/>
      <c r="AK5084" s="99"/>
      <c r="AL5084" s="99"/>
      <c r="AM5084" s="99"/>
      <c r="AN5084" s="99"/>
      <c r="AO5084" s="99"/>
      <c r="AP5084" s="99"/>
      <c r="AQ5084" s="99"/>
      <c r="AR5084" s="99"/>
      <c r="AS5084" s="99"/>
      <c r="AT5084" s="99"/>
      <c r="AU5084" s="99"/>
      <c r="AV5084" s="99"/>
      <c r="AW5084" s="99"/>
      <c r="AX5084" s="99"/>
      <c r="AY5084" s="99"/>
      <c r="AZ5084" s="99"/>
      <c r="BA5084" s="99"/>
      <c r="BB5084" s="107">
        <v>45884</v>
      </c>
    </row>
    <row r="5085" spans="1:54" s="8" customFormat="1" ht="13.95" customHeight="1" x14ac:dyDescent="0.25">
      <c r="A5085" s="219" t="s">
        <v>11765</v>
      </c>
      <c r="B5085" s="220" t="s">
        <v>10412</v>
      </c>
      <c r="C5085" s="98" t="s">
        <v>11766</v>
      </c>
      <c r="D5085" s="98" t="s">
        <v>11767</v>
      </c>
      <c r="E5085" s="141" t="s">
        <v>174</v>
      </c>
      <c r="F5085" s="141">
        <v>5300</v>
      </c>
      <c r="G5085" s="98" t="s">
        <v>9</v>
      </c>
      <c r="H5085" s="98">
        <v>0</v>
      </c>
      <c r="I5085" s="98">
        <v>0</v>
      </c>
      <c r="J5085" s="98">
        <v>0</v>
      </c>
      <c r="K5085" s="98" t="s">
        <v>174</v>
      </c>
      <c r="L5085" s="98" t="s">
        <v>174</v>
      </c>
      <c r="M5085" s="98" t="s">
        <v>174</v>
      </c>
      <c r="N5085" s="98" t="s">
        <v>174</v>
      </c>
      <c r="O5085" s="98" t="s">
        <v>174</v>
      </c>
      <c r="P5085" s="98" t="s">
        <v>174</v>
      </c>
      <c r="Q5085" s="98" t="s">
        <v>174</v>
      </c>
      <c r="R5085" s="98" t="s">
        <v>174</v>
      </c>
      <c r="S5085" s="98" t="s">
        <v>174</v>
      </c>
      <c r="T5085" s="98" t="s">
        <v>174</v>
      </c>
      <c r="U5085" s="98" t="s">
        <v>174</v>
      </c>
      <c r="V5085" s="98" t="s">
        <v>174</v>
      </c>
      <c r="W5085" s="98" t="s">
        <v>174</v>
      </c>
      <c r="X5085" s="98" t="s">
        <v>174</v>
      </c>
      <c r="Y5085" s="98" t="s">
        <v>174</v>
      </c>
      <c r="Z5085" s="98" t="s">
        <v>174</v>
      </c>
      <c r="AA5085" s="98" t="s">
        <v>174</v>
      </c>
      <c r="AB5085" s="98" t="s">
        <v>174</v>
      </c>
      <c r="AC5085" s="98" t="s">
        <v>174</v>
      </c>
      <c r="AD5085" s="98" t="s">
        <v>174</v>
      </c>
      <c r="AE5085" s="98" t="s">
        <v>174</v>
      </c>
      <c r="AF5085" s="98" t="s">
        <v>174</v>
      </c>
      <c r="AG5085" s="98" t="s">
        <v>174</v>
      </c>
      <c r="AH5085" s="98" t="s">
        <v>174</v>
      </c>
      <c r="AI5085" s="98" t="s">
        <v>174</v>
      </c>
      <c r="AJ5085" s="98" t="s">
        <v>174</v>
      </c>
      <c r="AK5085" s="98" t="s">
        <v>174</v>
      </c>
      <c r="AL5085" s="98" t="s">
        <v>174</v>
      </c>
      <c r="AM5085" s="98" t="s">
        <v>174</v>
      </c>
      <c r="AN5085" s="98" t="s">
        <v>174</v>
      </c>
      <c r="AO5085" s="98" t="s">
        <v>174</v>
      </c>
      <c r="AP5085" s="98" t="s">
        <v>174</v>
      </c>
      <c r="AQ5085" s="98" t="s">
        <v>174</v>
      </c>
      <c r="AR5085" s="98" t="s">
        <v>174</v>
      </c>
      <c r="AS5085" s="98" t="s">
        <v>174</v>
      </c>
      <c r="AT5085" s="129" t="s">
        <v>174</v>
      </c>
      <c r="AU5085" s="98" t="s">
        <v>174</v>
      </c>
      <c r="AV5085" s="98" t="s">
        <v>174</v>
      </c>
      <c r="AW5085" s="98" t="s">
        <v>174</v>
      </c>
      <c r="AX5085" s="98"/>
      <c r="AY5085" s="98"/>
      <c r="AZ5085" s="98"/>
      <c r="BA5085" s="98"/>
      <c r="BB5085" s="107">
        <v>45884</v>
      </c>
    </row>
    <row r="5086" spans="1:54" s="8" customFormat="1" ht="13.95" customHeight="1" x14ac:dyDescent="0.25">
      <c r="A5086" s="219" t="s">
        <v>11768</v>
      </c>
      <c r="B5086" s="220" t="s">
        <v>10412</v>
      </c>
      <c r="C5086" s="98" t="s">
        <v>11769</v>
      </c>
      <c r="D5086" s="98" t="s">
        <v>11770</v>
      </c>
      <c r="E5086" s="141" t="s">
        <v>174</v>
      </c>
      <c r="F5086" s="141">
        <v>5744</v>
      </c>
      <c r="G5086" s="98" t="s">
        <v>9</v>
      </c>
      <c r="H5086" s="98">
        <v>0</v>
      </c>
      <c r="I5086" s="98">
        <v>0</v>
      </c>
      <c r="J5086" s="98">
        <v>0</v>
      </c>
      <c r="K5086" s="98" t="s">
        <v>174</v>
      </c>
      <c r="L5086" s="98" t="s">
        <v>174</v>
      </c>
      <c r="M5086" s="98" t="s">
        <v>174</v>
      </c>
      <c r="N5086" s="98" t="s">
        <v>174</v>
      </c>
      <c r="O5086" s="98" t="s">
        <v>174</v>
      </c>
      <c r="P5086" s="98" t="s">
        <v>174</v>
      </c>
      <c r="Q5086" s="98" t="s">
        <v>174</v>
      </c>
      <c r="R5086" s="98" t="s">
        <v>174</v>
      </c>
      <c r="S5086" s="98" t="s">
        <v>174</v>
      </c>
      <c r="T5086" s="98" t="s">
        <v>174</v>
      </c>
      <c r="U5086" s="99"/>
      <c r="V5086" s="99"/>
      <c r="W5086" s="99"/>
      <c r="X5086" s="99"/>
      <c r="Y5086" s="99"/>
      <c r="Z5086" s="99"/>
      <c r="AA5086" s="99"/>
      <c r="AB5086" s="99"/>
      <c r="AC5086" s="99"/>
      <c r="AD5086" s="99"/>
      <c r="AE5086" s="99"/>
      <c r="AF5086" s="99"/>
      <c r="AG5086" s="99"/>
      <c r="AH5086" s="99"/>
      <c r="AI5086" s="99"/>
      <c r="AJ5086" s="99"/>
      <c r="AK5086" s="99"/>
      <c r="AL5086" s="99"/>
      <c r="AM5086" s="99"/>
      <c r="AN5086" s="99"/>
      <c r="AO5086" s="99"/>
      <c r="AP5086" s="99"/>
      <c r="AQ5086" s="99"/>
      <c r="AR5086" s="99"/>
      <c r="AS5086" s="99"/>
      <c r="AT5086" s="99"/>
      <c r="AU5086" s="99"/>
      <c r="AV5086" s="99"/>
      <c r="AW5086" s="99"/>
      <c r="AX5086" s="99"/>
      <c r="AY5086" s="99"/>
      <c r="AZ5086" s="99"/>
      <c r="BA5086" s="99"/>
      <c r="BB5086" s="107">
        <v>45884</v>
      </c>
    </row>
    <row r="5087" spans="1:54" s="8" customFormat="1" ht="13.95" customHeight="1" x14ac:dyDescent="0.25">
      <c r="A5087" s="219" t="s">
        <v>11771</v>
      </c>
      <c r="B5087" s="220" t="s">
        <v>10412</v>
      </c>
      <c r="C5087" s="98" t="s">
        <v>11772</v>
      </c>
      <c r="D5087" s="98" t="s">
        <v>11773</v>
      </c>
      <c r="E5087" s="141" t="s">
        <v>174</v>
      </c>
      <c r="F5087" s="141">
        <v>462</v>
      </c>
      <c r="G5087" s="98" t="s">
        <v>9</v>
      </c>
      <c r="H5087" s="98">
        <v>0</v>
      </c>
      <c r="I5087" s="98">
        <v>0</v>
      </c>
      <c r="J5087" s="98">
        <v>0</v>
      </c>
      <c r="K5087" s="98" t="s">
        <v>174</v>
      </c>
      <c r="L5087" s="98" t="s">
        <v>174</v>
      </c>
      <c r="M5087" s="98" t="s">
        <v>174</v>
      </c>
      <c r="N5087" s="98" t="s">
        <v>174</v>
      </c>
      <c r="O5087" s="98" t="s">
        <v>174</v>
      </c>
      <c r="P5087" s="98" t="s">
        <v>174</v>
      </c>
      <c r="Q5087" s="98" t="s">
        <v>174</v>
      </c>
      <c r="R5087" s="98" t="s">
        <v>174</v>
      </c>
      <c r="S5087" s="98" t="s">
        <v>174</v>
      </c>
      <c r="T5087" s="98" t="s">
        <v>174</v>
      </c>
      <c r="U5087" s="98" t="s">
        <v>174</v>
      </c>
      <c r="V5087" s="98" t="s">
        <v>174</v>
      </c>
      <c r="W5087" s="98" t="s">
        <v>174</v>
      </c>
      <c r="X5087" s="98" t="s">
        <v>174</v>
      </c>
      <c r="Y5087" s="98" t="s">
        <v>174</v>
      </c>
      <c r="Z5087" s="98" t="s">
        <v>174</v>
      </c>
      <c r="AA5087" s="98" t="s">
        <v>174</v>
      </c>
      <c r="AB5087" s="98" t="s">
        <v>174</v>
      </c>
      <c r="AC5087" s="98" t="s">
        <v>174</v>
      </c>
      <c r="AD5087" s="98" t="s">
        <v>174</v>
      </c>
      <c r="AE5087" s="98" t="s">
        <v>174</v>
      </c>
      <c r="AF5087" s="98" t="s">
        <v>174</v>
      </c>
      <c r="AG5087" s="98" t="s">
        <v>174</v>
      </c>
      <c r="AH5087" s="98" t="s">
        <v>174</v>
      </c>
      <c r="AI5087" s="98" t="s">
        <v>174</v>
      </c>
      <c r="AJ5087" s="98" t="s">
        <v>174</v>
      </c>
      <c r="AK5087" s="98" t="s">
        <v>174</v>
      </c>
      <c r="AL5087" s="98" t="s">
        <v>174</v>
      </c>
      <c r="AM5087" s="98" t="s">
        <v>174</v>
      </c>
      <c r="AN5087" s="98" t="s">
        <v>174</v>
      </c>
      <c r="AO5087" s="98" t="s">
        <v>174</v>
      </c>
      <c r="AP5087" s="98" t="s">
        <v>174</v>
      </c>
      <c r="AQ5087" s="98" t="s">
        <v>174</v>
      </c>
      <c r="AR5087" s="98" t="s">
        <v>174</v>
      </c>
      <c r="AS5087" s="98" t="s">
        <v>174</v>
      </c>
      <c r="AT5087" s="129" t="s">
        <v>174</v>
      </c>
      <c r="AU5087" s="98" t="s">
        <v>174</v>
      </c>
      <c r="AV5087" s="98" t="s">
        <v>174</v>
      </c>
      <c r="AW5087" s="98" t="s">
        <v>174</v>
      </c>
      <c r="AX5087" s="98"/>
      <c r="AY5087" s="98"/>
      <c r="AZ5087" s="98"/>
      <c r="BA5087" s="98"/>
      <c r="BB5087" s="107">
        <v>45884</v>
      </c>
    </row>
    <row r="5088" spans="1:54" s="8" customFormat="1" ht="13.95" customHeight="1" x14ac:dyDescent="0.25">
      <c r="A5088" s="219" t="s">
        <v>11774</v>
      </c>
      <c r="B5088" s="220" t="s">
        <v>10412</v>
      </c>
      <c r="C5088" s="98" t="s">
        <v>11775</v>
      </c>
      <c r="D5088" s="98" t="s">
        <v>11776</v>
      </c>
      <c r="E5088" s="141" t="s">
        <v>174</v>
      </c>
      <c r="F5088" s="141">
        <v>12186</v>
      </c>
      <c r="G5088" s="98" t="s">
        <v>9</v>
      </c>
      <c r="H5088" s="98">
        <v>0</v>
      </c>
      <c r="I5088" s="98">
        <v>0</v>
      </c>
      <c r="J5088" s="98">
        <v>0</v>
      </c>
      <c r="K5088" s="98" t="s">
        <v>174</v>
      </c>
      <c r="L5088" s="98" t="s">
        <v>174</v>
      </c>
      <c r="M5088" s="98" t="s">
        <v>174</v>
      </c>
      <c r="N5088" s="98" t="s">
        <v>174</v>
      </c>
      <c r="O5088" s="98" t="s">
        <v>174</v>
      </c>
      <c r="P5088" s="98" t="s">
        <v>174</v>
      </c>
      <c r="Q5088" s="98" t="s">
        <v>174</v>
      </c>
      <c r="R5088" s="98" t="s">
        <v>174</v>
      </c>
      <c r="S5088" s="98" t="s">
        <v>174</v>
      </c>
      <c r="T5088" s="98" t="s">
        <v>174</v>
      </c>
      <c r="U5088" s="99"/>
      <c r="V5088" s="99"/>
      <c r="W5088" s="99"/>
      <c r="X5088" s="99"/>
      <c r="Y5088" s="99"/>
      <c r="Z5088" s="99"/>
      <c r="AA5088" s="99"/>
      <c r="AB5088" s="99"/>
      <c r="AC5088" s="99"/>
      <c r="AD5088" s="99"/>
      <c r="AE5088" s="99"/>
      <c r="AF5088" s="99"/>
      <c r="AG5088" s="99"/>
      <c r="AH5088" s="99"/>
      <c r="AI5088" s="99"/>
      <c r="AJ5088" s="99"/>
      <c r="AK5088" s="99"/>
      <c r="AL5088" s="99"/>
      <c r="AM5088" s="99"/>
      <c r="AN5088" s="99"/>
      <c r="AO5088" s="99"/>
      <c r="AP5088" s="99"/>
      <c r="AQ5088" s="99"/>
      <c r="AR5088" s="99"/>
      <c r="AS5088" s="99"/>
      <c r="AT5088" s="99"/>
      <c r="AU5088" s="99"/>
      <c r="AV5088" s="99"/>
      <c r="AW5088" s="99"/>
      <c r="AX5088" s="99"/>
      <c r="AY5088" s="99"/>
      <c r="AZ5088" s="99"/>
      <c r="BA5088" s="99"/>
      <c r="BB5088" s="107">
        <v>45884</v>
      </c>
    </row>
    <row r="5089" spans="1:54" s="8" customFormat="1" ht="13.95" customHeight="1" x14ac:dyDescent="0.25">
      <c r="A5089" s="219" t="s">
        <v>11777</v>
      </c>
      <c r="B5089" s="220" t="s">
        <v>10412</v>
      </c>
      <c r="C5089" s="98" t="s">
        <v>11778</v>
      </c>
      <c r="D5089" s="98" t="s">
        <v>11779</v>
      </c>
      <c r="E5089" s="141" t="s">
        <v>174</v>
      </c>
      <c r="F5089" s="141">
        <v>4176</v>
      </c>
      <c r="G5089" s="98" t="s">
        <v>9</v>
      </c>
      <c r="H5089" s="98">
        <v>0</v>
      </c>
      <c r="I5089" s="98">
        <v>0</v>
      </c>
      <c r="J5089" s="98">
        <v>0</v>
      </c>
      <c r="K5089" s="98" t="s">
        <v>174</v>
      </c>
      <c r="L5089" s="98" t="s">
        <v>174</v>
      </c>
      <c r="M5089" s="98" t="s">
        <v>174</v>
      </c>
      <c r="N5089" s="98" t="s">
        <v>174</v>
      </c>
      <c r="O5089" s="98" t="s">
        <v>174</v>
      </c>
      <c r="P5089" s="98" t="s">
        <v>174</v>
      </c>
      <c r="Q5089" s="98" t="s">
        <v>174</v>
      </c>
      <c r="R5089" s="98" t="s">
        <v>174</v>
      </c>
      <c r="S5089" s="98" t="s">
        <v>174</v>
      </c>
      <c r="T5089" s="98" t="s">
        <v>174</v>
      </c>
      <c r="U5089" s="99"/>
      <c r="V5089" s="99"/>
      <c r="W5089" s="99"/>
      <c r="X5089" s="99"/>
      <c r="Y5089" s="99"/>
      <c r="Z5089" s="99"/>
      <c r="AA5089" s="99"/>
      <c r="AB5089" s="99"/>
      <c r="AC5089" s="99"/>
      <c r="AD5089" s="99"/>
      <c r="AE5089" s="99"/>
      <c r="AF5089" s="99"/>
      <c r="AG5089" s="99"/>
      <c r="AH5089" s="99"/>
      <c r="AI5089" s="99"/>
      <c r="AJ5089" s="99"/>
      <c r="AK5089" s="99"/>
      <c r="AL5089" s="99"/>
      <c r="AM5089" s="99"/>
      <c r="AN5089" s="99"/>
      <c r="AO5089" s="99"/>
      <c r="AP5089" s="99"/>
      <c r="AQ5089" s="99"/>
      <c r="AR5089" s="99"/>
      <c r="AS5089" s="99"/>
      <c r="AT5089" s="99"/>
      <c r="AU5089" s="99"/>
      <c r="AV5089" s="99"/>
      <c r="AW5089" s="99"/>
      <c r="AX5089" s="99"/>
      <c r="AY5089" s="99"/>
      <c r="AZ5089" s="99"/>
      <c r="BA5089" s="99"/>
      <c r="BB5089" s="107">
        <v>45884</v>
      </c>
    </row>
    <row r="5090" spans="1:54" s="8" customFormat="1" ht="13.95" customHeight="1" x14ac:dyDescent="0.25">
      <c r="A5090" s="219" t="s">
        <v>11780</v>
      </c>
      <c r="B5090" s="220" t="s">
        <v>10412</v>
      </c>
      <c r="C5090" s="98" t="s">
        <v>11781</v>
      </c>
      <c r="D5090" s="98" t="s">
        <v>11782</v>
      </c>
      <c r="E5090" s="141" t="s">
        <v>174</v>
      </c>
      <c r="F5090" s="141">
        <v>874</v>
      </c>
      <c r="G5090" s="98" t="s">
        <v>9</v>
      </c>
      <c r="H5090" s="98">
        <v>0</v>
      </c>
      <c r="I5090" s="98">
        <v>0</v>
      </c>
      <c r="J5090" s="98">
        <v>0</v>
      </c>
      <c r="K5090" s="98" t="s">
        <v>174</v>
      </c>
      <c r="L5090" s="98" t="s">
        <v>174</v>
      </c>
      <c r="M5090" s="98" t="s">
        <v>174</v>
      </c>
      <c r="N5090" s="98" t="s">
        <v>174</v>
      </c>
      <c r="O5090" s="98" t="s">
        <v>174</v>
      </c>
      <c r="P5090" s="98" t="s">
        <v>174</v>
      </c>
      <c r="Q5090" s="98" t="s">
        <v>174</v>
      </c>
      <c r="R5090" s="98" t="s">
        <v>174</v>
      </c>
      <c r="S5090" s="98" t="s">
        <v>174</v>
      </c>
      <c r="T5090" s="98" t="s">
        <v>174</v>
      </c>
      <c r="U5090" s="99"/>
      <c r="V5090" s="99"/>
      <c r="W5090" s="99"/>
      <c r="X5090" s="99"/>
      <c r="Y5090" s="99"/>
      <c r="Z5090" s="99"/>
      <c r="AA5090" s="99"/>
      <c r="AB5090" s="99"/>
      <c r="AC5090" s="99"/>
      <c r="AD5090" s="99"/>
      <c r="AE5090" s="99"/>
      <c r="AF5090" s="99"/>
      <c r="AG5090" s="99"/>
      <c r="AH5090" s="99"/>
      <c r="AI5090" s="99"/>
      <c r="AJ5090" s="99"/>
      <c r="AK5090" s="99"/>
      <c r="AL5090" s="99"/>
      <c r="AM5090" s="99"/>
      <c r="AN5090" s="99"/>
      <c r="AO5090" s="99"/>
      <c r="AP5090" s="99"/>
      <c r="AQ5090" s="99"/>
      <c r="AR5090" s="99"/>
      <c r="AS5090" s="99"/>
      <c r="AT5090" s="99"/>
      <c r="AU5090" s="99"/>
      <c r="AV5090" s="99"/>
      <c r="AW5090" s="99"/>
      <c r="AX5090" s="99"/>
      <c r="AY5090" s="99"/>
      <c r="AZ5090" s="99"/>
      <c r="BA5090" s="99"/>
      <c r="BB5090" s="107">
        <v>45884</v>
      </c>
    </row>
    <row r="5091" spans="1:54" s="8" customFormat="1" ht="13.95" customHeight="1" x14ac:dyDescent="0.25">
      <c r="A5091" s="219" t="s">
        <v>11783</v>
      </c>
      <c r="B5091" s="220" t="s">
        <v>10412</v>
      </c>
      <c r="C5091" s="98" t="s">
        <v>11784</v>
      </c>
      <c r="D5091" s="98" t="s">
        <v>11785</v>
      </c>
      <c r="E5091" s="141" t="s">
        <v>174</v>
      </c>
      <c r="F5091" s="141">
        <v>3642</v>
      </c>
      <c r="G5091" s="98" t="s">
        <v>9</v>
      </c>
      <c r="H5091" s="98">
        <v>0</v>
      </c>
      <c r="I5091" s="98">
        <v>0</v>
      </c>
      <c r="J5091" s="98">
        <v>0</v>
      </c>
      <c r="K5091" s="98" t="s">
        <v>174</v>
      </c>
      <c r="L5091" s="98" t="s">
        <v>174</v>
      </c>
      <c r="M5091" s="98" t="s">
        <v>174</v>
      </c>
      <c r="N5091" s="98" t="s">
        <v>174</v>
      </c>
      <c r="O5091" s="98" t="s">
        <v>174</v>
      </c>
      <c r="P5091" s="98" t="s">
        <v>174</v>
      </c>
      <c r="Q5091" s="98" t="s">
        <v>174</v>
      </c>
      <c r="R5091" s="98" t="s">
        <v>174</v>
      </c>
      <c r="S5091" s="98" t="s">
        <v>174</v>
      </c>
      <c r="T5091" s="98" t="s">
        <v>174</v>
      </c>
      <c r="U5091" s="98" t="s">
        <v>174</v>
      </c>
      <c r="V5091" s="98" t="s">
        <v>174</v>
      </c>
      <c r="W5091" s="98" t="s">
        <v>174</v>
      </c>
      <c r="X5091" s="98" t="s">
        <v>174</v>
      </c>
      <c r="Y5091" s="98" t="s">
        <v>174</v>
      </c>
      <c r="Z5091" s="98" t="s">
        <v>174</v>
      </c>
      <c r="AA5091" s="98" t="s">
        <v>174</v>
      </c>
      <c r="AB5091" s="98" t="s">
        <v>174</v>
      </c>
      <c r="AC5091" s="98" t="s">
        <v>174</v>
      </c>
      <c r="AD5091" s="98" t="s">
        <v>174</v>
      </c>
      <c r="AE5091" s="98" t="s">
        <v>174</v>
      </c>
      <c r="AF5091" s="98" t="s">
        <v>174</v>
      </c>
      <c r="AG5091" s="98" t="s">
        <v>174</v>
      </c>
      <c r="AH5091" s="98" t="s">
        <v>174</v>
      </c>
      <c r="AI5091" s="98" t="s">
        <v>174</v>
      </c>
      <c r="AJ5091" s="98" t="s">
        <v>174</v>
      </c>
      <c r="AK5091" s="98" t="s">
        <v>174</v>
      </c>
      <c r="AL5091" s="98" t="s">
        <v>174</v>
      </c>
      <c r="AM5091" s="98" t="s">
        <v>174</v>
      </c>
      <c r="AN5091" s="98" t="s">
        <v>174</v>
      </c>
      <c r="AO5091" s="98" t="s">
        <v>174</v>
      </c>
      <c r="AP5091" s="98" t="s">
        <v>174</v>
      </c>
      <c r="AQ5091" s="98" t="s">
        <v>174</v>
      </c>
      <c r="AR5091" s="98" t="s">
        <v>174</v>
      </c>
      <c r="AS5091" s="98" t="s">
        <v>174</v>
      </c>
      <c r="AT5091" s="129" t="s">
        <v>174</v>
      </c>
      <c r="AU5091" s="98" t="s">
        <v>174</v>
      </c>
      <c r="AV5091" s="98" t="s">
        <v>174</v>
      </c>
      <c r="AW5091" s="98" t="s">
        <v>174</v>
      </c>
      <c r="AX5091" s="98"/>
      <c r="AY5091" s="98"/>
      <c r="AZ5091" s="98"/>
      <c r="BA5091" s="98"/>
      <c r="BB5091" s="107">
        <v>45884</v>
      </c>
    </row>
    <row r="5092" spans="1:54" s="8" customFormat="1" ht="13.95" customHeight="1" x14ac:dyDescent="0.25">
      <c r="A5092" s="219" t="s">
        <v>11786</v>
      </c>
      <c r="B5092" s="220" t="s">
        <v>10412</v>
      </c>
      <c r="C5092" s="98" t="s">
        <v>11787</v>
      </c>
      <c r="D5092" s="98" t="s">
        <v>11788</v>
      </c>
      <c r="E5092" s="141" t="s">
        <v>174</v>
      </c>
      <c r="F5092" s="141">
        <v>9860</v>
      </c>
      <c r="G5092" s="98" t="s">
        <v>9</v>
      </c>
      <c r="H5092" s="98">
        <v>0</v>
      </c>
      <c r="I5092" s="98">
        <v>0</v>
      </c>
      <c r="J5092" s="98">
        <v>0</v>
      </c>
      <c r="K5092" s="98" t="s">
        <v>174</v>
      </c>
      <c r="L5092" s="98" t="s">
        <v>174</v>
      </c>
      <c r="M5092" s="98" t="s">
        <v>174</v>
      </c>
      <c r="N5092" s="98" t="s">
        <v>174</v>
      </c>
      <c r="O5092" s="98" t="s">
        <v>174</v>
      </c>
      <c r="P5092" s="98" t="s">
        <v>174</v>
      </c>
      <c r="Q5092" s="98" t="s">
        <v>174</v>
      </c>
      <c r="R5092" s="98" t="s">
        <v>174</v>
      </c>
      <c r="S5092" s="98" t="s">
        <v>174</v>
      </c>
      <c r="T5092" s="98" t="s">
        <v>174</v>
      </c>
      <c r="U5092" s="98" t="s">
        <v>174</v>
      </c>
      <c r="V5092" s="98" t="s">
        <v>174</v>
      </c>
      <c r="W5092" s="98" t="s">
        <v>174</v>
      </c>
      <c r="X5092" s="98" t="s">
        <v>174</v>
      </c>
      <c r="Y5092" s="98" t="s">
        <v>174</v>
      </c>
      <c r="Z5092" s="98" t="s">
        <v>174</v>
      </c>
      <c r="AA5092" s="98" t="s">
        <v>174</v>
      </c>
      <c r="AB5092" s="98" t="s">
        <v>174</v>
      </c>
      <c r="AC5092" s="98" t="s">
        <v>174</v>
      </c>
      <c r="AD5092" s="98" t="s">
        <v>174</v>
      </c>
      <c r="AE5092" s="98" t="s">
        <v>174</v>
      </c>
      <c r="AF5092" s="98" t="s">
        <v>174</v>
      </c>
      <c r="AG5092" s="98" t="s">
        <v>174</v>
      </c>
      <c r="AH5092" s="98" t="s">
        <v>174</v>
      </c>
      <c r="AI5092" s="98" t="s">
        <v>174</v>
      </c>
      <c r="AJ5092" s="98" t="s">
        <v>174</v>
      </c>
      <c r="AK5092" s="98" t="s">
        <v>174</v>
      </c>
      <c r="AL5092" s="98" t="s">
        <v>174</v>
      </c>
      <c r="AM5092" s="98" t="s">
        <v>174</v>
      </c>
      <c r="AN5092" s="98" t="s">
        <v>174</v>
      </c>
      <c r="AO5092" s="98" t="s">
        <v>174</v>
      </c>
      <c r="AP5092" s="98" t="s">
        <v>174</v>
      </c>
      <c r="AQ5092" s="98" t="s">
        <v>174</v>
      </c>
      <c r="AR5092" s="98" t="s">
        <v>174</v>
      </c>
      <c r="AS5092" s="98" t="s">
        <v>174</v>
      </c>
      <c r="AT5092" s="129" t="s">
        <v>174</v>
      </c>
      <c r="AU5092" s="98" t="s">
        <v>174</v>
      </c>
      <c r="AV5092" s="98" t="s">
        <v>174</v>
      </c>
      <c r="AW5092" s="98" t="s">
        <v>174</v>
      </c>
      <c r="AX5092" s="98"/>
      <c r="AY5092" s="98"/>
      <c r="AZ5092" s="98"/>
      <c r="BA5092" s="98"/>
      <c r="BB5092" s="107">
        <v>45884</v>
      </c>
    </row>
    <row r="5093" spans="1:54" s="8" customFormat="1" ht="13.95" customHeight="1" x14ac:dyDescent="0.25">
      <c r="A5093" s="219" t="s">
        <v>11789</v>
      </c>
      <c r="B5093" s="220" t="s">
        <v>10412</v>
      </c>
      <c r="C5093" s="98" t="s">
        <v>11790</v>
      </c>
      <c r="D5093" s="98" t="s">
        <v>11791</v>
      </c>
      <c r="E5093" s="141" t="s">
        <v>174</v>
      </c>
      <c r="F5093" s="141">
        <v>69250</v>
      </c>
      <c r="G5093" s="98" t="s">
        <v>9</v>
      </c>
      <c r="H5093" s="98">
        <v>0</v>
      </c>
      <c r="I5093" s="98">
        <v>0</v>
      </c>
      <c r="J5093" s="98">
        <v>0</v>
      </c>
      <c r="K5093" s="98" t="s">
        <v>174</v>
      </c>
      <c r="L5093" s="98" t="s">
        <v>174</v>
      </c>
      <c r="M5093" s="98" t="s">
        <v>174</v>
      </c>
      <c r="N5093" s="98" t="s">
        <v>174</v>
      </c>
      <c r="O5093" s="98" t="s">
        <v>174</v>
      </c>
      <c r="P5093" s="98" t="s">
        <v>174</v>
      </c>
      <c r="Q5093" s="98" t="s">
        <v>174</v>
      </c>
      <c r="R5093" s="98" t="s">
        <v>174</v>
      </c>
      <c r="S5093" s="98" t="s">
        <v>174</v>
      </c>
      <c r="T5093" s="98" t="s">
        <v>174</v>
      </c>
      <c r="U5093" s="99"/>
      <c r="V5093" s="99"/>
      <c r="W5093" s="99"/>
      <c r="X5093" s="99"/>
      <c r="Y5093" s="99"/>
      <c r="Z5093" s="99"/>
      <c r="AA5093" s="99"/>
      <c r="AB5093" s="99"/>
      <c r="AC5093" s="99"/>
      <c r="AD5093" s="99"/>
      <c r="AE5093" s="99"/>
      <c r="AF5093" s="99"/>
      <c r="AG5093" s="99"/>
      <c r="AH5093" s="99"/>
      <c r="AI5093" s="99"/>
      <c r="AJ5093" s="99"/>
      <c r="AK5093" s="99"/>
      <c r="AL5093" s="99"/>
      <c r="AM5093" s="99"/>
      <c r="AN5093" s="99"/>
      <c r="AO5093" s="99"/>
      <c r="AP5093" s="99"/>
      <c r="AQ5093" s="99"/>
      <c r="AR5093" s="99"/>
      <c r="AS5093" s="99"/>
      <c r="AT5093" s="99"/>
      <c r="AU5093" s="99"/>
      <c r="AV5093" s="99"/>
      <c r="AW5093" s="99"/>
      <c r="AX5093" s="99"/>
      <c r="AY5093" s="99"/>
      <c r="AZ5093" s="99"/>
      <c r="BA5093" s="99"/>
      <c r="BB5093" s="107">
        <v>45884</v>
      </c>
    </row>
    <row r="5094" spans="1:54" s="8" customFormat="1" ht="13.95" customHeight="1" x14ac:dyDescent="0.25">
      <c r="A5094" s="219" t="s">
        <v>11792</v>
      </c>
      <c r="B5094" s="220" t="s">
        <v>10412</v>
      </c>
      <c r="C5094" s="98" t="s">
        <v>11793</v>
      </c>
      <c r="D5094" s="98" t="s">
        <v>11794</v>
      </c>
      <c r="E5094" s="141" t="s">
        <v>174</v>
      </c>
      <c r="F5094" s="141">
        <v>30977</v>
      </c>
      <c r="G5094" s="98" t="s">
        <v>9</v>
      </c>
      <c r="H5094" s="98">
        <v>0</v>
      </c>
      <c r="I5094" s="98">
        <v>0</v>
      </c>
      <c r="J5094" s="98">
        <v>0</v>
      </c>
      <c r="K5094" s="98" t="s">
        <v>174</v>
      </c>
      <c r="L5094" s="98" t="s">
        <v>174</v>
      </c>
      <c r="M5094" s="98" t="s">
        <v>174</v>
      </c>
      <c r="N5094" s="98" t="s">
        <v>174</v>
      </c>
      <c r="O5094" s="98" t="s">
        <v>174</v>
      </c>
      <c r="P5094" s="98" t="s">
        <v>174</v>
      </c>
      <c r="Q5094" s="98" t="s">
        <v>174</v>
      </c>
      <c r="R5094" s="98" t="s">
        <v>174</v>
      </c>
      <c r="S5094" s="98" t="s">
        <v>174</v>
      </c>
      <c r="T5094" s="98" t="s">
        <v>174</v>
      </c>
      <c r="U5094" s="99"/>
      <c r="V5094" s="99"/>
      <c r="W5094" s="99"/>
      <c r="X5094" s="99"/>
      <c r="Y5094" s="99"/>
      <c r="Z5094" s="99"/>
      <c r="AA5094" s="99"/>
      <c r="AB5094" s="99"/>
      <c r="AC5094" s="99"/>
      <c r="AD5094" s="99"/>
      <c r="AE5094" s="99"/>
      <c r="AF5094" s="99"/>
      <c r="AG5094" s="99"/>
      <c r="AH5094" s="99"/>
      <c r="AI5094" s="99"/>
      <c r="AJ5094" s="99"/>
      <c r="AK5094" s="99"/>
      <c r="AL5094" s="99"/>
      <c r="AM5094" s="99"/>
      <c r="AN5094" s="99"/>
      <c r="AO5094" s="99"/>
      <c r="AP5094" s="99"/>
      <c r="AQ5094" s="99"/>
      <c r="AR5094" s="99"/>
      <c r="AS5094" s="99"/>
      <c r="AT5094" s="99"/>
      <c r="AU5094" s="99"/>
      <c r="AV5094" s="99"/>
      <c r="AW5094" s="99"/>
      <c r="AX5094" s="99"/>
      <c r="AY5094" s="99"/>
      <c r="AZ5094" s="99"/>
      <c r="BA5094" s="99"/>
      <c r="BB5094" s="107">
        <v>45884</v>
      </c>
    </row>
    <row r="5095" spans="1:54" s="8" customFormat="1" ht="13.95" customHeight="1" x14ac:dyDescent="0.25">
      <c r="A5095" s="219" t="s">
        <v>11795</v>
      </c>
      <c r="B5095" s="220" t="s">
        <v>10412</v>
      </c>
      <c r="C5095" s="98" t="s">
        <v>11796</v>
      </c>
      <c r="D5095" s="98" t="s">
        <v>11797</v>
      </c>
      <c r="E5095" s="141" t="s">
        <v>174</v>
      </c>
      <c r="F5095" s="141">
        <v>14347</v>
      </c>
      <c r="G5095" s="98" t="s">
        <v>3</v>
      </c>
      <c r="H5095" s="98">
        <v>1</v>
      </c>
      <c r="I5095" s="98">
        <v>1</v>
      </c>
      <c r="J5095" s="98">
        <v>1</v>
      </c>
      <c r="K5095" s="98" t="s">
        <v>174</v>
      </c>
      <c r="L5095" s="98" t="s">
        <v>174</v>
      </c>
      <c r="M5095" s="98" t="s">
        <v>174</v>
      </c>
      <c r="N5095" s="98" t="s">
        <v>174</v>
      </c>
      <c r="O5095" s="98" t="s">
        <v>174</v>
      </c>
      <c r="P5095" s="98" t="s">
        <v>174</v>
      </c>
      <c r="Q5095" s="98" t="s">
        <v>174</v>
      </c>
      <c r="R5095" s="98" t="s">
        <v>174</v>
      </c>
      <c r="S5095" s="98" t="s">
        <v>174</v>
      </c>
      <c r="T5095" s="98" t="s">
        <v>174</v>
      </c>
      <c r="U5095" s="99"/>
      <c r="V5095" s="99"/>
      <c r="W5095" s="99"/>
      <c r="X5095" s="99"/>
      <c r="Y5095" s="99"/>
      <c r="Z5095" s="99"/>
      <c r="AA5095" s="99"/>
      <c r="AB5095" s="99"/>
      <c r="AC5095" s="99"/>
      <c r="AD5095" s="99"/>
      <c r="AE5095" s="99"/>
      <c r="AF5095" s="99"/>
      <c r="AG5095" s="99"/>
      <c r="AH5095" s="99"/>
      <c r="AI5095" s="99"/>
      <c r="AJ5095" s="99"/>
      <c r="AK5095" s="99"/>
      <c r="AL5095" s="99"/>
      <c r="AM5095" s="99"/>
      <c r="AN5095" s="99"/>
      <c r="AO5095" s="99"/>
      <c r="AP5095" s="99"/>
      <c r="AQ5095" s="99"/>
      <c r="AR5095" s="99"/>
      <c r="AS5095" s="99"/>
      <c r="AT5095" s="99"/>
      <c r="AU5095" s="99"/>
      <c r="AV5095" s="99"/>
      <c r="AW5095" s="99"/>
      <c r="AX5095" s="99"/>
      <c r="AY5095" s="99"/>
      <c r="AZ5095" s="99"/>
      <c r="BA5095" s="99"/>
      <c r="BB5095" s="107">
        <v>45884</v>
      </c>
    </row>
    <row r="5096" spans="1:54" s="8" customFormat="1" ht="13.95" customHeight="1" x14ac:dyDescent="0.25">
      <c r="A5096" s="219" t="s">
        <v>11798</v>
      </c>
      <c r="B5096" s="220" t="s">
        <v>10412</v>
      </c>
      <c r="C5096" s="98" t="s">
        <v>11799</v>
      </c>
      <c r="D5096" s="98" t="s">
        <v>11800</v>
      </c>
      <c r="E5096" s="141" t="s">
        <v>174</v>
      </c>
      <c r="F5096" s="141">
        <v>3245</v>
      </c>
      <c r="G5096" s="98" t="s">
        <v>9</v>
      </c>
      <c r="H5096" s="98">
        <v>0</v>
      </c>
      <c r="I5096" s="98">
        <v>0</v>
      </c>
      <c r="J5096" s="98">
        <v>0</v>
      </c>
      <c r="K5096" s="98" t="s">
        <v>174</v>
      </c>
      <c r="L5096" s="98" t="s">
        <v>174</v>
      </c>
      <c r="M5096" s="98" t="s">
        <v>174</v>
      </c>
      <c r="N5096" s="98" t="s">
        <v>174</v>
      </c>
      <c r="O5096" s="98" t="s">
        <v>174</v>
      </c>
      <c r="P5096" s="98" t="s">
        <v>174</v>
      </c>
      <c r="Q5096" s="98" t="s">
        <v>174</v>
      </c>
      <c r="R5096" s="98" t="s">
        <v>174</v>
      </c>
      <c r="S5096" s="98" t="s">
        <v>174</v>
      </c>
      <c r="T5096" s="98" t="s">
        <v>174</v>
      </c>
      <c r="U5096" s="99"/>
      <c r="V5096" s="99"/>
      <c r="W5096" s="99"/>
      <c r="X5096" s="99"/>
      <c r="Y5096" s="99"/>
      <c r="Z5096" s="99"/>
      <c r="AA5096" s="99"/>
      <c r="AB5096" s="99"/>
      <c r="AC5096" s="99"/>
      <c r="AD5096" s="99"/>
      <c r="AE5096" s="99"/>
      <c r="AF5096" s="99"/>
      <c r="AG5096" s="99"/>
      <c r="AH5096" s="99"/>
      <c r="AI5096" s="99"/>
      <c r="AJ5096" s="99"/>
      <c r="AK5096" s="99"/>
      <c r="AL5096" s="99"/>
      <c r="AM5096" s="99"/>
      <c r="AN5096" s="99"/>
      <c r="AO5096" s="99"/>
      <c r="AP5096" s="99"/>
      <c r="AQ5096" s="99"/>
      <c r="AR5096" s="99"/>
      <c r="AS5096" s="99"/>
      <c r="AT5096" s="99"/>
      <c r="AU5096" s="99"/>
      <c r="AV5096" s="99"/>
      <c r="AW5096" s="99"/>
      <c r="AX5096" s="99"/>
      <c r="AY5096" s="99"/>
      <c r="AZ5096" s="99"/>
      <c r="BA5096" s="99"/>
      <c r="BB5096" s="107">
        <v>45884</v>
      </c>
    </row>
    <row r="5097" spans="1:54" s="8" customFormat="1" ht="13.95" customHeight="1" x14ac:dyDescent="0.25">
      <c r="A5097" s="219" t="s">
        <v>11801</v>
      </c>
      <c r="B5097" s="220" t="s">
        <v>10412</v>
      </c>
      <c r="C5097" s="98" t="s">
        <v>11802</v>
      </c>
      <c r="D5097" s="98" t="s">
        <v>11803</v>
      </c>
      <c r="E5097" s="141" t="s">
        <v>174</v>
      </c>
      <c r="F5097" s="141">
        <v>11066</v>
      </c>
      <c r="G5097" s="98" t="s">
        <v>9</v>
      </c>
      <c r="H5097" s="98">
        <v>0</v>
      </c>
      <c r="I5097" s="98">
        <v>0</v>
      </c>
      <c r="J5097" s="98">
        <v>0</v>
      </c>
      <c r="K5097" s="98" t="s">
        <v>174</v>
      </c>
      <c r="L5097" s="98" t="s">
        <v>174</v>
      </c>
      <c r="M5097" s="98" t="s">
        <v>174</v>
      </c>
      <c r="N5097" s="98" t="s">
        <v>174</v>
      </c>
      <c r="O5097" s="98" t="s">
        <v>174</v>
      </c>
      <c r="P5097" s="98" t="s">
        <v>174</v>
      </c>
      <c r="Q5097" s="98" t="s">
        <v>174</v>
      </c>
      <c r="R5097" s="98" t="s">
        <v>174</v>
      </c>
      <c r="S5097" s="98" t="s">
        <v>174</v>
      </c>
      <c r="T5097" s="98" t="s">
        <v>174</v>
      </c>
      <c r="U5097" s="98" t="s">
        <v>174</v>
      </c>
      <c r="V5097" s="98" t="s">
        <v>174</v>
      </c>
      <c r="W5097" s="98" t="s">
        <v>174</v>
      </c>
      <c r="X5097" s="98" t="s">
        <v>174</v>
      </c>
      <c r="Y5097" s="98" t="s">
        <v>174</v>
      </c>
      <c r="Z5097" s="98" t="s">
        <v>174</v>
      </c>
      <c r="AA5097" s="98" t="s">
        <v>174</v>
      </c>
      <c r="AB5097" s="98" t="s">
        <v>174</v>
      </c>
      <c r="AC5097" s="98" t="s">
        <v>174</v>
      </c>
      <c r="AD5097" s="98" t="s">
        <v>174</v>
      </c>
      <c r="AE5097" s="98" t="s">
        <v>174</v>
      </c>
      <c r="AF5097" s="98" t="s">
        <v>174</v>
      </c>
      <c r="AG5097" s="98" t="s">
        <v>174</v>
      </c>
      <c r="AH5097" s="98" t="s">
        <v>174</v>
      </c>
      <c r="AI5097" s="98" t="s">
        <v>174</v>
      </c>
      <c r="AJ5097" s="98" t="s">
        <v>174</v>
      </c>
      <c r="AK5097" s="98" t="s">
        <v>174</v>
      </c>
      <c r="AL5097" s="98" t="s">
        <v>174</v>
      </c>
      <c r="AM5097" s="98" t="s">
        <v>174</v>
      </c>
      <c r="AN5097" s="98" t="s">
        <v>174</v>
      </c>
      <c r="AO5097" s="98" t="s">
        <v>174</v>
      </c>
      <c r="AP5097" s="98" t="s">
        <v>174</v>
      </c>
      <c r="AQ5097" s="98" t="s">
        <v>174</v>
      </c>
      <c r="AR5097" s="98" t="s">
        <v>174</v>
      </c>
      <c r="AS5097" s="98" t="s">
        <v>174</v>
      </c>
      <c r="AT5097" s="129" t="s">
        <v>174</v>
      </c>
      <c r="AU5097" s="98" t="s">
        <v>174</v>
      </c>
      <c r="AV5097" s="98" t="s">
        <v>174</v>
      </c>
      <c r="AW5097" s="98" t="s">
        <v>174</v>
      </c>
      <c r="AX5097" s="98"/>
      <c r="AY5097" s="98"/>
      <c r="AZ5097" s="98"/>
      <c r="BA5097" s="98"/>
      <c r="BB5097" s="107">
        <v>45884</v>
      </c>
    </row>
    <row r="5098" spans="1:54" s="8" customFormat="1" ht="13.95" customHeight="1" x14ac:dyDescent="0.25">
      <c r="A5098" s="219" t="s">
        <v>11804</v>
      </c>
      <c r="B5098" s="220" t="s">
        <v>10412</v>
      </c>
      <c r="C5098" s="98" t="s">
        <v>11805</v>
      </c>
      <c r="D5098" s="98" t="s">
        <v>11806</v>
      </c>
      <c r="E5098" s="141" t="s">
        <v>174</v>
      </c>
      <c r="F5098" s="141">
        <v>2921</v>
      </c>
      <c r="G5098" s="98" t="s">
        <v>9</v>
      </c>
      <c r="H5098" s="98">
        <v>0</v>
      </c>
      <c r="I5098" s="98">
        <v>0</v>
      </c>
      <c r="J5098" s="98">
        <v>0</v>
      </c>
      <c r="K5098" s="98" t="s">
        <v>174</v>
      </c>
      <c r="L5098" s="98" t="s">
        <v>174</v>
      </c>
      <c r="M5098" s="98" t="s">
        <v>174</v>
      </c>
      <c r="N5098" s="98" t="s">
        <v>174</v>
      </c>
      <c r="O5098" s="98" t="s">
        <v>174</v>
      </c>
      <c r="P5098" s="98" t="s">
        <v>174</v>
      </c>
      <c r="Q5098" s="98" t="s">
        <v>174</v>
      </c>
      <c r="R5098" s="98" t="s">
        <v>174</v>
      </c>
      <c r="S5098" s="98" t="s">
        <v>174</v>
      </c>
      <c r="T5098" s="98" t="s">
        <v>174</v>
      </c>
      <c r="U5098" s="99"/>
      <c r="V5098" s="99"/>
      <c r="W5098" s="99"/>
      <c r="X5098" s="99"/>
      <c r="Y5098" s="99"/>
      <c r="Z5098" s="99"/>
      <c r="AA5098" s="99"/>
      <c r="AB5098" s="99"/>
      <c r="AC5098" s="99"/>
      <c r="AD5098" s="99"/>
      <c r="AE5098" s="99"/>
      <c r="AF5098" s="99"/>
      <c r="AG5098" s="99"/>
      <c r="AH5098" s="99"/>
      <c r="AI5098" s="99"/>
      <c r="AJ5098" s="99"/>
      <c r="AK5098" s="99"/>
      <c r="AL5098" s="99"/>
      <c r="AM5098" s="99"/>
      <c r="AN5098" s="99"/>
      <c r="AO5098" s="99"/>
      <c r="AP5098" s="99"/>
      <c r="AQ5098" s="99"/>
      <c r="AR5098" s="99"/>
      <c r="AS5098" s="99"/>
      <c r="AT5098" s="99"/>
      <c r="AU5098" s="99"/>
      <c r="AV5098" s="99"/>
      <c r="AW5098" s="99"/>
      <c r="AX5098" s="99"/>
      <c r="AY5098" s="99"/>
      <c r="AZ5098" s="99"/>
      <c r="BA5098" s="99"/>
      <c r="BB5098" s="107">
        <v>45884</v>
      </c>
    </row>
    <row r="5099" spans="1:54" s="8" customFormat="1" ht="13.95" customHeight="1" x14ac:dyDescent="0.25">
      <c r="A5099" s="219" t="s">
        <v>11807</v>
      </c>
      <c r="B5099" s="220" t="s">
        <v>10412</v>
      </c>
      <c r="C5099" s="98" t="s">
        <v>11808</v>
      </c>
      <c r="D5099" s="98" t="s">
        <v>11809</v>
      </c>
      <c r="E5099" s="141" t="s">
        <v>174</v>
      </c>
      <c r="F5099" s="141">
        <v>2563</v>
      </c>
      <c r="G5099" s="98" t="s">
        <v>9</v>
      </c>
      <c r="H5099" s="98">
        <v>0</v>
      </c>
      <c r="I5099" s="98">
        <v>0</v>
      </c>
      <c r="J5099" s="98">
        <v>0</v>
      </c>
      <c r="K5099" s="98" t="s">
        <v>174</v>
      </c>
      <c r="L5099" s="98" t="s">
        <v>174</v>
      </c>
      <c r="M5099" s="98" t="s">
        <v>174</v>
      </c>
      <c r="N5099" s="98" t="s">
        <v>174</v>
      </c>
      <c r="O5099" s="98" t="s">
        <v>174</v>
      </c>
      <c r="P5099" s="98" t="s">
        <v>174</v>
      </c>
      <c r="Q5099" s="98" t="s">
        <v>174</v>
      </c>
      <c r="R5099" s="98" t="s">
        <v>174</v>
      </c>
      <c r="S5099" s="98" t="s">
        <v>174</v>
      </c>
      <c r="T5099" s="98" t="s">
        <v>174</v>
      </c>
      <c r="U5099" s="98" t="s">
        <v>174</v>
      </c>
      <c r="V5099" s="98" t="s">
        <v>174</v>
      </c>
      <c r="W5099" s="98" t="s">
        <v>174</v>
      </c>
      <c r="X5099" s="98" t="s">
        <v>174</v>
      </c>
      <c r="Y5099" s="98" t="s">
        <v>174</v>
      </c>
      <c r="Z5099" s="98" t="s">
        <v>174</v>
      </c>
      <c r="AA5099" s="98" t="s">
        <v>174</v>
      </c>
      <c r="AB5099" s="98" t="s">
        <v>174</v>
      </c>
      <c r="AC5099" s="98" t="s">
        <v>174</v>
      </c>
      <c r="AD5099" s="98" t="s">
        <v>174</v>
      </c>
      <c r="AE5099" s="98" t="s">
        <v>174</v>
      </c>
      <c r="AF5099" s="98" t="s">
        <v>174</v>
      </c>
      <c r="AG5099" s="98" t="s">
        <v>174</v>
      </c>
      <c r="AH5099" s="98" t="s">
        <v>174</v>
      </c>
      <c r="AI5099" s="98" t="s">
        <v>174</v>
      </c>
      <c r="AJ5099" s="98" t="s">
        <v>174</v>
      </c>
      <c r="AK5099" s="98" t="s">
        <v>174</v>
      </c>
      <c r="AL5099" s="98" t="s">
        <v>174</v>
      </c>
      <c r="AM5099" s="98" t="s">
        <v>174</v>
      </c>
      <c r="AN5099" s="98" t="s">
        <v>174</v>
      </c>
      <c r="AO5099" s="98" t="s">
        <v>174</v>
      </c>
      <c r="AP5099" s="98" t="s">
        <v>174</v>
      </c>
      <c r="AQ5099" s="98" t="s">
        <v>174</v>
      </c>
      <c r="AR5099" s="98" t="s">
        <v>174</v>
      </c>
      <c r="AS5099" s="98" t="s">
        <v>174</v>
      </c>
      <c r="AT5099" s="129" t="s">
        <v>174</v>
      </c>
      <c r="AU5099" s="98" t="s">
        <v>174</v>
      </c>
      <c r="AV5099" s="98" t="s">
        <v>174</v>
      </c>
      <c r="AW5099" s="98" t="s">
        <v>174</v>
      </c>
      <c r="AX5099" s="98"/>
      <c r="AY5099" s="98"/>
      <c r="AZ5099" s="98"/>
      <c r="BA5099" s="98"/>
      <c r="BB5099" s="107">
        <v>45884</v>
      </c>
    </row>
    <row r="5100" spans="1:54" s="8" customFormat="1" ht="13.95" customHeight="1" x14ac:dyDescent="0.25">
      <c r="A5100" s="219" t="s">
        <v>11810</v>
      </c>
      <c r="B5100" s="220" t="s">
        <v>10412</v>
      </c>
      <c r="C5100" s="98" t="s">
        <v>11811</v>
      </c>
      <c r="D5100" s="98" t="s">
        <v>11812</v>
      </c>
      <c r="E5100" s="141" t="s">
        <v>174</v>
      </c>
      <c r="F5100" s="141">
        <v>4956</v>
      </c>
      <c r="G5100" s="98" t="s">
        <v>9</v>
      </c>
      <c r="H5100" s="98">
        <v>0</v>
      </c>
      <c r="I5100" s="98">
        <v>0</v>
      </c>
      <c r="J5100" s="98">
        <v>0</v>
      </c>
      <c r="K5100" s="98" t="s">
        <v>174</v>
      </c>
      <c r="L5100" s="98" t="s">
        <v>174</v>
      </c>
      <c r="M5100" s="98" t="s">
        <v>174</v>
      </c>
      <c r="N5100" s="98" t="s">
        <v>174</v>
      </c>
      <c r="O5100" s="98" t="s">
        <v>174</v>
      </c>
      <c r="P5100" s="98" t="s">
        <v>174</v>
      </c>
      <c r="Q5100" s="98" t="s">
        <v>174</v>
      </c>
      <c r="R5100" s="98" t="s">
        <v>174</v>
      </c>
      <c r="S5100" s="98" t="s">
        <v>174</v>
      </c>
      <c r="T5100" s="98" t="s">
        <v>174</v>
      </c>
      <c r="U5100" s="99"/>
      <c r="V5100" s="99"/>
      <c r="W5100" s="99"/>
      <c r="X5100" s="99"/>
      <c r="Y5100" s="99"/>
      <c r="Z5100" s="99"/>
      <c r="AA5100" s="99"/>
      <c r="AB5100" s="99"/>
      <c r="AC5100" s="99"/>
      <c r="AD5100" s="99"/>
      <c r="AE5100" s="99"/>
      <c r="AF5100" s="99"/>
      <c r="AG5100" s="99"/>
      <c r="AH5100" s="99"/>
      <c r="AI5100" s="99"/>
      <c r="AJ5100" s="99"/>
      <c r="AK5100" s="99"/>
      <c r="AL5100" s="99"/>
      <c r="AM5100" s="99"/>
      <c r="AN5100" s="99"/>
      <c r="AO5100" s="99"/>
      <c r="AP5100" s="99"/>
      <c r="AQ5100" s="99"/>
      <c r="AR5100" s="99"/>
      <c r="AS5100" s="99"/>
      <c r="AT5100" s="99"/>
      <c r="AU5100" s="99"/>
      <c r="AV5100" s="99"/>
      <c r="AW5100" s="99"/>
      <c r="AX5100" s="99"/>
      <c r="AY5100" s="99"/>
      <c r="AZ5100" s="99"/>
      <c r="BA5100" s="99"/>
      <c r="BB5100" s="107">
        <v>45884</v>
      </c>
    </row>
    <row r="5101" spans="1:54" s="8" customFormat="1" ht="13.95" customHeight="1" x14ac:dyDescent="0.25">
      <c r="A5101" s="219" t="s">
        <v>11813</v>
      </c>
      <c r="B5101" s="220" t="s">
        <v>10412</v>
      </c>
      <c r="C5101" s="98" t="s">
        <v>11814</v>
      </c>
      <c r="D5101" s="98" t="s">
        <v>11815</v>
      </c>
      <c r="E5101" s="141" t="s">
        <v>174</v>
      </c>
      <c r="F5101" s="141">
        <v>12989</v>
      </c>
      <c r="G5101" s="98" t="s">
        <v>9</v>
      </c>
      <c r="H5101" s="98">
        <v>0</v>
      </c>
      <c r="I5101" s="98">
        <v>0</v>
      </c>
      <c r="J5101" s="98">
        <v>0</v>
      </c>
      <c r="K5101" s="98" t="s">
        <v>174</v>
      </c>
      <c r="L5101" s="98" t="s">
        <v>174</v>
      </c>
      <c r="M5101" s="98" t="s">
        <v>174</v>
      </c>
      <c r="N5101" s="98" t="s">
        <v>174</v>
      </c>
      <c r="O5101" s="98" t="s">
        <v>174</v>
      </c>
      <c r="P5101" s="98" t="s">
        <v>174</v>
      </c>
      <c r="Q5101" s="98" t="s">
        <v>174</v>
      </c>
      <c r="R5101" s="98" t="s">
        <v>174</v>
      </c>
      <c r="S5101" s="98" t="s">
        <v>174</v>
      </c>
      <c r="T5101" s="98" t="s">
        <v>174</v>
      </c>
      <c r="U5101" s="99"/>
      <c r="V5101" s="99"/>
      <c r="W5101" s="99"/>
      <c r="X5101" s="99"/>
      <c r="Y5101" s="99"/>
      <c r="Z5101" s="99"/>
      <c r="AA5101" s="99"/>
      <c r="AB5101" s="99"/>
      <c r="AC5101" s="99"/>
      <c r="AD5101" s="99"/>
      <c r="AE5101" s="99"/>
      <c r="AF5101" s="99"/>
      <c r="AG5101" s="99"/>
      <c r="AH5101" s="99"/>
      <c r="AI5101" s="99"/>
      <c r="AJ5101" s="99"/>
      <c r="AK5101" s="99"/>
      <c r="AL5101" s="99"/>
      <c r="AM5101" s="99"/>
      <c r="AN5101" s="99"/>
      <c r="AO5101" s="99"/>
      <c r="AP5101" s="99"/>
      <c r="AQ5101" s="99"/>
      <c r="AR5101" s="99"/>
      <c r="AS5101" s="99"/>
      <c r="AT5101" s="99"/>
      <c r="AU5101" s="99"/>
      <c r="AV5101" s="99"/>
      <c r="AW5101" s="99"/>
      <c r="AX5101" s="99"/>
      <c r="AY5101" s="99"/>
      <c r="AZ5101" s="99"/>
      <c r="BA5101" s="99"/>
      <c r="BB5101" s="107">
        <v>45884</v>
      </c>
    </row>
    <row r="5102" spans="1:54" s="8" customFormat="1" ht="13.95" customHeight="1" x14ac:dyDescent="0.25">
      <c r="A5102" s="219" t="s">
        <v>11816</v>
      </c>
      <c r="B5102" s="220" t="s">
        <v>10412</v>
      </c>
      <c r="C5102" s="98" t="s">
        <v>11817</v>
      </c>
      <c r="D5102" s="98" t="s">
        <v>11818</v>
      </c>
      <c r="E5102" s="141" t="s">
        <v>174</v>
      </c>
      <c r="F5102" s="141">
        <v>31037</v>
      </c>
      <c r="G5102" s="98" t="s">
        <v>9</v>
      </c>
      <c r="H5102" s="98">
        <v>0</v>
      </c>
      <c r="I5102" s="98">
        <v>0</v>
      </c>
      <c r="J5102" s="98">
        <v>0</v>
      </c>
      <c r="K5102" s="98" t="s">
        <v>174</v>
      </c>
      <c r="L5102" s="98" t="s">
        <v>174</v>
      </c>
      <c r="M5102" s="98" t="s">
        <v>174</v>
      </c>
      <c r="N5102" s="98" t="s">
        <v>174</v>
      </c>
      <c r="O5102" s="98" t="s">
        <v>174</v>
      </c>
      <c r="P5102" s="98" t="s">
        <v>174</v>
      </c>
      <c r="Q5102" s="98" t="s">
        <v>174</v>
      </c>
      <c r="R5102" s="98" t="s">
        <v>174</v>
      </c>
      <c r="S5102" s="98" t="s">
        <v>174</v>
      </c>
      <c r="T5102" s="98" t="s">
        <v>174</v>
      </c>
      <c r="U5102" s="99"/>
      <c r="V5102" s="99"/>
      <c r="W5102" s="99"/>
      <c r="X5102" s="99"/>
      <c r="Y5102" s="99"/>
      <c r="Z5102" s="99"/>
      <c r="AA5102" s="99"/>
      <c r="AB5102" s="99"/>
      <c r="AC5102" s="99"/>
      <c r="AD5102" s="99"/>
      <c r="AE5102" s="99"/>
      <c r="AF5102" s="99"/>
      <c r="AG5102" s="99"/>
      <c r="AH5102" s="99"/>
      <c r="AI5102" s="99"/>
      <c r="AJ5102" s="99"/>
      <c r="AK5102" s="99"/>
      <c r="AL5102" s="99"/>
      <c r="AM5102" s="99"/>
      <c r="AN5102" s="99"/>
      <c r="AO5102" s="99"/>
      <c r="AP5102" s="99"/>
      <c r="AQ5102" s="99"/>
      <c r="AR5102" s="99"/>
      <c r="AS5102" s="99"/>
      <c r="AT5102" s="99"/>
      <c r="AU5102" s="99"/>
      <c r="AV5102" s="99"/>
      <c r="AW5102" s="99"/>
      <c r="AX5102" s="99"/>
      <c r="AY5102" s="99"/>
      <c r="AZ5102" s="99"/>
      <c r="BA5102" s="99"/>
      <c r="BB5102" s="107">
        <v>45884</v>
      </c>
    </row>
    <row r="5103" spans="1:54" s="8" customFormat="1" ht="13.95" customHeight="1" x14ac:dyDescent="0.25">
      <c r="A5103" s="219" t="s">
        <v>11819</v>
      </c>
      <c r="B5103" s="220" t="s">
        <v>10412</v>
      </c>
      <c r="C5103" s="98" t="s">
        <v>11820</v>
      </c>
      <c r="D5103" s="98" t="s">
        <v>11821</v>
      </c>
      <c r="E5103" s="141" t="s">
        <v>174</v>
      </c>
      <c r="F5103" s="141">
        <v>5176</v>
      </c>
      <c r="G5103" s="98" t="s">
        <v>9</v>
      </c>
      <c r="H5103" s="98">
        <v>0</v>
      </c>
      <c r="I5103" s="98">
        <v>0</v>
      </c>
      <c r="J5103" s="98">
        <v>0</v>
      </c>
      <c r="K5103" s="98" t="s">
        <v>174</v>
      </c>
      <c r="L5103" s="98" t="s">
        <v>174</v>
      </c>
      <c r="M5103" s="98" t="s">
        <v>174</v>
      </c>
      <c r="N5103" s="98" t="s">
        <v>174</v>
      </c>
      <c r="O5103" s="98" t="s">
        <v>174</v>
      </c>
      <c r="P5103" s="98" t="s">
        <v>174</v>
      </c>
      <c r="Q5103" s="98" t="s">
        <v>174</v>
      </c>
      <c r="R5103" s="98" t="s">
        <v>174</v>
      </c>
      <c r="S5103" s="98" t="s">
        <v>174</v>
      </c>
      <c r="T5103" s="98" t="s">
        <v>174</v>
      </c>
      <c r="U5103" s="99"/>
      <c r="V5103" s="99"/>
      <c r="W5103" s="99"/>
      <c r="X5103" s="99"/>
      <c r="Y5103" s="99"/>
      <c r="Z5103" s="99"/>
      <c r="AA5103" s="99"/>
      <c r="AB5103" s="99"/>
      <c r="AC5103" s="99"/>
      <c r="AD5103" s="99"/>
      <c r="AE5103" s="99"/>
      <c r="AF5103" s="99"/>
      <c r="AG5103" s="99"/>
      <c r="AH5103" s="99"/>
      <c r="AI5103" s="99"/>
      <c r="AJ5103" s="99"/>
      <c r="AK5103" s="99"/>
      <c r="AL5103" s="99"/>
      <c r="AM5103" s="99"/>
      <c r="AN5103" s="99"/>
      <c r="AO5103" s="99"/>
      <c r="AP5103" s="99"/>
      <c r="AQ5103" s="99"/>
      <c r="AR5103" s="99"/>
      <c r="AS5103" s="99"/>
      <c r="AT5103" s="99"/>
      <c r="AU5103" s="99"/>
      <c r="AV5103" s="99"/>
      <c r="AW5103" s="99"/>
      <c r="AX5103" s="99"/>
      <c r="AY5103" s="99"/>
      <c r="AZ5103" s="99"/>
      <c r="BA5103" s="99"/>
      <c r="BB5103" s="107">
        <v>45884</v>
      </c>
    </row>
    <row r="5104" spans="1:54" s="8" customFormat="1" ht="13.95" customHeight="1" x14ac:dyDescent="0.25">
      <c r="A5104" s="219" t="s">
        <v>11822</v>
      </c>
      <c r="B5104" s="220" t="s">
        <v>10412</v>
      </c>
      <c r="C5104" s="98" t="s">
        <v>11823</v>
      </c>
      <c r="D5104" s="98" t="s">
        <v>11824</v>
      </c>
      <c r="E5104" s="141" t="s">
        <v>174</v>
      </c>
      <c r="F5104" s="141">
        <v>28444</v>
      </c>
      <c r="G5104" s="98" t="s">
        <v>9</v>
      </c>
      <c r="H5104" s="98">
        <v>0</v>
      </c>
      <c r="I5104" s="98">
        <v>0</v>
      </c>
      <c r="J5104" s="98">
        <v>0</v>
      </c>
      <c r="K5104" s="98" t="s">
        <v>174</v>
      </c>
      <c r="L5104" s="98" t="s">
        <v>174</v>
      </c>
      <c r="M5104" s="98" t="s">
        <v>174</v>
      </c>
      <c r="N5104" s="98" t="s">
        <v>174</v>
      </c>
      <c r="O5104" s="98" t="s">
        <v>174</v>
      </c>
      <c r="P5104" s="98" t="s">
        <v>174</v>
      </c>
      <c r="Q5104" s="98" t="s">
        <v>174</v>
      </c>
      <c r="R5104" s="98" t="s">
        <v>174</v>
      </c>
      <c r="S5104" s="98" t="s">
        <v>174</v>
      </c>
      <c r="T5104" s="98" t="s">
        <v>174</v>
      </c>
      <c r="U5104" s="99"/>
      <c r="V5104" s="99"/>
      <c r="W5104" s="99"/>
      <c r="X5104" s="99"/>
      <c r="Y5104" s="99"/>
      <c r="Z5104" s="99"/>
      <c r="AA5104" s="99"/>
      <c r="AB5104" s="99"/>
      <c r="AC5104" s="99"/>
      <c r="AD5104" s="99"/>
      <c r="AE5104" s="99"/>
      <c r="AF5104" s="99"/>
      <c r="AG5104" s="99"/>
      <c r="AH5104" s="99"/>
      <c r="AI5104" s="99"/>
      <c r="AJ5104" s="99"/>
      <c r="AK5104" s="99"/>
      <c r="AL5104" s="99"/>
      <c r="AM5104" s="99"/>
      <c r="AN5104" s="99"/>
      <c r="AO5104" s="99"/>
      <c r="AP5104" s="99"/>
      <c r="AQ5104" s="99"/>
      <c r="AR5104" s="99"/>
      <c r="AS5104" s="99"/>
      <c r="AT5104" s="99"/>
      <c r="AU5104" s="99"/>
      <c r="AV5104" s="99"/>
      <c r="AW5104" s="99"/>
      <c r="AX5104" s="99"/>
      <c r="AY5104" s="99"/>
      <c r="AZ5104" s="99"/>
      <c r="BA5104" s="99"/>
      <c r="BB5104" s="107">
        <v>45884</v>
      </c>
    </row>
    <row r="5105" spans="1:54" s="8" customFormat="1" ht="13.95" customHeight="1" x14ac:dyDescent="0.25">
      <c r="A5105" s="219" t="s">
        <v>11825</v>
      </c>
      <c r="B5105" s="220" t="s">
        <v>10412</v>
      </c>
      <c r="C5105" s="98" t="s">
        <v>11826</v>
      </c>
      <c r="D5105" s="98" t="s">
        <v>11827</v>
      </c>
      <c r="E5105" s="141" t="s">
        <v>174</v>
      </c>
      <c r="F5105" s="141">
        <v>18730</v>
      </c>
      <c r="G5105" s="98" t="s">
        <v>9</v>
      </c>
      <c r="H5105" s="98">
        <v>0</v>
      </c>
      <c r="I5105" s="98">
        <v>0</v>
      </c>
      <c r="J5105" s="98">
        <v>0</v>
      </c>
      <c r="K5105" s="98" t="s">
        <v>174</v>
      </c>
      <c r="L5105" s="98" t="s">
        <v>174</v>
      </c>
      <c r="M5105" s="98" t="s">
        <v>174</v>
      </c>
      <c r="N5105" s="98" t="s">
        <v>174</v>
      </c>
      <c r="O5105" s="98" t="s">
        <v>174</v>
      </c>
      <c r="P5105" s="98" t="s">
        <v>174</v>
      </c>
      <c r="Q5105" s="98" t="s">
        <v>174</v>
      </c>
      <c r="R5105" s="98" t="s">
        <v>174</v>
      </c>
      <c r="S5105" s="98" t="s">
        <v>174</v>
      </c>
      <c r="T5105" s="98" t="s">
        <v>174</v>
      </c>
      <c r="U5105" s="99"/>
      <c r="V5105" s="99"/>
      <c r="W5105" s="99"/>
      <c r="X5105" s="99"/>
      <c r="Y5105" s="99"/>
      <c r="Z5105" s="99"/>
      <c r="AA5105" s="99"/>
      <c r="AB5105" s="99"/>
      <c r="AC5105" s="99"/>
      <c r="AD5105" s="99"/>
      <c r="AE5105" s="99"/>
      <c r="AF5105" s="99"/>
      <c r="AG5105" s="99"/>
      <c r="AH5105" s="99"/>
      <c r="AI5105" s="99"/>
      <c r="AJ5105" s="99"/>
      <c r="AK5105" s="99"/>
      <c r="AL5105" s="99"/>
      <c r="AM5105" s="99"/>
      <c r="AN5105" s="99"/>
      <c r="AO5105" s="99"/>
      <c r="AP5105" s="99"/>
      <c r="AQ5105" s="99"/>
      <c r="AR5105" s="99"/>
      <c r="AS5105" s="99"/>
      <c r="AT5105" s="99"/>
      <c r="AU5105" s="99"/>
      <c r="AV5105" s="99"/>
      <c r="AW5105" s="99"/>
      <c r="AX5105" s="99"/>
      <c r="AY5105" s="99"/>
      <c r="AZ5105" s="99"/>
      <c r="BA5105" s="99"/>
      <c r="BB5105" s="107">
        <v>45884</v>
      </c>
    </row>
    <row r="5106" spans="1:54" s="8" customFormat="1" ht="13.95" customHeight="1" x14ac:dyDescent="0.25">
      <c r="A5106" s="219" t="s">
        <v>11828</v>
      </c>
      <c r="B5106" s="220" t="s">
        <v>10412</v>
      </c>
      <c r="C5106" s="98" t="s">
        <v>11829</v>
      </c>
      <c r="D5106" s="98" t="s">
        <v>20248</v>
      </c>
      <c r="E5106" s="141" t="s">
        <v>174</v>
      </c>
      <c r="F5106" s="141">
        <v>24711</v>
      </c>
      <c r="G5106" s="98" t="s">
        <v>9</v>
      </c>
      <c r="H5106" s="98">
        <v>0</v>
      </c>
      <c r="I5106" s="98">
        <v>0</v>
      </c>
      <c r="J5106" s="98">
        <v>0</v>
      </c>
      <c r="K5106" s="98" t="s">
        <v>174</v>
      </c>
      <c r="L5106" s="98" t="s">
        <v>174</v>
      </c>
      <c r="M5106" s="98" t="s">
        <v>174</v>
      </c>
      <c r="N5106" s="98" t="s">
        <v>174</v>
      </c>
      <c r="O5106" s="98" t="s">
        <v>174</v>
      </c>
      <c r="P5106" s="98" t="s">
        <v>174</v>
      </c>
      <c r="Q5106" s="98" t="s">
        <v>174</v>
      </c>
      <c r="R5106" s="98" t="s">
        <v>174</v>
      </c>
      <c r="S5106" s="98" t="s">
        <v>174</v>
      </c>
      <c r="T5106" s="98" t="s">
        <v>174</v>
      </c>
      <c r="U5106" s="99"/>
      <c r="V5106" s="99"/>
      <c r="W5106" s="99"/>
      <c r="X5106" s="99"/>
      <c r="Y5106" s="99"/>
      <c r="Z5106" s="99"/>
      <c r="AA5106" s="99"/>
      <c r="AB5106" s="99"/>
      <c r="AC5106" s="99"/>
      <c r="AD5106" s="99"/>
      <c r="AE5106" s="99"/>
      <c r="AF5106" s="99"/>
      <c r="AG5106" s="99"/>
      <c r="AH5106" s="99"/>
      <c r="AI5106" s="99"/>
      <c r="AJ5106" s="99"/>
      <c r="AK5106" s="99"/>
      <c r="AL5106" s="99"/>
      <c r="AM5106" s="99"/>
      <c r="AN5106" s="99"/>
      <c r="AO5106" s="99"/>
      <c r="AP5106" s="99"/>
      <c r="AQ5106" s="99"/>
      <c r="AR5106" s="99"/>
      <c r="AS5106" s="99"/>
      <c r="AT5106" s="99"/>
      <c r="AU5106" s="99"/>
      <c r="AV5106" s="99"/>
      <c r="AW5106" s="99"/>
      <c r="AX5106" s="99"/>
      <c r="AY5106" s="99"/>
      <c r="AZ5106" s="99"/>
      <c r="BA5106" s="99"/>
      <c r="BB5106" s="107">
        <v>45884</v>
      </c>
    </row>
    <row r="5107" spans="1:54" s="8" customFormat="1" ht="13.95" customHeight="1" x14ac:dyDescent="0.25">
      <c r="A5107" s="219" t="s">
        <v>11830</v>
      </c>
      <c r="B5107" s="220" t="s">
        <v>10412</v>
      </c>
      <c r="C5107" s="98" t="s">
        <v>11831</v>
      </c>
      <c r="D5107" s="98" t="s">
        <v>11832</v>
      </c>
      <c r="E5107" s="141" t="s">
        <v>174</v>
      </c>
      <c r="F5107" s="141">
        <v>2480</v>
      </c>
      <c r="G5107" s="98" t="s">
        <v>9</v>
      </c>
      <c r="H5107" s="98">
        <v>0</v>
      </c>
      <c r="I5107" s="98">
        <v>0</v>
      </c>
      <c r="J5107" s="98">
        <v>0</v>
      </c>
      <c r="K5107" s="98" t="s">
        <v>174</v>
      </c>
      <c r="L5107" s="98" t="s">
        <v>174</v>
      </c>
      <c r="M5107" s="98" t="s">
        <v>174</v>
      </c>
      <c r="N5107" s="98" t="s">
        <v>174</v>
      </c>
      <c r="O5107" s="98" t="s">
        <v>174</v>
      </c>
      <c r="P5107" s="98" t="s">
        <v>174</v>
      </c>
      <c r="Q5107" s="98" t="s">
        <v>174</v>
      </c>
      <c r="R5107" s="98" t="s">
        <v>174</v>
      </c>
      <c r="S5107" s="98" t="s">
        <v>174</v>
      </c>
      <c r="T5107" s="98" t="s">
        <v>174</v>
      </c>
      <c r="U5107" s="99"/>
      <c r="V5107" s="99"/>
      <c r="W5107" s="99"/>
      <c r="X5107" s="99"/>
      <c r="Y5107" s="99"/>
      <c r="Z5107" s="99"/>
      <c r="AA5107" s="99"/>
      <c r="AB5107" s="99"/>
      <c r="AC5107" s="99"/>
      <c r="AD5107" s="99"/>
      <c r="AE5107" s="99"/>
      <c r="AF5107" s="99"/>
      <c r="AG5107" s="99"/>
      <c r="AH5107" s="99"/>
      <c r="AI5107" s="99"/>
      <c r="AJ5107" s="99"/>
      <c r="AK5107" s="99"/>
      <c r="AL5107" s="99"/>
      <c r="AM5107" s="99"/>
      <c r="AN5107" s="99"/>
      <c r="AO5107" s="99"/>
      <c r="AP5107" s="99"/>
      <c r="AQ5107" s="99"/>
      <c r="AR5107" s="99"/>
      <c r="AS5107" s="99"/>
      <c r="AT5107" s="99"/>
      <c r="AU5107" s="99"/>
      <c r="AV5107" s="99"/>
      <c r="AW5107" s="99"/>
      <c r="AX5107" s="99"/>
      <c r="AY5107" s="99"/>
      <c r="AZ5107" s="99"/>
      <c r="BA5107" s="99"/>
      <c r="BB5107" s="107">
        <v>45884</v>
      </c>
    </row>
    <row r="5108" spans="1:54" s="8" customFormat="1" ht="13.95" customHeight="1" x14ac:dyDescent="0.25">
      <c r="A5108" s="219" t="s">
        <v>11833</v>
      </c>
      <c r="B5108" s="220" t="s">
        <v>10412</v>
      </c>
      <c r="C5108" s="98" t="s">
        <v>11834</v>
      </c>
      <c r="D5108" s="98" t="s">
        <v>11835</v>
      </c>
      <c r="E5108" s="141" t="s">
        <v>174</v>
      </c>
      <c r="F5108" s="141">
        <v>1028</v>
      </c>
      <c r="G5108" s="98" t="s">
        <v>9</v>
      </c>
      <c r="H5108" s="98">
        <v>0</v>
      </c>
      <c r="I5108" s="98">
        <v>0</v>
      </c>
      <c r="J5108" s="98">
        <v>0</v>
      </c>
      <c r="K5108" s="98" t="s">
        <v>174</v>
      </c>
      <c r="L5108" s="98" t="s">
        <v>174</v>
      </c>
      <c r="M5108" s="98" t="s">
        <v>174</v>
      </c>
      <c r="N5108" s="98" t="s">
        <v>174</v>
      </c>
      <c r="O5108" s="98" t="s">
        <v>174</v>
      </c>
      <c r="P5108" s="98" t="s">
        <v>174</v>
      </c>
      <c r="Q5108" s="98" t="s">
        <v>174</v>
      </c>
      <c r="R5108" s="98" t="s">
        <v>174</v>
      </c>
      <c r="S5108" s="98" t="s">
        <v>174</v>
      </c>
      <c r="T5108" s="98" t="s">
        <v>174</v>
      </c>
      <c r="U5108" s="99"/>
      <c r="V5108" s="99"/>
      <c r="W5108" s="99"/>
      <c r="X5108" s="99"/>
      <c r="Y5108" s="99"/>
      <c r="Z5108" s="99"/>
      <c r="AA5108" s="99"/>
      <c r="AB5108" s="99"/>
      <c r="AC5108" s="99"/>
      <c r="AD5108" s="99"/>
      <c r="AE5108" s="99"/>
      <c r="AF5108" s="99"/>
      <c r="AG5108" s="99"/>
      <c r="AH5108" s="99"/>
      <c r="AI5108" s="99"/>
      <c r="AJ5108" s="99"/>
      <c r="AK5108" s="99"/>
      <c r="AL5108" s="99"/>
      <c r="AM5108" s="99"/>
      <c r="AN5108" s="99"/>
      <c r="AO5108" s="99"/>
      <c r="AP5108" s="99"/>
      <c r="AQ5108" s="99"/>
      <c r="AR5108" s="99"/>
      <c r="AS5108" s="99"/>
      <c r="AT5108" s="99"/>
      <c r="AU5108" s="99"/>
      <c r="AV5108" s="99"/>
      <c r="AW5108" s="99"/>
      <c r="AX5108" s="99"/>
      <c r="AY5108" s="99"/>
      <c r="AZ5108" s="99"/>
      <c r="BA5108" s="99"/>
      <c r="BB5108" s="107">
        <v>45884</v>
      </c>
    </row>
    <row r="5109" spans="1:54" s="8" customFormat="1" ht="13.95" customHeight="1" x14ac:dyDescent="0.25">
      <c r="A5109" s="219" t="s">
        <v>11836</v>
      </c>
      <c r="B5109" s="220" t="s">
        <v>10412</v>
      </c>
      <c r="C5109" s="98" t="s">
        <v>11837</v>
      </c>
      <c r="D5109" s="98" t="s">
        <v>11838</v>
      </c>
      <c r="E5109" s="141" t="s">
        <v>174</v>
      </c>
      <c r="F5109" s="141">
        <v>630</v>
      </c>
      <c r="G5109" s="98" t="s">
        <v>9</v>
      </c>
      <c r="H5109" s="98">
        <v>0</v>
      </c>
      <c r="I5109" s="98">
        <v>0</v>
      </c>
      <c r="J5109" s="98">
        <v>0</v>
      </c>
      <c r="K5109" s="98" t="s">
        <v>174</v>
      </c>
      <c r="L5109" s="98" t="s">
        <v>174</v>
      </c>
      <c r="M5109" s="98" t="s">
        <v>174</v>
      </c>
      <c r="N5109" s="98" t="s">
        <v>174</v>
      </c>
      <c r="O5109" s="98" t="s">
        <v>174</v>
      </c>
      <c r="P5109" s="98" t="s">
        <v>174</v>
      </c>
      <c r="Q5109" s="98" t="s">
        <v>174</v>
      </c>
      <c r="R5109" s="98" t="s">
        <v>174</v>
      </c>
      <c r="S5109" s="98" t="s">
        <v>174</v>
      </c>
      <c r="T5109" s="98" t="s">
        <v>174</v>
      </c>
      <c r="U5109" s="98" t="s">
        <v>174</v>
      </c>
      <c r="V5109" s="98" t="s">
        <v>174</v>
      </c>
      <c r="W5109" s="98" t="s">
        <v>174</v>
      </c>
      <c r="X5109" s="98" t="s">
        <v>174</v>
      </c>
      <c r="Y5109" s="98" t="s">
        <v>174</v>
      </c>
      <c r="Z5109" s="98" t="s">
        <v>174</v>
      </c>
      <c r="AA5109" s="98" t="s">
        <v>174</v>
      </c>
      <c r="AB5109" s="98" t="s">
        <v>174</v>
      </c>
      <c r="AC5109" s="98" t="s">
        <v>174</v>
      </c>
      <c r="AD5109" s="98" t="s">
        <v>174</v>
      </c>
      <c r="AE5109" s="98" t="s">
        <v>174</v>
      </c>
      <c r="AF5109" s="98" t="s">
        <v>174</v>
      </c>
      <c r="AG5109" s="98" t="s">
        <v>174</v>
      </c>
      <c r="AH5109" s="98" t="s">
        <v>174</v>
      </c>
      <c r="AI5109" s="98" t="s">
        <v>174</v>
      </c>
      <c r="AJ5109" s="98" t="s">
        <v>174</v>
      </c>
      <c r="AK5109" s="98" t="s">
        <v>174</v>
      </c>
      <c r="AL5109" s="98" t="s">
        <v>174</v>
      </c>
      <c r="AM5109" s="98" t="s">
        <v>174</v>
      </c>
      <c r="AN5109" s="98" t="s">
        <v>174</v>
      </c>
      <c r="AO5109" s="98" t="s">
        <v>174</v>
      </c>
      <c r="AP5109" s="98" t="s">
        <v>174</v>
      </c>
      <c r="AQ5109" s="98" t="s">
        <v>174</v>
      </c>
      <c r="AR5109" s="98" t="s">
        <v>174</v>
      </c>
      <c r="AS5109" s="98" t="s">
        <v>174</v>
      </c>
      <c r="AT5109" s="129" t="s">
        <v>174</v>
      </c>
      <c r="AU5109" s="98" t="s">
        <v>174</v>
      </c>
      <c r="AV5109" s="98" t="s">
        <v>174</v>
      </c>
      <c r="AW5109" s="98" t="s">
        <v>174</v>
      </c>
      <c r="AX5109" s="98"/>
      <c r="AY5109" s="98"/>
      <c r="AZ5109" s="98"/>
      <c r="BA5109" s="98"/>
      <c r="BB5109" s="107">
        <v>45884</v>
      </c>
    </row>
    <row r="5110" spans="1:54" s="8" customFormat="1" ht="13.95" customHeight="1" x14ac:dyDescent="0.25">
      <c r="A5110" s="219" t="s">
        <v>11839</v>
      </c>
      <c r="B5110" s="220" t="s">
        <v>10412</v>
      </c>
      <c r="C5110" s="98" t="s">
        <v>11840</v>
      </c>
      <c r="D5110" s="98" t="s">
        <v>11841</v>
      </c>
      <c r="E5110" s="141" t="s">
        <v>174</v>
      </c>
      <c r="F5110" s="141">
        <v>15372</v>
      </c>
      <c r="G5110" s="98" t="s">
        <v>9</v>
      </c>
      <c r="H5110" s="98">
        <v>0</v>
      </c>
      <c r="I5110" s="98">
        <v>0</v>
      </c>
      <c r="J5110" s="98">
        <v>0</v>
      </c>
      <c r="K5110" s="98" t="s">
        <v>174</v>
      </c>
      <c r="L5110" s="98" t="s">
        <v>174</v>
      </c>
      <c r="M5110" s="98" t="s">
        <v>174</v>
      </c>
      <c r="N5110" s="98" t="s">
        <v>174</v>
      </c>
      <c r="O5110" s="98" t="s">
        <v>174</v>
      </c>
      <c r="P5110" s="98" t="s">
        <v>174</v>
      </c>
      <c r="Q5110" s="98" t="s">
        <v>174</v>
      </c>
      <c r="R5110" s="98" t="s">
        <v>174</v>
      </c>
      <c r="S5110" s="98" t="s">
        <v>174</v>
      </c>
      <c r="T5110" s="98" t="s">
        <v>174</v>
      </c>
      <c r="U5110" s="99"/>
      <c r="V5110" s="99"/>
      <c r="W5110" s="99"/>
      <c r="X5110" s="99"/>
      <c r="Y5110" s="99"/>
      <c r="Z5110" s="99"/>
      <c r="AA5110" s="99"/>
      <c r="AB5110" s="99"/>
      <c r="AC5110" s="99"/>
      <c r="AD5110" s="99"/>
      <c r="AE5110" s="99"/>
      <c r="AF5110" s="99"/>
      <c r="AG5110" s="99"/>
      <c r="AH5110" s="99"/>
      <c r="AI5110" s="99"/>
      <c r="AJ5110" s="99"/>
      <c r="AK5110" s="99"/>
      <c r="AL5110" s="99"/>
      <c r="AM5110" s="99"/>
      <c r="AN5110" s="99"/>
      <c r="AO5110" s="99"/>
      <c r="AP5110" s="99"/>
      <c r="AQ5110" s="99"/>
      <c r="AR5110" s="99"/>
      <c r="AS5110" s="99"/>
      <c r="AT5110" s="99"/>
      <c r="AU5110" s="99"/>
      <c r="AV5110" s="99"/>
      <c r="AW5110" s="99"/>
      <c r="AX5110" s="99"/>
      <c r="AY5110" s="99"/>
      <c r="AZ5110" s="99"/>
      <c r="BA5110" s="99"/>
      <c r="BB5110" s="107">
        <v>45884</v>
      </c>
    </row>
    <row r="5111" spans="1:54" s="8" customFormat="1" ht="13.95" customHeight="1" x14ac:dyDescent="0.25">
      <c r="A5111" s="219" t="s">
        <v>11842</v>
      </c>
      <c r="B5111" s="220" t="s">
        <v>10412</v>
      </c>
      <c r="C5111" s="98" t="s">
        <v>11843</v>
      </c>
      <c r="D5111" s="98" t="s">
        <v>11844</v>
      </c>
      <c r="E5111" s="141" t="s">
        <v>174</v>
      </c>
      <c r="F5111" s="141">
        <v>976</v>
      </c>
      <c r="G5111" s="98" t="s">
        <v>9</v>
      </c>
      <c r="H5111" s="98">
        <v>0</v>
      </c>
      <c r="I5111" s="98">
        <v>0</v>
      </c>
      <c r="J5111" s="98">
        <v>0</v>
      </c>
      <c r="K5111" s="98" t="s">
        <v>174</v>
      </c>
      <c r="L5111" s="98" t="s">
        <v>174</v>
      </c>
      <c r="M5111" s="98" t="s">
        <v>174</v>
      </c>
      <c r="N5111" s="98" t="s">
        <v>174</v>
      </c>
      <c r="O5111" s="98" t="s">
        <v>174</v>
      </c>
      <c r="P5111" s="98" t="s">
        <v>174</v>
      </c>
      <c r="Q5111" s="98" t="s">
        <v>174</v>
      </c>
      <c r="R5111" s="98" t="s">
        <v>174</v>
      </c>
      <c r="S5111" s="98" t="s">
        <v>174</v>
      </c>
      <c r="T5111" s="98" t="s">
        <v>174</v>
      </c>
      <c r="U5111" s="99"/>
      <c r="V5111" s="99"/>
      <c r="W5111" s="99"/>
      <c r="X5111" s="99"/>
      <c r="Y5111" s="99"/>
      <c r="Z5111" s="99"/>
      <c r="AA5111" s="99"/>
      <c r="AB5111" s="99"/>
      <c r="AC5111" s="99"/>
      <c r="AD5111" s="99"/>
      <c r="AE5111" s="99"/>
      <c r="AF5111" s="99"/>
      <c r="AG5111" s="99"/>
      <c r="AH5111" s="99"/>
      <c r="AI5111" s="99"/>
      <c r="AJ5111" s="99"/>
      <c r="AK5111" s="99"/>
      <c r="AL5111" s="99"/>
      <c r="AM5111" s="99"/>
      <c r="AN5111" s="99"/>
      <c r="AO5111" s="99"/>
      <c r="AP5111" s="99"/>
      <c r="AQ5111" s="99"/>
      <c r="AR5111" s="99"/>
      <c r="AS5111" s="99"/>
      <c r="AT5111" s="99"/>
      <c r="AU5111" s="99"/>
      <c r="AV5111" s="99"/>
      <c r="AW5111" s="99"/>
      <c r="AX5111" s="99"/>
      <c r="AY5111" s="99"/>
      <c r="AZ5111" s="99"/>
      <c r="BA5111" s="99"/>
      <c r="BB5111" s="107">
        <v>45884</v>
      </c>
    </row>
    <row r="5112" spans="1:54" s="8" customFormat="1" ht="13.95" customHeight="1" x14ac:dyDescent="0.25">
      <c r="A5112" s="219" t="s">
        <v>11845</v>
      </c>
      <c r="B5112" s="220" t="s">
        <v>10412</v>
      </c>
      <c r="C5112" s="98" t="s">
        <v>11846</v>
      </c>
      <c r="D5112" s="98" t="s">
        <v>11847</v>
      </c>
      <c r="E5112" s="141" t="s">
        <v>174</v>
      </c>
      <c r="F5112" s="141">
        <v>1926</v>
      </c>
      <c r="G5112" s="98" t="s">
        <v>9</v>
      </c>
      <c r="H5112" s="98">
        <v>0</v>
      </c>
      <c r="I5112" s="98">
        <v>0</v>
      </c>
      <c r="J5112" s="98">
        <v>0</v>
      </c>
      <c r="K5112" s="98" t="s">
        <v>174</v>
      </c>
      <c r="L5112" s="98" t="s">
        <v>174</v>
      </c>
      <c r="M5112" s="98" t="s">
        <v>174</v>
      </c>
      <c r="N5112" s="98" t="s">
        <v>174</v>
      </c>
      <c r="O5112" s="98" t="s">
        <v>174</v>
      </c>
      <c r="P5112" s="98" t="s">
        <v>174</v>
      </c>
      <c r="Q5112" s="98" t="s">
        <v>174</v>
      </c>
      <c r="R5112" s="98" t="s">
        <v>174</v>
      </c>
      <c r="S5112" s="98" t="s">
        <v>174</v>
      </c>
      <c r="T5112" s="98" t="s">
        <v>174</v>
      </c>
      <c r="U5112" s="99"/>
      <c r="V5112" s="99"/>
      <c r="W5112" s="99"/>
      <c r="X5112" s="99"/>
      <c r="Y5112" s="99"/>
      <c r="Z5112" s="99"/>
      <c r="AA5112" s="99"/>
      <c r="AB5112" s="99"/>
      <c r="AC5112" s="99"/>
      <c r="AD5112" s="99"/>
      <c r="AE5112" s="99"/>
      <c r="AF5112" s="99"/>
      <c r="AG5112" s="99"/>
      <c r="AH5112" s="99"/>
      <c r="AI5112" s="99"/>
      <c r="AJ5112" s="99"/>
      <c r="AK5112" s="99"/>
      <c r="AL5112" s="99"/>
      <c r="AM5112" s="99"/>
      <c r="AN5112" s="99"/>
      <c r="AO5112" s="99"/>
      <c r="AP5112" s="99"/>
      <c r="AQ5112" s="99"/>
      <c r="AR5112" s="99"/>
      <c r="AS5112" s="99"/>
      <c r="AT5112" s="99"/>
      <c r="AU5112" s="99"/>
      <c r="AV5112" s="99"/>
      <c r="AW5112" s="99"/>
      <c r="AX5112" s="99"/>
      <c r="AY5112" s="99"/>
      <c r="AZ5112" s="99"/>
      <c r="BA5112" s="99"/>
      <c r="BB5112" s="107">
        <v>45884</v>
      </c>
    </row>
    <row r="5113" spans="1:54" s="8" customFormat="1" ht="13.95" customHeight="1" x14ac:dyDescent="0.25">
      <c r="A5113" s="219" t="s">
        <v>11848</v>
      </c>
      <c r="B5113" s="220" t="s">
        <v>10412</v>
      </c>
      <c r="C5113" s="98" t="s">
        <v>11849</v>
      </c>
      <c r="D5113" s="98" t="s">
        <v>10842</v>
      </c>
      <c r="E5113" s="141" t="s">
        <v>174</v>
      </c>
      <c r="F5113" s="141">
        <v>442</v>
      </c>
      <c r="G5113" s="98" t="s">
        <v>9</v>
      </c>
      <c r="H5113" s="98">
        <v>0</v>
      </c>
      <c r="I5113" s="98">
        <v>0</v>
      </c>
      <c r="J5113" s="98">
        <v>0</v>
      </c>
      <c r="K5113" s="98" t="s">
        <v>174</v>
      </c>
      <c r="L5113" s="98" t="s">
        <v>174</v>
      </c>
      <c r="M5113" s="98" t="s">
        <v>174</v>
      </c>
      <c r="N5113" s="98" t="s">
        <v>174</v>
      </c>
      <c r="O5113" s="98" t="s">
        <v>174</v>
      </c>
      <c r="P5113" s="98" t="s">
        <v>174</v>
      </c>
      <c r="Q5113" s="98" t="s">
        <v>174</v>
      </c>
      <c r="R5113" s="98" t="s">
        <v>174</v>
      </c>
      <c r="S5113" s="98" t="s">
        <v>174</v>
      </c>
      <c r="T5113" s="98" t="s">
        <v>174</v>
      </c>
      <c r="U5113" s="98" t="s">
        <v>174</v>
      </c>
      <c r="V5113" s="98" t="s">
        <v>174</v>
      </c>
      <c r="W5113" s="98" t="s">
        <v>174</v>
      </c>
      <c r="X5113" s="98" t="s">
        <v>174</v>
      </c>
      <c r="Y5113" s="98" t="s">
        <v>174</v>
      </c>
      <c r="Z5113" s="98" t="s">
        <v>174</v>
      </c>
      <c r="AA5113" s="98" t="s">
        <v>174</v>
      </c>
      <c r="AB5113" s="98" t="s">
        <v>174</v>
      </c>
      <c r="AC5113" s="98" t="s">
        <v>174</v>
      </c>
      <c r="AD5113" s="98" t="s">
        <v>174</v>
      </c>
      <c r="AE5113" s="98" t="s">
        <v>174</v>
      </c>
      <c r="AF5113" s="98" t="s">
        <v>174</v>
      </c>
      <c r="AG5113" s="98" t="s">
        <v>174</v>
      </c>
      <c r="AH5113" s="98" t="s">
        <v>174</v>
      </c>
      <c r="AI5113" s="98" t="s">
        <v>174</v>
      </c>
      <c r="AJ5113" s="98" t="s">
        <v>174</v>
      </c>
      <c r="AK5113" s="98" t="s">
        <v>174</v>
      </c>
      <c r="AL5113" s="98" t="s">
        <v>174</v>
      </c>
      <c r="AM5113" s="98" t="s">
        <v>174</v>
      </c>
      <c r="AN5113" s="98" t="s">
        <v>174</v>
      </c>
      <c r="AO5113" s="98" t="s">
        <v>174</v>
      </c>
      <c r="AP5113" s="98" t="s">
        <v>174</v>
      </c>
      <c r="AQ5113" s="98" t="s">
        <v>174</v>
      </c>
      <c r="AR5113" s="98" t="s">
        <v>174</v>
      </c>
      <c r="AS5113" s="98" t="s">
        <v>174</v>
      </c>
      <c r="AT5113" s="129" t="s">
        <v>174</v>
      </c>
      <c r="AU5113" s="98" t="s">
        <v>174</v>
      </c>
      <c r="AV5113" s="98" t="s">
        <v>174</v>
      </c>
      <c r="AW5113" s="98" t="s">
        <v>174</v>
      </c>
      <c r="AX5113" s="98"/>
      <c r="AY5113" s="98"/>
      <c r="AZ5113" s="98"/>
      <c r="BA5113" s="98"/>
      <c r="BB5113" s="107">
        <v>45884</v>
      </c>
    </row>
    <row r="5114" spans="1:54" s="8" customFormat="1" ht="13.95" customHeight="1" x14ac:dyDescent="0.25">
      <c r="A5114" s="219" t="s">
        <v>11850</v>
      </c>
      <c r="B5114" s="220" t="s">
        <v>10412</v>
      </c>
      <c r="C5114" s="98" t="s">
        <v>11851</v>
      </c>
      <c r="D5114" s="98" t="s">
        <v>11852</v>
      </c>
      <c r="E5114" s="141" t="s">
        <v>174</v>
      </c>
      <c r="F5114" s="141">
        <v>876</v>
      </c>
      <c r="G5114" s="98" t="s">
        <v>9</v>
      </c>
      <c r="H5114" s="98">
        <v>0</v>
      </c>
      <c r="I5114" s="98">
        <v>0</v>
      </c>
      <c r="J5114" s="98">
        <v>0</v>
      </c>
      <c r="K5114" s="98" t="s">
        <v>174</v>
      </c>
      <c r="L5114" s="98" t="s">
        <v>174</v>
      </c>
      <c r="M5114" s="98" t="s">
        <v>174</v>
      </c>
      <c r="N5114" s="98" t="s">
        <v>174</v>
      </c>
      <c r="O5114" s="98" t="s">
        <v>174</v>
      </c>
      <c r="P5114" s="98" t="s">
        <v>174</v>
      </c>
      <c r="Q5114" s="98" t="s">
        <v>174</v>
      </c>
      <c r="R5114" s="98" t="s">
        <v>174</v>
      </c>
      <c r="S5114" s="98" t="s">
        <v>174</v>
      </c>
      <c r="T5114" s="98" t="s">
        <v>174</v>
      </c>
      <c r="U5114" s="99"/>
      <c r="V5114" s="99"/>
      <c r="W5114" s="99"/>
      <c r="X5114" s="99"/>
      <c r="Y5114" s="99"/>
      <c r="Z5114" s="99"/>
      <c r="AA5114" s="99"/>
      <c r="AB5114" s="99"/>
      <c r="AC5114" s="99"/>
      <c r="AD5114" s="99"/>
      <c r="AE5114" s="99"/>
      <c r="AF5114" s="99"/>
      <c r="AG5114" s="99"/>
      <c r="AH5114" s="99"/>
      <c r="AI5114" s="99"/>
      <c r="AJ5114" s="99"/>
      <c r="AK5114" s="99"/>
      <c r="AL5114" s="99"/>
      <c r="AM5114" s="99"/>
      <c r="AN5114" s="99"/>
      <c r="AO5114" s="99"/>
      <c r="AP5114" s="99"/>
      <c r="AQ5114" s="99"/>
      <c r="AR5114" s="99"/>
      <c r="AS5114" s="99"/>
      <c r="AT5114" s="99"/>
      <c r="AU5114" s="99"/>
      <c r="AV5114" s="99"/>
      <c r="AW5114" s="99"/>
      <c r="AX5114" s="99"/>
      <c r="AY5114" s="99"/>
      <c r="AZ5114" s="99"/>
      <c r="BA5114" s="99"/>
      <c r="BB5114" s="107">
        <v>45884</v>
      </c>
    </row>
    <row r="5115" spans="1:54" s="8" customFormat="1" ht="13.95" customHeight="1" x14ac:dyDescent="0.25">
      <c r="A5115" s="219" t="s">
        <v>11853</v>
      </c>
      <c r="B5115" s="220" t="s">
        <v>10412</v>
      </c>
      <c r="C5115" s="98" t="s">
        <v>11854</v>
      </c>
      <c r="D5115" s="98" t="s">
        <v>11855</v>
      </c>
      <c r="E5115" s="141" t="s">
        <v>174</v>
      </c>
      <c r="F5115" s="141">
        <v>9866</v>
      </c>
      <c r="G5115" s="98" t="s">
        <v>9</v>
      </c>
      <c r="H5115" s="98">
        <v>0</v>
      </c>
      <c r="I5115" s="98">
        <v>0</v>
      </c>
      <c r="J5115" s="98">
        <v>0</v>
      </c>
      <c r="K5115" s="98" t="s">
        <v>174</v>
      </c>
      <c r="L5115" s="98" t="s">
        <v>174</v>
      </c>
      <c r="M5115" s="98" t="s">
        <v>174</v>
      </c>
      <c r="N5115" s="98" t="s">
        <v>174</v>
      </c>
      <c r="O5115" s="98" t="s">
        <v>174</v>
      </c>
      <c r="P5115" s="98" t="s">
        <v>174</v>
      </c>
      <c r="Q5115" s="98" t="s">
        <v>174</v>
      </c>
      <c r="R5115" s="98" t="s">
        <v>174</v>
      </c>
      <c r="S5115" s="98" t="s">
        <v>174</v>
      </c>
      <c r="T5115" s="98" t="s">
        <v>174</v>
      </c>
      <c r="U5115" s="99"/>
      <c r="V5115" s="99"/>
      <c r="W5115" s="99"/>
      <c r="X5115" s="99"/>
      <c r="Y5115" s="99"/>
      <c r="Z5115" s="99"/>
      <c r="AA5115" s="99"/>
      <c r="AB5115" s="99"/>
      <c r="AC5115" s="99"/>
      <c r="AD5115" s="99"/>
      <c r="AE5115" s="99"/>
      <c r="AF5115" s="99"/>
      <c r="AG5115" s="99"/>
      <c r="AH5115" s="99"/>
      <c r="AI5115" s="99"/>
      <c r="AJ5115" s="99"/>
      <c r="AK5115" s="99"/>
      <c r="AL5115" s="99"/>
      <c r="AM5115" s="99"/>
      <c r="AN5115" s="99"/>
      <c r="AO5115" s="99"/>
      <c r="AP5115" s="99"/>
      <c r="AQ5115" s="99"/>
      <c r="AR5115" s="99"/>
      <c r="AS5115" s="99"/>
      <c r="AT5115" s="99"/>
      <c r="AU5115" s="99"/>
      <c r="AV5115" s="99"/>
      <c r="AW5115" s="99"/>
      <c r="AX5115" s="99"/>
      <c r="AY5115" s="99"/>
      <c r="AZ5115" s="99"/>
      <c r="BA5115" s="99"/>
      <c r="BB5115" s="107">
        <v>45884</v>
      </c>
    </row>
    <row r="5116" spans="1:54" s="8" customFormat="1" ht="13.95" customHeight="1" x14ac:dyDescent="0.25">
      <c r="A5116" s="219" t="s">
        <v>11856</v>
      </c>
      <c r="B5116" s="220" t="s">
        <v>10412</v>
      </c>
      <c r="C5116" s="98" t="s">
        <v>11857</v>
      </c>
      <c r="D5116" s="98" t="s">
        <v>11858</v>
      </c>
      <c r="E5116" s="141" t="s">
        <v>174</v>
      </c>
      <c r="F5116" s="141">
        <v>2225</v>
      </c>
      <c r="G5116" s="98" t="s">
        <v>9</v>
      </c>
      <c r="H5116" s="98">
        <v>0</v>
      </c>
      <c r="I5116" s="98">
        <v>0</v>
      </c>
      <c r="J5116" s="98">
        <v>0</v>
      </c>
      <c r="K5116" s="98" t="s">
        <v>174</v>
      </c>
      <c r="L5116" s="98" t="s">
        <v>174</v>
      </c>
      <c r="M5116" s="98" t="s">
        <v>174</v>
      </c>
      <c r="N5116" s="98" t="s">
        <v>174</v>
      </c>
      <c r="O5116" s="98" t="s">
        <v>174</v>
      </c>
      <c r="P5116" s="98" t="s">
        <v>174</v>
      </c>
      <c r="Q5116" s="98" t="s">
        <v>174</v>
      </c>
      <c r="R5116" s="98" t="s">
        <v>174</v>
      </c>
      <c r="S5116" s="98" t="s">
        <v>174</v>
      </c>
      <c r="T5116" s="98" t="s">
        <v>174</v>
      </c>
      <c r="U5116" s="99"/>
      <c r="V5116" s="99"/>
      <c r="W5116" s="99"/>
      <c r="X5116" s="99"/>
      <c r="Y5116" s="99"/>
      <c r="Z5116" s="99"/>
      <c r="AA5116" s="99"/>
      <c r="AB5116" s="99"/>
      <c r="AC5116" s="99"/>
      <c r="AD5116" s="99"/>
      <c r="AE5116" s="99"/>
      <c r="AF5116" s="99"/>
      <c r="AG5116" s="99"/>
      <c r="AH5116" s="99"/>
      <c r="AI5116" s="99"/>
      <c r="AJ5116" s="99"/>
      <c r="AK5116" s="99"/>
      <c r="AL5116" s="99"/>
      <c r="AM5116" s="99"/>
      <c r="AN5116" s="99"/>
      <c r="AO5116" s="99"/>
      <c r="AP5116" s="99"/>
      <c r="AQ5116" s="99"/>
      <c r="AR5116" s="99"/>
      <c r="AS5116" s="99"/>
      <c r="AT5116" s="99"/>
      <c r="AU5116" s="99"/>
      <c r="AV5116" s="99"/>
      <c r="AW5116" s="99"/>
      <c r="AX5116" s="99"/>
      <c r="AY5116" s="99"/>
      <c r="AZ5116" s="99"/>
      <c r="BA5116" s="99"/>
      <c r="BB5116" s="107">
        <v>45884</v>
      </c>
    </row>
    <row r="5117" spans="1:54" s="8" customFormat="1" ht="13.95" customHeight="1" x14ac:dyDescent="0.25">
      <c r="A5117" s="219" t="s">
        <v>11859</v>
      </c>
      <c r="B5117" s="220" t="s">
        <v>10412</v>
      </c>
      <c r="C5117" s="98" t="s">
        <v>11860</v>
      </c>
      <c r="D5117" s="98" t="s">
        <v>20249</v>
      </c>
      <c r="E5117" s="141" t="s">
        <v>174</v>
      </c>
      <c r="F5117" s="141">
        <v>35521</v>
      </c>
      <c r="G5117" s="98" t="s">
        <v>9</v>
      </c>
      <c r="H5117" s="98">
        <v>0</v>
      </c>
      <c r="I5117" s="98">
        <v>0</v>
      </c>
      <c r="J5117" s="98">
        <v>0</v>
      </c>
      <c r="K5117" s="98" t="s">
        <v>174</v>
      </c>
      <c r="L5117" s="98" t="s">
        <v>174</v>
      </c>
      <c r="M5117" s="98" t="s">
        <v>174</v>
      </c>
      <c r="N5117" s="98" t="s">
        <v>174</v>
      </c>
      <c r="O5117" s="98" t="s">
        <v>174</v>
      </c>
      <c r="P5117" s="98" t="s">
        <v>174</v>
      </c>
      <c r="Q5117" s="98" t="s">
        <v>174</v>
      </c>
      <c r="R5117" s="98" t="s">
        <v>174</v>
      </c>
      <c r="S5117" s="98" t="s">
        <v>174</v>
      </c>
      <c r="T5117" s="98" t="s">
        <v>174</v>
      </c>
      <c r="U5117" s="99"/>
      <c r="V5117" s="99"/>
      <c r="W5117" s="99"/>
      <c r="X5117" s="99"/>
      <c r="Y5117" s="99"/>
      <c r="Z5117" s="99"/>
      <c r="AA5117" s="99"/>
      <c r="AB5117" s="99"/>
      <c r="AC5117" s="99"/>
      <c r="AD5117" s="99"/>
      <c r="AE5117" s="99"/>
      <c r="AF5117" s="99"/>
      <c r="AG5117" s="99"/>
      <c r="AH5117" s="99"/>
      <c r="AI5117" s="99"/>
      <c r="AJ5117" s="99"/>
      <c r="AK5117" s="99"/>
      <c r="AL5117" s="99"/>
      <c r="AM5117" s="99"/>
      <c r="AN5117" s="99"/>
      <c r="AO5117" s="99"/>
      <c r="AP5117" s="99"/>
      <c r="AQ5117" s="99"/>
      <c r="AR5117" s="99"/>
      <c r="AS5117" s="99"/>
      <c r="AT5117" s="99"/>
      <c r="AU5117" s="99"/>
      <c r="AV5117" s="99"/>
      <c r="AW5117" s="99"/>
      <c r="AX5117" s="99"/>
      <c r="AY5117" s="99"/>
      <c r="AZ5117" s="99"/>
      <c r="BA5117" s="99"/>
      <c r="BB5117" s="107">
        <v>45884</v>
      </c>
    </row>
    <row r="5118" spans="1:54" s="8" customFormat="1" ht="13.95" customHeight="1" x14ac:dyDescent="0.25">
      <c r="A5118" s="219" t="s">
        <v>11861</v>
      </c>
      <c r="B5118" s="220" t="s">
        <v>10412</v>
      </c>
      <c r="C5118" s="98" t="s">
        <v>11862</v>
      </c>
      <c r="D5118" s="98" t="s">
        <v>11863</v>
      </c>
      <c r="E5118" s="141" t="s">
        <v>174</v>
      </c>
      <c r="F5118" s="141">
        <v>19347</v>
      </c>
      <c r="G5118" s="98" t="s">
        <v>9</v>
      </c>
      <c r="H5118" s="98">
        <v>0</v>
      </c>
      <c r="I5118" s="98">
        <v>0</v>
      </c>
      <c r="J5118" s="98">
        <v>0</v>
      </c>
      <c r="K5118" s="98" t="s">
        <v>174</v>
      </c>
      <c r="L5118" s="98" t="s">
        <v>174</v>
      </c>
      <c r="M5118" s="98" t="s">
        <v>174</v>
      </c>
      <c r="N5118" s="98" t="s">
        <v>174</v>
      </c>
      <c r="O5118" s="98" t="s">
        <v>174</v>
      </c>
      <c r="P5118" s="98" t="s">
        <v>174</v>
      </c>
      <c r="Q5118" s="98" t="s">
        <v>174</v>
      </c>
      <c r="R5118" s="98" t="s">
        <v>174</v>
      </c>
      <c r="S5118" s="98" t="s">
        <v>174</v>
      </c>
      <c r="T5118" s="98" t="s">
        <v>174</v>
      </c>
      <c r="U5118" s="99"/>
      <c r="V5118" s="99"/>
      <c r="W5118" s="99"/>
      <c r="X5118" s="99"/>
      <c r="Y5118" s="99"/>
      <c r="Z5118" s="99"/>
      <c r="AA5118" s="99"/>
      <c r="AB5118" s="99"/>
      <c r="AC5118" s="99"/>
      <c r="AD5118" s="99"/>
      <c r="AE5118" s="99"/>
      <c r="AF5118" s="99"/>
      <c r="AG5118" s="99"/>
      <c r="AH5118" s="99"/>
      <c r="AI5118" s="99"/>
      <c r="AJ5118" s="99"/>
      <c r="AK5118" s="99"/>
      <c r="AL5118" s="99"/>
      <c r="AM5118" s="99"/>
      <c r="AN5118" s="99"/>
      <c r="AO5118" s="99"/>
      <c r="AP5118" s="99"/>
      <c r="AQ5118" s="99"/>
      <c r="AR5118" s="99"/>
      <c r="AS5118" s="99"/>
      <c r="AT5118" s="99"/>
      <c r="AU5118" s="99"/>
      <c r="AV5118" s="99"/>
      <c r="AW5118" s="99"/>
      <c r="AX5118" s="99"/>
      <c r="AY5118" s="99"/>
      <c r="AZ5118" s="99"/>
      <c r="BA5118" s="99"/>
      <c r="BB5118" s="107">
        <v>45884</v>
      </c>
    </row>
    <row r="5119" spans="1:54" s="8" customFormat="1" ht="13.95" customHeight="1" x14ac:dyDescent="0.25">
      <c r="A5119" s="219" t="s">
        <v>11864</v>
      </c>
      <c r="B5119" s="220" t="s">
        <v>10412</v>
      </c>
      <c r="C5119" s="98" t="s">
        <v>11865</v>
      </c>
      <c r="D5119" s="98" t="s">
        <v>11866</v>
      </c>
      <c r="E5119" s="141" t="s">
        <v>174</v>
      </c>
      <c r="F5119" s="141">
        <v>74449</v>
      </c>
      <c r="G5119" s="98" t="s">
        <v>9</v>
      </c>
      <c r="H5119" s="98">
        <v>0</v>
      </c>
      <c r="I5119" s="98">
        <v>0</v>
      </c>
      <c r="J5119" s="98">
        <v>0</v>
      </c>
      <c r="K5119" s="98" t="s">
        <v>174</v>
      </c>
      <c r="L5119" s="98" t="s">
        <v>174</v>
      </c>
      <c r="M5119" s="98" t="s">
        <v>174</v>
      </c>
      <c r="N5119" s="98" t="s">
        <v>174</v>
      </c>
      <c r="O5119" s="98" t="s">
        <v>174</v>
      </c>
      <c r="P5119" s="98" t="s">
        <v>174</v>
      </c>
      <c r="Q5119" s="98" t="s">
        <v>174</v>
      </c>
      <c r="R5119" s="98" t="s">
        <v>174</v>
      </c>
      <c r="S5119" s="98" t="s">
        <v>174</v>
      </c>
      <c r="T5119" s="98" t="s">
        <v>174</v>
      </c>
      <c r="U5119" s="99"/>
      <c r="V5119" s="99"/>
      <c r="W5119" s="99"/>
      <c r="X5119" s="99"/>
      <c r="Y5119" s="99"/>
      <c r="Z5119" s="99"/>
      <c r="AA5119" s="99"/>
      <c r="AB5119" s="99"/>
      <c r="AC5119" s="99"/>
      <c r="AD5119" s="99"/>
      <c r="AE5119" s="99"/>
      <c r="AF5119" s="99"/>
      <c r="AG5119" s="99"/>
      <c r="AH5119" s="99"/>
      <c r="AI5119" s="99"/>
      <c r="AJ5119" s="99"/>
      <c r="AK5119" s="99"/>
      <c r="AL5119" s="99"/>
      <c r="AM5119" s="99"/>
      <c r="AN5119" s="99"/>
      <c r="AO5119" s="99"/>
      <c r="AP5119" s="99"/>
      <c r="AQ5119" s="99"/>
      <c r="AR5119" s="99"/>
      <c r="AS5119" s="99"/>
      <c r="AT5119" s="99"/>
      <c r="AU5119" s="99"/>
      <c r="AV5119" s="99"/>
      <c r="AW5119" s="99"/>
      <c r="AX5119" s="99"/>
      <c r="AY5119" s="99"/>
      <c r="AZ5119" s="99"/>
      <c r="BA5119" s="99"/>
      <c r="BB5119" s="107">
        <v>45884</v>
      </c>
    </row>
    <row r="5120" spans="1:54" s="8" customFormat="1" ht="13.95" customHeight="1" x14ac:dyDescent="0.25">
      <c r="A5120" s="219" t="s">
        <v>11867</v>
      </c>
      <c r="B5120" s="220" t="s">
        <v>10412</v>
      </c>
      <c r="C5120" s="98" t="s">
        <v>11868</v>
      </c>
      <c r="D5120" s="98" t="s">
        <v>11869</v>
      </c>
      <c r="E5120" s="141" t="s">
        <v>174</v>
      </c>
      <c r="F5120" s="141">
        <v>4600</v>
      </c>
      <c r="G5120" s="98" t="s">
        <v>9</v>
      </c>
      <c r="H5120" s="98">
        <v>0</v>
      </c>
      <c r="I5120" s="98">
        <v>0</v>
      </c>
      <c r="J5120" s="98">
        <v>0</v>
      </c>
      <c r="K5120" s="98" t="s">
        <v>174</v>
      </c>
      <c r="L5120" s="98" t="s">
        <v>174</v>
      </c>
      <c r="M5120" s="98" t="s">
        <v>174</v>
      </c>
      <c r="N5120" s="98" t="s">
        <v>174</v>
      </c>
      <c r="O5120" s="98" t="s">
        <v>174</v>
      </c>
      <c r="P5120" s="98" t="s">
        <v>174</v>
      </c>
      <c r="Q5120" s="98" t="s">
        <v>174</v>
      </c>
      <c r="R5120" s="98" t="s">
        <v>174</v>
      </c>
      <c r="S5120" s="98" t="s">
        <v>174</v>
      </c>
      <c r="T5120" s="98" t="s">
        <v>174</v>
      </c>
      <c r="U5120" s="99"/>
      <c r="V5120" s="99"/>
      <c r="W5120" s="99"/>
      <c r="X5120" s="99"/>
      <c r="Y5120" s="99"/>
      <c r="Z5120" s="99"/>
      <c r="AA5120" s="99"/>
      <c r="AB5120" s="99"/>
      <c r="AC5120" s="99"/>
      <c r="AD5120" s="99"/>
      <c r="AE5120" s="99"/>
      <c r="AF5120" s="99"/>
      <c r="AG5120" s="99"/>
      <c r="AH5120" s="99"/>
      <c r="AI5120" s="99"/>
      <c r="AJ5120" s="99"/>
      <c r="AK5120" s="99"/>
      <c r="AL5120" s="99"/>
      <c r="AM5120" s="99"/>
      <c r="AN5120" s="99"/>
      <c r="AO5120" s="99"/>
      <c r="AP5120" s="99"/>
      <c r="AQ5120" s="99"/>
      <c r="AR5120" s="99"/>
      <c r="AS5120" s="99"/>
      <c r="AT5120" s="99"/>
      <c r="AU5120" s="99"/>
      <c r="AV5120" s="99"/>
      <c r="AW5120" s="99"/>
      <c r="AX5120" s="99"/>
      <c r="AY5120" s="99"/>
      <c r="AZ5120" s="99"/>
      <c r="BA5120" s="99"/>
      <c r="BB5120" s="107">
        <v>45884</v>
      </c>
    </row>
    <row r="5121" spans="1:54" s="8" customFormat="1" ht="13.95" customHeight="1" x14ac:dyDescent="0.25">
      <c r="A5121" s="219" t="s">
        <v>11870</v>
      </c>
      <c r="B5121" s="220" t="s">
        <v>10412</v>
      </c>
      <c r="C5121" s="98" t="s">
        <v>11871</v>
      </c>
      <c r="D5121" s="98" t="s">
        <v>11872</v>
      </c>
      <c r="E5121" s="141" t="s">
        <v>174</v>
      </c>
      <c r="F5121" s="246">
        <v>4385</v>
      </c>
      <c r="G5121" s="98" t="s">
        <v>9</v>
      </c>
      <c r="H5121" s="98">
        <v>0</v>
      </c>
      <c r="I5121" s="98">
        <v>0</v>
      </c>
      <c r="J5121" s="98">
        <v>0</v>
      </c>
      <c r="K5121" s="98" t="s">
        <v>174</v>
      </c>
      <c r="L5121" s="98" t="s">
        <v>174</v>
      </c>
      <c r="M5121" s="98" t="s">
        <v>174</v>
      </c>
      <c r="N5121" s="98" t="s">
        <v>174</v>
      </c>
      <c r="O5121" s="98" t="s">
        <v>174</v>
      </c>
      <c r="P5121" s="98" t="s">
        <v>174</v>
      </c>
      <c r="Q5121" s="98" t="s">
        <v>174</v>
      </c>
      <c r="R5121" s="98" t="s">
        <v>174</v>
      </c>
      <c r="S5121" s="98" t="s">
        <v>174</v>
      </c>
      <c r="T5121" s="98" t="s">
        <v>174</v>
      </c>
      <c r="U5121" s="99"/>
      <c r="V5121" s="99"/>
      <c r="W5121" s="99"/>
      <c r="X5121" s="99"/>
      <c r="Y5121" s="99"/>
      <c r="Z5121" s="99"/>
      <c r="AA5121" s="99"/>
      <c r="AB5121" s="99"/>
      <c r="AC5121" s="99"/>
      <c r="AD5121" s="99"/>
      <c r="AE5121" s="99"/>
      <c r="AF5121" s="99"/>
      <c r="AG5121" s="99"/>
      <c r="AH5121" s="99"/>
      <c r="AI5121" s="99"/>
      <c r="AJ5121" s="99"/>
      <c r="AK5121" s="99"/>
      <c r="AL5121" s="99"/>
      <c r="AM5121" s="99"/>
      <c r="AN5121" s="99"/>
      <c r="AO5121" s="99"/>
      <c r="AP5121" s="99"/>
      <c r="AQ5121" s="99"/>
      <c r="AR5121" s="99"/>
      <c r="AS5121" s="99"/>
      <c r="AT5121" s="99"/>
      <c r="AU5121" s="99"/>
      <c r="AV5121" s="99"/>
      <c r="AW5121" s="99"/>
      <c r="AX5121" s="99"/>
      <c r="AY5121" s="99"/>
      <c r="AZ5121" s="99"/>
      <c r="BA5121" s="99"/>
      <c r="BB5121" s="107">
        <v>45884</v>
      </c>
    </row>
    <row r="5122" spans="1:54" s="8" customFormat="1" ht="13.95" customHeight="1" x14ac:dyDescent="0.25">
      <c r="A5122" s="219" t="s">
        <v>11873</v>
      </c>
      <c r="B5122" s="220" t="s">
        <v>10412</v>
      </c>
      <c r="C5122" s="98" t="s">
        <v>11874</v>
      </c>
      <c r="D5122" s="98" t="s">
        <v>11875</v>
      </c>
      <c r="E5122" s="141" t="s">
        <v>174</v>
      </c>
      <c r="F5122" s="141">
        <v>39850</v>
      </c>
      <c r="G5122" s="98" t="s">
        <v>9</v>
      </c>
      <c r="H5122" s="98">
        <v>0</v>
      </c>
      <c r="I5122" s="98">
        <v>0</v>
      </c>
      <c r="J5122" s="98">
        <v>0</v>
      </c>
      <c r="K5122" s="98" t="s">
        <v>174</v>
      </c>
      <c r="L5122" s="98" t="s">
        <v>174</v>
      </c>
      <c r="M5122" s="98" t="s">
        <v>174</v>
      </c>
      <c r="N5122" s="98" t="s">
        <v>174</v>
      </c>
      <c r="O5122" s="98" t="s">
        <v>174</v>
      </c>
      <c r="P5122" s="98" t="s">
        <v>174</v>
      </c>
      <c r="Q5122" s="98" t="s">
        <v>174</v>
      </c>
      <c r="R5122" s="98" t="s">
        <v>174</v>
      </c>
      <c r="S5122" s="98" t="s">
        <v>174</v>
      </c>
      <c r="T5122" s="98" t="s">
        <v>174</v>
      </c>
      <c r="U5122" s="99"/>
      <c r="V5122" s="99"/>
      <c r="W5122" s="99"/>
      <c r="X5122" s="99"/>
      <c r="Y5122" s="99"/>
      <c r="Z5122" s="99"/>
      <c r="AA5122" s="99"/>
      <c r="AB5122" s="99"/>
      <c r="AC5122" s="99"/>
      <c r="AD5122" s="99"/>
      <c r="AE5122" s="99"/>
      <c r="AF5122" s="99"/>
      <c r="AG5122" s="99"/>
      <c r="AH5122" s="99"/>
      <c r="AI5122" s="99"/>
      <c r="AJ5122" s="99"/>
      <c r="AK5122" s="99"/>
      <c r="AL5122" s="99"/>
      <c r="AM5122" s="99"/>
      <c r="AN5122" s="99"/>
      <c r="AO5122" s="99"/>
      <c r="AP5122" s="99"/>
      <c r="AQ5122" s="99"/>
      <c r="AR5122" s="99"/>
      <c r="AS5122" s="99"/>
      <c r="AT5122" s="99"/>
      <c r="AU5122" s="99"/>
      <c r="AV5122" s="99"/>
      <c r="AW5122" s="99"/>
      <c r="AX5122" s="99"/>
      <c r="AY5122" s="99"/>
      <c r="AZ5122" s="99"/>
      <c r="BA5122" s="99"/>
      <c r="BB5122" s="107">
        <v>45884</v>
      </c>
    </row>
    <row r="5123" spans="1:54" s="8" customFormat="1" ht="13.95" customHeight="1" x14ac:dyDescent="0.25">
      <c r="A5123" s="219" t="s">
        <v>11876</v>
      </c>
      <c r="B5123" s="220" t="s">
        <v>10412</v>
      </c>
      <c r="C5123" s="98" t="s">
        <v>11877</v>
      </c>
      <c r="D5123" s="98" t="s">
        <v>11878</v>
      </c>
      <c r="E5123" s="141" t="s">
        <v>174</v>
      </c>
      <c r="F5123" s="141">
        <v>115872</v>
      </c>
      <c r="G5123" s="98" t="s">
        <v>9</v>
      </c>
      <c r="H5123" s="98">
        <v>0</v>
      </c>
      <c r="I5123" s="98">
        <v>0</v>
      </c>
      <c r="J5123" s="98">
        <v>0</v>
      </c>
      <c r="K5123" s="98" t="s">
        <v>174</v>
      </c>
      <c r="L5123" s="98" t="s">
        <v>174</v>
      </c>
      <c r="M5123" s="98" t="s">
        <v>174</v>
      </c>
      <c r="N5123" s="98" t="s">
        <v>174</v>
      </c>
      <c r="O5123" s="98" t="s">
        <v>174</v>
      </c>
      <c r="P5123" s="98" t="s">
        <v>174</v>
      </c>
      <c r="Q5123" s="98" t="s">
        <v>174</v>
      </c>
      <c r="R5123" s="98" t="s">
        <v>174</v>
      </c>
      <c r="S5123" s="98" t="s">
        <v>174</v>
      </c>
      <c r="T5123" s="98" t="s">
        <v>174</v>
      </c>
      <c r="U5123" s="99"/>
      <c r="V5123" s="99"/>
      <c r="W5123" s="99"/>
      <c r="X5123" s="99"/>
      <c r="Y5123" s="99"/>
      <c r="Z5123" s="99"/>
      <c r="AA5123" s="99"/>
      <c r="AB5123" s="99"/>
      <c r="AC5123" s="99"/>
      <c r="AD5123" s="99"/>
      <c r="AE5123" s="99"/>
      <c r="AF5123" s="99"/>
      <c r="AG5123" s="99"/>
      <c r="AH5123" s="99"/>
      <c r="AI5123" s="99"/>
      <c r="AJ5123" s="99"/>
      <c r="AK5123" s="99"/>
      <c r="AL5123" s="99"/>
      <c r="AM5123" s="99"/>
      <c r="AN5123" s="99"/>
      <c r="AO5123" s="99"/>
      <c r="AP5123" s="99"/>
      <c r="AQ5123" s="99"/>
      <c r="AR5123" s="99"/>
      <c r="AS5123" s="99"/>
      <c r="AT5123" s="99"/>
      <c r="AU5123" s="99"/>
      <c r="AV5123" s="99"/>
      <c r="AW5123" s="99"/>
      <c r="AX5123" s="99"/>
      <c r="AY5123" s="99"/>
      <c r="AZ5123" s="99"/>
      <c r="BA5123" s="99"/>
      <c r="BB5123" s="107">
        <v>45884</v>
      </c>
    </row>
    <row r="5124" spans="1:54" s="8" customFormat="1" ht="13.95" customHeight="1" x14ac:dyDescent="0.25">
      <c r="A5124" s="219" t="s">
        <v>11879</v>
      </c>
      <c r="B5124" s="220" t="s">
        <v>10412</v>
      </c>
      <c r="C5124" s="98" t="s">
        <v>11880</v>
      </c>
      <c r="D5124" s="98" t="s">
        <v>11881</v>
      </c>
      <c r="E5124" s="141" t="s">
        <v>174</v>
      </c>
      <c r="F5124" s="141">
        <v>60351</v>
      </c>
      <c r="G5124" s="98" t="s">
        <v>9</v>
      </c>
      <c r="H5124" s="98">
        <v>0</v>
      </c>
      <c r="I5124" s="98">
        <v>0</v>
      </c>
      <c r="J5124" s="98">
        <v>0</v>
      </c>
      <c r="K5124" s="98" t="s">
        <v>174</v>
      </c>
      <c r="L5124" s="98" t="s">
        <v>174</v>
      </c>
      <c r="M5124" s="98" t="s">
        <v>174</v>
      </c>
      <c r="N5124" s="98" t="s">
        <v>174</v>
      </c>
      <c r="O5124" s="98" t="s">
        <v>174</v>
      </c>
      <c r="P5124" s="98" t="s">
        <v>174</v>
      </c>
      <c r="Q5124" s="98" t="s">
        <v>174</v>
      </c>
      <c r="R5124" s="98" t="s">
        <v>174</v>
      </c>
      <c r="S5124" s="98" t="s">
        <v>174</v>
      </c>
      <c r="T5124" s="98" t="s">
        <v>174</v>
      </c>
      <c r="U5124" s="99"/>
      <c r="V5124" s="99"/>
      <c r="W5124" s="99"/>
      <c r="X5124" s="99"/>
      <c r="Y5124" s="99"/>
      <c r="Z5124" s="99"/>
      <c r="AA5124" s="99"/>
      <c r="AB5124" s="99"/>
      <c r="AC5124" s="99"/>
      <c r="AD5124" s="99"/>
      <c r="AE5124" s="99"/>
      <c r="AF5124" s="99"/>
      <c r="AG5124" s="99"/>
      <c r="AH5124" s="99"/>
      <c r="AI5124" s="99"/>
      <c r="AJ5124" s="99"/>
      <c r="AK5124" s="99"/>
      <c r="AL5124" s="99"/>
      <c r="AM5124" s="99"/>
      <c r="AN5124" s="99"/>
      <c r="AO5124" s="99"/>
      <c r="AP5124" s="99"/>
      <c r="AQ5124" s="99"/>
      <c r="AR5124" s="99"/>
      <c r="AS5124" s="99"/>
      <c r="AT5124" s="99"/>
      <c r="AU5124" s="99"/>
      <c r="AV5124" s="99"/>
      <c r="AW5124" s="99"/>
      <c r="AX5124" s="99"/>
      <c r="AY5124" s="99"/>
      <c r="AZ5124" s="99"/>
      <c r="BA5124" s="99"/>
      <c r="BB5124" s="107">
        <v>45884</v>
      </c>
    </row>
    <row r="5125" spans="1:54" s="8" customFormat="1" ht="13.95" customHeight="1" x14ac:dyDescent="0.25">
      <c r="A5125" s="219" t="s">
        <v>11882</v>
      </c>
      <c r="B5125" s="220" t="s">
        <v>10412</v>
      </c>
      <c r="C5125" s="98" t="s">
        <v>11883</v>
      </c>
      <c r="D5125" s="98" t="s">
        <v>11884</v>
      </c>
      <c r="E5125" s="141" t="s">
        <v>174</v>
      </c>
      <c r="F5125" s="141">
        <v>52944</v>
      </c>
      <c r="G5125" s="98" t="s">
        <v>9</v>
      </c>
      <c r="H5125" s="98">
        <v>0</v>
      </c>
      <c r="I5125" s="98">
        <v>0</v>
      </c>
      <c r="J5125" s="98">
        <v>0</v>
      </c>
      <c r="K5125" s="98" t="s">
        <v>174</v>
      </c>
      <c r="L5125" s="98" t="s">
        <v>174</v>
      </c>
      <c r="M5125" s="98" t="s">
        <v>174</v>
      </c>
      <c r="N5125" s="98" t="s">
        <v>174</v>
      </c>
      <c r="O5125" s="98" t="s">
        <v>174</v>
      </c>
      <c r="P5125" s="98" t="s">
        <v>174</v>
      </c>
      <c r="Q5125" s="98" t="s">
        <v>174</v>
      </c>
      <c r="R5125" s="98" t="s">
        <v>174</v>
      </c>
      <c r="S5125" s="98" t="s">
        <v>174</v>
      </c>
      <c r="T5125" s="98" t="s">
        <v>174</v>
      </c>
      <c r="U5125" s="99"/>
      <c r="V5125" s="99"/>
      <c r="W5125" s="99"/>
      <c r="X5125" s="99"/>
      <c r="Y5125" s="99"/>
      <c r="Z5125" s="99"/>
      <c r="AA5125" s="99"/>
      <c r="AB5125" s="99"/>
      <c r="AC5125" s="99"/>
      <c r="AD5125" s="99"/>
      <c r="AE5125" s="99"/>
      <c r="AF5125" s="99"/>
      <c r="AG5125" s="99"/>
      <c r="AH5125" s="99"/>
      <c r="AI5125" s="99"/>
      <c r="AJ5125" s="99"/>
      <c r="AK5125" s="99"/>
      <c r="AL5125" s="99"/>
      <c r="AM5125" s="99"/>
      <c r="AN5125" s="99"/>
      <c r="AO5125" s="99"/>
      <c r="AP5125" s="99"/>
      <c r="AQ5125" s="99"/>
      <c r="AR5125" s="99"/>
      <c r="AS5125" s="99"/>
      <c r="AT5125" s="99"/>
      <c r="AU5125" s="99"/>
      <c r="AV5125" s="99"/>
      <c r="AW5125" s="99"/>
      <c r="AX5125" s="99"/>
      <c r="AY5125" s="99"/>
      <c r="AZ5125" s="99"/>
      <c r="BA5125" s="99"/>
      <c r="BB5125" s="107">
        <v>45884</v>
      </c>
    </row>
    <row r="5126" spans="1:54" s="8" customFormat="1" ht="13.95" customHeight="1" x14ac:dyDescent="0.25">
      <c r="A5126" s="219" t="s">
        <v>11885</v>
      </c>
      <c r="B5126" s="220" t="s">
        <v>10412</v>
      </c>
      <c r="C5126" s="98" t="s">
        <v>11886</v>
      </c>
      <c r="D5126" s="98" t="s">
        <v>11887</v>
      </c>
      <c r="E5126" s="141" t="s">
        <v>174</v>
      </c>
      <c r="F5126" s="141">
        <v>52405</v>
      </c>
      <c r="G5126" s="98" t="s">
        <v>9</v>
      </c>
      <c r="H5126" s="98">
        <v>0</v>
      </c>
      <c r="I5126" s="98">
        <v>0</v>
      </c>
      <c r="J5126" s="98">
        <v>0</v>
      </c>
      <c r="K5126" s="98" t="s">
        <v>174</v>
      </c>
      <c r="L5126" s="98" t="s">
        <v>174</v>
      </c>
      <c r="M5126" s="98" t="s">
        <v>174</v>
      </c>
      <c r="N5126" s="98" t="s">
        <v>174</v>
      </c>
      <c r="O5126" s="98" t="s">
        <v>174</v>
      </c>
      <c r="P5126" s="98" t="s">
        <v>174</v>
      </c>
      <c r="Q5126" s="98" t="s">
        <v>174</v>
      </c>
      <c r="R5126" s="98" t="s">
        <v>174</v>
      </c>
      <c r="S5126" s="98" t="s">
        <v>174</v>
      </c>
      <c r="T5126" s="98" t="s">
        <v>174</v>
      </c>
      <c r="U5126" s="99"/>
      <c r="V5126" s="99"/>
      <c r="W5126" s="99"/>
      <c r="X5126" s="99"/>
      <c r="Y5126" s="99"/>
      <c r="Z5126" s="99"/>
      <c r="AA5126" s="99"/>
      <c r="AB5126" s="99"/>
      <c r="AC5126" s="99"/>
      <c r="AD5126" s="99"/>
      <c r="AE5126" s="99"/>
      <c r="AF5126" s="99"/>
      <c r="AG5126" s="99"/>
      <c r="AH5126" s="99"/>
      <c r="AI5126" s="99"/>
      <c r="AJ5126" s="99"/>
      <c r="AK5126" s="99"/>
      <c r="AL5126" s="99"/>
      <c r="AM5126" s="99"/>
      <c r="AN5126" s="99"/>
      <c r="AO5126" s="99"/>
      <c r="AP5126" s="99"/>
      <c r="AQ5126" s="99"/>
      <c r="AR5126" s="99"/>
      <c r="AS5126" s="99"/>
      <c r="AT5126" s="99"/>
      <c r="AU5126" s="99"/>
      <c r="AV5126" s="99"/>
      <c r="AW5126" s="99"/>
      <c r="AX5126" s="99"/>
      <c r="AY5126" s="99"/>
      <c r="AZ5126" s="99"/>
      <c r="BA5126" s="99"/>
      <c r="BB5126" s="107">
        <v>45884</v>
      </c>
    </row>
    <row r="5127" spans="1:54" s="8" customFormat="1" ht="13.95" customHeight="1" x14ac:dyDescent="0.25">
      <c r="A5127" s="219" t="s">
        <v>11888</v>
      </c>
      <c r="B5127" s="220" t="s">
        <v>10412</v>
      </c>
      <c r="C5127" s="98" t="s">
        <v>11889</v>
      </c>
      <c r="D5127" s="98" t="s">
        <v>11890</v>
      </c>
      <c r="E5127" s="141" t="s">
        <v>174</v>
      </c>
      <c r="F5127" s="141">
        <v>39450</v>
      </c>
      <c r="G5127" s="98" t="s">
        <v>9</v>
      </c>
      <c r="H5127" s="98">
        <v>0</v>
      </c>
      <c r="I5127" s="98">
        <v>0</v>
      </c>
      <c r="J5127" s="98">
        <v>0</v>
      </c>
      <c r="K5127" s="98" t="s">
        <v>174</v>
      </c>
      <c r="L5127" s="98" t="s">
        <v>174</v>
      </c>
      <c r="M5127" s="98" t="s">
        <v>174</v>
      </c>
      <c r="N5127" s="98" t="s">
        <v>174</v>
      </c>
      <c r="O5127" s="98" t="s">
        <v>174</v>
      </c>
      <c r="P5127" s="98" t="s">
        <v>174</v>
      </c>
      <c r="Q5127" s="98" t="s">
        <v>174</v>
      </c>
      <c r="R5127" s="98" t="s">
        <v>174</v>
      </c>
      <c r="S5127" s="98" t="s">
        <v>174</v>
      </c>
      <c r="T5127" s="98" t="s">
        <v>174</v>
      </c>
      <c r="U5127" s="99"/>
      <c r="V5127" s="99"/>
      <c r="W5127" s="99"/>
      <c r="X5127" s="99"/>
      <c r="Y5127" s="99"/>
      <c r="Z5127" s="99"/>
      <c r="AA5127" s="99"/>
      <c r="AB5127" s="99"/>
      <c r="AC5127" s="99"/>
      <c r="AD5127" s="99"/>
      <c r="AE5127" s="99"/>
      <c r="AF5127" s="99"/>
      <c r="AG5127" s="99"/>
      <c r="AH5127" s="99"/>
      <c r="AI5127" s="99"/>
      <c r="AJ5127" s="99"/>
      <c r="AK5127" s="99"/>
      <c r="AL5127" s="99"/>
      <c r="AM5127" s="99"/>
      <c r="AN5127" s="99"/>
      <c r="AO5127" s="99"/>
      <c r="AP5127" s="99"/>
      <c r="AQ5127" s="99"/>
      <c r="AR5127" s="99"/>
      <c r="AS5127" s="99"/>
      <c r="AT5127" s="99"/>
      <c r="AU5127" s="99"/>
      <c r="AV5127" s="99"/>
      <c r="AW5127" s="99"/>
      <c r="AX5127" s="99"/>
      <c r="AY5127" s="99"/>
      <c r="AZ5127" s="99"/>
      <c r="BA5127" s="99"/>
      <c r="BB5127" s="107">
        <v>45884</v>
      </c>
    </row>
    <row r="5128" spans="1:54" s="8" customFormat="1" ht="13.95" customHeight="1" x14ac:dyDescent="0.25">
      <c r="A5128" s="219" t="s">
        <v>11891</v>
      </c>
      <c r="B5128" s="220" t="s">
        <v>10412</v>
      </c>
      <c r="C5128" s="98" t="s">
        <v>11892</v>
      </c>
      <c r="D5128" s="98" t="s">
        <v>11893</v>
      </c>
      <c r="E5128" s="141" t="s">
        <v>174</v>
      </c>
      <c r="F5128" s="141">
        <v>15355</v>
      </c>
      <c r="G5128" s="98" t="s">
        <v>9</v>
      </c>
      <c r="H5128" s="98">
        <v>0</v>
      </c>
      <c r="I5128" s="98">
        <v>0</v>
      </c>
      <c r="J5128" s="98">
        <v>0</v>
      </c>
      <c r="K5128" s="98" t="s">
        <v>174</v>
      </c>
      <c r="L5128" s="98" t="s">
        <v>174</v>
      </c>
      <c r="M5128" s="98" t="s">
        <v>174</v>
      </c>
      <c r="N5128" s="98" t="s">
        <v>174</v>
      </c>
      <c r="O5128" s="98" t="s">
        <v>174</v>
      </c>
      <c r="P5128" s="98" t="s">
        <v>174</v>
      </c>
      <c r="Q5128" s="98" t="s">
        <v>174</v>
      </c>
      <c r="R5128" s="98" t="s">
        <v>174</v>
      </c>
      <c r="S5128" s="98" t="s">
        <v>174</v>
      </c>
      <c r="T5128" s="98" t="s">
        <v>174</v>
      </c>
      <c r="U5128" s="99"/>
      <c r="V5128" s="99"/>
      <c r="W5128" s="99"/>
      <c r="X5128" s="99"/>
      <c r="Y5128" s="99"/>
      <c r="Z5128" s="99"/>
      <c r="AA5128" s="99"/>
      <c r="AB5128" s="99"/>
      <c r="AC5128" s="99"/>
      <c r="AD5128" s="99"/>
      <c r="AE5128" s="99"/>
      <c r="AF5128" s="99"/>
      <c r="AG5128" s="99"/>
      <c r="AH5128" s="99"/>
      <c r="AI5128" s="99"/>
      <c r="AJ5128" s="99"/>
      <c r="AK5128" s="99"/>
      <c r="AL5128" s="99"/>
      <c r="AM5128" s="99"/>
      <c r="AN5128" s="99"/>
      <c r="AO5128" s="99"/>
      <c r="AP5128" s="99"/>
      <c r="AQ5128" s="99"/>
      <c r="AR5128" s="99"/>
      <c r="AS5128" s="99"/>
      <c r="AT5128" s="99"/>
      <c r="AU5128" s="99"/>
      <c r="AV5128" s="99"/>
      <c r="AW5128" s="99"/>
      <c r="AX5128" s="99"/>
      <c r="AY5128" s="99"/>
      <c r="AZ5128" s="99"/>
      <c r="BA5128" s="99"/>
      <c r="BB5128" s="107">
        <v>45884</v>
      </c>
    </row>
    <row r="5129" spans="1:54" s="8" customFormat="1" ht="13.95" customHeight="1" x14ac:dyDescent="0.25">
      <c r="A5129" s="219" t="s">
        <v>11894</v>
      </c>
      <c r="B5129" s="220" t="s">
        <v>10412</v>
      </c>
      <c r="C5129" s="98" t="s">
        <v>11895</v>
      </c>
      <c r="D5129" s="98" t="s">
        <v>11896</v>
      </c>
      <c r="E5129" s="141" t="s">
        <v>174</v>
      </c>
      <c r="F5129" s="141">
        <v>3452</v>
      </c>
      <c r="G5129" s="98" t="s">
        <v>9</v>
      </c>
      <c r="H5129" s="98">
        <v>0</v>
      </c>
      <c r="I5129" s="98">
        <v>0</v>
      </c>
      <c r="J5129" s="98">
        <v>0</v>
      </c>
      <c r="K5129" s="98" t="s">
        <v>174</v>
      </c>
      <c r="L5129" s="98" t="s">
        <v>174</v>
      </c>
      <c r="M5129" s="98" t="s">
        <v>174</v>
      </c>
      <c r="N5129" s="98" t="s">
        <v>174</v>
      </c>
      <c r="O5129" s="98" t="s">
        <v>174</v>
      </c>
      <c r="P5129" s="98" t="s">
        <v>174</v>
      </c>
      <c r="Q5129" s="98" t="s">
        <v>174</v>
      </c>
      <c r="R5129" s="98" t="s">
        <v>174</v>
      </c>
      <c r="S5129" s="98" t="s">
        <v>174</v>
      </c>
      <c r="T5129" s="98" t="s">
        <v>174</v>
      </c>
      <c r="U5129" s="98" t="s">
        <v>174</v>
      </c>
      <c r="V5129" s="98" t="s">
        <v>174</v>
      </c>
      <c r="W5129" s="98" t="s">
        <v>174</v>
      </c>
      <c r="X5129" s="98" t="s">
        <v>174</v>
      </c>
      <c r="Y5129" s="98" t="s">
        <v>174</v>
      </c>
      <c r="Z5129" s="98" t="s">
        <v>174</v>
      </c>
      <c r="AA5129" s="98" t="s">
        <v>174</v>
      </c>
      <c r="AB5129" s="98" t="s">
        <v>174</v>
      </c>
      <c r="AC5129" s="98" t="s">
        <v>174</v>
      </c>
      <c r="AD5129" s="98" t="s">
        <v>174</v>
      </c>
      <c r="AE5129" s="98" t="s">
        <v>174</v>
      </c>
      <c r="AF5129" s="98" t="s">
        <v>174</v>
      </c>
      <c r="AG5129" s="98" t="s">
        <v>174</v>
      </c>
      <c r="AH5129" s="98" t="s">
        <v>174</v>
      </c>
      <c r="AI5129" s="98" t="s">
        <v>174</v>
      </c>
      <c r="AJ5129" s="98" t="s">
        <v>174</v>
      </c>
      <c r="AK5129" s="98" t="s">
        <v>174</v>
      </c>
      <c r="AL5129" s="98" t="s">
        <v>174</v>
      </c>
      <c r="AM5129" s="98" t="s">
        <v>174</v>
      </c>
      <c r="AN5129" s="98" t="s">
        <v>174</v>
      </c>
      <c r="AO5129" s="98" t="s">
        <v>174</v>
      </c>
      <c r="AP5129" s="98" t="s">
        <v>174</v>
      </c>
      <c r="AQ5129" s="98" t="s">
        <v>174</v>
      </c>
      <c r="AR5129" s="98" t="s">
        <v>174</v>
      </c>
      <c r="AS5129" s="98" t="s">
        <v>174</v>
      </c>
      <c r="AT5129" s="129" t="s">
        <v>174</v>
      </c>
      <c r="AU5129" s="98" t="s">
        <v>174</v>
      </c>
      <c r="AV5129" s="98" t="s">
        <v>174</v>
      </c>
      <c r="AW5129" s="98" t="s">
        <v>174</v>
      </c>
      <c r="AX5129" s="98"/>
      <c r="AY5129" s="98"/>
      <c r="AZ5129" s="98"/>
      <c r="BA5129" s="98"/>
      <c r="BB5129" s="107">
        <v>45884</v>
      </c>
    </row>
    <row r="5130" spans="1:54" s="8" customFormat="1" ht="13.95" customHeight="1" x14ac:dyDescent="0.25">
      <c r="A5130" s="219" t="s">
        <v>11897</v>
      </c>
      <c r="B5130" s="220" t="s">
        <v>10412</v>
      </c>
      <c r="C5130" s="98" t="s">
        <v>11898</v>
      </c>
      <c r="D5130" s="98" t="s">
        <v>11899</v>
      </c>
      <c r="E5130" s="141" t="s">
        <v>174</v>
      </c>
      <c r="F5130" s="141">
        <v>1400</v>
      </c>
      <c r="G5130" s="98" t="s">
        <v>9</v>
      </c>
      <c r="H5130" s="98">
        <v>0</v>
      </c>
      <c r="I5130" s="98">
        <v>0</v>
      </c>
      <c r="J5130" s="98">
        <v>0</v>
      </c>
      <c r="K5130" s="98" t="s">
        <v>174</v>
      </c>
      <c r="L5130" s="98" t="s">
        <v>174</v>
      </c>
      <c r="M5130" s="98" t="s">
        <v>174</v>
      </c>
      <c r="N5130" s="98" t="s">
        <v>174</v>
      </c>
      <c r="O5130" s="98" t="s">
        <v>174</v>
      </c>
      <c r="P5130" s="98" t="s">
        <v>174</v>
      </c>
      <c r="Q5130" s="98" t="s">
        <v>174</v>
      </c>
      <c r="R5130" s="98" t="s">
        <v>174</v>
      </c>
      <c r="S5130" s="98" t="s">
        <v>174</v>
      </c>
      <c r="T5130" s="98" t="s">
        <v>174</v>
      </c>
      <c r="U5130" s="99"/>
      <c r="V5130" s="99"/>
      <c r="W5130" s="99"/>
      <c r="X5130" s="99"/>
      <c r="Y5130" s="99"/>
      <c r="Z5130" s="99"/>
      <c r="AA5130" s="99"/>
      <c r="AB5130" s="99"/>
      <c r="AC5130" s="99"/>
      <c r="AD5130" s="99"/>
      <c r="AE5130" s="99"/>
      <c r="AF5130" s="99"/>
      <c r="AG5130" s="99"/>
      <c r="AH5130" s="99"/>
      <c r="AI5130" s="99"/>
      <c r="AJ5130" s="99"/>
      <c r="AK5130" s="99"/>
      <c r="AL5130" s="99"/>
      <c r="AM5130" s="99"/>
      <c r="AN5130" s="99"/>
      <c r="AO5130" s="99"/>
      <c r="AP5130" s="99"/>
      <c r="AQ5130" s="99"/>
      <c r="AR5130" s="99"/>
      <c r="AS5130" s="99"/>
      <c r="AT5130" s="99"/>
      <c r="AU5130" s="99"/>
      <c r="AV5130" s="99"/>
      <c r="AW5130" s="99"/>
      <c r="AX5130" s="99"/>
      <c r="AY5130" s="99"/>
      <c r="AZ5130" s="99"/>
      <c r="BA5130" s="99"/>
      <c r="BB5130" s="107">
        <v>45884</v>
      </c>
    </row>
    <row r="5131" spans="1:54" s="8" customFormat="1" ht="13.95" customHeight="1" x14ac:dyDescent="0.25">
      <c r="A5131" s="219" t="s">
        <v>11900</v>
      </c>
      <c r="B5131" s="220" t="s">
        <v>10412</v>
      </c>
      <c r="C5131" s="98" t="s">
        <v>11901</v>
      </c>
      <c r="D5131" s="98" t="s">
        <v>11902</v>
      </c>
      <c r="E5131" s="141" t="s">
        <v>174</v>
      </c>
      <c r="F5131" s="141">
        <v>5724</v>
      </c>
      <c r="G5131" s="98" t="s">
        <v>9</v>
      </c>
      <c r="H5131" s="98">
        <v>0</v>
      </c>
      <c r="I5131" s="98">
        <v>0</v>
      </c>
      <c r="J5131" s="98">
        <v>0</v>
      </c>
      <c r="K5131" s="98" t="s">
        <v>174</v>
      </c>
      <c r="L5131" s="98" t="s">
        <v>174</v>
      </c>
      <c r="M5131" s="98" t="s">
        <v>174</v>
      </c>
      <c r="N5131" s="98" t="s">
        <v>174</v>
      </c>
      <c r="O5131" s="98" t="s">
        <v>174</v>
      </c>
      <c r="P5131" s="98" t="s">
        <v>174</v>
      </c>
      <c r="Q5131" s="98" t="s">
        <v>174</v>
      </c>
      <c r="R5131" s="98" t="s">
        <v>174</v>
      </c>
      <c r="S5131" s="98" t="s">
        <v>174</v>
      </c>
      <c r="T5131" s="98" t="s">
        <v>174</v>
      </c>
      <c r="U5131" s="99"/>
      <c r="V5131" s="99"/>
      <c r="W5131" s="99"/>
      <c r="X5131" s="99"/>
      <c r="Y5131" s="99"/>
      <c r="Z5131" s="99"/>
      <c r="AA5131" s="99"/>
      <c r="AB5131" s="99"/>
      <c r="AC5131" s="99"/>
      <c r="AD5131" s="99"/>
      <c r="AE5131" s="99"/>
      <c r="AF5131" s="99"/>
      <c r="AG5131" s="99"/>
      <c r="AH5131" s="99"/>
      <c r="AI5131" s="99"/>
      <c r="AJ5131" s="99"/>
      <c r="AK5131" s="99"/>
      <c r="AL5131" s="99"/>
      <c r="AM5131" s="99"/>
      <c r="AN5131" s="99"/>
      <c r="AO5131" s="99"/>
      <c r="AP5131" s="99"/>
      <c r="AQ5131" s="99"/>
      <c r="AR5131" s="99"/>
      <c r="AS5131" s="99"/>
      <c r="AT5131" s="99"/>
      <c r="AU5131" s="99"/>
      <c r="AV5131" s="99"/>
      <c r="AW5131" s="99"/>
      <c r="AX5131" s="99"/>
      <c r="AY5131" s="99"/>
      <c r="AZ5131" s="99"/>
      <c r="BA5131" s="99"/>
      <c r="BB5131" s="107">
        <v>45884</v>
      </c>
    </row>
    <row r="5132" spans="1:54" s="8" customFormat="1" ht="13.95" customHeight="1" x14ac:dyDescent="0.25">
      <c r="A5132" s="219" t="s">
        <v>11903</v>
      </c>
      <c r="B5132" s="220" t="s">
        <v>10412</v>
      </c>
      <c r="C5132" s="98" t="s">
        <v>11904</v>
      </c>
      <c r="D5132" s="98" t="s">
        <v>11905</v>
      </c>
      <c r="E5132" s="141" t="s">
        <v>174</v>
      </c>
      <c r="F5132" s="141">
        <v>9465</v>
      </c>
      <c r="G5132" s="98" t="s">
        <v>9</v>
      </c>
      <c r="H5132" s="98">
        <v>0</v>
      </c>
      <c r="I5132" s="98">
        <v>0</v>
      </c>
      <c r="J5132" s="98">
        <v>0</v>
      </c>
      <c r="K5132" s="98" t="s">
        <v>174</v>
      </c>
      <c r="L5132" s="98" t="s">
        <v>174</v>
      </c>
      <c r="M5132" s="98" t="s">
        <v>174</v>
      </c>
      <c r="N5132" s="98" t="s">
        <v>174</v>
      </c>
      <c r="O5132" s="98" t="s">
        <v>174</v>
      </c>
      <c r="P5132" s="98" t="s">
        <v>174</v>
      </c>
      <c r="Q5132" s="98" t="s">
        <v>174</v>
      </c>
      <c r="R5132" s="98" t="s">
        <v>174</v>
      </c>
      <c r="S5132" s="98" t="s">
        <v>174</v>
      </c>
      <c r="T5132" s="98" t="s">
        <v>174</v>
      </c>
      <c r="U5132" s="99"/>
      <c r="V5132" s="99"/>
      <c r="W5132" s="99"/>
      <c r="X5132" s="99"/>
      <c r="Y5132" s="99"/>
      <c r="Z5132" s="99"/>
      <c r="AA5132" s="99"/>
      <c r="AB5132" s="99"/>
      <c r="AC5132" s="99"/>
      <c r="AD5132" s="99"/>
      <c r="AE5132" s="99"/>
      <c r="AF5132" s="99"/>
      <c r="AG5132" s="99"/>
      <c r="AH5132" s="99"/>
      <c r="AI5132" s="99"/>
      <c r="AJ5132" s="99"/>
      <c r="AK5132" s="99"/>
      <c r="AL5132" s="99"/>
      <c r="AM5132" s="99"/>
      <c r="AN5132" s="99"/>
      <c r="AO5132" s="99"/>
      <c r="AP5132" s="99"/>
      <c r="AQ5132" s="99"/>
      <c r="AR5132" s="99"/>
      <c r="AS5132" s="99"/>
      <c r="AT5132" s="99"/>
      <c r="AU5132" s="99"/>
      <c r="AV5132" s="99"/>
      <c r="AW5132" s="99"/>
      <c r="AX5132" s="99"/>
      <c r="AY5132" s="99"/>
      <c r="AZ5132" s="99"/>
      <c r="BA5132" s="99"/>
      <c r="BB5132" s="107">
        <v>45884</v>
      </c>
    </row>
    <row r="5133" spans="1:54" s="8" customFormat="1" ht="13.95" customHeight="1" x14ac:dyDescent="0.25">
      <c r="A5133" s="219" t="s">
        <v>11906</v>
      </c>
      <c r="B5133" s="220" t="s">
        <v>10412</v>
      </c>
      <c r="C5133" s="98" t="s">
        <v>11907</v>
      </c>
      <c r="D5133" s="98" t="s">
        <v>11908</v>
      </c>
      <c r="E5133" s="141" t="s">
        <v>174</v>
      </c>
      <c r="F5133" s="141">
        <v>6076</v>
      </c>
      <c r="G5133" s="98" t="s">
        <v>9</v>
      </c>
      <c r="H5133" s="98">
        <v>0</v>
      </c>
      <c r="I5133" s="98">
        <v>0</v>
      </c>
      <c r="J5133" s="98">
        <v>0</v>
      </c>
      <c r="K5133" s="98" t="s">
        <v>174</v>
      </c>
      <c r="L5133" s="98" t="s">
        <v>174</v>
      </c>
      <c r="M5133" s="98" t="s">
        <v>174</v>
      </c>
      <c r="N5133" s="98" t="s">
        <v>174</v>
      </c>
      <c r="O5133" s="98" t="s">
        <v>174</v>
      </c>
      <c r="P5133" s="98" t="s">
        <v>174</v>
      </c>
      <c r="Q5133" s="98" t="s">
        <v>174</v>
      </c>
      <c r="R5133" s="98" t="s">
        <v>174</v>
      </c>
      <c r="S5133" s="98" t="s">
        <v>174</v>
      </c>
      <c r="T5133" s="98" t="s">
        <v>174</v>
      </c>
      <c r="U5133" s="98" t="s">
        <v>174</v>
      </c>
      <c r="V5133" s="98" t="s">
        <v>174</v>
      </c>
      <c r="W5133" s="98" t="s">
        <v>174</v>
      </c>
      <c r="X5133" s="98" t="s">
        <v>174</v>
      </c>
      <c r="Y5133" s="98" t="s">
        <v>174</v>
      </c>
      <c r="Z5133" s="98" t="s">
        <v>174</v>
      </c>
      <c r="AA5133" s="98" t="s">
        <v>174</v>
      </c>
      <c r="AB5133" s="98" t="s">
        <v>174</v>
      </c>
      <c r="AC5133" s="98" t="s">
        <v>174</v>
      </c>
      <c r="AD5133" s="98" t="s">
        <v>174</v>
      </c>
      <c r="AE5133" s="98" t="s">
        <v>174</v>
      </c>
      <c r="AF5133" s="98" t="s">
        <v>174</v>
      </c>
      <c r="AG5133" s="98" t="s">
        <v>174</v>
      </c>
      <c r="AH5133" s="98" t="s">
        <v>174</v>
      </c>
      <c r="AI5133" s="98" t="s">
        <v>174</v>
      </c>
      <c r="AJ5133" s="98" t="s">
        <v>174</v>
      </c>
      <c r="AK5133" s="98" t="s">
        <v>174</v>
      </c>
      <c r="AL5133" s="98" t="s">
        <v>174</v>
      </c>
      <c r="AM5133" s="98" t="s">
        <v>174</v>
      </c>
      <c r="AN5133" s="98" t="s">
        <v>174</v>
      </c>
      <c r="AO5133" s="98" t="s">
        <v>174</v>
      </c>
      <c r="AP5133" s="98" t="s">
        <v>174</v>
      </c>
      <c r="AQ5133" s="98" t="s">
        <v>174</v>
      </c>
      <c r="AR5133" s="98" t="s">
        <v>174</v>
      </c>
      <c r="AS5133" s="98" t="s">
        <v>174</v>
      </c>
      <c r="AT5133" s="129" t="s">
        <v>174</v>
      </c>
      <c r="AU5133" s="98" t="s">
        <v>174</v>
      </c>
      <c r="AV5133" s="98" t="s">
        <v>174</v>
      </c>
      <c r="AW5133" s="98" t="s">
        <v>174</v>
      </c>
      <c r="AX5133" s="98"/>
      <c r="AY5133" s="98"/>
      <c r="AZ5133" s="98"/>
      <c r="BA5133" s="98"/>
      <c r="BB5133" s="107">
        <v>45884</v>
      </c>
    </row>
    <row r="5134" spans="1:54" s="8" customFormat="1" ht="13.95" customHeight="1" x14ac:dyDescent="0.25">
      <c r="A5134" s="219" t="s">
        <v>11909</v>
      </c>
      <c r="B5134" s="220" t="s">
        <v>10412</v>
      </c>
      <c r="C5134" s="98" t="s">
        <v>11910</v>
      </c>
      <c r="D5134" s="98" t="s">
        <v>11911</v>
      </c>
      <c r="E5134" s="141" t="s">
        <v>174</v>
      </c>
      <c r="F5134" s="141">
        <v>1046</v>
      </c>
      <c r="G5134" s="98" t="s">
        <v>9</v>
      </c>
      <c r="H5134" s="98">
        <v>0</v>
      </c>
      <c r="I5134" s="98">
        <v>0</v>
      </c>
      <c r="J5134" s="98">
        <v>0</v>
      </c>
      <c r="K5134" s="98" t="s">
        <v>174</v>
      </c>
      <c r="L5134" s="98" t="s">
        <v>174</v>
      </c>
      <c r="M5134" s="98" t="s">
        <v>174</v>
      </c>
      <c r="N5134" s="98" t="s">
        <v>174</v>
      </c>
      <c r="O5134" s="98" t="s">
        <v>174</v>
      </c>
      <c r="P5134" s="98" t="s">
        <v>174</v>
      </c>
      <c r="Q5134" s="98" t="s">
        <v>174</v>
      </c>
      <c r="R5134" s="98" t="s">
        <v>174</v>
      </c>
      <c r="S5134" s="98" t="s">
        <v>174</v>
      </c>
      <c r="T5134" s="98" t="s">
        <v>174</v>
      </c>
      <c r="U5134" s="99"/>
      <c r="V5134" s="99"/>
      <c r="W5134" s="99"/>
      <c r="X5134" s="99"/>
      <c r="Y5134" s="99"/>
      <c r="Z5134" s="99"/>
      <c r="AA5134" s="99"/>
      <c r="AB5134" s="99"/>
      <c r="AC5134" s="99"/>
      <c r="AD5134" s="99"/>
      <c r="AE5134" s="99"/>
      <c r="AF5134" s="99"/>
      <c r="AG5134" s="99"/>
      <c r="AH5134" s="99"/>
      <c r="AI5134" s="99"/>
      <c r="AJ5134" s="99"/>
      <c r="AK5134" s="99"/>
      <c r="AL5134" s="99"/>
      <c r="AM5134" s="99"/>
      <c r="AN5134" s="99"/>
      <c r="AO5134" s="99"/>
      <c r="AP5134" s="99"/>
      <c r="AQ5134" s="99"/>
      <c r="AR5134" s="99"/>
      <c r="AS5134" s="99"/>
      <c r="AT5134" s="99"/>
      <c r="AU5134" s="99"/>
      <c r="AV5134" s="99"/>
      <c r="AW5134" s="99"/>
      <c r="AX5134" s="99"/>
      <c r="AY5134" s="99"/>
      <c r="AZ5134" s="99"/>
      <c r="BA5134" s="99"/>
      <c r="BB5134" s="107">
        <v>45884</v>
      </c>
    </row>
    <row r="5135" spans="1:54" s="8" customFormat="1" ht="13.95" customHeight="1" x14ac:dyDescent="0.25">
      <c r="A5135" s="219" t="s">
        <v>11912</v>
      </c>
      <c r="B5135" s="220" t="s">
        <v>10412</v>
      </c>
      <c r="C5135" s="98" t="s">
        <v>11913</v>
      </c>
      <c r="D5135" s="98" t="s">
        <v>11914</v>
      </c>
      <c r="E5135" s="141" t="s">
        <v>174</v>
      </c>
      <c r="F5135" s="141">
        <v>42367</v>
      </c>
      <c r="G5135" s="98" t="s">
        <v>9</v>
      </c>
      <c r="H5135" s="98">
        <v>0</v>
      </c>
      <c r="I5135" s="98">
        <v>0</v>
      </c>
      <c r="J5135" s="98">
        <v>0</v>
      </c>
      <c r="K5135" s="98" t="s">
        <v>174</v>
      </c>
      <c r="L5135" s="98" t="s">
        <v>174</v>
      </c>
      <c r="M5135" s="98" t="s">
        <v>174</v>
      </c>
      <c r="N5135" s="98" t="s">
        <v>174</v>
      </c>
      <c r="O5135" s="98" t="s">
        <v>174</v>
      </c>
      <c r="P5135" s="98" t="s">
        <v>174</v>
      </c>
      <c r="Q5135" s="98" t="s">
        <v>174</v>
      </c>
      <c r="R5135" s="98" t="s">
        <v>174</v>
      </c>
      <c r="S5135" s="98" t="s">
        <v>174</v>
      </c>
      <c r="T5135" s="98" t="s">
        <v>174</v>
      </c>
      <c r="U5135" s="99"/>
      <c r="V5135" s="99"/>
      <c r="W5135" s="99"/>
      <c r="X5135" s="99"/>
      <c r="Y5135" s="99"/>
      <c r="Z5135" s="99"/>
      <c r="AA5135" s="99"/>
      <c r="AB5135" s="99"/>
      <c r="AC5135" s="99"/>
      <c r="AD5135" s="99"/>
      <c r="AE5135" s="99"/>
      <c r="AF5135" s="99"/>
      <c r="AG5135" s="99"/>
      <c r="AH5135" s="99"/>
      <c r="AI5135" s="99"/>
      <c r="AJ5135" s="99"/>
      <c r="AK5135" s="99"/>
      <c r="AL5135" s="99"/>
      <c r="AM5135" s="99"/>
      <c r="AN5135" s="99"/>
      <c r="AO5135" s="99"/>
      <c r="AP5135" s="99"/>
      <c r="AQ5135" s="99"/>
      <c r="AR5135" s="99"/>
      <c r="AS5135" s="99"/>
      <c r="AT5135" s="99"/>
      <c r="AU5135" s="99"/>
      <c r="AV5135" s="99"/>
      <c r="AW5135" s="99"/>
      <c r="AX5135" s="99"/>
      <c r="AY5135" s="99"/>
      <c r="AZ5135" s="99"/>
      <c r="BA5135" s="99"/>
      <c r="BB5135" s="107">
        <v>45884</v>
      </c>
    </row>
    <row r="5136" spans="1:54" s="8" customFormat="1" ht="13.95" customHeight="1" x14ac:dyDescent="0.25">
      <c r="A5136" s="219" t="s">
        <v>11915</v>
      </c>
      <c r="B5136" s="220" t="s">
        <v>10412</v>
      </c>
      <c r="C5136" s="98" t="s">
        <v>11916</v>
      </c>
      <c r="D5136" s="98" t="s">
        <v>11917</v>
      </c>
      <c r="E5136" s="141" t="s">
        <v>174</v>
      </c>
      <c r="F5136" s="141">
        <v>21352</v>
      </c>
      <c r="G5136" s="98" t="s">
        <v>9</v>
      </c>
      <c r="H5136" s="98">
        <v>0</v>
      </c>
      <c r="I5136" s="98">
        <v>0</v>
      </c>
      <c r="J5136" s="98">
        <v>0</v>
      </c>
      <c r="K5136" s="98" t="s">
        <v>174</v>
      </c>
      <c r="L5136" s="98" t="s">
        <v>174</v>
      </c>
      <c r="M5136" s="98" t="s">
        <v>174</v>
      </c>
      <c r="N5136" s="98" t="s">
        <v>174</v>
      </c>
      <c r="O5136" s="98" t="s">
        <v>174</v>
      </c>
      <c r="P5136" s="98" t="s">
        <v>174</v>
      </c>
      <c r="Q5136" s="98" t="s">
        <v>174</v>
      </c>
      <c r="R5136" s="98" t="s">
        <v>174</v>
      </c>
      <c r="S5136" s="98" t="s">
        <v>174</v>
      </c>
      <c r="T5136" s="98" t="s">
        <v>174</v>
      </c>
      <c r="U5136" s="98" t="s">
        <v>174</v>
      </c>
      <c r="V5136" s="98" t="s">
        <v>174</v>
      </c>
      <c r="W5136" s="98" t="s">
        <v>174</v>
      </c>
      <c r="X5136" s="98" t="s">
        <v>174</v>
      </c>
      <c r="Y5136" s="98" t="s">
        <v>174</v>
      </c>
      <c r="Z5136" s="98" t="s">
        <v>174</v>
      </c>
      <c r="AA5136" s="98" t="s">
        <v>174</v>
      </c>
      <c r="AB5136" s="98" t="s">
        <v>174</v>
      </c>
      <c r="AC5136" s="98" t="s">
        <v>174</v>
      </c>
      <c r="AD5136" s="98" t="s">
        <v>174</v>
      </c>
      <c r="AE5136" s="98" t="s">
        <v>174</v>
      </c>
      <c r="AF5136" s="98" t="s">
        <v>174</v>
      </c>
      <c r="AG5136" s="98" t="s">
        <v>174</v>
      </c>
      <c r="AH5136" s="98" t="s">
        <v>174</v>
      </c>
      <c r="AI5136" s="98" t="s">
        <v>174</v>
      </c>
      <c r="AJ5136" s="98" t="s">
        <v>174</v>
      </c>
      <c r="AK5136" s="98" t="s">
        <v>174</v>
      </c>
      <c r="AL5136" s="98" t="s">
        <v>174</v>
      </c>
      <c r="AM5136" s="98" t="s">
        <v>174</v>
      </c>
      <c r="AN5136" s="98" t="s">
        <v>174</v>
      </c>
      <c r="AO5136" s="98" t="s">
        <v>174</v>
      </c>
      <c r="AP5136" s="98" t="s">
        <v>174</v>
      </c>
      <c r="AQ5136" s="98" t="s">
        <v>174</v>
      </c>
      <c r="AR5136" s="98" t="s">
        <v>174</v>
      </c>
      <c r="AS5136" s="98" t="s">
        <v>174</v>
      </c>
      <c r="AT5136" s="98">
        <v>1</v>
      </c>
      <c r="AU5136" s="98" t="s">
        <v>174</v>
      </c>
      <c r="AV5136" s="98" t="s">
        <v>174</v>
      </c>
      <c r="AW5136" s="98" t="s">
        <v>174</v>
      </c>
      <c r="AX5136" s="98"/>
      <c r="AY5136" s="98"/>
      <c r="AZ5136" s="98"/>
      <c r="BA5136" s="98"/>
      <c r="BB5136" s="107">
        <v>45884</v>
      </c>
    </row>
    <row r="5137" spans="1:54" s="8" customFormat="1" ht="13.95" customHeight="1" x14ac:dyDescent="0.25">
      <c r="A5137" s="219" t="s">
        <v>11918</v>
      </c>
      <c r="B5137" s="220" t="s">
        <v>10412</v>
      </c>
      <c r="C5137" s="98" t="s">
        <v>11919</v>
      </c>
      <c r="D5137" s="98" t="s">
        <v>11920</v>
      </c>
      <c r="E5137" s="141" t="s">
        <v>174</v>
      </c>
      <c r="F5137" s="141">
        <v>81698</v>
      </c>
      <c r="G5137" s="98" t="s">
        <v>9</v>
      </c>
      <c r="H5137" s="98">
        <v>0</v>
      </c>
      <c r="I5137" s="98">
        <v>0</v>
      </c>
      <c r="J5137" s="98">
        <v>0</v>
      </c>
      <c r="K5137" s="98" t="s">
        <v>174</v>
      </c>
      <c r="L5137" s="98" t="s">
        <v>174</v>
      </c>
      <c r="M5137" s="98" t="s">
        <v>174</v>
      </c>
      <c r="N5137" s="98" t="s">
        <v>174</v>
      </c>
      <c r="O5137" s="98" t="s">
        <v>174</v>
      </c>
      <c r="P5137" s="98" t="s">
        <v>174</v>
      </c>
      <c r="Q5137" s="98" t="s">
        <v>174</v>
      </c>
      <c r="R5137" s="98" t="s">
        <v>174</v>
      </c>
      <c r="S5137" s="98" t="s">
        <v>174</v>
      </c>
      <c r="T5137" s="98" t="s">
        <v>174</v>
      </c>
      <c r="U5137" s="99"/>
      <c r="V5137" s="99"/>
      <c r="W5137" s="99"/>
      <c r="X5137" s="99"/>
      <c r="Y5137" s="99"/>
      <c r="Z5137" s="99"/>
      <c r="AA5137" s="99"/>
      <c r="AB5137" s="99"/>
      <c r="AC5137" s="99"/>
      <c r="AD5137" s="99"/>
      <c r="AE5137" s="99"/>
      <c r="AF5137" s="99"/>
      <c r="AG5137" s="99"/>
      <c r="AH5137" s="99"/>
      <c r="AI5137" s="99"/>
      <c r="AJ5137" s="99"/>
      <c r="AK5137" s="99"/>
      <c r="AL5137" s="99"/>
      <c r="AM5137" s="99"/>
      <c r="AN5137" s="99"/>
      <c r="AO5137" s="99"/>
      <c r="AP5137" s="99"/>
      <c r="AQ5137" s="99"/>
      <c r="AR5137" s="99"/>
      <c r="AS5137" s="99"/>
      <c r="AT5137" s="98">
        <v>1</v>
      </c>
      <c r="AU5137" s="99"/>
      <c r="AV5137" s="99"/>
      <c r="AW5137" s="99"/>
      <c r="AX5137" s="99"/>
      <c r="AY5137" s="99"/>
      <c r="AZ5137" s="99"/>
      <c r="BA5137" s="99"/>
      <c r="BB5137" s="107">
        <v>45884</v>
      </c>
    </row>
    <row r="5138" spans="1:54" s="8" customFormat="1" ht="13.95" customHeight="1" x14ac:dyDescent="0.25">
      <c r="A5138" s="219" t="s">
        <v>11921</v>
      </c>
      <c r="B5138" s="220" t="s">
        <v>10412</v>
      </c>
      <c r="C5138" s="98" t="s">
        <v>11922</v>
      </c>
      <c r="D5138" s="98" t="s">
        <v>11923</v>
      </c>
      <c r="E5138" s="141" t="s">
        <v>174</v>
      </c>
      <c r="F5138" s="141">
        <v>2439</v>
      </c>
      <c r="G5138" s="98" t="s">
        <v>9</v>
      </c>
      <c r="H5138" s="98">
        <v>0</v>
      </c>
      <c r="I5138" s="98">
        <v>0</v>
      </c>
      <c r="J5138" s="98">
        <v>0</v>
      </c>
      <c r="K5138" s="98" t="s">
        <v>174</v>
      </c>
      <c r="L5138" s="98" t="s">
        <v>174</v>
      </c>
      <c r="M5138" s="98" t="s">
        <v>174</v>
      </c>
      <c r="N5138" s="98" t="s">
        <v>174</v>
      </c>
      <c r="O5138" s="98" t="s">
        <v>174</v>
      </c>
      <c r="P5138" s="98" t="s">
        <v>174</v>
      </c>
      <c r="Q5138" s="98" t="s">
        <v>174</v>
      </c>
      <c r="R5138" s="98" t="s">
        <v>174</v>
      </c>
      <c r="S5138" s="98" t="s">
        <v>174</v>
      </c>
      <c r="T5138" s="98" t="s">
        <v>174</v>
      </c>
      <c r="U5138" s="99"/>
      <c r="V5138" s="99"/>
      <c r="W5138" s="99"/>
      <c r="X5138" s="99"/>
      <c r="Y5138" s="99"/>
      <c r="Z5138" s="99"/>
      <c r="AA5138" s="99"/>
      <c r="AB5138" s="99"/>
      <c r="AC5138" s="99"/>
      <c r="AD5138" s="99"/>
      <c r="AE5138" s="99"/>
      <c r="AF5138" s="99"/>
      <c r="AG5138" s="99"/>
      <c r="AH5138" s="99"/>
      <c r="AI5138" s="99"/>
      <c r="AJ5138" s="99"/>
      <c r="AK5138" s="99"/>
      <c r="AL5138" s="99"/>
      <c r="AM5138" s="99"/>
      <c r="AN5138" s="99"/>
      <c r="AO5138" s="99"/>
      <c r="AP5138" s="99"/>
      <c r="AQ5138" s="99"/>
      <c r="AR5138" s="99"/>
      <c r="AS5138" s="99"/>
      <c r="AT5138" s="99"/>
      <c r="AU5138" s="99"/>
      <c r="AV5138" s="99"/>
      <c r="AW5138" s="99"/>
      <c r="AX5138" s="99"/>
      <c r="AY5138" s="99"/>
      <c r="AZ5138" s="99"/>
      <c r="BA5138" s="99"/>
      <c r="BB5138" s="107">
        <v>45884</v>
      </c>
    </row>
    <row r="5139" spans="1:54" s="8" customFormat="1" ht="13.95" customHeight="1" x14ac:dyDescent="0.25">
      <c r="A5139" s="219" t="s">
        <v>11924</v>
      </c>
      <c r="B5139" s="220" t="s">
        <v>10412</v>
      </c>
      <c r="C5139" s="98" t="s">
        <v>11925</v>
      </c>
      <c r="D5139" s="98" t="s">
        <v>11926</v>
      </c>
      <c r="E5139" s="141" t="s">
        <v>174</v>
      </c>
      <c r="F5139" s="141">
        <v>73716</v>
      </c>
      <c r="G5139" s="98" t="s">
        <v>9</v>
      </c>
      <c r="H5139" s="98">
        <v>0</v>
      </c>
      <c r="I5139" s="98">
        <v>0</v>
      </c>
      <c r="J5139" s="98">
        <v>0</v>
      </c>
      <c r="K5139" s="98" t="s">
        <v>174</v>
      </c>
      <c r="L5139" s="98" t="s">
        <v>174</v>
      </c>
      <c r="M5139" s="98" t="s">
        <v>174</v>
      </c>
      <c r="N5139" s="98" t="s">
        <v>174</v>
      </c>
      <c r="O5139" s="98" t="s">
        <v>174</v>
      </c>
      <c r="P5139" s="98" t="s">
        <v>174</v>
      </c>
      <c r="Q5139" s="98" t="s">
        <v>174</v>
      </c>
      <c r="R5139" s="98" t="s">
        <v>174</v>
      </c>
      <c r="S5139" s="98" t="s">
        <v>174</v>
      </c>
      <c r="T5139" s="98" t="s">
        <v>174</v>
      </c>
      <c r="U5139" s="99"/>
      <c r="V5139" s="99"/>
      <c r="W5139" s="99"/>
      <c r="X5139" s="99"/>
      <c r="Y5139" s="99"/>
      <c r="Z5139" s="99"/>
      <c r="AA5139" s="99"/>
      <c r="AB5139" s="99"/>
      <c r="AC5139" s="99"/>
      <c r="AD5139" s="99"/>
      <c r="AE5139" s="99"/>
      <c r="AF5139" s="99"/>
      <c r="AG5139" s="99"/>
      <c r="AH5139" s="99"/>
      <c r="AI5139" s="99"/>
      <c r="AJ5139" s="99"/>
      <c r="AK5139" s="99"/>
      <c r="AL5139" s="99"/>
      <c r="AM5139" s="99"/>
      <c r="AN5139" s="99"/>
      <c r="AO5139" s="99"/>
      <c r="AP5139" s="99"/>
      <c r="AQ5139" s="99"/>
      <c r="AR5139" s="99"/>
      <c r="AS5139" s="99"/>
      <c r="AT5139" s="99"/>
      <c r="AU5139" s="99"/>
      <c r="AV5139" s="99"/>
      <c r="AW5139" s="99"/>
      <c r="AX5139" s="99"/>
      <c r="AY5139" s="99"/>
      <c r="AZ5139" s="99"/>
      <c r="BA5139" s="99"/>
      <c r="BB5139" s="107">
        <v>45884</v>
      </c>
    </row>
    <row r="5140" spans="1:54" s="8" customFormat="1" ht="13.95" customHeight="1" x14ac:dyDescent="0.25">
      <c r="A5140" s="219" t="s">
        <v>11927</v>
      </c>
      <c r="B5140" s="220" t="s">
        <v>10412</v>
      </c>
      <c r="C5140" s="98" t="s">
        <v>11928</v>
      </c>
      <c r="D5140" s="98" t="s">
        <v>20250</v>
      </c>
      <c r="E5140" s="141" t="s">
        <v>174</v>
      </c>
      <c r="F5140" s="222">
        <v>122523</v>
      </c>
      <c r="G5140" s="98" t="s">
        <v>9</v>
      </c>
      <c r="H5140" s="98">
        <v>0</v>
      </c>
      <c r="I5140" s="98">
        <v>0</v>
      </c>
      <c r="J5140" s="98">
        <v>0</v>
      </c>
      <c r="K5140" s="98" t="s">
        <v>174</v>
      </c>
      <c r="L5140" s="98" t="s">
        <v>174</v>
      </c>
      <c r="M5140" s="98" t="s">
        <v>174</v>
      </c>
      <c r="N5140" s="98" t="s">
        <v>174</v>
      </c>
      <c r="O5140" s="98" t="s">
        <v>174</v>
      </c>
      <c r="P5140" s="98" t="s">
        <v>174</v>
      </c>
      <c r="Q5140" s="98" t="s">
        <v>174</v>
      </c>
      <c r="R5140" s="98" t="s">
        <v>174</v>
      </c>
      <c r="S5140" s="98" t="s">
        <v>174</v>
      </c>
      <c r="T5140" s="98" t="s">
        <v>174</v>
      </c>
      <c r="U5140" s="99"/>
      <c r="V5140" s="99"/>
      <c r="W5140" s="99"/>
      <c r="X5140" s="99"/>
      <c r="Y5140" s="99"/>
      <c r="Z5140" s="99"/>
      <c r="AA5140" s="99"/>
      <c r="AB5140" s="99"/>
      <c r="AC5140" s="99"/>
      <c r="AD5140" s="99"/>
      <c r="AE5140" s="99"/>
      <c r="AF5140" s="99"/>
      <c r="AG5140" s="99"/>
      <c r="AH5140" s="99"/>
      <c r="AI5140" s="99"/>
      <c r="AJ5140" s="99"/>
      <c r="AK5140" s="99"/>
      <c r="AL5140" s="99"/>
      <c r="AM5140" s="99"/>
      <c r="AN5140" s="99"/>
      <c r="AO5140" s="99"/>
      <c r="AP5140" s="99"/>
      <c r="AQ5140" s="99"/>
      <c r="AR5140" s="99"/>
      <c r="AS5140" s="99"/>
      <c r="AT5140" s="99"/>
      <c r="AU5140" s="99"/>
      <c r="AV5140" s="99"/>
      <c r="AW5140" s="99"/>
      <c r="AX5140" s="99"/>
      <c r="AY5140" s="99"/>
      <c r="AZ5140" s="99"/>
      <c r="BA5140" s="99"/>
      <c r="BB5140" s="107">
        <v>45884</v>
      </c>
    </row>
    <row r="5141" spans="1:54" s="8" customFormat="1" ht="13.95" customHeight="1" x14ac:dyDescent="0.25">
      <c r="A5141" s="219" t="s">
        <v>19786</v>
      </c>
      <c r="B5141" s="220" t="s">
        <v>10412</v>
      </c>
      <c r="C5141" s="98" t="s">
        <v>19783</v>
      </c>
      <c r="D5141" s="98" t="s">
        <v>20251</v>
      </c>
      <c r="E5141" s="141" t="s">
        <v>174</v>
      </c>
      <c r="F5141" s="141">
        <v>1715</v>
      </c>
      <c r="G5141" s="98" t="s">
        <v>9</v>
      </c>
      <c r="H5141" s="98">
        <v>0</v>
      </c>
      <c r="I5141" s="98">
        <v>0</v>
      </c>
      <c r="J5141" s="98">
        <v>0</v>
      </c>
      <c r="K5141" s="98" t="s">
        <v>174</v>
      </c>
      <c r="L5141" s="98" t="s">
        <v>174</v>
      </c>
      <c r="M5141" s="98" t="s">
        <v>174</v>
      </c>
      <c r="N5141" s="98" t="s">
        <v>174</v>
      </c>
      <c r="O5141" s="98" t="s">
        <v>174</v>
      </c>
      <c r="P5141" s="98" t="s">
        <v>174</v>
      </c>
      <c r="Q5141" s="98" t="s">
        <v>174</v>
      </c>
      <c r="R5141" s="98" t="s">
        <v>174</v>
      </c>
      <c r="S5141" s="98" t="s">
        <v>174</v>
      </c>
      <c r="T5141" s="98" t="s">
        <v>174</v>
      </c>
      <c r="U5141" s="98" t="s">
        <v>174</v>
      </c>
      <c r="V5141" s="98" t="s">
        <v>174</v>
      </c>
      <c r="W5141" s="98" t="s">
        <v>174</v>
      </c>
      <c r="X5141" s="98" t="s">
        <v>174</v>
      </c>
      <c r="Y5141" s="98" t="s">
        <v>174</v>
      </c>
      <c r="Z5141" s="98" t="s">
        <v>174</v>
      </c>
      <c r="AA5141" s="98" t="s">
        <v>174</v>
      </c>
      <c r="AB5141" s="98" t="s">
        <v>174</v>
      </c>
      <c r="AC5141" s="98" t="s">
        <v>174</v>
      </c>
      <c r="AD5141" s="98" t="s">
        <v>174</v>
      </c>
      <c r="AE5141" s="98" t="s">
        <v>174</v>
      </c>
      <c r="AF5141" s="98" t="s">
        <v>174</v>
      </c>
      <c r="AG5141" s="98" t="s">
        <v>174</v>
      </c>
      <c r="AH5141" s="98" t="s">
        <v>174</v>
      </c>
      <c r="AI5141" s="98" t="s">
        <v>174</v>
      </c>
      <c r="AJ5141" s="98" t="s">
        <v>174</v>
      </c>
      <c r="AK5141" s="98" t="s">
        <v>174</v>
      </c>
      <c r="AL5141" s="98" t="s">
        <v>174</v>
      </c>
      <c r="AM5141" s="98" t="s">
        <v>174</v>
      </c>
      <c r="AN5141" s="98" t="s">
        <v>174</v>
      </c>
      <c r="AO5141" s="98" t="s">
        <v>174</v>
      </c>
      <c r="AP5141" s="98" t="s">
        <v>174</v>
      </c>
      <c r="AQ5141" s="98" t="s">
        <v>174</v>
      </c>
      <c r="AR5141" s="98" t="s">
        <v>174</v>
      </c>
      <c r="AS5141" s="98" t="s">
        <v>174</v>
      </c>
      <c r="AT5141" s="129" t="s">
        <v>174</v>
      </c>
      <c r="AU5141" s="98" t="s">
        <v>174</v>
      </c>
      <c r="AV5141" s="98" t="s">
        <v>174</v>
      </c>
      <c r="AW5141" s="98" t="s">
        <v>174</v>
      </c>
      <c r="AX5141" s="98"/>
      <c r="AY5141" s="98"/>
      <c r="AZ5141" s="98"/>
      <c r="BA5141" s="98"/>
      <c r="BB5141" s="107">
        <v>45884</v>
      </c>
    </row>
    <row r="5142" spans="1:54" s="8" customFormat="1" ht="13.95" customHeight="1" x14ac:dyDescent="0.25">
      <c r="A5142" s="219" t="s">
        <v>21956</v>
      </c>
      <c r="B5142" s="220" t="s">
        <v>10412</v>
      </c>
      <c r="C5142" s="98" t="s">
        <v>19784</v>
      </c>
      <c r="D5142" s="98" t="s">
        <v>20252</v>
      </c>
      <c r="E5142" s="141" t="s">
        <v>174</v>
      </c>
      <c r="F5142" s="141">
        <v>2937</v>
      </c>
      <c r="G5142" s="98" t="s">
        <v>9</v>
      </c>
      <c r="H5142" s="98">
        <v>0</v>
      </c>
      <c r="I5142" s="98">
        <v>0</v>
      </c>
      <c r="J5142" s="98">
        <v>0</v>
      </c>
      <c r="K5142" s="98" t="s">
        <v>174</v>
      </c>
      <c r="L5142" s="98" t="s">
        <v>174</v>
      </c>
      <c r="M5142" s="98" t="s">
        <v>174</v>
      </c>
      <c r="N5142" s="98" t="s">
        <v>174</v>
      </c>
      <c r="O5142" s="98" t="s">
        <v>174</v>
      </c>
      <c r="P5142" s="98" t="s">
        <v>174</v>
      </c>
      <c r="Q5142" s="98" t="s">
        <v>174</v>
      </c>
      <c r="R5142" s="98" t="s">
        <v>174</v>
      </c>
      <c r="S5142" s="98" t="s">
        <v>174</v>
      </c>
      <c r="T5142" s="98" t="s">
        <v>174</v>
      </c>
      <c r="U5142" s="98" t="s">
        <v>174</v>
      </c>
      <c r="V5142" s="98" t="s">
        <v>174</v>
      </c>
      <c r="W5142" s="98" t="s">
        <v>174</v>
      </c>
      <c r="X5142" s="98" t="s">
        <v>174</v>
      </c>
      <c r="Y5142" s="98" t="s">
        <v>174</v>
      </c>
      <c r="Z5142" s="98" t="s">
        <v>174</v>
      </c>
      <c r="AA5142" s="98" t="s">
        <v>174</v>
      </c>
      <c r="AB5142" s="98" t="s">
        <v>174</v>
      </c>
      <c r="AC5142" s="98" t="s">
        <v>174</v>
      </c>
      <c r="AD5142" s="98" t="s">
        <v>174</v>
      </c>
      <c r="AE5142" s="98" t="s">
        <v>174</v>
      </c>
      <c r="AF5142" s="98" t="s">
        <v>174</v>
      </c>
      <c r="AG5142" s="98" t="s">
        <v>174</v>
      </c>
      <c r="AH5142" s="98" t="s">
        <v>174</v>
      </c>
      <c r="AI5142" s="98" t="s">
        <v>174</v>
      </c>
      <c r="AJ5142" s="98" t="s">
        <v>174</v>
      </c>
      <c r="AK5142" s="98" t="s">
        <v>174</v>
      </c>
      <c r="AL5142" s="98" t="s">
        <v>174</v>
      </c>
      <c r="AM5142" s="98" t="s">
        <v>174</v>
      </c>
      <c r="AN5142" s="98" t="s">
        <v>174</v>
      </c>
      <c r="AO5142" s="98" t="s">
        <v>174</v>
      </c>
      <c r="AP5142" s="98" t="s">
        <v>174</v>
      </c>
      <c r="AQ5142" s="98" t="s">
        <v>174</v>
      </c>
      <c r="AR5142" s="98" t="s">
        <v>174</v>
      </c>
      <c r="AS5142" s="98" t="s">
        <v>174</v>
      </c>
      <c r="AT5142" s="129" t="s">
        <v>174</v>
      </c>
      <c r="AU5142" s="98" t="s">
        <v>174</v>
      </c>
      <c r="AV5142" s="98" t="s">
        <v>174</v>
      </c>
      <c r="AW5142" s="98" t="s">
        <v>174</v>
      </c>
      <c r="AX5142" s="98"/>
      <c r="AY5142" s="98"/>
      <c r="AZ5142" s="98"/>
      <c r="BA5142" s="98"/>
      <c r="BB5142" s="107">
        <v>45884</v>
      </c>
    </row>
    <row r="5143" spans="1:54" s="8" customFormat="1" ht="13.95" customHeight="1" x14ac:dyDescent="0.25">
      <c r="A5143" s="219" t="s">
        <v>19787</v>
      </c>
      <c r="B5143" s="220" t="s">
        <v>10412</v>
      </c>
      <c r="C5143" s="98" t="s">
        <v>19785</v>
      </c>
      <c r="D5143" s="98" t="s">
        <v>20253</v>
      </c>
      <c r="E5143" s="141" t="s">
        <v>174</v>
      </c>
      <c r="F5143" s="141">
        <v>1251</v>
      </c>
      <c r="G5143" s="98" t="s">
        <v>1</v>
      </c>
      <c r="H5143" s="98">
        <v>0</v>
      </c>
      <c r="I5143" s="98">
        <v>0</v>
      </c>
      <c r="J5143" s="98">
        <v>1</v>
      </c>
      <c r="K5143" s="98" t="s">
        <v>174</v>
      </c>
      <c r="L5143" s="98" t="s">
        <v>174</v>
      </c>
      <c r="M5143" s="98" t="s">
        <v>174</v>
      </c>
      <c r="N5143" s="98" t="s">
        <v>174</v>
      </c>
      <c r="O5143" s="98" t="s">
        <v>174</v>
      </c>
      <c r="P5143" s="98" t="s">
        <v>174</v>
      </c>
      <c r="Q5143" s="98" t="s">
        <v>174</v>
      </c>
      <c r="R5143" s="98" t="s">
        <v>174</v>
      </c>
      <c r="S5143" s="98" t="s">
        <v>174</v>
      </c>
      <c r="T5143" s="98" t="s">
        <v>174</v>
      </c>
      <c r="U5143" s="98" t="s">
        <v>174</v>
      </c>
      <c r="V5143" s="98" t="s">
        <v>174</v>
      </c>
      <c r="W5143" s="98" t="s">
        <v>174</v>
      </c>
      <c r="X5143" s="98" t="s">
        <v>174</v>
      </c>
      <c r="Y5143" s="98" t="s">
        <v>174</v>
      </c>
      <c r="Z5143" s="98" t="s">
        <v>174</v>
      </c>
      <c r="AA5143" s="98" t="s">
        <v>174</v>
      </c>
      <c r="AB5143" s="98" t="s">
        <v>174</v>
      </c>
      <c r="AC5143" s="98" t="s">
        <v>174</v>
      </c>
      <c r="AD5143" s="98" t="s">
        <v>174</v>
      </c>
      <c r="AE5143" s="98" t="s">
        <v>174</v>
      </c>
      <c r="AF5143" s="98" t="s">
        <v>174</v>
      </c>
      <c r="AG5143" s="98" t="s">
        <v>174</v>
      </c>
      <c r="AH5143" s="98" t="s">
        <v>174</v>
      </c>
      <c r="AI5143" s="98" t="s">
        <v>174</v>
      </c>
      <c r="AJ5143" s="98" t="s">
        <v>174</v>
      </c>
      <c r="AK5143" s="98" t="s">
        <v>174</v>
      </c>
      <c r="AL5143" s="98" t="s">
        <v>174</v>
      </c>
      <c r="AM5143" s="98" t="s">
        <v>174</v>
      </c>
      <c r="AN5143" s="98" t="s">
        <v>174</v>
      </c>
      <c r="AO5143" s="98" t="s">
        <v>174</v>
      </c>
      <c r="AP5143" s="98" t="s">
        <v>174</v>
      </c>
      <c r="AQ5143" s="98" t="s">
        <v>174</v>
      </c>
      <c r="AR5143" s="98" t="s">
        <v>174</v>
      </c>
      <c r="AS5143" s="98" t="s">
        <v>174</v>
      </c>
      <c r="AT5143" s="129" t="s">
        <v>174</v>
      </c>
      <c r="AU5143" s="98" t="s">
        <v>174</v>
      </c>
      <c r="AV5143" s="98" t="s">
        <v>174</v>
      </c>
      <c r="AW5143" s="98" t="s">
        <v>174</v>
      </c>
      <c r="AX5143" s="98"/>
      <c r="AY5143" s="98"/>
      <c r="AZ5143" s="98"/>
      <c r="BA5143" s="98"/>
      <c r="BB5143" s="107">
        <v>45884</v>
      </c>
    </row>
    <row r="5144" spans="1:54" s="8" customFormat="1" ht="13.95" customHeight="1" x14ac:dyDescent="0.25">
      <c r="A5144" s="219" t="s">
        <v>20268</v>
      </c>
      <c r="B5144" s="220" t="s">
        <v>10412</v>
      </c>
      <c r="C5144" s="98" t="s">
        <v>20254</v>
      </c>
      <c r="D5144" s="98" t="s">
        <v>20255</v>
      </c>
      <c r="E5144" s="141" t="s">
        <v>174</v>
      </c>
      <c r="F5144" s="141">
        <v>4183</v>
      </c>
      <c r="G5144" s="98" t="s">
        <v>9</v>
      </c>
      <c r="H5144" s="98">
        <v>0</v>
      </c>
      <c r="I5144" s="98">
        <v>0</v>
      </c>
      <c r="J5144" s="98">
        <v>0</v>
      </c>
      <c r="K5144" s="98" t="s">
        <v>174</v>
      </c>
      <c r="L5144" s="98" t="s">
        <v>174</v>
      </c>
      <c r="M5144" s="98" t="s">
        <v>174</v>
      </c>
      <c r="N5144" s="98" t="s">
        <v>174</v>
      </c>
      <c r="O5144" s="98" t="s">
        <v>174</v>
      </c>
      <c r="P5144" s="98" t="s">
        <v>174</v>
      </c>
      <c r="Q5144" s="98" t="s">
        <v>174</v>
      </c>
      <c r="R5144" s="98" t="s">
        <v>174</v>
      </c>
      <c r="S5144" s="98" t="s">
        <v>174</v>
      </c>
      <c r="T5144" s="98" t="s">
        <v>174</v>
      </c>
      <c r="U5144" s="98" t="s">
        <v>174</v>
      </c>
      <c r="V5144" s="98" t="s">
        <v>174</v>
      </c>
      <c r="W5144" s="98" t="s">
        <v>174</v>
      </c>
      <c r="X5144" s="98" t="s">
        <v>174</v>
      </c>
      <c r="Y5144" s="98" t="s">
        <v>174</v>
      </c>
      <c r="Z5144" s="98" t="s">
        <v>174</v>
      </c>
      <c r="AA5144" s="98" t="s">
        <v>174</v>
      </c>
      <c r="AB5144" s="98" t="s">
        <v>174</v>
      </c>
      <c r="AC5144" s="98" t="s">
        <v>174</v>
      </c>
      <c r="AD5144" s="98" t="s">
        <v>174</v>
      </c>
      <c r="AE5144" s="98" t="s">
        <v>174</v>
      </c>
      <c r="AF5144" s="98" t="s">
        <v>174</v>
      </c>
      <c r="AG5144" s="98" t="s">
        <v>174</v>
      </c>
      <c r="AH5144" s="98" t="s">
        <v>174</v>
      </c>
      <c r="AI5144" s="98" t="s">
        <v>174</v>
      </c>
      <c r="AJ5144" s="98" t="s">
        <v>174</v>
      </c>
      <c r="AK5144" s="98" t="s">
        <v>174</v>
      </c>
      <c r="AL5144" s="98" t="s">
        <v>174</v>
      </c>
      <c r="AM5144" s="98" t="s">
        <v>174</v>
      </c>
      <c r="AN5144" s="98" t="s">
        <v>174</v>
      </c>
      <c r="AO5144" s="98" t="s">
        <v>174</v>
      </c>
      <c r="AP5144" s="98" t="s">
        <v>174</v>
      </c>
      <c r="AQ5144" s="98" t="s">
        <v>174</v>
      </c>
      <c r="AR5144" s="98" t="s">
        <v>174</v>
      </c>
      <c r="AS5144" s="98" t="s">
        <v>174</v>
      </c>
      <c r="AT5144" s="129" t="s">
        <v>174</v>
      </c>
      <c r="AU5144" s="98" t="s">
        <v>174</v>
      </c>
      <c r="AV5144" s="98" t="s">
        <v>174</v>
      </c>
      <c r="AW5144" s="98" t="s">
        <v>174</v>
      </c>
      <c r="AX5144" s="98"/>
      <c r="AY5144" s="98"/>
      <c r="AZ5144" s="98"/>
      <c r="BA5144" s="98"/>
      <c r="BB5144" s="107">
        <v>45884</v>
      </c>
    </row>
    <row r="5145" spans="1:54" s="8" customFormat="1" ht="13.95" customHeight="1" x14ac:dyDescent="0.25">
      <c r="A5145" s="219" t="s">
        <v>20269</v>
      </c>
      <c r="B5145" s="220" t="s">
        <v>10412</v>
      </c>
      <c r="C5145" s="98" t="s">
        <v>20256</v>
      </c>
      <c r="D5145" s="98" t="s">
        <v>20257</v>
      </c>
      <c r="E5145" s="141" t="s">
        <v>174</v>
      </c>
      <c r="F5145" s="141">
        <v>3092</v>
      </c>
      <c r="G5145" s="98" t="s">
        <v>9</v>
      </c>
      <c r="H5145" s="98">
        <v>0</v>
      </c>
      <c r="I5145" s="98">
        <v>0</v>
      </c>
      <c r="J5145" s="98">
        <v>0</v>
      </c>
      <c r="K5145" s="98" t="s">
        <v>174</v>
      </c>
      <c r="L5145" s="98" t="s">
        <v>174</v>
      </c>
      <c r="M5145" s="98" t="s">
        <v>174</v>
      </c>
      <c r="N5145" s="98" t="s">
        <v>174</v>
      </c>
      <c r="O5145" s="98" t="s">
        <v>174</v>
      </c>
      <c r="P5145" s="98" t="s">
        <v>174</v>
      </c>
      <c r="Q5145" s="98" t="s">
        <v>174</v>
      </c>
      <c r="R5145" s="98" t="s">
        <v>174</v>
      </c>
      <c r="S5145" s="98" t="s">
        <v>174</v>
      </c>
      <c r="T5145" s="98" t="s">
        <v>174</v>
      </c>
      <c r="U5145" s="99"/>
      <c r="V5145" s="99"/>
      <c r="W5145" s="99"/>
      <c r="X5145" s="99"/>
      <c r="Y5145" s="99"/>
      <c r="Z5145" s="99"/>
      <c r="AA5145" s="99"/>
      <c r="AB5145" s="99"/>
      <c r="AC5145" s="99"/>
      <c r="AD5145" s="99"/>
      <c r="AE5145" s="99"/>
      <c r="AF5145" s="99"/>
      <c r="AG5145" s="99"/>
      <c r="AH5145" s="99"/>
      <c r="AI5145" s="99"/>
      <c r="AJ5145" s="99"/>
      <c r="AK5145" s="99"/>
      <c r="AL5145" s="99"/>
      <c r="AM5145" s="99"/>
      <c r="AN5145" s="99"/>
      <c r="AO5145" s="99"/>
      <c r="AP5145" s="99"/>
      <c r="AQ5145" s="99"/>
      <c r="AR5145" s="99"/>
      <c r="AS5145" s="99"/>
      <c r="AT5145" s="99"/>
      <c r="AU5145" s="99"/>
      <c r="AV5145" s="99"/>
      <c r="AW5145" s="99"/>
      <c r="AX5145" s="99"/>
      <c r="AY5145" s="99"/>
      <c r="AZ5145" s="99"/>
      <c r="BA5145" s="99"/>
      <c r="BB5145" s="107">
        <v>45884</v>
      </c>
    </row>
    <row r="5146" spans="1:54" s="8" customFormat="1" ht="13.95" customHeight="1" x14ac:dyDescent="0.25">
      <c r="A5146" s="219" t="s">
        <v>20270</v>
      </c>
      <c r="B5146" s="220" t="s">
        <v>10412</v>
      </c>
      <c r="C5146" s="98" t="s">
        <v>20258</v>
      </c>
      <c r="D5146" s="98" t="s">
        <v>20259</v>
      </c>
      <c r="E5146" s="141" t="s">
        <v>174</v>
      </c>
      <c r="F5146" s="141">
        <v>19924</v>
      </c>
      <c r="G5146" s="98" t="s">
        <v>9</v>
      </c>
      <c r="H5146" s="98">
        <v>0</v>
      </c>
      <c r="I5146" s="98">
        <v>0</v>
      </c>
      <c r="J5146" s="98">
        <v>0</v>
      </c>
      <c r="K5146" s="98" t="s">
        <v>174</v>
      </c>
      <c r="L5146" s="98" t="s">
        <v>174</v>
      </c>
      <c r="M5146" s="98" t="s">
        <v>174</v>
      </c>
      <c r="N5146" s="98" t="s">
        <v>174</v>
      </c>
      <c r="O5146" s="98" t="s">
        <v>174</v>
      </c>
      <c r="P5146" s="98" t="s">
        <v>174</v>
      </c>
      <c r="Q5146" s="98" t="s">
        <v>174</v>
      </c>
      <c r="R5146" s="98" t="s">
        <v>174</v>
      </c>
      <c r="S5146" s="98" t="s">
        <v>174</v>
      </c>
      <c r="T5146" s="98" t="s">
        <v>174</v>
      </c>
      <c r="U5146" s="99"/>
      <c r="V5146" s="99"/>
      <c r="W5146" s="99"/>
      <c r="X5146" s="99"/>
      <c r="Y5146" s="99"/>
      <c r="Z5146" s="99"/>
      <c r="AA5146" s="99"/>
      <c r="AB5146" s="99"/>
      <c r="AC5146" s="99"/>
      <c r="AD5146" s="99"/>
      <c r="AE5146" s="99"/>
      <c r="AF5146" s="99"/>
      <c r="AG5146" s="99"/>
      <c r="AH5146" s="99"/>
      <c r="AI5146" s="99"/>
      <c r="AJ5146" s="99"/>
      <c r="AK5146" s="99"/>
      <c r="AL5146" s="99"/>
      <c r="AM5146" s="99"/>
      <c r="AN5146" s="99"/>
      <c r="AO5146" s="99"/>
      <c r="AP5146" s="99"/>
      <c r="AQ5146" s="99"/>
      <c r="AR5146" s="99"/>
      <c r="AS5146" s="99"/>
      <c r="AT5146" s="99"/>
      <c r="AU5146" s="99"/>
      <c r="AV5146" s="99"/>
      <c r="AW5146" s="99"/>
      <c r="AX5146" s="99"/>
      <c r="AY5146" s="99"/>
      <c r="AZ5146" s="99"/>
      <c r="BA5146" s="99"/>
      <c r="BB5146" s="107">
        <v>45884</v>
      </c>
    </row>
    <row r="5147" spans="1:54" s="8" customFormat="1" ht="13.95" customHeight="1" x14ac:dyDescent="0.25">
      <c r="A5147" s="219" t="s">
        <v>20271</v>
      </c>
      <c r="B5147" s="220" t="s">
        <v>10412</v>
      </c>
      <c r="C5147" s="98" t="s">
        <v>20260</v>
      </c>
      <c r="D5147" s="98" t="s">
        <v>20261</v>
      </c>
      <c r="E5147" s="141" t="s">
        <v>174</v>
      </c>
      <c r="F5147" s="141">
        <v>2683</v>
      </c>
      <c r="G5147" s="98" t="s">
        <v>9</v>
      </c>
      <c r="H5147" s="98">
        <v>0</v>
      </c>
      <c r="I5147" s="98">
        <v>0</v>
      </c>
      <c r="J5147" s="98">
        <v>0</v>
      </c>
      <c r="K5147" s="98" t="s">
        <v>174</v>
      </c>
      <c r="L5147" s="98" t="s">
        <v>174</v>
      </c>
      <c r="M5147" s="98" t="s">
        <v>174</v>
      </c>
      <c r="N5147" s="98" t="s">
        <v>174</v>
      </c>
      <c r="O5147" s="98" t="s">
        <v>174</v>
      </c>
      <c r="P5147" s="98" t="s">
        <v>174</v>
      </c>
      <c r="Q5147" s="98" t="s">
        <v>174</v>
      </c>
      <c r="R5147" s="98" t="s">
        <v>174</v>
      </c>
      <c r="S5147" s="98" t="s">
        <v>174</v>
      </c>
      <c r="T5147" s="98" t="s">
        <v>174</v>
      </c>
      <c r="U5147" s="99"/>
      <c r="V5147" s="99"/>
      <c r="W5147" s="99"/>
      <c r="X5147" s="99"/>
      <c r="Y5147" s="99"/>
      <c r="Z5147" s="99"/>
      <c r="AA5147" s="99"/>
      <c r="AB5147" s="99"/>
      <c r="AC5147" s="99"/>
      <c r="AD5147" s="99"/>
      <c r="AE5147" s="99"/>
      <c r="AF5147" s="99"/>
      <c r="AG5147" s="99"/>
      <c r="AH5147" s="99"/>
      <c r="AI5147" s="99"/>
      <c r="AJ5147" s="99"/>
      <c r="AK5147" s="99"/>
      <c r="AL5147" s="99"/>
      <c r="AM5147" s="99"/>
      <c r="AN5147" s="99"/>
      <c r="AO5147" s="99"/>
      <c r="AP5147" s="99"/>
      <c r="AQ5147" s="99"/>
      <c r="AR5147" s="99"/>
      <c r="AS5147" s="99"/>
      <c r="AT5147" s="99"/>
      <c r="AU5147" s="99"/>
      <c r="AV5147" s="99"/>
      <c r="AW5147" s="99"/>
      <c r="AX5147" s="99"/>
      <c r="AY5147" s="99"/>
      <c r="AZ5147" s="99"/>
      <c r="BA5147" s="99"/>
      <c r="BB5147" s="107">
        <v>45884</v>
      </c>
    </row>
    <row r="5148" spans="1:54" s="8" customFormat="1" ht="13.95" customHeight="1" x14ac:dyDescent="0.25">
      <c r="A5148" s="219" t="s">
        <v>20272</v>
      </c>
      <c r="B5148" s="220" t="s">
        <v>10412</v>
      </c>
      <c r="C5148" s="98" t="s">
        <v>20262</v>
      </c>
      <c r="D5148" s="98" t="s">
        <v>20263</v>
      </c>
      <c r="E5148" s="141" t="s">
        <v>174</v>
      </c>
      <c r="F5148" s="141">
        <v>771</v>
      </c>
      <c r="G5148" s="98" t="s">
        <v>1</v>
      </c>
      <c r="H5148" s="98">
        <v>0</v>
      </c>
      <c r="I5148" s="98">
        <v>0</v>
      </c>
      <c r="J5148" s="98">
        <v>1</v>
      </c>
      <c r="K5148" s="98" t="s">
        <v>174</v>
      </c>
      <c r="L5148" s="98" t="s">
        <v>174</v>
      </c>
      <c r="M5148" s="98" t="s">
        <v>174</v>
      </c>
      <c r="N5148" s="98" t="s">
        <v>174</v>
      </c>
      <c r="O5148" s="98" t="s">
        <v>174</v>
      </c>
      <c r="P5148" s="98" t="s">
        <v>174</v>
      </c>
      <c r="Q5148" s="98" t="s">
        <v>174</v>
      </c>
      <c r="R5148" s="98" t="s">
        <v>174</v>
      </c>
      <c r="S5148" s="98" t="s">
        <v>174</v>
      </c>
      <c r="T5148" s="98" t="s">
        <v>174</v>
      </c>
      <c r="U5148" s="99"/>
      <c r="V5148" s="99"/>
      <c r="W5148" s="99"/>
      <c r="X5148" s="99"/>
      <c r="Y5148" s="99"/>
      <c r="Z5148" s="99"/>
      <c r="AA5148" s="99"/>
      <c r="AB5148" s="99"/>
      <c r="AC5148" s="99"/>
      <c r="AD5148" s="99"/>
      <c r="AE5148" s="99"/>
      <c r="AF5148" s="99"/>
      <c r="AG5148" s="99"/>
      <c r="AH5148" s="99"/>
      <c r="AI5148" s="99"/>
      <c r="AJ5148" s="99"/>
      <c r="AK5148" s="99"/>
      <c r="AL5148" s="99"/>
      <c r="AM5148" s="99"/>
      <c r="AN5148" s="99"/>
      <c r="AO5148" s="99"/>
      <c r="AP5148" s="99"/>
      <c r="AQ5148" s="99"/>
      <c r="AR5148" s="99"/>
      <c r="AS5148" s="99"/>
      <c r="AT5148" s="99"/>
      <c r="AU5148" s="99"/>
      <c r="AV5148" s="99"/>
      <c r="AW5148" s="99"/>
      <c r="AX5148" s="99"/>
      <c r="AY5148" s="99"/>
      <c r="AZ5148" s="99"/>
      <c r="BA5148" s="99"/>
      <c r="BB5148" s="107">
        <v>45884</v>
      </c>
    </row>
    <row r="5149" spans="1:54" s="8" customFormat="1" ht="13.95" customHeight="1" x14ac:dyDescent="0.25">
      <c r="A5149" s="219" t="s">
        <v>20273</v>
      </c>
      <c r="B5149" s="220" t="s">
        <v>10412</v>
      </c>
      <c r="C5149" s="98" t="s">
        <v>20264</v>
      </c>
      <c r="D5149" s="98" t="s">
        <v>20265</v>
      </c>
      <c r="E5149" s="141" t="s">
        <v>174</v>
      </c>
      <c r="F5149" s="141">
        <v>1018</v>
      </c>
      <c r="G5149" s="98" t="s">
        <v>1</v>
      </c>
      <c r="H5149" s="98">
        <v>0</v>
      </c>
      <c r="I5149" s="98">
        <v>0</v>
      </c>
      <c r="J5149" s="98">
        <v>1</v>
      </c>
      <c r="K5149" s="98" t="s">
        <v>174</v>
      </c>
      <c r="L5149" s="98" t="s">
        <v>174</v>
      </c>
      <c r="M5149" s="98" t="s">
        <v>174</v>
      </c>
      <c r="N5149" s="98" t="s">
        <v>174</v>
      </c>
      <c r="O5149" s="98" t="s">
        <v>174</v>
      </c>
      <c r="P5149" s="98" t="s">
        <v>174</v>
      </c>
      <c r="Q5149" s="98" t="s">
        <v>174</v>
      </c>
      <c r="R5149" s="98" t="s">
        <v>174</v>
      </c>
      <c r="S5149" s="98" t="s">
        <v>174</v>
      </c>
      <c r="T5149" s="98" t="s">
        <v>174</v>
      </c>
      <c r="U5149" s="99"/>
      <c r="V5149" s="99"/>
      <c r="W5149" s="99"/>
      <c r="X5149" s="99"/>
      <c r="Y5149" s="99"/>
      <c r="Z5149" s="99"/>
      <c r="AA5149" s="99"/>
      <c r="AB5149" s="99"/>
      <c r="AC5149" s="99"/>
      <c r="AD5149" s="99"/>
      <c r="AE5149" s="99"/>
      <c r="AF5149" s="99"/>
      <c r="AG5149" s="99"/>
      <c r="AH5149" s="99"/>
      <c r="AI5149" s="99"/>
      <c r="AJ5149" s="99"/>
      <c r="AK5149" s="99"/>
      <c r="AL5149" s="99"/>
      <c r="AM5149" s="99"/>
      <c r="AN5149" s="99"/>
      <c r="AO5149" s="99"/>
      <c r="AP5149" s="99"/>
      <c r="AQ5149" s="99"/>
      <c r="AR5149" s="99"/>
      <c r="AS5149" s="99"/>
      <c r="AT5149" s="99"/>
      <c r="AU5149" s="99"/>
      <c r="AV5149" s="99"/>
      <c r="AW5149" s="99"/>
      <c r="AX5149" s="99"/>
      <c r="AY5149" s="99"/>
      <c r="AZ5149" s="99"/>
      <c r="BA5149" s="99"/>
      <c r="BB5149" s="107">
        <v>45884</v>
      </c>
    </row>
    <row r="5150" spans="1:54" s="8" customFormat="1" ht="13.95" customHeight="1" x14ac:dyDescent="0.25">
      <c r="A5150" s="219" t="s">
        <v>20274</v>
      </c>
      <c r="B5150" s="220" t="s">
        <v>10412</v>
      </c>
      <c r="C5150" s="98" t="s">
        <v>20266</v>
      </c>
      <c r="D5150" s="98" t="s">
        <v>20267</v>
      </c>
      <c r="E5150" s="141" t="s">
        <v>174</v>
      </c>
      <c r="F5150" s="141">
        <v>507</v>
      </c>
      <c r="G5150" s="98" t="s">
        <v>1</v>
      </c>
      <c r="H5150" s="98">
        <v>0</v>
      </c>
      <c r="I5150" s="98">
        <v>0</v>
      </c>
      <c r="J5150" s="98">
        <v>1</v>
      </c>
      <c r="K5150" s="98" t="s">
        <v>174</v>
      </c>
      <c r="L5150" s="98" t="s">
        <v>174</v>
      </c>
      <c r="M5150" s="98" t="s">
        <v>174</v>
      </c>
      <c r="N5150" s="98" t="s">
        <v>174</v>
      </c>
      <c r="O5150" s="98" t="s">
        <v>174</v>
      </c>
      <c r="P5150" s="98" t="s">
        <v>174</v>
      </c>
      <c r="Q5150" s="98" t="s">
        <v>174</v>
      </c>
      <c r="R5150" s="98" t="s">
        <v>174</v>
      </c>
      <c r="S5150" s="98" t="s">
        <v>174</v>
      </c>
      <c r="T5150" s="98" t="s">
        <v>174</v>
      </c>
      <c r="U5150" s="99"/>
      <c r="V5150" s="99"/>
      <c r="W5150" s="99"/>
      <c r="X5150" s="99"/>
      <c r="Y5150" s="99"/>
      <c r="Z5150" s="99"/>
      <c r="AA5150" s="99"/>
      <c r="AB5150" s="99"/>
      <c r="AC5150" s="99"/>
      <c r="AD5150" s="99"/>
      <c r="AE5150" s="99"/>
      <c r="AF5150" s="99"/>
      <c r="AG5150" s="99"/>
      <c r="AH5150" s="99"/>
      <c r="AI5150" s="99"/>
      <c r="AJ5150" s="99"/>
      <c r="AK5150" s="99"/>
      <c r="AL5150" s="99"/>
      <c r="AM5150" s="99"/>
      <c r="AN5150" s="99"/>
      <c r="AO5150" s="99"/>
      <c r="AP5150" s="99"/>
      <c r="AQ5150" s="99"/>
      <c r="AR5150" s="99"/>
      <c r="AS5150" s="99"/>
      <c r="AT5150" s="99"/>
      <c r="AU5150" s="99"/>
      <c r="AV5150" s="99"/>
      <c r="AW5150" s="99"/>
      <c r="AX5150" s="99"/>
      <c r="AY5150" s="99"/>
      <c r="AZ5150" s="99"/>
      <c r="BA5150" s="99"/>
      <c r="BB5150" s="107">
        <v>45884</v>
      </c>
    </row>
    <row r="5151" spans="1:54" s="8" customFormat="1" ht="13.95" customHeight="1" x14ac:dyDescent="0.25">
      <c r="A5151" s="219" t="s">
        <v>21961</v>
      </c>
      <c r="B5151" s="220" t="s">
        <v>10412</v>
      </c>
      <c r="C5151" s="98" t="s">
        <v>21957</v>
      </c>
      <c r="D5151" s="98" t="s">
        <v>21958</v>
      </c>
      <c r="E5151" s="141" t="s">
        <v>174</v>
      </c>
      <c r="F5151" s="141">
        <v>20314</v>
      </c>
      <c r="G5151" s="98" t="s">
        <v>13</v>
      </c>
      <c r="H5151" s="98">
        <v>0</v>
      </c>
      <c r="I5151" s="98">
        <v>0</v>
      </c>
      <c r="J5151" s="98">
        <v>0</v>
      </c>
      <c r="K5151" s="98" t="s">
        <v>174</v>
      </c>
      <c r="L5151" s="98" t="s">
        <v>174</v>
      </c>
      <c r="M5151" s="98" t="s">
        <v>174</v>
      </c>
      <c r="N5151" s="98" t="s">
        <v>174</v>
      </c>
      <c r="O5151" s="98" t="s">
        <v>174</v>
      </c>
      <c r="P5151" s="98" t="s">
        <v>174</v>
      </c>
      <c r="Q5151" s="98" t="s">
        <v>174</v>
      </c>
      <c r="R5151" s="98" t="s">
        <v>174</v>
      </c>
      <c r="S5151" s="98" t="s">
        <v>174</v>
      </c>
      <c r="T5151" s="98" t="s">
        <v>174</v>
      </c>
      <c r="U5151" s="99"/>
      <c r="V5151" s="99"/>
      <c r="W5151" s="99"/>
      <c r="X5151" s="99"/>
      <c r="Y5151" s="99"/>
      <c r="Z5151" s="99"/>
      <c r="AA5151" s="99"/>
      <c r="AB5151" s="99"/>
      <c r="AC5151" s="99"/>
      <c r="AD5151" s="99"/>
      <c r="AE5151" s="99"/>
      <c r="AF5151" s="99"/>
      <c r="AG5151" s="99"/>
      <c r="AH5151" s="99"/>
      <c r="AI5151" s="99"/>
      <c r="AJ5151" s="99"/>
      <c r="AK5151" s="99"/>
      <c r="AL5151" s="99"/>
      <c r="AM5151" s="99"/>
      <c r="AN5151" s="99"/>
      <c r="AO5151" s="99"/>
      <c r="AP5151" s="99"/>
      <c r="AQ5151" s="99"/>
      <c r="AR5151" s="99"/>
      <c r="AS5151" s="99"/>
      <c r="AT5151" s="99"/>
      <c r="AU5151" s="99"/>
      <c r="AV5151" s="99"/>
      <c r="AW5151" s="99"/>
      <c r="AX5151" s="99"/>
      <c r="AY5151" s="99"/>
      <c r="AZ5151" s="99"/>
      <c r="BA5151" s="99"/>
      <c r="BB5151" s="107">
        <v>45884</v>
      </c>
    </row>
    <row r="5152" spans="1:54" s="8" customFormat="1" ht="13.95" customHeight="1" x14ac:dyDescent="0.25">
      <c r="A5152" s="219" t="s">
        <v>21962</v>
      </c>
      <c r="B5152" s="247" t="s">
        <v>10412</v>
      </c>
      <c r="C5152" s="144" t="s">
        <v>21959</v>
      </c>
      <c r="D5152" s="144" t="s">
        <v>21960</v>
      </c>
      <c r="E5152" s="248" t="s">
        <v>174</v>
      </c>
      <c r="F5152" s="248">
        <v>23710</v>
      </c>
      <c r="G5152" s="144" t="s">
        <v>10</v>
      </c>
      <c r="H5152" s="144">
        <v>1</v>
      </c>
      <c r="I5152" s="144">
        <v>0</v>
      </c>
      <c r="J5152" s="144">
        <v>1</v>
      </c>
      <c r="K5152" s="98" t="s">
        <v>174</v>
      </c>
      <c r="L5152" s="98" t="s">
        <v>174</v>
      </c>
      <c r="M5152" s="98" t="s">
        <v>174</v>
      </c>
      <c r="N5152" s="98" t="s">
        <v>174</v>
      </c>
      <c r="O5152" s="98" t="s">
        <v>174</v>
      </c>
      <c r="P5152" s="98" t="s">
        <v>174</v>
      </c>
      <c r="Q5152" s="98" t="s">
        <v>174</v>
      </c>
      <c r="R5152" s="98" t="s">
        <v>174</v>
      </c>
      <c r="S5152" s="98" t="s">
        <v>174</v>
      </c>
      <c r="T5152" s="98" t="s">
        <v>174</v>
      </c>
      <c r="U5152" s="98" t="s">
        <v>174</v>
      </c>
      <c r="V5152" s="98" t="s">
        <v>174</v>
      </c>
      <c r="W5152" s="98" t="s">
        <v>174</v>
      </c>
      <c r="X5152" s="98" t="s">
        <v>174</v>
      </c>
      <c r="Y5152" s="98" t="s">
        <v>174</v>
      </c>
      <c r="Z5152" s="98" t="s">
        <v>174</v>
      </c>
      <c r="AA5152" s="98" t="s">
        <v>174</v>
      </c>
      <c r="AB5152" s="98" t="s">
        <v>174</v>
      </c>
      <c r="AC5152" s="98" t="s">
        <v>174</v>
      </c>
      <c r="AD5152" s="98" t="s">
        <v>174</v>
      </c>
      <c r="AE5152" s="98" t="s">
        <v>174</v>
      </c>
      <c r="AF5152" s="98" t="s">
        <v>174</v>
      </c>
      <c r="AG5152" s="98" t="s">
        <v>174</v>
      </c>
      <c r="AH5152" s="98" t="s">
        <v>174</v>
      </c>
      <c r="AI5152" s="98" t="s">
        <v>174</v>
      </c>
      <c r="AJ5152" s="98" t="s">
        <v>174</v>
      </c>
      <c r="AK5152" s="98" t="s">
        <v>174</v>
      </c>
      <c r="AL5152" s="98" t="s">
        <v>174</v>
      </c>
      <c r="AM5152" s="98" t="s">
        <v>174</v>
      </c>
      <c r="AN5152" s="98" t="s">
        <v>174</v>
      </c>
      <c r="AO5152" s="98" t="s">
        <v>174</v>
      </c>
      <c r="AP5152" s="98" t="s">
        <v>174</v>
      </c>
      <c r="AQ5152" s="98" t="s">
        <v>174</v>
      </c>
      <c r="AR5152" s="98" t="s">
        <v>174</v>
      </c>
      <c r="AS5152" s="98" t="s">
        <v>174</v>
      </c>
      <c r="AT5152" s="129" t="s">
        <v>174</v>
      </c>
      <c r="AU5152" s="98" t="s">
        <v>174</v>
      </c>
      <c r="AV5152" s="98" t="s">
        <v>174</v>
      </c>
      <c r="AW5152" s="98" t="s">
        <v>174</v>
      </c>
      <c r="AX5152" s="98"/>
      <c r="AY5152" s="98"/>
      <c r="AZ5152" s="98"/>
      <c r="BA5152" s="98"/>
      <c r="BB5152" s="107">
        <v>45884</v>
      </c>
    </row>
    <row r="5153" spans="1:54" s="8" customFormat="1" ht="13.95" customHeight="1" x14ac:dyDescent="0.25">
      <c r="A5153" s="229" t="s">
        <v>22030</v>
      </c>
      <c r="B5153" s="247" t="s">
        <v>10412</v>
      </c>
      <c r="C5153" s="144" t="s">
        <v>22028</v>
      </c>
      <c r="D5153" s="144" t="s">
        <v>22029</v>
      </c>
      <c r="E5153" s="248" t="s">
        <v>174</v>
      </c>
      <c r="F5153" s="249">
        <v>782598</v>
      </c>
      <c r="G5153" s="98" t="s">
        <v>13</v>
      </c>
      <c r="H5153" s="144">
        <v>0</v>
      </c>
      <c r="I5153" s="144">
        <v>0</v>
      </c>
      <c r="J5153" s="144">
        <v>0</v>
      </c>
      <c r="K5153" s="98" t="s">
        <v>174</v>
      </c>
      <c r="L5153" s="98" t="s">
        <v>174</v>
      </c>
      <c r="M5153" s="98" t="s">
        <v>174</v>
      </c>
      <c r="N5153" s="98" t="s">
        <v>174</v>
      </c>
      <c r="O5153" s="98" t="s">
        <v>174</v>
      </c>
      <c r="P5153" s="98" t="s">
        <v>174</v>
      </c>
      <c r="Q5153" s="98" t="s">
        <v>174</v>
      </c>
      <c r="R5153" s="98" t="s">
        <v>174</v>
      </c>
      <c r="S5153" s="98" t="s">
        <v>174</v>
      </c>
      <c r="T5153" s="98" t="s">
        <v>174</v>
      </c>
      <c r="U5153" s="98" t="s">
        <v>174</v>
      </c>
      <c r="V5153" s="98" t="s">
        <v>174</v>
      </c>
      <c r="W5153" s="98" t="s">
        <v>174</v>
      </c>
      <c r="X5153" s="98" t="s">
        <v>174</v>
      </c>
      <c r="Y5153" s="98" t="s">
        <v>174</v>
      </c>
      <c r="Z5153" s="98" t="s">
        <v>174</v>
      </c>
      <c r="AA5153" s="98" t="s">
        <v>174</v>
      </c>
      <c r="AB5153" s="98" t="s">
        <v>174</v>
      </c>
      <c r="AC5153" s="98" t="s">
        <v>174</v>
      </c>
      <c r="AD5153" s="98" t="s">
        <v>174</v>
      </c>
      <c r="AE5153" s="98" t="s">
        <v>174</v>
      </c>
      <c r="AF5153" s="98" t="s">
        <v>174</v>
      </c>
      <c r="AG5153" s="98" t="s">
        <v>174</v>
      </c>
      <c r="AH5153" s="98" t="s">
        <v>174</v>
      </c>
      <c r="AI5153" s="98" t="s">
        <v>174</v>
      </c>
      <c r="AJ5153" s="98" t="s">
        <v>174</v>
      </c>
      <c r="AK5153" s="98" t="s">
        <v>174</v>
      </c>
      <c r="AL5153" s="98" t="s">
        <v>174</v>
      </c>
      <c r="AM5153" s="98" t="s">
        <v>174</v>
      </c>
      <c r="AN5153" s="98" t="s">
        <v>174</v>
      </c>
      <c r="AO5153" s="98" t="s">
        <v>174</v>
      </c>
      <c r="AP5153" s="98" t="s">
        <v>174</v>
      </c>
      <c r="AQ5153" s="98" t="s">
        <v>174</v>
      </c>
      <c r="AR5153" s="98" t="s">
        <v>174</v>
      </c>
      <c r="AS5153" s="98" t="s">
        <v>174</v>
      </c>
      <c r="AT5153" s="129" t="s">
        <v>174</v>
      </c>
      <c r="AU5153" s="98" t="s">
        <v>174</v>
      </c>
      <c r="AV5153" s="98" t="s">
        <v>174</v>
      </c>
      <c r="AW5153" s="98" t="s">
        <v>174</v>
      </c>
      <c r="AX5153" s="98"/>
      <c r="AY5153" s="98"/>
      <c r="AZ5153" s="98"/>
      <c r="BA5153" s="98"/>
      <c r="BB5153" s="107">
        <v>45884</v>
      </c>
    </row>
    <row r="5154" spans="1:54" s="8" customFormat="1" ht="12" x14ac:dyDescent="0.25">
      <c r="A5154" s="219" t="s">
        <v>24181</v>
      </c>
      <c r="B5154" s="250" t="s">
        <v>10412</v>
      </c>
      <c r="C5154" s="140" t="s">
        <v>24148</v>
      </c>
      <c r="D5154" s="140" t="s">
        <v>24149</v>
      </c>
      <c r="E5154" s="139" t="s">
        <v>174</v>
      </c>
      <c r="F5154" s="139">
        <v>8287</v>
      </c>
      <c r="G5154" s="140" t="s">
        <v>20376</v>
      </c>
      <c r="H5154" s="139">
        <v>0</v>
      </c>
      <c r="I5154" s="139">
        <v>0</v>
      </c>
      <c r="J5154" s="139">
        <v>0</v>
      </c>
      <c r="K5154" s="98" t="s">
        <v>174</v>
      </c>
      <c r="L5154" s="98" t="s">
        <v>174</v>
      </c>
      <c r="M5154" s="98" t="s">
        <v>174</v>
      </c>
      <c r="N5154" s="98" t="s">
        <v>174</v>
      </c>
      <c r="O5154" s="98" t="s">
        <v>174</v>
      </c>
      <c r="P5154" s="98" t="s">
        <v>174</v>
      </c>
      <c r="Q5154" s="98" t="s">
        <v>174</v>
      </c>
      <c r="R5154" s="98" t="s">
        <v>174</v>
      </c>
      <c r="S5154" s="98" t="s">
        <v>174</v>
      </c>
      <c r="T5154" s="98" t="s">
        <v>174</v>
      </c>
      <c r="U5154" s="98" t="s">
        <v>174</v>
      </c>
      <c r="V5154" s="98" t="s">
        <v>174</v>
      </c>
      <c r="W5154" s="98" t="s">
        <v>174</v>
      </c>
      <c r="X5154" s="98" t="s">
        <v>174</v>
      </c>
      <c r="Y5154" s="98" t="s">
        <v>174</v>
      </c>
      <c r="Z5154" s="98" t="s">
        <v>174</v>
      </c>
      <c r="AA5154" s="98" t="s">
        <v>174</v>
      </c>
      <c r="AB5154" s="98" t="s">
        <v>174</v>
      </c>
      <c r="AC5154" s="98" t="s">
        <v>174</v>
      </c>
      <c r="AD5154" s="98" t="s">
        <v>174</v>
      </c>
      <c r="AE5154" s="98" t="s">
        <v>174</v>
      </c>
      <c r="AF5154" s="98" t="s">
        <v>174</v>
      </c>
      <c r="AG5154" s="98" t="s">
        <v>174</v>
      </c>
      <c r="AH5154" s="98" t="s">
        <v>174</v>
      </c>
      <c r="AI5154" s="98" t="s">
        <v>174</v>
      </c>
      <c r="AJ5154" s="98" t="s">
        <v>174</v>
      </c>
      <c r="AK5154" s="98" t="s">
        <v>174</v>
      </c>
      <c r="AL5154" s="98" t="s">
        <v>174</v>
      </c>
      <c r="AM5154" s="98" t="s">
        <v>174</v>
      </c>
      <c r="AN5154" s="98" t="s">
        <v>174</v>
      </c>
      <c r="AO5154" s="98" t="s">
        <v>174</v>
      </c>
      <c r="AP5154" s="98" t="s">
        <v>174</v>
      </c>
      <c r="AQ5154" s="98" t="s">
        <v>174</v>
      </c>
      <c r="AR5154" s="98" t="s">
        <v>174</v>
      </c>
      <c r="AS5154" s="98" t="s">
        <v>174</v>
      </c>
      <c r="AT5154" s="129" t="s">
        <v>174</v>
      </c>
      <c r="AU5154" s="98" t="s">
        <v>174</v>
      </c>
      <c r="AV5154" s="98" t="s">
        <v>174</v>
      </c>
      <c r="AW5154" s="98" t="s">
        <v>174</v>
      </c>
      <c r="AX5154" s="98"/>
      <c r="AY5154" s="98"/>
      <c r="AZ5154" s="98"/>
      <c r="BA5154" s="98"/>
      <c r="BB5154" s="107">
        <v>45884</v>
      </c>
    </row>
    <row r="5155" spans="1:54" s="8" customFormat="1" ht="15.75" customHeight="1" x14ac:dyDescent="0.25">
      <c r="A5155" s="229" t="s">
        <v>24182</v>
      </c>
      <c r="B5155" s="250" t="s">
        <v>10412</v>
      </c>
      <c r="C5155" s="140" t="s">
        <v>24150</v>
      </c>
      <c r="D5155" s="140" t="s">
        <v>24151</v>
      </c>
      <c r="E5155" s="139" t="s">
        <v>400</v>
      </c>
      <c r="F5155" s="139">
        <v>6747</v>
      </c>
      <c r="G5155" s="140" t="s">
        <v>20376</v>
      </c>
      <c r="H5155" s="140">
        <v>0</v>
      </c>
      <c r="I5155" s="140">
        <v>0</v>
      </c>
      <c r="J5155" s="140">
        <v>0</v>
      </c>
      <c r="K5155" s="98" t="s">
        <v>174</v>
      </c>
      <c r="L5155" s="98" t="s">
        <v>174</v>
      </c>
      <c r="M5155" s="98" t="s">
        <v>174</v>
      </c>
      <c r="N5155" s="98" t="s">
        <v>174</v>
      </c>
      <c r="O5155" s="98" t="s">
        <v>174</v>
      </c>
      <c r="P5155" s="98" t="s">
        <v>174</v>
      </c>
      <c r="Q5155" s="98" t="s">
        <v>174</v>
      </c>
      <c r="R5155" s="98" t="s">
        <v>174</v>
      </c>
      <c r="S5155" s="98" t="s">
        <v>174</v>
      </c>
      <c r="T5155" s="98" t="s">
        <v>174</v>
      </c>
      <c r="U5155" s="98" t="s">
        <v>174</v>
      </c>
      <c r="V5155" s="98" t="s">
        <v>174</v>
      </c>
      <c r="W5155" s="98" t="s">
        <v>174</v>
      </c>
      <c r="X5155" s="98" t="s">
        <v>174</v>
      </c>
      <c r="Y5155" s="98" t="s">
        <v>174</v>
      </c>
      <c r="Z5155" s="98" t="s">
        <v>174</v>
      </c>
      <c r="AA5155" s="98" t="s">
        <v>174</v>
      </c>
      <c r="AB5155" s="98" t="s">
        <v>174</v>
      </c>
      <c r="AC5155" s="98" t="s">
        <v>174</v>
      </c>
      <c r="AD5155" s="98" t="s">
        <v>174</v>
      </c>
      <c r="AE5155" s="98" t="s">
        <v>174</v>
      </c>
      <c r="AF5155" s="98" t="s">
        <v>174</v>
      </c>
      <c r="AG5155" s="98" t="s">
        <v>174</v>
      </c>
      <c r="AH5155" s="98" t="s">
        <v>174</v>
      </c>
      <c r="AI5155" s="98" t="s">
        <v>174</v>
      </c>
      <c r="AJ5155" s="98" t="s">
        <v>174</v>
      </c>
      <c r="AK5155" s="98" t="s">
        <v>174</v>
      </c>
      <c r="AL5155" s="98" t="s">
        <v>174</v>
      </c>
      <c r="AM5155" s="98" t="s">
        <v>174</v>
      </c>
      <c r="AN5155" s="98" t="s">
        <v>174</v>
      </c>
      <c r="AO5155" s="98" t="s">
        <v>174</v>
      </c>
      <c r="AP5155" s="98" t="s">
        <v>174</v>
      </c>
      <c r="AQ5155" s="98" t="s">
        <v>174</v>
      </c>
      <c r="AR5155" s="98" t="s">
        <v>174</v>
      </c>
      <c r="AS5155" s="98" t="s">
        <v>174</v>
      </c>
      <c r="AT5155" s="129" t="s">
        <v>174</v>
      </c>
      <c r="AU5155" s="98" t="s">
        <v>174</v>
      </c>
      <c r="AV5155" s="98" t="s">
        <v>174</v>
      </c>
      <c r="AW5155" s="98" t="s">
        <v>174</v>
      </c>
      <c r="AX5155" s="98"/>
      <c r="AY5155" s="98"/>
      <c r="AZ5155" s="98"/>
      <c r="BA5155" s="98"/>
      <c r="BB5155" s="107">
        <v>45884</v>
      </c>
    </row>
    <row r="5156" spans="1:54" s="8" customFormat="1" ht="15.75" customHeight="1" x14ac:dyDescent="0.25">
      <c r="A5156" s="219" t="s">
        <v>24183</v>
      </c>
      <c r="B5156" s="250" t="s">
        <v>10412</v>
      </c>
      <c r="C5156" s="233" t="s">
        <v>24604</v>
      </c>
      <c r="D5156" s="140" t="s">
        <v>24152</v>
      </c>
      <c r="E5156" s="139" t="s">
        <v>400</v>
      </c>
      <c r="F5156" s="234">
        <v>191441</v>
      </c>
      <c r="G5156" s="140" t="s">
        <v>20376</v>
      </c>
      <c r="H5156" s="140">
        <v>0</v>
      </c>
      <c r="I5156" s="140">
        <v>0</v>
      </c>
      <c r="J5156" s="140">
        <v>0</v>
      </c>
      <c r="K5156" s="98" t="s">
        <v>174</v>
      </c>
      <c r="L5156" s="98" t="s">
        <v>174</v>
      </c>
      <c r="M5156" s="98" t="s">
        <v>174</v>
      </c>
      <c r="N5156" s="98" t="s">
        <v>174</v>
      </c>
      <c r="O5156" s="98" t="s">
        <v>174</v>
      </c>
      <c r="P5156" s="98" t="s">
        <v>174</v>
      </c>
      <c r="Q5156" s="98" t="s">
        <v>174</v>
      </c>
      <c r="R5156" s="98" t="s">
        <v>174</v>
      </c>
      <c r="S5156" s="98" t="s">
        <v>174</v>
      </c>
      <c r="T5156" s="98" t="s">
        <v>174</v>
      </c>
      <c r="U5156" s="98" t="s">
        <v>174</v>
      </c>
      <c r="V5156" s="98" t="s">
        <v>174</v>
      </c>
      <c r="W5156" s="98" t="s">
        <v>174</v>
      </c>
      <c r="X5156" s="98" t="s">
        <v>174</v>
      </c>
      <c r="Y5156" s="98" t="s">
        <v>174</v>
      </c>
      <c r="Z5156" s="98" t="s">
        <v>174</v>
      </c>
      <c r="AA5156" s="98" t="s">
        <v>174</v>
      </c>
      <c r="AB5156" s="98" t="s">
        <v>174</v>
      </c>
      <c r="AC5156" s="98" t="s">
        <v>174</v>
      </c>
      <c r="AD5156" s="98" t="s">
        <v>174</v>
      </c>
      <c r="AE5156" s="98" t="s">
        <v>174</v>
      </c>
      <c r="AF5156" s="98" t="s">
        <v>174</v>
      </c>
      <c r="AG5156" s="98" t="s">
        <v>174</v>
      </c>
      <c r="AH5156" s="98" t="s">
        <v>174</v>
      </c>
      <c r="AI5156" s="98" t="s">
        <v>174</v>
      </c>
      <c r="AJ5156" s="98" t="s">
        <v>174</v>
      </c>
      <c r="AK5156" s="98" t="s">
        <v>174</v>
      </c>
      <c r="AL5156" s="98" t="s">
        <v>174</v>
      </c>
      <c r="AM5156" s="98" t="s">
        <v>174</v>
      </c>
      <c r="AN5156" s="98" t="s">
        <v>174</v>
      </c>
      <c r="AO5156" s="98" t="s">
        <v>174</v>
      </c>
      <c r="AP5156" s="98" t="s">
        <v>174</v>
      </c>
      <c r="AQ5156" s="98" t="s">
        <v>174</v>
      </c>
      <c r="AR5156" s="98" t="s">
        <v>174</v>
      </c>
      <c r="AS5156" s="98" t="s">
        <v>174</v>
      </c>
      <c r="AT5156" s="129" t="s">
        <v>174</v>
      </c>
      <c r="AU5156" s="98" t="s">
        <v>174</v>
      </c>
      <c r="AV5156" s="98" t="s">
        <v>174</v>
      </c>
      <c r="AW5156" s="98" t="s">
        <v>174</v>
      </c>
      <c r="AX5156" s="98"/>
      <c r="AY5156" s="98"/>
      <c r="AZ5156" s="98"/>
      <c r="BA5156" s="98"/>
      <c r="BB5156" s="107">
        <v>45884</v>
      </c>
    </row>
    <row r="5157" spans="1:54" s="8" customFormat="1" ht="15.75" customHeight="1" x14ac:dyDescent="0.25">
      <c r="A5157" s="229" t="s">
        <v>24184</v>
      </c>
      <c r="B5157" s="250" t="s">
        <v>10412</v>
      </c>
      <c r="C5157" s="140" t="s">
        <v>24153</v>
      </c>
      <c r="D5157" s="140" t="s">
        <v>24154</v>
      </c>
      <c r="E5157" s="139" t="s">
        <v>400</v>
      </c>
      <c r="F5157" s="139">
        <v>6705</v>
      </c>
      <c r="G5157" s="140" t="s">
        <v>20299</v>
      </c>
      <c r="H5157" s="140">
        <v>0</v>
      </c>
      <c r="I5157" s="140">
        <v>0</v>
      </c>
      <c r="J5157" s="140">
        <v>0</v>
      </c>
      <c r="K5157" s="98" t="s">
        <v>174</v>
      </c>
      <c r="L5157" s="98" t="s">
        <v>174</v>
      </c>
      <c r="M5157" s="98" t="s">
        <v>174</v>
      </c>
      <c r="N5157" s="98" t="s">
        <v>174</v>
      </c>
      <c r="O5157" s="98" t="s">
        <v>174</v>
      </c>
      <c r="P5157" s="98" t="s">
        <v>174</v>
      </c>
      <c r="Q5157" s="98" t="s">
        <v>174</v>
      </c>
      <c r="R5157" s="98" t="s">
        <v>174</v>
      </c>
      <c r="S5157" s="98" t="s">
        <v>174</v>
      </c>
      <c r="T5157" s="98" t="s">
        <v>174</v>
      </c>
      <c r="U5157" s="98" t="s">
        <v>174</v>
      </c>
      <c r="V5157" s="98" t="s">
        <v>174</v>
      </c>
      <c r="W5157" s="98" t="s">
        <v>174</v>
      </c>
      <c r="X5157" s="98" t="s">
        <v>174</v>
      </c>
      <c r="Y5157" s="98" t="s">
        <v>174</v>
      </c>
      <c r="Z5157" s="98" t="s">
        <v>174</v>
      </c>
      <c r="AA5157" s="98" t="s">
        <v>174</v>
      </c>
      <c r="AB5157" s="98" t="s">
        <v>174</v>
      </c>
      <c r="AC5157" s="98" t="s">
        <v>174</v>
      </c>
      <c r="AD5157" s="98" t="s">
        <v>174</v>
      </c>
      <c r="AE5157" s="98" t="s">
        <v>174</v>
      </c>
      <c r="AF5157" s="98" t="s">
        <v>174</v>
      </c>
      <c r="AG5157" s="98" t="s">
        <v>174</v>
      </c>
      <c r="AH5157" s="98" t="s">
        <v>174</v>
      </c>
      <c r="AI5157" s="98" t="s">
        <v>174</v>
      </c>
      <c r="AJ5157" s="98" t="s">
        <v>174</v>
      </c>
      <c r="AK5157" s="98" t="s">
        <v>174</v>
      </c>
      <c r="AL5157" s="98" t="s">
        <v>174</v>
      </c>
      <c r="AM5157" s="98" t="s">
        <v>174</v>
      </c>
      <c r="AN5157" s="98" t="s">
        <v>174</v>
      </c>
      <c r="AO5157" s="98" t="s">
        <v>174</v>
      </c>
      <c r="AP5157" s="98" t="s">
        <v>174</v>
      </c>
      <c r="AQ5157" s="98" t="s">
        <v>174</v>
      </c>
      <c r="AR5157" s="98" t="s">
        <v>174</v>
      </c>
      <c r="AS5157" s="98" t="s">
        <v>174</v>
      </c>
      <c r="AT5157" s="129" t="s">
        <v>174</v>
      </c>
      <c r="AU5157" s="98" t="s">
        <v>174</v>
      </c>
      <c r="AV5157" s="98" t="s">
        <v>174</v>
      </c>
      <c r="AW5157" s="98" t="s">
        <v>174</v>
      </c>
      <c r="AX5157" s="98"/>
      <c r="AY5157" s="98"/>
      <c r="AZ5157" s="98"/>
      <c r="BA5157" s="98"/>
      <c r="BB5157" s="107">
        <v>45884</v>
      </c>
    </row>
    <row r="5158" spans="1:54" s="8" customFormat="1" ht="15.75" customHeight="1" x14ac:dyDescent="0.25">
      <c r="A5158" s="219" t="s">
        <v>24185</v>
      </c>
      <c r="B5158" s="250" t="s">
        <v>10412</v>
      </c>
      <c r="C5158" s="140" t="s">
        <v>24155</v>
      </c>
      <c r="D5158" s="140" t="s">
        <v>24156</v>
      </c>
      <c r="E5158" s="139" t="s">
        <v>400</v>
      </c>
      <c r="F5158" s="139">
        <v>4259</v>
      </c>
      <c r="G5158" s="140" t="s">
        <v>20277</v>
      </c>
      <c r="H5158" s="140">
        <v>0</v>
      </c>
      <c r="I5158" s="140">
        <v>0</v>
      </c>
      <c r="J5158" s="140">
        <v>1</v>
      </c>
      <c r="K5158" s="98" t="s">
        <v>174</v>
      </c>
      <c r="L5158" s="98" t="s">
        <v>174</v>
      </c>
      <c r="M5158" s="98" t="s">
        <v>174</v>
      </c>
      <c r="N5158" s="98" t="s">
        <v>174</v>
      </c>
      <c r="O5158" s="98" t="s">
        <v>174</v>
      </c>
      <c r="P5158" s="98" t="s">
        <v>174</v>
      </c>
      <c r="Q5158" s="98" t="s">
        <v>174</v>
      </c>
      <c r="R5158" s="98" t="s">
        <v>174</v>
      </c>
      <c r="S5158" s="98" t="s">
        <v>174</v>
      </c>
      <c r="T5158" s="98" t="s">
        <v>174</v>
      </c>
      <c r="U5158" s="99"/>
      <c r="V5158" s="99"/>
      <c r="W5158" s="99"/>
      <c r="X5158" s="99"/>
      <c r="Y5158" s="99"/>
      <c r="Z5158" s="99"/>
      <c r="AA5158" s="99"/>
      <c r="AB5158" s="99"/>
      <c r="AC5158" s="99"/>
      <c r="AD5158" s="99"/>
      <c r="AE5158" s="99"/>
      <c r="AF5158" s="99"/>
      <c r="AG5158" s="99"/>
      <c r="AH5158" s="99"/>
      <c r="AI5158" s="99"/>
      <c r="AJ5158" s="99"/>
      <c r="AK5158" s="99"/>
      <c r="AL5158" s="99"/>
      <c r="AM5158" s="99"/>
      <c r="AN5158" s="99"/>
      <c r="AO5158" s="99"/>
      <c r="AP5158" s="99"/>
      <c r="AQ5158" s="99"/>
      <c r="AR5158" s="99"/>
      <c r="AS5158" s="99"/>
      <c r="AT5158" s="99"/>
      <c r="AU5158" s="99"/>
      <c r="AV5158" s="99"/>
      <c r="AW5158" s="99"/>
      <c r="AX5158" s="99"/>
      <c r="AY5158" s="99"/>
      <c r="AZ5158" s="99"/>
      <c r="BA5158" s="99"/>
      <c r="BB5158" s="107">
        <v>45884</v>
      </c>
    </row>
    <row r="5159" spans="1:54" s="8" customFormat="1" ht="15.75" customHeight="1" x14ac:dyDescent="0.25">
      <c r="A5159" s="229" t="s">
        <v>24186</v>
      </c>
      <c r="B5159" s="250" t="s">
        <v>10412</v>
      </c>
      <c r="C5159" s="140" t="s">
        <v>24157</v>
      </c>
      <c r="D5159" s="140" t="s">
        <v>24158</v>
      </c>
      <c r="E5159" s="139" t="s">
        <v>400</v>
      </c>
      <c r="F5159" s="139">
        <v>9864</v>
      </c>
      <c r="G5159" s="140" t="s">
        <v>24159</v>
      </c>
      <c r="H5159" s="140">
        <v>1</v>
      </c>
      <c r="I5159" s="140">
        <v>1</v>
      </c>
      <c r="J5159" s="140">
        <v>1</v>
      </c>
      <c r="K5159" s="98" t="s">
        <v>174</v>
      </c>
      <c r="L5159" s="98" t="s">
        <v>174</v>
      </c>
      <c r="M5159" s="98" t="s">
        <v>174</v>
      </c>
      <c r="N5159" s="98" t="s">
        <v>174</v>
      </c>
      <c r="O5159" s="98" t="s">
        <v>174</v>
      </c>
      <c r="P5159" s="98" t="s">
        <v>174</v>
      </c>
      <c r="Q5159" s="98" t="s">
        <v>174</v>
      </c>
      <c r="R5159" s="98" t="s">
        <v>174</v>
      </c>
      <c r="S5159" s="98" t="s">
        <v>174</v>
      </c>
      <c r="T5159" s="98" t="s">
        <v>174</v>
      </c>
      <c r="U5159" s="99"/>
      <c r="V5159" s="99"/>
      <c r="W5159" s="99"/>
      <c r="X5159" s="99"/>
      <c r="Y5159" s="99"/>
      <c r="Z5159" s="99"/>
      <c r="AA5159" s="99"/>
      <c r="AB5159" s="99"/>
      <c r="AC5159" s="99"/>
      <c r="AD5159" s="99"/>
      <c r="AE5159" s="99"/>
      <c r="AF5159" s="99"/>
      <c r="AG5159" s="99"/>
      <c r="AH5159" s="99"/>
      <c r="AI5159" s="99"/>
      <c r="AJ5159" s="99"/>
      <c r="AK5159" s="99"/>
      <c r="AL5159" s="99"/>
      <c r="AM5159" s="99"/>
      <c r="AN5159" s="99"/>
      <c r="AO5159" s="99"/>
      <c r="AP5159" s="99"/>
      <c r="AQ5159" s="99"/>
      <c r="AR5159" s="99"/>
      <c r="AS5159" s="99"/>
      <c r="AT5159" s="99"/>
      <c r="AU5159" s="99"/>
      <c r="AV5159" s="99"/>
      <c r="AW5159" s="99"/>
      <c r="AX5159" s="99"/>
      <c r="AY5159" s="99"/>
      <c r="AZ5159" s="99"/>
      <c r="BA5159" s="99"/>
      <c r="BB5159" s="107">
        <v>45884</v>
      </c>
    </row>
    <row r="5160" spans="1:54" s="8" customFormat="1" ht="15.75" customHeight="1" x14ac:dyDescent="0.25">
      <c r="A5160" s="219" t="s">
        <v>24187</v>
      </c>
      <c r="B5160" s="250" t="s">
        <v>10412</v>
      </c>
      <c r="C5160" s="140" t="s">
        <v>24160</v>
      </c>
      <c r="D5160" s="140" t="s">
        <v>24161</v>
      </c>
      <c r="E5160" s="139" t="s">
        <v>400</v>
      </c>
      <c r="F5160" s="139">
        <v>6911</v>
      </c>
      <c r="G5160" s="140" t="s">
        <v>24162</v>
      </c>
      <c r="H5160" s="140">
        <v>0</v>
      </c>
      <c r="I5160" s="140">
        <v>0</v>
      </c>
      <c r="J5160" s="140">
        <v>0</v>
      </c>
      <c r="K5160" s="98" t="s">
        <v>174</v>
      </c>
      <c r="L5160" s="98" t="s">
        <v>174</v>
      </c>
      <c r="M5160" s="98" t="s">
        <v>174</v>
      </c>
      <c r="N5160" s="98" t="s">
        <v>174</v>
      </c>
      <c r="O5160" s="98" t="s">
        <v>174</v>
      </c>
      <c r="P5160" s="98" t="s">
        <v>174</v>
      </c>
      <c r="Q5160" s="98" t="s">
        <v>174</v>
      </c>
      <c r="R5160" s="98" t="s">
        <v>174</v>
      </c>
      <c r="S5160" s="98" t="s">
        <v>174</v>
      </c>
      <c r="T5160" s="98" t="s">
        <v>174</v>
      </c>
      <c r="U5160" s="99"/>
      <c r="V5160" s="99"/>
      <c r="W5160" s="99"/>
      <c r="X5160" s="99"/>
      <c r="Y5160" s="99"/>
      <c r="Z5160" s="99"/>
      <c r="AA5160" s="99"/>
      <c r="AB5160" s="99"/>
      <c r="AC5160" s="99"/>
      <c r="AD5160" s="99"/>
      <c r="AE5160" s="99"/>
      <c r="AF5160" s="99"/>
      <c r="AG5160" s="99"/>
      <c r="AH5160" s="99"/>
      <c r="AI5160" s="99"/>
      <c r="AJ5160" s="99"/>
      <c r="AK5160" s="99"/>
      <c r="AL5160" s="99"/>
      <c r="AM5160" s="99"/>
      <c r="AN5160" s="99"/>
      <c r="AO5160" s="99"/>
      <c r="AP5160" s="99"/>
      <c r="AQ5160" s="99"/>
      <c r="AR5160" s="99"/>
      <c r="AS5160" s="99"/>
      <c r="AT5160" s="99"/>
      <c r="AU5160" s="99"/>
      <c r="AV5160" s="99"/>
      <c r="AW5160" s="99"/>
      <c r="AX5160" s="99"/>
      <c r="AY5160" s="99"/>
      <c r="AZ5160" s="99"/>
      <c r="BA5160" s="99"/>
      <c r="BB5160" s="107">
        <v>45884</v>
      </c>
    </row>
    <row r="5161" spans="1:54" s="8" customFormat="1" ht="15.75" customHeight="1" x14ac:dyDescent="0.25">
      <c r="A5161" s="229" t="s">
        <v>24607</v>
      </c>
      <c r="B5161" s="241" t="s">
        <v>10412</v>
      </c>
      <c r="C5161" s="223" t="s">
        <v>24605</v>
      </c>
      <c r="D5161" s="223" t="s">
        <v>24606</v>
      </c>
      <c r="E5161" s="222" t="s">
        <v>174</v>
      </c>
      <c r="F5161" s="222">
        <v>3811</v>
      </c>
      <c r="G5161" s="223" t="s">
        <v>9</v>
      </c>
      <c r="H5161" s="223">
        <v>0</v>
      </c>
      <c r="I5161" s="223">
        <v>0</v>
      </c>
      <c r="J5161" s="223">
        <v>0</v>
      </c>
      <c r="K5161" s="223" t="s">
        <v>174</v>
      </c>
      <c r="L5161" s="223" t="s">
        <v>174</v>
      </c>
      <c r="M5161" s="223" t="s">
        <v>174</v>
      </c>
      <c r="N5161" s="223" t="s">
        <v>174</v>
      </c>
      <c r="O5161" s="223" t="s">
        <v>174</v>
      </c>
      <c r="P5161" s="223" t="s">
        <v>174</v>
      </c>
      <c r="Q5161" s="223" t="s">
        <v>174</v>
      </c>
      <c r="R5161" s="223" t="s">
        <v>174</v>
      </c>
      <c r="S5161" s="223" t="s">
        <v>174</v>
      </c>
      <c r="T5161" s="223" t="s">
        <v>174</v>
      </c>
      <c r="U5161" s="223" t="s">
        <v>174</v>
      </c>
      <c r="V5161" s="223" t="s">
        <v>174</v>
      </c>
      <c r="W5161" s="223" t="s">
        <v>174</v>
      </c>
      <c r="X5161" s="223" t="s">
        <v>174</v>
      </c>
      <c r="Y5161" s="223" t="s">
        <v>174</v>
      </c>
      <c r="Z5161" s="223" t="s">
        <v>174</v>
      </c>
      <c r="AA5161" s="223" t="s">
        <v>174</v>
      </c>
      <c r="AB5161" s="223" t="s">
        <v>174</v>
      </c>
      <c r="AC5161" s="223" t="s">
        <v>174</v>
      </c>
      <c r="AD5161" s="223" t="s">
        <v>174</v>
      </c>
      <c r="AE5161" s="223" t="s">
        <v>174</v>
      </c>
      <c r="AF5161" s="223" t="s">
        <v>174</v>
      </c>
      <c r="AG5161" s="223" t="s">
        <v>174</v>
      </c>
      <c r="AH5161" s="223" t="s">
        <v>174</v>
      </c>
      <c r="AI5161" s="223" t="s">
        <v>174</v>
      </c>
      <c r="AJ5161" s="223" t="s">
        <v>174</v>
      </c>
      <c r="AK5161" s="223" t="s">
        <v>174</v>
      </c>
      <c r="AL5161" s="223" t="s">
        <v>174</v>
      </c>
      <c r="AM5161" s="223" t="s">
        <v>174</v>
      </c>
      <c r="AN5161" s="223" t="s">
        <v>174</v>
      </c>
      <c r="AO5161" s="223" t="s">
        <v>174</v>
      </c>
      <c r="AP5161" s="223" t="s">
        <v>174</v>
      </c>
      <c r="AQ5161" s="223" t="s">
        <v>174</v>
      </c>
      <c r="AR5161" s="223" t="s">
        <v>174</v>
      </c>
      <c r="AS5161" s="223" t="s">
        <v>174</v>
      </c>
      <c r="AT5161" s="251" t="s">
        <v>174</v>
      </c>
      <c r="AU5161" s="223" t="s">
        <v>174</v>
      </c>
      <c r="AV5161" s="223" t="s">
        <v>174</v>
      </c>
      <c r="AW5161" s="223" t="s">
        <v>174</v>
      </c>
      <c r="AX5161" s="223"/>
      <c r="AY5161" s="223"/>
      <c r="AZ5161" s="223"/>
      <c r="BA5161" s="223"/>
      <c r="BB5161" s="107">
        <v>45884</v>
      </c>
    </row>
    <row r="5162" spans="1:54" s="8" customFormat="1" ht="13.5" customHeight="1" x14ac:dyDescent="0.25">
      <c r="A5162" s="229" t="s">
        <v>11929</v>
      </c>
      <c r="B5162" s="96" t="s">
        <v>11930</v>
      </c>
      <c r="C5162" s="93" t="s">
        <v>11931</v>
      </c>
      <c r="D5162" s="93" t="s">
        <v>11932</v>
      </c>
      <c r="E5162" s="111">
        <v>1964</v>
      </c>
      <c r="F5162" s="111">
        <v>3500</v>
      </c>
      <c r="G5162" s="93" t="s">
        <v>1</v>
      </c>
      <c r="H5162" s="111">
        <v>1</v>
      </c>
      <c r="I5162" s="111">
        <v>0</v>
      </c>
      <c r="J5162" s="111">
        <v>1</v>
      </c>
      <c r="K5162" s="111">
        <v>1</v>
      </c>
      <c r="L5162" s="111">
        <v>1</v>
      </c>
      <c r="M5162" s="111">
        <v>0</v>
      </c>
      <c r="N5162" s="111">
        <v>0</v>
      </c>
      <c r="O5162" s="111">
        <v>1</v>
      </c>
      <c r="P5162" s="111">
        <v>1</v>
      </c>
      <c r="Q5162" s="111">
        <v>0</v>
      </c>
      <c r="R5162" s="111">
        <v>1</v>
      </c>
      <c r="S5162" s="111">
        <v>0</v>
      </c>
      <c r="T5162" s="111">
        <v>0</v>
      </c>
      <c r="U5162" s="145"/>
      <c r="V5162" s="145"/>
      <c r="W5162" s="145"/>
      <c r="X5162" s="145"/>
      <c r="Y5162" s="145"/>
      <c r="Z5162" s="145"/>
      <c r="AA5162" s="145"/>
      <c r="AB5162" s="145"/>
      <c r="AC5162" s="145"/>
      <c r="AD5162" s="145"/>
      <c r="AE5162" s="145"/>
      <c r="AF5162" s="145"/>
      <c r="AG5162" s="145"/>
      <c r="AH5162" s="145"/>
      <c r="AI5162" s="145"/>
      <c r="AJ5162" s="145"/>
      <c r="AK5162" s="145"/>
      <c r="AL5162" s="145"/>
      <c r="AM5162" s="145"/>
      <c r="AN5162" s="145"/>
      <c r="AO5162" s="145"/>
      <c r="AP5162" s="145"/>
      <c r="AQ5162" s="145"/>
      <c r="AR5162" s="145"/>
      <c r="AS5162" s="145"/>
      <c r="AT5162" s="145"/>
      <c r="AU5162" s="145"/>
      <c r="AV5162" s="145"/>
      <c r="AW5162" s="145"/>
      <c r="AX5162" s="146"/>
      <c r="AY5162" s="146"/>
      <c r="AZ5162" s="146"/>
      <c r="BA5162" s="146"/>
      <c r="BB5162" s="107">
        <v>45884</v>
      </c>
    </row>
    <row r="5163" spans="1:54" s="8" customFormat="1" ht="13.95" customHeight="1" x14ac:dyDescent="0.25">
      <c r="A5163" s="229" t="s">
        <v>11933</v>
      </c>
      <c r="B5163" s="96" t="s">
        <v>11930</v>
      </c>
      <c r="C5163" s="93" t="s">
        <v>11934</v>
      </c>
      <c r="D5163" s="93" t="s">
        <v>11935</v>
      </c>
      <c r="E5163" s="111">
        <v>1956</v>
      </c>
      <c r="F5163" s="111">
        <v>1300</v>
      </c>
      <c r="G5163" s="93" t="s">
        <v>1</v>
      </c>
      <c r="H5163" s="111">
        <v>1</v>
      </c>
      <c r="I5163" s="111">
        <v>0</v>
      </c>
      <c r="J5163" s="111">
        <v>1</v>
      </c>
      <c r="K5163" s="111">
        <v>1</v>
      </c>
      <c r="L5163" s="111">
        <v>1</v>
      </c>
      <c r="M5163" s="111">
        <v>0</v>
      </c>
      <c r="N5163" s="111">
        <v>0</v>
      </c>
      <c r="O5163" s="111">
        <v>1</v>
      </c>
      <c r="P5163" s="111">
        <v>0</v>
      </c>
      <c r="Q5163" s="111">
        <v>0</v>
      </c>
      <c r="R5163" s="111">
        <v>1</v>
      </c>
      <c r="S5163" s="111">
        <v>0</v>
      </c>
      <c r="T5163" s="111">
        <v>0</v>
      </c>
      <c r="U5163" s="145"/>
      <c r="V5163" s="145"/>
      <c r="W5163" s="145"/>
      <c r="X5163" s="145"/>
      <c r="Y5163" s="145"/>
      <c r="Z5163" s="145"/>
      <c r="AA5163" s="145"/>
      <c r="AB5163" s="145"/>
      <c r="AC5163" s="145"/>
      <c r="AD5163" s="145"/>
      <c r="AE5163" s="145"/>
      <c r="AF5163" s="145"/>
      <c r="AG5163" s="145"/>
      <c r="AH5163" s="145"/>
      <c r="AI5163" s="145"/>
      <c r="AJ5163" s="145"/>
      <c r="AK5163" s="145"/>
      <c r="AL5163" s="145"/>
      <c r="AM5163" s="145"/>
      <c r="AN5163" s="145"/>
      <c r="AO5163" s="145"/>
      <c r="AP5163" s="145"/>
      <c r="AQ5163" s="145"/>
      <c r="AR5163" s="145"/>
      <c r="AS5163" s="145"/>
      <c r="AT5163" s="145"/>
      <c r="AU5163" s="145"/>
      <c r="AV5163" s="145"/>
      <c r="AW5163" s="145"/>
      <c r="AX5163" s="146"/>
      <c r="AY5163" s="146"/>
      <c r="AZ5163" s="146"/>
      <c r="BA5163" s="146"/>
      <c r="BB5163" s="107">
        <v>45884</v>
      </c>
    </row>
    <row r="5164" spans="1:54" s="8" customFormat="1" ht="13.95" customHeight="1" x14ac:dyDescent="0.25">
      <c r="A5164" s="229" t="s">
        <v>11936</v>
      </c>
      <c r="B5164" s="96" t="s">
        <v>11930</v>
      </c>
      <c r="C5164" s="93" t="s">
        <v>11937</v>
      </c>
      <c r="D5164" s="93" t="s">
        <v>11938</v>
      </c>
      <c r="E5164" s="111">
        <v>1956</v>
      </c>
      <c r="F5164" s="111">
        <v>4500</v>
      </c>
      <c r="G5164" s="93" t="s">
        <v>1</v>
      </c>
      <c r="H5164" s="111">
        <v>0</v>
      </c>
      <c r="I5164" s="111">
        <v>0</v>
      </c>
      <c r="J5164" s="111">
        <v>1</v>
      </c>
      <c r="K5164" s="111">
        <v>0</v>
      </c>
      <c r="L5164" s="111">
        <v>0</v>
      </c>
      <c r="M5164" s="111">
        <v>0</v>
      </c>
      <c r="N5164" s="111">
        <v>0</v>
      </c>
      <c r="O5164" s="111">
        <v>1</v>
      </c>
      <c r="P5164" s="111">
        <v>1</v>
      </c>
      <c r="Q5164" s="111">
        <v>0</v>
      </c>
      <c r="R5164" s="111">
        <v>1</v>
      </c>
      <c r="S5164" s="111">
        <v>1</v>
      </c>
      <c r="T5164" s="111">
        <v>0</v>
      </c>
      <c r="U5164" s="145"/>
      <c r="V5164" s="145"/>
      <c r="W5164" s="145"/>
      <c r="X5164" s="145"/>
      <c r="Y5164" s="145"/>
      <c r="Z5164" s="145"/>
      <c r="AA5164" s="145"/>
      <c r="AB5164" s="145"/>
      <c r="AC5164" s="145"/>
      <c r="AD5164" s="145"/>
      <c r="AE5164" s="145"/>
      <c r="AF5164" s="145"/>
      <c r="AG5164" s="145"/>
      <c r="AH5164" s="145"/>
      <c r="AI5164" s="145"/>
      <c r="AJ5164" s="145"/>
      <c r="AK5164" s="145"/>
      <c r="AL5164" s="145"/>
      <c r="AM5164" s="145"/>
      <c r="AN5164" s="145"/>
      <c r="AO5164" s="145"/>
      <c r="AP5164" s="145"/>
      <c r="AQ5164" s="145"/>
      <c r="AR5164" s="145"/>
      <c r="AS5164" s="145"/>
      <c r="AT5164" s="145"/>
      <c r="AU5164" s="145"/>
      <c r="AV5164" s="145"/>
      <c r="AW5164" s="145"/>
      <c r="AX5164" s="146"/>
      <c r="AY5164" s="146"/>
      <c r="AZ5164" s="146"/>
      <c r="BA5164" s="146"/>
      <c r="BB5164" s="107">
        <v>45884</v>
      </c>
    </row>
    <row r="5165" spans="1:54" s="8" customFormat="1" ht="13.95" customHeight="1" x14ac:dyDescent="0.25">
      <c r="A5165" s="229" t="s">
        <v>11939</v>
      </c>
      <c r="B5165" s="96" t="s">
        <v>11930</v>
      </c>
      <c r="C5165" s="93" t="s">
        <v>11940</v>
      </c>
      <c r="D5165" s="93" t="s">
        <v>11941</v>
      </c>
      <c r="E5165" s="111">
        <v>1971</v>
      </c>
      <c r="F5165" s="111">
        <v>500</v>
      </c>
      <c r="G5165" s="93" t="s">
        <v>1</v>
      </c>
      <c r="H5165" s="111">
        <v>1</v>
      </c>
      <c r="I5165" s="111">
        <v>0</v>
      </c>
      <c r="J5165" s="111">
        <v>1</v>
      </c>
      <c r="K5165" s="111">
        <v>1</v>
      </c>
      <c r="L5165" s="111">
        <v>1</v>
      </c>
      <c r="M5165" s="111">
        <v>1</v>
      </c>
      <c r="N5165" s="111">
        <v>0</v>
      </c>
      <c r="O5165" s="111">
        <v>0</v>
      </c>
      <c r="P5165" s="111">
        <v>1</v>
      </c>
      <c r="Q5165" s="111">
        <v>0</v>
      </c>
      <c r="R5165" s="111">
        <v>0</v>
      </c>
      <c r="S5165" s="111">
        <v>0</v>
      </c>
      <c r="T5165" s="111">
        <v>0</v>
      </c>
      <c r="U5165" s="145"/>
      <c r="V5165" s="145"/>
      <c r="W5165" s="145"/>
      <c r="X5165" s="145"/>
      <c r="Y5165" s="145"/>
      <c r="Z5165" s="145"/>
      <c r="AA5165" s="145"/>
      <c r="AB5165" s="145"/>
      <c r="AC5165" s="145"/>
      <c r="AD5165" s="145"/>
      <c r="AE5165" s="145"/>
      <c r="AF5165" s="145"/>
      <c r="AG5165" s="145"/>
      <c r="AH5165" s="145"/>
      <c r="AI5165" s="145"/>
      <c r="AJ5165" s="145"/>
      <c r="AK5165" s="145"/>
      <c r="AL5165" s="145"/>
      <c r="AM5165" s="145"/>
      <c r="AN5165" s="145"/>
      <c r="AO5165" s="145"/>
      <c r="AP5165" s="145"/>
      <c r="AQ5165" s="145"/>
      <c r="AR5165" s="145"/>
      <c r="AS5165" s="145"/>
      <c r="AT5165" s="145"/>
      <c r="AU5165" s="145"/>
      <c r="AV5165" s="145"/>
      <c r="AW5165" s="145"/>
      <c r="AX5165" s="146"/>
      <c r="AY5165" s="146"/>
      <c r="AZ5165" s="146"/>
      <c r="BA5165" s="146"/>
      <c r="BB5165" s="107">
        <v>45884</v>
      </c>
    </row>
    <row r="5166" spans="1:54" s="8" customFormat="1" ht="13.95" customHeight="1" x14ac:dyDescent="0.25">
      <c r="A5166" s="229" t="s">
        <v>11942</v>
      </c>
      <c r="B5166" s="96" t="s">
        <v>11930</v>
      </c>
      <c r="C5166" s="93" t="s">
        <v>11943</v>
      </c>
      <c r="D5166" s="93" t="s">
        <v>11944</v>
      </c>
      <c r="E5166" s="111">
        <v>1979</v>
      </c>
      <c r="F5166" s="111">
        <v>3300</v>
      </c>
      <c r="G5166" s="93" t="s">
        <v>1</v>
      </c>
      <c r="H5166" s="111">
        <v>1</v>
      </c>
      <c r="I5166" s="111">
        <v>0</v>
      </c>
      <c r="J5166" s="111">
        <v>1</v>
      </c>
      <c r="K5166" s="111">
        <v>0</v>
      </c>
      <c r="L5166" s="111">
        <v>1</v>
      </c>
      <c r="M5166" s="111">
        <v>0</v>
      </c>
      <c r="N5166" s="111">
        <v>0</v>
      </c>
      <c r="O5166" s="111">
        <v>0</v>
      </c>
      <c r="P5166" s="111">
        <v>1</v>
      </c>
      <c r="Q5166" s="111">
        <v>0</v>
      </c>
      <c r="R5166" s="111">
        <v>0</v>
      </c>
      <c r="S5166" s="111">
        <v>0</v>
      </c>
      <c r="T5166" s="111">
        <v>0</v>
      </c>
      <c r="U5166" s="145"/>
      <c r="V5166" s="145"/>
      <c r="W5166" s="145"/>
      <c r="X5166" s="145"/>
      <c r="Y5166" s="145"/>
      <c r="Z5166" s="145"/>
      <c r="AA5166" s="145"/>
      <c r="AB5166" s="145"/>
      <c r="AC5166" s="145"/>
      <c r="AD5166" s="145"/>
      <c r="AE5166" s="145"/>
      <c r="AF5166" s="145"/>
      <c r="AG5166" s="145"/>
      <c r="AH5166" s="145"/>
      <c r="AI5166" s="145"/>
      <c r="AJ5166" s="145"/>
      <c r="AK5166" s="145"/>
      <c r="AL5166" s="145"/>
      <c r="AM5166" s="145"/>
      <c r="AN5166" s="145"/>
      <c r="AO5166" s="145"/>
      <c r="AP5166" s="145"/>
      <c r="AQ5166" s="145"/>
      <c r="AR5166" s="145"/>
      <c r="AS5166" s="145"/>
      <c r="AT5166" s="145"/>
      <c r="AU5166" s="145"/>
      <c r="AV5166" s="145"/>
      <c r="AW5166" s="145"/>
      <c r="AX5166" s="146"/>
      <c r="AY5166" s="146"/>
      <c r="AZ5166" s="146"/>
      <c r="BA5166" s="146"/>
      <c r="BB5166" s="107">
        <v>45884</v>
      </c>
    </row>
    <row r="5167" spans="1:54" s="8" customFormat="1" ht="13.95" customHeight="1" x14ac:dyDescent="0.25">
      <c r="A5167" s="229" t="s">
        <v>11945</v>
      </c>
      <c r="B5167" s="96" t="s">
        <v>11930</v>
      </c>
      <c r="C5167" s="93" t="s">
        <v>11946</v>
      </c>
      <c r="D5167" s="93" t="s">
        <v>11947</v>
      </c>
      <c r="E5167" s="111">
        <v>1991</v>
      </c>
      <c r="F5167" s="111">
        <v>200</v>
      </c>
      <c r="G5167" s="93" t="s">
        <v>1</v>
      </c>
      <c r="H5167" s="111">
        <v>0</v>
      </c>
      <c r="I5167" s="111">
        <v>0</v>
      </c>
      <c r="J5167" s="111">
        <v>1</v>
      </c>
      <c r="K5167" s="252">
        <v>1</v>
      </c>
      <c r="L5167" s="111">
        <v>0</v>
      </c>
      <c r="M5167" s="111">
        <v>0</v>
      </c>
      <c r="N5167" s="111">
        <v>0</v>
      </c>
      <c r="O5167" s="111">
        <v>0</v>
      </c>
      <c r="P5167" s="252">
        <v>1</v>
      </c>
      <c r="Q5167" s="111">
        <v>0</v>
      </c>
      <c r="R5167" s="111">
        <v>0</v>
      </c>
      <c r="S5167" s="111">
        <v>0</v>
      </c>
      <c r="T5167" s="111">
        <v>0</v>
      </c>
      <c r="U5167" s="145"/>
      <c r="V5167" s="145"/>
      <c r="W5167" s="145"/>
      <c r="X5167" s="145"/>
      <c r="Y5167" s="145"/>
      <c r="Z5167" s="145"/>
      <c r="AA5167" s="145"/>
      <c r="AB5167" s="145"/>
      <c r="AC5167" s="145"/>
      <c r="AD5167" s="145"/>
      <c r="AE5167" s="145"/>
      <c r="AF5167" s="145"/>
      <c r="AG5167" s="145"/>
      <c r="AH5167" s="145"/>
      <c r="AI5167" s="145"/>
      <c r="AJ5167" s="145"/>
      <c r="AK5167" s="145"/>
      <c r="AL5167" s="145"/>
      <c r="AM5167" s="145"/>
      <c r="AN5167" s="145"/>
      <c r="AO5167" s="145"/>
      <c r="AP5167" s="145"/>
      <c r="AQ5167" s="145"/>
      <c r="AR5167" s="145"/>
      <c r="AS5167" s="145"/>
      <c r="AT5167" s="145"/>
      <c r="AU5167" s="145"/>
      <c r="AV5167" s="145"/>
      <c r="AW5167" s="145"/>
      <c r="AX5167" s="146"/>
      <c r="AY5167" s="146"/>
      <c r="AZ5167" s="146"/>
      <c r="BA5167" s="146"/>
      <c r="BB5167" s="107">
        <v>45884</v>
      </c>
    </row>
    <row r="5168" spans="1:54" s="8" customFormat="1" ht="13.95" customHeight="1" x14ac:dyDescent="0.25">
      <c r="A5168" s="229" t="s">
        <v>11948</v>
      </c>
      <c r="B5168" s="96" t="s">
        <v>11930</v>
      </c>
      <c r="C5168" s="93" t="s">
        <v>11949</v>
      </c>
      <c r="D5168" s="93" t="s">
        <v>11950</v>
      </c>
      <c r="E5168" s="111">
        <v>2006</v>
      </c>
      <c r="F5168" s="111">
        <v>500</v>
      </c>
      <c r="G5168" s="93" t="s">
        <v>1</v>
      </c>
      <c r="H5168" s="111">
        <v>0</v>
      </c>
      <c r="I5168" s="111">
        <v>0</v>
      </c>
      <c r="J5168" s="111">
        <v>1</v>
      </c>
      <c r="K5168" s="111">
        <v>1</v>
      </c>
      <c r="L5168" s="111">
        <v>0</v>
      </c>
      <c r="M5168" s="111">
        <v>1</v>
      </c>
      <c r="N5168" s="111">
        <v>0</v>
      </c>
      <c r="O5168" s="111">
        <v>0</v>
      </c>
      <c r="P5168" s="111">
        <v>1</v>
      </c>
      <c r="Q5168" s="111">
        <v>0</v>
      </c>
      <c r="R5168" s="111">
        <v>0</v>
      </c>
      <c r="S5168" s="111">
        <v>0</v>
      </c>
      <c r="T5168" s="111">
        <v>0</v>
      </c>
      <c r="U5168" s="145"/>
      <c r="V5168" s="145"/>
      <c r="W5168" s="145"/>
      <c r="X5168" s="145"/>
      <c r="Y5168" s="145"/>
      <c r="Z5168" s="145"/>
      <c r="AA5168" s="145"/>
      <c r="AB5168" s="145"/>
      <c r="AC5168" s="145"/>
      <c r="AD5168" s="145"/>
      <c r="AE5168" s="145"/>
      <c r="AF5168" s="145"/>
      <c r="AG5168" s="145"/>
      <c r="AH5168" s="145"/>
      <c r="AI5168" s="145"/>
      <c r="AJ5168" s="145"/>
      <c r="AK5168" s="145"/>
      <c r="AL5168" s="145"/>
      <c r="AM5168" s="145"/>
      <c r="AN5168" s="145"/>
      <c r="AO5168" s="145"/>
      <c r="AP5168" s="145"/>
      <c r="AQ5168" s="145"/>
      <c r="AR5168" s="145"/>
      <c r="AS5168" s="145"/>
      <c r="AT5168" s="145"/>
      <c r="AU5168" s="145"/>
      <c r="AV5168" s="145"/>
      <c r="AW5168" s="145"/>
      <c r="AX5168" s="146"/>
      <c r="AY5168" s="146"/>
      <c r="AZ5168" s="146"/>
      <c r="BA5168" s="146"/>
      <c r="BB5168" s="107">
        <v>45884</v>
      </c>
    </row>
    <row r="5169" spans="1:54" s="8" customFormat="1" ht="13.95" customHeight="1" x14ac:dyDescent="0.25">
      <c r="A5169" s="229" t="s">
        <v>11951</v>
      </c>
      <c r="B5169" s="96" t="s">
        <v>11930</v>
      </c>
      <c r="C5169" s="93" t="s">
        <v>11952</v>
      </c>
      <c r="D5169" s="93" t="s">
        <v>11953</v>
      </c>
      <c r="E5169" s="111">
        <v>1964</v>
      </c>
      <c r="F5169" s="111">
        <v>1500</v>
      </c>
      <c r="G5169" s="93" t="s">
        <v>1</v>
      </c>
      <c r="H5169" s="111">
        <v>1</v>
      </c>
      <c r="I5169" s="111">
        <v>0</v>
      </c>
      <c r="J5169" s="111">
        <v>1</v>
      </c>
      <c r="K5169" s="111">
        <v>0</v>
      </c>
      <c r="L5169" s="111">
        <v>0</v>
      </c>
      <c r="M5169" s="111">
        <v>0</v>
      </c>
      <c r="N5169" s="111">
        <v>0</v>
      </c>
      <c r="O5169" s="111">
        <v>1</v>
      </c>
      <c r="P5169" s="111">
        <v>1</v>
      </c>
      <c r="Q5169" s="111">
        <v>1</v>
      </c>
      <c r="R5169" s="111">
        <v>1</v>
      </c>
      <c r="S5169" s="111">
        <v>1</v>
      </c>
      <c r="T5169" s="111">
        <v>0</v>
      </c>
      <c r="U5169" s="145"/>
      <c r="V5169" s="145"/>
      <c r="W5169" s="145"/>
      <c r="X5169" s="145"/>
      <c r="Y5169" s="145"/>
      <c r="Z5169" s="145"/>
      <c r="AA5169" s="145"/>
      <c r="AB5169" s="145"/>
      <c r="AC5169" s="145"/>
      <c r="AD5169" s="145"/>
      <c r="AE5169" s="145"/>
      <c r="AF5169" s="145"/>
      <c r="AG5169" s="145"/>
      <c r="AH5169" s="145"/>
      <c r="AI5169" s="145"/>
      <c r="AJ5169" s="145"/>
      <c r="AK5169" s="145"/>
      <c r="AL5169" s="145"/>
      <c r="AM5169" s="145"/>
      <c r="AN5169" s="145"/>
      <c r="AO5169" s="145"/>
      <c r="AP5169" s="145"/>
      <c r="AQ5169" s="145"/>
      <c r="AR5169" s="145"/>
      <c r="AS5169" s="145"/>
      <c r="AT5169" s="145"/>
      <c r="AU5169" s="145"/>
      <c r="AV5169" s="145"/>
      <c r="AW5169" s="145"/>
      <c r="AX5169" s="146"/>
      <c r="AY5169" s="146"/>
      <c r="AZ5169" s="146"/>
      <c r="BA5169" s="146"/>
      <c r="BB5169" s="107">
        <v>45884</v>
      </c>
    </row>
    <row r="5170" spans="1:54" s="8" customFormat="1" ht="13.95" customHeight="1" x14ac:dyDescent="0.25">
      <c r="A5170" s="229" t="s">
        <v>11954</v>
      </c>
      <c r="B5170" s="96" t="s">
        <v>11930</v>
      </c>
      <c r="C5170" s="93" t="s">
        <v>11955</v>
      </c>
      <c r="D5170" s="93" t="s">
        <v>11956</v>
      </c>
      <c r="E5170" s="111">
        <v>1992</v>
      </c>
      <c r="F5170" s="111">
        <v>1400</v>
      </c>
      <c r="G5170" s="93" t="s">
        <v>1</v>
      </c>
      <c r="H5170" s="111">
        <v>0</v>
      </c>
      <c r="I5170" s="111">
        <v>0</v>
      </c>
      <c r="J5170" s="111">
        <v>1</v>
      </c>
      <c r="K5170" s="111">
        <v>1</v>
      </c>
      <c r="L5170" s="111">
        <v>1</v>
      </c>
      <c r="M5170" s="111">
        <v>1</v>
      </c>
      <c r="N5170" s="111">
        <v>0</v>
      </c>
      <c r="O5170" s="111">
        <v>0</v>
      </c>
      <c r="P5170" s="111">
        <v>1</v>
      </c>
      <c r="Q5170" s="111">
        <v>0</v>
      </c>
      <c r="R5170" s="111">
        <v>0</v>
      </c>
      <c r="S5170" s="111">
        <v>0</v>
      </c>
      <c r="T5170" s="111">
        <v>0</v>
      </c>
      <c r="U5170" s="145"/>
      <c r="V5170" s="145"/>
      <c r="W5170" s="145"/>
      <c r="X5170" s="145"/>
      <c r="Y5170" s="145"/>
      <c r="Z5170" s="145"/>
      <c r="AA5170" s="145"/>
      <c r="AB5170" s="145"/>
      <c r="AC5170" s="145"/>
      <c r="AD5170" s="145"/>
      <c r="AE5170" s="145"/>
      <c r="AF5170" s="145"/>
      <c r="AG5170" s="145"/>
      <c r="AH5170" s="145"/>
      <c r="AI5170" s="145"/>
      <c r="AJ5170" s="145"/>
      <c r="AK5170" s="145"/>
      <c r="AL5170" s="145"/>
      <c r="AM5170" s="145"/>
      <c r="AN5170" s="145"/>
      <c r="AO5170" s="145"/>
      <c r="AP5170" s="145"/>
      <c r="AQ5170" s="145"/>
      <c r="AR5170" s="145"/>
      <c r="AS5170" s="145"/>
      <c r="AT5170" s="145"/>
      <c r="AU5170" s="145"/>
      <c r="AV5170" s="145"/>
      <c r="AW5170" s="145"/>
      <c r="AX5170" s="146"/>
      <c r="AY5170" s="146"/>
      <c r="AZ5170" s="146"/>
      <c r="BA5170" s="146"/>
      <c r="BB5170" s="107">
        <v>45884</v>
      </c>
    </row>
    <row r="5171" spans="1:54" s="8" customFormat="1" ht="13.95" customHeight="1" x14ac:dyDescent="0.25">
      <c r="A5171" s="229" t="s">
        <v>11957</v>
      </c>
      <c r="B5171" s="96" t="s">
        <v>11930</v>
      </c>
      <c r="C5171" s="93" t="s">
        <v>11958</v>
      </c>
      <c r="D5171" s="93" t="s">
        <v>24608</v>
      </c>
      <c r="E5171" s="111">
        <v>1991</v>
      </c>
      <c r="F5171" s="111">
        <v>300</v>
      </c>
      <c r="G5171" s="93" t="s">
        <v>1</v>
      </c>
      <c r="H5171" s="111">
        <v>0</v>
      </c>
      <c r="I5171" s="111">
        <v>0</v>
      </c>
      <c r="J5171" s="111">
        <v>1</v>
      </c>
      <c r="K5171" s="111">
        <v>0</v>
      </c>
      <c r="L5171" s="111">
        <v>1</v>
      </c>
      <c r="M5171" s="111">
        <v>0</v>
      </c>
      <c r="N5171" s="111">
        <v>0</v>
      </c>
      <c r="O5171" s="111">
        <v>1</v>
      </c>
      <c r="P5171" s="111">
        <v>1</v>
      </c>
      <c r="Q5171" s="111">
        <v>0</v>
      </c>
      <c r="R5171" s="111">
        <v>0</v>
      </c>
      <c r="S5171" s="111">
        <v>0</v>
      </c>
      <c r="T5171" s="111">
        <v>0</v>
      </c>
      <c r="U5171" s="145"/>
      <c r="V5171" s="145"/>
      <c r="W5171" s="145"/>
      <c r="X5171" s="145"/>
      <c r="Y5171" s="145"/>
      <c r="Z5171" s="145"/>
      <c r="AA5171" s="145"/>
      <c r="AB5171" s="145"/>
      <c r="AC5171" s="145"/>
      <c r="AD5171" s="145"/>
      <c r="AE5171" s="145"/>
      <c r="AF5171" s="145"/>
      <c r="AG5171" s="145"/>
      <c r="AH5171" s="145"/>
      <c r="AI5171" s="145"/>
      <c r="AJ5171" s="145"/>
      <c r="AK5171" s="145"/>
      <c r="AL5171" s="145"/>
      <c r="AM5171" s="145"/>
      <c r="AN5171" s="145"/>
      <c r="AO5171" s="145"/>
      <c r="AP5171" s="145"/>
      <c r="AQ5171" s="145"/>
      <c r="AR5171" s="145"/>
      <c r="AS5171" s="145"/>
      <c r="AT5171" s="145"/>
      <c r="AU5171" s="145"/>
      <c r="AV5171" s="145"/>
      <c r="AW5171" s="145"/>
      <c r="AX5171" s="146"/>
      <c r="AY5171" s="146"/>
      <c r="AZ5171" s="146"/>
      <c r="BA5171" s="146"/>
      <c r="BB5171" s="107">
        <v>45884</v>
      </c>
    </row>
    <row r="5172" spans="1:54" s="8" customFormat="1" ht="13.95" customHeight="1" x14ac:dyDescent="0.25">
      <c r="A5172" s="229" t="s">
        <v>11959</v>
      </c>
      <c r="B5172" s="96" t="s">
        <v>11930</v>
      </c>
      <c r="C5172" s="93" t="s">
        <v>11960</v>
      </c>
      <c r="D5172" s="93" t="s">
        <v>11961</v>
      </c>
      <c r="E5172" s="111">
        <v>1993</v>
      </c>
      <c r="F5172" s="111">
        <v>300</v>
      </c>
      <c r="G5172" s="93" t="s">
        <v>1</v>
      </c>
      <c r="H5172" s="111">
        <v>0</v>
      </c>
      <c r="I5172" s="111">
        <v>0</v>
      </c>
      <c r="J5172" s="111">
        <v>1</v>
      </c>
      <c r="K5172" s="111">
        <v>0</v>
      </c>
      <c r="L5172" s="111">
        <v>1</v>
      </c>
      <c r="M5172" s="111">
        <v>0</v>
      </c>
      <c r="N5172" s="111">
        <v>0</v>
      </c>
      <c r="O5172" s="111">
        <v>0</v>
      </c>
      <c r="P5172" s="111">
        <v>0</v>
      </c>
      <c r="Q5172" s="111">
        <v>0</v>
      </c>
      <c r="R5172" s="111">
        <v>0</v>
      </c>
      <c r="S5172" s="111">
        <v>0</v>
      </c>
      <c r="T5172" s="111">
        <v>0</v>
      </c>
      <c r="U5172" s="145"/>
      <c r="V5172" s="145"/>
      <c r="W5172" s="145"/>
      <c r="X5172" s="145"/>
      <c r="Y5172" s="145"/>
      <c r="Z5172" s="145"/>
      <c r="AA5172" s="145"/>
      <c r="AB5172" s="145"/>
      <c r="AC5172" s="145"/>
      <c r="AD5172" s="145"/>
      <c r="AE5172" s="145"/>
      <c r="AF5172" s="145"/>
      <c r="AG5172" s="145"/>
      <c r="AH5172" s="145"/>
      <c r="AI5172" s="145"/>
      <c r="AJ5172" s="145"/>
      <c r="AK5172" s="145"/>
      <c r="AL5172" s="145"/>
      <c r="AM5172" s="145"/>
      <c r="AN5172" s="145"/>
      <c r="AO5172" s="145"/>
      <c r="AP5172" s="145"/>
      <c r="AQ5172" s="145"/>
      <c r="AR5172" s="145"/>
      <c r="AS5172" s="145"/>
      <c r="AT5172" s="145"/>
      <c r="AU5172" s="145"/>
      <c r="AV5172" s="145"/>
      <c r="AW5172" s="145"/>
      <c r="AX5172" s="146"/>
      <c r="AY5172" s="146"/>
      <c r="AZ5172" s="146"/>
      <c r="BA5172" s="146"/>
      <c r="BB5172" s="107">
        <v>45884</v>
      </c>
    </row>
    <row r="5173" spans="1:54" s="8" customFormat="1" ht="13.95" customHeight="1" x14ac:dyDescent="0.25">
      <c r="A5173" s="229" t="s">
        <v>11962</v>
      </c>
      <c r="B5173" s="96" t="s">
        <v>11930</v>
      </c>
      <c r="C5173" s="93" t="s">
        <v>11963</v>
      </c>
      <c r="D5173" s="93" t="s">
        <v>11964</v>
      </c>
      <c r="E5173" s="111">
        <v>1991</v>
      </c>
      <c r="F5173" s="111">
        <v>200</v>
      </c>
      <c r="G5173" s="93" t="s">
        <v>1</v>
      </c>
      <c r="H5173" s="111">
        <v>0</v>
      </c>
      <c r="I5173" s="111">
        <v>0</v>
      </c>
      <c r="J5173" s="111">
        <v>1</v>
      </c>
      <c r="K5173" s="111">
        <v>0</v>
      </c>
      <c r="L5173" s="111">
        <v>1</v>
      </c>
      <c r="M5173" s="111">
        <v>0</v>
      </c>
      <c r="N5173" s="111">
        <v>0</v>
      </c>
      <c r="O5173" s="111">
        <v>1</v>
      </c>
      <c r="P5173" s="111">
        <v>1</v>
      </c>
      <c r="Q5173" s="111">
        <v>0</v>
      </c>
      <c r="R5173" s="111">
        <v>0</v>
      </c>
      <c r="S5173" s="111">
        <v>0</v>
      </c>
      <c r="T5173" s="111">
        <v>0</v>
      </c>
      <c r="U5173" s="145"/>
      <c r="V5173" s="145"/>
      <c r="W5173" s="145"/>
      <c r="X5173" s="145"/>
      <c r="Y5173" s="145"/>
      <c r="Z5173" s="145"/>
      <c r="AA5173" s="145"/>
      <c r="AB5173" s="145"/>
      <c r="AC5173" s="145"/>
      <c r="AD5173" s="145"/>
      <c r="AE5173" s="145"/>
      <c r="AF5173" s="145"/>
      <c r="AG5173" s="145"/>
      <c r="AH5173" s="145"/>
      <c r="AI5173" s="145"/>
      <c r="AJ5173" s="145"/>
      <c r="AK5173" s="145"/>
      <c r="AL5173" s="145"/>
      <c r="AM5173" s="145"/>
      <c r="AN5173" s="145"/>
      <c r="AO5173" s="145"/>
      <c r="AP5173" s="145"/>
      <c r="AQ5173" s="145"/>
      <c r="AR5173" s="145"/>
      <c r="AS5173" s="145"/>
      <c r="AT5173" s="145"/>
      <c r="AU5173" s="145"/>
      <c r="AV5173" s="145"/>
      <c r="AW5173" s="145"/>
      <c r="AX5173" s="146"/>
      <c r="AY5173" s="146"/>
      <c r="AZ5173" s="146"/>
      <c r="BA5173" s="146"/>
      <c r="BB5173" s="107">
        <v>45884</v>
      </c>
    </row>
    <row r="5174" spans="1:54" s="8" customFormat="1" ht="13.95" customHeight="1" x14ac:dyDescent="0.25">
      <c r="A5174" s="229" t="s">
        <v>11965</v>
      </c>
      <c r="B5174" s="96" t="s">
        <v>11930</v>
      </c>
      <c r="C5174" s="93" t="s">
        <v>11966</v>
      </c>
      <c r="D5174" s="93" t="s">
        <v>11967</v>
      </c>
      <c r="E5174" s="111">
        <v>1987</v>
      </c>
      <c r="F5174" s="111">
        <v>300</v>
      </c>
      <c r="G5174" s="93" t="s">
        <v>1</v>
      </c>
      <c r="H5174" s="111">
        <v>0</v>
      </c>
      <c r="I5174" s="111">
        <v>0</v>
      </c>
      <c r="J5174" s="111">
        <v>1</v>
      </c>
      <c r="K5174" s="111">
        <v>0</v>
      </c>
      <c r="L5174" s="111">
        <v>1</v>
      </c>
      <c r="M5174" s="111">
        <v>0</v>
      </c>
      <c r="N5174" s="111">
        <v>0</v>
      </c>
      <c r="O5174" s="111">
        <v>1</v>
      </c>
      <c r="P5174" s="111">
        <v>0</v>
      </c>
      <c r="Q5174" s="111">
        <v>0</v>
      </c>
      <c r="R5174" s="111">
        <v>0</v>
      </c>
      <c r="S5174" s="111">
        <v>0</v>
      </c>
      <c r="T5174" s="111">
        <v>0</v>
      </c>
      <c r="U5174" s="145"/>
      <c r="V5174" s="145"/>
      <c r="W5174" s="145"/>
      <c r="X5174" s="145"/>
      <c r="Y5174" s="145"/>
      <c r="Z5174" s="145"/>
      <c r="AA5174" s="145"/>
      <c r="AB5174" s="145"/>
      <c r="AC5174" s="145"/>
      <c r="AD5174" s="145"/>
      <c r="AE5174" s="145"/>
      <c r="AF5174" s="145"/>
      <c r="AG5174" s="145"/>
      <c r="AH5174" s="145"/>
      <c r="AI5174" s="145"/>
      <c r="AJ5174" s="145"/>
      <c r="AK5174" s="145"/>
      <c r="AL5174" s="145"/>
      <c r="AM5174" s="145"/>
      <c r="AN5174" s="145"/>
      <c r="AO5174" s="145"/>
      <c r="AP5174" s="145"/>
      <c r="AQ5174" s="145"/>
      <c r="AR5174" s="145"/>
      <c r="AS5174" s="145"/>
      <c r="AT5174" s="145"/>
      <c r="AU5174" s="145"/>
      <c r="AV5174" s="145"/>
      <c r="AW5174" s="145"/>
      <c r="AX5174" s="146"/>
      <c r="AY5174" s="146"/>
      <c r="AZ5174" s="146"/>
      <c r="BA5174" s="146"/>
      <c r="BB5174" s="107">
        <v>45884</v>
      </c>
    </row>
    <row r="5175" spans="1:54" s="8" customFormat="1" ht="13.95" customHeight="1" x14ac:dyDescent="0.25">
      <c r="A5175" s="229" t="s">
        <v>11968</v>
      </c>
      <c r="B5175" s="96" t="s">
        <v>11930</v>
      </c>
      <c r="C5175" s="93" t="s">
        <v>11969</v>
      </c>
      <c r="D5175" s="93" t="s">
        <v>11970</v>
      </c>
      <c r="E5175" s="111">
        <v>2002</v>
      </c>
      <c r="F5175" s="111">
        <v>600</v>
      </c>
      <c r="G5175" s="93" t="s">
        <v>1</v>
      </c>
      <c r="H5175" s="111">
        <v>0</v>
      </c>
      <c r="I5175" s="111">
        <v>0</v>
      </c>
      <c r="J5175" s="111">
        <v>0</v>
      </c>
      <c r="K5175" s="252">
        <v>1</v>
      </c>
      <c r="L5175" s="111">
        <v>0</v>
      </c>
      <c r="M5175" s="111">
        <v>0</v>
      </c>
      <c r="N5175" s="111">
        <v>0</v>
      </c>
      <c r="O5175" s="111">
        <v>0</v>
      </c>
      <c r="P5175" s="111">
        <v>1</v>
      </c>
      <c r="Q5175" s="111">
        <v>0</v>
      </c>
      <c r="R5175" s="111">
        <v>0</v>
      </c>
      <c r="S5175" s="111">
        <v>0</v>
      </c>
      <c r="T5175" s="111">
        <v>0</v>
      </c>
      <c r="U5175" s="145"/>
      <c r="V5175" s="145"/>
      <c r="W5175" s="145"/>
      <c r="X5175" s="145"/>
      <c r="Y5175" s="145"/>
      <c r="Z5175" s="145"/>
      <c r="AA5175" s="145"/>
      <c r="AB5175" s="145"/>
      <c r="AC5175" s="145"/>
      <c r="AD5175" s="145"/>
      <c r="AE5175" s="145"/>
      <c r="AF5175" s="145"/>
      <c r="AG5175" s="145"/>
      <c r="AH5175" s="145"/>
      <c r="AI5175" s="145"/>
      <c r="AJ5175" s="145"/>
      <c r="AK5175" s="145"/>
      <c r="AL5175" s="145"/>
      <c r="AM5175" s="145"/>
      <c r="AN5175" s="145"/>
      <c r="AO5175" s="145"/>
      <c r="AP5175" s="145"/>
      <c r="AQ5175" s="145"/>
      <c r="AR5175" s="145"/>
      <c r="AS5175" s="145"/>
      <c r="AT5175" s="145"/>
      <c r="AU5175" s="145"/>
      <c r="AV5175" s="145"/>
      <c r="AW5175" s="145"/>
      <c r="AX5175" s="146"/>
      <c r="AY5175" s="146"/>
      <c r="AZ5175" s="146"/>
      <c r="BA5175" s="146"/>
      <c r="BB5175" s="107">
        <v>45884</v>
      </c>
    </row>
    <row r="5176" spans="1:54" s="8" customFormat="1" ht="13.95" customHeight="1" x14ac:dyDescent="0.25">
      <c r="A5176" s="229" t="s">
        <v>11971</v>
      </c>
      <c r="B5176" s="96" t="s">
        <v>11930</v>
      </c>
      <c r="C5176" s="93" t="s">
        <v>11972</v>
      </c>
      <c r="D5176" s="93" t="s">
        <v>11973</v>
      </c>
      <c r="E5176" s="111">
        <v>1963</v>
      </c>
      <c r="F5176" s="111">
        <v>2900</v>
      </c>
      <c r="G5176" s="93" t="s">
        <v>1</v>
      </c>
      <c r="H5176" s="111">
        <v>1</v>
      </c>
      <c r="I5176" s="111">
        <v>0</v>
      </c>
      <c r="J5176" s="111">
        <v>1</v>
      </c>
      <c r="K5176" s="111">
        <v>1</v>
      </c>
      <c r="L5176" s="111">
        <v>1</v>
      </c>
      <c r="M5176" s="111">
        <v>1</v>
      </c>
      <c r="N5176" s="111">
        <v>0</v>
      </c>
      <c r="O5176" s="111">
        <v>0</v>
      </c>
      <c r="P5176" s="111">
        <v>1</v>
      </c>
      <c r="Q5176" s="111">
        <v>0</v>
      </c>
      <c r="R5176" s="111">
        <v>1</v>
      </c>
      <c r="S5176" s="111">
        <v>0</v>
      </c>
      <c r="T5176" s="111">
        <v>0</v>
      </c>
      <c r="U5176" s="145"/>
      <c r="V5176" s="145"/>
      <c r="W5176" s="145"/>
      <c r="X5176" s="145"/>
      <c r="Y5176" s="145"/>
      <c r="Z5176" s="145"/>
      <c r="AA5176" s="145"/>
      <c r="AB5176" s="145"/>
      <c r="AC5176" s="145"/>
      <c r="AD5176" s="145"/>
      <c r="AE5176" s="145"/>
      <c r="AF5176" s="145"/>
      <c r="AG5176" s="145"/>
      <c r="AH5176" s="145"/>
      <c r="AI5176" s="145"/>
      <c r="AJ5176" s="145"/>
      <c r="AK5176" s="145"/>
      <c r="AL5176" s="145"/>
      <c r="AM5176" s="145"/>
      <c r="AN5176" s="145"/>
      <c r="AO5176" s="145"/>
      <c r="AP5176" s="145"/>
      <c r="AQ5176" s="145"/>
      <c r="AR5176" s="145"/>
      <c r="AS5176" s="145"/>
      <c r="AT5176" s="145"/>
      <c r="AU5176" s="145"/>
      <c r="AV5176" s="145"/>
      <c r="AW5176" s="145"/>
      <c r="AX5176" s="146"/>
      <c r="AY5176" s="146"/>
      <c r="AZ5176" s="146"/>
      <c r="BA5176" s="146"/>
      <c r="BB5176" s="107">
        <v>45884</v>
      </c>
    </row>
    <row r="5177" spans="1:54" s="8" customFormat="1" ht="13.95" customHeight="1" x14ac:dyDescent="0.25">
      <c r="A5177" s="229" t="s">
        <v>11974</v>
      </c>
      <c r="B5177" s="96" t="s">
        <v>11930</v>
      </c>
      <c r="C5177" s="93" t="s">
        <v>11975</v>
      </c>
      <c r="D5177" s="93" t="s">
        <v>24609</v>
      </c>
      <c r="E5177" s="111">
        <v>1974</v>
      </c>
      <c r="F5177" s="111">
        <v>5500</v>
      </c>
      <c r="G5177" s="93" t="s">
        <v>1</v>
      </c>
      <c r="H5177" s="111">
        <v>1</v>
      </c>
      <c r="I5177" s="111">
        <v>1</v>
      </c>
      <c r="J5177" s="111">
        <v>1</v>
      </c>
      <c r="K5177" s="111">
        <v>1</v>
      </c>
      <c r="L5177" s="111">
        <v>1</v>
      </c>
      <c r="M5177" s="111">
        <v>1</v>
      </c>
      <c r="N5177" s="111">
        <v>0</v>
      </c>
      <c r="O5177" s="111">
        <v>1</v>
      </c>
      <c r="P5177" s="111">
        <v>1</v>
      </c>
      <c r="Q5177" s="111">
        <v>0</v>
      </c>
      <c r="R5177" s="111">
        <v>1</v>
      </c>
      <c r="S5177" s="111">
        <v>0</v>
      </c>
      <c r="T5177" s="111">
        <v>0</v>
      </c>
      <c r="U5177" s="145"/>
      <c r="V5177" s="145"/>
      <c r="W5177" s="145"/>
      <c r="X5177" s="145"/>
      <c r="Y5177" s="145"/>
      <c r="Z5177" s="145"/>
      <c r="AA5177" s="145"/>
      <c r="AB5177" s="145"/>
      <c r="AC5177" s="145"/>
      <c r="AD5177" s="145"/>
      <c r="AE5177" s="145"/>
      <c r="AF5177" s="111">
        <v>1</v>
      </c>
      <c r="AG5177" s="145"/>
      <c r="AH5177" s="145"/>
      <c r="AI5177" s="145"/>
      <c r="AJ5177" s="145"/>
      <c r="AK5177" s="145"/>
      <c r="AL5177" s="145"/>
      <c r="AM5177" s="145"/>
      <c r="AN5177" s="145"/>
      <c r="AO5177" s="145"/>
      <c r="AP5177" s="145"/>
      <c r="AQ5177" s="145"/>
      <c r="AR5177" s="145"/>
      <c r="AS5177" s="145"/>
      <c r="AT5177" s="145"/>
      <c r="AU5177" s="145"/>
      <c r="AV5177" s="145"/>
      <c r="AW5177" s="145"/>
      <c r="AX5177" s="146"/>
      <c r="AY5177" s="146"/>
      <c r="AZ5177" s="146"/>
      <c r="BA5177" s="112" t="s">
        <v>21594</v>
      </c>
      <c r="BB5177" s="107">
        <v>45884</v>
      </c>
    </row>
    <row r="5178" spans="1:54" s="8" customFormat="1" ht="13.95" customHeight="1" x14ac:dyDescent="0.25">
      <c r="A5178" s="229" t="s">
        <v>11976</v>
      </c>
      <c r="B5178" s="96" t="s">
        <v>11930</v>
      </c>
      <c r="C5178" s="93" t="s">
        <v>11977</v>
      </c>
      <c r="D5178" s="93" t="s">
        <v>24610</v>
      </c>
      <c r="E5178" s="111">
        <v>1990</v>
      </c>
      <c r="F5178" s="111">
        <v>300</v>
      </c>
      <c r="G5178" s="93" t="s">
        <v>1</v>
      </c>
      <c r="H5178" s="111">
        <v>0</v>
      </c>
      <c r="I5178" s="111">
        <v>0</v>
      </c>
      <c r="J5178" s="111">
        <v>0</v>
      </c>
      <c r="K5178" s="111">
        <v>0</v>
      </c>
      <c r="L5178" s="111">
        <v>0</v>
      </c>
      <c r="M5178" s="111">
        <v>1</v>
      </c>
      <c r="N5178" s="111">
        <v>0</v>
      </c>
      <c r="O5178" s="111">
        <v>0</v>
      </c>
      <c r="P5178" s="111">
        <v>1</v>
      </c>
      <c r="Q5178" s="111">
        <v>0</v>
      </c>
      <c r="R5178" s="111">
        <v>0</v>
      </c>
      <c r="S5178" s="111">
        <v>0</v>
      </c>
      <c r="T5178" s="111">
        <v>0</v>
      </c>
      <c r="U5178" s="145"/>
      <c r="V5178" s="145"/>
      <c r="W5178" s="145"/>
      <c r="X5178" s="145"/>
      <c r="Y5178" s="145"/>
      <c r="Z5178" s="145"/>
      <c r="AA5178" s="145"/>
      <c r="AB5178" s="145"/>
      <c r="AC5178" s="145"/>
      <c r="AD5178" s="145"/>
      <c r="AE5178" s="145"/>
      <c r="AF5178" s="145"/>
      <c r="AG5178" s="145"/>
      <c r="AH5178" s="145"/>
      <c r="AI5178" s="145"/>
      <c r="AJ5178" s="145"/>
      <c r="AK5178" s="145"/>
      <c r="AL5178" s="145"/>
      <c r="AM5178" s="145"/>
      <c r="AN5178" s="145"/>
      <c r="AO5178" s="145"/>
      <c r="AP5178" s="145"/>
      <c r="AQ5178" s="145"/>
      <c r="AR5178" s="145"/>
      <c r="AS5178" s="145"/>
      <c r="AT5178" s="145"/>
      <c r="AU5178" s="145"/>
      <c r="AV5178" s="145"/>
      <c r="AW5178" s="145"/>
      <c r="AX5178" s="146"/>
      <c r="AY5178" s="146"/>
      <c r="AZ5178" s="146"/>
      <c r="BA5178" s="146"/>
      <c r="BB5178" s="107">
        <v>45884</v>
      </c>
    </row>
    <row r="5179" spans="1:54" s="8" customFormat="1" ht="13.95" customHeight="1" x14ac:dyDescent="0.25">
      <c r="A5179" s="229" t="s">
        <v>11978</v>
      </c>
      <c r="B5179" s="96" t="s">
        <v>11930</v>
      </c>
      <c r="C5179" s="93" t="s">
        <v>11979</v>
      </c>
      <c r="D5179" s="93" t="s">
        <v>11980</v>
      </c>
      <c r="E5179" s="111">
        <v>1963</v>
      </c>
      <c r="F5179" s="111">
        <v>8100</v>
      </c>
      <c r="G5179" s="93" t="s">
        <v>1</v>
      </c>
      <c r="H5179" s="111">
        <v>1</v>
      </c>
      <c r="I5179" s="111">
        <v>1</v>
      </c>
      <c r="J5179" s="111">
        <v>1</v>
      </c>
      <c r="K5179" s="111">
        <v>1</v>
      </c>
      <c r="L5179" s="111">
        <v>1</v>
      </c>
      <c r="M5179" s="111">
        <v>1</v>
      </c>
      <c r="N5179" s="111">
        <v>0</v>
      </c>
      <c r="O5179" s="111">
        <v>1</v>
      </c>
      <c r="P5179" s="111">
        <v>1</v>
      </c>
      <c r="Q5179" s="111">
        <v>1</v>
      </c>
      <c r="R5179" s="111">
        <v>1</v>
      </c>
      <c r="S5179" s="111">
        <v>0</v>
      </c>
      <c r="T5179" s="111">
        <v>0</v>
      </c>
      <c r="U5179" s="145"/>
      <c r="V5179" s="145"/>
      <c r="W5179" s="145"/>
      <c r="X5179" s="145"/>
      <c r="Y5179" s="145"/>
      <c r="Z5179" s="145"/>
      <c r="AA5179" s="145"/>
      <c r="AB5179" s="145"/>
      <c r="AC5179" s="145"/>
      <c r="AD5179" s="145"/>
      <c r="AE5179" s="145"/>
      <c r="AF5179" s="145"/>
      <c r="AG5179" s="145"/>
      <c r="AH5179" s="145"/>
      <c r="AI5179" s="145"/>
      <c r="AJ5179" s="145"/>
      <c r="AK5179" s="145"/>
      <c r="AL5179" s="145"/>
      <c r="AM5179" s="145"/>
      <c r="AN5179" s="145"/>
      <c r="AO5179" s="145"/>
      <c r="AP5179" s="145"/>
      <c r="AQ5179" s="145"/>
      <c r="AR5179" s="145"/>
      <c r="AS5179" s="145"/>
      <c r="AT5179" s="145"/>
      <c r="AU5179" s="145"/>
      <c r="AV5179" s="145"/>
      <c r="AW5179" s="145"/>
      <c r="AX5179" s="146"/>
      <c r="AY5179" s="146"/>
      <c r="AZ5179" s="146"/>
      <c r="BA5179" s="146"/>
      <c r="BB5179" s="107">
        <v>45884</v>
      </c>
    </row>
    <row r="5180" spans="1:54" s="8" customFormat="1" ht="13.95" customHeight="1" x14ac:dyDescent="0.25">
      <c r="A5180" s="229" t="s">
        <v>11981</v>
      </c>
      <c r="B5180" s="96" t="s">
        <v>11930</v>
      </c>
      <c r="C5180" s="93" t="s">
        <v>11982</v>
      </c>
      <c r="D5180" s="93" t="s">
        <v>11983</v>
      </c>
      <c r="E5180" s="111">
        <v>2015</v>
      </c>
      <c r="F5180" s="111">
        <v>2300</v>
      </c>
      <c r="G5180" s="93" t="s">
        <v>1</v>
      </c>
      <c r="H5180" s="111">
        <v>0</v>
      </c>
      <c r="I5180" s="111">
        <v>0</v>
      </c>
      <c r="J5180" s="111">
        <v>1</v>
      </c>
      <c r="K5180" s="111">
        <v>1</v>
      </c>
      <c r="L5180" s="111">
        <v>0</v>
      </c>
      <c r="M5180" s="111">
        <v>0</v>
      </c>
      <c r="N5180" s="111">
        <v>0</v>
      </c>
      <c r="O5180" s="111">
        <v>0</v>
      </c>
      <c r="P5180" s="111">
        <v>1</v>
      </c>
      <c r="Q5180" s="111">
        <v>0</v>
      </c>
      <c r="R5180" s="111">
        <v>0</v>
      </c>
      <c r="S5180" s="111">
        <v>0</v>
      </c>
      <c r="T5180" s="111">
        <v>0</v>
      </c>
      <c r="U5180" s="145"/>
      <c r="V5180" s="145"/>
      <c r="W5180" s="145"/>
      <c r="X5180" s="145"/>
      <c r="Y5180" s="145"/>
      <c r="Z5180" s="145"/>
      <c r="AA5180" s="145"/>
      <c r="AB5180" s="145"/>
      <c r="AC5180" s="145"/>
      <c r="AD5180" s="145"/>
      <c r="AE5180" s="145"/>
      <c r="AF5180" s="145"/>
      <c r="AG5180" s="145"/>
      <c r="AH5180" s="145"/>
      <c r="AI5180" s="145"/>
      <c r="AJ5180" s="145"/>
      <c r="AK5180" s="145"/>
      <c r="AL5180" s="145"/>
      <c r="AM5180" s="145"/>
      <c r="AN5180" s="145"/>
      <c r="AO5180" s="145"/>
      <c r="AP5180" s="145"/>
      <c r="AQ5180" s="145"/>
      <c r="AR5180" s="145"/>
      <c r="AS5180" s="145"/>
      <c r="AT5180" s="145"/>
      <c r="AU5180" s="145"/>
      <c r="AV5180" s="145"/>
      <c r="AW5180" s="145"/>
      <c r="AX5180" s="146"/>
      <c r="AY5180" s="146"/>
      <c r="AZ5180" s="146"/>
      <c r="BA5180" s="146"/>
      <c r="BB5180" s="107">
        <v>45884</v>
      </c>
    </row>
    <row r="5181" spans="1:54" s="8" customFormat="1" ht="13.95" customHeight="1" x14ac:dyDescent="0.25">
      <c r="A5181" s="229" t="s">
        <v>11984</v>
      </c>
      <c r="B5181" s="96" t="s">
        <v>11930</v>
      </c>
      <c r="C5181" s="93" t="s">
        <v>11985</v>
      </c>
      <c r="D5181" s="93" t="s">
        <v>11986</v>
      </c>
      <c r="E5181" s="111">
        <v>1995</v>
      </c>
      <c r="F5181" s="111">
        <v>300</v>
      </c>
      <c r="G5181" s="93" t="s">
        <v>1</v>
      </c>
      <c r="H5181" s="111">
        <v>0</v>
      </c>
      <c r="I5181" s="111">
        <v>0</v>
      </c>
      <c r="J5181" s="111">
        <v>1</v>
      </c>
      <c r="K5181" s="111">
        <v>0</v>
      </c>
      <c r="L5181" s="111">
        <v>1</v>
      </c>
      <c r="M5181" s="111">
        <v>0</v>
      </c>
      <c r="N5181" s="111">
        <v>0</v>
      </c>
      <c r="O5181" s="111">
        <v>0</v>
      </c>
      <c r="P5181" s="111">
        <v>1</v>
      </c>
      <c r="Q5181" s="111">
        <v>0</v>
      </c>
      <c r="R5181" s="111">
        <v>1</v>
      </c>
      <c r="S5181" s="111">
        <v>0</v>
      </c>
      <c r="T5181" s="111">
        <v>0</v>
      </c>
      <c r="U5181" s="145"/>
      <c r="V5181" s="145"/>
      <c r="W5181" s="145"/>
      <c r="X5181" s="145"/>
      <c r="Y5181" s="145"/>
      <c r="Z5181" s="145"/>
      <c r="AA5181" s="145"/>
      <c r="AB5181" s="145"/>
      <c r="AC5181" s="145"/>
      <c r="AD5181" s="145"/>
      <c r="AE5181" s="145"/>
      <c r="AF5181" s="145"/>
      <c r="AG5181" s="145"/>
      <c r="AH5181" s="145"/>
      <c r="AI5181" s="145"/>
      <c r="AJ5181" s="145"/>
      <c r="AK5181" s="145"/>
      <c r="AL5181" s="145"/>
      <c r="AM5181" s="145"/>
      <c r="AN5181" s="145"/>
      <c r="AO5181" s="145"/>
      <c r="AP5181" s="145"/>
      <c r="AQ5181" s="145"/>
      <c r="AR5181" s="145"/>
      <c r="AS5181" s="145"/>
      <c r="AT5181" s="145"/>
      <c r="AU5181" s="145"/>
      <c r="AV5181" s="145"/>
      <c r="AW5181" s="145"/>
      <c r="AX5181" s="146"/>
      <c r="AY5181" s="146"/>
      <c r="AZ5181" s="146"/>
      <c r="BA5181" s="146"/>
      <c r="BB5181" s="107">
        <v>45884</v>
      </c>
    </row>
    <row r="5182" spans="1:54" s="8" customFormat="1" ht="13.95" customHeight="1" x14ac:dyDescent="0.25">
      <c r="A5182" s="229" t="s">
        <v>11987</v>
      </c>
      <c r="B5182" s="96" t="s">
        <v>11930</v>
      </c>
      <c r="C5182" s="93" t="s">
        <v>11988</v>
      </c>
      <c r="D5182" s="93" t="s">
        <v>11989</v>
      </c>
      <c r="E5182" s="111">
        <v>1984</v>
      </c>
      <c r="F5182" s="111">
        <v>1800</v>
      </c>
      <c r="G5182" s="93" t="s">
        <v>1</v>
      </c>
      <c r="H5182" s="111">
        <v>1</v>
      </c>
      <c r="I5182" s="111">
        <v>0</v>
      </c>
      <c r="J5182" s="111">
        <v>1</v>
      </c>
      <c r="K5182" s="252">
        <v>1</v>
      </c>
      <c r="L5182" s="111">
        <v>1</v>
      </c>
      <c r="M5182" s="111">
        <v>1</v>
      </c>
      <c r="N5182" s="111">
        <v>0</v>
      </c>
      <c r="O5182" s="111">
        <v>0</v>
      </c>
      <c r="P5182" s="111">
        <v>1</v>
      </c>
      <c r="Q5182" s="111">
        <v>0</v>
      </c>
      <c r="R5182" s="111">
        <v>0</v>
      </c>
      <c r="S5182" s="111">
        <v>0</v>
      </c>
      <c r="T5182" s="111">
        <v>0</v>
      </c>
      <c r="U5182" s="145"/>
      <c r="V5182" s="145"/>
      <c r="W5182" s="145"/>
      <c r="X5182" s="145"/>
      <c r="Y5182" s="145"/>
      <c r="Z5182" s="145"/>
      <c r="AA5182" s="145"/>
      <c r="AB5182" s="145"/>
      <c r="AC5182" s="145"/>
      <c r="AD5182" s="145"/>
      <c r="AE5182" s="145"/>
      <c r="AF5182" s="145"/>
      <c r="AG5182" s="145"/>
      <c r="AH5182" s="145"/>
      <c r="AI5182" s="145"/>
      <c r="AJ5182" s="145"/>
      <c r="AK5182" s="145"/>
      <c r="AL5182" s="145"/>
      <c r="AM5182" s="145"/>
      <c r="AN5182" s="145"/>
      <c r="AO5182" s="145"/>
      <c r="AP5182" s="145"/>
      <c r="AQ5182" s="145"/>
      <c r="AR5182" s="145"/>
      <c r="AS5182" s="145"/>
      <c r="AT5182" s="145"/>
      <c r="AU5182" s="145"/>
      <c r="AV5182" s="145"/>
      <c r="AW5182" s="145"/>
      <c r="AX5182" s="146"/>
      <c r="AY5182" s="146"/>
      <c r="AZ5182" s="146"/>
      <c r="BA5182" s="146"/>
      <c r="BB5182" s="107">
        <v>45884</v>
      </c>
    </row>
    <row r="5183" spans="1:54" s="8" customFormat="1" ht="13.95" customHeight="1" x14ac:dyDescent="0.25">
      <c r="A5183" s="229" t="s">
        <v>11990</v>
      </c>
      <c r="B5183" s="96" t="s">
        <v>11930</v>
      </c>
      <c r="C5183" s="93" t="s">
        <v>11991</v>
      </c>
      <c r="D5183" s="93" t="s">
        <v>11992</v>
      </c>
      <c r="E5183" s="111">
        <v>1991</v>
      </c>
      <c r="F5183" s="111">
        <v>200</v>
      </c>
      <c r="G5183" s="93" t="s">
        <v>1</v>
      </c>
      <c r="H5183" s="111">
        <v>0</v>
      </c>
      <c r="I5183" s="111">
        <v>0</v>
      </c>
      <c r="J5183" s="111">
        <v>1</v>
      </c>
      <c r="K5183" s="111">
        <v>0</v>
      </c>
      <c r="L5183" s="111">
        <v>1</v>
      </c>
      <c r="M5183" s="111">
        <v>0</v>
      </c>
      <c r="N5183" s="111">
        <v>0</v>
      </c>
      <c r="O5183" s="111">
        <v>0</v>
      </c>
      <c r="P5183" s="252">
        <v>0</v>
      </c>
      <c r="Q5183" s="111">
        <v>0</v>
      </c>
      <c r="R5183" s="111">
        <v>0</v>
      </c>
      <c r="S5183" s="111">
        <v>0</v>
      </c>
      <c r="T5183" s="111">
        <v>0</v>
      </c>
      <c r="U5183" s="145"/>
      <c r="V5183" s="145"/>
      <c r="W5183" s="145"/>
      <c r="X5183" s="145"/>
      <c r="Y5183" s="145"/>
      <c r="Z5183" s="145"/>
      <c r="AA5183" s="145"/>
      <c r="AB5183" s="145"/>
      <c r="AC5183" s="145"/>
      <c r="AD5183" s="145"/>
      <c r="AE5183" s="145"/>
      <c r="AF5183" s="145"/>
      <c r="AG5183" s="145"/>
      <c r="AH5183" s="145"/>
      <c r="AI5183" s="145"/>
      <c r="AJ5183" s="145"/>
      <c r="AK5183" s="145"/>
      <c r="AL5183" s="145"/>
      <c r="AM5183" s="145"/>
      <c r="AN5183" s="145"/>
      <c r="AO5183" s="145"/>
      <c r="AP5183" s="145"/>
      <c r="AQ5183" s="145"/>
      <c r="AR5183" s="145"/>
      <c r="AS5183" s="145"/>
      <c r="AT5183" s="145"/>
      <c r="AU5183" s="145"/>
      <c r="AV5183" s="145"/>
      <c r="AW5183" s="145"/>
      <c r="AX5183" s="146"/>
      <c r="AY5183" s="146"/>
      <c r="AZ5183" s="146"/>
      <c r="BA5183" s="146"/>
      <c r="BB5183" s="107">
        <v>45884</v>
      </c>
    </row>
    <row r="5184" spans="1:54" s="8" customFormat="1" ht="13.95" customHeight="1" x14ac:dyDescent="0.25">
      <c r="A5184" s="229" t="s">
        <v>11993</v>
      </c>
      <c r="B5184" s="96" t="s">
        <v>11930</v>
      </c>
      <c r="C5184" s="93" t="s">
        <v>11994</v>
      </c>
      <c r="D5184" s="93" t="s">
        <v>11995</v>
      </c>
      <c r="E5184" s="111">
        <v>1983</v>
      </c>
      <c r="F5184" s="111">
        <v>500</v>
      </c>
      <c r="G5184" s="93" t="s">
        <v>1</v>
      </c>
      <c r="H5184" s="111">
        <v>0</v>
      </c>
      <c r="I5184" s="111">
        <v>0</v>
      </c>
      <c r="J5184" s="111">
        <v>1</v>
      </c>
      <c r="K5184" s="111">
        <v>0</v>
      </c>
      <c r="L5184" s="111">
        <v>1</v>
      </c>
      <c r="M5184" s="111">
        <v>0</v>
      </c>
      <c r="N5184" s="111">
        <v>0</v>
      </c>
      <c r="O5184" s="111">
        <v>1</v>
      </c>
      <c r="P5184" s="111">
        <v>1</v>
      </c>
      <c r="Q5184" s="111">
        <v>0</v>
      </c>
      <c r="R5184" s="111">
        <v>0</v>
      </c>
      <c r="S5184" s="111">
        <v>0</v>
      </c>
      <c r="T5184" s="111">
        <v>0</v>
      </c>
      <c r="U5184" s="145"/>
      <c r="V5184" s="145"/>
      <c r="W5184" s="145"/>
      <c r="X5184" s="145"/>
      <c r="Y5184" s="145"/>
      <c r="Z5184" s="145"/>
      <c r="AA5184" s="145"/>
      <c r="AB5184" s="145"/>
      <c r="AC5184" s="145"/>
      <c r="AD5184" s="145"/>
      <c r="AE5184" s="145"/>
      <c r="AF5184" s="145"/>
      <c r="AG5184" s="145"/>
      <c r="AH5184" s="145"/>
      <c r="AI5184" s="145"/>
      <c r="AJ5184" s="145"/>
      <c r="AK5184" s="145"/>
      <c r="AL5184" s="145"/>
      <c r="AM5184" s="145"/>
      <c r="AN5184" s="145"/>
      <c r="AO5184" s="145"/>
      <c r="AP5184" s="145"/>
      <c r="AQ5184" s="145"/>
      <c r="AR5184" s="145"/>
      <c r="AS5184" s="145"/>
      <c r="AT5184" s="145"/>
      <c r="AU5184" s="145"/>
      <c r="AV5184" s="145"/>
      <c r="AW5184" s="145"/>
      <c r="AX5184" s="146"/>
      <c r="AY5184" s="146"/>
      <c r="AZ5184" s="146"/>
      <c r="BA5184" s="146"/>
      <c r="BB5184" s="107">
        <v>45884</v>
      </c>
    </row>
    <row r="5185" spans="1:54" s="8" customFormat="1" ht="13.95" customHeight="1" x14ac:dyDescent="0.25">
      <c r="A5185" s="229" t="s">
        <v>11996</v>
      </c>
      <c r="B5185" s="96" t="s">
        <v>11930</v>
      </c>
      <c r="C5185" s="93" t="s">
        <v>11997</v>
      </c>
      <c r="D5185" s="93" t="s">
        <v>11998</v>
      </c>
      <c r="E5185" s="111">
        <v>1973</v>
      </c>
      <c r="F5185" s="111">
        <v>1000</v>
      </c>
      <c r="G5185" s="93" t="s">
        <v>1</v>
      </c>
      <c r="H5185" s="111">
        <v>0</v>
      </c>
      <c r="I5185" s="111">
        <v>0</v>
      </c>
      <c r="J5185" s="111">
        <v>1</v>
      </c>
      <c r="K5185" s="111">
        <v>0</v>
      </c>
      <c r="L5185" s="111">
        <v>1</v>
      </c>
      <c r="M5185" s="111">
        <v>0</v>
      </c>
      <c r="N5185" s="111">
        <v>0</v>
      </c>
      <c r="O5185" s="111">
        <v>1</v>
      </c>
      <c r="P5185" s="111">
        <v>1</v>
      </c>
      <c r="Q5185" s="111">
        <v>0</v>
      </c>
      <c r="R5185" s="111">
        <v>1</v>
      </c>
      <c r="S5185" s="111">
        <v>0</v>
      </c>
      <c r="T5185" s="111">
        <v>0</v>
      </c>
      <c r="U5185" s="145"/>
      <c r="V5185" s="145"/>
      <c r="W5185" s="145"/>
      <c r="X5185" s="145"/>
      <c r="Y5185" s="145"/>
      <c r="Z5185" s="145"/>
      <c r="AA5185" s="145"/>
      <c r="AB5185" s="145"/>
      <c r="AC5185" s="145"/>
      <c r="AD5185" s="145"/>
      <c r="AE5185" s="145"/>
      <c r="AF5185" s="145"/>
      <c r="AG5185" s="145"/>
      <c r="AH5185" s="145"/>
      <c r="AI5185" s="145"/>
      <c r="AJ5185" s="145"/>
      <c r="AK5185" s="145"/>
      <c r="AL5185" s="145"/>
      <c r="AM5185" s="145"/>
      <c r="AN5185" s="145"/>
      <c r="AO5185" s="145"/>
      <c r="AP5185" s="145"/>
      <c r="AQ5185" s="145"/>
      <c r="AR5185" s="145"/>
      <c r="AS5185" s="145"/>
      <c r="AT5185" s="145"/>
      <c r="AU5185" s="145"/>
      <c r="AV5185" s="145"/>
      <c r="AW5185" s="145"/>
      <c r="AX5185" s="146"/>
      <c r="AY5185" s="146"/>
      <c r="AZ5185" s="146"/>
      <c r="BA5185" s="146"/>
      <c r="BB5185" s="107">
        <v>45884</v>
      </c>
    </row>
    <row r="5186" spans="1:54" s="8" customFormat="1" ht="13.95" customHeight="1" x14ac:dyDescent="0.25">
      <c r="A5186" s="229" t="s">
        <v>11999</v>
      </c>
      <c r="B5186" s="96" t="s">
        <v>11930</v>
      </c>
      <c r="C5186" s="93" t="s">
        <v>12000</v>
      </c>
      <c r="D5186" s="93" t="s">
        <v>12001</v>
      </c>
      <c r="E5186" s="111">
        <v>1975</v>
      </c>
      <c r="F5186" s="111">
        <v>1100</v>
      </c>
      <c r="G5186" s="93" t="s">
        <v>1</v>
      </c>
      <c r="H5186" s="111">
        <v>0</v>
      </c>
      <c r="I5186" s="111">
        <v>0</v>
      </c>
      <c r="J5186" s="111">
        <v>1</v>
      </c>
      <c r="K5186" s="252">
        <v>1</v>
      </c>
      <c r="L5186" s="111">
        <v>1</v>
      </c>
      <c r="M5186" s="111">
        <v>0</v>
      </c>
      <c r="N5186" s="111">
        <v>0</v>
      </c>
      <c r="O5186" s="111">
        <v>1</v>
      </c>
      <c r="P5186" s="111">
        <v>1</v>
      </c>
      <c r="Q5186" s="111">
        <v>0</v>
      </c>
      <c r="R5186" s="111">
        <v>1</v>
      </c>
      <c r="S5186" s="111">
        <v>0</v>
      </c>
      <c r="T5186" s="111">
        <v>0</v>
      </c>
      <c r="U5186" s="145"/>
      <c r="V5186" s="145"/>
      <c r="W5186" s="145"/>
      <c r="X5186" s="145"/>
      <c r="Y5186" s="145"/>
      <c r="Z5186" s="145"/>
      <c r="AA5186" s="145"/>
      <c r="AB5186" s="145"/>
      <c r="AC5186" s="145"/>
      <c r="AD5186" s="145"/>
      <c r="AE5186" s="145"/>
      <c r="AF5186" s="145"/>
      <c r="AG5186" s="145"/>
      <c r="AH5186" s="145"/>
      <c r="AI5186" s="145"/>
      <c r="AJ5186" s="145"/>
      <c r="AK5186" s="145"/>
      <c r="AL5186" s="145"/>
      <c r="AM5186" s="145"/>
      <c r="AN5186" s="145"/>
      <c r="AO5186" s="145"/>
      <c r="AP5186" s="145"/>
      <c r="AQ5186" s="145"/>
      <c r="AR5186" s="145"/>
      <c r="AS5186" s="145"/>
      <c r="AT5186" s="145"/>
      <c r="AU5186" s="145"/>
      <c r="AV5186" s="145"/>
      <c r="AW5186" s="145"/>
      <c r="AX5186" s="146"/>
      <c r="AY5186" s="146"/>
      <c r="AZ5186" s="146"/>
      <c r="BA5186" s="146"/>
      <c r="BB5186" s="107">
        <v>45884</v>
      </c>
    </row>
    <row r="5187" spans="1:54" s="8" customFormat="1" ht="13.95" customHeight="1" x14ac:dyDescent="0.25">
      <c r="A5187" s="229" t="s">
        <v>12002</v>
      </c>
      <c r="B5187" s="96" t="s">
        <v>11930</v>
      </c>
      <c r="C5187" s="93" t="s">
        <v>12003</v>
      </c>
      <c r="D5187" s="93" t="s">
        <v>12004</v>
      </c>
      <c r="E5187" s="111">
        <v>2002</v>
      </c>
      <c r="F5187" s="111">
        <v>300</v>
      </c>
      <c r="G5187" s="93" t="s">
        <v>1</v>
      </c>
      <c r="H5187" s="111">
        <v>0</v>
      </c>
      <c r="I5187" s="111">
        <v>0</v>
      </c>
      <c r="J5187" s="111">
        <v>1</v>
      </c>
      <c r="K5187" s="111">
        <v>0</v>
      </c>
      <c r="L5187" s="111">
        <v>0</v>
      </c>
      <c r="M5187" s="111">
        <v>1</v>
      </c>
      <c r="N5187" s="111">
        <v>0</v>
      </c>
      <c r="O5187" s="111">
        <v>0</v>
      </c>
      <c r="P5187" s="111">
        <v>1</v>
      </c>
      <c r="Q5187" s="111">
        <v>0</v>
      </c>
      <c r="R5187" s="111">
        <v>0</v>
      </c>
      <c r="S5187" s="111">
        <v>0</v>
      </c>
      <c r="T5187" s="111">
        <v>0</v>
      </c>
      <c r="U5187" s="145"/>
      <c r="V5187" s="145"/>
      <c r="W5187" s="145"/>
      <c r="X5187" s="145"/>
      <c r="Y5187" s="145"/>
      <c r="Z5187" s="145"/>
      <c r="AA5187" s="145"/>
      <c r="AB5187" s="145"/>
      <c r="AC5187" s="145"/>
      <c r="AD5187" s="145"/>
      <c r="AE5187" s="145"/>
      <c r="AF5187" s="145"/>
      <c r="AG5187" s="145"/>
      <c r="AH5187" s="145"/>
      <c r="AI5187" s="145"/>
      <c r="AJ5187" s="145"/>
      <c r="AK5187" s="145"/>
      <c r="AL5187" s="145"/>
      <c r="AM5187" s="145"/>
      <c r="AN5187" s="145"/>
      <c r="AO5187" s="145"/>
      <c r="AP5187" s="145"/>
      <c r="AQ5187" s="145"/>
      <c r="AR5187" s="145"/>
      <c r="AS5187" s="145"/>
      <c r="AT5187" s="145"/>
      <c r="AU5187" s="145"/>
      <c r="AV5187" s="145"/>
      <c r="AW5187" s="145"/>
      <c r="AX5187" s="146"/>
      <c r="AY5187" s="146"/>
      <c r="AZ5187" s="146"/>
      <c r="BA5187" s="146"/>
      <c r="BB5187" s="107">
        <v>45884</v>
      </c>
    </row>
    <row r="5188" spans="1:54" s="8" customFormat="1" ht="13.95" customHeight="1" x14ac:dyDescent="0.25">
      <c r="A5188" s="229" t="s">
        <v>12005</v>
      </c>
      <c r="B5188" s="96" t="s">
        <v>11930</v>
      </c>
      <c r="C5188" s="93" t="s">
        <v>12006</v>
      </c>
      <c r="D5188" s="93" t="s">
        <v>12007</v>
      </c>
      <c r="E5188" s="111">
        <v>1963</v>
      </c>
      <c r="F5188" s="111">
        <v>1000</v>
      </c>
      <c r="G5188" s="93" t="s">
        <v>1</v>
      </c>
      <c r="H5188" s="111">
        <v>0</v>
      </c>
      <c r="I5188" s="111">
        <v>0</v>
      </c>
      <c r="J5188" s="111">
        <v>1</v>
      </c>
      <c r="K5188" s="111">
        <v>0</v>
      </c>
      <c r="L5188" s="111">
        <v>1</v>
      </c>
      <c r="M5188" s="111">
        <v>0</v>
      </c>
      <c r="N5188" s="111">
        <v>0</v>
      </c>
      <c r="O5188" s="111">
        <v>1</v>
      </c>
      <c r="P5188" s="111">
        <v>1</v>
      </c>
      <c r="Q5188" s="111">
        <v>0</v>
      </c>
      <c r="R5188" s="111">
        <v>1</v>
      </c>
      <c r="S5188" s="111">
        <v>1</v>
      </c>
      <c r="T5188" s="111">
        <v>0</v>
      </c>
      <c r="U5188" s="145"/>
      <c r="V5188" s="145"/>
      <c r="W5188" s="145"/>
      <c r="X5188" s="145"/>
      <c r="Y5188" s="145"/>
      <c r="Z5188" s="145"/>
      <c r="AA5188" s="145"/>
      <c r="AB5188" s="145"/>
      <c r="AC5188" s="145"/>
      <c r="AD5188" s="145"/>
      <c r="AE5188" s="145"/>
      <c r="AF5188" s="145"/>
      <c r="AG5188" s="145"/>
      <c r="AH5188" s="145"/>
      <c r="AI5188" s="145"/>
      <c r="AJ5188" s="145"/>
      <c r="AK5188" s="145"/>
      <c r="AL5188" s="145"/>
      <c r="AM5188" s="145"/>
      <c r="AN5188" s="145"/>
      <c r="AO5188" s="145"/>
      <c r="AP5188" s="145"/>
      <c r="AQ5188" s="145"/>
      <c r="AR5188" s="145"/>
      <c r="AS5188" s="145"/>
      <c r="AT5188" s="145"/>
      <c r="AU5188" s="145"/>
      <c r="AV5188" s="145"/>
      <c r="AW5188" s="145"/>
      <c r="AX5188" s="146"/>
      <c r="AY5188" s="146"/>
      <c r="AZ5188" s="146"/>
      <c r="BA5188" s="146"/>
      <c r="BB5188" s="107">
        <v>45884</v>
      </c>
    </row>
    <row r="5189" spans="1:54" s="8" customFormat="1" ht="13.95" customHeight="1" x14ac:dyDescent="0.25">
      <c r="A5189" s="229" t="s">
        <v>12008</v>
      </c>
      <c r="B5189" s="96" t="s">
        <v>11930</v>
      </c>
      <c r="C5189" s="93" t="s">
        <v>12009</v>
      </c>
      <c r="D5189" s="93" t="s">
        <v>12010</v>
      </c>
      <c r="E5189" s="111">
        <v>1999</v>
      </c>
      <c r="F5189" s="111">
        <v>200</v>
      </c>
      <c r="G5189" s="93" t="s">
        <v>1</v>
      </c>
      <c r="H5189" s="111">
        <v>0</v>
      </c>
      <c r="I5189" s="111">
        <v>0</v>
      </c>
      <c r="J5189" s="111">
        <v>0</v>
      </c>
      <c r="K5189" s="111">
        <v>1</v>
      </c>
      <c r="L5189" s="111">
        <v>0</v>
      </c>
      <c r="M5189" s="111">
        <v>0</v>
      </c>
      <c r="N5189" s="111">
        <v>0</v>
      </c>
      <c r="O5189" s="111">
        <v>0</v>
      </c>
      <c r="P5189" s="111">
        <v>0</v>
      </c>
      <c r="Q5189" s="111">
        <v>0</v>
      </c>
      <c r="R5189" s="111">
        <v>0</v>
      </c>
      <c r="S5189" s="111">
        <v>0</v>
      </c>
      <c r="T5189" s="111">
        <v>0</v>
      </c>
      <c r="U5189" s="145"/>
      <c r="V5189" s="145"/>
      <c r="W5189" s="145"/>
      <c r="X5189" s="145"/>
      <c r="Y5189" s="145"/>
      <c r="Z5189" s="145"/>
      <c r="AA5189" s="145"/>
      <c r="AB5189" s="145"/>
      <c r="AC5189" s="145"/>
      <c r="AD5189" s="145"/>
      <c r="AE5189" s="145"/>
      <c r="AF5189" s="145"/>
      <c r="AG5189" s="145"/>
      <c r="AH5189" s="145"/>
      <c r="AI5189" s="145"/>
      <c r="AJ5189" s="145"/>
      <c r="AK5189" s="145"/>
      <c r="AL5189" s="145"/>
      <c r="AM5189" s="145"/>
      <c r="AN5189" s="145"/>
      <c r="AO5189" s="145"/>
      <c r="AP5189" s="145"/>
      <c r="AQ5189" s="145"/>
      <c r="AR5189" s="145"/>
      <c r="AS5189" s="145"/>
      <c r="AT5189" s="145"/>
      <c r="AU5189" s="145"/>
      <c r="AV5189" s="145"/>
      <c r="AW5189" s="145"/>
      <c r="AX5189" s="146"/>
      <c r="AY5189" s="146"/>
      <c r="AZ5189" s="146"/>
      <c r="BA5189" s="146"/>
      <c r="BB5189" s="107">
        <v>45884</v>
      </c>
    </row>
    <row r="5190" spans="1:54" s="8" customFormat="1" ht="13.95" customHeight="1" x14ac:dyDescent="0.25">
      <c r="A5190" s="229" t="s">
        <v>12011</v>
      </c>
      <c r="B5190" s="96" t="s">
        <v>11930</v>
      </c>
      <c r="C5190" s="93" t="s">
        <v>12012</v>
      </c>
      <c r="D5190" s="93" t="s">
        <v>12013</v>
      </c>
      <c r="E5190" s="111">
        <v>1997</v>
      </c>
      <c r="F5190" s="111">
        <v>200</v>
      </c>
      <c r="G5190" s="93" t="s">
        <v>1</v>
      </c>
      <c r="H5190" s="111">
        <v>0</v>
      </c>
      <c r="I5190" s="111">
        <v>0</v>
      </c>
      <c r="J5190" s="111">
        <v>0</v>
      </c>
      <c r="K5190" s="111">
        <v>0</v>
      </c>
      <c r="L5190" s="111">
        <v>1</v>
      </c>
      <c r="M5190" s="111">
        <v>0</v>
      </c>
      <c r="N5190" s="111">
        <v>0</v>
      </c>
      <c r="O5190" s="111">
        <v>0</v>
      </c>
      <c r="P5190" s="111">
        <v>1</v>
      </c>
      <c r="Q5190" s="111">
        <v>0</v>
      </c>
      <c r="R5190" s="111">
        <v>1</v>
      </c>
      <c r="S5190" s="111">
        <v>0</v>
      </c>
      <c r="T5190" s="111">
        <v>0</v>
      </c>
      <c r="U5190" s="145"/>
      <c r="V5190" s="145"/>
      <c r="W5190" s="145"/>
      <c r="X5190" s="145"/>
      <c r="Y5190" s="145"/>
      <c r="Z5190" s="145"/>
      <c r="AA5190" s="145"/>
      <c r="AB5190" s="145"/>
      <c r="AC5190" s="145"/>
      <c r="AD5190" s="145"/>
      <c r="AE5190" s="145"/>
      <c r="AF5190" s="145"/>
      <c r="AG5190" s="145"/>
      <c r="AH5190" s="145"/>
      <c r="AI5190" s="145"/>
      <c r="AJ5190" s="145"/>
      <c r="AK5190" s="145"/>
      <c r="AL5190" s="145"/>
      <c r="AM5190" s="145"/>
      <c r="AN5190" s="145"/>
      <c r="AO5190" s="145"/>
      <c r="AP5190" s="145"/>
      <c r="AQ5190" s="145"/>
      <c r="AR5190" s="145"/>
      <c r="AS5190" s="145"/>
      <c r="AT5190" s="145"/>
      <c r="AU5190" s="145"/>
      <c r="AV5190" s="145"/>
      <c r="AW5190" s="145"/>
      <c r="AX5190" s="146"/>
      <c r="AY5190" s="146"/>
      <c r="AZ5190" s="146"/>
      <c r="BA5190" s="146"/>
      <c r="BB5190" s="107">
        <v>45884</v>
      </c>
    </row>
    <row r="5191" spans="1:54" s="8" customFormat="1" ht="13.95" customHeight="1" x14ac:dyDescent="0.25">
      <c r="A5191" s="229" t="s">
        <v>12014</v>
      </c>
      <c r="B5191" s="96" t="s">
        <v>11930</v>
      </c>
      <c r="C5191" s="93" t="s">
        <v>12015</v>
      </c>
      <c r="D5191" s="93" t="s">
        <v>12016</v>
      </c>
      <c r="E5191" s="111">
        <v>1985</v>
      </c>
      <c r="F5191" s="111">
        <v>2500</v>
      </c>
      <c r="G5191" s="93" t="s">
        <v>1</v>
      </c>
      <c r="H5191" s="111">
        <v>1</v>
      </c>
      <c r="I5191" s="111">
        <v>0</v>
      </c>
      <c r="J5191" s="111">
        <v>1</v>
      </c>
      <c r="K5191" s="111">
        <v>0</v>
      </c>
      <c r="L5191" s="111">
        <v>1</v>
      </c>
      <c r="M5191" s="111">
        <v>0</v>
      </c>
      <c r="N5191" s="111">
        <v>0</v>
      </c>
      <c r="O5191" s="111">
        <v>1</v>
      </c>
      <c r="P5191" s="111">
        <v>1</v>
      </c>
      <c r="Q5191" s="111">
        <v>0</v>
      </c>
      <c r="R5191" s="111">
        <v>1</v>
      </c>
      <c r="S5191" s="111">
        <v>0</v>
      </c>
      <c r="T5191" s="111">
        <v>0</v>
      </c>
      <c r="U5191" s="145"/>
      <c r="V5191" s="145"/>
      <c r="W5191" s="145"/>
      <c r="X5191" s="145"/>
      <c r="Y5191" s="145"/>
      <c r="Z5191" s="145"/>
      <c r="AA5191" s="145"/>
      <c r="AB5191" s="145"/>
      <c r="AC5191" s="145"/>
      <c r="AD5191" s="145"/>
      <c r="AE5191" s="145"/>
      <c r="AF5191" s="145"/>
      <c r="AG5191" s="145"/>
      <c r="AH5191" s="145"/>
      <c r="AI5191" s="145"/>
      <c r="AJ5191" s="145"/>
      <c r="AK5191" s="145"/>
      <c r="AL5191" s="145"/>
      <c r="AM5191" s="145"/>
      <c r="AN5191" s="145"/>
      <c r="AO5191" s="145"/>
      <c r="AP5191" s="145"/>
      <c r="AQ5191" s="145"/>
      <c r="AR5191" s="145"/>
      <c r="AS5191" s="145"/>
      <c r="AT5191" s="145"/>
      <c r="AU5191" s="145"/>
      <c r="AV5191" s="145"/>
      <c r="AW5191" s="145"/>
      <c r="AX5191" s="146"/>
      <c r="AY5191" s="146"/>
      <c r="AZ5191" s="146"/>
      <c r="BA5191" s="146"/>
      <c r="BB5191" s="107">
        <v>45884</v>
      </c>
    </row>
    <row r="5192" spans="1:54" s="8" customFormat="1" ht="13.95" customHeight="1" x14ac:dyDescent="0.25">
      <c r="A5192" s="229" t="s">
        <v>12017</v>
      </c>
      <c r="B5192" s="96" t="s">
        <v>11930</v>
      </c>
      <c r="C5192" s="93" t="s">
        <v>12018</v>
      </c>
      <c r="D5192" s="93" t="s">
        <v>12019</v>
      </c>
      <c r="E5192" s="111">
        <v>1992</v>
      </c>
      <c r="F5192" s="111">
        <v>200</v>
      </c>
      <c r="G5192" s="93" t="s">
        <v>1</v>
      </c>
      <c r="H5192" s="111">
        <v>0</v>
      </c>
      <c r="I5192" s="111">
        <v>0</v>
      </c>
      <c r="J5192" s="111">
        <v>1</v>
      </c>
      <c r="K5192" s="111">
        <v>0</v>
      </c>
      <c r="L5192" s="111">
        <v>1</v>
      </c>
      <c r="M5192" s="111">
        <v>0</v>
      </c>
      <c r="N5192" s="111">
        <v>0</v>
      </c>
      <c r="O5192" s="111">
        <v>0</v>
      </c>
      <c r="P5192" s="111">
        <v>1</v>
      </c>
      <c r="Q5192" s="111">
        <v>0</v>
      </c>
      <c r="R5192" s="111">
        <v>1</v>
      </c>
      <c r="S5192" s="111">
        <v>0</v>
      </c>
      <c r="T5192" s="111">
        <v>0</v>
      </c>
      <c r="U5192" s="145"/>
      <c r="V5192" s="145"/>
      <c r="W5192" s="145"/>
      <c r="X5192" s="145"/>
      <c r="Y5192" s="145"/>
      <c r="Z5192" s="145"/>
      <c r="AA5192" s="145"/>
      <c r="AB5192" s="145"/>
      <c r="AC5192" s="145"/>
      <c r="AD5192" s="145"/>
      <c r="AE5192" s="145"/>
      <c r="AF5192" s="145"/>
      <c r="AG5192" s="145"/>
      <c r="AH5192" s="145"/>
      <c r="AI5192" s="145"/>
      <c r="AJ5192" s="145"/>
      <c r="AK5192" s="145"/>
      <c r="AL5192" s="145"/>
      <c r="AM5192" s="145"/>
      <c r="AN5192" s="145"/>
      <c r="AO5192" s="145"/>
      <c r="AP5192" s="145"/>
      <c r="AQ5192" s="145"/>
      <c r="AR5192" s="145"/>
      <c r="AS5192" s="145"/>
      <c r="AT5192" s="145"/>
      <c r="AU5192" s="145"/>
      <c r="AV5192" s="145"/>
      <c r="AW5192" s="145"/>
      <c r="AX5192" s="146"/>
      <c r="AY5192" s="146"/>
      <c r="AZ5192" s="146"/>
      <c r="BA5192" s="146"/>
      <c r="BB5192" s="107">
        <v>45884</v>
      </c>
    </row>
    <row r="5193" spans="1:54" s="8" customFormat="1" ht="13.95" customHeight="1" x14ac:dyDescent="0.25">
      <c r="A5193" s="229" t="s">
        <v>12020</v>
      </c>
      <c r="B5193" s="96" t="s">
        <v>11930</v>
      </c>
      <c r="C5193" s="93" t="s">
        <v>12021</v>
      </c>
      <c r="D5193" s="93" t="s">
        <v>12022</v>
      </c>
      <c r="E5193" s="111">
        <v>1979</v>
      </c>
      <c r="F5193" s="111">
        <v>400</v>
      </c>
      <c r="G5193" s="93" t="s">
        <v>1</v>
      </c>
      <c r="H5193" s="111">
        <v>0</v>
      </c>
      <c r="I5193" s="111">
        <v>0</v>
      </c>
      <c r="J5193" s="111">
        <v>1</v>
      </c>
      <c r="K5193" s="111">
        <v>0</v>
      </c>
      <c r="L5193" s="252">
        <v>0</v>
      </c>
      <c r="M5193" s="111">
        <v>0</v>
      </c>
      <c r="N5193" s="111">
        <v>0</v>
      </c>
      <c r="O5193" s="111">
        <v>1</v>
      </c>
      <c r="P5193" s="111">
        <v>1</v>
      </c>
      <c r="Q5193" s="111">
        <v>0</v>
      </c>
      <c r="R5193" s="111">
        <v>0</v>
      </c>
      <c r="S5193" s="111">
        <v>0</v>
      </c>
      <c r="T5193" s="111">
        <v>0</v>
      </c>
      <c r="U5193" s="145"/>
      <c r="V5193" s="145"/>
      <c r="W5193" s="145"/>
      <c r="X5193" s="145"/>
      <c r="Y5193" s="145"/>
      <c r="Z5193" s="145"/>
      <c r="AA5193" s="145"/>
      <c r="AB5193" s="145"/>
      <c r="AC5193" s="145"/>
      <c r="AD5193" s="145"/>
      <c r="AE5193" s="145"/>
      <c r="AF5193" s="145"/>
      <c r="AG5193" s="145"/>
      <c r="AH5193" s="145"/>
      <c r="AI5193" s="145"/>
      <c r="AJ5193" s="145"/>
      <c r="AK5193" s="145"/>
      <c r="AL5193" s="145"/>
      <c r="AM5193" s="145"/>
      <c r="AN5193" s="145"/>
      <c r="AO5193" s="145"/>
      <c r="AP5193" s="145"/>
      <c r="AQ5193" s="145"/>
      <c r="AR5193" s="145"/>
      <c r="AS5193" s="145"/>
      <c r="AT5193" s="145"/>
      <c r="AU5193" s="145"/>
      <c r="AV5193" s="145"/>
      <c r="AW5193" s="145"/>
      <c r="AX5193" s="146"/>
      <c r="AY5193" s="146"/>
      <c r="AZ5193" s="146"/>
      <c r="BA5193" s="146"/>
      <c r="BB5193" s="107">
        <v>45884</v>
      </c>
    </row>
    <row r="5194" spans="1:54" s="8" customFormat="1" ht="13.95" customHeight="1" x14ac:dyDescent="0.25">
      <c r="A5194" s="229" t="s">
        <v>12023</v>
      </c>
      <c r="B5194" s="96" t="s">
        <v>11930</v>
      </c>
      <c r="C5194" s="93" t="s">
        <v>12024</v>
      </c>
      <c r="D5194" s="93" t="s">
        <v>12025</v>
      </c>
      <c r="E5194" s="111">
        <v>1982</v>
      </c>
      <c r="F5194" s="111">
        <v>1400</v>
      </c>
      <c r="G5194" s="93" t="s">
        <v>1</v>
      </c>
      <c r="H5194" s="111">
        <v>1</v>
      </c>
      <c r="I5194" s="111">
        <v>0</v>
      </c>
      <c r="J5194" s="111">
        <v>1</v>
      </c>
      <c r="K5194" s="111">
        <v>1</v>
      </c>
      <c r="L5194" s="111">
        <v>1</v>
      </c>
      <c r="M5194" s="111">
        <v>0</v>
      </c>
      <c r="N5194" s="111">
        <v>0</v>
      </c>
      <c r="O5194" s="111">
        <v>1</v>
      </c>
      <c r="P5194" s="111">
        <v>0</v>
      </c>
      <c r="Q5194" s="111">
        <v>0</v>
      </c>
      <c r="R5194" s="111">
        <v>0</v>
      </c>
      <c r="S5194" s="111">
        <v>0</v>
      </c>
      <c r="T5194" s="111">
        <v>0</v>
      </c>
      <c r="U5194" s="145"/>
      <c r="V5194" s="145"/>
      <c r="W5194" s="145"/>
      <c r="X5194" s="145"/>
      <c r="Y5194" s="145"/>
      <c r="Z5194" s="145"/>
      <c r="AA5194" s="145"/>
      <c r="AB5194" s="145"/>
      <c r="AC5194" s="145"/>
      <c r="AD5194" s="145"/>
      <c r="AE5194" s="145"/>
      <c r="AF5194" s="145"/>
      <c r="AG5194" s="145"/>
      <c r="AH5194" s="145"/>
      <c r="AI5194" s="145"/>
      <c r="AJ5194" s="145"/>
      <c r="AK5194" s="145"/>
      <c r="AL5194" s="145"/>
      <c r="AM5194" s="145"/>
      <c r="AN5194" s="145"/>
      <c r="AO5194" s="145"/>
      <c r="AP5194" s="145"/>
      <c r="AQ5194" s="145"/>
      <c r="AR5194" s="145"/>
      <c r="AS5194" s="145"/>
      <c r="AT5194" s="145"/>
      <c r="AU5194" s="145"/>
      <c r="AV5194" s="145"/>
      <c r="AW5194" s="145"/>
      <c r="AX5194" s="146"/>
      <c r="AY5194" s="146"/>
      <c r="AZ5194" s="146"/>
      <c r="BA5194" s="146"/>
      <c r="BB5194" s="107">
        <v>45884</v>
      </c>
    </row>
    <row r="5195" spans="1:54" s="8" customFormat="1" ht="13.95" customHeight="1" x14ac:dyDescent="0.25">
      <c r="A5195" s="229" t="s">
        <v>12026</v>
      </c>
      <c r="B5195" s="96" t="s">
        <v>11930</v>
      </c>
      <c r="C5195" s="93" t="s">
        <v>12027</v>
      </c>
      <c r="D5195" s="93" t="s">
        <v>12028</v>
      </c>
      <c r="E5195" s="111">
        <v>2015</v>
      </c>
      <c r="F5195" s="111">
        <v>4000</v>
      </c>
      <c r="G5195" s="93" t="s">
        <v>1</v>
      </c>
      <c r="H5195" s="111">
        <v>0</v>
      </c>
      <c r="I5195" s="111">
        <v>0</v>
      </c>
      <c r="J5195" s="111">
        <v>1</v>
      </c>
      <c r="K5195" s="111">
        <v>0</v>
      </c>
      <c r="L5195" s="111">
        <v>0</v>
      </c>
      <c r="M5195" s="111">
        <v>0</v>
      </c>
      <c r="N5195" s="111">
        <v>0</v>
      </c>
      <c r="O5195" s="111">
        <v>0</v>
      </c>
      <c r="P5195" s="111">
        <v>0</v>
      </c>
      <c r="Q5195" s="111">
        <v>0</v>
      </c>
      <c r="R5195" s="111">
        <v>0</v>
      </c>
      <c r="S5195" s="111">
        <v>0</v>
      </c>
      <c r="T5195" s="111">
        <v>0</v>
      </c>
      <c r="U5195" s="145"/>
      <c r="V5195" s="145"/>
      <c r="W5195" s="145"/>
      <c r="X5195" s="145"/>
      <c r="Y5195" s="145"/>
      <c r="Z5195" s="145"/>
      <c r="AA5195" s="145"/>
      <c r="AB5195" s="145"/>
      <c r="AC5195" s="145"/>
      <c r="AD5195" s="145"/>
      <c r="AE5195" s="145"/>
      <c r="AF5195" s="145"/>
      <c r="AG5195" s="145"/>
      <c r="AH5195" s="145"/>
      <c r="AI5195" s="145"/>
      <c r="AJ5195" s="145"/>
      <c r="AK5195" s="145"/>
      <c r="AL5195" s="145"/>
      <c r="AM5195" s="145"/>
      <c r="AN5195" s="145"/>
      <c r="AO5195" s="145"/>
      <c r="AP5195" s="145"/>
      <c r="AQ5195" s="145"/>
      <c r="AR5195" s="145"/>
      <c r="AS5195" s="145"/>
      <c r="AT5195" s="145"/>
      <c r="AU5195" s="145"/>
      <c r="AV5195" s="145"/>
      <c r="AW5195" s="145"/>
      <c r="AX5195" s="146"/>
      <c r="AY5195" s="146"/>
      <c r="AZ5195" s="146"/>
      <c r="BA5195" s="146"/>
      <c r="BB5195" s="107">
        <v>45884</v>
      </c>
    </row>
    <row r="5196" spans="1:54" s="8" customFormat="1" ht="13.95" customHeight="1" x14ac:dyDescent="0.25">
      <c r="A5196" s="229" t="s">
        <v>12029</v>
      </c>
      <c r="B5196" s="96" t="s">
        <v>11930</v>
      </c>
      <c r="C5196" s="93" t="s">
        <v>12030</v>
      </c>
      <c r="D5196" s="93" t="s">
        <v>12031</v>
      </c>
      <c r="E5196" s="111">
        <v>2015</v>
      </c>
      <c r="F5196" s="111">
        <v>200</v>
      </c>
      <c r="G5196" s="93" t="s">
        <v>1</v>
      </c>
      <c r="H5196" s="111">
        <v>0</v>
      </c>
      <c r="I5196" s="111">
        <v>0</v>
      </c>
      <c r="J5196" s="111">
        <v>1</v>
      </c>
      <c r="K5196" s="111">
        <v>0</v>
      </c>
      <c r="L5196" s="111">
        <v>0</v>
      </c>
      <c r="M5196" s="111">
        <v>0</v>
      </c>
      <c r="N5196" s="111">
        <v>0</v>
      </c>
      <c r="O5196" s="111">
        <v>0</v>
      </c>
      <c r="P5196" s="111">
        <v>1</v>
      </c>
      <c r="Q5196" s="111">
        <v>0</v>
      </c>
      <c r="R5196" s="111">
        <v>1</v>
      </c>
      <c r="S5196" s="111">
        <v>0</v>
      </c>
      <c r="T5196" s="111">
        <v>0</v>
      </c>
      <c r="U5196" s="145"/>
      <c r="V5196" s="145"/>
      <c r="W5196" s="145"/>
      <c r="X5196" s="145"/>
      <c r="Y5196" s="145"/>
      <c r="Z5196" s="145"/>
      <c r="AA5196" s="145"/>
      <c r="AB5196" s="145"/>
      <c r="AC5196" s="145"/>
      <c r="AD5196" s="145"/>
      <c r="AE5196" s="145"/>
      <c r="AF5196" s="145"/>
      <c r="AG5196" s="145"/>
      <c r="AH5196" s="145"/>
      <c r="AI5196" s="145"/>
      <c r="AJ5196" s="145"/>
      <c r="AK5196" s="145"/>
      <c r="AL5196" s="145"/>
      <c r="AM5196" s="145"/>
      <c r="AN5196" s="145"/>
      <c r="AO5196" s="145"/>
      <c r="AP5196" s="145"/>
      <c r="AQ5196" s="145"/>
      <c r="AR5196" s="145"/>
      <c r="AS5196" s="145"/>
      <c r="AT5196" s="145"/>
      <c r="AU5196" s="145"/>
      <c r="AV5196" s="145"/>
      <c r="AW5196" s="145"/>
      <c r="AX5196" s="146"/>
      <c r="AY5196" s="146"/>
      <c r="AZ5196" s="146"/>
      <c r="BA5196" s="146"/>
      <c r="BB5196" s="107">
        <v>45884</v>
      </c>
    </row>
    <row r="5197" spans="1:54" s="8" customFormat="1" ht="13.95" customHeight="1" x14ac:dyDescent="0.25">
      <c r="A5197" s="229" t="s">
        <v>12032</v>
      </c>
      <c r="B5197" s="96" t="s">
        <v>11930</v>
      </c>
      <c r="C5197" s="93" t="s">
        <v>12033</v>
      </c>
      <c r="D5197" s="93" t="s">
        <v>12034</v>
      </c>
      <c r="E5197" s="111">
        <v>2002</v>
      </c>
      <c r="F5197" s="111">
        <v>5300</v>
      </c>
      <c r="G5197" s="93" t="s">
        <v>1</v>
      </c>
      <c r="H5197" s="111">
        <v>1</v>
      </c>
      <c r="I5197" s="111">
        <v>1</v>
      </c>
      <c r="J5197" s="111">
        <v>1</v>
      </c>
      <c r="K5197" s="111">
        <v>1</v>
      </c>
      <c r="L5197" s="111">
        <v>1</v>
      </c>
      <c r="M5197" s="111">
        <v>1</v>
      </c>
      <c r="N5197" s="111">
        <v>0</v>
      </c>
      <c r="O5197" s="111">
        <v>0</v>
      </c>
      <c r="P5197" s="111">
        <v>1</v>
      </c>
      <c r="Q5197" s="111">
        <v>0</v>
      </c>
      <c r="R5197" s="111">
        <v>0</v>
      </c>
      <c r="S5197" s="111">
        <v>0</v>
      </c>
      <c r="T5197" s="111">
        <v>0</v>
      </c>
      <c r="U5197" s="145"/>
      <c r="V5197" s="145"/>
      <c r="W5197" s="145"/>
      <c r="X5197" s="145"/>
      <c r="Y5197" s="145"/>
      <c r="Z5197" s="145"/>
      <c r="AA5197" s="145"/>
      <c r="AB5197" s="145"/>
      <c r="AC5197" s="145"/>
      <c r="AD5197" s="145"/>
      <c r="AE5197" s="145"/>
      <c r="AF5197" s="145"/>
      <c r="AG5197" s="145"/>
      <c r="AH5197" s="145"/>
      <c r="AI5197" s="145"/>
      <c r="AJ5197" s="145"/>
      <c r="AK5197" s="145"/>
      <c r="AL5197" s="145"/>
      <c r="AM5197" s="145"/>
      <c r="AN5197" s="145"/>
      <c r="AO5197" s="145"/>
      <c r="AP5197" s="145"/>
      <c r="AQ5197" s="145"/>
      <c r="AR5197" s="145"/>
      <c r="AS5197" s="145"/>
      <c r="AT5197" s="145"/>
      <c r="AU5197" s="145"/>
      <c r="AV5197" s="145"/>
      <c r="AW5197" s="145"/>
      <c r="AX5197" s="146"/>
      <c r="AY5197" s="146"/>
      <c r="AZ5197" s="146"/>
      <c r="BA5197" s="146"/>
      <c r="BB5197" s="107">
        <v>45884</v>
      </c>
    </row>
    <row r="5198" spans="1:54" s="8" customFormat="1" ht="13.95" customHeight="1" x14ac:dyDescent="0.25">
      <c r="A5198" s="229" t="s">
        <v>12035</v>
      </c>
      <c r="B5198" s="96" t="s">
        <v>11930</v>
      </c>
      <c r="C5198" s="93" t="s">
        <v>12036</v>
      </c>
      <c r="D5198" s="93" t="s">
        <v>12037</v>
      </c>
      <c r="E5198" s="111">
        <v>1976</v>
      </c>
      <c r="F5198" s="111">
        <v>2400</v>
      </c>
      <c r="G5198" s="93" t="s">
        <v>1</v>
      </c>
      <c r="H5198" s="111">
        <v>1</v>
      </c>
      <c r="I5198" s="111">
        <v>0</v>
      </c>
      <c r="J5198" s="111">
        <v>1</v>
      </c>
      <c r="K5198" s="111">
        <v>0</v>
      </c>
      <c r="L5198" s="111">
        <v>1</v>
      </c>
      <c r="M5198" s="111">
        <v>0</v>
      </c>
      <c r="N5198" s="111">
        <v>0</v>
      </c>
      <c r="O5198" s="111">
        <v>1</v>
      </c>
      <c r="P5198" s="111">
        <v>1</v>
      </c>
      <c r="Q5198" s="111">
        <v>0</v>
      </c>
      <c r="R5198" s="111">
        <v>1</v>
      </c>
      <c r="S5198" s="111">
        <v>0</v>
      </c>
      <c r="T5198" s="111">
        <v>0</v>
      </c>
      <c r="U5198" s="145"/>
      <c r="V5198" s="145"/>
      <c r="W5198" s="145"/>
      <c r="X5198" s="145"/>
      <c r="Y5198" s="145"/>
      <c r="Z5198" s="145"/>
      <c r="AA5198" s="145"/>
      <c r="AB5198" s="145"/>
      <c r="AC5198" s="145"/>
      <c r="AD5198" s="145"/>
      <c r="AE5198" s="145"/>
      <c r="AF5198" s="145"/>
      <c r="AG5198" s="145"/>
      <c r="AH5198" s="145"/>
      <c r="AI5198" s="145"/>
      <c r="AJ5198" s="145"/>
      <c r="AK5198" s="145"/>
      <c r="AL5198" s="145"/>
      <c r="AM5198" s="145"/>
      <c r="AN5198" s="145"/>
      <c r="AO5198" s="145"/>
      <c r="AP5198" s="145"/>
      <c r="AQ5198" s="145"/>
      <c r="AR5198" s="145"/>
      <c r="AS5198" s="145"/>
      <c r="AT5198" s="145"/>
      <c r="AU5198" s="145"/>
      <c r="AV5198" s="145"/>
      <c r="AW5198" s="145"/>
      <c r="AX5198" s="146"/>
      <c r="AY5198" s="146"/>
      <c r="AZ5198" s="146"/>
      <c r="BA5198" s="146"/>
      <c r="BB5198" s="107">
        <v>45884</v>
      </c>
    </row>
    <row r="5199" spans="1:54" s="8" customFormat="1" ht="13.95" customHeight="1" x14ac:dyDescent="0.25">
      <c r="A5199" s="229" t="s">
        <v>12038</v>
      </c>
      <c r="B5199" s="96" t="s">
        <v>11930</v>
      </c>
      <c r="C5199" s="93" t="s">
        <v>12039</v>
      </c>
      <c r="D5199" s="93" t="s">
        <v>12040</v>
      </c>
      <c r="E5199" s="111">
        <v>2011</v>
      </c>
      <c r="F5199" s="111">
        <v>500</v>
      </c>
      <c r="G5199" s="93" t="s">
        <v>1</v>
      </c>
      <c r="H5199" s="111">
        <v>0</v>
      </c>
      <c r="I5199" s="111">
        <v>0</v>
      </c>
      <c r="J5199" s="111">
        <v>1</v>
      </c>
      <c r="K5199" s="252">
        <v>1</v>
      </c>
      <c r="L5199" s="111">
        <v>0</v>
      </c>
      <c r="M5199" s="111">
        <v>1</v>
      </c>
      <c r="N5199" s="111">
        <v>0</v>
      </c>
      <c r="O5199" s="111">
        <v>0</v>
      </c>
      <c r="P5199" s="111">
        <v>1</v>
      </c>
      <c r="Q5199" s="111">
        <v>0</v>
      </c>
      <c r="R5199" s="111">
        <v>0</v>
      </c>
      <c r="S5199" s="111">
        <v>0</v>
      </c>
      <c r="T5199" s="111">
        <v>0</v>
      </c>
      <c r="U5199" s="145"/>
      <c r="V5199" s="145"/>
      <c r="W5199" s="145"/>
      <c r="X5199" s="145"/>
      <c r="Y5199" s="145"/>
      <c r="Z5199" s="145"/>
      <c r="AA5199" s="145"/>
      <c r="AB5199" s="145"/>
      <c r="AC5199" s="145"/>
      <c r="AD5199" s="145"/>
      <c r="AE5199" s="145"/>
      <c r="AF5199" s="145"/>
      <c r="AG5199" s="145"/>
      <c r="AH5199" s="145"/>
      <c r="AI5199" s="145"/>
      <c r="AJ5199" s="145"/>
      <c r="AK5199" s="145"/>
      <c r="AL5199" s="145"/>
      <c r="AM5199" s="145"/>
      <c r="AN5199" s="145"/>
      <c r="AO5199" s="145"/>
      <c r="AP5199" s="145"/>
      <c r="AQ5199" s="145"/>
      <c r="AR5199" s="145"/>
      <c r="AS5199" s="145"/>
      <c r="AT5199" s="145"/>
      <c r="AU5199" s="145"/>
      <c r="AV5199" s="145"/>
      <c r="AW5199" s="145"/>
      <c r="AX5199" s="146"/>
      <c r="AY5199" s="146"/>
      <c r="AZ5199" s="146"/>
      <c r="BA5199" s="146"/>
      <c r="BB5199" s="107">
        <v>45884</v>
      </c>
    </row>
    <row r="5200" spans="1:54" s="8" customFormat="1" ht="13.95" customHeight="1" x14ac:dyDescent="0.25">
      <c r="A5200" s="229" t="s">
        <v>12041</v>
      </c>
      <c r="B5200" s="96" t="s">
        <v>11930</v>
      </c>
      <c r="C5200" s="93" t="s">
        <v>12042</v>
      </c>
      <c r="D5200" s="93" t="s">
        <v>12043</v>
      </c>
      <c r="E5200" s="111">
        <v>2011</v>
      </c>
      <c r="F5200" s="111">
        <v>500</v>
      </c>
      <c r="G5200" s="93" t="s">
        <v>1</v>
      </c>
      <c r="H5200" s="111">
        <v>0</v>
      </c>
      <c r="I5200" s="111">
        <v>0</v>
      </c>
      <c r="J5200" s="111">
        <v>1</v>
      </c>
      <c r="K5200" s="252">
        <v>1</v>
      </c>
      <c r="L5200" s="111">
        <v>0</v>
      </c>
      <c r="M5200" s="111">
        <v>1</v>
      </c>
      <c r="N5200" s="111">
        <v>0</v>
      </c>
      <c r="O5200" s="111">
        <v>0</v>
      </c>
      <c r="P5200" s="111">
        <v>1</v>
      </c>
      <c r="Q5200" s="111">
        <v>0</v>
      </c>
      <c r="R5200" s="111">
        <v>0</v>
      </c>
      <c r="S5200" s="111">
        <v>0</v>
      </c>
      <c r="T5200" s="111">
        <v>0</v>
      </c>
      <c r="U5200" s="145"/>
      <c r="V5200" s="145"/>
      <c r="W5200" s="145"/>
      <c r="X5200" s="145"/>
      <c r="Y5200" s="145"/>
      <c r="Z5200" s="145"/>
      <c r="AA5200" s="145"/>
      <c r="AB5200" s="145"/>
      <c r="AC5200" s="145"/>
      <c r="AD5200" s="145"/>
      <c r="AE5200" s="145"/>
      <c r="AF5200" s="145"/>
      <c r="AG5200" s="145"/>
      <c r="AH5200" s="145"/>
      <c r="AI5200" s="145"/>
      <c r="AJ5200" s="145"/>
      <c r="AK5200" s="145"/>
      <c r="AL5200" s="145"/>
      <c r="AM5200" s="145"/>
      <c r="AN5200" s="145"/>
      <c r="AO5200" s="145"/>
      <c r="AP5200" s="145"/>
      <c r="AQ5200" s="145"/>
      <c r="AR5200" s="145"/>
      <c r="AS5200" s="145"/>
      <c r="AT5200" s="145"/>
      <c r="AU5200" s="145"/>
      <c r="AV5200" s="145"/>
      <c r="AW5200" s="145"/>
      <c r="AX5200" s="146"/>
      <c r="AY5200" s="146"/>
      <c r="AZ5200" s="146"/>
      <c r="BA5200" s="146"/>
      <c r="BB5200" s="107">
        <v>45884</v>
      </c>
    </row>
    <row r="5201" spans="1:54" s="8" customFormat="1" ht="13.95" customHeight="1" x14ac:dyDescent="0.25">
      <c r="A5201" s="229" t="s">
        <v>12044</v>
      </c>
      <c r="B5201" s="96" t="s">
        <v>11930</v>
      </c>
      <c r="C5201" s="93" t="s">
        <v>12045</v>
      </c>
      <c r="D5201" s="93" t="s">
        <v>12046</v>
      </c>
      <c r="E5201" s="111">
        <v>1984</v>
      </c>
      <c r="F5201" s="111">
        <v>1300</v>
      </c>
      <c r="G5201" s="93" t="s">
        <v>1</v>
      </c>
      <c r="H5201" s="111">
        <v>1</v>
      </c>
      <c r="I5201" s="111">
        <v>0</v>
      </c>
      <c r="J5201" s="111">
        <v>1</v>
      </c>
      <c r="K5201" s="111">
        <v>1</v>
      </c>
      <c r="L5201" s="111">
        <v>1</v>
      </c>
      <c r="M5201" s="111">
        <v>1</v>
      </c>
      <c r="N5201" s="111">
        <v>0</v>
      </c>
      <c r="O5201" s="111">
        <v>0</v>
      </c>
      <c r="P5201" s="111">
        <v>1</v>
      </c>
      <c r="Q5201" s="111">
        <v>0</v>
      </c>
      <c r="R5201" s="111">
        <v>0</v>
      </c>
      <c r="S5201" s="111">
        <v>0</v>
      </c>
      <c r="T5201" s="111">
        <v>0</v>
      </c>
      <c r="U5201" s="145"/>
      <c r="V5201" s="145"/>
      <c r="W5201" s="145"/>
      <c r="X5201" s="145"/>
      <c r="Y5201" s="145"/>
      <c r="Z5201" s="145"/>
      <c r="AA5201" s="145"/>
      <c r="AB5201" s="145"/>
      <c r="AC5201" s="145"/>
      <c r="AD5201" s="145"/>
      <c r="AE5201" s="145"/>
      <c r="AF5201" s="145"/>
      <c r="AG5201" s="145"/>
      <c r="AH5201" s="145"/>
      <c r="AI5201" s="145"/>
      <c r="AJ5201" s="145"/>
      <c r="AK5201" s="145"/>
      <c r="AL5201" s="145"/>
      <c r="AM5201" s="145"/>
      <c r="AN5201" s="145"/>
      <c r="AO5201" s="145"/>
      <c r="AP5201" s="145"/>
      <c r="AQ5201" s="145"/>
      <c r="AR5201" s="145"/>
      <c r="AS5201" s="145"/>
      <c r="AT5201" s="145"/>
      <c r="AU5201" s="145"/>
      <c r="AV5201" s="145"/>
      <c r="AW5201" s="145"/>
      <c r="AX5201" s="146"/>
      <c r="AY5201" s="146"/>
      <c r="AZ5201" s="146"/>
      <c r="BA5201" s="146"/>
      <c r="BB5201" s="107">
        <v>45884</v>
      </c>
    </row>
    <row r="5202" spans="1:54" s="8" customFormat="1" ht="13.95" customHeight="1" x14ac:dyDescent="0.25">
      <c r="A5202" s="229" t="s">
        <v>12047</v>
      </c>
      <c r="B5202" s="96" t="s">
        <v>11930</v>
      </c>
      <c r="C5202" s="93" t="s">
        <v>12048</v>
      </c>
      <c r="D5202" s="93" t="s">
        <v>12049</v>
      </c>
      <c r="E5202" s="111">
        <v>1991</v>
      </c>
      <c r="F5202" s="111">
        <v>100</v>
      </c>
      <c r="G5202" s="93" t="s">
        <v>1</v>
      </c>
      <c r="H5202" s="111">
        <v>0</v>
      </c>
      <c r="I5202" s="111">
        <v>0</v>
      </c>
      <c r="J5202" s="111">
        <v>0</v>
      </c>
      <c r="K5202" s="111">
        <v>1</v>
      </c>
      <c r="L5202" s="111">
        <v>0</v>
      </c>
      <c r="M5202" s="111">
        <v>0</v>
      </c>
      <c r="N5202" s="111">
        <v>0</v>
      </c>
      <c r="O5202" s="111">
        <v>0</v>
      </c>
      <c r="P5202" s="111">
        <v>0</v>
      </c>
      <c r="Q5202" s="111">
        <v>0</v>
      </c>
      <c r="R5202" s="111">
        <v>0</v>
      </c>
      <c r="S5202" s="111">
        <v>0</v>
      </c>
      <c r="T5202" s="111">
        <v>0</v>
      </c>
      <c r="U5202" s="145"/>
      <c r="V5202" s="145"/>
      <c r="W5202" s="145"/>
      <c r="X5202" s="145"/>
      <c r="Y5202" s="145"/>
      <c r="Z5202" s="145"/>
      <c r="AA5202" s="145"/>
      <c r="AB5202" s="145"/>
      <c r="AC5202" s="145"/>
      <c r="AD5202" s="145"/>
      <c r="AE5202" s="145"/>
      <c r="AF5202" s="145"/>
      <c r="AG5202" s="145"/>
      <c r="AH5202" s="145"/>
      <c r="AI5202" s="145"/>
      <c r="AJ5202" s="145"/>
      <c r="AK5202" s="145"/>
      <c r="AL5202" s="145"/>
      <c r="AM5202" s="145"/>
      <c r="AN5202" s="145"/>
      <c r="AO5202" s="145"/>
      <c r="AP5202" s="145"/>
      <c r="AQ5202" s="145"/>
      <c r="AR5202" s="145"/>
      <c r="AS5202" s="145"/>
      <c r="AT5202" s="145"/>
      <c r="AU5202" s="145"/>
      <c r="AV5202" s="145"/>
      <c r="AW5202" s="145"/>
      <c r="AX5202" s="146"/>
      <c r="AY5202" s="146"/>
      <c r="AZ5202" s="146"/>
      <c r="BA5202" s="146"/>
      <c r="BB5202" s="107">
        <v>45884</v>
      </c>
    </row>
    <row r="5203" spans="1:54" s="8" customFormat="1" ht="13.95" customHeight="1" x14ac:dyDescent="0.25">
      <c r="A5203" s="229" t="s">
        <v>12050</v>
      </c>
      <c r="B5203" s="96" t="s">
        <v>11930</v>
      </c>
      <c r="C5203" s="93" t="s">
        <v>12051</v>
      </c>
      <c r="D5203" s="93" t="s">
        <v>12052</v>
      </c>
      <c r="E5203" s="111">
        <v>1981</v>
      </c>
      <c r="F5203" s="111">
        <v>1500</v>
      </c>
      <c r="G5203" s="93" t="s">
        <v>1</v>
      </c>
      <c r="H5203" s="111">
        <v>1</v>
      </c>
      <c r="I5203" s="111">
        <v>0</v>
      </c>
      <c r="J5203" s="111">
        <v>1</v>
      </c>
      <c r="K5203" s="111">
        <v>1</v>
      </c>
      <c r="L5203" s="111">
        <v>1</v>
      </c>
      <c r="M5203" s="111">
        <v>0</v>
      </c>
      <c r="N5203" s="111">
        <v>0</v>
      </c>
      <c r="O5203" s="111">
        <v>1</v>
      </c>
      <c r="P5203" s="111">
        <v>1</v>
      </c>
      <c r="Q5203" s="111">
        <v>0</v>
      </c>
      <c r="R5203" s="111">
        <v>1</v>
      </c>
      <c r="S5203" s="111">
        <v>0</v>
      </c>
      <c r="T5203" s="111">
        <v>0</v>
      </c>
      <c r="U5203" s="145"/>
      <c r="V5203" s="145"/>
      <c r="W5203" s="145"/>
      <c r="X5203" s="145"/>
      <c r="Y5203" s="145"/>
      <c r="Z5203" s="145"/>
      <c r="AA5203" s="145"/>
      <c r="AB5203" s="145"/>
      <c r="AC5203" s="145"/>
      <c r="AD5203" s="145"/>
      <c r="AE5203" s="145"/>
      <c r="AF5203" s="145"/>
      <c r="AG5203" s="145"/>
      <c r="AH5203" s="145"/>
      <c r="AI5203" s="145"/>
      <c r="AJ5203" s="145"/>
      <c r="AK5203" s="145"/>
      <c r="AL5203" s="145"/>
      <c r="AM5203" s="145"/>
      <c r="AN5203" s="145"/>
      <c r="AO5203" s="145"/>
      <c r="AP5203" s="145"/>
      <c r="AQ5203" s="145"/>
      <c r="AR5203" s="145"/>
      <c r="AS5203" s="145"/>
      <c r="AT5203" s="145"/>
      <c r="AU5203" s="145"/>
      <c r="AV5203" s="145"/>
      <c r="AW5203" s="145"/>
      <c r="AX5203" s="146"/>
      <c r="AY5203" s="146"/>
      <c r="AZ5203" s="146"/>
      <c r="BA5203" s="146"/>
      <c r="BB5203" s="107">
        <v>45884</v>
      </c>
    </row>
    <row r="5204" spans="1:54" s="8" customFormat="1" ht="13.95" customHeight="1" x14ac:dyDescent="0.25">
      <c r="A5204" s="229" t="s">
        <v>12053</v>
      </c>
      <c r="B5204" s="96" t="s">
        <v>11930</v>
      </c>
      <c r="C5204" s="93" t="s">
        <v>12054</v>
      </c>
      <c r="D5204" s="93" t="s">
        <v>12055</v>
      </c>
      <c r="E5204" s="111">
        <v>1992</v>
      </c>
      <c r="F5204" s="111">
        <v>200</v>
      </c>
      <c r="G5204" s="93" t="s">
        <v>1</v>
      </c>
      <c r="H5204" s="111">
        <v>0</v>
      </c>
      <c r="I5204" s="111">
        <v>0</v>
      </c>
      <c r="J5204" s="111">
        <v>1</v>
      </c>
      <c r="K5204" s="111">
        <v>0</v>
      </c>
      <c r="L5204" s="111">
        <v>1</v>
      </c>
      <c r="M5204" s="111">
        <v>0</v>
      </c>
      <c r="N5204" s="111">
        <v>0</v>
      </c>
      <c r="O5204" s="111">
        <v>0</v>
      </c>
      <c r="P5204" s="111">
        <v>1</v>
      </c>
      <c r="Q5204" s="111">
        <v>0</v>
      </c>
      <c r="R5204" s="111">
        <v>1</v>
      </c>
      <c r="S5204" s="111">
        <v>0</v>
      </c>
      <c r="T5204" s="111">
        <v>0</v>
      </c>
      <c r="U5204" s="145"/>
      <c r="V5204" s="145"/>
      <c r="W5204" s="145"/>
      <c r="X5204" s="145"/>
      <c r="Y5204" s="145"/>
      <c r="Z5204" s="145"/>
      <c r="AA5204" s="145"/>
      <c r="AB5204" s="145"/>
      <c r="AC5204" s="145"/>
      <c r="AD5204" s="145"/>
      <c r="AE5204" s="145"/>
      <c r="AF5204" s="145"/>
      <c r="AG5204" s="145"/>
      <c r="AH5204" s="145"/>
      <c r="AI5204" s="145"/>
      <c r="AJ5204" s="145"/>
      <c r="AK5204" s="145"/>
      <c r="AL5204" s="145"/>
      <c r="AM5204" s="145"/>
      <c r="AN5204" s="145"/>
      <c r="AO5204" s="145"/>
      <c r="AP5204" s="145"/>
      <c r="AQ5204" s="145"/>
      <c r="AR5204" s="145"/>
      <c r="AS5204" s="145"/>
      <c r="AT5204" s="145"/>
      <c r="AU5204" s="145"/>
      <c r="AV5204" s="145"/>
      <c r="AW5204" s="145"/>
      <c r="AX5204" s="146"/>
      <c r="AY5204" s="146"/>
      <c r="AZ5204" s="146"/>
      <c r="BA5204" s="146"/>
      <c r="BB5204" s="107">
        <v>45884</v>
      </c>
    </row>
    <row r="5205" spans="1:54" s="8" customFormat="1" ht="13.95" customHeight="1" x14ac:dyDescent="0.25">
      <c r="A5205" s="229" t="s">
        <v>12056</v>
      </c>
      <c r="B5205" s="96" t="s">
        <v>11930</v>
      </c>
      <c r="C5205" s="93" t="s">
        <v>12057</v>
      </c>
      <c r="D5205" s="93" t="s">
        <v>12058</v>
      </c>
      <c r="E5205" s="111">
        <v>2016</v>
      </c>
      <c r="F5205" s="111">
        <v>800</v>
      </c>
      <c r="G5205" s="93" t="s">
        <v>1</v>
      </c>
      <c r="H5205" s="111">
        <v>0</v>
      </c>
      <c r="I5205" s="111">
        <v>0</v>
      </c>
      <c r="J5205" s="111">
        <v>1</v>
      </c>
      <c r="K5205" s="111">
        <v>1</v>
      </c>
      <c r="L5205" s="111">
        <v>0</v>
      </c>
      <c r="M5205" s="111">
        <v>1</v>
      </c>
      <c r="N5205" s="111">
        <v>0</v>
      </c>
      <c r="O5205" s="111">
        <v>0</v>
      </c>
      <c r="P5205" s="111">
        <v>1</v>
      </c>
      <c r="Q5205" s="111">
        <v>0</v>
      </c>
      <c r="R5205" s="111">
        <v>1</v>
      </c>
      <c r="S5205" s="111">
        <v>1</v>
      </c>
      <c r="T5205" s="111">
        <v>0</v>
      </c>
      <c r="U5205" s="145"/>
      <c r="V5205" s="145"/>
      <c r="W5205" s="145"/>
      <c r="X5205" s="145"/>
      <c r="Y5205" s="145"/>
      <c r="Z5205" s="145"/>
      <c r="AA5205" s="145"/>
      <c r="AB5205" s="145"/>
      <c r="AC5205" s="145"/>
      <c r="AD5205" s="145"/>
      <c r="AE5205" s="145"/>
      <c r="AF5205" s="145"/>
      <c r="AG5205" s="145"/>
      <c r="AH5205" s="145"/>
      <c r="AI5205" s="145"/>
      <c r="AJ5205" s="145"/>
      <c r="AK5205" s="145"/>
      <c r="AL5205" s="145"/>
      <c r="AM5205" s="145"/>
      <c r="AN5205" s="145"/>
      <c r="AO5205" s="145"/>
      <c r="AP5205" s="145"/>
      <c r="AQ5205" s="145"/>
      <c r="AR5205" s="145"/>
      <c r="AS5205" s="145"/>
      <c r="AT5205" s="145"/>
      <c r="AU5205" s="145"/>
      <c r="AV5205" s="145"/>
      <c r="AW5205" s="145"/>
      <c r="AX5205" s="146"/>
      <c r="AY5205" s="146"/>
      <c r="AZ5205" s="146"/>
      <c r="BA5205" s="146"/>
      <c r="BB5205" s="107">
        <v>45884</v>
      </c>
    </row>
    <row r="5206" spans="1:54" s="8" customFormat="1" ht="13.95" customHeight="1" x14ac:dyDescent="0.25">
      <c r="A5206" s="229" t="s">
        <v>12059</v>
      </c>
      <c r="B5206" s="96" t="s">
        <v>11930</v>
      </c>
      <c r="C5206" s="93" t="s">
        <v>12060</v>
      </c>
      <c r="D5206" s="93" t="s">
        <v>12061</v>
      </c>
      <c r="E5206" s="111">
        <v>1972</v>
      </c>
      <c r="F5206" s="111">
        <v>7100</v>
      </c>
      <c r="G5206" s="93" t="s">
        <v>1</v>
      </c>
      <c r="H5206" s="111">
        <v>1</v>
      </c>
      <c r="I5206" s="111">
        <v>0</v>
      </c>
      <c r="J5206" s="111">
        <v>1</v>
      </c>
      <c r="K5206" s="111">
        <v>0</v>
      </c>
      <c r="L5206" s="111">
        <v>1</v>
      </c>
      <c r="M5206" s="111">
        <v>0</v>
      </c>
      <c r="N5206" s="111">
        <v>0</v>
      </c>
      <c r="O5206" s="111">
        <v>1</v>
      </c>
      <c r="P5206" s="111">
        <v>1</v>
      </c>
      <c r="Q5206" s="111">
        <v>0</v>
      </c>
      <c r="R5206" s="111">
        <v>1</v>
      </c>
      <c r="S5206" s="111">
        <v>0</v>
      </c>
      <c r="T5206" s="111">
        <v>0</v>
      </c>
      <c r="U5206" s="145"/>
      <c r="V5206" s="145"/>
      <c r="W5206" s="145"/>
      <c r="X5206" s="145"/>
      <c r="Y5206" s="145"/>
      <c r="Z5206" s="145"/>
      <c r="AA5206" s="145"/>
      <c r="AB5206" s="145"/>
      <c r="AC5206" s="145"/>
      <c r="AD5206" s="145"/>
      <c r="AE5206" s="145"/>
      <c r="AF5206" s="145"/>
      <c r="AG5206" s="145"/>
      <c r="AH5206" s="145"/>
      <c r="AI5206" s="145"/>
      <c r="AJ5206" s="145"/>
      <c r="AK5206" s="145"/>
      <c r="AL5206" s="145"/>
      <c r="AM5206" s="145"/>
      <c r="AN5206" s="145"/>
      <c r="AO5206" s="145"/>
      <c r="AP5206" s="145"/>
      <c r="AQ5206" s="145"/>
      <c r="AR5206" s="145"/>
      <c r="AS5206" s="145"/>
      <c r="AT5206" s="145"/>
      <c r="AU5206" s="145"/>
      <c r="AV5206" s="145"/>
      <c r="AW5206" s="145"/>
      <c r="AX5206" s="146"/>
      <c r="AY5206" s="146"/>
      <c r="AZ5206" s="146"/>
      <c r="BA5206" s="146"/>
      <c r="BB5206" s="107">
        <v>45884</v>
      </c>
    </row>
    <row r="5207" spans="1:54" s="8" customFormat="1" ht="13.95" customHeight="1" x14ac:dyDescent="0.25">
      <c r="A5207" s="229" t="s">
        <v>12062</v>
      </c>
      <c r="B5207" s="96" t="s">
        <v>11930</v>
      </c>
      <c r="C5207" s="93" t="s">
        <v>12063</v>
      </c>
      <c r="D5207" s="93" t="s">
        <v>12064</v>
      </c>
      <c r="E5207" s="111">
        <v>1963</v>
      </c>
      <c r="F5207" s="111">
        <v>1800</v>
      </c>
      <c r="G5207" s="93" t="s">
        <v>1</v>
      </c>
      <c r="H5207" s="111">
        <v>0</v>
      </c>
      <c r="I5207" s="111">
        <v>0</v>
      </c>
      <c r="J5207" s="111">
        <v>1</v>
      </c>
      <c r="K5207" s="111">
        <v>0</v>
      </c>
      <c r="L5207" s="111">
        <v>0</v>
      </c>
      <c r="M5207" s="111">
        <v>0</v>
      </c>
      <c r="N5207" s="111">
        <v>0</v>
      </c>
      <c r="O5207" s="111">
        <v>1</v>
      </c>
      <c r="P5207" s="111">
        <v>1</v>
      </c>
      <c r="Q5207" s="111">
        <v>0</v>
      </c>
      <c r="R5207" s="111">
        <v>1</v>
      </c>
      <c r="S5207" s="111">
        <v>1</v>
      </c>
      <c r="T5207" s="111">
        <v>0</v>
      </c>
      <c r="U5207" s="145"/>
      <c r="V5207" s="145"/>
      <c r="W5207" s="145"/>
      <c r="X5207" s="145"/>
      <c r="Y5207" s="145"/>
      <c r="Z5207" s="145"/>
      <c r="AA5207" s="145"/>
      <c r="AB5207" s="145"/>
      <c r="AC5207" s="145"/>
      <c r="AD5207" s="145"/>
      <c r="AE5207" s="145"/>
      <c r="AF5207" s="145"/>
      <c r="AG5207" s="145"/>
      <c r="AH5207" s="145"/>
      <c r="AI5207" s="145"/>
      <c r="AJ5207" s="145"/>
      <c r="AK5207" s="145"/>
      <c r="AL5207" s="145"/>
      <c r="AM5207" s="145"/>
      <c r="AN5207" s="145"/>
      <c r="AO5207" s="145"/>
      <c r="AP5207" s="145"/>
      <c r="AQ5207" s="145"/>
      <c r="AR5207" s="145"/>
      <c r="AS5207" s="145"/>
      <c r="AT5207" s="145"/>
      <c r="AU5207" s="145"/>
      <c r="AV5207" s="145"/>
      <c r="AW5207" s="145"/>
      <c r="AX5207" s="146"/>
      <c r="AY5207" s="146"/>
      <c r="AZ5207" s="146"/>
      <c r="BA5207" s="146"/>
      <c r="BB5207" s="107">
        <v>45884</v>
      </c>
    </row>
    <row r="5208" spans="1:54" s="8" customFormat="1" ht="13.95" customHeight="1" x14ac:dyDescent="0.25">
      <c r="A5208" s="229" t="s">
        <v>12065</v>
      </c>
      <c r="B5208" s="96" t="s">
        <v>11930</v>
      </c>
      <c r="C5208" s="93" t="s">
        <v>12066</v>
      </c>
      <c r="D5208" s="93" t="s">
        <v>12067</v>
      </c>
      <c r="E5208" s="111">
        <v>1991</v>
      </c>
      <c r="F5208" s="111">
        <v>200</v>
      </c>
      <c r="G5208" s="93" t="s">
        <v>1</v>
      </c>
      <c r="H5208" s="111">
        <v>0</v>
      </c>
      <c r="I5208" s="111">
        <v>0</v>
      </c>
      <c r="J5208" s="111">
        <v>1</v>
      </c>
      <c r="K5208" s="111">
        <v>0</v>
      </c>
      <c r="L5208" s="111">
        <v>1</v>
      </c>
      <c r="M5208" s="111">
        <v>0</v>
      </c>
      <c r="N5208" s="111">
        <v>0</v>
      </c>
      <c r="O5208" s="111">
        <v>1</v>
      </c>
      <c r="P5208" s="111">
        <v>1</v>
      </c>
      <c r="Q5208" s="111">
        <v>0</v>
      </c>
      <c r="R5208" s="111">
        <v>0</v>
      </c>
      <c r="S5208" s="111">
        <v>0</v>
      </c>
      <c r="T5208" s="111">
        <v>0</v>
      </c>
      <c r="U5208" s="145"/>
      <c r="V5208" s="145"/>
      <c r="W5208" s="145"/>
      <c r="X5208" s="145"/>
      <c r="Y5208" s="145"/>
      <c r="Z5208" s="145"/>
      <c r="AA5208" s="145"/>
      <c r="AB5208" s="145"/>
      <c r="AC5208" s="145"/>
      <c r="AD5208" s="145"/>
      <c r="AE5208" s="145"/>
      <c r="AF5208" s="145"/>
      <c r="AG5208" s="145"/>
      <c r="AH5208" s="145"/>
      <c r="AI5208" s="145"/>
      <c r="AJ5208" s="145"/>
      <c r="AK5208" s="145"/>
      <c r="AL5208" s="145"/>
      <c r="AM5208" s="145"/>
      <c r="AN5208" s="145"/>
      <c r="AO5208" s="145"/>
      <c r="AP5208" s="145"/>
      <c r="AQ5208" s="145"/>
      <c r="AR5208" s="145"/>
      <c r="AS5208" s="145"/>
      <c r="AT5208" s="145"/>
      <c r="AU5208" s="145"/>
      <c r="AV5208" s="145"/>
      <c r="AW5208" s="145"/>
      <c r="AX5208" s="146"/>
      <c r="AY5208" s="146"/>
      <c r="AZ5208" s="146"/>
      <c r="BA5208" s="146"/>
      <c r="BB5208" s="107">
        <v>45884</v>
      </c>
    </row>
    <row r="5209" spans="1:54" s="8" customFormat="1" ht="13.95" customHeight="1" x14ac:dyDescent="0.25">
      <c r="A5209" s="229" t="s">
        <v>12068</v>
      </c>
      <c r="B5209" s="96" t="s">
        <v>11930</v>
      </c>
      <c r="C5209" s="93" t="s">
        <v>12069</v>
      </c>
      <c r="D5209" s="93" t="s">
        <v>12070</v>
      </c>
      <c r="E5209" s="111">
        <v>1980</v>
      </c>
      <c r="F5209" s="111">
        <v>1000</v>
      </c>
      <c r="G5209" s="93" t="s">
        <v>1</v>
      </c>
      <c r="H5209" s="111">
        <v>0</v>
      </c>
      <c r="I5209" s="111">
        <v>0</v>
      </c>
      <c r="J5209" s="111">
        <v>1</v>
      </c>
      <c r="K5209" s="111">
        <v>1</v>
      </c>
      <c r="L5209" s="111">
        <v>0</v>
      </c>
      <c r="M5209" s="111">
        <v>1</v>
      </c>
      <c r="N5209" s="111">
        <v>0</v>
      </c>
      <c r="O5209" s="111">
        <v>0</v>
      </c>
      <c r="P5209" s="111">
        <v>1</v>
      </c>
      <c r="Q5209" s="111">
        <v>0</v>
      </c>
      <c r="R5209" s="111">
        <v>0</v>
      </c>
      <c r="S5209" s="111">
        <v>0</v>
      </c>
      <c r="T5209" s="111">
        <v>0</v>
      </c>
      <c r="U5209" s="145"/>
      <c r="V5209" s="145"/>
      <c r="W5209" s="145"/>
      <c r="X5209" s="145"/>
      <c r="Y5209" s="145"/>
      <c r="Z5209" s="145"/>
      <c r="AA5209" s="145"/>
      <c r="AB5209" s="145"/>
      <c r="AC5209" s="145"/>
      <c r="AD5209" s="145"/>
      <c r="AE5209" s="145"/>
      <c r="AF5209" s="145"/>
      <c r="AG5209" s="145"/>
      <c r="AH5209" s="145"/>
      <c r="AI5209" s="145"/>
      <c r="AJ5209" s="145"/>
      <c r="AK5209" s="145"/>
      <c r="AL5209" s="145"/>
      <c r="AM5209" s="145"/>
      <c r="AN5209" s="145"/>
      <c r="AO5209" s="145"/>
      <c r="AP5209" s="145"/>
      <c r="AQ5209" s="145"/>
      <c r="AR5209" s="145"/>
      <c r="AS5209" s="145"/>
      <c r="AT5209" s="145"/>
      <c r="AU5209" s="145"/>
      <c r="AV5209" s="145"/>
      <c r="AW5209" s="145"/>
      <c r="AX5209" s="146"/>
      <c r="AY5209" s="146"/>
      <c r="AZ5209" s="146"/>
      <c r="BA5209" s="146"/>
      <c r="BB5209" s="107">
        <v>45884</v>
      </c>
    </row>
    <row r="5210" spans="1:54" s="8" customFormat="1" ht="13.95" customHeight="1" x14ac:dyDescent="0.25">
      <c r="A5210" s="229" t="s">
        <v>12071</v>
      </c>
      <c r="B5210" s="96" t="s">
        <v>11930</v>
      </c>
      <c r="C5210" s="93" t="s">
        <v>12072</v>
      </c>
      <c r="D5210" s="93" t="s">
        <v>12073</v>
      </c>
      <c r="E5210" s="111">
        <v>2015</v>
      </c>
      <c r="F5210" s="111">
        <v>3000</v>
      </c>
      <c r="G5210" s="93" t="s">
        <v>1</v>
      </c>
      <c r="H5210" s="111">
        <v>0</v>
      </c>
      <c r="I5210" s="111">
        <v>0</v>
      </c>
      <c r="J5210" s="111">
        <v>1</v>
      </c>
      <c r="K5210" s="111">
        <v>1</v>
      </c>
      <c r="L5210" s="111">
        <v>0</v>
      </c>
      <c r="M5210" s="111">
        <v>1</v>
      </c>
      <c r="N5210" s="111">
        <v>0</v>
      </c>
      <c r="O5210" s="111">
        <v>0</v>
      </c>
      <c r="P5210" s="111">
        <v>1</v>
      </c>
      <c r="Q5210" s="111">
        <v>0</v>
      </c>
      <c r="R5210" s="111">
        <v>0</v>
      </c>
      <c r="S5210" s="111">
        <v>0</v>
      </c>
      <c r="T5210" s="111">
        <v>0</v>
      </c>
      <c r="U5210" s="145"/>
      <c r="V5210" s="145"/>
      <c r="W5210" s="145"/>
      <c r="X5210" s="145"/>
      <c r="Y5210" s="145"/>
      <c r="Z5210" s="145"/>
      <c r="AA5210" s="145"/>
      <c r="AB5210" s="145"/>
      <c r="AC5210" s="145"/>
      <c r="AD5210" s="145"/>
      <c r="AE5210" s="145"/>
      <c r="AF5210" s="145"/>
      <c r="AG5210" s="145"/>
      <c r="AH5210" s="145"/>
      <c r="AI5210" s="145"/>
      <c r="AJ5210" s="145"/>
      <c r="AK5210" s="145"/>
      <c r="AL5210" s="145"/>
      <c r="AM5210" s="145"/>
      <c r="AN5210" s="145"/>
      <c r="AO5210" s="145"/>
      <c r="AP5210" s="145"/>
      <c r="AQ5210" s="145"/>
      <c r="AR5210" s="145"/>
      <c r="AS5210" s="145"/>
      <c r="AT5210" s="145"/>
      <c r="AU5210" s="145"/>
      <c r="AV5210" s="145"/>
      <c r="AW5210" s="145"/>
      <c r="AX5210" s="146"/>
      <c r="AY5210" s="146"/>
      <c r="AZ5210" s="146"/>
      <c r="BA5210" s="146"/>
      <c r="BB5210" s="107">
        <v>45884</v>
      </c>
    </row>
    <row r="5211" spans="1:54" s="8" customFormat="1" ht="15.75" customHeight="1" x14ac:dyDescent="0.25">
      <c r="A5211" s="253" t="s">
        <v>12074</v>
      </c>
      <c r="B5211" s="96" t="s">
        <v>11930</v>
      </c>
      <c r="C5211" s="93" t="s">
        <v>12075</v>
      </c>
      <c r="D5211" s="93" t="s">
        <v>12076</v>
      </c>
      <c r="E5211" s="111">
        <v>1982</v>
      </c>
      <c r="F5211" s="111">
        <v>2000</v>
      </c>
      <c r="G5211" s="93" t="s">
        <v>1</v>
      </c>
      <c r="H5211" s="111">
        <v>0</v>
      </c>
      <c r="I5211" s="111">
        <v>0</v>
      </c>
      <c r="J5211" s="111">
        <v>1</v>
      </c>
      <c r="K5211" s="111">
        <v>0</v>
      </c>
      <c r="L5211" s="111">
        <v>1</v>
      </c>
      <c r="M5211" s="111">
        <v>0</v>
      </c>
      <c r="N5211" s="111">
        <v>0</v>
      </c>
      <c r="O5211" s="111">
        <v>1</v>
      </c>
      <c r="P5211" s="111">
        <v>1</v>
      </c>
      <c r="Q5211" s="111">
        <v>0</v>
      </c>
      <c r="R5211" s="111">
        <v>1</v>
      </c>
      <c r="S5211" s="111">
        <v>0</v>
      </c>
      <c r="T5211" s="111">
        <v>0</v>
      </c>
      <c r="U5211" s="145"/>
      <c r="V5211" s="145"/>
      <c r="W5211" s="145"/>
      <c r="X5211" s="145"/>
      <c r="Y5211" s="145"/>
      <c r="Z5211" s="145"/>
      <c r="AA5211" s="145"/>
      <c r="AB5211" s="145"/>
      <c r="AC5211" s="145"/>
      <c r="AD5211" s="145"/>
      <c r="AE5211" s="145"/>
      <c r="AF5211" s="145"/>
      <c r="AG5211" s="145"/>
      <c r="AH5211" s="145"/>
      <c r="AI5211" s="145"/>
      <c r="AJ5211" s="145"/>
      <c r="AK5211" s="145"/>
      <c r="AL5211" s="145"/>
      <c r="AM5211" s="145"/>
      <c r="AN5211" s="145"/>
      <c r="AO5211" s="145"/>
      <c r="AP5211" s="145"/>
      <c r="AQ5211" s="145"/>
      <c r="AR5211" s="145"/>
      <c r="AS5211" s="145"/>
      <c r="AT5211" s="145"/>
      <c r="AU5211" s="145"/>
      <c r="AV5211" s="145"/>
      <c r="AW5211" s="145"/>
      <c r="AX5211" s="146"/>
      <c r="AY5211" s="146"/>
      <c r="AZ5211" s="146"/>
      <c r="BA5211" s="146"/>
      <c r="BB5211" s="107">
        <v>45884</v>
      </c>
    </row>
    <row r="5212" spans="1:54" s="8" customFormat="1" ht="13.95" customHeight="1" x14ac:dyDescent="0.25">
      <c r="A5212" s="229" t="s">
        <v>12077</v>
      </c>
      <c r="B5212" s="96" t="s">
        <v>11930</v>
      </c>
      <c r="C5212" s="93" t="s">
        <v>12078</v>
      </c>
      <c r="D5212" s="93" t="s">
        <v>12079</v>
      </c>
      <c r="E5212" s="111">
        <v>1991</v>
      </c>
      <c r="F5212" s="111">
        <v>200</v>
      </c>
      <c r="G5212" s="93" t="s">
        <v>1</v>
      </c>
      <c r="H5212" s="111">
        <v>0</v>
      </c>
      <c r="I5212" s="111">
        <v>0</v>
      </c>
      <c r="J5212" s="111">
        <v>1</v>
      </c>
      <c r="K5212" s="111">
        <v>0</v>
      </c>
      <c r="L5212" s="111">
        <v>1</v>
      </c>
      <c r="M5212" s="111">
        <v>0</v>
      </c>
      <c r="N5212" s="111">
        <v>0</v>
      </c>
      <c r="O5212" s="111">
        <v>1</v>
      </c>
      <c r="P5212" s="111">
        <v>0</v>
      </c>
      <c r="Q5212" s="111">
        <v>0</v>
      </c>
      <c r="R5212" s="111">
        <v>0</v>
      </c>
      <c r="S5212" s="111">
        <v>0</v>
      </c>
      <c r="T5212" s="111">
        <v>0</v>
      </c>
      <c r="U5212" s="145"/>
      <c r="V5212" s="145"/>
      <c r="W5212" s="145"/>
      <c r="X5212" s="145"/>
      <c r="Y5212" s="145"/>
      <c r="Z5212" s="145"/>
      <c r="AA5212" s="145"/>
      <c r="AB5212" s="145"/>
      <c r="AC5212" s="145"/>
      <c r="AD5212" s="145"/>
      <c r="AE5212" s="145"/>
      <c r="AF5212" s="145"/>
      <c r="AG5212" s="145"/>
      <c r="AH5212" s="145"/>
      <c r="AI5212" s="145"/>
      <c r="AJ5212" s="145"/>
      <c r="AK5212" s="145"/>
      <c r="AL5212" s="145"/>
      <c r="AM5212" s="145"/>
      <c r="AN5212" s="145"/>
      <c r="AO5212" s="145"/>
      <c r="AP5212" s="145"/>
      <c r="AQ5212" s="145"/>
      <c r="AR5212" s="145"/>
      <c r="AS5212" s="145"/>
      <c r="AT5212" s="145"/>
      <c r="AU5212" s="145"/>
      <c r="AV5212" s="145"/>
      <c r="AW5212" s="145"/>
      <c r="AX5212" s="146"/>
      <c r="AY5212" s="146"/>
      <c r="AZ5212" s="146"/>
      <c r="BA5212" s="146"/>
      <c r="BB5212" s="107">
        <v>45884</v>
      </c>
    </row>
    <row r="5213" spans="1:54" s="8" customFormat="1" ht="13.95" customHeight="1" x14ac:dyDescent="0.25">
      <c r="A5213" s="229" t="s">
        <v>12080</v>
      </c>
      <c r="B5213" s="96" t="s">
        <v>11930</v>
      </c>
      <c r="C5213" s="93" t="s">
        <v>12081</v>
      </c>
      <c r="D5213" s="93" t="s">
        <v>12082</v>
      </c>
      <c r="E5213" s="111">
        <v>2015</v>
      </c>
      <c r="F5213" s="111">
        <v>1000</v>
      </c>
      <c r="G5213" s="93" t="s">
        <v>1</v>
      </c>
      <c r="H5213" s="111">
        <v>0</v>
      </c>
      <c r="I5213" s="111">
        <v>0</v>
      </c>
      <c r="J5213" s="111">
        <v>1</v>
      </c>
      <c r="K5213" s="111">
        <v>1</v>
      </c>
      <c r="L5213" s="111">
        <v>0</v>
      </c>
      <c r="M5213" s="111">
        <v>0</v>
      </c>
      <c r="N5213" s="111">
        <v>0</v>
      </c>
      <c r="O5213" s="111">
        <v>0</v>
      </c>
      <c r="P5213" s="111">
        <v>1</v>
      </c>
      <c r="Q5213" s="111">
        <v>0</v>
      </c>
      <c r="R5213" s="111">
        <v>0</v>
      </c>
      <c r="S5213" s="111">
        <v>0</v>
      </c>
      <c r="T5213" s="111">
        <v>0</v>
      </c>
      <c r="U5213" s="145"/>
      <c r="V5213" s="145"/>
      <c r="W5213" s="145"/>
      <c r="X5213" s="145"/>
      <c r="Y5213" s="145"/>
      <c r="Z5213" s="145"/>
      <c r="AA5213" s="145"/>
      <c r="AB5213" s="145"/>
      <c r="AC5213" s="145"/>
      <c r="AD5213" s="145"/>
      <c r="AE5213" s="145"/>
      <c r="AF5213" s="145"/>
      <c r="AG5213" s="145"/>
      <c r="AH5213" s="145"/>
      <c r="AI5213" s="145"/>
      <c r="AJ5213" s="145"/>
      <c r="AK5213" s="145"/>
      <c r="AL5213" s="145"/>
      <c r="AM5213" s="145"/>
      <c r="AN5213" s="145"/>
      <c r="AO5213" s="145"/>
      <c r="AP5213" s="145"/>
      <c r="AQ5213" s="145"/>
      <c r="AR5213" s="145"/>
      <c r="AS5213" s="145"/>
      <c r="AT5213" s="145"/>
      <c r="AU5213" s="145"/>
      <c r="AV5213" s="145"/>
      <c r="AW5213" s="145"/>
      <c r="AX5213" s="146"/>
      <c r="AY5213" s="146"/>
      <c r="AZ5213" s="146"/>
      <c r="BA5213" s="146"/>
      <c r="BB5213" s="107">
        <v>45884</v>
      </c>
    </row>
    <row r="5214" spans="1:54" s="8" customFormat="1" ht="15.75" customHeight="1" x14ac:dyDescent="0.25">
      <c r="A5214" s="253" t="s">
        <v>12083</v>
      </c>
      <c r="B5214" s="96" t="s">
        <v>11930</v>
      </c>
      <c r="C5214" s="93" t="s">
        <v>12084</v>
      </c>
      <c r="D5214" s="93" t="s">
        <v>12085</v>
      </c>
      <c r="E5214" s="111">
        <v>2015</v>
      </c>
      <c r="F5214" s="111">
        <v>5000</v>
      </c>
      <c r="G5214" s="93" t="s">
        <v>1</v>
      </c>
      <c r="H5214" s="111">
        <v>0</v>
      </c>
      <c r="I5214" s="111">
        <v>0</v>
      </c>
      <c r="J5214" s="111">
        <v>1</v>
      </c>
      <c r="K5214" s="111">
        <v>1</v>
      </c>
      <c r="L5214" s="111">
        <v>0</v>
      </c>
      <c r="M5214" s="111">
        <v>0</v>
      </c>
      <c r="N5214" s="111">
        <v>0</v>
      </c>
      <c r="O5214" s="111">
        <v>0</v>
      </c>
      <c r="P5214" s="111">
        <v>1</v>
      </c>
      <c r="Q5214" s="111">
        <v>0</v>
      </c>
      <c r="R5214" s="111">
        <v>0</v>
      </c>
      <c r="S5214" s="111">
        <v>0</v>
      </c>
      <c r="T5214" s="111">
        <v>0</v>
      </c>
      <c r="U5214" s="145"/>
      <c r="V5214" s="145"/>
      <c r="W5214" s="145"/>
      <c r="X5214" s="145"/>
      <c r="Y5214" s="145"/>
      <c r="Z5214" s="145"/>
      <c r="AA5214" s="145"/>
      <c r="AB5214" s="145"/>
      <c r="AC5214" s="145"/>
      <c r="AD5214" s="145"/>
      <c r="AE5214" s="145"/>
      <c r="AF5214" s="145"/>
      <c r="AG5214" s="145"/>
      <c r="AH5214" s="145"/>
      <c r="AI5214" s="145"/>
      <c r="AJ5214" s="145"/>
      <c r="AK5214" s="145"/>
      <c r="AL5214" s="145"/>
      <c r="AM5214" s="145"/>
      <c r="AN5214" s="145"/>
      <c r="AO5214" s="145"/>
      <c r="AP5214" s="145"/>
      <c r="AQ5214" s="145"/>
      <c r="AR5214" s="145"/>
      <c r="AS5214" s="145"/>
      <c r="AT5214" s="145"/>
      <c r="AU5214" s="145"/>
      <c r="AV5214" s="145"/>
      <c r="AW5214" s="145"/>
      <c r="AX5214" s="146"/>
      <c r="AY5214" s="146"/>
      <c r="AZ5214" s="146"/>
      <c r="BA5214" s="146"/>
      <c r="BB5214" s="107">
        <v>45884</v>
      </c>
    </row>
    <row r="5215" spans="1:54" s="8" customFormat="1" ht="13.95" customHeight="1" x14ac:dyDescent="0.25">
      <c r="A5215" s="229" t="s">
        <v>12086</v>
      </c>
      <c r="B5215" s="96" t="s">
        <v>11930</v>
      </c>
      <c r="C5215" s="93" t="s">
        <v>12087</v>
      </c>
      <c r="D5215" s="93" t="s">
        <v>12088</v>
      </c>
      <c r="E5215" s="111">
        <v>1991</v>
      </c>
      <c r="F5215" s="111">
        <v>200</v>
      </c>
      <c r="G5215" s="93" t="s">
        <v>1</v>
      </c>
      <c r="H5215" s="111">
        <v>0</v>
      </c>
      <c r="I5215" s="111">
        <v>0</v>
      </c>
      <c r="J5215" s="111">
        <v>1</v>
      </c>
      <c r="K5215" s="111">
        <v>0</v>
      </c>
      <c r="L5215" s="111">
        <v>1</v>
      </c>
      <c r="M5215" s="111">
        <v>0</v>
      </c>
      <c r="N5215" s="111">
        <v>0</v>
      </c>
      <c r="O5215" s="111">
        <v>0</v>
      </c>
      <c r="P5215" s="111">
        <v>1</v>
      </c>
      <c r="Q5215" s="111">
        <v>0</v>
      </c>
      <c r="R5215" s="111">
        <v>0</v>
      </c>
      <c r="S5215" s="111">
        <v>0</v>
      </c>
      <c r="T5215" s="111">
        <v>0</v>
      </c>
      <c r="U5215" s="145"/>
      <c r="V5215" s="145"/>
      <c r="W5215" s="145"/>
      <c r="X5215" s="145"/>
      <c r="Y5215" s="145"/>
      <c r="Z5215" s="145"/>
      <c r="AA5215" s="145"/>
      <c r="AB5215" s="145"/>
      <c r="AC5215" s="145"/>
      <c r="AD5215" s="145"/>
      <c r="AE5215" s="145"/>
      <c r="AF5215" s="145"/>
      <c r="AG5215" s="145"/>
      <c r="AH5215" s="145"/>
      <c r="AI5215" s="145"/>
      <c r="AJ5215" s="145"/>
      <c r="AK5215" s="145"/>
      <c r="AL5215" s="145"/>
      <c r="AM5215" s="145"/>
      <c r="AN5215" s="145"/>
      <c r="AO5215" s="145"/>
      <c r="AP5215" s="145"/>
      <c r="AQ5215" s="145"/>
      <c r="AR5215" s="145"/>
      <c r="AS5215" s="145"/>
      <c r="AT5215" s="145"/>
      <c r="AU5215" s="145"/>
      <c r="AV5215" s="145"/>
      <c r="AW5215" s="145"/>
      <c r="AX5215" s="146"/>
      <c r="AY5215" s="146"/>
      <c r="AZ5215" s="146"/>
      <c r="BA5215" s="146"/>
      <c r="BB5215" s="107">
        <v>45884</v>
      </c>
    </row>
    <row r="5216" spans="1:54" s="8" customFormat="1" ht="13.95" customHeight="1" x14ac:dyDescent="0.25">
      <c r="A5216" s="229" t="s">
        <v>12089</v>
      </c>
      <c r="B5216" s="96" t="s">
        <v>11930</v>
      </c>
      <c r="C5216" s="93" t="s">
        <v>12090</v>
      </c>
      <c r="D5216" s="93" t="s">
        <v>12091</v>
      </c>
      <c r="E5216" s="111">
        <v>1993</v>
      </c>
      <c r="F5216" s="111">
        <v>300</v>
      </c>
      <c r="G5216" s="93" t="s">
        <v>1</v>
      </c>
      <c r="H5216" s="111">
        <v>0</v>
      </c>
      <c r="I5216" s="111">
        <v>0</v>
      </c>
      <c r="J5216" s="111">
        <v>1</v>
      </c>
      <c r="K5216" s="111">
        <v>0</v>
      </c>
      <c r="L5216" s="111">
        <v>1</v>
      </c>
      <c r="M5216" s="111">
        <v>0</v>
      </c>
      <c r="N5216" s="111">
        <v>0</v>
      </c>
      <c r="O5216" s="111">
        <v>0</v>
      </c>
      <c r="P5216" s="252">
        <v>0</v>
      </c>
      <c r="Q5216" s="111">
        <v>0</v>
      </c>
      <c r="R5216" s="111">
        <v>1</v>
      </c>
      <c r="S5216" s="111">
        <v>0</v>
      </c>
      <c r="T5216" s="111">
        <v>0</v>
      </c>
      <c r="U5216" s="145"/>
      <c r="V5216" s="145"/>
      <c r="W5216" s="145"/>
      <c r="X5216" s="145"/>
      <c r="Y5216" s="145"/>
      <c r="Z5216" s="145"/>
      <c r="AA5216" s="145"/>
      <c r="AB5216" s="145"/>
      <c r="AC5216" s="145"/>
      <c r="AD5216" s="145"/>
      <c r="AE5216" s="145"/>
      <c r="AF5216" s="145"/>
      <c r="AG5216" s="145"/>
      <c r="AH5216" s="145"/>
      <c r="AI5216" s="145"/>
      <c r="AJ5216" s="145"/>
      <c r="AK5216" s="145"/>
      <c r="AL5216" s="145"/>
      <c r="AM5216" s="145"/>
      <c r="AN5216" s="145"/>
      <c r="AO5216" s="145"/>
      <c r="AP5216" s="145"/>
      <c r="AQ5216" s="145"/>
      <c r="AR5216" s="145"/>
      <c r="AS5216" s="145"/>
      <c r="AT5216" s="145"/>
      <c r="AU5216" s="145"/>
      <c r="AV5216" s="145"/>
      <c r="AW5216" s="145"/>
      <c r="AX5216" s="146"/>
      <c r="AY5216" s="146"/>
      <c r="AZ5216" s="146"/>
      <c r="BA5216" s="146"/>
      <c r="BB5216" s="107">
        <v>45884</v>
      </c>
    </row>
    <row r="5217" spans="1:54" s="8" customFormat="1" ht="13.95" customHeight="1" x14ac:dyDescent="0.25">
      <c r="A5217" s="229" t="s">
        <v>12092</v>
      </c>
      <c r="B5217" s="96" t="s">
        <v>11930</v>
      </c>
      <c r="C5217" s="93" t="s">
        <v>12093</v>
      </c>
      <c r="D5217" s="93" t="s">
        <v>12094</v>
      </c>
      <c r="E5217" s="111">
        <v>1985</v>
      </c>
      <c r="F5217" s="111">
        <v>4700</v>
      </c>
      <c r="G5217" s="93" t="s">
        <v>1</v>
      </c>
      <c r="H5217" s="111">
        <v>1</v>
      </c>
      <c r="I5217" s="111">
        <v>0</v>
      </c>
      <c r="J5217" s="111">
        <v>1</v>
      </c>
      <c r="K5217" s="111">
        <v>0</v>
      </c>
      <c r="L5217" s="111">
        <v>1</v>
      </c>
      <c r="M5217" s="111">
        <v>0</v>
      </c>
      <c r="N5217" s="111">
        <v>0</v>
      </c>
      <c r="O5217" s="111">
        <v>1</v>
      </c>
      <c r="P5217" s="111">
        <v>1</v>
      </c>
      <c r="Q5217" s="111">
        <v>0</v>
      </c>
      <c r="R5217" s="111">
        <v>1</v>
      </c>
      <c r="S5217" s="111">
        <v>0</v>
      </c>
      <c r="T5217" s="111">
        <v>0</v>
      </c>
      <c r="U5217" s="145"/>
      <c r="V5217" s="145"/>
      <c r="W5217" s="145"/>
      <c r="X5217" s="145"/>
      <c r="Y5217" s="145"/>
      <c r="Z5217" s="145"/>
      <c r="AA5217" s="145"/>
      <c r="AB5217" s="145"/>
      <c r="AC5217" s="145"/>
      <c r="AD5217" s="145"/>
      <c r="AE5217" s="145"/>
      <c r="AF5217" s="145"/>
      <c r="AG5217" s="145"/>
      <c r="AH5217" s="145"/>
      <c r="AI5217" s="145"/>
      <c r="AJ5217" s="145"/>
      <c r="AK5217" s="145"/>
      <c r="AL5217" s="145"/>
      <c r="AM5217" s="145"/>
      <c r="AN5217" s="145"/>
      <c r="AO5217" s="145"/>
      <c r="AP5217" s="145"/>
      <c r="AQ5217" s="145"/>
      <c r="AR5217" s="145"/>
      <c r="AS5217" s="145"/>
      <c r="AT5217" s="145"/>
      <c r="AU5217" s="145"/>
      <c r="AV5217" s="145"/>
      <c r="AW5217" s="145"/>
      <c r="AX5217" s="146"/>
      <c r="AY5217" s="146"/>
      <c r="AZ5217" s="146"/>
      <c r="BA5217" s="146"/>
      <c r="BB5217" s="107">
        <v>45884</v>
      </c>
    </row>
    <row r="5218" spans="1:54" s="8" customFormat="1" ht="13.95" customHeight="1" x14ac:dyDescent="0.25">
      <c r="A5218" s="229" t="s">
        <v>12095</v>
      </c>
      <c r="B5218" s="96" t="s">
        <v>11930</v>
      </c>
      <c r="C5218" s="93" t="s">
        <v>12096</v>
      </c>
      <c r="D5218" s="93" t="s">
        <v>12097</v>
      </c>
      <c r="E5218" s="111">
        <v>1979</v>
      </c>
      <c r="F5218" s="111">
        <v>900</v>
      </c>
      <c r="G5218" s="93" t="s">
        <v>1</v>
      </c>
      <c r="H5218" s="111">
        <v>0</v>
      </c>
      <c r="I5218" s="111">
        <v>0</v>
      </c>
      <c r="J5218" s="111">
        <v>1</v>
      </c>
      <c r="K5218" s="111">
        <v>0</v>
      </c>
      <c r="L5218" s="111">
        <v>1</v>
      </c>
      <c r="M5218" s="111">
        <v>0</v>
      </c>
      <c r="N5218" s="111">
        <v>0</v>
      </c>
      <c r="O5218" s="111">
        <v>1</v>
      </c>
      <c r="P5218" s="111">
        <v>1</v>
      </c>
      <c r="Q5218" s="111">
        <v>0</v>
      </c>
      <c r="R5218" s="111">
        <v>1</v>
      </c>
      <c r="S5218" s="111">
        <v>0</v>
      </c>
      <c r="T5218" s="111">
        <v>0</v>
      </c>
      <c r="U5218" s="145"/>
      <c r="V5218" s="145"/>
      <c r="W5218" s="145"/>
      <c r="X5218" s="145"/>
      <c r="Y5218" s="145"/>
      <c r="Z5218" s="145"/>
      <c r="AA5218" s="145"/>
      <c r="AB5218" s="145"/>
      <c r="AC5218" s="145"/>
      <c r="AD5218" s="145"/>
      <c r="AE5218" s="145"/>
      <c r="AF5218" s="145"/>
      <c r="AG5218" s="145"/>
      <c r="AH5218" s="145"/>
      <c r="AI5218" s="145"/>
      <c r="AJ5218" s="145"/>
      <c r="AK5218" s="145"/>
      <c r="AL5218" s="145"/>
      <c r="AM5218" s="145"/>
      <c r="AN5218" s="145"/>
      <c r="AO5218" s="145"/>
      <c r="AP5218" s="145"/>
      <c r="AQ5218" s="145"/>
      <c r="AR5218" s="145"/>
      <c r="AS5218" s="145"/>
      <c r="AT5218" s="145"/>
      <c r="AU5218" s="145"/>
      <c r="AV5218" s="145"/>
      <c r="AW5218" s="145"/>
      <c r="AX5218" s="146"/>
      <c r="AY5218" s="146"/>
      <c r="AZ5218" s="146"/>
      <c r="BA5218" s="146"/>
      <c r="BB5218" s="107">
        <v>45884</v>
      </c>
    </row>
    <row r="5219" spans="1:54" s="8" customFormat="1" ht="13.95" customHeight="1" x14ac:dyDescent="0.25">
      <c r="A5219" s="229" t="s">
        <v>12098</v>
      </c>
      <c r="B5219" s="96" t="s">
        <v>11930</v>
      </c>
      <c r="C5219" s="93" t="s">
        <v>12099</v>
      </c>
      <c r="D5219" s="93" t="s">
        <v>12100</v>
      </c>
      <c r="E5219" s="111">
        <v>1956</v>
      </c>
      <c r="F5219" s="111">
        <v>1200</v>
      </c>
      <c r="G5219" s="93" t="s">
        <v>1</v>
      </c>
      <c r="H5219" s="111">
        <v>1</v>
      </c>
      <c r="I5219" s="111">
        <v>0</v>
      </c>
      <c r="J5219" s="111">
        <v>1</v>
      </c>
      <c r="K5219" s="111">
        <v>1</v>
      </c>
      <c r="L5219" s="111">
        <v>0</v>
      </c>
      <c r="M5219" s="111">
        <v>1</v>
      </c>
      <c r="N5219" s="111">
        <v>0</v>
      </c>
      <c r="O5219" s="111">
        <v>1</v>
      </c>
      <c r="P5219" s="111">
        <v>1</v>
      </c>
      <c r="Q5219" s="111">
        <v>0</v>
      </c>
      <c r="R5219" s="111">
        <v>0</v>
      </c>
      <c r="S5219" s="111">
        <v>0</v>
      </c>
      <c r="T5219" s="111">
        <v>0</v>
      </c>
      <c r="U5219" s="145"/>
      <c r="V5219" s="145"/>
      <c r="W5219" s="145"/>
      <c r="X5219" s="145"/>
      <c r="Y5219" s="145"/>
      <c r="Z5219" s="145"/>
      <c r="AA5219" s="145"/>
      <c r="AB5219" s="145"/>
      <c r="AC5219" s="145"/>
      <c r="AD5219" s="145"/>
      <c r="AE5219" s="145"/>
      <c r="AF5219" s="145"/>
      <c r="AG5219" s="145"/>
      <c r="AH5219" s="145"/>
      <c r="AI5219" s="145"/>
      <c r="AJ5219" s="145"/>
      <c r="AK5219" s="145"/>
      <c r="AL5219" s="145"/>
      <c r="AM5219" s="145"/>
      <c r="AN5219" s="145"/>
      <c r="AO5219" s="145"/>
      <c r="AP5219" s="145"/>
      <c r="AQ5219" s="145"/>
      <c r="AR5219" s="145"/>
      <c r="AS5219" s="145"/>
      <c r="AT5219" s="145"/>
      <c r="AU5219" s="145"/>
      <c r="AV5219" s="145"/>
      <c r="AW5219" s="145"/>
      <c r="AX5219" s="146"/>
      <c r="AY5219" s="146"/>
      <c r="AZ5219" s="146"/>
      <c r="BA5219" s="146"/>
      <c r="BB5219" s="107">
        <v>45884</v>
      </c>
    </row>
    <row r="5220" spans="1:54" s="8" customFormat="1" ht="13.95" customHeight="1" x14ac:dyDescent="0.25">
      <c r="A5220" s="229" t="s">
        <v>12101</v>
      </c>
      <c r="B5220" s="96" t="s">
        <v>11930</v>
      </c>
      <c r="C5220" s="93" t="s">
        <v>12102</v>
      </c>
      <c r="D5220" s="93" t="s">
        <v>12103</v>
      </c>
      <c r="E5220" s="111">
        <v>1981</v>
      </c>
      <c r="F5220" s="111">
        <v>1300</v>
      </c>
      <c r="G5220" s="93" t="s">
        <v>1</v>
      </c>
      <c r="H5220" s="111">
        <v>1</v>
      </c>
      <c r="I5220" s="111">
        <v>0</v>
      </c>
      <c r="J5220" s="111">
        <v>1</v>
      </c>
      <c r="K5220" s="252">
        <v>1</v>
      </c>
      <c r="L5220" s="111">
        <v>1</v>
      </c>
      <c r="M5220" s="111">
        <v>0</v>
      </c>
      <c r="N5220" s="111">
        <v>0</v>
      </c>
      <c r="O5220" s="111">
        <v>1</v>
      </c>
      <c r="P5220" s="111">
        <v>1</v>
      </c>
      <c r="Q5220" s="111">
        <v>0</v>
      </c>
      <c r="R5220" s="111">
        <v>1</v>
      </c>
      <c r="S5220" s="111">
        <v>0</v>
      </c>
      <c r="T5220" s="111">
        <v>0</v>
      </c>
      <c r="U5220" s="145"/>
      <c r="V5220" s="145"/>
      <c r="W5220" s="145"/>
      <c r="X5220" s="145"/>
      <c r="Y5220" s="145"/>
      <c r="Z5220" s="145"/>
      <c r="AA5220" s="145"/>
      <c r="AB5220" s="145"/>
      <c r="AC5220" s="145"/>
      <c r="AD5220" s="145"/>
      <c r="AE5220" s="145"/>
      <c r="AF5220" s="145"/>
      <c r="AG5220" s="145"/>
      <c r="AH5220" s="145"/>
      <c r="AI5220" s="145"/>
      <c r="AJ5220" s="145"/>
      <c r="AK5220" s="145"/>
      <c r="AL5220" s="145"/>
      <c r="AM5220" s="145"/>
      <c r="AN5220" s="145"/>
      <c r="AO5220" s="145"/>
      <c r="AP5220" s="145"/>
      <c r="AQ5220" s="145"/>
      <c r="AR5220" s="145"/>
      <c r="AS5220" s="145"/>
      <c r="AT5220" s="145"/>
      <c r="AU5220" s="145"/>
      <c r="AV5220" s="145"/>
      <c r="AW5220" s="145"/>
      <c r="AX5220" s="146"/>
      <c r="AY5220" s="146"/>
      <c r="AZ5220" s="146"/>
      <c r="BA5220" s="146"/>
      <c r="BB5220" s="107">
        <v>45884</v>
      </c>
    </row>
    <row r="5221" spans="1:54" s="8" customFormat="1" ht="13.95" customHeight="1" x14ac:dyDescent="0.25">
      <c r="A5221" s="229" t="s">
        <v>12104</v>
      </c>
      <c r="B5221" s="96" t="s">
        <v>11930</v>
      </c>
      <c r="C5221" s="93" t="s">
        <v>12105</v>
      </c>
      <c r="D5221" s="93" t="s">
        <v>12106</v>
      </c>
      <c r="E5221" s="111">
        <v>1991</v>
      </c>
      <c r="F5221" s="111">
        <v>200</v>
      </c>
      <c r="G5221" s="93" t="s">
        <v>1</v>
      </c>
      <c r="H5221" s="111">
        <v>0</v>
      </c>
      <c r="I5221" s="111">
        <v>0</v>
      </c>
      <c r="J5221" s="111">
        <v>1</v>
      </c>
      <c r="K5221" s="111">
        <v>0</v>
      </c>
      <c r="L5221" s="111">
        <v>1</v>
      </c>
      <c r="M5221" s="111">
        <v>0</v>
      </c>
      <c r="N5221" s="111">
        <v>0</v>
      </c>
      <c r="O5221" s="111">
        <v>0</v>
      </c>
      <c r="P5221" s="111">
        <v>0</v>
      </c>
      <c r="Q5221" s="111">
        <v>0</v>
      </c>
      <c r="R5221" s="111">
        <v>1</v>
      </c>
      <c r="S5221" s="111">
        <v>0</v>
      </c>
      <c r="T5221" s="111">
        <v>0</v>
      </c>
      <c r="U5221" s="145"/>
      <c r="V5221" s="145"/>
      <c r="W5221" s="145"/>
      <c r="X5221" s="145"/>
      <c r="Y5221" s="145"/>
      <c r="Z5221" s="145"/>
      <c r="AA5221" s="145"/>
      <c r="AB5221" s="145"/>
      <c r="AC5221" s="145"/>
      <c r="AD5221" s="145"/>
      <c r="AE5221" s="145"/>
      <c r="AF5221" s="145"/>
      <c r="AG5221" s="145"/>
      <c r="AH5221" s="145"/>
      <c r="AI5221" s="145"/>
      <c r="AJ5221" s="145"/>
      <c r="AK5221" s="145"/>
      <c r="AL5221" s="145"/>
      <c r="AM5221" s="145"/>
      <c r="AN5221" s="145"/>
      <c r="AO5221" s="145"/>
      <c r="AP5221" s="145"/>
      <c r="AQ5221" s="145"/>
      <c r="AR5221" s="145"/>
      <c r="AS5221" s="145"/>
      <c r="AT5221" s="145"/>
      <c r="AU5221" s="145"/>
      <c r="AV5221" s="145"/>
      <c r="AW5221" s="145"/>
      <c r="AX5221" s="146"/>
      <c r="AY5221" s="146"/>
      <c r="AZ5221" s="146"/>
      <c r="BA5221" s="146"/>
      <c r="BB5221" s="107">
        <v>45884</v>
      </c>
    </row>
    <row r="5222" spans="1:54" s="8" customFormat="1" ht="13.95" customHeight="1" x14ac:dyDescent="0.25">
      <c r="A5222" s="229" t="s">
        <v>12107</v>
      </c>
      <c r="B5222" s="96" t="s">
        <v>11930</v>
      </c>
      <c r="C5222" s="93" t="s">
        <v>12108</v>
      </c>
      <c r="D5222" s="93" t="s">
        <v>12109</v>
      </c>
      <c r="E5222" s="111">
        <v>1995</v>
      </c>
      <c r="F5222" s="111">
        <v>200</v>
      </c>
      <c r="G5222" s="93" t="s">
        <v>1</v>
      </c>
      <c r="H5222" s="111">
        <v>0</v>
      </c>
      <c r="I5222" s="111">
        <v>0</v>
      </c>
      <c r="J5222" s="111">
        <v>1</v>
      </c>
      <c r="K5222" s="252">
        <v>1</v>
      </c>
      <c r="L5222" s="111">
        <v>1</v>
      </c>
      <c r="M5222" s="111">
        <v>0</v>
      </c>
      <c r="N5222" s="111">
        <v>0</v>
      </c>
      <c r="O5222" s="111">
        <v>0</v>
      </c>
      <c r="P5222" s="111">
        <v>0</v>
      </c>
      <c r="Q5222" s="111">
        <v>0</v>
      </c>
      <c r="R5222" s="111">
        <v>1</v>
      </c>
      <c r="S5222" s="111">
        <v>0</v>
      </c>
      <c r="T5222" s="111">
        <v>0</v>
      </c>
      <c r="U5222" s="145"/>
      <c r="V5222" s="145"/>
      <c r="W5222" s="145"/>
      <c r="X5222" s="145"/>
      <c r="Y5222" s="145"/>
      <c r="Z5222" s="145"/>
      <c r="AA5222" s="145"/>
      <c r="AB5222" s="145"/>
      <c r="AC5222" s="145"/>
      <c r="AD5222" s="145"/>
      <c r="AE5222" s="145"/>
      <c r="AF5222" s="145"/>
      <c r="AG5222" s="145"/>
      <c r="AH5222" s="145"/>
      <c r="AI5222" s="145"/>
      <c r="AJ5222" s="145"/>
      <c r="AK5222" s="145"/>
      <c r="AL5222" s="145"/>
      <c r="AM5222" s="145"/>
      <c r="AN5222" s="145"/>
      <c r="AO5222" s="145"/>
      <c r="AP5222" s="145"/>
      <c r="AQ5222" s="145"/>
      <c r="AR5222" s="145"/>
      <c r="AS5222" s="145"/>
      <c r="AT5222" s="145"/>
      <c r="AU5222" s="145"/>
      <c r="AV5222" s="145"/>
      <c r="AW5222" s="145"/>
      <c r="AX5222" s="146"/>
      <c r="AY5222" s="146"/>
      <c r="AZ5222" s="146"/>
      <c r="BA5222" s="146"/>
      <c r="BB5222" s="107">
        <v>45884</v>
      </c>
    </row>
    <row r="5223" spans="1:54" s="8" customFormat="1" ht="13.95" customHeight="1" x14ac:dyDescent="0.25">
      <c r="A5223" s="229" t="s">
        <v>12110</v>
      </c>
      <c r="B5223" s="96" t="s">
        <v>11930</v>
      </c>
      <c r="C5223" s="93" t="s">
        <v>12111</v>
      </c>
      <c r="D5223" s="93" t="s">
        <v>12112</v>
      </c>
      <c r="E5223" s="111">
        <v>1990</v>
      </c>
      <c r="F5223" s="111">
        <v>300</v>
      </c>
      <c r="G5223" s="93" t="s">
        <v>1</v>
      </c>
      <c r="H5223" s="111">
        <v>0</v>
      </c>
      <c r="I5223" s="111">
        <v>0</v>
      </c>
      <c r="J5223" s="111">
        <v>1</v>
      </c>
      <c r="K5223" s="111">
        <v>1</v>
      </c>
      <c r="L5223" s="111">
        <v>1</v>
      </c>
      <c r="M5223" s="111">
        <v>0</v>
      </c>
      <c r="N5223" s="111">
        <v>0</v>
      </c>
      <c r="O5223" s="111">
        <v>0</v>
      </c>
      <c r="P5223" s="111">
        <v>1</v>
      </c>
      <c r="Q5223" s="111">
        <v>0</v>
      </c>
      <c r="R5223" s="111">
        <v>1</v>
      </c>
      <c r="S5223" s="111">
        <v>0</v>
      </c>
      <c r="T5223" s="111">
        <v>0</v>
      </c>
      <c r="U5223" s="145"/>
      <c r="V5223" s="145"/>
      <c r="W5223" s="145"/>
      <c r="X5223" s="145"/>
      <c r="Y5223" s="145"/>
      <c r="Z5223" s="145"/>
      <c r="AA5223" s="145"/>
      <c r="AB5223" s="145"/>
      <c r="AC5223" s="145"/>
      <c r="AD5223" s="145"/>
      <c r="AE5223" s="145"/>
      <c r="AF5223" s="145"/>
      <c r="AG5223" s="145"/>
      <c r="AH5223" s="145"/>
      <c r="AI5223" s="145"/>
      <c r="AJ5223" s="145"/>
      <c r="AK5223" s="145"/>
      <c r="AL5223" s="145"/>
      <c r="AM5223" s="145"/>
      <c r="AN5223" s="145"/>
      <c r="AO5223" s="145"/>
      <c r="AP5223" s="145"/>
      <c r="AQ5223" s="145"/>
      <c r="AR5223" s="145"/>
      <c r="AS5223" s="145"/>
      <c r="AT5223" s="145"/>
      <c r="AU5223" s="145"/>
      <c r="AV5223" s="145"/>
      <c r="AW5223" s="145"/>
      <c r="AX5223" s="146"/>
      <c r="AY5223" s="146"/>
      <c r="AZ5223" s="146"/>
      <c r="BA5223" s="146"/>
      <c r="BB5223" s="107">
        <v>45884</v>
      </c>
    </row>
    <row r="5224" spans="1:54" s="8" customFormat="1" ht="13.95" customHeight="1" x14ac:dyDescent="0.25">
      <c r="A5224" s="229" t="s">
        <v>12113</v>
      </c>
      <c r="B5224" s="96" t="s">
        <v>11930</v>
      </c>
      <c r="C5224" s="93" t="s">
        <v>12114</v>
      </c>
      <c r="D5224" s="93" t="s">
        <v>12115</v>
      </c>
      <c r="E5224" s="111">
        <v>1992</v>
      </c>
      <c r="F5224" s="111">
        <v>200</v>
      </c>
      <c r="G5224" s="93" t="s">
        <v>1</v>
      </c>
      <c r="H5224" s="111">
        <v>0</v>
      </c>
      <c r="I5224" s="111">
        <v>0</v>
      </c>
      <c r="J5224" s="111">
        <v>1</v>
      </c>
      <c r="K5224" s="111">
        <v>1</v>
      </c>
      <c r="L5224" s="111">
        <v>1</v>
      </c>
      <c r="M5224" s="111">
        <v>0</v>
      </c>
      <c r="N5224" s="111">
        <v>0</v>
      </c>
      <c r="O5224" s="111">
        <v>0</v>
      </c>
      <c r="P5224" s="111">
        <v>0</v>
      </c>
      <c r="Q5224" s="111">
        <v>0</v>
      </c>
      <c r="R5224" s="111">
        <v>0</v>
      </c>
      <c r="S5224" s="111">
        <v>0</v>
      </c>
      <c r="T5224" s="111">
        <v>0</v>
      </c>
      <c r="U5224" s="145"/>
      <c r="V5224" s="145"/>
      <c r="W5224" s="145"/>
      <c r="X5224" s="145"/>
      <c r="Y5224" s="145"/>
      <c r="Z5224" s="145"/>
      <c r="AA5224" s="145"/>
      <c r="AB5224" s="145"/>
      <c r="AC5224" s="145"/>
      <c r="AD5224" s="145"/>
      <c r="AE5224" s="145"/>
      <c r="AF5224" s="145"/>
      <c r="AG5224" s="145"/>
      <c r="AH5224" s="145"/>
      <c r="AI5224" s="145"/>
      <c r="AJ5224" s="145"/>
      <c r="AK5224" s="145"/>
      <c r="AL5224" s="145"/>
      <c r="AM5224" s="145"/>
      <c r="AN5224" s="145"/>
      <c r="AO5224" s="145"/>
      <c r="AP5224" s="145"/>
      <c r="AQ5224" s="145"/>
      <c r="AR5224" s="145"/>
      <c r="AS5224" s="145"/>
      <c r="AT5224" s="145"/>
      <c r="AU5224" s="145"/>
      <c r="AV5224" s="145"/>
      <c r="AW5224" s="145"/>
      <c r="AX5224" s="146"/>
      <c r="AY5224" s="146"/>
      <c r="AZ5224" s="146"/>
      <c r="BA5224" s="146"/>
      <c r="BB5224" s="107">
        <v>45884</v>
      </c>
    </row>
    <row r="5225" spans="1:54" s="8" customFormat="1" ht="13.95" customHeight="1" x14ac:dyDescent="0.25">
      <c r="A5225" s="229" t="s">
        <v>12116</v>
      </c>
      <c r="B5225" s="96" t="s">
        <v>11930</v>
      </c>
      <c r="C5225" s="93" t="s">
        <v>12117</v>
      </c>
      <c r="D5225" s="93" t="s">
        <v>12118</v>
      </c>
      <c r="E5225" s="111">
        <v>1991</v>
      </c>
      <c r="F5225" s="111">
        <v>200</v>
      </c>
      <c r="G5225" s="93" t="s">
        <v>1</v>
      </c>
      <c r="H5225" s="111">
        <v>0</v>
      </c>
      <c r="I5225" s="111">
        <v>0</v>
      </c>
      <c r="J5225" s="111">
        <v>1</v>
      </c>
      <c r="K5225" s="111">
        <v>1</v>
      </c>
      <c r="L5225" s="111">
        <v>0</v>
      </c>
      <c r="M5225" s="111">
        <v>0</v>
      </c>
      <c r="N5225" s="111">
        <v>0</v>
      </c>
      <c r="O5225" s="111">
        <v>1</v>
      </c>
      <c r="P5225" s="111">
        <v>1</v>
      </c>
      <c r="Q5225" s="111">
        <v>0</v>
      </c>
      <c r="R5225" s="111">
        <v>0</v>
      </c>
      <c r="S5225" s="111">
        <v>0</v>
      </c>
      <c r="T5225" s="111">
        <v>0</v>
      </c>
      <c r="U5225" s="145"/>
      <c r="V5225" s="145"/>
      <c r="W5225" s="145"/>
      <c r="X5225" s="145"/>
      <c r="Y5225" s="145"/>
      <c r="Z5225" s="145"/>
      <c r="AA5225" s="145"/>
      <c r="AB5225" s="145"/>
      <c r="AC5225" s="145"/>
      <c r="AD5225" s="145"/>
      <c r="AE5225" s="145"/>
      <c r="AF5225" s="145"/>
      <c r="AG5225" s="145"/>
      <c r="AH5225" s="145"/>
      <c r="AI5225" s="145"/>
      <c r="AJ5225" s="145"/>
      <c r="AK5225" s="145"/>
      <c r="AL5225" s="145"/>
      <c r="AM5225" s="145"/>
      <c r="AN5225" s="145"/>
      <c r="AO5225" s="145"/>
      <c r="AP5225" s="145"/>
      <c r="AQ5225" s="145"/>
      <c r="AR5225" s="145"/>
      <c r="AS5225" s="145"/>
      <c r="AT5225" s="145"/>
      <c r="AU5225" s="145"/>
      <c r="AV5225" s="145"/>
      <c r="AW5225" s="145"/>
      <c r="AX5225" s="146"/>
      <c r="AY5225" s="146"/>
      <c r="AZ5225" s="146"/>
      <c r="BA5225" s="146"/>
      <c r="BB5225" s="107">
        <v>45884</v>
      </c>
    </row>
    <row r="5226" spans="1:54" s="8" customFormat="1" ht="13.95" customHeight="1" x14ac:dyDescent="0.25">
      <c r="A5226" s="229" t="s">
        <v>12119</v>
      </c>
      <c r="B5226" s="96" t="s">
        <v>11930</v>
      </c>
      <c r="C5226" s="93" t="s">
        <v>12120</v>
      </c>
      <c r="D5226" s="93" t="s">
        <v>12121</v>
      </c>
      <c r="E5226" s="111">
        <v>1991</v>
      </c>
      <c r="F5226" s="111">
        <v>200</v>
      </c>
      <c r="G5226" s="93" t="s">
        <v>1</v>
      </c>
      <c r="H5226" s="111">
        <v>0</v>
      </c>
      <c r="I5226" s="111">
        <v>0</v>
      </c>
      <c r="J5226" s="111">
        <v>1</v>
      </c>
      <c r="K5226" s="111">
        <v>1</v>
      </c>
      <c r="L5226" s="111">
        <v>1</v>
      </c>
      <c r="M5226" s="111">
        <v>0</v>
      </c>
      <c r="N5226" s="111">
        <v>0</v>
      </c>
      <c r="O5226" s="111">
        <v>0</v>
      </c>
      <c r="P5226" s="111">
        <v>1</v>
      </c>
      <c r="Q5226" s="111">
        <v>0</v>
      </c>
      <c r="R5226" s="111">
        <v>0</v>
      </c>
      <c r="S5226" s="111">
        <v>0</v>
      </c>
      <c r="T5226" s="111">
        <v>0</v>
      </c>
      <c r="U5226" s="145"/>
      <c r="V5226" s="145"/>
      <c r="W5226" s="145"/>
      <c r="X5226" s="145"/>
      <c r="Y5226" s="145"/>
      <c r="Z5226" s="145"/>
      <c r="AA5226" s="145"/>
      <c r="AB5226" s="145"/>
      <c r="AC5226" s="145"/>
      <c r="AD5226" s="145"/>
      <c r="AE5226" s="145"/>
      <c r="AF5226" s="145"/>
      <c r="AG5226" s="145"/>
      <c r="AH5226" s="145"/>
      <c r="AI5226" s="145"/>
      <c r="AJ5226" s="145"/>
      <c r="AK5226" s="145"/>
      <c r="AL5226" s="145"/>
      <c r="AM5226" s="145"/>
      <c r="AN5226" s="145"/>
      <c r="AO5226" s="145"/>
      <c r="AP5226" s="145"/>
      <c r="AQ5226" s="145"/>
      <c r="AR5226" s="145"/>
      <c r="AS5226" s="145"/>
      <c r="AT5226" s="145"/>
      <c r="AU5226" s="145"/>
      <c r="AV5226" s="145"/>
      <c r="AW5226" s="145"/>
      <c r="AX5226" s="146"/>
      <c r="AY5226" s="146"/>
      <c r="AZ5226" s="146"/>
      <c r="BA5226" s="146"/>
      <c r="BB5226" s="107">
        <v>45884</v>
      </c>
    </row>
    <row r="5227" spans="1:54" s="8" customFormat="1" ht="13.95" customHeight="1" x14ac:dyDescent="0.25">
      <c r="A5227" s="229" t="s">
        <v>12122</v>
      </c>
      <c r="B5227" s="96" t="s">
        <v>11930</v>
      </c>
      <c r="C5227" s="93" t="s">
        <v>12123</v>
      </c>
      <c r="D5227" s="93" t="s">
        <v>12124</v>
      </c>
      <c r="E5227" s="111">
        <v>1989</v>
      </c>
      <c r="F5227" s="111">
        <v>700</v>
      </c>
      <c r="G5227" s="93" t="s">
        <v>1</v>
      </c>
      <c r="H5227" s="111">
        <v>0</v>
      </c>
      <c r="I5227" s="111">
        <v>0</v>
      </c>
      <c r="J5227" s="111">
        <v>0</v>
      </c>
      <c r="K5227" s="111">
        <v>0</v>
      </c>
      <c r="L5227" s="111">
        <v>0</v>
      </c>
      <c r="M5227" s="111">
        <v>0</v>
      </c>
      <c r="N5227" s="111">
        <v>0</v>
      </c>
      <c r="O5227" s="111">
        <v>0</v>
      </c>
      <c r="P5227" s="111">
        <v>0</v>
      </c>
      <c r="Q5227" s="111">
        <v>0</v>
      </c>
      <c r="R5227" s="111">
        <v>0</v>
      </c>
      <c r="S5227" s="111">
        <v>0</v>
      </c>
      <c r="T5227" s="111">
        <v>0</v>
      </c>
      <c r="U5227" s="145"/>
      <c r="V5227" s="145"/>
      <c r="W5227" s="145"/>
      <c r="X5227" s="145"/>
      <c r="Y5227" s="145"/>
      <c r="Z5227" s="145"/>
      <c r="AA5227" s="145"/>
      <c r="AB5227" s="145"/>
      <c r="AC5227" s="145"/>
      <c r="AD5227" s="145"/>
      <c r="AE5227" s="145"/>
      <c r="AF5227" s="145"/>
      <c r="AG5227" s="145"/>
      <c r="AH5227" s="145"/>
      <c r="AI5227" s="145"/>
      <c r="AJ5227" s="145"/>
      <c r="AK5227" s="145"/>
      <c r="AL5227" s="145"/>
      <c r="AM5227" s="145"/>
      <c r="AN5227" s="145"/>
      <c r="AO5227" s="145"/>
      <c r="AP5227" s="145"/>
      <c r="AQ5227" s="145"/>
      <c r="AR5227" s="145"/>
      <c r="AS5227" s="145"/>
      <c r="AT5227" s="145"/>
      <c r="AU5227" s="145"/>
      <c r="AV5227" s="145"/>
      <c r="AW5227" s="145"/>
      <c r="AX5227" s="146"/>
      <c r="AY5227" s="146"/>
      <c r="AZ5227" s="146"/>
      <c r="BA5227" s="146"/>
      <c r="BB5227" s="107">
        <v>45884</v>
      </c>
    </row>
    <row r="5228" spans="1:54" s="8" customFormat="1" ht="13.95" customHeight="1" x14ac:dyDescent="0.25">
      <c r="A5228" s="229" t="s">
        <v>12125</v>
      </c>
      <c r="B5228" s="96" t="s">
        <v>11930</v>
      </c>
      <c r="C5228" s="93" t="s">
        <v>12126</v>
      </c>
      <c r="D5228" s="93" t="s">
        <v>12127</v>
      </c>
      <c r="E5228" s="111">
        <v>1989</v>
      </c>
      <c r="F5228" s="111">
        <v>400</v>
      </c>
      <c r="G5228" s="93" t="s">
        <v>1</v>
      </c>
      <c r="H5228" s="111">
        <v>0</v>
      </c>
      <c r="I5228" s="111">
        <v>0</v>
      </c>
      <c r="J5228" s="111">
        <v>0</v>
      </c>
      <c r="K5228" s="111">
        <v>0</v>
      </c>
      <c r="L5228" s="111">
        <v>0</v>
      </c>
      <c r="M5228" s="111">
        <v>0</v>
      </c>
      <c r="N5228" s="111">
        <v>0</v>
      </c>
      <c r="O5228" s="111">
        <v>0</v>
      </c>
      <c r="P5228" s="111">
        <v>0</v>
      </c>
      <c r="Q5228" s="111">
        <v>0</v>
      </c>
      <c r="R5228" s="111">
        <v>0</v>
      </c>
      <c r="S5228" s="111">
        <v>0</v>
      </c>
      <c r="T5228" s="111">
        <v>0</v>
      </c>
      <c r="U5228" s="145"/>
      <c r="V5228" s="145"/>
      <c r="W5228" s="145"/>
      <c r="X5228" s="145"/>
      <c r="Y5228" s="145"/>
      <c r="Z5228" s="145"/>
      <c r="AA5228" s="145"/>
      <c r="AB5228" s="145"/>
      <c r="AC5228" s="145"/>
      <c r="AD5228" s="145"/>
      <c r="AE5228" s="145"/>
      <c r="AF5228" s="145"/>
      <c r="AG5228" s="145"/>
      <c r="AH5228" s="145"/>
      <c r="AI5228" s="145"/>
      <c r="AJ5228" s="145"/>
      <c r="AK5228" s="145"/>
      <c r="AL5228" s="145"/>
      <c r="AM5228" s="145"/>
      <c r="AN5228" s="145"/>
      <c r="AO5228" s="145"/>
      <c r="AP5228" s="145"/>
      <c r="AQ5228" s="145"/>
      <c r="AR5228" s="145"/>
      <c r="AS5228" s="145"/>
      <c r="AT5228" s="145"/>
      <c r="AU5228" s="145"/>
      <c r="AV5228" s="145"/>
      <c r="AW5228" s="145"/>
      <c r="AX5228" s="146"/>
      <c r="AY5228" s="146"/>
      <c r="AZ5228" s="146"/>
      <c r="BA5228" s="146"/>
      <c r="BB5228" s="107">
        <v>45884</v>
      </c>
    </row>
    <row r="5229" spans="1:54" s="8" customFormat="1" ht="13.95" customHeight="1" x14ac:dyDescent="0.25">
      <c r="A5229" s="229" t="s">
        <v>12128</v>
      </c>
      <c r="B5229" s="96" t="s">
        <v>11930</v>
      </c>
      <c r="C5229" s="93" t="s">
        <v>12129</v>
      </c>
      <c r="D5229" s="93" t="s">
        <v>12130</v>
      </c>
      <c r="E5229" s="111">
        <v>1996</v>
      </c>
      <c r="F5229" s="111">
        <v>300</v>
      </c>
      <c r="G5229" s="93" t="s">
        <v>1</v>
      </c>
      <c r="H5229" s="111">
        <v>0</v>
      </c>
      <c r="I5229" s="111">
        <v>0</v>
      </c>
      <c r="J5229" s="111">
        <v>0</v>
      </c>
      <c r="K5229" s="252">
        <v>0</v>
      </c>
      <c r="L5229" s="111">
        <v>0</v>
      </c>
      <c r="M5229" s="111">
        <v>0</v>
      </c>
      <c r="N5229" s="111">
        <v>0</v>
      </c>
      <c r="O5229" s="111">
        <v>0</v>
      </c>
      <c r="P5229" s="111">
        <v>1</v>
      </c>
      <c r="Q5229" s="111">
        <v>0</v>
      </c>
      <c r="R5229" s="111">
        <v>0</v>
      </c>
      <c r="S5229" s="111">
        <v>0</v>
      </c>
      <c r="T5229" s="111">
        <v>0</v>
      </c>
      <c r="U5229" s="145"/>
      <c r="V5229" s="145"/>
      <c r="W5229" s="145"/>
      <c r="X5229" s="145"/>
      <c r="Y5229" s="145"/>
      <c r="Z5229" s="145"/>
      <c r="AA5229" s="145"/>
      <c r="AB5229" s="145"/>
      <c r="AC5229" s="145"/>
      <c r="AD5229" s="145"/>
      <c r="AE5229" s="145"/>
      <c r="AF5229" s="145"/>
      <c r="AG5229" s="145"/>
      <c r="AH5229" s="145"/>
      <c r="AI5229" s="145"/>
      <c r="AJ5229" s="145"/>
      <c r="AK5229" s="145"/>
      <c r="AL5229" s="145"/>
      <c r="AM5229" s="145"/>
      <c r="AN5229" s="145"/>
      <c r="AO5229" s="145"/>
      <c r="AP5229" s="145"/>
      <c r="AQ5229" s="145"/>
      <c r="AR5229" s="145"/>
      <c r="AS5229" s="145"/>
      <c r="AT5229" s="145"/>
      <c r="AU5229" s="145"/>
      <c r="AV5229" s="145"/>
      <c r="AW5229" s="145"/>
      <c r="AX5229" s="146"/>
      <c r="AY5229" s="146"/>
      <c r="AZ5229" s="146"/>
      <c r="BA5229" s="146"/>
      <c r="BB5229" s="107">
        <v>45884</v>
      </c>
    </row>
    <row r="5230" spans="1:54" s="8" customFormat="1" ht="13.95" customHeight="1" x14ac:dyDescent="0.25">
      <c r="A5230" s="229" t="s">
        <v>12131</v>
      </c>
      <c r="B5230" s="96" t="s">
        <v>11930</v>
      </c>
      <c r="C5230" s="93" t="s">
        <v>12132</v>
      </c>
      <c r="D5230" s="93" t="s">
        <v>12133</v>
      </c>
      <c r="E5230" s="111">
        <v>1998</v>
      </c>
      <c r="F5230" s="111">
        <v>300</v>
      </c>
      <c r="G5230" s="93" t="s">
        <v>1</v>
      </c>
      <c r="H5230" s="111">
        <v>0</v>
      </c>
      <c r="I5230" s="111">
        <v>0</v>
      </c>
      <c r="J5230" s="111">
        <v>1</v>
      </c>
      <c r="K5230" s="111">
        <v>0</v>
      </c>
      <c r="L5230" s="111">
        <v>1</v>
      </c>
      <c r="M5230" s="111">
        <v>0</v>
      </c>
      <c r="N5230" s="111">
        <v>0</v>
      </c>
      <c r="O5230" s="111">
        <v>0</v>
      </c>
      <c r="P5230" s="111">
        <v>1</v>
      </c>
      <c r="Q5230" s="111">
        <v>0</v>
      </c>
      <c r="R5230" s="111">
        <v>1</v>
      </c>
      <c r="S5230" s="111">
        <v>0</v>
      </c>
      <c r="T5230" s="111">
        <v>0</v>
      </c>
      <c r="U5230" s="145"/>
      <c r="V5230" s="145"/>
      <c r="W5230" s="145"/>
      <c r="X5230" s="145"/>
      <c r="Y5230" s="145"/>
      <c r="Z5230" s="145"/>
      <c r="AA5230" s="145"/>
      <c r="AB5230" s="145"/>
      <c r="AC5230" s="145"/>
      <c r="AD5230" s="145"/>
      <c r="AE5230" s="145"/>
      <c r="AF5230" s="145"/>
      <c r="AG5230" s="145"/>
      <c r="AH5230" s="145"/>
      <c r="AI5230" s="145"/>
      <c r="AJ5230" s="145"/>
      <c r="AK5230" s="145"/>
      <c r="AL5230" s="145"/>
      <c r="AM5230" s="145"/>
      <c r="AN5230" s="145"/>
      <c r="AO5230" s="145"/>
      <c r="AP5230" s="145"/>
      <c r="AQ5230" s="145"/>
      <c r="AR5230" s="145"/>
      <c r="AS5230" s="145"/>
      <c r="AT5230" s="145"/>
      <c r="AU5230" s="145"/>
      <c r="AV5230" s="145"/>
      <c r="AW5230" s="145"/>
      <c r="AX5230" s="146"/>
      <c r="AY5230" s="146"/>
      <c r="AZ5230" s="146"/>
      <c r="BA5230" s="146"/>
      <c r="BB5230" s="107">
        <v>45884</v>
      </c>
    </row>
    <row r="5231" spans="1:54" s="8" customFormat="1" ht="13.95" customHeight="1" x14ac:dyDescent="0.25">
      <c r="A5231" s="229" t="s">
        <v>12134</v>
      </c>
      <c r="B5231" s="96" t="s">
        <v>11930</v>
      </c>
      <c r="C5231" s="93" t="s">
        <v>12135</v>
      </c>
      <c r="D5231" s="93" t="s">
        <v>12136</v>
      </c>
      <c r="E5231" s="111">
        <v>1974</v>
      </c>
      <c r="F5231" s="111">
        <v>300</v>
      </c>
      <c r="G5231" s="93" t="s">
        <v>1</v>
      </c>
      <c r="H5231" s="111">
        <v>0</v>
      </c>
      <c r="I5231" s="111">
        <v>0</v>
      </c>
      <c r="J5231" s="111">
        <v>1</v>
      </c>
      <c r="K5231" s="111">
        <v>1</v>
      </c>
      <c r="L5231" s="111">
        <v>0</v>
      </c>
      <c r="M5231" s="111">
        <v>0</v>
      </c>
      <c r="N5231" s="111">
        <v>0</v>
      </c>
      <c r="O5231" s="111">
        <v>0</v>
      </c>
      <c r="P5231" s="111">
        <v>0</v>
      </c>
      <c r="Q5231" s="111">
        <v>0</v>
      </c>
      <c r="R5231" s="111">
        <v>0</v>
      </c>
      <c r="S5231" s="111">
        <v>0</v>
      </c>
      <c r="T5231" s="111">
        <v>0</v>
      </c>
      <c r="U5231" s="145"/>
      <c r="V5231" s="145"/>
      <c r="W5231" s="145"/>
      <c r="X5231" s="145"/>
      <c r="Y5231" s="145"/>
      <c r="Z5231" s="145"/>
      <c r="AA5231" s="145"/>
      <c r="AB5231" s="145"/>
      <c r="AC5231" s="145"/>
      <c r="AD5231" s="145"/>
      <c r="AE5231" s="145"/>
      <c r="AF5231" s="145"/>
      <c r="AG5231" s="145"/>
      <c r="AH5231" s="145"/>
      <c r="AI5231" s="145"/>
      <c r="AJ5231" s="145"/>
      <c r="AK5231" s="145"/>
      <c r="AL5231" s="145"/>
      <c r="AM5231" s="145"/>
      <c r="AN5231" s="145"/>
      <c r="AO5231" s="145"/>
      <c r="AP5231" s="145"/>
      <c r="AQ5231" s="145"/>
      <c r="AR5231" s="145"/>
      <c r="AS5231" s="145"/>
      <c r="AT5231" s="145"/>
      <c r="AU5231" s="145"/>
      <c r="AV5231" s="145"/>
      <c r="AW5231" s="145"/>
      <c r="AX5231" s="146"/>
      <c r="AY5231" s="146"/>
      <c r="AZ5231" s="146"/>
      <c r="BA5231" s="146"/>
      <c r="BB5231" s="107">
        <v>45884</v>
      </c>
    </row>
    <row r="5232" spans="1:54" s="8" customFormat="1" ht="13.95" customHeight="1" x14ac:dyDescent="0.25">
      <c r="A5232" s="229" t="s">
        <v>12137</v>
      </c>
      <c r="B5232" s="96" t="s">
        <v>11930</v>
      </c>
      <c r="C5232" s="93" t="s">
        <v>12138</v>
      </c>
      <c r="D5232" s="93" t="s">
        <v>12139</v>
      </c>
      <c r="E5232" s="111">
        <v>1993</v>
      </c>
      <c r="F5232" s="111">
        <v>400</v>
      </c>
      <c r="G5232" s="93" t="s">
        <v>1</v>
      </c>
      <c r="H5232" s="111">
        <v>0</v>
      </c>
      <c r="I5232" s="111">
        <v>0</v>
      </c>
      <c r="J5232" s="111">
        <v>1</v>
      </c>
      <c r="K5232" s="111">
        <v>0</v>
      </c>
      <c r="L5232" s="111">
        <v>1</v>
      </c>
      <c r="M5232" s="111">
        <v>0</v>
      </c>
      <c r="N5232" s="111">
        <v>0</v>
      </c>
      <c r="O5232" s="111">
        <v>0</v>
      </c>
      <c r="P5232" s="111">
        <v>1</v>
      </c>
      <c r="Q5232" s="111">
        <v>0</v>
      </c>
      <c r="R5232" s="111">
        <v>1</v>
      </c>
      <c r="S5232" s="111">
        <v>0</v>
      </c>
      <c r="T5232" s="111">
        <v>0</v>
      </c>
      <c r="U5232" s="145"/>
      <c r="V5232" s="145"/>
      <c r="W5232" s="145"/>
      <c r="X5232" s="145"/>
      <c r="Y5232" s="145"/>
      <c r="Z5232" s="145"/>
      <c r="AA5232" s="145"/>
      <c r="AB5232" s="145"/>
      <c r="AC5232" s="145"/>
      <c r="AD5232" s="145"/>
      <c r="AE5232" s="145"/>
      <c r="AF5232" s="145"/>
      <c r="AG5232" s="145"/>
      <c r="AH5232" s="145"/>
      <c r="AI5232" s="145"/>
      <c r="AJ5232" s="145"/>
      <c r="AK5232" s="145"/>
      <c r="AL5232" s="145"/>
      <c r="AM5232" s="145"/>
      <c r="AN5232" s="145"/>
      <c r="AO5232" s="145"/>
      <c r="AP5232" s="145"/>
      <c r="AQ5232" s="145"/>
      <c r="AR5232" s="145"/>
      <c r="AS5232" s="145"/>
      <c r="AT5232" s="145"/>
      <c r="AU5232" s="145"/>
      <c r="AV5232" s="145"/>
      <c r="AW5232" s="145"/>
      <c r="AX5232" s="146"/>
      <c r="AY5232" s="146"/>
      <c r="AZ5232" s="146"/>
      <c r="BA5232" s="146"/>
      <c r="BB5232" s="107">
        <v>45884</v>
      </c>
    </row>
    <row r="5233" spans="1:54" s="8" customFormat="1" ht="13.95" customHeight="1" x14ac:dyDescent="0.25">
      <c r="A5233" s="229" t="s">
        <v>12140</v>
      </c>
      <c r="B5233" s="96" t="s">
        <v>11930</v>
      </c>
      <c r="C5233" s="93" t="s">
        <v>12141</v>
      </c>
      <c r="D5233" s="93" t="s">
        <v>12142</v>
      </c>
      <c r="E5233" s="111">
        <v>1991</v>
      </c>
      <c r="F5233" s="111">
        <v>200</v>
      </c>
      <c r="G5233" s="93" t="s">
        <v>1</v>
      </c>
      <c r="H5233" s="111">
        <v>0</v>
      </c>
      <c r="I5233" s="111">
        <v>0</v>
      </c>
      <c r="J5233" s="111">
        <v>0</v>
      </c>
      <c r="K5233" s="111">
        <v>0</v>
      </c>
      <c r="L5233" s="111">
        <v>0</v>
      </c>
      <c r="M5233" s="111">
        <v>0</v>
      </c>
      <c r="N5233" s="111">
        <v>0</v>
      </c>
      <c r="O5233" s="111">
        <v>0</v>
      </c>
      <c r="P5233" s="111">
        <v>0</v>
      </c>
      <c r="Q5233" s="111">
        <v>0</v>
      </c>
      <c r="R5233" s="111">
        <v>0</v>
      </c>
      <c r="S5233" s="111">
        <v>0</v>
      </c>
      <c r="T5233" s="111">
        <v>0</v>
      </c>
      <c r="U5233" s="145"/>
      <c r="V5233" s="145"/>
      <c r="W5233" s="145"/>
      <c r="X5233" s="145"/>
      <c r="Y5233" s="145"/>
      <c r="Z5233" s="145"/>
      <c r="AA5233" s="145"/>
      <c r="AB5233" s="145"/>
      <c r="AC5233" s="145"/>
      <c r="AD5233" s="145"/>
      <c r="AE5233" s="145"/>
      <c r="AF5233" s="145"/>
      <c r="AG5233" s="145"/>
      <c r="AH5233" s="145"/>
      <c r="AI5233" s="145"/>
      <c r="AJ5233" s="145"/>
      <c r="AK5233" s="145"/>
      <c r="AL5233" s="145"/>
      <c r="AM5233" s="145"/>
      <c r="AN5233" s="145"/>
      <c r="AO5233" s="145"/>
      <c r="AP5233" s="145"/>
      <c r="AQ5233" s="145"/>
      <c r="AR5233" s="145"/>
      <c r="AS5233" s="145"/>
      <c r="AT5233" s="145"/>
      <c r="AU5233" s="145"/>
      <c r="AV5233" s="145"/>
      <c r="AW5233" s="145"/>
      <c r="AX5233" s="146"/>
      <c r="AY5233" s="146"/>
      <c r="AZ5233" s="146"/>
      <c r="BA5233" s="146"/>
      <c r="BB5233" s="107">
        <v>45884</v>
      </c>
    </row>
    <row r="5234" spans="1:54" s="8" customFormat="1" ht="13.95" customHeight="1" x14ac:dyDescent="0.25">
      <c r="A5234" s="229" t="s">
        <v>12143</v>
      </c>
      <c r="B5234" s="96" t="s">
        <v>11930</v>
      </c>
      <c r="C5234" s="93" t="s">
        <v>12144</v>
      </c>
      <c r="D5234" s="93" t="s">
        <v>12145</v>
      </c>
      <c r="E5234" s="111">
        <v>1992</v>
      </c>
      <c r="F5234" s="111">
        <v>200</v>
      </c>
      <c r="G5234" s="93" t="s">
        <v>1</v>
      </c>
      <c r="H5234" s="111">
        <v>0</v>
      </c>
      <c r="I5234" s="111">
        <v>0</v>
      </c>
      <c r="J5234" s="111">
        <v>1</v>
      </c>
      <c r="K5234" s="111">
        <v>0</v>
      </c>
      <c r="L5234" s="111">
        <v>1</v>
      </c>
      <c r="M5234" s="111">
        <v>0</v>
      </c>
      <c r="N5234" s="111">
        <v>0</v>
      </c>
      <c r="O5234" s="111">
        <v>0</v>
      </c>
      <c r="P5234" s="111">
        <v>1</v>
      </c>
      <c r="Q5234" s="111">
        <v>0</v>
      </c>
      <c r="R5234" s="111">
        <v>1</v>
      </c>
      <c r="S5234" s="111">
        <v>0</v>
      </c>
      <c r="T5234" s="111">
        <v>0</v>
      </c>
      <c r="U5234" s="145"/>
      <c r="V5234" s="145"/>
      <c r="W5234" s="145"/>
      <c r="X5234" s="145"/>
      <c r="Y5234" s="145"/>
      <c r="Z5234" s="145"/>
      <c r="AA5234" s="145"/>
      <c r="AB5234" s="145"/>
      <c r="AC5234" s="145"/>
      <c r="AD5234" s="145"/>
      <c r="AE5234" s="145"/>
      <c r="AF5234" s="145"/>
      <c r="AG5234" s="145"/>
      <c r="AH5234" s="145"/>
      <c r="AI5234" s="145"/>
      <c r="AJ5234" s="145"/>
      <c r="AK5234" s="145"/>
      <c r="AL5234" s="145"/>
      <c r="AM5234" s="145"/>
      <c r="AN5234" s="145"/>
      <c r="AO5234" s="145"/>
      <c r="AP5234" s="145"/>
      <c r="AQ5234" s="145"/>
      <c r="AR5234" s="145"/>
      <c r="AS5234" s="145"/>
      <c r="AT5234" s="145"/>
      <c r="AU5234" s="145"/>
      <c r="AV5234" s="145"/>
      <c r="AW5234" s="145"/>
      <c r="AX5234" s="146"/>
      <c r="AY5234" s="146"/>
      <c r="AZ5234" s="146"/>
      <c r="BA5234" s="146"/>
      <c r="BB5234" s="107">
        <v>45884</v>
      </c>
    </row>
    <row r="5235" spans="1:54" s="8" customFormat="1" ht="13.95" customHeight="1" x14ac:dyDescent="0.25">
      <c r="A5235" s="229" t="s">
        <v>12146</v>
      </c>
      <c r="B5235" s="96" t="s">
        <v>11930</v>
      </c>
      <c r="C5235" s="93" t="s">
        <v>12147</v>
      </c>
      <c r="D5235" s="93" t="s">
        <v>12148</v>
      </c>
      <c r="E5235" s="111">
        <v>1963</v>
      </c>
      <c r="F5235" s="111">
        <v>1900</v>
      </c>
      <c r="G5235" s="93" t="s">
        <v>1</v>
      </c>
      <c r="H5235" s="111">
        <v>1</v>
      </c>
      <c r="I5235" s="111">
        <v>1</v>
      </c>
      <c r="J5235" s="111">
        <v>1</v>
      </c>
      <c r="K5235" s="111">
        <v>1</v>
      </c>
      <c r="L5235" s="111">
        <v>1</v>
      </c>
      <c r="M5235" s="111">
        <v>1</v>
      </c>
      <c r="N5235" s="111">
        <v>0</v>
      </c>
      <c r="O5235" s="111">
        <v>0</v>
      </c>
      <c r="P5235" s="111">
        <v>1</v>
      </c>
      <c r="Q5235" s="111">
        <v>0</v>
      </c>
      <c r="R5235" s="111">
        <v>0</v>
      </c>
      <c r="S5235" s="111">
        <v>0</v>
      </c>
      <c r="T5235" s="111">
        <v>0</v>
      </c>
      <c r="U5235" s="145"/>
      <c r="V5235" s="145"/>
      <c r="W5235" s="145"/>
      <c r="X5235" s="145"/>
      <c r="Y5235" s="145"/>
      <c r="Z5235" s="145"/>
      <c r="AA5235" s="145"/>
      <c r="AB5235" s="145"/>
      <c r="AC5235" s="145"/>
      <c r="AD5235" s="145"/>
      <c r="AE5235" s="145"/>
      <c r="AF5235" s="145"/>
      <c r="AG5235" s="145"/>
      <c r="AH5235" s="145"/>
      <c r="AI5235" s="145"/>
      <c r="AJ5235" s="145"/>
      <c r="AK5235" s="145"/>
      <c r="AL5235" s="145"/>
      <c r="AM5235" s="145"/>
      <c r="AN5235" s="145"/>
      <c r="AO5235" s="145"/>
      <c r="AP5235" s="145"/>
      <c r="AQ5235" s="145"/>
      <c r="AR5235" s="145"/>
      <c r="AS5235" s="145"/>
      <c r="AT5235" s="145"/>
      <c r="AU5235" s="145"/>
      <c r="AV5235" s="145"/>
      <c r="AW5235" s="145"/>
      <c r="AX5235" s="146"/>
      <c r="AY5235" s="146"/>
      <c r="AZ5235" s="146"/>
      <c r="BA5235" s="146"/>
      <c r="BB5235" s="107">
        <v>45884</v>
      </c>
    </row>
    <row r="5236" spans="1:54" s="8" customFormat="1" ht="13.95" customHeight="1" x14ac:dyDescent="0.25">
      <c r="A5236" s="229" t="s">
        <v>12149</v>
      </c>
      <c r="B5236" s="96" t="s">
        <v>11930</v>
      </c>
      <c r="C5236" s="93" t="s">
        <v>12150</v>
      </c>
      <c r="D5236" s="93" t="s">
        <v>12151</v>
      </c>
      <c r="E5236" s="111">
        <v>1996</v>
      </c>
      <c r="F5236" s="111">
        <v>2500</v>
      </c>
      <c r="G5236" s="93" t="s">
        <v>1</v>
      </c>
      <c r="H5236" s="111">
        <v>0</v>
      </c>
      <c r="I5236" s="111">
        <v>0</v>
      </c>
      <c r="J5236" s="111">
        <v>1</v>
      </c>
      <c r="K5236" s="111">
        <v>0</v>
      </c>
      <c r="L5236" s="111">
        <v>1</v>
      </c>
      <c r="M5236" s="111">
        <v>0</v>
      </c>
      <c r="N5236" s="111">
        <v>0</v>
      </c>
      <c r="O5236" s="111">
        <v>1</v>
      </c>
      <c r="P5236" s="111">
        <v>1</v>
      </c>
      <c r="Q5236" s="111">
        <v>0</v>
      </c>
      <c r="R5236" s="111">
        <v>1</v>
      </c>
      <c r="S5236" s="111">
        <v>0</v>
      </c>
      <c r="T5236" s="111">
        <v>0</v>
      </c>
      <c r="U5236" s="145"/>
      <c r="V5236" s="145"/>
      <c r="W5236" s="145"/>
      <c r="X5236" s="145"/>
      <c r="Y5236" s="145"/>
      <c r="Z5236" s="145"/>
      <c r="AA5236" s="145"/>
      <c r="AB5236" s="145"/>
      <c r="AC5236" s="145"/>
      <c r="AD5236" s="145"/>
      <c r="AE5236" s="145"/>
      <c r="AF5236" s="145"/>
      <c r="AG5236" s="145"/>
      <c r="AH5236" s="145"/>
      <c r="AI5236" s="145"/>
      <c r="AJ5236" s="145"/>
      <c r="AK5236" s="145"/>
      <c r="AL5236" s="145"/>
      <c r="AM5236" s="145"/>
      <c r="AN5236" s="145"/>
      <c r="AO5236" s="145"/>
      <c r="AP5236" s="145"/>
      <c r="AQ5236" s="145"/>
      <c r="AR5236" s="145"/>
      <c r="AS5236" s="145"/>
      <c r="AT5236" s="145"/>
      <c r="AU5236" s="145"/>
      <c r="AV5236" s="145"/>
      <c r="AW5236" s="145"/>
      <c r="AX5236" s="146"/>
      <c r="AY5236" s="146"/>
      <c r="AZ5236" s="146"/>
      <c r="BA5236" s="146"/>
      <c r="BB5236" s="107">
        <v>45884</v>
      </c>
    </row>
    <row r="5237" spans="1:54" s="8" customFormat="1" ht="13.95" customHeight="1" x14ac:dyDescent="0.25">
      <c r="A5237" s="229" t="s">
        <v>12152</v>
      </c>
      <c r="B5237" s="96" t="s">
        <v>11930</v>
      </c>
      <c r="C5237" s="93" t="s">
        <v>12153</v>
      </c>
      <c r="D5237" s="93" t="s">
        <v>12154</v>
      </c>
      <c r="E5237" s="111">
        <v>1996</v>
      </c>
      <c r="F5237" s="111">
        <v>400</v>
      </c>
      <c r="G5237" s="93" t="s">
        <v>1</v>
      </c>
      <c r="H5237" s="111">
        <v>0</v>
      </c>
      <c r="I5237" s="111">
        <v>0</v>
      </c>
      <c r="J5237" s="111">
        <v>1</v>
      </c>
      <c r="K5237" s="111">
        <v>0</v>
      </c>
      <c r="L5237" s="111">
        <v>1</v>
      </c>
      <c r="M5237" s="111">
        <v>0</v>
      </c>
      <c r="N5237" s="111">
        <v>0</v>
      </c>
      <c r="O5237" s="252">
        <v>1</v>
      </c>
      <c r="P5237" s="111">
        <v>1</v>
      </c>
      <c r="Q5237" s="111">
        <v>0</v>
      </c>
      <c r="R5237" s="111">
        <v>1</v>
      </c>
      <c r="S5237" s="111">
        <v>0</v>
      </c>
      <c r="T5237" s="111">
        <v>0</v>
      </c>
      <c r="U5237" s="145"/>
      <c r="V5237" s="145"/>
      <c r="W5237" s="145"/>
      <c r="X5237" s="145"/>
      <c r="Y5237" s="145"/>
      <c r="Z5237" s="145"/>
      <c r="AA5237" s="145"/>
      <c r="AB5237" s="145"/>
      <c r="AC5237" s="145"/>
      <c r="AD5237" s="145"/>
      <c r="AE5237" s="145"/>
      <c r="AF5237" s="145"/>
      <c r="AG5237" s="145"/>
      <c r="AH5237" s="145"/>
      <c r="AI5237" s="145"/>
      <c r="AJ5237" s="145"/>
      <c r="AK5237" s="145"/>
      <c r="AL5237" s="145"/>
      <c r="AM5237" s="145"/>
      <c r="AN5237" s="145"/>
      <c r="AO5237" s="145"/>
      <c r="AP5237" s="145"/>
      <c r="AQ5237" s="145"/>
      <c r="AR5237" s="145"/>
      <c r="AS5237" s="145"/>
      <c r="AT5237" s="145"/>
      <c r="AU5237" s="145"/>
      <c r="AV5237" s="145"/>
      <c r="AW5237" s="145"/>
      <c r="AX5237" s="146"/>
      <c r="AY5237" s="146"/>
      <c r="AZ5237" s="146"/>
      <c r="BA5237" s="146"/>
      <c r="BB5237" s="107">
        <v>45884</v>
      </c>
    </row>
    <row r="5238" spans="1:54" s="8" customFormat="1" ht="13.95" customHeight="1" x14ac:dyDescent="0.25">
      <c r="A5238" s="229" t="s">
        <v>12155</v>
      </c>
      <c r="B5238" s="96" t="s">
        <v>11930</v>
      </c>
      <c r="C5238" s="93" t="s">
        <v>12156</v>
      </c>
      <c r="D5238" s="93" t="s">
        <v>12157</v>
      </c>
      <c r="E5238" s="111">
        <v>1991</v>
      </c>
      <c r="F5238" s="111">
        <v>200</v>
      </c>
      <c r="G5238" s="93" t="s">
        <v>1</v>
      </c>
      <c r="H5238" s="111">
        <v>0</v>
      </c>
      <c r="I5238" s="111">
        <v>0</v>
      </c>
      <c r="J5238" s="111">
        <v>1</v>
      </c>
      <c r="K5238" s="111">
        <v>0</v>
      </c>
      <c r="L5238" s="111">
        <v>1</v>
      </c>
      <c r="M5238" s="111">
        <v>0</v>
      </c>
      <c r="N5238" s="111">
        <v>0</v>
      </c>
      <c r="O5238" s="111">
        <v>1</v>
      </c>
      <c r="P5238" s="111">
        <v>1</v>
      </c>
      <c r="Q5238" s="111">
        <v>0</v>
      </c>
      <c r="R5238" s="111">
        <v>1</v>
      </c>
      <c r="S5238" s="111">
        <v>0</v>
      </c>
      <c r="T5238" s="111">
        <v>0</v>
      </c>
      <c r="U5238" s="145"/>
      <c r="V5238" s="145"/>
      <c r="W5238" s="145"/>
      <c r="X5238" s="145"/>
      <c r="Y5238" s="145"/>
      <c r="Z5238" s="145"/>
      <c r="AA5238" s="145"/>
      <c r="AB5238" s="145"/>
      <c r="AC5238" s="145"/>
      <c r="AD5238" s="145"/>
      <c r="AE5238" s="145"/>
      <c r="AF5238" s="145"/>
      <c r="AG5238" s="145"/>
      <c r="AH5238" s="145"/>
      <c r="AI5238" s="145"/>
      <c r="AJ5238" s="145"/>
      <c r="AK5238" s="145"/>
      <c r="AL5238" s="145"/>
      <c r="AM5238" s="145"/>
      <c r="AN5238" s="145"/>
      <c r="AO5238" s="145"/>
      <c r="AP5238" s="145"/>
      <c r="AQ5238" s="145"/>
      <c r="AR5238" s="145"/>
      <c r="AS5238" s="145"/>
      <c r="AT5238" s="145"/>
      <c r="AU5238" s="145"/>
      <c r="AV5238" s="145"/>
      <c r="AW5238" s="145"/>
      <c r="AX5238" s="146"/>
      <c r="AY5238" s="146"/>
      <c r="AZ5238" s="146"/>
      <c r="BA5238" s="146"/>
      <c r="BB5238" s="107">
        <v>45884</v>
      </c>
    </row>
    <row r="5239" spans="1:54" s="8" customFormat="1" ht="13.95" customHeight="1" x14ac:dyDescent="0.25">
      <c r="A5239" s="229" t="s">
        <v>12158</v>
      </c>
      <c r="B5239" s="96" t="s">
        <v>11930</v>
      </c>
      <c r="C5239" s="93" t="s">
        <v>12159</v>
      </c>
      <c r="D5239" s="93" t="s">
        <v>12160</v>
      </c>
      <c r="E5239" s="111">
        <v>1991</v>
      </c>
      <c r="F5239" s="111">
        <v>300</v>
      </c>
      <c r="G5239" s="93" t="s">
        <v>1</v>
      </c>
      <c r="H5239" s="111">
        <v>0</v>
      </c>
      <c r="I5239" s="111">
        <v>0</v>
      </c>
      <c r="J5239" s="111">
        <v>1</v>
      </c>
      <c r="K5239" s="111">
        <v>0</v>
      </c>
      <c r="L5239" s="111">
        <v>1</v>
      </c>
      <c r="M5239" s="111">
        <v>0</v>
      </c>
      <c r="N5239" s="111">
        <v>0</v>
      </c>
      <c r="O5239" s="111">
        <v>0</v>
      </c>
      <c r="P5239" s="111">
        <v>1</v>
      </c>
      <c r="Q5239" s="111">
        <v>0</v>
      </c>
      <c r="R5239" s="111">
        <v>0</v>
      </c>
      <c r="S5239" s="111">
        <v>0</v>
      </c>
      <c r="T5239" s="111">
        <v>0</v>
      </c>
      <c r="U5239" s="145"/>
      <c r="V5239" s="145"/>
      <c r="W5239" s="145"/>
      <c r="X5239" s="145"/>
      <c r="Y5239" s="145"/>
      <c r="Z5239" s="145"/>
      <c r="AA5239" s="145"/>
      <c r="AB5239" s="145"/>
      <c r="AC5239" s="145"/>
      <c r="AD5239" s="145"/>
      <c r="AE5239" s="145"/>
      <c r="AF5239" s="145"/>
      <c r="AG5239" s="145"/>
      <c r="AH5239" s="145"/>
      <c r="AI5239" s="145"/>
      <c r="AJ5239" s="145"/>
      <c r="AK5239" s="145"/>
      <c r="AL5239" s="145"/>
      <c r="AM5239" s="145"/>
      <c r="AN5239" s="145"/>
      <c r="AO5239" s="145"/>
      <c r="AP5239" s="145"/>
      <c r="AQ5239" s="145"/>
      <c r="AR5239" s="145"/>
      <c r="AS5239" s="145"/>
      <c r="AT5239" s="145"/>
      <c r="AU5239" s="145"/>
      <c r="AV5239" s="145"/>
      <c r="AW5239" s="145"/>
      <c r="AX5239" s="146"/>
      <c r="AY5239" s="146"/>
      <c r="AZ5239" s="146"/>
      <c r="BA5239" s="146"/>
      <c r="BB5239" s="107">
        <v>45884</v>
      </c>
    </row>
    <row r="5240" spans="1:54" s="8" customFormat="1" ht="13.95" customHeight="1" x14ac:dyDescent="0.25">
      <c r="A5240" s="229" t="s">
        <v>12161</v>
      </c>
      <c r="B5240" s="96" t="s">
        <v>11930</v>
      </c>
      <c r="C5240" s="93" t="s">
        <v>12162</v>
      </c>
      <c r="D5240" s="93" t="s">
        <v>12163</v>
      </c>
      <c r="E5240" s="111">
        <v>2000</v>
      </c>
      <c r="F5240" s="111">
        <v>600</v>
      </c>
      <c r="G5240" s="93" t="s">
        <v>1</v>
      </c>
      <c r="H5240" s="111">
        <v>0</v>
      </c>
      <c r="I5240" s="111">
        <v>0</v>
      </c>
      <c r="J5240" s="111">
        <v>1</v>
      </c>
      <c r="K5240" s="111">
        <v>1</v>
      </c>
      <c r="L5240" s="111">
        <v>0</v>
      </c>
      <c r="M5240" s="111">
        <v>0</v>
      </c>
      <c r="N5240" s="111">
        <v>0</v>
      </c>
      <c r="O5240" s="111">
        <v>0</v>
      </c>
      <c r="P5240" s="111">
        <v>0</v>
      </c>
      <c r="Q5240" s="111">
        <v>0</v>
      </c>
      <c r="R5240" s="111">
        <v>0</v>
      </c>
      <c r="S5240" s="111">
        <v>0</v>
      </c>
      <c r="T5240" s="111">
        <v>0</v>
      </c>
      <c r="U5240" s="145"/>
      <c r="V5240" s="145"/>
      <c r="W5240" s="145"/>
      <c r="X5240" s="145"/>
      <c r="Y5240" s="145"/>
      <c r="Z5240" s="145"/>
      <c r="AA5240" s="145"/>
      <c r="AB5240" s="145"/>
      <c r="AC5240" s="145"/>
      <c r="AD5240" s="145"/>
      <c r="AE5240" s="145"/>
      <c r="AF5240" s="145"/>
      <c r="AG5240" s="145"/>
      <c r="AH5240" s="145"/>
      <c r="AI5240" s="145"/>
      <c r="AJ5240" s="145"/>
      <c r="AK5240" s="145"/>
      <c r="AL5240" s="145"/>
      <c r="AM5240" s="145"/>
      <c r="AN5240" s="145"/>
      <c r="AO5240" s="145"/>
      <c r="AP5240" s="145"/>
      <c r="AQ5240" s="145"/>
      <c r="AR5240" s="145"/>
      <c r="AS5240" s="145"/>
      <c r="AT5240" s="145"/>
      <c r="AU5240" s="145"/>
      <c r="AV5240" s="145"/>
      <c r="AW5240" s="145"/>
      <c r="AX5240" s="146"/>
      <c r="AY5240" s="146"/>
      <c r="AZ5240" s="146"/>
      <c r="BA5240" s="146"/>
      <c r="BB5240" s="107">
        <v>45884</v>
      </c>
    </row>
    <row r="5241" spans="1:54" s="8" customFormat="1" ht="13.95" customHeight="1" x14ac:dyDescent="0.25">
      <c r="A5241" s="229" t="s">
        <v>12164</v>
      </c>
      <c r="B5241" s="96" t="s">
        <v>11930</v>
      </c>
      <c r="C5241" s="93" t="s">
        <v>12165</v>
      </c>
      <c r="D5241" s="93" t="s">
        <v>12166</v>
      </c>
      <c r="E5241" s="111">
        <v>1990</v>
      </c>
      <c r="F5241" s="111">
        <v>300</v>
      </c>
      <c r="G5241" s="93" t="s">
        <v>1</v>
      </c>
      <c r="H5241" s="111">
        <v>0</v>
      </c>
      <c r="I5241" s="111">
        <v>0</v>
      </c>
      <c r="J5241" s="111">
        <v>1</v>
      </c>
      <c r="K5241" s="111">
        <v>0</v>
      </c>
      <c r="L5241" s="111">
        <v>1</v>
      </c>
      <c r="M5241" s="111">
        <v>0</v>
      </c>
      <c r="N5241" s="111">
        <v>0</v>
      </c>
      <c r="O5241" s="111">
        <v>0</v>
      </c>
      <c r="P5241" s="111">
        <v>1</v>
      </c>
      <c r="Q5241" s="111">
        <v>0</v>
      </c>
      <c r="R5241" s="111">
        <v>0</v>
      </c>
      <c r="S5241" s="111">
        <v>0</v>
      </c>
      <c r="T5241" s="111">
        <v>0</v>
      </c>
      <c r="U5241" s="145"/>
      <c r="V5241" s="145"/>
      <c r="W5241" s="145"/>
      <c r="X5241" s="145"/>
      <c r="Y5241" s="145"/>
      <c r="Z5241" s="145"/>
      <c r="AA5241" s="145"/>
      <c r="AB5241" s="145"/>
      <c r="AC5241" s="145"/>
      <c r="AD5241" s="145"/>
      <c r="AE5241" s="145"/>
      <c r="AF5241" s="145"/>
      <c r="AG5241" s="145"/>
      <c r="AH5241" s="145"/>
      <c r="AI5241" s="145"/>
      <c r="AJ5241" s="145"/>
      <c r="AK5241" s="145"/>
      <c r="AL5241" s="145"/>
      <c r="AM5241" s="145"/>
      <c r="AN5241" s="145"/>
      <c r="AO5241" s="145"/>
      <c r="AP5241" s="145"/>
      <c r="AQ5241" s="145"/>
      <c r="AR5241" s="145"/>
      <c r="AS5241" s="145"/>
      <c r="AT5241" s="145"/>
      <c r="AU5241" s="145"/>
      <c r="AV5241" s="145"/>
      <c r="AW5241" s="145"/>
      <c r="AX5241" s="146"/>
      <c r="AY5241" s="146"/>
      <c r="AZ5241" s="146"/>
      <c r="BA5241" s="146"/>
      <c r="BB5241" s="107">
        <v>45884</v>
      </c>
    </row>
    <row r="5242" spans="1:54" s="8" customFormat="1" ht="13.95" customHeight="1" x14ac:dyDescent="0.25">
      <c r="A5242" s="229" t="s">
        <v>12167</v>
      </c>
      <c r="B5242" s="96" t="s">
        <v>11930</v>
      </c>
      <c r="C5242" s="93" t="s">
        <v>12168</v>
      </c>
      <c r="D5242" s="93" t="s">
        <v>12169</v>
      </c>
      <c r="E5242" s="111">
        <v>1991</v>
      </c>
      <c r="F5242" s="111">
        <v>200</v>
      </c>
      <c r="G5242" s="93" t="s">
        <v>1</v>
      </c>
      <c r="H5242" s="111">
        <v>0</v>
      </c>
      <c r="I5242" s="111">
        <v>0</v>
      </c>
      <c r="J5242" s="111">
        <v>1</v>
      </c>
      <c r="K5242" s="111">
        <v>0</v>
      </c>
      <c r="L5242" s="111">
        <v>0</v>
      </c>
      <c r="M5242" s="111">
        <v>0</v>
      </c>
      <c r="N5242" s="111">
        <v>0</v>
      </c>
      <c r="O5242" s="111">
        <v>0</v>
      </c>
      <c r="P5242" s="111">
        <v>0</v>
      </c>
      <c r="Q5242" s="111">
        <v>0</v>
      </c>
      <c r="R5242" s="111">
        <v>0</v>
      </c>
      <c r="S5242" s="111">
        <v>0</v>
      </c>
      <c r="T5242" s="111">
        <v>0</v>
      </c>
      <c r="U5242" s="145"/>
      <c r="V5242" s="145"/>
      <c r="W5242" s="145"/>
      <c r="X5242" s="145"/>
      <c r="Y5242" s="145"/>
      <c r="Z5242" s="145"/>
      <c r="AA5242" s="145"/>
      <c r="AB5242" s="145"/>
      <c r="AC5242" s="145"/>
      <c r="AD5242" s="145"/>
      <c r="AE5242" s="145"/>
      <c r="AF5242" s="145"/>
      <c r="AG5242" s="145"/>
      <c r="AH5242" s="145"/>
      <c r="AI5242" s="145"/>
      <c r="AJ5242" s="145"/>
      <c r="AK5242" s="145"/>
      <c r="AL5242" s="145"/>
      <c r="AM5242" s="145"/>
      <c r="AN5242" s="145"/>
      <c r="AO5242" s="145"/>
      <c r="AP5242" s="145"/>
      <c r="AQ5242" s="145"/>
      <c r="AR5242" s="145"/>
      <c r="AS5242" s="145"/>
      <c r="AT5242" s="145"/>
      <c r="AU5242" s="145"/>
      <c r="AV5242" s="145"/>
      <c r="AW5242" s="145"/>
      <c r="AX5242" s="146"/>
      <c r="AY5242" s="146"/>
      <c r="AZ5242" s="146"/>
      <c r="BA5242" s="146"/>
      <c r="BB5242" s="107">
        <v>45884</v>
      </c>
    </row>
    <row r="5243" spans="1:54" s="8" customFormat="1" ht="13.95" customHeight="1" x14ac:dyDescent="0.25">
      <c r="A5243" s="229" t="s">
        <v>12170</v>
      </c>
      <c r="B5243" s="96" t="s">
        <v>11930</v>
      </c>
      <c r="C5243" s="93" t="s">
        <v>12171</v>
      </c>
      <c r="D5243" s="93" t="s">
        <v>12172</v>
      </c>
      <c r="E5243" s="111">
        <v>1994</v>
      </c>
      <c r="F5243" s="111">
        <v>300</v>
      </c>
      <c r="G5243" s="93" t="s">
        <v>1</v>
      </c>
      <c r="H5243" s="111">
        <v>0</v>
      </c>
      <c r="I5243" s="111">
        <v>0</v>
      </c>
      <c r="J5243" s="111">
        <v>1</v>
      </c>
      <c r="K5243" s="111">
        <v>0</v>
      </c>
      <c r="L5243" s="111">
        <v>1</v>
      </c>
      <c r="M5243" s="111">
        <v>0</v>
      </c>
      <c r="N5243" s="111">
        <v>0</v>
      </c>
      <c r="O5243" s="111">
        <v>0</v>
      </c>
      <c r="P5243" s="111">
        <v>1</v>
      </c>
      <c r="Q5243" s="111">
        <v>0</v>
      </c>
      <c r="R5243" s="111">
        <v>1</v>
      </c>
      <c r="S5243" s="111">
        <v>0</v>
      </c>
      <c r="T5243" s="111">
        <v>0</v>
      </c>
      <c r="U5243" s="145"/>
      <c r="V5243" s="145"/>
      <c r="W5243" s="145"/>
      <c r="X5243" s="145"/>
      <c r="Y5243" s="145"/>
      <c r="Z5243" s="145"/>
      <c r="AA5243" s="145"/>
      <c r="AB5243" s="145"/>
      <c r="AC5243" s="145"/>
      <c r="AD5243" s="145"/>
      <c r="AE5243" s="145"/>
      <c r="AF5243" s="145"/>
      <c r="AG5243" s="145"/>
      <c r="AH5243" s="145"/>
      <c r="AI5243" s="145"/>
      <c r="AJ5243" s="145"/>
      <c r="AK5243" s="145"/>
      <c r="AL5243" s="145"/>
      <c r="AM5243" s="145"/>
      <c r="AN5243" s="145"/>
      <c r="AO5243" s="145"/>
      <c r="AP5243" s="145"/>
      <c r="AQ5243" s="145"/>
      <c r="AR5243" s="145"/>
      <c r="AS5243" s="145"/>
      <c r="AT5243" s="145"/>
      <c r="AU5243" s="145"/>
      <c r="AV5243" s="145"/>
      <c r="AW5243" s="145"/>
      <c r="AX5243" s="146"/>
      <c r="AY5243" s="146"/>
      <c r="AZ5243" s="146"/>
      <c r="BA5243" s="146"/>
      <c r="BB5243" s="107">
        <v>45884</v>
      </c>
    </row>
    <row r="5244" spans="1:54" s="8" customFormat="1" ht="13.95" customHeight="1" x14ac:dyDescent="0.25">
      <c r="A5244" s="229" t="s">
        <v>12173</v>
      </c>
      <c r="B5244" s="96" t="s">
        <v>11930</v>
      </c>
      <c r="C5244" s="93" t="s">
        <v>12174</v>
      </c>
      <c r="D5244" s="93" t="s">
        <v>12175</v>
      </c>
      <c r="E5244" s="111">
        <v>2000</v>
      </c>
      <c r="F5244" s="111">
        <v>800</v>
      </c>
      <c r="G5244" s="93" t="s">
        <v>1</v>
      </c>
      <c r="H5244" s="111">
        <v>0</v>
      </c>
      <c r="I5244" s="111">
        <v>0</v>
      </c>
      <c r="J5244" s="111">
        <v>1</v>
      </c>
      <c r="K5244" s="111">
        <v>0</v>
      </c>
      <c r="L5244" s="111">
        <v>0</v>
      </c>
      <c r="M5244" s="111">
        <v>0</v>
      </c>
      <c r="N5244" s="111">
        <v>0</v>
      </c>
      <c r="O5244" s="111">
        <v>1</v>
      </c>
      <c r="P5244" s="111">
        <v>1</v>
      </c>
      <c r="Q5244" s="111">
        <v>0</v>
      </c>
      <c r="R5244" s="111">
        <v>0</v>
      </c>
      <c r="S5244" s="111">
        <v>0</v>
      </c>
      <c r="T5244" s="111">
        <v>0</v>
      </c>
      <c r="U5244" s="145"/>
      <c r="V5244" s="145"/>
      <c r="W5244" s="145"/>
      <c r="X5244" s="145"/>
      <c r="Y5244" s="145"/>
      <c r="Z5244" s="145"/>
      <c r="AA5244" s="145"/>
      <c r="AB5244" s="145"/>
      <c r="AC5244" s="145"/>
      <c r="AD5244" s="145"/>
      <c r="AE5244" s="145"/>
      <c r="AF5244" s="145"/>
      <c r="AG5244" s="145"/>
      <c r="AH5244" s="145"/>
      <c r="AI5244" s="145"/>
      <c r="AJ5244" s="145"/>
      <c r="AK5244" s="145"/>
      <c r="AL5244" s="145"/>
      <c r="AM5244" s="145"/>
      <c r="AN5244" s="145"/>
      <c r="AO5244" s="145"/>
      <c r="AP5244" s="145"/>
      <c r="AQ5244" s="145"/>
      <c r="AR5244" s="145"/>
      <c r="AS5244" s="145"/>
      <c r="AT5244" s="145"/>
      <c r="AU5244" s="145"/>
      <c r="AV5244" s="145"/>
      <c r="AW5244" s="145"/>
      <c r="AX5244" s="146"/>
      <c r="AY5244" s="146"/>
      <c r="AZ5244" s="146"/>
      <c r="BA5244" s="146"/>
      <c r="BB5244" s="107">
        <v>45884</v>
      </c>
    </row>
    <row r="5245" spans="1:54" s="8" customFormat="1" ht="13.95" customHeight="1" x14ac:dyDescent="0.25">
      <c r="A5245" s="229" t="s">
        <v>12176</v>
      </c>
      <c r="B5245" s="96" t="s">
        <v>11930</v>
      </c>
      <c r="C5245" s="93" t="s">
        <v>12177</v>
      </c>
      <c r="D5245" s="93" t="s">
        <v>12178</v>
      </c>
      <c r="E5245" s="111">
        <v>1991</v>
      </c>
      <c r="F5245" s="111">
        <v>200</v>
      </c>
      <c r="G5245" s="93" t="s">
        <v>1</v>
      </c>
      <c r="H5245" s="111">
        <v>0</v>
      </c>
      <c r="I5245" s="111">
        <v>0</v>
      </c>
      <c r="J5245" s="111">
        <v>0</v>
      </c>
      <c r="K5245" s="111">
        <v>0</v>
      </c>
      <c r="L5245" s="111">
        <v>0</v>
      </c>
      <c r="M5245" s="111">
        <v>0</v>
      </c>
      <c r="N5245" s="111">
        <v>0</v>
      </c>
      <c r="O5245" s="111">
        <v>0</v>
      </c>
      <c r="P5245" s="111">
        <v>0</v>
      </c>
      <c r="Q5245" s="111">
        <v>0</v>
      </c>
      <c r="R5245" s="111">
        <v>1</v>
      </c>
      <c r="S5245" s="111">
        <v>0</v>
      </c>
      <c r="T5245" s="111">
        <v>0</v>
      </c>
      <c r="U5245" s="145"/>
      <c r="V5245" s="145"/>
      <c r="W5245" s="145"/>
      <c r="X5245" s="145"/>
      <c r="Y5245" s="145"/>
      <c r="Z5245" s="145"/>
      <c r="AA5245" s="145"/>
      <c r="AB5245" s="145"/>
      <c r="AC5245" s="145"/>
      <c r="AD5245" s="145"/>
      <c r="AE5245" s="145"/>
      <c r="AF5245" s="145"/>
      <c r="AG5245" s="145"/>
      <c r="AH5245" s="145"/>
      <c r="AI5245" s="145"/>
      <c r="AJ5245" s="145"/>
      <c r="AK5245" s="145"/>
      <c r="AL5245" s="145"/>
      <c r="AM5245" s="145"/>
      <c r="AN5245" s="145"/>
      <c r="AO5245" s="145"/>
      <c r="AP5245" s="145"/>
      <c r="AQ5245" s="145"/>
      <c r="AR5245" s="145"/>
      <c r="AS5245" s="145"/>
      <c r="AT5245" s="145"/>
      <c r="AU5245" s="145"/>
      <c r="AV5245" s="145"/>
      <c r="AW5245" s="145"/>
      <c r="AX5245" s="146"/>
      <c r="AY5245" s="146"/>
      <c r="AZ5245" s="146"/>
      <c r="BA5245" s="146"/>
      <c r="BB5245" s="107">
        <v>45884</v>
      </c>
    </row>
    <row r="5246" spans="1:54" s="8" customFormat="1" ht="13.95" customHeight="1" x14ac:dyDescent="0.25">
      <c r="A5246" s="229" t="s">
        <v>12179</v>
      </c>
      <c r="B5246" s="96" t="s">
        <v>11930</v>
      </c>
      <c r="C5246" s="93" t="s">
        <v>12180</v>
      </c>
      <c r="D5246" s="93" t="s">
        <v>12181</v>
      </c>
      <c r="E5246" s="111">
        <v>1971</v>
      </c>
      <c r="F5246" s="111">
        <v>1400</v>
      </c>
      <c r="G5246" s="93" t="s">
        <v>1</v>
      </c>
      <c r="H5246" s="111">
        <v>0</v>
      </c>
      <c r="I5246" s="111">
        <v>0</v>
      </c>
      <c r="J5246" s="111">
        <v>1</v>
      </c>
      <c r="K5246" s="111">
        <v>1</v>
      </c>
      <c r="L5246" s="111">
        <v>0</v>
      </c>
      <c r="M5246" s="111">
        <v>1</v>
      </c>
      <c r="N5246" s="111">
        <v>0</v>
      </c>
      <c r="O5246" s="111">
        <v>1</v>
      </c>
      <c r="P5246" s="111">
        <v>1</v>
      </c>
      <c r="Q5246" s="111">
        <v>0</v>
      </c>
      <c r="R5246" s="111">
        <v>0</v>
      </c>
      <c r="S5246" s="111">
        <v>0</v>
      </c>
      <c r="T5246" s="111">
        <v>0</v>
      </c>
      <c r="U5246" s="145"/>
      <c r="V5246" s="145"/>
      <c r="W5246" s="145"/>
      <c r="X5246" s="145"/>
      <c r="Y5246" s="145"/>
      <c r="Z5246" s="145"/>
      <c r="AA5246" s="145"/>
      <c r="AB5246" s="145"/>
      <c r="AC5246" s="145"/>
      <c r="AD5246" s="145"/>
      <c r="AE5246" s="145"/>
      <c r="AF5246" s="145"/>
      <c r="AG5246" s="145"/>
      <c r="AH5246" s="145"/>
      <c r="AI5246" s="145"/>
      <c r="AJ5246" s="145"/>
      <c r="AK5246" s="145"/>
      <c r="AL5246" s="145"/>
      <c r="AM5246" s="145"/>
      <c r="AN5246" s="145"/>
      <c r="AO5246" s="145"/>
      <c r="AP5246" s="145"/>
      <c r="AQ5246" s="145"/>
      <c r="AR5246" s="145"/>
      <c r="AS5246" s="145"/>
      <c r="AT5246" s="145"/>
      <c r="AU5246" s="145"/>
      <c r="AV5246" s="145"/>
      <c r="AW5246" s="145"/>
      <c r="AX5246" s="146"/>
      <c r="AY5246" s="146"/>
      <c r="AZ5246" s="146"/>
      <c r="BA5246" s="146"/>
      <c r="BB5246" s="107">
        <v>45884</v>
      </c>
    </row>
    <row r="5247" spans="1:54" s="8" customFormat="1" ht="13.95" customHeight="1" x14ac:dyDescent="0.25">
      <c r="A5247" s="229" t="s">
        <v>12182</v>
      </c>
      <c r="B5247" s="96" t="s">
        <v>11930</v>
      </c>
      <c r="C5247" s="93" t="s">
        <v>12183</v>
      </c>
      <c r="D5247" s="93" t="s">
        <v>12184</v>
      </c>
      <c r="E5247" s="111">
        <v>1983</v>
      </c>
      <c r="F5247" s="111">
        <v>900</v>
      </c>
      <c r="G5247" s="93" t="s">
        <v>1</v>
      </c>
      <c r="H5247" s="111">
        <v>0</v>
      </c>
      <c r="I5247" s="111">
        <v>0</v>
      </c>
      <c r="J5247" s="111">
        <v>1</v>
      </c>
      <c r="K5247" s="111">
        <v>0</v>
      </c>
      <c r="L5247" s="111">
        <v>0</v>
      </c>
      <c r="M5247" s="111">
        <v>0</v>
      </c>
      <c r="N5247" s="111">
        <v>0</v>
      </c>
      <c r="O5247" s="111">
        <v>1</v>
      </c>
      <c r="P5247" s="111">
        <v>1</v>
      </c>
      <c r="Q5247" s="111">
        <v>0</v>
      </c>
      <c r="R5247" s="111">
        <v>0</v>
      </c>
      <c r="S5247" s="111">
        <v>0</v>
      </c>
      <c r="T5247" s="111">
        <v>0</v>
      </c>
      <c r="U5247" s="145"/>
      <c r="V5247" s="145"/>
      <c r="W5247" s="145"/>
      <c r="X5247" s="145"/>
      <c r="Y5247" s="145"/>
      <c r="Z5247" s="145"/>
      <c r="AA5247" s="145"/>
      <c r="AB5247" s="145"/>
      <c r="AC5247" s="145"/>
      <c r="AD5247" s="145"/>
      <c r="AE5247" s="145"/>
      <c r="AF5247" s="145"/>
      <c r="AG5247" s="145"/>
      <c r="AH5247" s="145"/>
      <c r="AI5247" s="145"/>
      <c r="AJ5247" s="145"/>
      <c r="AK5247" s="145"/>
      <c r="AL5247" s="145"/>
      <c r="AM5247" s="145"/>
      <c r="AN5247" s="145"/>
      <c r="AO5247" s="145"/>
      <c r="AP5247" s="145"/>
      <c r="AQ5247" s="145"/>
      <c r="AR5247" s="145"/>
      <c r="AS5247" s="145"/>
      <c r="AT5247" s="145"/>
      <c r="AU5247" s="145"/>
      <c r="AV5247" s="145"/>
      <c r="AW5247" s="145"/>
      <c r="AX5247" s="146"/>
      <c r="AY5247" s="146"/>
      <c r="AZ5247" s="146"/>
      <c r="BA5247" s="146"/>
      <c r="BB5247" s="107">
        <v>45884</v>
      </c>
    </row>
    <row r="5248" spans="1:54" s="8" customFormat="1" ht="13.95" customHeight="1" x14ac:dyDescent="0.25">
      <c r="A5248" s="229" t="s">
        <v>12185</v>
      </c>
      <c r="B5248" s="96" t="s">
        <v>11930</v>
      </c>
      <c r="C5248" s="93" t="s">
        <v>12186</v>
      </c>
      <c r="D5248" s="93" t="s">
        <v>12187</v>
      </c>
      <c r="E5248" s="111">
        <v>1983</v>
      </c>
      <c r="F5248" s="111">
        <v>1100</v>
      </c>
      <c r="G5248" s="93" t="s">
        <v>1</v>
      </c>
      <c r="H5248" s="111">
        <v>0</v>
      </c>
      <c r="I5248" s="111">
        <v>0</v>
      </c>
      <c r="J5248" s="111">
        <v>1</v>
      </c>
      <c r="K5248" s="111">
        <v>1</v>
      </c>
      <c r="L5248" s="111">
        <v>0</v>
      </c>
      <c r="M5248" s="111">
        <v>0</v>
      </c>
      <c r="N5248" s="111">
        <v>0</v>
      </c>
      <c r="O5248" s="111">
        <v>0</v>
      </c>
      <c r="P5248" s="111">
        <v>0</v>
      </c>
      <c r="Q5248" s="111">
        <v>0</v>
      </c>
      <c r="R5248" s="111">
        <v>0</v>
      </c>
      <c r="S5248" s="111">
        <v>0</v>
      </c>
      <c r="T5248" s="111">
        <v>0</v>
      </c>
      <c r="U5248" s="145"/>
      <c r="V5248" s="145"/>
      <c r="W5248" s="145"/>
      <c r="X5248" s="145"/>
      <c r="Y5248" s="145"/>
      <c r="Z5248" s="145"/>
      <c r="AA5248" s="145"/>
      <c r="AB5248" s="145"/>
      <c r="AC5248" s="145"/>
      <c r="AD5248" s="145"/>
      <c r="AE5248" s="145"/>
      <c r="AF5248" s="145"/>
      <c r="AG5248" s="145"/>
      <c r="AH5248" s="145"/>
      <c r="AI5248" s="145"/>
      <c r="AJ5248" s="145"/>
      <c r="AK5248" s="145"/>
      <c r="AL5248" s="145"/>
      <c r="AM5248" s="145"/>
      <c r="AN5248" s="145"/>
      <c r="AO5248" s="145"/>
      <c r="AP5248" s="145"/>
      <c r="AQ5248" s="145"/>
      <c r="AR5248" s="145"/>
      <c r="AS5248" s="145"/>
      <c r="AT5248" s="145"/>
      <c r="AU5248" s="145"/>
      <c r="AV5248" s="145"/>
      <c r="AW5248" s="145"/>
      <c r="AX5248" s="146"/>
      <c r="AY5248" s="146"/>
      <c r="AZ5248" s="146"/>
      <c r="BA5248" s="146"/>
      <c r="BB5248" s="107">
        <v>45884</v>
      </c>
    </row>
    <row r="5249" spans="1:54" s="8" customFormat="1" ht="13.95" customHeight="1" x14ac:dyDescent="0.25">
      <c r="A5249" s="229" t="s">
        <v>12188</v>
      </c>
      <c r="B5249" s="96" t="s">
        <v>11930</v>
      </c>
      <c r="C5249" s="93" t="s">
        <v>12189</v>
      </c>
      <c r="D5249" s="93" t="s">
        <v>12190</v>
      </c>
      <c r="E5249" s="111">
        <v>1983</v>
      </c>
      <c r="F5249" s="111">
        <v>1700</v>
      </c>
      <c r="G5249" s="93" t="s">
        <v>1</v>
      </c>
      <c r="H5249" s="111">
        <v>0</v>
      </c>
      <c r="I5249" s="111">
        <v>0</v>
      </c>
      <c r="J5249" s="111">
        <v>1</v>
      </c>
      <c r="K5249" s="111">
        <v>0</v>
      </c>
      <c r="L5249" s="111">
        <v>0</v>
      </c>
      <c r="M5249" s="111">
        <v>0</v>
      </c>
      <c r="N5249" s="111">
        <v>0</v>
      </c>
      <c r="O5249" s="111">
        <v>0</v>
      </c>
      <c r="P5249" s="111">
        <v>0</v>
      </c>
      <c r="Q5249" s="111">
        <v>0</v>
      </c>
      <c r="R5249" s="111">
        <v>0</v>
      </c>
      <c r="S5249" s="111">
        <v>0</v>
      </c>
      <c r="T5249" s="111">
        <v>0</v>
      </c>
      <c r="U5249" s="145"/>
      <c r="V5249" s="145"/>
      <c r="W5249" s="145"/>
      <c r="X5249" s="145"/>
      <c r="Y5249" s="145"/>
      <c r="Z5249" s="145"/>
      <c r="AA5249" s="145"/>
      <c r="AB5249" s="145"/>
      <c r="AC5249" s="145"/>
      <c r="AD5249" s="145"/>
      <c r="AE5249" s="145"/>
      <c r="AF5249" s="145"/>
      <c r="AG5249" s="145"/>
      <c r="AH5249" s="145"/>
      <c r="AI5249" s="145"/>
      <c r="AJ5249" s="145"/>
      <c r="AK5249" s="145"/>
      <c r="AL5249" s="145"/>
      <c r="AM5249" s="145"/>
      <c r="AN5249" s="145"/>
      <c r="AO5249" s="145"/>
      <c r="AP5249" s="145"/>
      <c r="AQ5249" s="145"/>
      <c r="AR5249" s="145"/>
      <c r="AS5249" s="145"/>
      <c r="AT5249" s="145"/>
      <c r="AU5249" s="145"/>
      <c r="AV5249" s="145"/>
      <c r="AW5249" s="145"/>
      <c r="AX5249" s="146"/>
      <c r="AY5249" s="146"/>
      <c r="AZ5249" s="146"/>
      <c r="BA5249" s="146"/>
      <c r="BB5249" s="107">
        <v>45884</v>
      </c>
    </row>
    <row r="5250" spans="1:54" s="8" customFormat="1" ht="13.95" customHeight="1" x14ac:dyDescent="0.25">
      <c r="A5250" s="229" t="s">
        <v>12191</v>
      </c>
      <c r="B5250" s="96" t="s">
        <v>11930</v>
      </c>
      <c r="C5250" s="93" t="s">
        <v>12192</v>
      </c>
      <c r="D5250" s="93" t="s">
        <v>12193</v>
      </c>
      <c r="E5250" s="111">
        <v>1981</v>
      </c>
      <c r="F5250" s="111">
        <v>1000</v>
      </c>
      <c r="G5250" s="93" t="s">
        <v>1</v>
      </c>
      <c r="H5250" s="111">
        <v>0</v>
      </c>
      <c r="I5250" s="111">
        <v>0</v>
      </c>
      <c r="J5250" s="111">
        <v>1</v>
      </c>
      <c r="K5250" s="111">
        <v>0</v>
      </c>
      <c r="L5250" s="111">
        <v>1</v>
      </c>
      <c r="M5250" s="111">
        <v>0</v>
      </c>
      <c r="N5250" s="111">
        <v>0</v>
      </c>
      <c r="O5250" s="111">
        <v>1</v>
      </c>
      <c r="P5250" s="111">
        <v>1</v>
      </c>
      <c r="Q5250" s="111">
        <v>0</v>
      </c>
      <c r="R5250" s="111">
        <v>0</v>
      </c>
      <c r="S5250" s="111">
        <v>0</v>
      </c>
      <c r="T5250" s="111">
        <v>0</v>
      </c>
      <c r="U5250" s="145"/>
      <c r="V5250" s="145"/>
      <c r="W5250" s="145"/>
      <c r="X5250" s="145"/>
      <c r="Y5250" s="145"/>
      <c r="Z5250" s="145"/>
      <c r="AA5250" s="145"/>
      <c r="AB5250" s="145"/>
      <c r="AC5250" s="145"/>
      <c r="AD5250" s="145"/>
      <c r="AE5250" s="145"/>
      <c r="AF5250" s="145"/>
      <c r="AG5250" s="145"/>
      <c r="AH5250" s="145"/>
      <c r="AI5250" s="145"/>
      <c r="AJ5250" s="145"/>
      <c r="AK5250" s="145"/>
      <c r="AL5250" s="145"/>
      <c r="AM5250" s="145"/>
      <c r="AN5250" s="145"/>
      <c r="AO5250" s="145"/>
      <c r="AP5250" s="145"/>
      <c r="AQ5250" s="145"/>
      <c r="AR5250" s="145"/>
      <c r="AS5250" s="145"/>
      <c r="AT5250" s="145"/>
      <c r="AU5250" s="145"/>
      <c r="AV5250" s="145"/>
      <c r="AW5250" s="145"/>
      <c r="AX5250" s="146"/>
      <c r="AY5250" s="146"/>
      <c r="AZ5250" s="146"/>
      <c r="BA5250" s="146"/>
      <c r="BB5250" s="107">
        <v>45884</v>
      </c>
    </row>
    <row r="5251" spans="1:54" s="8" customFormat="1" ht="13.95" customHeight="1" x14ac:dyDescent="0.25">
      <c r="A5251" s="229" t="s">
        <v>12194</v>
      </c>
      <c r="B5251" s="96" t="s">
        <v>11930</v>
      </c>
      <c r="C5251" s="93" t="s">
        <v>12195</v>
      </c>
      <c r="D5251" s="93" t="s">
        <v>12196</v>
      </c>
      <c r="E5251" s="111">
        <v>1983</v>
      </c>
      <c r="F5251" s="111">
        <v>300</v>
      </c>
      <c r="G5251" s="93" t="s">
        <v>1</v>
      </c>
      <c r="H5251" s="111">
        <v>0</v>
      </c>
      <c r="I5251" s="111">
        <v>0</v>
      </c>
      <c r="J5251" s="111">
        <v>1</v>
      </c>
      <c r="K5251" s="111">
        <v>0</v>
      </c>
      <c r="L5251" s="111">
        <v>1</v>
      </c>
      <c r="M5251" s="111">
        <v>0</v>
      </c>
      <c r="N5251" s="111">
        <v>0</v>
      </c>
      <c r="O5251" s="111">
        <v>0</v>
      </c>
      <c r="P5251" s="111">
        <v>1</v>
      </c>
      <c r="Q5251" s="111">
        <v>0</v>
      </c>
      <c r="R5251" s="111">
        <v>1</v>
      </c>
      <c r="S5251" s="111">
        <v>0</v>
      </c>
      <c r="T5251" s="111">
        <v>0</v>
      </c>
      <c r="U5251" s="145"/>
      <c r="V5251" s="145"/>
      <c r="W5251" s="145"/>
      <c r="X5251" s="145"/>
      <c r="Y5251" s="145"/>
      <c r="Z5251" s="145"/>
      <c r="AA5251" s="145"/>
      <c r="AB5251" s="145"/>
      <c r="AC5251" s="145"/>
      <c r="AD5251" s="145"/>
      <c r="AE5251" s="145"/>
      <c r="AF5251" s="145"/>
      <c r="AG5251" s="145"/>
      <c r="AH5251" s="145"/>
      <c r="AI5251" s="145"/>
      <c r="AJ5251" s="145"/>
      <c r="AK5251" s="145"/>
      <c r="AL5251" s="145"/>
      <c r="AM5251" s="145"/>
      <c r="AN5251" s="145"/>
      <c r="AO5251" s="145"/>
      <c r="AP5251" s="145"/>
      <c r="AQ5251" s="145"/>
      <c r="AR5251" s="145"/>
      <c r="AS5251" s="145"/>
      <c r="AT5251" s="145"/>
      <c r="AU5251" s="145"/>
      <c r="AV5251" s="145"/>
      <c r="AW5251" s="145"/>
      <c r="AX5251" s="146"/>
      <c r="AY5251" s="146"/>
      <c r="AZ5251" s="146"/>
      <c r="BA5251" s="146"/>
      <c r="BB5251" s="107">
        <v>45884</v>
      </c>
    </row>
    <row r="5252" spans="1:54" s="8" customFormat="1" ht="13.95" customHeight="1" x14ac:dyDescent="0.25">
      <c r="A5252" s="229" t="s">
        <v>12197</v>
      </c>
      <c r="B5252" s="96" t="s">
        <v>11930</v>
      </c>
      <c r="C5252" s="93" t="s">
        <v>12198</v>
      </c>
      <c r="D5252" s="93" t="s">
        <v>12199</v>
      </c>
      <c r="E5252" s="111">
        <v>1981</v>
      </c>
      <c r="F5252" s="111">
        <v>300</v>
      </c>
      <c r="G5252" s="93" t="s">
        <v>1</v>
      </c>
      <c r="H5252" s="111">
        <v>0</v>
      </c>
      <c r="I5252" s="111">
        <v>0</v>
      </c>
      <c r="J5252" s="111">
        <v>1</v>
      </c>
      <c r="K5252" s="111">
        <v>0</v>
      </c>
      <c r="L5252" s="252">
        <v>0</v>
      </c>
      <c r="M5252" s="111">
        <v>0</v>
      </c>
      <c r="N5252" s="111">
        <v>0</v>
      </c>
      <c r="O5252" s="111">
        <v>1</v>
      </c>
      <c r="P5252" s="252">
        <v>0</v>
      </c>
      <c r="Q5252" s="111">
        <v>0</v>
      </c>
      <c r="R5252" s="111">
        <v>0</v>
      </c>
      <c r="S5252" s="111">
        <v>0</v>
      </c>
      <c r="T5252" s="111">
        <v>0</v>
      </c>
      <c r="U5252" s="145"/>
      <c r="V5252" s="145"/>
      <c r="W5252" s="145"/>
      <c r="X5252" s="145"/>
      <c r="Y5252" s="145"/>
      <c r="Z5252" s="145"/>
      <c r="AA5252" s="145"/>
      <c r="AB5252" s="145"/>
      <c r="AC5252" s="145"/>
      <c r="AD5252" s="145"/>
      <c r="AE5252" s="145"/>
      <c r="AF5252" s="145"/>
      <c r="AG5252" s="145"/>
      <c r="AH5252" s="145"/>
      <c r="AI5252" s="145"/>
      <c r="AJ5252" s="145"/>
      <c r="AK5252" s="145"/>
      <c r="AL5252" s="145"/>
      <c r="AM5252" s="145"/>
      <c r="AN5252" s="145"/>
      <c r="AO5252" s="145"/>
      <c r="AP5252" s="145"/>
      <c r="AQ5252" s="145"/>
      <c r="AR5252" s="145"/>
      <c r="AS5252" s="145"/>
      <c r="AT5252" s="145"/>
      <c r="AU5252" s="145"/>
      <c r="AV5252" s="145"/>
      <c r="AW5252" s="145"/>
      <c r="AX5252" s="146"/>
      <c r="AY5252" s="146"/>
      <c r="AZ5252" s="146"/>
      <c r="BA5252" s="146"/>
      <c r="BB5252" s="107">
        <v>45884</v>
      </c>
    </row>
    <row r="5253" spans="1:54" s="8" customFormat="1" ht="13.95" customHeight="1" x14ac:dyDescent="0.25">
      <c r="A5253" s="229" t="s">
        <v>12200</v>
      </c>
      <c r="B5253" s="96" t="s">
        <v>11930</v>
      </c>
      <c r="C5253" s="93" t="s">
        <v>12201</v>
      </c>
      <c r="D5253" s="93" t="s">
        <v>12202</v>
      </c>
      <c r="E5253" s="111">
        <v>1991</v>
      </c>
      <c r="F5253" s="111">
        <v>100</v>
      </c>
      <c r="G5253" s="93" t="s">
        <v>1</v>
      </c>
      <c r="H5253" s="111">
        <v>0</v>
      </c>
      <c r="I5253" s="111">
        <v>0</v>
      </c>
      <c r="J5253" s="111">
        <v>1</v>
      </c>
      <c r="K5253" s="111">
        <v>0</v>
      </c>
      <c r="L5253" s="111">
        <v>1</v>
      </c>
      <c r="M5253" s="111">
        <v>0</v>
      </c>
      <c r="N5253" s="111">
        <v>0</v>
      </c>
      <c r="O5253" s="111">
        <v>0</v>
      </c>
      <c r="P5253" s="111">
        <v>1</v>
      </c>
      <c r="Q5253" s="111">
        <v>0</v>
      </c>
      <c r="R5253" s="111">
        <v>1</v>
      </c>
      <c r="S5253" s="111">
        <v>0</v>
      </c>
      <c r="T5253" s="111">
        <v>0</v>
      </c>
      <c r="U5253" s="145"/>
      <c r="V5253" s="145"/>
      <c r="W5253" s="145"/>
      <c r="X5253" s="145"/>
      <c r="Y5253" s="145"/>
      <c r="Z5253" s="145"/>
      <c r="AA5253" s="145"/>
      <c r="AB5253" s="145"/>
      <c r="AC5253" s="145"/>
      <c r="AD5253" s="145"/>
      <c r="AE5253" s="145"/>
      <c r="AF5253" s="145"/>
      <c r="AG5253" s="145"/>
      <c r="AH5253" s="145"/>
      <c r="AI5253" s="145"/>
      <c r="AJ5253" s="145"/>
      <c r="AK5253" s="145"/>
      <c r="AL5253" s="145"/>
      <c r="AM5253" s="145"/>
      <c r="AN5253" s="145"/>
      <c r="AO5253" s="145"/>
      <c r="AP5253" s="145"/>
      <c r="AQ5253" s="145"/>
      <c r="AR5253" s="145"/>
      <c r="AS5253" s="145"/>
      <c r="AT5253" s="145"/>
      <c r="AU5253" s="145"/>
      <c r="AV5253" s="145"/>
      <c r="AW5253" s="145"/>
      <c r="AX5253" s="146"/>
      <c r="AY5253" s="146"/>
      <c r="AZ5253" s="146"/>
      <c r="BA5253" s="146"/>
      <c r="BB5253" s="107">
        <v>45884</v>
      </c>
    </row>
    <row r="5254" spans="1:54" s="8" customFormat="1" ht="13.95" customHeight="1" x14ac:dyDescent="0.25">
      <c r="A5254" s="229" t="s">
        <v>12203</v>
      </c>
      <c r="B5254" s="96" t="s">
        <v>11930</v>
      </c>
      <c r="C5254" s="93" t="s">
        <v>12204</v>
      </c>
      <c r="D5254" s="93" t="s">
        <v>12205</v>
      </c>
      <c r="E5254" s="111">
        <v>1986</v>
      </c>
      <c r="F5254" s="111">
        <v>300</v>
      </c>
      <c r="G5254" s="93" t="s">
        <v>1</v>
      </c>
      <c r="H5254" s="111">
        <v>0</v>
      </c>
      <c r="I5254" s="111">
        <v>0</v>
      </c>
      <c r="J5254" s="111">
        <v>1</v>
      </c>
      <c r="K5254" s="111">
        <v>0</v>
      </c>
      <c r="L5254" s="252">
        <v>0</v>
      </c>
      <c r="M5254" s="111">
        <v>0</v>
      </c>
      <c r="N5254" s="111">
        <v>0</v>
      </c>
      <c r="O5254" s="252">
        <v>0</v>
      </c>
      <c r="P5254" s="111">
        <v>0</v>
      </c>
      <c r="Q5254" s="111">
        <v>0</v>
      </c>
      <c r="R5254" s="111">
        <v>0</v>
      </c>
      <c r="S5254" s="111">
        <v>0</v>
      </c>
      <c r="T5254" s="111">
        <v>0</v>
      </c>
      <c r="U5254" s="145"/>
      <c r="V5254" s="145"/>
      <c r="W5254" s="145"/>
      <c r="X5254" s="145"/>
      <c r="Y5254" s="145"/>
      <c r="Z5254" s="145"/>
      <c r="AA5254" s="145"/>
      <c r="AB5254" s="145"/>
      <c r="AC5254" s="145"/>
      <c r="AD5254" s="145"/>
      <c r="AE5254" s="145"/>
      <c r="AF5254" s="145"/>
      <c r="AG5254" s="145"/>
      <c r="AH5254" s="145"/>
      <c r="AI5254" s="145"/>
      <c r="AJ5254" s="145"/>
      <c r="AK5254" s="145"/>
      <c r="AL5254" s="145"/>
      <c r="AM5254" s="145"/>
      <c r="AN5254" s="145"/>
      <c r="AO5254" s="145"/>
      <c r="AP5254" s="145"/>
      <c r="AQ5254" s="145"/>
      <c r="AR5254" s="145"/>
      <c r="AS5254" s="145"/>
      <c r="AT5254" s="145"/>
      <c r="AU5254" s="145"/>
      <c r="AV5254" s="145"/>
      <c r="AW5254" s="145"/>
      <c r="AX5254" s="146"/>
      <c r="AY5254" s="146"/>
      <c r="AZ5254" s="146"/>
      <c r="BA5254" s="146"/>
      <c r="BB5254" s="107">
        <v>45884</v>
      </c>
    </row>
    <row r="5255" spans="1:54" s="8" customFormat="1" ht="13.95" customHeight="1" x14ac:dyDescent="0.25">
      <c r="A5255" s="229" t="s">
        <v>12206</v>
      </c>
      <c r="B5255" s="96" t="s">
        <v>11930</v>
      </c>
      <c r="C5255" s="93" t="s">
        <v>12207</v>
      </c>
      <c r="D5255" s="93" t="s">
        <v>12208</v>
      </c>
      <c r="E5255" s="111">
        <v>1975</v>
      </c>
      <c r="F5255" s="111">
        <v>1600</v>
      </c>
      <c r="G5255" s="93" t="s">
        <v>1</v>
      </c>
      <c r="H5255" s="111">
        <v>0</v>
      </c>
      <c r="I5255" s="111">
        <v>0</v>
      </c>
      <c r="J5255" s="111">
        <v>1</v>
      </c>
      <c r="K5255" s="111">
        <v>0</v>
      </c>
      <c r="L5255" s="111">
        <v>0</v>
      </c>
      <c r="M5255" s="111">
        <v>0</v>
      </c>
      <c r="N5255" s="111">
        <v>0</v>
      </c>
      <c r="O5255" s="111">
        <v>0</v>
      </c>
      <c r="P5255" s="111">
        <v>0</v>
      </c>
      <c r="Q5255" s="111">
        <v>0</v>
      </c>
      <c r="R5255" s="111">
        <v>0</v>
      </c>
      <c r="S5255" s="111">
        <v>0</v>
      </c>
      <c r="T5255" s="111">
        <v>0</v>
      </c>
      <c r="U5255" s="145"/>
      <c r="V5255" s="145"/>
      <c r="W5255" s="145"/>
      <c r="X5255" s="145"/>
      <c r="Y5255" s="145"/>
      <c r="Z5255" s="145"/>
      <c r="AA5255" s="145"/>
      <c r="AB5255" s="145"/>
      <c r="AC5255" s="145"/>
      <c r="AD5255" s="145"/>
      <c r="AE5255" s="145"/>
      <c r="AF5255" s="145"/>
      <c r="AG5255" s="145"/>
      <c r="AH5255" s="145"/>
      <c r="AI5255" s="145"/>
      <c r="AJ5255" s="145"/>
      <c r="AK5255" s="145"/>
      <c r="AL5255" s="145"/>
      <c r="AM5255" s="145"/>
      <c r="AN5255" s="145"/>
      <c r="AO5255" s="145"/>
      <c r="AP5255" s="145"/>
      <c r="AQ5255" s="145"/>
      <c r="AR5255" s="145"/>
      <c r="AS5255" s="145"/>
      <c r="AT5255" s="145"/>
      <c r="AU5255" s="145"/>
      <c r="AV5255" s="145"/>
      <c r="AW5255" s="145"/>
      <c r="AX5255" s="146"/>
      <c r="AY5255" s="146"/>
      <c r="AZ5255" s="146"/>
      <c r="BA5255" s="146"/>
      <c r="BB5255" s="107">
        <v>45884</v>
      </c>
    </row>
    <row r="5256" spans="1:54" s="8" customFormat="1" ht="13.95" customHeight="1" x14ac:dyDescent="0.25">
      <c r="A5256" s="229" t="s">
        <v>12209</v>
      </c>
      <c r="B5256" s="96" t="s">
        <v>11930</v>
      </c>
      <c r="C5256" s="93" t="s">
        <v>12210</v>
      </c>
      <c r="D5256" s="93" t="s">
        <v>24611</v>
      </c>
      <c r="E5256" s="111">
        <v>1996</v>
      </c>
      <c r="F5256" s="111">
        <v>200</v>
      </c>
      <c r="G5256" s="93" t="s">
        <v>1</v>
      </c>
      <c r="H5256" s="111">
        <v>0</v>
      </c>
      <c r="I5256" s="111">
        <v>0</v>
      </c>
      <c r="J5256" s="111">
        <v>1</v>
      </c>
      <c r="K5256" s="252">
        <v>1</v>
      </c>
      <c r="L5256" s="111">
        <v>1</v>
      </c>
      <c r="M5256" s="111">
        <v>0</v>
      </c>
      <c r="N5256" s="111">
        <v>0</v>
      </c>
      <c r="O5256" s="111">
        <v>0</v>
      </c>
      <c r="P5256" s="111">
        <v>1</v>
      </c>
      <c r="Q5256" s="111">
        <v>0</v>
      </c>
      <c r="R5256" s="111">
        <v>0</v>
      </c>
      <c r="S5256" s="111">
        <v>0</v>
      </c>
      <c r="T5256" s="111">
        <v>0</v>
      </c>
      <c r="U5256" s="145"/>
      <c r="V5256" s="145"/>
      <c r="W5256" s="145"/>
      <c r="X5256" s="145"/>
      <c r="Y5256" s="145"/>
      <c r="Z5256" s="145"/>
      <c r="AA5256" s="145"/>
      <c r="AB5256" s="145"/>
      <c r="AC5256" s="145"/>
      <c r="AD5256" s="145"/>
      <c r="AE5256" s="145"/>
      <c r="AF5256" s="145"/>
      <c r="AG5256" s="145"/>
      <c r="AH5256" s="145"/>
      <c r="AI5256" s="145"/>
      <c r="AJ5256" s="145"/>
      <c r="AK5256" s="145"/>
      <c r="AL5256" s="145"/>
      <c r="AM5256" s="145"/>
      <c r="AN5256" s="145"/>
      <c r="AO5256" s="145"/>
      <c r="AP5256" s="145"/>
      <c r="AQ5256" s="145"/>
      <c r="AR5256" s="145"/>
      <c r="AS5256" s="145"/>
      <c r="AT5256" s="145"/>
      <c r="AU5256" s="145"/>
      <c r="AV5256" s="145"/>
      <c r="AW5256" s="145"/>
      <c r="AX5256" s="146"/>
      <c r="AY5256" s="146"/>
      <c r="AZ5256" s="146"/>
      <c r="BA5256" s="146"/>
      <c r="BB5256" s="107">
        <v>45884</v>
      </c>
    </row>
    <row r="5257" spans="1:54" s="8" customFormat="1" ht="13.95" customHeight="1" x14ac:dyDescent="0.25">
      <c r="A5257" s="229" t="s">
        <v>12211</v>
      </c>
      <c r="B5257" s="96" t="s">
        <v>11930</v>
      </c>
      <c r="C5257" s="93" t="s">
        <v>12212</v>
      </c>
      <c r="D5257" s="93" t="s">
        <v>24612</v>
      </c>
      <c r="E5257" s="111">
        <v>2010</v>
      </c>
      <c r="F5257" s="111">
        <v>400</v>
      </c>
      <c r="G5257" s="93" t="s">
        <v>1</v>
      </c>
      <c r="H5257" s="111">
        <v>0</v>
      </c>
      <c r="I5257" s="111">
        <v>0</v>
      </c>
      <c r="J5257" s="111">
        <v>1</v>
      </c>
      <c r="K5257" s="252">
        <v>1</v>
      </c>
      <c r="L5257" s="111">
        <v>1</v>
      </c>
      <c r="M5257" s="111">
        <v>0</v>
      </c>
      <c r="N5257" s="111">
        <v>0</v>
      </c>
      <c r="O5257" s="111">
        <v>0</v>
      </c>
      <c r="P5257" s="111">
        <v>1</v>
      </c>
      <c r="Q5257" s="111">
        <v>0</v>
      </c>
      <c r="R5257" s="111">
        <v>0</v>
      </c>
      <c r="S5257" s="111">
        <v>0</v>
      </c>
      <c r="T5257" s="111">
        <v>0</v>
      </c>
      <c r="U5257" s="145"/>
      <c r="V5257" s="145"/>
      <c r="W5257" s="145"/>
      <c r="X5257" s="145"/>
      <c r="Y5257" s="145"/>
      <c r="Z5257" s="145"/>
      <c r="AA5257" s="145"/>
      <c r="AB5257" s="145"/>
      <c r="AC5257" s="145"/>
      <c r="AD5257" s="145"/>
      <c r="AE5257" s="145"/>
      <c r="AF5257" s="145"/>
      <c r="AG5257" s="145"/>
      <c r="AH5257" s="145"/>
      <c r="AI5257" s="145"/>
      <c r="AJ5257" s="145"/>
      <c r="AK5257" s="145"/>
      <c r="AL5257" s="145"/>
      <c r="AM5257" s="145"/>
      <c r="AN5257" s="145"/>
      <c r="AO5257" s="145"/>
      <c r="AP5257" s="145"/>
      <c r="AQ5257" s="145"/>
      <c r="AR5257" s="145"/>
      <c r="AS5257" s="145"/>
      <c r="AT5257" s="145"/>
      <c r="AU5257" s="145"/>
      <c r="AV5257" s="145"/>
      <c r="AW5257" s="145"/>
      <c r="AX5257" s="146"/>
      <c r="AY5257" s="146"/>
      <c r="AZ5257" s="146"/>
      <c r="BA5257" s="146"/>
      <c r="BB5257" s="107">
        <v>45884</v>
      </c>
    </row>
    <row r="5258" spans="1:54" s="8" customFormat="1" ht="13.95" customHeight="1" x14ac:dyDescent="0.25">
      <c r="A5258" s="229" t="s">
        <v>12213</v>
      </c>
      <c r="B5258" s="96" t="s">
        <v>11930</v>
      </c>
      <c r="C5258" s="93" t="s">
        <v>12214</v>
      </c>
      <c r="D5258" s="93" t="s">
        <v>12215</v>
      </c>
      <c r="E5258" s="111">
        <v>1979</v>
      </c>
      <c r="F5258" s="111">
        <v>1600</v>
      </c>
      <c r="G5258" s="93" t="s">
        <v>1</v>
      </c>
      <c r="H5258" s="111">
        <v>0</v>
      </c>
      <c r="I5258" s="111">
        <v>0</v>
      </c>
      <c r="J5258" s="111">
        <v>1</v>
      </c>
      <c r="K5258" s="111">
        <v>0</v>
      </c>
      <c r="L5258" s="111">
        <v>1</v>
      </c>
      <c r="M5258" s="111">
        <v>0</v>
      </c>
      <c r="N5258" s="111">
        <v>0</v>
      </c>
      <c r="O5258" s="111">
        <v>0</v>
      </c>
      <c r="P5258" s="111">
        <v>1</v>
      </c>
      <c r="Q5258" s="111">
        <v>0</v>
      </c>
      <c r="R5258" s="111">
        <v>0</v>
      </c>
      <c r="S5258" s="111">
        <v>0</v>
      </c>
      <c r="T5258" s="111">
        <v>0</v>
      </c>
      <c r="U5258" s="145"/>
      <c r="V5258" s="145"/>
      <c r="W5258" s="145"/>
      <c r="X5258" s="145"/>
      <c r="Y5258" s="145"/>
      <c r="Z5258" s="145"/>
      <c r="AA5258" s="145"/>
      <c r="AB5258" s="145"/>
      <c r="AC5258" s="145"/>
      <c r="AD5258" s="145"/>
      <c r="AE5258" s="145"/>
      <c r="AF5258" s="145"/>
      <c r="AG5258" s="145"/>
      <c r="AH5258" s="145"/>
      <c r="AI5258" s="145"/>
      <c r="AJ5258" s="145"/>
      <c r="AK5258" s="145"/>
      <c r="AL5258" s="145"/>
      <c r="AM5258" s="145"/>
      <c r="AN5258" s="145"/>
      <c r="AO5258" s="145"/>
      <c r="AP5258" s="145"/>
      <c r="AQ5258" s="145"/>
      <c r="AR5258" s="145"/>
      <c r="AS5258" s="145"/>
      <c r="AT5258" s="145"/>
      <c r="AU5258" s="145"/>
      <c r="AV5258" s="145"/>
      <c r="AW5258" s="145"/>
      <c r="AX5258" s="146"/>
      <c r="AY5258" s="146"/>
      <c r="AZ5258" s="146"/>
      <c r="BA5258" s="146"/>
      <c r="BB5258" s="107">
        <v>45884</v>
      </c>
    </row>
    <row r="5259" spans="1:54" s="8" customFormat="1" ht="13.95" customHeight="1" x14ac:dyDescent="0.25">
      <c r="A5259" s="229" t="s">
        <v>12216</v>
      </c>
      <c r="B5259" s="96" t="s">
        <v>11930</v>
      </c>
      <c r="C5259" s="93" t="s">
        <v>12217</v>
      </c>
      <c r="D5259" s="93" t="s">
        <v>12218</v>
      </c>
      <c r="E5259" s="111">
        <v>1973</v>
      </c>
      <c r="F5259" s="111">
        <v>500</v>
      </c>
      <c r="G5259" s="93" t="s">
        <v>1</v>
      </c>
      <c r="H5259" s="111">
        <v>0</v>
      </c>
      <c r="I5259" s="111">
        <v>0</v>
      </c>
      <c r="J5259" s="111">
        <v>1</v>
      </c>
      <c r="K5259" s="111">
        <v>0</v>
      </c>
      <c r="L5259" s="111">
        <v>0</v>
      </c>
      <c r="M5259" s="111">
        <v>0</v>
      </c>
      <c r="N5259" s="111">
        <v>0</v>
      </c>
      <c r="O5259" s="111">
        <v>1</v>
      </c>
      <c r="P5259" s="111">
        <v>1</v>
      </c>
      <c r="Q5259" s="111">
        <v>0</v>
      </c>
      <c r="R5259" s="111">
        <v>1</v>
      </c>
      <c r="S5259" s="111">
        <v>1</v>
      </c>
      <c r="T5259" s="111">
        <v>0</v>
      </c>
      <c r="U5259" s="145"/>
      <c r="V5259" s="145"/>
      <c r="W5259" s="145"/>
      <c r="X5259" s="145"/>
      <c r="Y5259" s="145"/>
      <c r="Z5259" s="145"/>
      <c r="AA5259" s="145"/>
      <c r="AB5259" s="145"/>
      <c r="AC5259" s="145"/>
      <c r="AD5259" s="145"/>
      <c r="AE5259" s="145"/>
      <c r="AF5259" s="145"/>
      <c r="AG5259" s="145"/>
      <c r="AH5259" s="145"/>
      <c r="AI5259" s="145"/>
      <c r="AJ5259" s="145"/>
      <c r="AK5259" s="145"/>
      <c r="AL5259" s="145"/>
      <c r="AM5259" s="145"/>
      <c r="AN5259" s="145"/>
      <c r="AO5259" s="145"/>
      <c r="AP5259" s="145"/>
      <c r="AQ5259" s="145"/>
      <c r="AR5259" s="145"/>
      <c r="AS5259" s="145"/>
      <c r="AT5259" s="145"/>
      <c r="AU5259" s="145"/>
      <c r="AV5259" s="145"/>
      <c r="AW5259" s="145"/>
      <c r="AX5259" s="146"/>
      <c r="AY5259" s="146"/>
      <c r="AZ5259" s="146"/>
      <c r="BA5259" s="146"/>
      <c r="BB5259" s="107">
        <v>45884</v>
      </c>
    </row>
    <row r="5260" spans="1:54" s="8" customFormat="1" ht="13.95" customHeight="1" x14ac:dyDescent="0.25">
      <c r="A5260" s="229" t="s">
        <v>12219</v>
      </c>
      <c r="B5260" s="96" t="s">
        <v>11930</v>
      </c>
      <c r="C5260" s="93" t="s">
        <v>12220</v>
      </c>
      <c r="D5260" s="93" t="s">
        <v>12221</v>
      </c>
      <c r="E5260" s="111">
        <v>1976</v>
      </c>
      <c r="F5260" s="111">
        <v>300</v>
      </c>
      <c r="G5260" s="93" t="s">
        <v>1</v>
      </c>
      <c r="H5260" s="111">
        <v>0</v>
      </c>
      <c r="I5260" s="111">
        <v>0</v>
      </c>
      <c r="J5260" s="111">
        <v>1</v>
      </c>
      <c r="K5260" s="111">
        <v>0</v>
      </c>
      <c r="L5260" s="111">
        <v>1</v>
      </c>
      <c r="M5260" s="111">
        <v>0</v>
      </c>
      <c r="N5260" s="111">
        <v>0</v>
      </c>
      <c r="O5260" s="111">
        <v>1</v>
      </c>
      <c r="P5260" s="111">
        <v>0</v>
      </c>
      <c r="Q5260" s="111">
        <v>0</v>
      </c>
      <c r="R5260" s="111">
        <v>0</v>
      </c>
      <c r="S5260" s="111">
        <v>0</v>
      </c>
      <c r="T5260" s="111">
        <v>0</v>
      </c>
      <c r="U5260" s="145"/>
      <c r="V5260" s="145"/>
      <c r="W5260" s="145"/>
      <c r="X5260" s="145"/>
      <c r="Y5260" s="145"/>
      <c r="Z5260" s="145"/>
      <c r="AA5260" s="145"/>
      <c r="AB5260" s="145"/>
      <c r="AC5260" s="145"/>
      <c r="AD5260" s="145"/>
      <c r="AE5260" s="145"/>
      <c r="AF5260" s="145"/>
      <c r="AG5260" s="145"/>
      <c r="AH5260" s="145"/>
      <c r="AI5260" s="145"/>
      <c r="AJ5260" s="145"/>
      <c r="AK5260" s="145"/>
      <c r="AL5260" s="145"/>
      <c r="AM5260" s="145"/>
      <c r="AN5260" s="145"/>
      <c r="AO5260" s="145"/>
      <c r="AP5260" s="145"/>
      <c r="AQ5260" s="145"/>
      <c r="AR5260" s="145"/>
      <c r="AS5260" s="145"/>
      <c r="AT5260" s="145"/>
      <c r="AU5260" s="145"/>
      <c r="AV5260" s="145"/>
      <c r="AW5260" s="145"/>
      <c r="AX5260" s="146"/>
      <c r="AY5260" s="146"/>
      <c r="AZ5260" s="146"/>
      <c r="BA5260" s="146"/>
      <c r="BB5260" s="107">
        <v>45884</v>
      </c>
    </row>
    <row r="5261" spans="1:54" s="8" customFormat="1" ht="13.95" customHeight="1" x14ac:dyDescent="0.25">
      <c r="A5261" s="229" t="s">
        <v>12222</v>
      </c>
      <c r="B5261" s="96" t="s">
        <v>11930</v>
      </c>
      <c r="C5261" s="93" t="s">
        <v>12223</v>
      </c>
      <c r="D5261" s="93" t="s">
        <v>12224</v>
      </c>
      <c r="E5261" s="111">
        <v>1979</v>
      </c>
      <c r="F5261" s="111">
        <v>400</v>
      </c>
      <c r="G5261" s="93" t="s">
        <v>1</v>
      </c>
      <c r="H5261" s="111">
        <v>0</v>
      </c>
      <c r="I5261" s="111">
        <v>0</v>
      </c>
      <c r="J5261" s="111">
        <v>1</v>
      </c>
      <c r="K5261" s="111">
        <v>0</v>
      </c>
      <c r="L5261" s="111">
        <v>0</v>
      </c>
      <c r="M5261" s="111">
        <v>1</v>
      </c>
      <c r="N5261" s="111">
        <v>0</v>
      </c>
      <c r="O5261" s="111">
        <v>0</v>
      </c>
      <c r="P5261" s="111">
        <v>1</v>
      </c>
      <c r="Q5261" s="111">
        <v>0</v>
      </c>
      <c r="R5261" s="111">
        <v>0</v>
      </c>
      <c r="S5261" s="111">
        <v>0</v>
      </c>
      <c r="T5261" s="111">
        <v>0</v>
      </c>
      <c r="U5261" s="145"/>
      <c r="V5261" s="145"/>
      <c r="W5261" s="145"/>
      <c r="X5261" s="145"/>
      <c r="Y5261" s="145"/>
      <c r="Z5261" s="145"/>
      <c r="AA5261" s="145"/>
      <c r="AB5261" s="145"/>
      <c r="AC5261" s="145"/>
      <c r="AD5261" s="145"/>
      <c r="AE5261" s="145"/>
      <c r="AF5261" s="145"/>
      <c r="AG5261" s="145"/>
      <c r="AH5261" s="145"/>
      <c r="AI5261" s="145"/>
      <c r="AJ5261" s="145"/>
      <c r="AK5261" s="145"/>
      <c r="AL5261" s="145"/>
      <c r="AM5261" s="145"/>
      <c r="AN5261" s="145"/>
      <c r="AO5261" s="145"/>
      <c r="AP5261" s="145"/>
      <c r="AQ5261" s="145"/>
      <c r="AR5261" s="145"/>
      <c r="AS5261" s="145"/>
      <c r="AT5261" s="145"/>
      <c r="AU5261" s="145"/>
      <c r="AV5261" s="145"/>
      <c r="AW5261" s="145"/>
      <c r="AX5261" s="146"/>
      <c r="AY5261" s="146"/>
      <c r="AZ5261" s="146"/>
      <c r="BA5261" s="146"/>
      <c r="BB5261" s="107">
        <v>45884</v>
      </c>
    </row>
    <row r="5262" spans="1:54" s="8" customFormat="1" ht="13.95" customHeight="1" x14ac:dyDescent="0.25">
      <c r="A5262" s="229" t="s">
        <v>12225</v>
      </c>
      <c r="B5262" s="96" t="s">
        <v>11930</v>
      </c>
      <c r="C5262" s="93" t="s">
        <v>12226</v>
      </c>
      <c r="D5262" s="93" t="s">
        <v>12227</v>
      </c>
      <c r="E5262" s="111">
        <v>1979</v>
      </c>
      <c r="F5262" s="111">
        <v>400</v>
      </c>
      <c r="G5262" s="93" t="s">
        <v>1</v>
      </c>
      <c r="H5262" s="111">
        <v>0</v>
      </c>
      <c r="I5262" s="111">
        <v>0</v>
      </c>
      <c r="J5262" s="111">
        <v>1</v>
      </c>
      <c r="K5262" s="111">
        <v>0</v>
      </c>
      <c r="L5262" s="111">
        <v>1</v>
      </c>
      <c r="M5262" s="111">
        <v>0</v>
      </c>
      <c r="N5262" s="111">
        <v>0</v>
      </c>
      <c r="O5262" s="111">
        <v>0</v>
      </c>
      <c r="P5262" s="111">
        <v>0</v>
      </c>
      <c r="Q5262" s="111">
        <v>0</v>
      </c>
      <c r="R5262" s="111">
        <v>0</v>
      </c>
      <c r="S5262" s="111">
        <v>1</v>
      </c>
      <c r="T5262" s="111">
        <v>0</v>
      </c>
      <c r="U5262" s="145"/>
      <c r="V5262" s="145"/>
      <c r="W5262" s="145"/>
      <c r="X5262" s="145"/>
      <c r="Y5262" s="145"/>
      <c r="Z5262" s="145"/>
      <c r="AA5262" s="145"/>
      <c r="AB5262" s="145"/>
      <c r="AC5262" s="145"/>
      <c r="AD5262" s="145"/>
      <c r="AE5262" s="145"/>
      <c r="AF5262" s="145"/>
      <c r="AG5262" s="145"/>
      <c r="AH5262" s="145"/>
      <c r="AI5262" s="145"/>
      <c r="AJ5262" s="145"/>
      <c r="AK5262" s="145"/>
      <c r="AL5262" s="145"/>
      <c r="AM5262" s="145"/>
      <c r="AN5262" s="145"/>
      <c r="AO5262" s="145"/>
      <c r="AP5262" s="145"/>
      <c r="AQ5262" s="145"/>
      <c r="AR5262" s="145"/>
      <c r="AS5262" s="145"/>
      <c r="AT5262" s="145"/>
      <c r="AU5262" s="145"/>
      <c r="AV5262" s="145"/>
      <c r="AW5262" s="145"/>
      <c r="AX5262" s="146"/>
      <c r="AY5262" s="146"/>
      <c r="AZ5262" s="146"/>
      <c r="BA5262" s="146"/>
      <c r="BB5262" s="107">
        <v>45884</v>
      </c>
    </row>
    <row r="5263" spans="1:54" s="8" customFormat="1" ht="13.95" customHeight="1" x14ac:dyDescent="0.25">
      <c r="A5263" s="229" t="s">
        <v>12228</v>
      </c>
      <c r="B5263" s="96" t="s">
        <v>11930</v>
      </c>
      <c r="C5263" s="93" t="s">
        <v>12229</v>
      </c>
      <c r="D5263" s="93" t="s">
        <v>12230</v>
      </c>
      <c r="E5263" s="111">
        <v>1963</v>
      </c>
      <c r="F5263" s="111">
        <v>900</v>
      </c>
      <c r="G5263" s="93" t="s">
        <v>1</v>
      </c>
      <c r="H5263" s="111">
        <v>1</v>
      </c>
      <c r="I5263" s="111">
        <v>0</v>
      </c>
      <c r="J5263" s="111">
        <v>1</v>
      </c>
      <c r="K5263" s="111">
        <v>0</v>
      </c>
      <c r="L5263" s="111">
        <v>0</v>
      </c>
      <c r="M5263" s="111">
        <v>0</v>
      </c>
      <c r="N5263" s="111">
        <v>0</v>
      </c>
      <c r="O5263" s="111">
        <v>1</v>
      </c>
      <c r="P5263" s="111">
        <v>1</v>
      </c>
      <c r="Q5263" s="111">
        <v>0</v>
      </c>
      <c r="R5263" s="111">
        <v>1</v>
      </c>
      <c r="S5263" s="111">
        <v>0</v>
      </c>
      <c r="T5263" s="111">
        <v>0</v>
      </c>
      <c r="U5263" s="145"/>
      <c r="V5263" s="145"/>
      <c r="W5263" s="145"/>
      <c r="X5263" s="145"/>
      <c r="Y5263" s="145"/>
      <c r="Z5263" s="145"/>
      <c r="AA5263" s="145"/>
      <c r="AB5263" s="145"/>
      <c r="AC5263" s="145"/>
      <c r="AD5263" s="145"/>
      <c r="AE5263" s="145"/>
      <c r="AF5263" s="145"/>
      <c r="AG5263" s="145"/>
      <c r="AH5263" s="145"/>
      <c r="AI5263" s="145"/>
      <c r="AJ5263" s="145"/>
      <c r="AK5263" s="145"/>
      <c r="AL5263" s="145"/>
      <c r="AM5263" s="145"/>
      <c r="AN5263" s="145"/>
      <c r="AO5263" s="145"/>
      <c r="AP5263" s="145"/>
      <c r="AQ5263" s="145"/>
      <c r="AR5263" s="145"/>
      <c r="AS5263" s="145"/>
      <c r="AT5263" s="145"/>
      <c r="AU5263" s="145"/>
      <c r="AV5263" s="145"/>
      <c r="AW5263" s="145"/>
      <c r="AX5263" s="146"/>
      <c r="AY5263" s="146"/>
      <c r="AZ5263" s="146"/>
      <c r="BA5263" s="146"/>
      <c r="BB5263" s="107">
        <v>45884</v>
      </c>
    </row>
    <row r="5264" spans="1:54" s="8" customFormat="1" ht="13.95" customHeight="1" x14ac:dyDescent="0.25">
      <c r="A5264" s="229" t="s">
        <v>12231</v>
      </c>
      <c r="B5264" s="96" t="s">
        <v>11930</v>
      </c>
      <c r="C5264" s="93" t="s">
        <v>12232</v>
      </c>
      <c r="D5264" s="93" t="s">
        <v>12233</v>
      </c>
      <c r="E5264" s="111">
        <v>1991</v>
      </c>
      <c r="F5264" s="111">
        <v>200</v>
      </c>
      <c r="G5264" s="93" t="s">
        <v>1</v>
      </c>
      <c r="H5264" s="111">
        <v>0</v>
      </c>
      <c r="I5264" s="111">
        <v>0</v>
      </c>
      <c r="J5264" s="111">
        <v>1</v>
      </c>
      <c r="K5264" s="252">
        <v>0</v>
      </c>
      <c r="L5264" s="111">
        <v>1</v>
      </c>
      <c r="M5264" s="111">
        <v>0</v>
      </c>
      <c r="N5264" s="111">
        <v>0</v>
      </c>
      <c r="O5264" s="111">
        <v>0</v>
      </c>
      <c r="P5264" s="111">
        <v>1</v>
      </c>
      <c r="Q5264" s="111">
        <v>0</v>
      </c>
      <c r="R5264" s="111">
        <v>0</v>
      </c>
      <c r="S5264" s="111">
        <v>0</v>
      </c>
      <c r="T5264" s="111">
        <v>0</v>
      </c>
      <c r="U5264" s="145"/>
      <c r="V5264" s="145"/>
      <c r="W5264" s="145"/>
      <c r="X5264" s="145"/>
      <c r="Y5264" s="145"/>
      <c r="Z5264" s="145"/>
      <c r="AA5264" s="145"/>
      <c r="AB5264" s="145"/>
      <c r="AC5264" s="145"/>
      <c r="AD5264" s="145"/>
      <c r="AE5264" s="145"/>
      <c r="AF5264" s="145"/>
      <c r="AG5264" s="145"/>
      <c r="AH5264" s="145"/>
      <c r="AI5264" s="145"/>
      <c r="AJ5264" s="145"/>
      <c r="AK5264" s="145"/>
      <c r="AL5264" s="145"/>
      <c r="AM5264" s="145"/>
      <c r="AN5264" s="145"/>
      <c r="AO5264" s="145"/>
      <c r="AP5264" s="145"/>
      <c r="AQ5264" s="145"/>
      <c r="AR5264" s="145"/>
      <c r="AS5264" s="145"/>
      <c r="AT5264" s="145"/>
      <c r="AU5264" s="145"/>
      <c r="AV5264" s="145"/>
      <c r="AW5264" s="145"/>
      <c r="AX5264" s="146"/>
      <c r="AY5264" s="146"/>
      <c r="AZ5264" s="146"/>
      <c r="BA5264" s="146"/>
      <c r="BB5264" s="107">
        <v>45884</v>
      </c>
    </row>
    <row r="5265" spans="1:54" s="8" customFormat="1" ht="13.95" customHeight="1" x14ac:dyDescent="0.25">
      <c r="A5265" s="229" t="s">
        <v>12234</v>
      </c>
      <c r="B5265" s="96" t="s">
        <v>11930</v>
      </c>
      <c r="C5265" s="93" t="s">
        <v>12235</v>
      </c>
      <c r="D5265" s="93" t="s">
        <v>12236</v>
      </c>
      <c r="E5265" s="111">
        <v>1971</v>
      </c>
      <c r="F5265" s="111">
        <v>800</v>
      </c>
      <c r="G5265" s="93" t="s">
        <v>1</v>
      </c>
      <c r="H5265" s="111">
        <v>0</v>
      </c>
      <c r="I5265" s="111">
        <v>0</v>
      </c>
      <c r="J5265" s="111">
        <v>1</v>
      </c>
      <c r="K5265" s="252">
        <v>1</v>
      </c>
      <c r="L5265" s="111">
        <v>1</v>
      </c>
      <c r="M5265" s="111">
        <v>0</v>
      </c>
      <c r="N5265" s="111">
        <v>0</v>
      </c>
      <c r="O5265" s="111">
        <v>1</v>
      </c>
      <c r="P5265" s="111">
        <v>1</v>
      </c>
      <c r="Q5265" s="111">
        <v>0</v>
      </c>
      <c r="R5265" s="111">
        <v>1</v>
      </c>
      <c r="S5265" s="111">
        <v>0</v>
      </c>
      <c r="T5265" s="111">
        <v>0</v>
      </c>
      <c r="U5265" s="145"/>
      <c r="V5265" s="145"/>
      <c r="W5265" s="145"/>
      <c r="X5265" s="145"/>
      <c r="Y5265" s="145"/>
      <c r="Z5265" s="145"/>
      <c r="AA5265" s="145"/>
      <c r="AB5265" s="145"/>
      <c r="AC5265" s="145"/>
      <c r="AD5265" s="145"/>
      <c r="AE5265" s="145"/>
      <c r="AF5265" s="145"/>
      <c r="AG5265" s="145"/>
      <c r="AH5265" s="145"/>
      <c r="AI5265" s="145"/>
      <c r="AJ5265" s="145"/>
      <c r="AK5265" s="145"/>
      <c r="AL5265" s="145"/>
      <c r="AM5265" s="145"/>
      <c r="AN5265" s="145"/>
      <c r="AO5265" s="145"/>
      <c r="AP5265" s="145"/>
      <c r="AQ5265" s="145"/>
      <c r="AR5265" s="145"/>
      <c r="AS5265" s="145"/>
      <c r="AT5265" s="145"/>
      <c r="AU5265" s="145"/>
      <c r="AV5265" s="145"/>
      <c r="AW5265" s="145"/>
      <c r="AX5265" s="146"/>
      <c r="AY5265" s="146"/>
      <c r="AZ5265" s="146"/>
      <c r="BA5265" s="146"/>
      <c r="BB5265" s="107">
        <v>45884</v>
      </c>
    </row>
    <row r="5266" spans="1:54" s="8" customFormat="1" ht="13.95" customHeight="1" x14ac:dyDescent="0.25">
      <c r="A5266" s="229" t="s">
        <v>12237</v>
      </c>
      <c r="B5266" s="96" t="s">
        <v>11930</v>
      </c>
      <c r="C5266" s="93" t="s">
        <v>12238</v>
      </c>
      <c r="D5266" s="93" t="s">
        <v>12239</v>
      </c>
      <c r="E5266" s="111">
        <v>1995</v>
      </c>
      <c r="F5266" s="111">
        <v>400</v>
      </c>
      <c r="G5266" s="93" t="s">
        <v>1</v>
      </c>
      <c r="H5266" s="111">
        <v>0</v>
      </c>
      <c r="I5266" s="111">
        <v>0</v>
      </c>
      <c r="J5266" s="111">
        <v>1</v>
      </c>
      <c r="K5266" s="252">
        <v>1</v>
      </c>
      <c r="L5266" s="111">
        <v>1</v>
      </c>
      <c r="M5266" s="111">
        <v>0</v>
      </c>
      <c r="N5266" s="111">
        <v>0</v>
      </c>
      <c r="O5266" s="111">
        <v>0</v>
      </c>
      <c r="P5266" s="111">
        <v>1</v>
      </c>
      <c r="Q5266" s="111">
        <v>0</v>
      </c>
      <c r="R5266" s="111">
        <v>1</v>
      </c>
      <c r="S5266" s="111">
        <v>0</v>
      </c>
      <c r="T5266" s="111">
        <v>0</v>
      </c>
      <c r="U5266" s="145"/>
      <c r="V5266" s="145"/>
      <c r="W5266" s="145"/>
      <c r="X5266" s="145"/>
      <c r="Y5266" s="145"/>
      <c r="Z5266" s="145"/>
      <c r="AA5266" s="145"/>
      <c r="AB5266" s="145"/>
      <c r="AC5266" s="145"/>
      <c r="AD5266" s="145"/>
      <c r="AE5266" s="145"/>
      <c r="AF5266" s="145"/>
      <c r="AG5266" s="145"/>
      <c r="AH5266" s="145"/>
      <c r="AI5266" s="145"/>
      <c r="AJ5266" s="145"/>
      <c r="AK5266" s="145"/>
      <c r="AL5266" s="145"/>
      <c r="AM5266" s="145"/>
      <c r="AN5266" s="145"/>
      <c r="AO5266" s="145"/>
      <c r="AP5266" s="145"/>
      <c r="AQ5266" s="145"/>
      <c r="AR5266" s="145"/>
      <c r="AS5266" s="145"/>
      <c r="AT5266" s="145"/>
      <c r="AU5266" s="145"/>
      <c r="AV5266" s="145"/>
      <c r="AW5266" s="145"/>
      <c r="AX5266" s="146"/>
      <c r="AY5266" s="146"/>
      <c r="AZ5266" s="146"/>
      <c r="BA5266" s="146"/>
      <c r="BB5266" s="107">
        <v>45884</v>
      </c>
    </row>
    <row r="5267" spans="1:54" s="8" customFormat="1" ht="13.95" customHeight="1" x14ac:dyDescent="0.25">
      <c r="A5267" s="229" t="s">
        <v>12240</v>
      </c>
      <c r="B5267" s="96" t="s">
        <v>11930</v>
      </c>
      <c r="C5267" s="93" t="s">
        <v>12241</v>
      </c>
      <c r="D5267" s="93" t="s">
        <v>12242</v>
      </c>
      <c r="E5267" s="111">
        <v>2003</v>
      </c>
      <c r="F5267" s="111">
        <v>200</v>
      </c>
      <c r="G5267" s="93" t="s">
        <v>1</v>
      </c>
      <c r="H5267" s="111">
        <v>0</v>
      </c>
      <c r="I5267" s="111">
        <v>0</v>
      </c>
      <c r="J5267" s="111">
        <v>1</v>
      </c>
      <c r="K5267" s="252">
        <v>1</v>
      </c>
      <c r="L5267" s="111">
        <v>1</v>
      </c>
      <c r="M5267" s="111">
        <v>0</v>
      </c>
      <c r="N5267" s="111">
        <v>0</v>
      </c>
      <c r="O5267" s="111">
        <v>0</v>
      </c>
      <c r="P5267" s="111">
        <v>1</v>
      </c>
      <c r="Q5267" s="111">
        <v>0</v>
      </c>
      <c r="R5267" s="111">
        <v>0</v>
      </c>
      <c r="S5267" s="111">
        <v>0</v>
      </c>
      <c r="T5267" s="111">
        <v>0</v>
      </c>
      <c r="U5267" s="145"/>
      <c r="V5267" s="145"/>
      <c r="W5267" s="145"/>
      <c r="X5267" s="145"/>
      <c r="Y5267" s="145"/>
      <c r="Z5267" s="145"/>
      <c r="AA5267" s="145"/>
      <c r="AB5267" s="145"/>
      <c r="AC5267" s="145"/>
      <c r="AD5267" s="145"/>
      <c r="AE5267" s="145"/>
      <c r="AF5267" s="145"/>
      <c r="AG5267" s="145"/>
      <c r="AH5267" s="145"/>
      <c r="AI5267" s="145"/>
      <c r="AJ5267" s="145"/>
      <c r="AK5267" s="145"/>
      <c r="AL5267" s="145"/>
      <c r="AM5267" s="145"/>
      <c r="AN5267" s="145"/>
      <c r="AO5267" s="145"/>
      <c r="AP5267" s="145"/>
      <c r="AQ5267" s="145"/>
      <c r="AR5267" s="145"/>
      <c r="AS5267" s="145"/>
      <c r="AT5267" s="145"/>
      <c r="AU5267" s="145"/>
      <c r="AV5267" s="145"/>
      <c r="AW5267" s="145"/>
      <c r="AX5267" s="146"/>
      <c r="AY5267" s="146"/>
      <c r="AZ5267" s="146"/>
      <c r="BA5267" s="146"/>
      <c r="BB5267" s="107">
        <v>45884</v>
      </c>
    </row>
    <row r="5268" spans="1:54" s="8" customFormat="1" ht="13.95" customHeight="1" x14ac:dyDescent="0.25">
      <c r="A5268" s="229" t="s">
        <v>12243</v>
      </c>
      <c r="B5268" s="96" t="s">
        <v>11930</v>
      </c>
      <c r="C5268" s="93" t="s">
        <v>12244</v>
      </c>
      <c r="D5268" s="93" t="s">
        <v>12245</v>
      </c>
      <c r="E5268" s="111">
        <v>2001</v>
      </c>
      <c r="F5268" s="111">
        <v>2000</v>
      </c>
      <c r="G5268" s="93" t="s">
        <v>1</v>
      </c>
      <c r="H5268" s="111">
        <v>1</v>
      </c>
      <c r="I5268" s="111">
        <v>0</v>
      </c>
      <c r="J5268" s="111">
        <v>1</v>
      </c>
      <c r="K5268" s="111">
        <v>1</v>
      </c>
      <c r="L5268" s="111">
        <v>1</v>
      </c>
      <c r="M5268" s="111">
        <v>0</v>
      </c>
      <c r="N5268" s="111">
        <v>0</v>
      </c>
      <c r="O5268" s="111">
        <v>1</v>
      </c>
      <c r="P5268" s="111">
        <v>0</v>
      </c>
      <c r="Q5268" s="111">
        <v>0</v>
      </c>
      <c r="R5268" s="111">
        <v>0</v>
      </c>
      <c r="S5268" s="111">
        <v>0</v>
      </c>
      <c r="T5268" s="111">
        <v>0</v>
      </c>
      <c r="U5268" s="145"/>
      <c r="V5268" s="145"/>
      <c r="W5268" s="145"/>
      <c r="X5268" s="145"/>
      <c r="Y5268" s="145"/>
      <c r="Z5268" s="145"/>
      <c r="AA5268" s="145"/>
      <c r="AB5268" s="145"/>
      <c r="AC5268" s="145"/>
      <c r="AD5268" s="145"/>
      <c r="AE5268" s="145"/>
      <c r="AF5268" s="145"/>
      <c r="AG5268" s="145"/>
      <c r="AH5268" s="145"/>
      <c r="AI5268" s="145"/>
      <c r="AJ5268" s="145"/>
      <c r="AK5268" s="145"/>
      <c r="AL5268" s="145"/>
      <c r="AM5268" s="145"/>
      <c r="AN5268" s="145"/>
      <c r="AO5268" s="145"/>
      <c r="AP5268" s="145"/>
      <c r="AQ5268" s="145"/>
      <c r="AR5268" s="145"/>
      <c r="AS5268" s="145"/>
      <c r="AT5268" s="145"/>
      <c r="AU5268" s="145"/>
      <c r="AV5268" s="145"/>
      <c r="AW5268" s="145"/>
      <c r="AX5268" s="146"/>
      <c r="AY5268" s="146"/>
      <c r="AZ5268" s="146"/>
      <c r="BA5268" s="146"/>
      <c r="BB5268" s="107">
        <v>45884</v>
      </c>
    </row>
    <row r="5269" spans="1:54" s="8" customFormat="1" ht="13.95" customHeight="1" x14ac:dyDescent="0.25">
      <c r="A5269" s="229" t="s">
        <v>12246</v>
      </c>
      <c r="B5269" s="96" t="s">
        <v>11930</v>
      </c>
      <c r="C5269" s="93" t="s">
        <v>12247</v>
      </c>
      <c r="D5269" s="93" t="s">
        <v>12248</v>
      </c>
      <c r="E5269" s="111">
        <v>1981</v>
      </c>
      <c r="F5269" s="111">
        <v>1000</v>
      </c>
      <c r="G5269" s="93" t="s">
        <v>1</v>
      </c>
      <c r="H5269" s="111">
        <v>0</v>
      </c>
      <c r="I5269" s="111">
        <v>0</v>
      </c>
      <c r="J5269" s="111">
        <v>1</v>
      </c>
      <c r="K5269" s="111">
        <v>0</v>
      </c>
      <c r="L5269" s="111">
        <v>1</v>
      </c>
      <c r="M5269" s="111">
        <v>0</v>
      </c>
      <c r="N5269" s="111">
        <v>0</v>
      </c>
      <c r="O5269" s="111">
        <v>1</v>
      </c>
      <c r="P5269" s="111">
        <v>0</v>
      </c>
      <c r="Q5269" s="111">
        <v>0</v>
      </c>
      <c r="R5269" s="111">
        <v>1</v>
      </c>
      <c r="S5269" s="111">
        <v>0</v>
      </c>
      <c r="T5269" s="111">
        <v>0</v>
      </c>
      <c r="U5269" s="145"/>
      <c r="V5269" s="145"/>
      <c r="W5269" s="145"/>
      <c r="X5269" s="145"/>
      <c r="Y5269" s="145"/>
      <c r="Z5269" s="145"/>
      <c r="AA5269" s="145"/>
      <c r="AB5269" s="145"/>
      <c r="AC5269" s="145"/>
      <c r="AD5269" s="145"/>
      <c r="AE5269" s="145"/>
      <c r="AF5269" s="145"/>
      <c r="AG5269" s="145"/>
      <c r="AH5269" s="145"/>
      <c r="AI5269" s="145"/>
      <c r="AJ5269" s="145"/>
      <c r="AK5269" s="145"/>
      <c r="AL5269" s="145"/>
      <c r="AM5269" s="145"/>
      <c r="AN5269" s="145"/>
      <c r="AO5269" s="145"/>
      <c r="AP5269" s="145"/>
      <c r="AQ5269" s="145"/>
      <c r="AR5269" s="145"/>
      <c r="AS5269" s="145"/>
      <c r="AT5269" s="145"/>
      <c r="AU5269" s="145"/>
      <c r="AV5269" s="145"/>
      <c r="AW5269" s="145"/>
      <c r="AX5269" s="146"/>
      <c r="AY5269" s="146"/>
      <c r="AZ5269" s="146"/>
      <c r="BA5269" s="146"/>
      <c r="BB5269" s="107">
        <v>45884</v>
      </c>
    </row>
    <row r="5270" spans="1:54" s="8" customFormat="1" ht="13.95" customHeight="1" x14ac:dyDescent="0.25">
      <c r="A5270" s="229" t="s">
        <v>12249</v>
      </c>
      <c r="B5270" s="96" t="s">
        <v>11930</v>
      </c>
      <c r="C5270" s="93" t="s">
        <v>12250</v>
      </c>
      <c r="D5270" s="93" t="s">
        <v>12251</v>
      </c>
      <c r="E5270" s="111">
        <v>1984</v>
      </c>
      <c r="F5270" s="111">
        <v>900</v>
      </c>
      <c r="G5270" s="93" t="s">
        <v>1</v>
      </c>
      <c r="H5270" s="111">
        <v>0</v>
      </c>
      <c r="I5270" s="111">
        <v>0</v>
      </c>
      <c r="J5270" s="111">
        <v>1</v>
      </c>
      <c r="K5270" s="111">
        <v>0</v>
      </c>
      <c r="L5270" s="111">
        <v>1</v>
      </c>
      <c r="M5270" s="111">
        <v>1</v>
      </c>
      <c r="N5270" s="111">
        <v>0</v>
      </c>
      <c r="O5270" s="111">
        <v>1</v>
      </c>
      <c r="P5270" s="111">
        <v>1</v>
      </c>
      <c r="Q5270" s="111">
        <v>0</v>
      </c>
      <c r="R5270" s="111">
        <v>0</v>
      </c>
      <c r="S5270" s="111">
        <v>0</v>
      </c>
      <c r="T5270" s="111">
        <v>0</v>
      </c>
      <c r="U5270" s="145"/>
      <c r="V5270" s="145"/>
      <c r="W5270" s="145"/>
      <c r="X5270" s="145"/>
      <c r="Y5270" s="145"/>
      <c r="Z5270" s="145"/>
      <c r="AA5270" s="145"/>
      <c r="AB5270" s="145"/>
      <c r="AC5270" s="145"/>
      <c r="AD5270" s="145"/>
      <c r="AE5270" s="145"/>
      <c r="AF5270" s="145"/>
      <c r="AG5270" s="145"/>
      <c r="AH5270" s="145"/>
      <c r="AI5270" s="145"/>
      <c r="AJ5270" s="145"/>
      <c r="AK5270" s="145"/>
      <c r="AL5270" s="145"/>
      <c r="AM5270" s="145"/>
      <c r="AN5270" s="145"/>
      <c r="AO5270" s="145"/>
      <c r="AP5270" s="145"/>
      <c r="AQ5270" s="145"/>
      <c r="AR5270" s="145"/>
      <c r="AS5270" s="145"/>
      <c r="AT5270" s="145"/>
      <c r="AU5270" s="145"/>
      <c r="AV5270" s="145"/>
      <c r="AW5270" s="145"/>
      <c r="AX5270" s="146"/>
      <c r="AY5270" s="146"/>
      <c r="AZ5270" s="146"/>
      <c r="BA5270" s="146"/>
      <c r="BB5270" s="107">
        <v>45884</v>
      </c>
    </row>
    <row r="5271" spans="1:54" s="8" customFormat="1" ht="13.95" customHeight="1" x14ac:dyDescent="0.25">
      <c r="A5271" s="229" t="s">
        <v>12252</v>
      </c>
      <c r="B5271" s="96" t="s">
        <v>11930</v>
      </c>
      <c r="C5271" s="93" t="s">
        <v>12253</v>
      </c>
      <c r="D5271" s="93" t="s">
        <v>12254</v>
      </c>
      <c r="E5271" s="111">
        <v>1991</v>
      </c>
      <c r="F5271" s="111">
        <v>300</v>
      </c>
      <c r="G5271" s="93" t="s">
        <v>1</v>
      </c>
      <c r="H5271" s="111">
        <v>0</v>
      </c>
      <c r="I5271" s="111">
        <v>0</v>
      </c>
      <c r="J5271" s="111">
        <v>1</v>
      </c>
      <c r="K5271" s="111">
        <v>0</v>
      </c>
      <c r="L5271" s="111">
        <v>1</v>
      </c>
      <c r="M5271" s="111">
        <v>0</v>
      </c>
      <c r="N5271" s="111">
        <v>0</v>
      </c>
      <c r="O5271" s="111">
        <v>0</v>
      </c>
      <c r="P5271" s="111">
        <v>1</v>
      </c>
      <c r="Q5271" s="111">
        <v>0</v>
      </c>
      <c r="R5271" s="111">
        <v>1</v>
      </c>
      <c r="S5271" s="111">
        <v>0</v>
      </c>
      <c r="T5271" s="111">
        <v>0</v>
      </c>
      <c r="U5271" s="145"/>
      <c r="V5271" s="145"/>
      <c r="W5271" s="145"/>
      <c r="X5271" s="145"/>
      <c r="Y5271" s="145"/>
      <c r="Z5271" s="145"/>
      <c r="AA5271" s="145"/>
      <c r="AB5271" s="145"/>
      <c r="AC5271" s="145"/>
      <c r="AD5271" s="145"/>
      <c r="AE5271" s="145"/>
      <c r="AF5271" s="145"/>
      <c r="AG5271" s="145"/>
      <c r="AH5271" s="145"/>
      <c r="AI5271" s="145"/>
      <c r="AJ5271" s="145"/>
      <c r="AK5271" s="145"/>
      <c r="AL5271" s="145"/>
      <c r="AM5271" s="145"/>
      <c r="AN5271" s="145"/>
      <c r="AO5271" s="145"/>
      <c r="AP5271" s="145"/>
      <c r="AQ5271" s="145"/>
      <c r="AR5271" s="145"/>
      <c r="AS5271" s="145"/>
      <c r="AT5271" s="145"/>
      <c r="AU5271" s="145"/>
      <c r="AV5271" s="145"/>
      <c r="AW5271" s="145"/>
      <c r="AX5271" s="146"/>
      <c r="AY5271" s="146"/>
      <c r="AZ5271" s="146"/>
      <c r="BA5271" s="146"/>
      <c r="BB5271" s="107">
        <v>45884</v>
      </c>
    </row>
    <row r="5272" spans="1:54" s="8" customFormat="1" ht="13.95" customHeight="1" x14ac:dyDescent="0.25">
      <c r="A5272" s="229" t="s">
        <v>12255</v>
      </c>
      <c r="B5272" s="96" t="s">
        <v>11930</v>
      </c>
      <c r="C5272" s="93" t="s">
        <v>12256</v>
      </c>
      <c r="D5272" s="93" t="s">
        <v>12257</v>
      </c>
      <c r="E5272" s="111">
        <v>1991</v>
      </c>
      <c r="F5272" s="111">
        <v>200</v>
      </c>
      <c r="G5272" s="93" t="s">
        <v>1</v>
      </c>
      <c r="H5272" s="111">
        <v>0</v>
      </c>
      <c r="I5272" s="111">
        <v>0</v>
      </c>
      <c r="J5272" s="111">
        <v>1</v>
      </c>
      <c r="K5272" s="111">
        <v>0</v>
      </c>
      <c r="L5272" s="111">
        <v>1</v>
      </c>
      <c r="M5272" s="111">
        <v>0</v>
      </c>
      <c r="N5272" s="111">
        <v>0</v>
      </c>
      <c r="O5272" s="111">
        <v>0</v>
      </c>
      <c r="P5272" s="111">
        <v>1</v>
      </c>
      <c r="Q5272" s="111">
        <v>0</v>
      </c>
      <c r="R5272" s="111">
        <v>1</v>
      </c>
      <c r="S5272" s="111">
        <v>0</v>
      </c>
      <c r="T5272" s="111">
        <v>0</v>
      </c>
      <c r="U5272" s="145"/>
      <c r="V5272" s="145"/>
      <c r="W5272" s="145"/>
      <c r="X5272" s="145"/>
      <c r="Y5272" s="145"/>
      <c r="Z5272" s="145"/>
      <c r="AA5272" s="145"/>
      <c r="AB5272" s="145"/>
      <c r="AC5272" s="145"/>
      <c r="AD5272" s="145"/>
      <c r="AE5272" s="145"/>
      <c r="AF5272" s="145"/>
      <c r="AG5272" s="145"/>
      <c r="AH5272" s="145"/>
      <c r="AI5272" s="145"/>
      <c r="AJ5272" s="145"/>
      <c r="AK5272" s="145"/>
      <c r="AL5272" s="145"/>
      <c r="AM5272" s="145"/>
      <c r="AN5272" s="145"/>
      <c r="AO5272" s="145"/>
      <c r="AP5272" s="145"/>
      <c r="AQ5272" s="145"/>
      <c r="AR5272" s="145"/>
      <c r="AS5272" s="145"/>
      <c r="AT5272" s="145"/>
      <c r="AU5272" s="145"/>
      <c r="AV5272" s="145"/>
      <c r="AW5272" s="145"/>
      <c r="AX5272" s="146"/>
      <c r="AY5272" s="146"/>
      <c r="AZ5272" s="146"/>
      <c r="BA5272" s="146"/>
      <c r="BB5272" s="107">
        <v>45884</v>
      </c>
    </row>
    <row r="5273" spans="1:54" s="8" customFormat="1" ht="13.95" customHeight="1" x14ac:dyDescent="0.25">
      <c r="A5273" s="229" t="s">
        <v>12258</v>
      </c>
      <c r="B5273" s="96" t="s">
        <v>11930</v>
      </c>
      <c r="C5273" s="93" t="s">
        <v>12259</v>
      </c>
      <c r="D5273" s="93" t="s">
        <v>12260</v>
      </c>
      <c r="E5273" s="111">
        <v>1991</v>
      </c>
      <c r="F5273" s="111">
        <v>300</v>
      </c>
      <c r="G5273" s="93" t="s">
        <v>1</v>
      </c>
      <c r="H5273" s="111">
        <v>0</v>
      </c>
      <c r="I5273" s="111">
        <v>0</v>
      </c>
      <c r="J5273" s="111">
        <v>1</v>
      </c>
      <c r="K5273" s="111">
        <v>0</v>
      </c>
      <c r="L5273" s="111">
        <v>1</v>
      </c>
      <c r="M5273" s="111">
        <v>0</v>
      </c>
      <c r="N5273" s="111">
        <v>0</v>
      </c>
      <c r="O5273" s="111">
        <v>0</v>
      </c>
      <c r="P5273" s="111">
        <v>1</v>
      </c>
      <c r="Q5273" s="111">
        <v>0</v>
      </c>
      <c r="R5273" s="111">
        <v>1</v>
      </c>
      <c r="S5273" s="111">
        <v>0</v>
      </c>
      <c r="T5273" s="111">
        <v>0</v>
      </c>
      <c r="U5273" s="145"/>
      <c r="V5273" s="145"/>
      <c r="W5273" s="145"/>
      <c r="X5273" s="145"/>
      <c r="Y5273" s="145"/>
      <c r="Z5273" s="145"/>
      <c r="AA5273" s="145"/>
      <c r="AB5273" s="145"/>
      <c r="AC5273" s="145"/>
      <c r="AD5273" s="145"/>
      <c r="AE5273" s="145"/>
      <c r="AF5273" s="145"/>
      <c r="AG5273" s="145"/>
      <c r="AH5273" s="145"/>
      <c r="AI5273" s="145"/>
      <c r="AJ5273" s="145"/>
      <c r="AK5273" s="145"/>
      <c r="AL5273" s="145"/>
      <c r="AM5273" s="145"/>
      <c r="AN5273" s="145"/>
      <c r="AO5273" s="145"/>
      <c r="AP5273" s="145"/>
      <c r="AQ5273" s="145"/>
      <c r="AR5273" s="145"/>
      <c r="AS5273" s="145"/>
      <c r="AT5273" s="145"/>
      <c r="AU5273" s="145"/>
      <c r="AV5273" s="145"/>
      <c r="AW5273" s="145"/>
      <c r="AX5273" s="146"/>
      <c r="AY5273" s="146"/>
      <c r="AZ5273" s="146"/>
      <c r="BA5273" s="146"/>
      <c r="BB5273" s="107">
        <v>45884</v>
      </c>
    </row>
    <row r="5274" spans="1:54" s="8" customFormat="1" ht="13.95" customHeight="1" x14ac:dyDescent="0.25">
      <c r="A5274" s="229" t="s">
        <v>12261</v>
      </c>
      <c r="B5274" s="96" t="s">
        <v>11930</v>
      </c>
      <c r="C5274" s="93" t="s">
        <v>12262</v>
      </c>
      <c r="D5274" s="93" t="s">
        <v>12263</v>
      </c>
      <c r="E5274" s="111">
        <v>1991</v>
      </c>
      <c r="F5274" s="111">
        <v>200</v>
      </c>
      <c r="G5274" s="93" t="s">
        <v>1</v>
      </c>
      <c r="H5274" s="111">
        <v>0</v>
      </c>
      <c r="I5274" s="111">
        <v>0</v>
      </c>
      <c r="J5274" s="111">
        <v>1</v>
      </c>
      <c r="K5274" s="111">
        <v>1</v>
      </c>
      <c r="L5274" s="111">
        <v>1</v>
      </c>
      <c r="M5274" s="111">
        <v>0</v>
      </c>
      <c r="N5274" s="111">
        <v>0</v>
      </c>
      <c r="O5274" s="111">
        <v>0</v>
      </c>
      <c r="P5274" s="111">
        <v>1</v>
      </c>
      <c r="Q5274" s="111">
        <v>0</v>
      </c>
      <c r="R5274" s="111">
        <v>0</v>
      </c>
      <c r="S5274" s="111">
        <v>0</v>
      </c>
      <c r="T5274" s="111">
        <v>0</v>
      </c>
      <c r="U5274" s="145"/>
      <c r="V5274" s="145"/>
      <c r="W5274" s="145"/>
      <c r="X5274" s="145"/>
      <c r="Y5274" s="145"/>
      <c r="Z5274" s="145"/>
      <c r="AA5274" s="145"/>
      <c r="AB5274" s="145"/>
      <c r="AC5274" s="145"/>
      <c r="AD5274" s="145"/>
      <c r="AE5274" s="145"/>
      <c r="AF5274" s="145"/>
      <c r="AG5274" s="145"/>
      <c r="AH5274" s="145"/>
      <c r="AI5274" s="145"/>
      <c r="AJ5274" s="145"/>
      <c r="AK5274" s="145"/>
      <c r="AL5274" s="145"/>
      <c r="AM5274" s="145"/>
      <c r="AN5274" s="145"/>
      <c r="AO5274" s="145"/>
      <c r="AP5274" s="145"/>
      <c r="AQ5274" s="145"/>
      <c r="AR5274" s="145"/>
      <c r="AS5274" s="145"/>
      <c r="AT5274" s="145"/>
      <c r="AU5274" s="145"/>
      <c r="AV5274" s="145"/>
      <c r="AW5274" s="145"/>
      <c r="AX5274" s="146"/>
      <c r="AY5274" s="146"/>
      <c r="AZ5274" s="146"/>
      <c r="BA5274" s="146"/>
      <c r="BB5274" s="107">
        <v>45884</v>
      </c>
    </row>
    <row r="5275" spans="1:54" s="8" customFormat="1" ht="13.95" customHeight="1" x14ac:dyDescent="0.25">
      <c r="A5275" s="229" t="s">
        <v>12264</v>
      </c>
      <c r="B5275" s="96" t="s">
        <v>11930</v>
      </c>
      <c r="C5275" s="93" t="s">
        <v>12265</v>
      </c>
      <c r="D5275" s="93" t="s">
        <v>12266</v>
      </c>
      <c r="E5275" s="111">
        <v>1983</v>
      </c>
      <c r="F5275" s="111">
        <v>1600</v>
      </c>
      <c r="G5275" s="93" t="s">
        <v>1</v>
      </c>
      <c r="H5275" s="111">
        <v>0</v>
      </c>
      <c r="I5275" s="111">
        <v>0</v>
      </c>
      <c r="J5275" s="111">
        <v>1</v>
      </c>
      <c r="K5275" s="111">
        <v>0</v>
      </c>
      <c r="L5275" s="111">
        <v>1</v>
      </c>
      <c r="M5275" s="111">
        <v>0</v>
      </c>
      <c r="N5275" s="111">
        <v>0</v>
      </c>
      <c r="O5275" s="111">
        <v>1</v>
      </c>
      <c r="P5275" s="111">
        <v>1</v>
      </c>
      <c r="Q5275" s="111">
        <v>0</v>
      </c>
      <c r="R5275" s="111">
        <v>1</v>
      </c>
      <c r="S5275" s="111">
        <v>0</v>
      </c>
      <c r="T5275" s="111">
        <v>0</v>
      </c>
      <c r="U5275" s="145"/>
      <c r="V5275" s="145"/>
      <c r="W5275" s="145"/>
      <c r="X5275" s="145"/>
      <c r="Y5275" s="145"/>
      <c r="Z5275" s="145"/>
      <c r="AA5275" s="145"/>
      <c r="AB5275" s="145"/>
      <c r="AC5275" s="145"/>
      <c r="AD5275" s="145"/>
      <c r="AE5275" s="145"/>
      <c r="AF5275" s="145"/>
      <c r="AG5275" s="145"/>
      <c r="AH5275" s="145"/>
      <c r="AI5275" s="145"/>
      <c r="AJ5275" s="145"/>
      <c r="AK5275" s="145"/>
      <c r="AL5275" s="145"/>
      <c r="AM5275" s="145"/>
      <c r="AN5275" s="145"/>
      <c r="AO5275" s="145"/>
      <c r="AP5275" s="145"/>
      <c r="AQ5275" s="145"/>
      <c r="AR5275" s="145"/>
      <c r="AS5275" s="145"/>
      <c r="AT5275" s="145"/>
      <c r="AU5275" s="145"/>
      <c r="AV5275" s="145"/>
      <c r="AW5275" s="145"/>
      <c r="AX5275" s="146"/>
      <c r="AY5275" s="146"/>
      <c r="AZ5275" s="146"/>
      <c r="BA5275" s="146"/>
      <c r="BB5275" s="107">
        <v>45884</v>
      </c>
    </row>
    <row r="5276" spans="1:54" s="8" customFormat="1" ht="13.95" customHeight="1" x14ac:dyDescent="0.25">
      <c r="A5276" s="229" t="s">
        <v>12267</v>
      </c>
      <c r="B5276" s="96" t="s">
        <v>11930</v>
      </c>
      <c r="C5276" s="93" t="s">
        <v>12268</v>
      </c>
      <c r="D5276" s="93" t="s">
        <v>12269</v>
      </c>
      <c r="E5276" s="111">
        <v>2003</v>
      </c>
      <c r="F5276" s="111">
        <v>300</v>
      </c>
      <c r="G5276" s="93" t="s">
        <v>1</v>
      </c>
      <c r="H5276" s="111">
        <v>0</v>
      </c>
      <c r="I5276" s="111">
        <v>0</v>
      </c>
      <c r="J5276" s="111">
        <v>1</v>
      </c>
      <c r="K5276" s="252">
        <v>1</v>
      </c>
      <c r="L5276" s="111">
        <v>0</v>
      </c>
      <c r="M5276" s="111">
        <v>1</v>
      </c>
      <c r="N5276" s="111">
        <v>0</v>
      </c>
      <c r="O5276" s="111">
        <v>0</v>
      </c>
      <c r="P5276" s="111">
        <v>1</v>
      </c>
      <c r="Q5276" s="111">
        <v>0</v>
      </c>
      <c r="R5276" s="111">
        <v>1</v>
      </c>
      <c r="S5276" s="111">
        <v>0</v>
      </c>
      <c r="T5276" s="111">
        <v>0</v>
      </c>
      <c r="U5276" s="145"/>
      <c r="V5276" s="145"/>
      <c r="W5276" s="145"/>
      <c r="X5276" s="145"/>
      <c r="Y5276" s="145"/>
      <c r="Z5276" s="145"/>
      <c r="AA5276" s="145"/>
      <c r="AB5276" s="145"/>
      <c r="AC5276" s="145"/>
      <c r="AD5276" s="145"/>
      <c r="AE5276" s="145"/>
      <c r="AF5276" s="145"/>
      <c r="AG5276" s="145"/>
      <c r="AH5276" s="145"/>
      <c r="AI5276" s="145"/>
      <c r="AJ5276" s="145"/>
      <c r="AK5276" s="145"/>
      <c r="AL5276" s="145"/>
      <c r="AM5276" s="145"/>
      <c r="AN5276" s="145"/>
      <c r="AO5276" s="145"/>
      <c r="AP5276" s="145"/>
      <c r="AQ5276" s="145"/>
      <c r="AR5276" s="145"/>
      <c r="AS5276" s="145"/>
      <c r="AT5276" s="145"/>
      <c r="AU5276" s="145"/>
      <c r="AV5276" s="145"/>
      <c r="AW5276" s="145"/>
      <c r="AX5276" s="146"/>
      <c r="AY5276" s="146"/>
      <c r="AZ5276" s="146"/>
      <c r="BA5276" s="146"/>
      <c r="BB5276" s="107">
        <v>45884</v>
      </c>
    </row>
    <row r="5277" spans="1:54" s="8" customFormat="1" ht="13.95" customHeight="1" x14ac:dyDescent="0.25">
      <c r="A5277" s="229" t="s">
        <v>12270</v>
      </c>
      <c r="B5277" s="96" t="s">
        <v>11930</v>
      </c>
      <c r="C5277" s="93" t="s">
        <v>12271</v>
      </c>
      <c r="D5277" s="93" t="s">
        <v>12272</v>
      </c>
      <c r="E5277" s="111">
        <v>1986</v>
      </c>
      <c r="F5277" s="111">
        <v>300</v>
      </c>
      <c r="G5277" s="93" t="s">
        <v>1</v>
      </c>
      <c r="H5277" s="111">
        <v>0</v>
      </c>
      <c r="I5277" s="111">
        <v>0</v>
      </c>
      <c r="J5277" s="111">
        <v>1</v>
      </c>
      <c r="K5277" s="111">
        <v>1</v>
      </c>
      <c r="L5277" s="111">
        <v>1</v>
      </c>
      <c r="M5277" s="111">
        <v>0</v>
      </c>
      <c r="N5277" s="111">
        <v>0</v>
      </c>
      <c r="O5277" s="111">
        <v>0</v>
      </c>
      <c r="P5277" s="111">
        <v>1</v>
      </c>
      <c r="Q5277" s="111">
        <v>0</v>
      </c>
      <c r="R5277" s="111">
        <v>0</v>
      </c>
      <c r="S5277" s="111">
        <v>0</v>
      </c>
      <c r="T5277" s="111">
        <v>0</v>
      </c>
      <c r="U5277" s="145"/>
      <c r="V5277" s="145"/>
      <c r="W5277" s="145"/>
      <c r="X5277" s="145"/>
      <c r="Y5277" s="145"/>
      <c r="Z5277" s="145"/>
      <c r="AA5277" s="145"/>
      <c r="AB5277" s="145"/>
      <c r="AC5277" s="145"/>
      <c r="AD5277" s="145"/>
      <c r="AE5277" s="145"/>
      <c r="AF5277" s="145"/>
      <c r="AG5277" s="145"/>
      <c r="AH5277" s="145"/>
      <c r="AI5277" s="145"/>
      <c r="AJ5277" s="145"/>
      <c r="AK5277" s="145"/>
      <c r="AL5277" s="145"/>
      <c r="AM5277" s="145"/>
      <c r="AN5277" s="145"/>
      <c r="AO5277" s="145"/>
      <c r="AP5277" s="145"/>
      <c r="AQ5277" s="145"/>
      <c r="AR5277" s="145"/>
      <c r="AS5277" s="145"/>
      <c r="AT5277" s="145"/>
      <c r="AU5277" s="145"/>
      <c r="AV5277" s="145"/>
      <c r="AW5277" s="145"/>
      <c r="AX5277" s="146"/>
      <c r="AY5277" s="146"/>
      <c r="AZ5277" s="146"/>
      <c r="BA5277" s="146"/>
      <c r="BB5277" s="107">
        <v>45884</v>
      </c>
    </row>
    <row r="5278" spans="1:54" s="8" customFormat="1" ht="13.95" customHeight="1" x14ac:dyDescent="0.25">
      <c r="A5278" s="229" t="s">
        <v>12273</v>
      </c>
      <c r="B5278" s="96" t="s">
        <v>11930</v>
      </c>
      <c r="C5278" s="93" t="s">
        <v>12274</v>
      </c>
      <c r="D5278" s="93" t="s">
        <v>12275</v>
      </c>
      <c r="E5278" s="111">
        <v>1963</v>
      </c>
      <c r="F5278" s="111">
        <v>3000</v>
      </c>
      <c r="G5278" s="93" t="s">
        <v>1</v>
      </c>
      <c r="H5278" s="111">
        <v>1</v>
      </c>
      <c r="I5278" s="111">
        <v>0</v>
      </c>
      <c r="J5278" s="111">
        <v>1</v>
      </c>
      <c r="K5278" s="111">
        <v>1</v>
      </c>
      <c r="L5278" s="111">
        <v>1</v>
      </c>
      <c r="M5278" s="111">
        <v>0</v>
      </c>
      <c r="N5278" s="111">
        <v>0</v>
      </c>
      <c r="O5278" s="111">
        <v>1</v>
      </c>
      <c r="P5278" s="111">
        <v>1</v>
      </c>
      <c r="Q5278" s="111">
        <v>0</v>
      </c>
      <c r="R5278" s="111">
        <v>1</v>
      </c>
      <c r="S5278" s="111">
        <v>0</v>
      </c>
      <c r="T5278" s="111">
        <v>0</v>
      </c>
      <c r="U5278" s="145"/>
      <c r="V5278" s="145"/>
      <c r="W5278" s="145"/>
      <c r="X5278" s="145"/>
      <c r="Y5278" s="145"/>
      <c r="Z5278" s="145"/>
      <c r="AA5278" s="145"/>
      <c r="AB5278" s="145"/>
      <c r="AC5278" s="145"/>
      <c r="AD5278" s="145"/>
      <c r="AE5278" s="145"/>
      <c r="AF5278" s="145"/>
      <c r="AG5278" s="145"/>
      <c r="AH5278" s="145"/>
      <c r="AI5278" s="145"/>
      <c r="AJ5278" s="145"/>
      <c r="AK5278" s="145"/>
      <c r="AL5278" s="145"/>
      <c r="AM5278" s="145"/>
      <c r="AN5278" s="145"/>
      <c r="AO5278" s="145"/>
      <c r="AP5278" s="145"/>
      <c r="AQ5278" s="145"/>
      <c r="AR5278" s="145"/>
      <c r="AS5278" s="145"/>
      <c r="AT5278" s="145"/>
      <c r="AU5278" s="145"/>
      <c r="AV5278" s="145"/>
      <c r="AW5278" s="145"/>
      <c r="AX5278" s="146"/>
      <c r="AY5278" s="146"/>
      <c r="AZ5278" s="146"/>
      <c r="BA5278" s="146"/>
      <c r="BB5278" s="107">
        <v>45884</v>
      </c>
    </row>
    <row r="5279" spans="1:54" s="8" customFormat="1" ht="13.95" customHeight="1" x14ac:dyDescent="0.25">
      <c r="A5279" s="229" t="s">
        <v>12276</v>
      </c>
      <c r="B5279" s="96" t="s">
        <v>11930</v>
      </c>
      <c r="C5279" s="93" t="s">
        <v>12277</v>
      </c>
      <c r="D5279" s="93" t="s">
        <v>12278</v>
      </c>
      <c r="E5279" s="111">
        <v>2005</v>
      </c>
      <c r="F5279" s="111">
        <v>500</v>
      </c>
      <c r="G5279" s="93" t="s">
        <v>1</v>
      </c>
      <c r="H5279" s="111">
        <v>0</v>
      </c>
      <c r="I5279" s="111">
        <v>0</v>
      </c>
      <c r="J5279" s="111">
        <v>1</v>
      </c>
      <c r="K5279" s="111">
        <v>1</v>
      </c>
      <c r="L5279" s="111">
        <v>1</v>
      </c>
      <c r="M5279" s="111">
        <v>0</v>
      </c>
      <c r="N5279" s="111">
        <v>0</v>
      </c>
      <c r="O5279" s="111">
        <v>0</v>
      </c>
      <c r="P5279" s="111">
        <v>1</v>
      </c>
      <c r="Q5279" s="111">
        <v>0</v>
      </c>
      <c r="R5279" s="111">
        <v>1</v>
      </c>
      <c r="S5279" s="111">
        <v>0</v>
      </c>
      <c r="T5279" s="111">
        <v>0</v>
      </c>
      <c r="U5279" s="145"/>
      <c r="V5279" s="145"/>
      <c r="W5279" s="145"/>
      <c r="X5279" s="145"/>
      <c r="Y5279" s="145"/>
      <c r="Z5279" s="145"/>
      <c r="AA5279" s="145"/>
      <c r="AB5279" s="145"/>
      <c r="AC5279" s="145"/>
      <c r="AD5279" s="145"/>
      <c r="AE5279" s="145"/>
      <c r="AF5279" s="145"/>
      <c r="AG5279" s="145"/>
      <c r="AH5279" s="145"/>
      <c r="AI5279" s="145"/>
      <c r="AJ5279" s="145"/>
      <c r="AK5279" s="145"/>
      <c r="AL5279" s="145"/>
      <c r="AM5279" s="145"/>
      <c r="AN5279" s="145"/>
      <c r="AO5279" s="145"/>
      <c r="AP5279" s="145"/>
      <c r="AQ5279" s="145"/>
      <c r="AR5279" s="145"/>
      <c r="AS5279" s="145"/>
      <c r="AT5279" s="145"/>
      <c r="AU5279" s="145"/>
      <c r="AV5279" s="145"/>
      <c r="AW5279" s="145"/>
      <c r="AX5279" s="146"/>
      <c r="AY5279" s="146"/>
      <c r="AZ5279" s="146"/>
      <c r="BA5279" s="146"/>
      <c r="BB5279" s="107">
        <v>45884</v>
      </c>
    </row>
    <row r="5280" spans="1:54" s="8" customFormat="1" ht="13.95" customHeight="1" x14ac:dyDescent="0.25">
      <c r="A5280" s="229" t="s">
        <v>12279</v>
      </c>
      <c r="B5280" s="96" t="s">
        <v>11930</v>
      </c>
      <c r="C5280" s="93" t="s">
        <v>12280</v>
      </c>
      <c r="D5280" s="93" t="s">
        <v>12281</v>
      </c>
      <c r="E5280" s="111">
        <v>2012</v>
      </c>
      <c r="F5280" s="111">
        <v>7800</v>
      </c>
      <c r="G5280" s="93" t="s">
        <v>1</v>
      </c>
      <c r="H5280" s="111">
        <v>1</v>
      </c>
      <c r="I5280" s="111">
        <v>1</v>
      </c>
      <c r="J5280" s="111">
        <v>1</v>
      </c>
      <c r="K5280" s="111">
        <v>0</v>
      </c>
      <c r="L5280" s="111">
        <v>1</v>
      </c>
      <c r="M5280" s="111">
        <v>1</v>
      </c>
      <c r="N5280" s="111">
        <v>1</v>
      </c>
      <c r="O5280" s="111">
        <v>1</v>
      </c>
      <c r="P5280" s="111">
        <v>1</v>
      </c>
      <c r="Q5280" s="111">
        <v>0</v>
      </c>
      <c r="R5280" s="111">
        <v>1</v>
      </c>
      <c r="S5280" s="111">
        <v>0</v>
      </c>
      <c r="T5280" s="111">
        <v>0</v>
      </c>
      <c r="U5280" s="145"/>
      <c r="V5280" s="145"/>
      <c r="W5280" s="145"/>
      <c r="X5280" s="145"/>
      <c r="Y5280" s="145"/>
      <c r="Z5280" s="145"/>
      <c r="AA5280" s="145"/>
      <c r="AB5280" s="145"/>
      <c r="AC5280" s="145"/>
      <c r="AD5280" s="145"/>
      <c r="AE5280" s="145"/>
      <c r="AF5280" s="145"/>
      <c r="AG5280" s="145"/>
      <c r="AH5280" s="145"/>
      <c r="AI5280" s="145"/>
      <c r="AJ5280" s="145"/>
      <c r="AK5280" s="145"/>
      <c r="AL5280" s="145"/>
      <c r="AM5280" s="145"/>
      <c r="AN5280" s="145"/>
      <c r="AO5280" s="145"/>
      <c r="AP5280" s="145"/>
      <c r="AQ5280" s="145"/>
      <c r="AR5280" s="145"/>
      <c r="AS5280" s="145"/>
      <c r="AT5280" s="145"/>
      <c r="AU5280" s="145"/>
      <c r="AV5280" s="145"/>
      <c r="AW5280" s="145"/>
      <c r="AX5280" s="146"/>
      <c r="AY5280" s="146"/>
      <c r="AZ5280" s="146"/>
      <c r="BA5280" s="146"/>
      <c r="BB5280" s="107">
        <v>45884</v>
      </c>
    </row>
    <row r="5281" spans="1:54" s="8" customFormat="1" ht="13.95" customHeight="1" x14ac:dyDescent="0.25">
      <c r="A5281" s="229" t="s">
        <v>12282</v>
      </c>
      <c r="B5281" s="96" t="s">
        <v>11930</v>
      </c>
      <c r="C5281" s="93" t="s">
        <v>12283</v>
      </c>
      <c r="D5281" s="93" t="s">
        <v>12284</v>
      </c>
      <c r="E5281" s="111">
        <v>1992</v>
      </c>
      <c r="F5281" s="111">
        <v>600</v>
      </c>
      <c r="G5281" s="93" t="s">
        <v>1</v>
      </c>
      <c r="H5281" s="111">
        <v>1</v>
      </c>
      <c r="I5281" s="111">
        <v>0</v>
      </c>
      <c r="J5281" s="111">
        <v>1</v>
      </c>
      <c r="K5281" s="111">
        <v>1</v>
      </c>
      <c r="L5281" s="111">
        <v>1</v>
      </c>
      <c r="M5281" s="111">
        <v>1</v>
      </c>
      <c r="N5281" s="111">
        <v>0</v>
      </c>
      <c r="O5281" s="111">
        <v>0</v>
      </c>
      <c r="P5281" s="111">
        <v>1</v>
      </c>
      <c r="Q5281" s="111">
        <v>0</v>
      </c>
      <c r="R5281" s="111">
        <v>0</v>
      </c>
      <c r="S5281" s="111">
        <v>0</v>
      </c>
      <c r="T5281" s="111">
        <v>0</v>
      </c>
      <c r="U5281" s="145"/>
      <c r="V5281" s="145"/>
      <c r="W5281" s="145"/>
      <c r="X5281" s="145"/>
      <c r="Y5281" s="145"/>
      <c r="Z5281" s="145"/>
      <c r="AA5281" s="145"/>
      <c r="AB5281" s="145"/>
      <c r="AC5281" s="145"/>
      <c r="AD5281" s="145"/>
      <c r="AE5281" s="145"/>
      <c r="AF5281" s="145"/>
      <c r="AG5281" s="145"/>
      <c r="AH5281" s="145"/>
      <c r="AI5281" s="145"/>
      <c r="AJ5281" s="145"/>
      <c r="AK5281" s="145"/>
      <c r="AL5281" s="145"/>
      <c r="AM5281" s="145"/>
      <c r="AN5281" s="145"/>
      <c r="AO5281" s="145"/>
      <c r="AP5281" s="145"/>
      <c r="AQ5281" s="145"/>
      <c r="AR5281" s="145"/>
      <c r="AS5281" s="145"/>
      <c r="AT5281" s="145"/>
      <c r="AU5281" s="145"/>
      <c r="AV5281" s="145"/>
      <c r="AW5281" s="145"/>
      <c r="AX5281" s="146"/>
      <c r="AY5281" s="146"/>
      <c r="AZ5281" s="146"/>
      <c r="BA5281" s="146"/>
      <c r="BB5281" s="107">
        <v>45884</v>
      </c>
    </row>
    <row r="5282" spans="1:54" s="8" customFormat="1" ht="13.95" customHeight="1" x14ac:dyDescent="0.25">
      <c r="A5282" s="229" t="s">
        <v>12285</v>
      </c>
      <c r="B5282" s="96" t="s">
        <v>11930</v>
      </c>
      <c r="C5282" s="93" t="s">
        <v>12286</v>
      </c>
      <c r="D5282" s="93" t="s">
        <v>12287</v>
      </c>
      <c r="E5282" s="111">
        <v>1993</v>
      </c>
      <c r="F5282" s="111">
        <v>300</v>
      </c>
      <c r="G5282" s="93" t="s">
        <v>1</v>
      </c>
      <c r="H5282" s="111">
        <v>0</v>
      </c>
      <c r="I5282" s="111">
        <v>0</v>
      </c>
      <c r="J5282" s="111">
        <v>0</v>
      </c>
      <c r="K5282" s="111">
        <v>0</v>
      </c>
      <c r="L5282" s="111">
        <v>0</v>
      </c>
      <c r="M5282" s="111">
        <v>0</v>
      </c>
      <c r="N5282" s="111">
        <v>0</v>
      </c>
      <c r="O5282" s="111">
        <v>0</v>
      </c>
      <c r="P5282" s="111">
        <v>0</v>
      </c>
      <c r="Q5282" s="111">
        <v>0</v>
      </c>
      <c r="R5282" s="111">
        <v>0</v>
      </c>
      <c r="S5282" s="111">
        <v>0</v>
      </c>
      <c r="T5282" s="111">
        <v>0</v>
      </c>
      <c r="U5282" s="145"/>
      <c r="V5282" s="145"/>
      <c r="W5282" s="145"/>
      <c r="X5282" s="145"/>
      <c r="Y5282" s="145"/>
      <c r="Z5282" s="145"/>
      <c r="AA5282" s="145"/>
      <c r="AB5282" s="145"/>
      <c r="AC5282" s="145"/>
      <c r="AD5282" s="145"/>
      <c r="AE5282" s="145"/>
      <c r="AF5282" s="145"/>
      <c r="AG5282" s="145"/>
      <c r="AH5282" s="145"/>
      <c r="AI5282" s="145"/>
      <c r="AJ5282" s="145"/>
      <c r="AK5282" s="145"/>
      <c r="AL5282" s="145"/>
      <c r="AM5282" s="145"/>
      <c r="AN5282" s="145"/>
      <c r="AO5282" s="145"/>
      <c r="AP5282" s="145"/>
      <c r="AQ5282" s="145"/>
      <c r="AR5282" s="145"/>
      <c r="AS5282" s="145"/>
      <c r="AT5282" s="145"/>
      <c r="AU5282" s="145"/>
      <c r="AV5282" s="145"/>
      <c r="AW5282" s="145"/>
      <c r="AX5282" s="146"/>
      <c r="AY5282" s="146"/>
      <c r="AZ5282" s="146"/>
      <c r="BA5282" s="146"/>
      <c r="BB5282" s="107">
        <v>45884</v>
      </c>
    </row>
    <row r="5283" spans="1:54" s="8" customFormat="1" ht="13.95" customHeight="1" x14ac:dyDescent="0.25">
      <c r="A5283" s="229" t="s">
        <v>12288</v>
      </c>
      <c r="B5283" s="96" t="s">
        <v>11930</v>
      </c>
      <c r="C5283" s="93" t="s">
        <v>12289</v>
      </c>
      <c r="D5283" s="93" t="s">
        <v>12290</v>
      </c>
      <c r="E5283" s="111">
        <v>1993</v>
      </c>
      <c r="F5283" s="111">
        <v>800</v>
      </c>
      <c r="G5283" s="93" t="s">
        <v>1</v>
      </c>
      <c r="H5283" s="111">
        <v>0</v>
      </c>
      <c r="I5283" s="111">
        <v>0</v>
      </c>
      <c r="J5283" s="111">
        <v>0</v>
      </c>
      <c r="K5283" s="111">
        <v>1</v>
      </c>
      <c r="L5283" s="111">
        <v>0</v>
      </c>
      <c r="M5283" s="111">
        <v>0</v>
      </c>
      <c r="N5283" s="111">
        <v>0</v>
      </c>
      <c r="O5283" s="111">
        <v>0</v>
      </c>
      <c r="P5283" s="111">
        <v>0</v>
      </c>
      <c r="Q5283" s="111">
        <v>0</v>
      </c>
      <c r="R5283" s="111">
        <v>0</v>
      </c>
      <c r="S5283" s="111">
        <v>0</v>
      </c>
      <c r="T5283" s="111">
        <v>0</v>
      </c>
      <c r="U5283" s="145"/>
      <c r="V5283" s="145"/>
      <c r="W5283" s="145"/>
      <c r="X5283" s="145"/>
      <c r="Y5283" s="145"/>
      <c r="Z5283" s="145"/>
      <c r="AA5283" s="145"/>
      <c r="AB5283" s="145"/>
      <c r="AC5283" s="145"/>
      <c r="AD5283" s="145"/>
      <c r="AE5283" s="145"/>
      <c r="AF5283" s="145"/>
      <c r="AG5283" s="145"/>
      <c r="AH5283" s="145"/>
      <c r="AI5283" s="145"/>
      <c r="AJ5283" s="145"/>
      <c r="AK5283" s="145"/>
      <c r="AL5283" s="145"/>
      <c r="AM5283" s="145"/>
      <c r="AN5283" s="145"/>
      <c r="AO5283" s="145"/>
      <c r="AP5283" s="145"/>
      <c r="AQ5283" s="145"/>
      <c r="AR5283" s="145"/>
      <c r="AS5283" s="145"/>
      <c r="AT5283" s="145"/>
      <c r="AU5283" s="145"/>
      <c r="AV5283" s="145"/>
      <c r="AW5283" s="145"/>
      <c r="AX5283" s="146"/>
      <c r="AY5283" s="146"/>
      <c r="AZ5283" s="146"/>
      <c r="BA5283" s="146"/>
      <c r="BB5283" s="107">
        <v>45884</v>
      </c>
    </row>
    <row r="5284" spans="1:54" s="8" customFormat="1" ht="13.95" customHeight="1" x14ac:dyDescent="0.25">
      <c r="A5284" s="229" t="s">
        <v>12291</v>
      </c>
      <c r="B5284" s="96" t="s">
        <v>11930</v>
      </c>
      <c r="C5284" s="93" t="s">
        <v>12292</v>
      </c>
      <c r="D5284" s="93" t="s">
        <v>12293</v>
      </c>
      <c r="E5284" s="111">
        <v>1995</v>
      </c>
      <c r="F5284" s="111">
        <v>300</v>
      </c>
      <c r="G5284" s="93" t="s">
        <v>1</v>
      </c>
      <c r="H5284" s="111">
        <v>0</v>
      </c>
      <c r="I5284" s="111">
        <v>0</v>
      </c>
      <c r="J5284" s="111">
        <v>1</v>
      </c>
      <c r="K5284" s="111">
        <v>0</v>
      </c>
      <c r="L5284" s="111">
        <v>1</v>
      </c>
      <c r="M5284" s="111">
        <v>0</v>
      </c>
      <c r="N5284" s="111">
        <v>0</v>
      </c>
      <c r="O5284" s="111">
        <v>0</v>
      </c>
      <c r="P5284" s="111">
        <v>1</v>
      </c>
      <c r="Q5284" s="111">
        <v>0</v>
      </c>
      <c r="R5284" s="111">
        <v>1</v>
      </c>
      <c r="S5284" s="111">
        <v>0</v>
      </c>
      <c r="T5284" s="111">
        <v>0</v>
      </c>
      <c r="U5284" s="145"/>
      <c r="V5284" s="145"/>
      <c r="W5284" s="145"/>
      <c r="X5284" s="145"/>
      <c r="Y5284" s="145"/>
      <c r="Z5284" s="145"/>
      <c r="AA5284" s="145"/>
      <c r="AB5284" s="145"/>
      <c r="AC5284" s="145"/>
      <c r="AD5284" s="145"/>
      <c r="AE5284" s="145"/>
      <c r="AF5284" s="145"/>
      <c r="AG5284" s="145"/>
      <c r="AH5284" s="145"/>
      <c r="AI5284" s="145"/>
      <c r="AJ5284" s="145"/>
      <c r="AK5284" s="145"/>
      <c r="AL5284" s="145"/>
      <c r="AM5284" s="145"/>
      <c r="AN5284" s="145"/>
      <c r="AO5284" s="145"/>
      <c r="AP5284" s="145"/>
      <c r="AQ5284" s="145"/>
      <c r="AR5284" s="145"/>
      <c r="AS5284" s="145"/>
      <c r="AT5284" s="145"/>
      <c r="AU5284" s="145"/>
      <c r="AV5284" s="145"/>
      <c r="AW5284" s="145"/>
      <c r="AX5284" s="146"/>
      <c r="AY5284" s="146"/>
      <c r="AZ5284" s="146"/>
      <c r="BA5284" s="146"/>
      <c r="BB5284" s="107">
        <v>45884</v>
      </c>
    </row>
    <row r="5285" spans="1:54" s="8" customFormat="1" ht="13.95" customHeight="1" x14ac:dyDescent="0.25">
      <c r="A5285" s="229" t="s">
        <v>12294</v>
      </c>
      <c r="B5285" s="96" t="s">
        <v>11930</v>
      </c>
      <c r="C5285" s="93" t="s">
        <v>12295</v>
      </c>
      <c r="D5285" s="93" t="s">
        <v>12296</v>
      </c>
      <c r="E5285" s="111">
        <v>1983</v>
      </c>
      <c r="F5285" s="111">
        <v>1100</v>
      </c>
      <c r="G5285" s="93" t="s">
        <v>1</v>
      </c>
      <c r="H5285" s="111">
        <v>0</v>
      </c>
      <c r="I5285" s="111">
        <v>0</v>
      </c>
      <c r="J5285" s="111">
        <v>1</v>
      </c>
      <c r="K5285" s="111">
        <v>0</v>
      </c>
      <c r="L5285" s="111">
        <v>1</v>
      </c>
      <c r="M5285" s="111">
        <v>0</v>
      </c>
      <c r="N5285" s="111">
        <v>0</v>
      </c>
      <c r="O5285" s="111">
        <v>1</v>
      </c>
      <c r="P5285" s="111">
        <v>1</v>
      </c>
      <c r="Q5285" s="111">
        <v>0</v>
      </c>
      <c r="R5285" s="111">
        <v>1</v>
      </c>
      <c r="S5285" s="111">
        <v>0</v>
      </c>
      <c r="T5285" s="111">
        <v>0</v>
      </c>
      <c r="U5285" s="145"/>
      <c r="V5285" s="145"/>
      <c r="W5285" s="145"/>
      <c r="X5285" s="145"/>
      <c r="Y5285" s="145"/>
      <c r="Z5285" s="145"/>
      <c r="AA5285" s="145"/>
      <c r="AB5285" s="145"/>
      <c r="AC5285" s="145"/>
      <c r="AD5285" s="145"/>
      <c r="AE5285" s="145"/>
      <c r="AF5285" s="145"/>
      <c r="AG5285" s="145"/>
      <c r="AH5285" s="145"/>
      <c r="AI5285" s="145"/>
      <c r="AJ5285" s="145"/>
      <c r="AK5285" s="145"/>
      <c r="AL5285" s="145"/>
      <c r="AM5285" s="145"/>
      <c r="AN5285" s="145"/>
      <c r="AO5285" s="145"/>
      <c r="AP5285" s="145"/>
      <c r="AQ5285" s="145"/>
      <c r="AR5285" s="145"/>
      <c r="AS5285" s="145"/>
      <c r="AT5285" s="145"/>
      <c r="AU5285" s="145"/>
      <c r="AV5285" s="145"/>
      <c r="AW5285" s="145"/>
      <c r="AX5285" s="146"/>
      <c r="AY5285" s="146"/>
      <c r="AZ5285" s="146"/>
      <c r="BA5285" s="146"/>
      <c r="BB5285" s="107">
        <v>45884</v>
      </c>
    </row>
    <row r="5286" spans="1:54" s="8" customFormat="1" ht="13.95" customHeight="1" x14ac:dyDescent="0.25">
      <c r="A5286" s="229" t="s">
        <v>12297</v>
      </c>
      <c r="B5286" s="96" t="s">
        <v>11930</v>
      </c>
      <c r="C5286" s="93" t="s">
        <v>12298</v>
      </c>
      <c r="D5286" s="93" t="s">
        <v>12299</v>
      </c>
      <c r="E5286" s="111">
        <v>1975</v>
      </c>
      <c r="F5286" s="111">
        <v>1200</v>
      </c>
      <c r="G5286" s="93" t="s">
        <v>1</v>
      </c>
      <c r="H5286" s="111">
        <v>1</v>
      </c>
      <c r="I5286" s="111">
        <v>0</v>
      </c>
      <c r="J5286" s="111">
        <v>1</v>
      </c>
      <c r="K5286" s="111">
        <v>0</v>
      </c>
      <c r="L5286" s="111">
        <v>1</v>
      </c>
      <c r="M5286" s="111">
        <v>0</v>
      </c>
      <c r="N5286" s="111">
        <v>0</v>
      </c>
      <c r="O5286" s="111">
        <v>1</v>
      </c>
      <c r="P5286" s="111">
        <v>1</v>
      </c>
      <c r="Q5286" s="111">
        <v>0</v>
      </c>
      <c r="R5286" s="111">
        <v>1</v>
      </c>
      <c r="S5286" s="111">
        <v>0</v>
      </c>
      <c r="T5286" s="111">
        <v>0</v>
      </c>
      <c r="U5286" s="145"/>
      <c r="V5286" s="145"/>
      <c r="W5286" s="145"/>
      <c r="X5286" s="145"/>
      <c r="Y5286" s="145"/>
      <c r="Z5286" s="145"/>
      <c r="AA5286" s="145"/>
      <c r="AB5286" s="145"/>
      <c r="AC5286" s="145"/>
      <c r="AD5286" s="145"/>
      <c r="AE5286" s="145"/>
      <c r="AF5286" s="145"/>
      <c r="AG5286" s="145"/>
      <c r="AH5286" s="145"/>
      <c r="AI5286" s="145"/>
      <c r="AJ5286" s="145"/>
      <c r="AK5286" s="145"/>
      <c r="AL5286" s="145"/>
      <c r="AM5286" s="145"/>
      <c r="AN5286" s="145"/>
      <c r="AO5286" s="145"/>
      <c r="AP5286" s="145"/>
      <c r="AQ5286" s="145"/>
      <c r="AR5286" s="145"/>
      <c r="AS5286" s="145"/>
      <c r="AT5286" s="145"/>
      <c r="AU5286" s="145"/>
      <c r="AV5286" s="145"/>
      <c r="AW5286" s="145"/>
      <c r="AX5286" s="146"/>
      <c r="AY5286" s="146"/>
      <c r="AZ5286" s="146"/>
      <c r="BA5286" s="146"/>
      <c r="BB5286" s="107">
        <v>45884</v>
      </c>
    </row>
    <row r="5287" spans="1:54" s="8" customFormat="1" ht="13.95" customHeight="1" x14ac:dyDescent="0.25">
      <c r="A5287" s="229" t="s">
        <v>12300</v>
      </c>
      <c r="B5287" s="96" t="s">
        <v>11930</v>
      </c>
      <c r="C5287" s="93" t="s">
        <v>12301</v>
      </c>
      <c r="D5287" s="93" t="s">
        <v>12302</v>
      </c>
      <c r="E5287" s="111">
        <v>2003</v>
      </c>
      <c r="F5287" s="111">
        <v>600</v>
      </c>
      <c r="G5287" s="93" t="s">
        <v>1</v>
      </c>
      <c r="H5287" s="111">
        <v>0</v>
      </c>
      <c r="I5287" s="111">
        <v>0</v>
      </c>
      <c r="J5287" s="111">
        <v>1</v>
      </c>
      <c r="K5287" s="111">
        <v>1</v>
      </c>
      <c r="L5287" s="111">
        <v>1</v>
      </c>
      <c r="M5287" s="111">
        <v>1</v>
      </c>
      <c r="N5287" s="111">
        <v>0</v>
      </c>
      <c r="O5287" s="111">
        <v>0</v>
      </c>
      <c r="P5287" s="111">
        <v>1</v>
      </c>
      <c r="Q5287" s="111">
        <v>0</v>
      </c>
      <c r="R5287" s="111">
        <v>1</v>
      </c>
      <c r="S5287" s="111">
        <v>0</v>
      </c>
      <c r="T5287" s="111">
        <v>0</v>
      </c>
      <c r="U5287" s="145"/>
      <c r="V5287" s="145"/>
      <c r="W5287" s="145"/>
      <c r="X5287" s="145"/>
      <c r="Y5287" s="145"/>
      <c r="Z5287" s="145"/>
      <c r="AA5287" s="145"/>
      <c r="AB5287" s="145"/>
      <c r="AC5287" s="145"/>
      <c r="AD5287" s="145"/>
      <c r="AE5287" s="145"/>
      <c r="AF5287" s="145"/>
      <c r="AG5287" s="145"/>
      <c r="AH5287" s="145"/>
      <c r="AI5287" s="145"/>
      <c r="AJ5287" s="145"/>
      <c r="AK5287" s="145"/>
      <c r="AL5287" s="145"/>
      <c r="AM5287" s="145"/>
      <c r="AN5287" s="145"/>
      <c r="AO5287" s="145"/>
      <c r="AP5287" s="145"/>
      <c r="AQ5287" s="145"/>
      <c r="AR5287" s="145"/>
      <c r="AS5287" s="145"/>
      <c r="AT5287" s="145"/>
      <c r="AU5287" s="145"/>
      <c r="AV5287" s="145"/>
      <c r="AW5287" s="145"/>
      <c r="AX5287" s="146"/>
      <c r="AY5287" s="146"/>
      <c r="AZ5287" s="146"/>
      <c r="BA5287" s="146"/>
      <c r="BB5287" s="107">
        <v>45884</v>
      </c>
    </row>
    <row r="5288" spans="1:54" s="8" customFormat="1" ht="13.95" customHeight="1" x14ac:dyDescent="0.25">
      <c r="A5288" s="229" t="s">
        <v>12303</v>
      </c>
      <c r="B5288" s="96" t="s">
        <v>11930</v>
      </c>
      <c r="C5288" s="93" t="s">
        <v>12304</v>
      </c>
      <c r="D5288" s="93" t="s">
        <v>12305</v>
      </c>
      <c r="E5288" s="111">
        <v>2001</v>
      </c>
      <c r="F5288" s="111">
        <v>1000</v>
      </c>
      <c r="G5288" s="93" t="s">
        <v>1</v>
      </c>
      <c r="H5288" s="111">
        <v>0</v>
      </c>
      <c r="I5288" s="111">
        <v>0</v>
      </c>
      <c r="J5288" s="111">
        <v>1</v>
      </c>
      <c r="K5288" s="111">
        <v>1</v>
      </c>
      <c r="L5288" s="111">
        <v>1</v>
      </c>
      <c r="M5288" s="111">
        <v>1</v>
      </c>
      <c r="N5288" s="111">
        <v>0</v>
      </c>
      <c r="O5288" s="111">
        <v>0</v>
      </c>
      <c r="P5288" s="111">
        <v>1</v>
      </c>
      <c r="Q5288" s="111">
        <v>0</v>
      </c>
      <c r="R5288" s="111">
        <v>0</v>
      </c>
      <c r="S5288" s="111">
        <v>0</v>
      </c>
      <c r="T5288" s="111">
        <v>0</v>
      </c>
      <c r="U5288" s="145"/>
      <c r="V5288" s="145"/>
      <c r="W5288" s="145"/>
      <c r="X5288" s="145"/>
      <c r="Y5288" s="145"/>
      <c r="Z5288" s="145"/>
      <c r="AA5288" s="145"/>
      <c r="AB5288" s="145"/>
      <c r="AC5288" s="145"/>
      <c r="AD5288" s="145"/>
      <c r="AE5288" s="145"/>
      <c r="AF5288" s="145"/>
      <c r="AG5288" s="145"/>
      <c r="AH5288" s="145"/>
      <c r="AI5288" s="145"/>
      <c r="AJ5288" s="145"/>
      <c r="AK5288" s="145"/>
      <c r="AL5288" s="145"/>
      <c r="AM5288" s="145"/>
      <c r="AN5288" s="145"/>
      <c r="AO5288" s="145"/>
      <c r="AP5288" s="145"/>
      <c r="AQ5288" s="145"/>
      <c r="AR5288" s="145"/>
      <c r="AS5288" s="145"/>
      <c r="AT5288" s="145"/>
      <c r="AU5288" s="145"/>
      <c r="AV5288" s="145"/>
      <c r="AW5288" s="145"/>
      <c r="AX5288" s="146"/>
      <c r="AY5288" s="146"/>
      <c r="AZ5288" s="146"/>
      <c r="BA5288" s="146"/>
      <c r="BB5288" s="107">
        <v>45884</v>
      </c>
    </row>
    <row r="5289" spans="1:54" s="8" customFormat="1" ht="13.95" customHeight="1" x14ac:dyDescent="0.25">
      <c r="A5289" s="229" t="s">
        <v>12306</v>
      </c>
      <c r="B5289" s="96" t="s">
        <v>11930</v>
      </c>
      <c r="C5289" s="93" t="s">
        <v>12307</v>
      </c>
      <c r="D5289" s="93" t="s">
        <v>12308</v>
      </c>
      <c r="E5289" s="111">
        <v>1977</v>
      </c>
      <c r="F5289" s="111">
        <v>1600</v>
      </c>
      <c r="G5289" s="93" t="s">
        <v>1</v>
      </c>
      <c r="H5289" s="111">
        <v>0</v>
      </c>
      <c r="I5289" s="111">
        <v>0</v>
      </c>
      <c r="J5289" s="111">
        <v>1</v>
      </c>
      <c r="K5289" s="252">
        <v>1</v>
      </c>
      <c r="L5289" s="111">
        <v>1</v>
      </c>
      <c r="M5289" s="252">
        <v>0</v>
      </c>
      <c r="N5289" s="111">
        <v>0</v>
      </c>
      <c r="O5289" s="111">
        <v>1</v>
      </c>
      <c r="P5289" s="111">
        <v>1</v>
      </c>
      <c r="Q5289" s="111">
        <v>0</v>
      </c>
      <c r="R5289" s="111">
        <v>0</v>
      </c>
      <c r="S5289" s="111">
        <v>0</v>
      </c>
      <c r="T5289" s="111">
        <v>0</v>
      </c>
      <c r="U5289" s="145"/>
      <c r="V5289" s="145"/>
      <c r="W5289" s="145"/>
      <c r="X5289" s="145"/>
      <c r="Y5289" s="145"/>
      <c r="Z5289" s="145"/>
      <c r="AA5289" s="145"/>
      <c r="AB5289" s="145"/>
      <c r="AC5289" s="145"/>
      <c r="AD5289" s="145"/>
      <c r="AE5289" s="145"/>
      <c r="AF5289" s="145"/>
      <c r="AG5289" s="145"/>
      <c r="AH5289" s="145"/>
      <c r="AI5289" s="145"/>
      <c r="AJ5289" s="145"/>
      <c r="AK5289" s="145"/>
      <c r="AL5289" s="145"/>
      <c r="AM5289" s="145"/>
      <c r="AN5289" s="145"/>
      <c r="AO5289" s="145"/>
      <c r="AP5289" s="145"/>
      <c r="AQ5289" s="145"/>
      <c r="AR5289" s="145"/>
      <c r="AS5289" s="145"/>
      <c r="AT5289" s="145"/>
      <c r="AU5289" s="145"/>
      <c r="AV5289" s="145"/>
      <c r="AW5289" s="145"/>
      <c r="AX5289" s="146"/>
      <c r="AY5289" s="146"/>
      <c r="AZ5289" s="146"/>
      <c r="BA5289" s="146"/>
      <c r="BB5289" s="107">
        <v>45884</v>
      </c>
    </row>
    <row r="5290" spans="1:54" s="8" customFormat="1" ht="13.95" customHeight="1" x14ac:dyDescent="0.25">
      <c r="A5290" s="229" t="s">
        <v>12309</v>
      </c>
      <c r="B5290" s="96" t="s">
        <v>11930</v>
      </c>
      <c r="C5290" s="93" t="s">
        <v>12310</v>
      </c>
      <c r="D5290" s="93" t="s">
        <v>12311</v>
      </c>
      <c r="E5290" s="111">
        <v>2015</v>
      </c>
      <c r="F5290" s="111">
        <v>1700</v>
      </c>
      <c r="G5290" s="93" t="s">
        <v>1</v>
      </c>
      <c r="H5290" s="111">
        <v>0</v>
      </c>
      <c r="I5290" s="111">
        <v>0</v>
      </c>
      <c r="J5290" s="111">
        <v>1</v>
      </c>
      <c r="K5290" s="111">
        <v>0</v>
      </c>
      <c r="L5290" s="111">
        <v>0</v>
      </c>
      <c r="M5290" s="111">
        <v>0</v>
      </c>
      <c r="N5290" s="111">
        <v>0</v>
      </c>
      <c r="O5290" s="111">
        <v>0</v>
      </c>
      <c r="P5290" s="111">
        <v>0</v>
      </c>
      <c r="Q5290" s="111">
        <v>0</v>
      </c>
      <c r="R5290" s="111">
        <v>0</v>
      </c>
      <c r="S5290" s="111">
        <v>0</v>
      </c>
      <c r="T5290" s="111">
        <v>0</v>
      </c>
      <c r="U5290" s="145"/>
      <c r="V5290" s="145"/>
      <c r="W5290" s="145"/>
      <c r="X5290" s="145"/>
      <c r="Y5290" s="145"/>
      <c r="Z5290" s="145"/>
      <c r="AA5290" s="145"/>
      <c r="AB5290" s="145"/>
      <c r="AC5290" s="145"/>
      <c r="AD5290" s="145"/>
      <c r="AE5290" s="145"/>
      <c r="AF5290" s="145"/>
      <c r="AG5290" s="145"/>
      <c r="AH5290" s="145"/>
      <c r="AI5290" s="145"/>
      <c r="AJ5290" s="145"/>
      <c r="AK5290" s="145"/>
      <c r="AL5290" s="145"/>
      <c r="AM5290" s="145"/>
      <c r="AN5290" s="145"/>
      <c r="AO5290" s="145"/>
      <c r="AP5290" s="145"/>
      <c r="AQ5290" s="145"/>
      <c r="AR5290" s="145"/>
      <c r="AS5290" s="145"/>
      <c r="AT5290" s="145"/>
      <c r="AU5290" s="145"/>
      <c r="AV5290" s="145"/>
      <c r="AW5290" s="145"/>
      <c r="AX5290" s="146"/>
      <c r="AY5290" s="146"/>
      <c r="AZ5290" s="146"/>
      <c r="BA5290" s="146"/>
      <c r="BB5290" s="107">
        <v>45884</v>
      </c>
    </row>
    <row r="5291" spans="1:54" s="8" customFormat="1" ht="13.95" customHeight="1" x14ac:dyDescent="0.25">
      <c r="A5291" s="229" t="s">
        <v>12312</v>
      </c>
      <c r="B5291" s="96" t="s">
        <v>11930</v>
      </c>
      <c r="C5291" s="93" t="s">
        <v>12313</v>
      </c>
      <c r="D5291" s="93" t="s">
        <v>12314</v>
      </c>
      <c r="E5291" s="111">
        <v>1974</v>
      </c>
      <c r="F5291" s="111">
        <v>1600</v>
      </c>
      <c r="G5291" s="93" t="s">
        <v>1</v>
      </c>
      <c r="H5291" s="111">
        <v>1</v>
      </c>
      <c r="I5291" s="111">
        <v>0</v>
      </c>
      <c r="J5291" s="111">
        <v>1</v>
      </c>
      <c r="K5291" s="111">
        <v>1</v>
      </c>
      <c r="L5291" s="111">
        <v>1</v>
      </c>
      <c r="M5291" s="111">
        <v>0</v>
      </c>
      <c r="N5291" s="111">
        <v>0</v>
      </c>
      <c r="O5291" s="111">
        <v>1</v>
      </c>
      <c r="P5291" s="111">
        <v>1</v>
      </c>
      <c r="Q5291" s="111">
        <v>0</v>
      </c>
      <c r="R5291" s="111">
        <v>1</v>
      </c>
      <c r="S5291" s="111">
        <v>0</v>
      </c>
      <c r="T5291" s="111">
        <v>0</v>
      </c>
      <c r="U5291" s="145"/>
      <c r="V5291" s="145"/>
      <c r="W5291" s="145"/>
      <c r="X5291" s="145"/>
      <c r="Y5291" s="145"/>
      <c r="Z5291" s="145"/>
      <c r="AA5291" s="145"/>
      <c r="AB5291" s="145"/>
      <c r="AC5291" s="145"/>
      <c r="AD5291" s="145"/>
      <c r="AE5291" s="145"/>
      <c r="AF5291" s="145"/>
      <c r="AG5291" s="145"/>
      <c r="AH5291" s="145"/>
      <c r="AI5291" s="145"/>
      <c r="AJ5291" s="145"/>
      <c r="AK5291" s="145"/>
      <c r="AL5291" s="145"/>
      <c r="AM5291" s="145"/>
      <c r="AN5291" s="145"/>
      <c r="AO5291" s="145"/>
      <c r="AP5291" s="145"/>
      <c r="AQ5291" s="145"/>
      <c r="AR5291" s="145"/>
      <c r="AS5291" s="145"/>
      <c r="AT5291" s="145"/>
      <c r="AU5291" s="145"/>
      <c r="AV5291" s="145"/>
      <c r="AW5291" s="145"/>
      <c r="AX5291" s="146"/>
      <c r="AY5291" s="146"/>
      <c r="AZ5291" s="146"/>
      <c r="BA5291" s="146"/>
      <c r="BB5291" s="107">
        <v>45884</v>
      </c>
    </row>
    <row r="5292" spans="1:54" s="8" customFormat="1" ht="13.95" customHeight="1" x14ac:dyDescent="0.25">
      <c r="A5292" s="229" t="s">
        <v>12315</v>
      </c>
      <c r="B5292" s="96" t="s">
        <v>11930</v>
      </c>
      <c r="C5292" s="93" t="s">
        <v>12316</v>
      </c>
      <c r="D5292" s="93" t="s">
        <v>12317</v>
      </c>
      <c r="E5292" s="111">
        <v>1991</v>
      </c>
      <c r="F5292" s="111">
        <v>100</v>
      </c>
      <c r="G5292" s="93" t="s">
        <v>1</v>
      </c>
      <c r="H5292" s="111">
        <v>0</v>
      </c>
      <c r="I5292" s="111">
        <v>0</v>
      </c>
      <c r="J5292" s="111">
        <v>0</v>
      </c>
      <c r="K5292" s="111">
        <v>1</v>
      </c>
      <c r="L5292" s="111">
        <v>0</v>
      </c>
      <c r="M5292" s="111">
        <v>0</v>
      </c>
      <c r="N5292" s="111">
        <v>0</v>
      </c>
      <c r="O5292" s="111">
        <v>0</v>
      </c>
      <c r="P5292" s="111">
        <v>0</v>
      </c>
      <c r="Q5292" s="111">
        <v>0</v>
      </c>
      <c r="R5292" s="111">
        <v>0</v>
      </c>
      <c r="S5292" s="111">
        <v>0</v>
      </c>
      <c r="T5292" s="111">
        <v>0</v>
      </c>
      <c r="U5292" s="145"/>
      <c r="V5292" s="145"/>
      <c r="W5292" s="145"/>
      <c r="X5292" s="145"/>
      <c r="Y5292" s="145"/>
      <c r="Z5292" s="145"/>
      <c r="AA5292" s="145"/>
      <c r="AB5292" s="145"/>
      <c r="AC5292" s="145"/>
      <c r="AD5292" s="145"/>
      <c r="AE5292" s="145"/>
      <c r="AF5292" s="145"/>
      <c r="AG5292" s="145"/>
      <c r="AH5292" s="145"/>
      <c r="AI5292" s="145"/>
      <c r="AJ5292" s="145"/>
      <c r="AK5292" s="145"/>
      <c r="AL5292" s="145"/>
      <c r="AM5292" s="145"/>
      <c r="AN5292" s="145"/>
      <c r="AO5292" s="145"/>
      <c r="AP5292" s="145"/>
      <c r="AQ5292" s="145"/>
      <c r="AR5292" s="145"/>
      <c r="AS5292" s="145"/>
      <c r="AT5292" s="145"/>
      <c r="AU5292" s="145"/>
      <c r="AV5292" s="145"/>
      <c r="AW5292" s="145"/>
      <c r="AX5292" s="146"/>
      <c r="AY5292" s="146"/>
      <c r="AZ5292" s="146"/>
      <c r="BA5292" s="146"/>
      <c r="BB5292" s="107">
        <v>45884</v>
      </c>
    </row>
    <row r="5293" spans="1:54" s="8" customFormat="1" ht="13.95" customHeight="1" x14ac:dyDescent="0.25">
      <c r="A5293" s="229" t="s">
        <v>12318</v>
      </c>
      <c r="B5293" s="96" t="s">
        <v>11930</v>
      </c>
      <c r="C5293" s="93" t="s">
        <v>12319</v>
      </c>
      <c r="D5293" s="93" t="s">
        <v>12320</v>
      </c>
      <c r="E5293" s="111">
        <v>1966</v>
      </c>
      <c r="F5293" s="111">
        <v>1400</v>
      </c>
      <c r="G5293" s="93" t="s">
        <v>1</v>
      </c>
      <c r="H5293" s="111">
        <v>0</v>
      </c>
      <c r="I5293" s="111">
        <v>0</v>
      </c>
      <c r="J5293" s="111">
        <v>1</v>
      </c>
      <c r="K5293" s="111">
        <v>0</v>
      </c>
      <c r="L5293" s="111">
        <v>1</v>
      </c>
      <c r="M5293" s="111">
        <v>0</v>
      </c>
      <c r="N5293" s="111">
        <v>0</v>
      </c>
      <c r="O5293" s="111">
        <v>1</v>
      </c>
      <c r="P5293" s="111">
        <v>1</v>
      </c>
      <c r="Q5293" s="111">
        <v>0</v>
      </c>
      <c r="R5293" s="111">
        <v>1</v>
      </c>
      <c r="S5293" s="111">
        <v>1</v>
      </c>
      <c r="T5293" s="111">
        <v>0</v>
      </c>
      <c r="U5293" s="145"/>
      <c r="V5293" s="145"/>
      <c r="W5293" s="145"/>
      <c r="X5293" s="145"/>
      <c r="Y5293" s="145"/>
      <c r="Z5293" s="145"/>
      <c r="AA5293" s="145"/>
      <c r="AB5293" s="145"/>
      <c r="AC5293" s="145"/>
      <c r="AD5293" s="145"/>
      <c r="AE5293" s="145"/>
      <c r="AF5293" s="145"/>
      <c r="AG5293" s="145"/>
      <c r="AH5293" s="145"/>
      <c r="AI5293" s="145"/>
      <c r="AJ5293" s="145"/>
      <c r="AK5293" s="145"/>
      <c r="AL5293" s="145"/>
      <c r="AM5293" s="145"/>
      <c r="AN5293" s="145"/>
      <c r="AO5293" s="145"/>
      <c r="AP5293" s="145"/>
      <c r="AQ5293" s="145"/>
      <c r="AR5293" s="145"/>
      <c r="AS5293" s="145"/>
      <c r="AT5293" s="145"/>
      <c r="AU5293" s="145"/>
      <c r="AV5293" s="145"/>
      <c r="AW5293" s="145"/>
      <c r="AX5293" s="146"/>
      <c r="AY5293" s="146"/>
      <c r="AZ5293" s="146"/>
      <c r="BA5293" s="146"/>
      <c r="BB5293" s="107">
        <v>45884</v>
      </c>
    </row>
    <row r="5294" spans="1:54" s="8" customFormat="1" ht="13.95" customHeight="1" x14ac:dyDescent="0.25">
      <c r="A5294" s="229" t="s">
        <v>12321</v>
      </c>
      <c r="B5294" s="96" t="s">
        <v>11930</v>
      </c>
      <c r="C5294" s="93" t="s">
        <v>12322</v>
      </c>
      <c r="D5294" s="93" t="s">
        <v>12323</v>
      </c>
      <c r="E5294" s="111">
        <v>1985</v>
      </c>
      <c r="F5294" s="111">
        <v>2400</v>
      </c>
      <c r="G5294" s="93" t="s">
        <v>1</v>
      </c>
      <c r="H5294" s="111">
        <v>1</v>
      </c>
      <c r="I5294" s="111">
        <v>0</v>
      </c>
      <c r="J5294" s="111">
        <v>1</v>
      </c>
      <c r="K5294" s="111">
        <v>0</v>
      </c>
      <c r="L5294" s="111">
        <v>0</v>
      </c>
      <c r="M5294" s="111">
        <v>0</v>
      </c>
      <c r="N5294" s="111">
        <v>0</v>
      </c>
      <c r="O5294" s="111">
        <v>0</v>
      </c>
      <c r="P5294" s="111">
        <v>0</v>
      </c>
      <c r="Q5294" s="111">
        <v>0</v>
      </c>
      <c r="R5294" s="111">
        <v>1</v>
      </c>
      <c r="S5294" s="111">
        <v>0</v>
      </c>
      <c r="T5294" s="111">
        <v>0</v>
      </c>
      <c r="U5294" s="145"/>
      <c r="V5294" s="145"/>
      <c r="W5294" s="145"/>
      <c r="X5294" s="145"/>
      <c r="Y5294" s="145"/>
      <c r="Z5294" s="145"/>
      <c r="AA5294" s="145"/>
      <c r="AB5294" s="145"/>
      <c r="AC5294" s="145"/>
      <c r="AD5294" s="145"/>
      <c r="AE5294" s="145"/>
      <c r="AF5294" s="145"/>
      <c r="AG5294" s="145"/>
      <c r="AH5294" s="145"/>
      <c r="AI5294" s="145"/>
      <c r="AJ5294" s="145"/>
      <c r="AK5294" s="145"/>
      <c r="AL5294" s="145"/>
      <c r="AM5294" s="145"/>
      <c r="AN5294" s="145"/>
      <c r="AO5294" s="145"/>
      <c r="AP5294" s="145"/>
      <c r="AQ5294" s="145"/>
      <c r="AR5294" s="145"/>
      <c r="AS5294" s="145"/>
      <c r="AT5294" s="145"/>
      <c r="AU5294" s="145"/>
      <c r="AV5294" s="145"/>
      <c r="AW5294" s="145"/>
      <c r="AX5294" s="146"/>
      <c r="AY5294" s="146"/>
      <c r="AZ5294" s="146"/>
      <c r="BA5294" s="146"/>
      <c r="BB5294" s="107">
        <v>45884</v>
      </c>
    </row>
    <row r="5295" spans="1:54" s="8" customFormat="1" ht="13.95" customHeight="1" x14ac:dyDescent="0.25">
      <c r="A5295" s="229" t="s">
        <v>12324</v>
      </c>
      <c r="B5295" s="96" t="s">
        <v>11930</v>
      </c>
      <c r="C5295" s="93" t="s">
        <v>12325</v>
      </c>
      <c r="D5295" s="93" t="s">
        <v>12326</v>
      </c>
      <c r="E5295" s="111">
        <v>1987</v>
      </c>
      <c r="F5295" s="111">
        <v>700</v>
      </c>
      <c r="G5295" s="93" t="s">
        <v>1</v>
      </c>
      <c r="H5295" s="111">
        <v>0</v>
      </c>
      <c r="I5295" s="111">
        <v>0</v>
      </c>
      <c r="J5295" s="111">
        <v>1</v>
      </c>
      <c r="K5295" s="111">
        <v>1</v>
      </c>
      <c r="L5295" s="111">
        <v>1</v>
      </c>
      <c r="M5295" s="111">
        <v>0</v>
      </c>
      <c r="N5295" s="111">
        <v>0</v>
      </c>
      <c r="O5295" s="111">
        <v>1</v>
      </c>
      <c r="P5295" s="111">
        <v>1</v>
      </c>
      <c r="Q5295" s="111">
        <v>0</v>
      </c>
      <c r="R5295" s="111">
        <v>1</v>
      </c>
      <c r="S5295" s="111">
        <v>0</v>
      </c>
      <c r="T5295" s="111">
        <v>0</v>
      </c>
      <c r="U5295" s="145"/>
      <c r="V5295" s="145"/>
      <c r="W5295" s="145"/>
      <c r="X5295" s="145"/>
      <c r="Y5295" s="145"/>
      <c r="Z5295" s="145"/>
      <c r="AA5295" s="145"/>
      <c r="AB5295" s="145"/>
      <c r="AC5295" s="145"/>
      <c r="AD5295" s="145"/>
      <c r="AE5295" s="145"/>
      <c r="AF5295" s="145"/>
      <c r="AG5295" s="145"/>
      <c r="AH5295" s="145"/>
      <c r="AI5295" s="145"/>
      <c r="AJ5295" s="145"/>
      <c r="AK5295" s="145"/>
      <c r="AL5295" s="145"/>
      <c r="AM5295" s="145"/>
      <c r="AN5295" s="145"/>
      <c r="AO5295" s="145"/>
      <c r="AP5295" s="145"/>
      <c r="AQ5295" s="145"/>
      <c r="AR5295" s="145"/>
      <c r="AS5295" s="145"/>
      <c r="AT5295" s="145"/>
      <c r="AU5295" s="145"/>
      <c r="AV5295" s="145"/>
      <c r="AW5295" s="145"/>
      <c r="AX5295" s="146"/>
      <c r="AY5295" s="146"/>
      <c r="AZ5295" s="146"/>
      <c r="BA5295" s="146"/>
      <c r="BB5295" s="107">
        <v>45884</v>
      </c>
    </row>
    <row r="5296" spans="1:54" s="8" customFormat="1" ht="13.95" customHeight="1" x14ac:dyDescent="0.25">
      <c r="A5296" s="229" t="s">
        <v>12327</v>
      </c>
      <c r="B5296" s="96" t="s">
        <v>11930</v>
      </c>
      <c r="C5296" s="93" t="s">
        <v>12328</v>
      </c>
      <c r="D5296" s="93" t="s">
        <v>12329</v>
      </c>
      <c r="E5296" s="111">
        <v>1990</v>
      </c>
      <c r="F5296" s="111">
        <v>700</v>
      </c>
      <c r="G5296" s="93" t="s">
        <v>1</v>
      </c>
      <c r="H5296" s="111">
        <v>0</v>
      </c>
      <c r="I5296" s="111">
        <v>0</v>
      </c>
      <c r="J5296" s="111">
        <v>1</v>
      </c>
      <c r="K5296" s="111">
        <v>0</v>
      </c>
      <c r="L5296" s="111">
        <v>1</v>
      </c>
      <c r="M5296" s="111">
        <v>0</v>
      </c>
      <c r="N5296" s="111">
        <v>0</v>
      </c>
      <c r="O5296" s="111">
        <v>1</v>
      </c>
      <c r="P5296" s="111">
        <v>1</v>
      </c>
      <c r="Q5296" s="111">
        <v>0</v>
      </c>
      <c r="R5296" s="111">
        <v>1</v>
      </c>
      <c r="S5296" s="111">
        <v>0</v>
      </c>
      <c r="T5296" s="111">
        <v>0</v>
      </c>
      <c r="U5296" s="145"/>
      <c r="V5296" s="145"/>
      <c r="W5296" s="145"/>
      <c r="X5296" s="145"/>
      <c r="Y5296" s="145"/>
      <c r="Z5296" s="145"/>
      <c r="AA5296" s="145"/>
      <c r="AB5296" s="145"/>
      <c r="AC5296" s="145"/>
      <c r="AD5296" s="145"/>
      <c r="AE5296" s="145"/>
      <c r="AF5296" s="145"/>
      <c r="AG5296" s="145"/>
      <c r="AH5296" s="145"/>
      <c r="AI5296" s="145"/>
      <c r="AJ5296" s="145"/>
      <c r="AK5296" s="145"/>
      <c r="AL5296" s="145"/>
      <c r="AM5296" s="145"/>
      <c r="AN5296" s="145"/>
      <c r="AO5296" s="145"/>
      <c r="AP5296" s="145"/>
      <c r="AQ5296" s="145"/>
      <c r="AR5296" s="145"/>
      <c r="AS5296" s="145"/>
      <c r="AT5296" s="145"/>
      <c r="AU5296" s="145"/>
      <c r="AV5296" s="145"/>
      <c r="AW5296" s="145"/>
      <c r="AX5296" s="146"/>
      <c r="AY5296" s="146"/>
      <c r="AZ5296" s="146"/>
      <c r="BA5296" s="146"/>
      <c r="BB5296" s="107">
        <v>45884</v>
      </c>
    </row>
    <row r="5297" spans="1:54" s="8" customFormat="1" ht="13.95" customHeight="1" x14ac:dyDescent="0.25">
      <c r="A5297" s="229" t="s">
        <v>12330</v>
      </c>
      <c r="B5297" s="96" t="s">
        <v>11930</v>
      </c>
      <c r="C5297" s="93" t="s">
        <v>12331</v>
      </c>
      <c r="D5297" s="93" t="s">
        <v>12332</v>
      </c>
      <c r="E5297" s="111">
        <v>1994</v>
      </c>
      <c r="F5297" s="111">
        <v>300</v>
      </c>
      <c r="G5297" s="93" t="s">
        <v>1</v>
      </c>
      <c r="H5297" s="111">
        <v>0</v>
      </c>
      <c r="I5297" s="111">
        <v>0</v>
      </c>
      <c r="J5297" s="111">
        <v>1</v>
      </c>
      <c r="K5297" s="111">
        <v>1</v>
      </c>
      <c r="L5297" s="111">
        <v>0</v>
      </c>
      <c r="M5297" s="111">
        <v>1</v>
      </c>
      <c r="N5297" s="111">
        <v>0</v>
      </c>
      <c r="O5297" s="111">
        <v>0</v>
      </c>
      <c r="P5297" s="111">
        <v>1</v>
      </c>
      <c r="Q5297" s="111">
        <v>0</v>
      </c>
      <c r="R5297" s="111">
        <v>1</v>
      </c>
      <c r="S5297" s="111">
        <v>0</v>
      </c>
      <c r="T5297" s="111">
        <v>0</v>
      </c>
      <c r="U5297" s="145"/>
      <c r="V5297" s="145"/>
      <c r="W5297" s="145"/>
      <c r="X5297" s="145"/>
      <c r="Y5297" s="145"/>
      <c r="Z5297" s="145"/>
      <c r="AA5297" s="145"/>
      <c r="AB5297" s="145"/>
      <c r="AC5297" s="145"/>
      <c r="AD5297" s="145"/>
      <c r="AE5297" s="145"/>
      <c r="AF5297" s="145"/>
      <c r="AG5297" s="145"/>
      <c r="AH5297" s="145"/>
      <c r="AI5297" s="145"/>
      <c r="AJ5297" s="145"/>
      <c r="AK5297" s="145"/>
      <c r="AL5297" s="145"/>
      <c r="AM5297" s="145"/>
      <c r="AN5297" s="145"/>
      <c r="AO5297" s="145"/>
      <c r="AP5297" s="145"/>
      <c r="AQ5297" s="145"/>
      <c r="AR5297" s="145"/>
      <c r="AS5297" s="145"/>
      <c r="AT5297" s="145"/>
      <c r="AU5297" s="145"/>
      <c r="AV5297" s="145"/>
      <c r="AW5297" s="145"/>
      <c r="AX5297" s="146"/>
      <c r="AY5297" s="146"/>
      <c r="AZ5297" s="146"/>
      <c r="BA5297" s="146"/>
      <c r="BB5297" s="107">
        <v>45884</v>
      </c>
    </row>
    <row r="5298" spans="1:54" s="8" customFormat="1" ht="13.95" customHeight="1" x14ac:dyDescent="0.25">
      <c r="A5298" s="229" t="s">
        <v>12333</v>
      </c>
      <c r="B5298" s="96" t="s">
        <v>11930</v>
      </c>
      <c r="C5298" s="93" t="s">
        <v>12334</v>
      </c>
      <c r="D5298" s="93" t="s">
        <v>12335</v>
      </c>
      <c r="E5298" s="111">
        <v>2006</v>
      </c>
      <c r="F5298" s="111">
        <v>400</v>
      </c>
      <c r="G5298" s="93" t="s">
        <v>1</v>
      </c>
      <c r="H5298" s="111">
        <v>0</v>
      </c>
      <c r="I5298" s="111">
        <v>0</v>
      </c>
      <c r="J5298" s="111">
        <v>1</v>
      </c>
      <c r="K5298" s="111">
        <v>1</v>
      </c>
      <c r="L5298" s="111">
        <v>0</v>
      </c>
      <c r="M5298" s="111">
        <v>1</v>
      </c>
      <c r="N5298" s="111">
        <v>0</v>
      </c>
      <c r="O5298" s="111">
        <v>0</v>
      </c>
      <c r="P5298" s="111">
        <v>1</v>
      </c>
      <c r="Q5298" s="111">
        <v>0</v>
      </c>
      <c r="R5298" s="111">
        <v>1</v>
      </c>
      <c r="S5298" s="111">
        <v>0</v>
      </c>
      <c r="T5298" s="111">
        <v>0</v>
      </c>
      <c r="U5298" s="145"/>
      <c r="V5298" s="145"/>
      <c r="W5298" s="145"/>
      <c r="X5298" s="145"/>
      <c r="Y5298" s="145"/>
      <c r="Z5298" s="145"/>
      <c r="AA5298" s="145"/>
      <c r="AB5298" s="145"/>
      <c r="AC5298" s="145"/>
      <c r="AD5298" s="145"/>
      <c r="AE5298" s="145"/>
      <c r="AF5298" s="145"/>
      <c r="AG5298" s="145"/>
      <c r="AH5298" s="145"/>
      <c r="AI5298" s="145"/>
      <c r="AJ5298" s="145"/>
      <c r="AK5298" s="145"/>
      <c r="AL5298" s="145"/>
      <c r="AM5298" s="145"/>
      <c r="AN5298" s="145"/>
      <c r="AO5298" s="145"/>
      <c r="AP5298" s="145"/>
      <c r="AQ5298" s="145"/>
      <c r="AR5298" s="145"/>
      <c r="AS5298" s="145"/>
      <c r="AT5298" s="145"/>
      <c r="AU5298" s="145"/>
      <c r="AV5298" s="145"/>
      <c r="AW5298" s="145"/>
      <c r="AX5298" s="146"/>
      <c r="AY5298" s="146"/>
      <c r="AZ5298" s="146"/>
      <c r="BA5298" s="146"/>
      <c r="BB5298" s="107">
        <v>45884</v>
      </c>
    </row>
    <row r="5299" spans="1:54" s="8" customFormat="1" ht="13.95" customHeight="1" x14ac:dyDescent="0.25">
      <c r="A5299" s="229" t="s">
        <v>12336</v>
      </c>
      <c r="B5299" s="96" t="s">
        <v>11930</v>
      </c>
      <c r="C5299" s="93" t="s">
        <v>12337</v>
      </c>
      <c r="D5299" s="93" t="s">
        <v>12338</v>
      </c>
      <c r="E5299" s="111">
        <v>1982</v>
      </c>
      <c r="F5299" s="111">
        <v>1700</v>
      </c>
      <c r="G5299" s="93" t="s">
        <v>1</v>
      </c>
      <c r="H5299" s="111">
        <v>1</v>
      </c>
      <c r="I5299" s="111">
        <v>0</v>
      </c>
      <c r="J5299" s="111">
        <v>1</v>
      </c>
      <c r="K5299" s="111">
        <v>0</v>
      </c>
      <c r="L5299" s="111">
        <v>1</v>
      </c>
      <c r="M5299" s="111">
        <v>0</v>
      </c>
      <c r="N5299" s="111">
        <v>0</v>
      </c>
      <c r="O5299" s="111">
        <v>1</v>
      </c>
      <c r="P5299" s="111">
        <v>1</v>
      </c>
      <c r="Q5299" s="111">
        <v>0</v>
      </c>
      <c r="R5299" s="111">
        <v>1</v>
      </c>
      <c r="S5299" s="111">
        <v>0</v>
      </c>
      <c r="T5299" s="111">
        <v>0</v>
      </c>
      <c r="U5299" s="145"/>
      <c r="V5299" s="145"/>
      <c r="W5299" s="145"/>
      <c r="X5299" s="145"/>
      <c r="Y5299" s="145"/>
      <c r="Z5299" s="145"/>
      <c r="AA5299" s="145"/>
      <c r="AB5299" s="145"/>
      <c r="AC5299" s="145"/>
      <c r="AD5299" s="145"/>
      <c r="AE5299" s="145"/>
      <c r="AF5299" s="145"/>
      <c r="AG5299" s="145"/>
      <c r="AH5299" s="145"/>
      <c r="AI5299" s="145"/>
      <c r="AJ5299" s="145"/>
      <c r="AK5299" s="145"/>
      <c r="AL5299" s="145"/>
      <c r="AM5299" s="145"/>
      <c r="AN5299" s="145"/>
      <c r="AO5299" s="145"/>
      <c r="AP5299" s="145"/>
      <c r="AQ5299" s="145"/>
      <c r="AR5299" s="145"/>
      <c r="AS5299" s="145"/>
      <c r="AT5299" s="145"/>
      <c r="AU5299" s="145"/>
      <c r="AV5299" s="145"/>
      <c r="AW5299" s="145"/>
      <c r="AX5299" s="146"/>
      <c r="AY5299" s="146"/>
      <c r="AZ5299" s="146"/>
      <c r="BA5299" s="146"/>
      <c r="BB5299" s="107">
        <v>45884</v>
      </c>
    </row>
    <row r="5300" spans="1:54" s="8" customFormat="1" ht="13.95" customHeight="1" x14ac:dyDescent="0.25">
      <c r="A5300" s="229" t="s">
        <v>12339</v>
      </c>
      <c r="B5300" s="96" t="s">
        <v>11930</v>
      </c>
      <c r="C5300" s="93" t="s">
        <v>12340</v>
      </c>
      <c r="D5300" s="93" t="s">
        <v>12341</v>
      </c>
      <c r="E5300" s="111">
        <v>1971</v>
      </c>
      <c r="F5300" s="111">
        <v>1800</v>
      </c>
      <c r="G5300" s="93" t="s">
        <v>1</v>
      </c>
      <c r="H5300" s="111">
        <v>1</v>
      </c>
      <c r="I5300" s="111">
        <v>1</v>
      </c>
      <c r="J5300" s="111">
        <v>1</v>
      </c>
      <c r="K5300" s="111">
        <v>1</v>
      </c>
      <c r="L5300" s="111">
        <v>1</v>
      </c>
      <c r="M5300" s="111">
        <v>1</v>
      </c>
      <c r="N5300" s="111">
        <v>0</v>
      </c>
      <c r="O5300" s="111">
        <v>1</v>
      </c>
      <c r="P5300" s="111">
        <v>1</v>
      </c>
      <c r="Q5300" s="111">
        <v>0</v>
      </c>
      <c r="R5300" s="111">
        <v>1</v>
      </c>
      <c r="S5300" s="111">
        <v>0</v>
      </c>
      <c r="T5300" s="111">
        <v>0</v>
      </c>
      <c r="U5300" s="145"/>
      <c r="V5300" s="145"/>
      <c r="W5300" s="145"/>
      <c r="X5300" s="145"/>
      <c r="Y5300" s="145"/>
      <c r="Z5300" s="145"/>
      <c r="AA5300" s="145"/>
      <c r="AB5300" s="145"/>
      <c r="AC5300" s="145"/>
      <c r="AD5300" s="145"/>
      <c r="AE5300" s="145"/>
      <c r="AF5300" s="145"/>
      <c r="AG5300" s="145"/>
      <c r="AH5300" s="145"/>
      <c r="AI5300" s="145"/>
      <c r="AJ5300" s="145"/>
      <c r="AK5300" s="145"/>
      <c r="AL5300" s="145"/>
      <c r="AM5300" s="145"/>
      <c r="AN5300" s="145"/>
      <c r="AO5300" s="145"/>
      <c r="AP5300" s="145"/>
      <c r="AQ5300" s="145"/>
      <c r="AR5300" s="145"/>
      <c r="AS5300" s="145"/>
      <c r="AT5300" s="145"/>
      <c r="AU5300" s="145"/>
      <c r="AV5300" s="145"/>
      <c r="AW5300" s="145"/>
      <c r="AX5300" s="146"/>
      <c r="AY5300" s="146"/>
      <c r="AZ5300" s="146"/>
      <c r="BA5300" s="146"/>
      <c r="BB5300" s="107">
        <v>45884</v>
      </c>
    </row>
    <row r="5301" spans="1:54" s="8" customFormat="1" ht="13.95" customHeight="1" x14ac:dyDescent="0.25">
      <c r="A5301" s="229" t="s">
        <v>12342</v>
      </c>
      <c r="B5301" s="96" t="s">
        <v>11930</v>
      </c>
      <c r="C5301" s="93" t="s">
        <v>12343</v>
      </c>
      <c r="D5301" s="93" t="s">
        <v>12344</v>
      </c>
      <c r="E5301" s="111">
        <v>1989</v>
      </c>
      <c r="F5301" s="111">
        <v>1800</v>
      </c>
      <c r="G5301" s="93" t="s">
        <v>1</v>
      </c>
      <c r="H5301" s="111">
        <v>1</v>
      </c>
      <c r="I5301" s="111">
        <v>0</v>
      </c>
      <c r="J5301" s="111">
        <v>1</v>
      </c>
      <c r="K5301" s="111">
        <v>1</v>
      </c>
      <c r="L5301" s="111">
        <v>1</v>
      </c>
      <c r="M5301" s="252">
        <v>0</v>
      </c>
      <c r="N5301" s="111">
        <v>0</v>
      </c>
      <c r="O5301" s="111">
        <v>0</v>
      </c>
      <c r="P5301" s="111">
        <v>1</v>
      </c>
      <c r="Q5301" s="111">
        <v>0</v>
      </c>
      <c r="R5301" s="111">
        <v>1</v>
      </c>
      <c r="S5301" s="111">
        <v>1</v>
      </c>
      <c r="T5301" s="111">
        <v>0</v>
      </c>
      <c r="U5301" s="145"/>
      <c r="V5301" s="145"/>
      <c r="W5301" s="145"/>
      <c r="X5301" s="145"/>
      <c r="Y5301" s="145"/>
      <c r="Z5301" s="145"/>
      <c r="AA5301" s="145"/>
      <c r="AB5301" s="145"/>
      <c r="AC5301" s="145"/>
      <c r="AD5301" s="145"/>
      <c r="AE5301" s="145"/>
      <c r="AF5301" s="145"/>
      <c r="AG5301" s="145"/>
      <c r="AH5301" s="145"/>
      <c r="AI5301" s="145"/>
      <c r="AJ5301" s="145"/>
      <c r="AK5301" s="145"/>
      <c r="AL5301" s="145"/>
      <c r="AM5301" s="145"/>
      <c r="AN5301" s="145"/>
      <c r="AO5301" s="145"/>
      <c r="AP5301" s="145"/>
      <c r="AQ5301" s="145"/>
      <c r="AR5301" s="145"/>
      <c r="AS5301" s="145"/>
      <c r="AT5301" s="145"/>
      <c r="AU5301" s="145"/>
      <c r="AV5301" s="145"/>
      <c r="AW5301" s="145"/>
      <c r="AX5301" s="146"/>
      <c r="AY5301" s="146"/>
      <c r="AZ5301" s="146"/>
      <c r="BA5301" s="146"/>
      <c r="BB5301" s="107">
        <v>45884</v>
      </c>
    </row>
    <row r="5302" spans="1:54" s="8" customFormat="1" ht="13.95" customHeight="1" x14ac:dyDescent="0.25">
      <c r="A5302" s="229" t="s">
        <v>12345</v>
      </c>
      <c r="B5302" s="96" t="s">
        <v>11930</v>
      </c>
      <c r="C5302" s="93" t="s">
        <v>12346</v>
      </c>
      <c r="D5302" s="93" t="s">
        <v>12347</v>
      </c>
      <c r="E5302" s="111">
        <v>1976</v>
      </c>
      <c r="F5302" s="111">
        <v>600</v>
      </c>
      <c r="G5302" s="93" t="s">
        <v>1</v>
      </c>
      <c r="H5302" s="111">
        <v>0</v>
      </c>
      <c r="I5302" s="111">
        <v>0</v>
      </c>
      <c r="J5302" s="111">
        <v>1</v>
      </c>
      <c r="K5302" s="111">
        <v>0</v>
      </c>
      <c r="L5302" s="111">
        <v>0</v>
      </c>
      <c r="M5302" s="111">
        <v>0</v>
      </c>
      <c r="N5302" s="111">
        <v>0</v>
      </c>
      <c r="O5302" s="111">
        <v>1</v>
      </c>
      <c r="P5302" s="111">
        <v>0</v>
      </c>
      <c r="Q5302" s="111">
        <v>0</v>
      </c>
      <c r="R5302" s="111">
        <v>0</v>
      </c>
      <c r="S5302" s="111">
        <v>0</v>
      </c>
      <c r="T5302" s="111">
        <v>0</v>
      </c>
      <c r="U5302" s="145"/>
      <c r="V5302" s="145"/>
      <c r="W5302" s="145"/>
      <c r="X5302" s="145"/>
      <c r="Y5302" s="145"/>
      <c r="Z5302" s="145"/>
      <c r="AA5302" s="145"/>
      <c r="AB5302" s="145"/>
      <c r="AC5302" s="145"/>
      <c r="AD5302" s="145"/>
      <c r="AE5302" s="145"/>
      <c r="AF5302" s="145"/>
      <c r="AG5302" s="145"/>
      <c r="AH5302" s="145"/>
      <c r="AI5302" s="145"/>
      <c r="AJ5302" s="145"/>
      <c r="AK5302" s="145"/>
      <c r="AL5302" s="145"/>
      <c r="AM5302" s="145"/>
      <c r="AN5302" s="145"/>
      <c r="AO5302" s="145"/>
      <c r="AP5302" s="145"/>
      <c r="AQ5302" s="145"/>
      <c r="AR5302" s="145"/>
      <c r="AS5302" s="145"/>
      <c r="AT5302" s="145"/>
      <c r="AU5302" s="145"/>
      <c r="AV5302" s="145"/>
      <c r="AW5302" s="145"/>
      <c r="AX5302" s="146"/>
      <c r="AY5302" s="146"/>
      <c r="AZ5302" s="146"/>
      <c r="BA5302" s="146"/>
      <c r="BB5302" s="107">
        <v>45884</v>
      </c>
    </row>
    <row r="5303" spans="1:54" s="8" customFormat="1" ht="13.95" customHeight="1" x14ac:dyDescent="0.25">
      <c r="A5303" s="229" t="s">
        <v>12348</v>
      </c>
      <c r="B5303" s="96" t="s">
        <v>11930</v>
      </c>
      <c r="C5303" s="93" t="s">
        <v>12349</v>
      </c>
      <c r="D5303" s="93" t="s">
        <v>12350</v>
      </c>
      <c r="E5303" s="111">
        <v>1971</v>
      </c>
      <c r="F5303" s="111">
        <v>1300</v>
      </c>
      <c r="G5303" s="93" t="s">
        <v>1</v>
      </c>
      <c r="H5303" s="111">
        <v>0</v>
      </c>
      <c r="I5303" s="111">
        <v>0</v>
      </c>
      <c r="J5303" s="111">
        <v>1</v>
      </c>
      <c r="K5303" s="111">
        <v>1</v>
      </c>
      <c r="L5303" s="111">
        <v>0</v>
      </c>
      <c r="M5303" s="111">
        <v>0</v>
      </c>
      <c r="N5303" s="111">
        <v>0</v>
      </c>
      <c r="O5303" s="111">
        <v>1</v>
      </c>
      <c r="P5303" s="111">
        <v>0</v>
      </c>
      <c r="Q5303" s="111">
        <v>0</v>
      </c>
      <c r="R5303" s="111">
        <v>0</v>
      </c>
      <c r="S5303" s="111">
        <v>0</v>
      </c>
      <c r="T5303" s="111">
        <v>0</v>
      </c>
      <c r="U5303" s="145"/>
      <c r="V5303" s="145"/>
      <c r="W5303" s="145"/>
      <c r="X5303" s="145"/>
      <c r="Y5303" s="145"/>
      <c r="Z5303" s="145"/>
      <c r="AA5303" s="145"/>
      <c r="AB5303" s="145"/>
      <c r="AC5303" s="145"/>
      <c r="AD5303" s="145"/>
      <c r="AE5303" s="145"/>
      <c r="AF5303" s="145"/>
      <c r="AG5303" s="145"/>
      <c r="AH5303" s="145"/>
      <c r="AI5303" s="145"/>
      <c r="AJ5303" s="145"/>
      <c r="AK5303" s="145"/>
      <c r="AL5303" s="145"/>
      <c r="AM5303" s="145"/>
      <c r="AN5303" s="145"/>
      <c r="AO5303" s="145"/>
      <c r="AP5303" s="145"/>
      <c r="AQ5303" s="145"/>
      <c r="AR5303" s="145"/>
      <c r="AS5303" s="145"/>
      <c r="AT5303" s="145"/>
      <c r="AU5303" s="145"/>
      <c r="AV5303" s="145"/>
      <c r="AW5303" s="145"/>
      <c r="AX5303" s="146"/>
      <c r="AY5303" s="146"/>
      <c r="AZ5303" s="146"/>
      <c r="BA5303" s="146"/>
      <c r="BB5303" s="107">
        <v>45884</v>
      </c>
    </row>
    <row r="5304" spans="1:54" s="8" customFormat="1" ht="13.95" customHeight="1" x14ac:dyDescent="0.25">
      <c r="A5304" s="229" t="s">
        <v>12351</v>
      </c>
      <c r="B5304" s="96" t="s">
        <v>11930</v>
      </c>
      <c r="C5304" s="93" t="s">
        <v>12352</v>
      </c>
      <c r="D5304" s="93" t="s">
        <v>12353</v>
      </c>
      <c r="E5304" s="111">
        <v>1972</v>
      </c>
      <c r="F5304" s="111">
        <v>1800</v>
      </c>
      <c r="G5304" s="93" t="s">
        <v>1</v>
      </c>
      <c r="H5304" s="111">
        <v>0</v>
      </c>
      <c r="I5304" s="111">
        <v>0</v>
      </c>
      <c r="J5304" s="111">
        <v>1</v>
      </c>
      <c r="K5304" s="111">
        <v>1</v>
      </c>
      <c r="L5304" s="111">
        <v>1</v>
      </c>
      <c r="M5304" s="111">
        <v>0</v>
      </c>
      <c r="N5304" s="111">
        <v>0</v>
      </c>
      <c r="O5304" s="111">
        <v>1</v>
      </c>
      <c r="P5304" s="111">
        <v>1</v>
      </c>
      <c r="Q5304" s="111">
        <v>0</v>
      </c>
      <c r="R5304" s="111">
        <v>1</v>
      </c>
      <c r="S5304" s="111">
        <v>0</v>
      </c>
      <c r="T5304" s="111">
        <v>0</v>
      </c>
      <c r="U5304" s="145"/>
      <c r="V5304" s="145"/>
      <c r="W5304" s="145"/>
      <c r="X5304" s="145"/>
      <c r="Y5304" s="145"/>
      <c r="Z5304" s="145"/>
      <c r="AA5304" s="145"/>
      <c r="AB5304" s="145"/>
      <c r="AC5304" s="145"/>
      <c r="AD5304" s="145"/>
      <c r="AE5304" s="145"/>
      <c r="AF5304" s="145"/>
      <c r="AG5304" s="145"/>
      <c r="AH5304" s="145"/>
      <c r="AI5304" s="145"/>
      <c r="AJ5304" s="145"/>
      <c r="AK5304" s="145"/>
      <c r="AL5304" s="145"/>
      <c r="AM5304" s="145"/>
      <c r="AN5304" s="145"/>
      <c r="AO5304" s="145"/>
      <c r="AP5304" s="145"/>
      <c r="AQ5304" s="145"/>
      <c r="AR5304" s="145"/>
      <c r="AS5304" s="145"/>
      <c r="AT5304" s="145"/>
      <c r="AU5304" s="145"/>
      <c r="AV5304" s="145"/>
      <c r="AW5304" s="145"/>
      <c r="AX5304" s="146"/>
      <c r="AY5304" s="146"/>
      <c r="AZ5304" s="146"/>
      <c r="BA5304" s="146"/>
      <c r="BB5304" s="107">
        <v>45884</v>
      </c>
    </row>
    <row r="5305" spans="1:54" s="8" customFormat="1" ht="13.95" customHeight="1" x14ac:dyDescent="0.25">
      <c r="A5305" s="229" t="s">
        <v>12354</v>
      </c>
      <c r="B5305" s="96" t="s">
        <v>11930</v>
      </c>
      <c r="C5305" s="93" t="s">
        <v>12355</v>
      </c>
      <c r="D5305" s="93" t="s">
        <v>12356</v>
      </c>
      <c r="E5305" s="111">
        <v>1965</v>
      </c>
      <c r="F5305" s="111">
        <v>4000</v>
      </c>
      <c r="G5305" s="93" t="s">
        <v>1</v>
      </c>
      <c r="H5305" s="111">
        <v>1</v>
      </c>
      <c r="I5305" s="111">
        <v>0</v>
      </c>
      <c r="J5305" s="111">
        <v>1</v>
      </c>
      <c r="K5305" s="111">
        <v>1</v>
      </c>
      <c r="L5305" s="111">
        <v>1</v>
      </c>
      <c r="M5305" s="111">
        <v>0</v>
      </c>
      <c r="N5305" s="111">
        <v>0</v>
      </c>
      <c r="O5305" s="111">
        <v>1</v>
      </c>
      <c r="P5305" s="111">
        <v>1</v>
      </c>
      <c r="Q5305" s="111">
        <v>0</v>
      </c>
      <c r="R5305" s="111">
        <v>1</v>
      </c>
      <c r="S5305" s="111">
        <v>1</v>
      </c>
      <c r="T5305" s="111">
        <v>0</v>
      </c>
      <c r="U5305" s="145"/>
      <c r="V5305" s="145"/>
      <c r="W5305" s="145"/>
      <c r="X5305" s="145"/>
      <c r="Y5305" s="145"/>
      <c r="Z5305" s="145"/>
      <c r="AA5305" s="145"/>
      <c r="AB5305" s="145"/>
      <c r="AC5305" s="145"/>
      <c r="AD5305" s="145"/>
      <c r="AE5305" s="145"/>
      <c r="AF5305" s="145"/>
      <c r="AG5305" s="145"/>
      <c r="AH5305" s="145"/>
      <c r="AI5305" s="145"/>
      <c r="AJ5305" s="145"/>
      <c r="AK5305" s="145"/>
      <c r="AL5305" s="145"/>
      <c r="AM5305" s="145"/>
      <c r="AN5305" s="145"/>
      <c r="AO5305" s="145"/>
      <c r="AP5305" s="145"/>
      <c r="AQ5305" s="145"/>
      <c r="AR5305" s="145"/>
      <c r="AS5305" s="145"/>
      <c r="AT5305" s="145"/>
      <c r="AU5305" s="145"/>
      <c r="AV5305" s="145"/>
      <c r="AW5305" s="145"/>
      <c r="AX5305" s="146"/>
      <c r="AY5305" s="146"/>
      <c r="AZ5305" s="146"/>
      <c r="BA5305" s="146"/>
      <c r="BB5305" s="107">
        <v>45884</v>
      </c>
    </row>
    <row r="5306" spans="1:54" s="8" customFormat="1" ht="13.95" customHeight="1" x14ac:dyDescent="0.25">
      <c r="A5306" s="229" t="s">
        <v>12357</v>
      </c>
      <c r="B5306" s="96" t="s">
        <v>11930</v>
      </c>
      <c r="C5306" s="93" t="s">
        <v>12358</v>
      </c>
      <c r="D5306" s="93" t="s">
        <v>12359</v>
      </c>
      <c r="E5306" s="111">
        <v>1998</v>
      </c>
      <c r="F5306" s="111">
        <v>9000</v>
      </c>
      <c r="G5306" s="93" t="s">
        <v>1</v>
      </c>
      <c r="H5306" s="111">
        <v>1</v>
      </c>
      <c r="I5306" s="111">
        <v>1</v>
      </c>
      <c r="J5306" s="111">
        <v>1</v>
      </c>
      <c r="K5306" s="111">
        <v>0</v>
      </c>
      <c r="L5306" s="111">
        <v>0</v>
      </c>
      <c r="M5306" s="111">
        <v>0</v>
      </c>
      <c r="N5306" s="111">
        <v>0</v>
      </c>
      <c r="O5306" s="111">
        <v>0</v>
      </c>
      <c r="P5306" s="111">
        <v>0</v>
      </c>
      <c r="Q5306" s="111">
        <v>0</v>
      </c>
      <c r="R5306" s="111">
        <v>0</v>
      </c>
      <c r="S5306" s="111">
        <v>0</v>
      </c>
      <c r="T5306" s="111">
        <v>0</v>
      </c>
      <c r="U5306" s="145"/>
      <c r="V5306" s="145"/>
      <c r="W5306" s="145"/>
      <c r="X5306" s="145"/>
      <c r="Y5306" s="145"/>
      <c r="Z5306" s="145"/>
      <c r="AA5306" s="145"/>
      <c r="AB5306" s="145"/>
      <c r="AC5306" s="145"/>
      <c r="AD5306" s="145"/>
      <c r="AE5306" s="145"/>
      <c r="AF5306" s="145"/>
      <c r="AG5306" s="145"/>
      <c r="AH5306" s="145"/>
      <c r="AI5306" s="145"/>
      <c r="AJ5306" s="145"/>
      <c r="AK5306" s="145"/>
      <c r="AL5306" s="145"/>
      <c r="AM5306" s="145"/>
      <c r="AN5306" s="145"/>
      <c r="AO5306" s="145"/>
      <c r="AP5306" s="145"/>
      <c r="AQ5306" s="145"/>
      <c r="AR5306" s="145"/>
      <c r="AS5306" s="145"/>
      <c r="AT5306" s="145"/>
      <c r="AU5306" s="145"/>
      <c r="AV5306" s="145"/>
      <c r="AW5306" s="145"/>
      <c r="AX5306" s="146"/>
      <c r="AY5306" s="146"/>
      <c r="AZ5306" s="146"/>
      <c r="BA5306" s="146"/>
      <c r="BB5306" s="107">
        <v>45884</v>
      </c>
    </row>
    <row r="5307" spans="1:54" s="8" customFormat="1" ht="13.95" customHeight="1" x14ac:dyDescent="0.25">
      <c r="A5307" s="229" t="s">
        <v>12360</v>
      </c>
      <c r="B5307" s="96" t="s">
        <v>11930</v>
      </c>
      <c r="C5307" s="93" t="s">
        <v>12361</v>
      </c>
      <c r="D5307" s="93" t="s">
        <v>12362</v>
      </c>
      <c r="E5307" s="111">
        <v>1985</v>
      </c>
      <c r="F5307" s="111">
        <v>800</v>
      </c>
      <c r="G5307" s="93" t="s">
        <v>1</v>
      </c>
      <c r="H5307" s="111">
        <v>0</v>
      </c>
      <c r="I5307" s="111">
        <v>0</v>
      </c>
      <c r="J5307" s="111">
        <v>1</v>
      </c>
      <c r="K5307" s="252">
        <v>1</v>
      </c>
      <c r="L5307" s="111">
        <v>1</v>
      </c>
      <c r="M5307" s="111">
        <v>0</v>
      </c>
      <c r="N5307" s="111">
        <v>0</v>
      </c>
      <c r="O5307" s="111">
        <v>0</v>
      </c>
      <c r="P5307" s="111">
        <v>1</v>
      </c>
      <c r="Q5307" s="111">
        <v>0</v>
      </c>
      <c r="R5307" s="111">
        <v>0</v>
      </c>
      <c r="S5307" s="111">
        <v>0</v>
      </c>
      <c r="T5307" s="111">
        <v>0</v>
      </c>
      <c r="U5307" s="145"/>
      <c r="V5307" s="145"/>
      <c r="W5307" s="145"/>
      <c r="X5307" s="145"/>
      <c r="Y5307" s="145"/>
      <c r="Z5307" s="145"/>
      <c r="AA5307" s="145"/>
      <c r="AB5307" s="145"/>
      <c r="AC5307" s="145"/>
      <c r="AD5307" s="145"/>
      <c r="AE5307" s="145"/>
      <c r="AF5307" s="145"/>
      <c r="AG5307" s="145"/>
      <c r="AH5307" s="145"/>
      <c r="AI5307" s="145"/>
      <c r="AJ5307" s="145"/>
      <c r="AK5307" s="145"/>
      <c r="AL5307" s="145"/>
      <c r="AM5307" s="145"/>
      <c r="AN5307" s="145"/>
      <c r="AO5307" s="145"/>
      <c r="AP5307" s="145"/>
      <c r="AQ5307" s="145"/>
      <c r="AR5307" s="145"/>
      <c r="AS5307" s="145"/>
      <c r="AT5307" s="145"/>
      <c r="AU5307" s="145"/>
      <c r="AV5307" s="145"/>
      <c r="AW5307" s="145"/>
      <c r="AX5307" s="146"/>
      <c r="AY5307" s="146"/>
      <c r="AZ5307" s="146"/>
      <c r="BA5307" s="146"/>
      <c r="BB5307" s="107">
        <v>45884</v>
      </c>
    </row>
    <row r="5308" spans="1:54" s="8" customFormat="1" ht="13.95" customHeight="1" x14ac:dyDescent="0.25">
      <c r="A5308" s="229" t="s">
        <v>12363</v>
      </c>
      <c r="B5308" s="96" t="s">
        <v>11930</v>
      </c>
      <c r="C5308" s="93" t="s">
        <v>12364</v>
      </c>
      <c r="D5308" s="93" t="s">
        <v>12365</v>
      </c>
      <c r="E5308" s="111">
        <v>1976</v>
      </c>
      <c r="F5308" s="111">
        <v>1800</v>
      </c>
      <c r="G5308" s="93" t="s">
        <v>1</v>
      </c>
      <c r="H5308" s="111">
        <v>0</v>
      </c>
      <c r="I5308" s="111">
        <v>0</v>
      </c>
      <c r="J5308" s="111">
        <v>1</v>
      </c>
      <c r="K5308" s="111">
        <v>1</v>
      </c>
      <c r="L5308" s="111">
        <v>1</v>
      </c>
      <c r="M5308" s="111">
        <v>0</v>
      </c>
      <c r="N5308" s="111">
        <v>0</v>
      </c>
      <c r="O5308" s="111">
        <v>1</v>
      </c>
      <c r="P5308" s="111">
        <v>1</v>
      </c>
      <c r="Q5308" s="111">
        <v>0</v>
      </c>
      <c r="R5308" s="111">
        <v>1</v>
      </c>
      <c r="S5308" s="111">
        <v>0</v>
      </c>
      <c r="T5308" s="111">
        <v>0</v>
      </c>
      <c r="U5308" s="145"/>
      <c r="V5308" s="145"/>
      <c r="W5308" s="145"/>
      <c r="X5308" s="145"/>
      <c r="Y5308" s="145"/>
      <c r="Z5308" s="145"/>
      <c r="AA5308" s="145"/>
      <c r="AB5308" s="145"/>
      <c r="AC5308" s="145"/>
      <c r="AD5308" s="145"/>
      <c r="AE5308" s="145"/>
      <c r="AF5308" s="145"/>
      <c r="AG5308" s="145"/>
      <c r="AH5308" s="145"/>
      <c r="AI5308" s="145"/>
      <c r="AJ5308" s="145"/>
      <c r="AK5308" s="145"/>
      <c r="AL5308" s="145"/>
      <c r="AM5308" s="145"/>
      <c r="AN5308" s="145"/>
      <c r="AO5308" s="145"/>
      <c r="AP5308" s="145"/>
      <c r="AQ5308" s="145"/>
      <c r="AR5308" s="145"/>
      <c r="AS5308" s="145"/>
      <c r="AT5308" s="145"/>
      <c r="AU5308" s="145"/>
      <c r="AV5308" s="145"/>
      <c r="AW5308" s="145"/>
      <c r="AX5308" s="146"/>
      <c r="AY5308" s="146"/>
      <c r="AZ5308" s="146"/>
      <c r="BA5308" s="146"/>
      <c r="BB5308" s="107">
        <v>45884</v>
      </c>
    </row>
    <row r="5309" spans="1:54" s="8" customFormat="1" ht="13.95" customHeight="1" x14ac:dyDescent="0.25">
      <c r="A5309" s="229" t="s">
        <v>12366</v>
      </c>
      <c r="B5309" s="96" t="s">
        <v>11930</v>
      </c>
      <c r="C5309" s="93" t="s">
        <v>12367</v>
      </c>
      <c r="D5309" s="93" t="s">
        <v>12368</v>
      </c>
      <c r="E5309" s="111">
        <v>2002</v>
      </c>
      <c r="F5309" s="111">
        <v>200</v>
      </c>
      <c r="G5309" s="93" t="s">
        <v>1</v>
      </c>
      <c r="H5309" s="111">
        <v>0</v>
      </c>
      <c r="I5309" s="111">
        <v>0</v>
      </c>
      <c r="J5309" s="111">
        <v>1</v>
      </c>
      <c r="K5309" s="111">
        <v>1</v>
      </c>
      <c r="L5309" s="111">
        <v>1</v>
      </c>
      <c r="M5309" s="111">
        <v>0</v>
      </c>
      <c r="N5309" s="111">
        <v>0</v>
      </c>
      <c r="O5309" s="111">
        <v>0</v>
      </c>
      <c r="P5309" s="111">
        <v>1</v>
      </c>
      <c r="Q5309" s="111">
        <v>0</v>
      </c>
      <c r="R5309" s="111">
        <v>0</v>
      </c>
      <c r="S5309" s="111">
        <v>0</v>
      </c>
      <c r="T5309" s="111">
        <v>0</v>
      </c>
      <c r="U5309" s="145"/>
      <c r="V5309" s="145"/>
      <c r="W5309" s="145"/>
      <c r="X5309" s="145"/>
      <c r="Y5309" s="145"/>
      <c r="Z5309" s="145"/>
      <c r="AA5309" s="145"/>
      <c r="AB5309" s="145"/>
      <c r="AC5309" s="145"/>
      <c r="AD5309" s="145"/>
      <c r="AE5309" s="145"/>
      <c r="AF5309" s="145"/>
      <c r="AG5309" s="145"/>
      <c r="AH5309" s="145"/>
      <c r="AI5309" s="145"/>
      <c r="AJ5309" s="145"/>
      <c r="AK5309" s="145"/>
      <c r="AL5309" s="145"/>
      <c r="AM5309" s="145"/>
      <c r="AN5309" s="145"/>
      <c r="AO5309" s="145"/>
      <c r="AP5309" s="145"/>
      <c r="AQ5309" s="145"/>
      <c r="AR5309" s="145"/>
      <c r="AS5309" s="145"/>
      <c r="AT5309" s="145"/>
      <c r="AU5309" s="145"/>
      <c r="AV5309" s="145"/>
      <c r="AW5309" s="145"/>
      <c r="AX5309" s="146"/>
      <c r="AY5309" s="146"/>
      <c r="AZ5309" s="146"/>
      <c r="BA5309" s="146"/>
      <c r="BB5309" s="107">
        <v>45884</v>
      </c>
    </row>
    <row r="5310" spans="1:54" s="8" customFormat="1" ht="13.95" customHeight="1" x14ac:dyDescent="0.25">
      <c r="A5310" s="229" t="s">
        <v>12369</v>
      </c>
      <c r="B5310" s="96" t="s">
        <v>11930</v>
      </c>
      <c r="C5310" s="93" t="s">
        <v>12370</v>
      </c>
      <c r="D5310" s="93" t="s">
        <v>12371</v>
      </c>
      <c r="E5310" s="111">
        <v>2004</v>
      </c>
      <c r="F5310" s="111">
        <v>200</v>
      </c>
      <c r="G5310" s="93" t="s">
        <v>1</v>
      </c>
      <c r="H5310" s="111">
        <v>0</v>
      </c>
      <c r="I5310" s="111">
        <v>0</v>
      </c>
      <c r="J5310" s="111">
        <v>1</v>
      </c>
      <c r="K5310" s="111">
        <v>1</v>
      </c>
      <c r="L5310" s="111">
        <v>1</v>
      </c>
      <c r="M5310" s="111">
        <v>0</v>
      </c>
      <c r="N5310" s="111">
        <v>0</v>
      </c>
      <c r="O5310" s="111">
        <v>0</v>
      </c>
      <c r="P5310" s="111">
        <v>1</v>
      </c>
      <c r="Q5310" s="111">
        <v>0</v>
      </c>
      <c r="R5310" s="111">
        <v>0</v>
      </c>
      <c r="S5310" s="111">
        <v>0</v>
      </c>
      <c r="T5310" s="111">
        <v>0</v>
      </c>
      <c r="U5310" s="145"/>
      <c r="V5310" s="145"/>
      <c r="W5310" s="145"/>
      <c r="X5310" s="145"/>
      <c r="Y5310" s="145"/>
      <c r="Z5310" s="145"/>
      <c r="AA5310" s="145"/>
      <c r="AB5310" s="145"/>
      <c r="AC5310" s="145"/>
      <c r="AD5310" s="145"/>
      <c r="AE5310" s="145"/>
      <c r="AF5310" s="145"/>
      <c r="AG5310" s="145"/>
      <c r="AH5310" s="145"/>
      <c r="AI5310" s="145"/>
      <c r="AJ5310" s="145"/>
      <c r="AK5310" s="145"/>
      <c r="AL5310" s="145"/>
      <c r="AM5310" s="145"/>
      <c r="AN5310" s="145"/>
      <c r="AO5310" s="145"/>
      <c r="AP5310" s="145"/>
      <c r="AQ5310" s="145"/>
      <c r="AR5310" s="145"/>
      <c r="AS5310" s="145"/>
      <c r="AT5310" s="145"/>
      <c r="AU5310" s="145"/>
      <c r="AV5310" s="145"/>
      <c r="AW5310" s="145"/>
      <c r="AX5310" s="146"/>
      <c r="AY5310" s="146"/>
      <c r="AZ5310" s="146"/>
      <c r="BA5310" s="146"/>
      <c r="BB5310" s="107">
        <v>45884</v>
      </c>
    </row>
    <row r="5311" spans="1:54" s="8" customFormat="1" ht="13.95" customHeight="1" x14ac:dyDescent="0.25">
      <c r="A5311" s="229" t="s">
        <v>12372</v>
      </c>
      <c r="B5311" s="96" t="s">
        <v>11930</v>
      </c>
      <c r="C5311" s="93" t="s">
        <v>12373</v>
      </c>
      <c r="D5311" s="93" t="s">
        <v>12374</v>
      </c>
      <c r="E5311" s="111">
        <v>1999</v>
      </c>
      <c r="F5311" s="111">
        <v>200</v>
      </c>
      <c r="G5311" s="93" t="s">
        <v>1</v>
      </c>
      <c r="H5311" s="111">
        <v>0</v>
      </c>
      <c r="I5311" s="111">
        <v>0</v>
      </c>
      <c r="J5311" s="111">
        <v>1</v>
      </c>
      <c r="K5311" s="111">
        <v>1</v>
      </c>
      <c r="L5311" s="111">
        <v>1</v>
      </c>
      <c r="M5311" s="111">
        <v>0</v>
      </c>
      <c r="N5311" s="111">
        <v>0</v>
      </c>
      <c r="O5311" s="111">
        <v>0</v>
      </c>
      <c r="P5311" s="111">
        <v>1</v>
      </c>
      <c r="Q5311" s="111">
        <v>0</v>
      </c>
      <c r="R5311" s="111">
        <v>0</v>
      </c>
      <c r="S5311" s="111">
        <v>0</v>
      </c>
      <c r="T5311" s="111">
        <v>0</v>
      </c>
      <c r="U5311" s="145"/>
      <c r="V5311" s="145"/>
      <c r="W5311" s="145"/>
      <c r="X5311" s="145"/>
      <c r="Y5311" s="145"/>
      <c r="Z5311" s="145"/>
      <c r="AA5311" s="145"/>
      <c r="AB5311" s="145"/>
      <c r="AC5311" s="145"/>
      <c r="AD5311" s="145"/>
      <c r="AE5311" s="145"/>
      <c r="AF5311" s="145"/>
      <c r="AG5311" s="145"/>
      <c r="AH5311" s="145"/>
      <c r="AI5311" s="145"/>
      <c r="AJ5311" s="145"/>
      <c r="AK5311" s="145"/>
      <c r="AL5311" s="145"/>
      <c r="AM5311" s="145"/>
      <c r="AN5311" s="145"/>
      <c r="AO5311" s="145"/>
      <c r="AP5311" s="145"/>
      <c r="AQ5311" s="145"/>
      <c r="AR5311" s="145"/>
      <c r="AS5311" s="145"/>
      <c r="AT5311" s="145"/>
      <c r="AU5311" s="145"/>
      <c r="AV5311" s="145"/>
      <c r="AW5311" s="145"/>
      <c r="AX5311" s="146"/>
      <c r="AY5311" s="146"/>
      <c r="AZ5311" s="146"/>
      <c r="BA5311" s="146"/>
      <c r="BB5311" s="107">
        <v>45884</v>
      </c>
    </row>
    <row r="5312" spans="1:54" s="8" customFormat="1" ht="13.95" customHeight="1" x14ac:dyDescent="0.25">
      <c r="A5312" s="229" t="s">
        <v>12375</v>
      </c>
      <c r="B5312" s="96" t="s">
        <v>11930</v>
      </c>
      <c r="C5312" s="93" t="s">
        <v>12376</v>
      </c>
      <c r="D5312" s="93" t="s">
        <v>12377</v>
      </c>
      <c r="E5312" s="111">
        <v>1996</v>
      </c>
      <c r="F5312" s="111">
        <v>200</v>
      </c>
      <c r="G5312" s="93" t="s">
        <v>1</v>
      </c>
      <c r="H5312" s="111">
        <v>0</v>
      </c>
      <c r="I5312" s="111">
        <v>0</v>
      </c>
      <c r="J5312" s="111">
        <v>1</v>
      </c>
      <c r="K5312" s="252">
        <v>1</v>
      </c>
      <c r="L5312" s="111">
        <v>0</v>
      </c>
      <c r="M5312" s="111">
        <v>0</v>
      </c>
      <c r="N5312" s="111">
        <v>0</v>
      </c>
      <c r="O5312" s="111">
        <v>0</v>
      </c>
      <c r="P5312" s="111">
        <v>1</v>
      </c>
      <c r="Q5312" s="111">
        <v>0</v>
      </c>
      <c r="R5312" s="111">
        <v>0</v>
      </c>
      <c r="S5312" s="111">
        <v>0</v>
      </c>
      <c r="T5312" s="111">
        <v>0</v>
      </c>
      <c r="U5312" s="145"/>
      <c r="V5312" s="145"/>
      <c r="W5312" s="145"/>
      <c r="X5312" s="145"/>
      <c r="Y5312" s="145"/>
      <c r="Z5312" s="145"/>
      <c r="AA5312" s="145"/>
      <c r="AB5312" s="145"/>
      <c r="AC5312" s="145"/>
      <c r="AD5312" s="145"/>
      <c r="AE5312" s="145"/>
      <c r="AF5312" s="145"/>
      <c r="AG5312" s="145"/>
      <c r="AH5312" s="145"/>
      <c r="AI5312" s="145"/>
      <c r="AJ5312" s="145"/>
      <c r="AK5312" s="145"/>
      <c r="AL5312" s="145"/>
      <c r="AM5312" s="145"/>
      <c r="AN5312" s="145"/>
      <c r="AO5312" s="145"/>
      <c r="AP5312" s="145"/>
      <c r="AQ5312" s="145"/>
      <c r="AR5312" s="145"/>
      <c r="AS5312" s="145"/>
      <c r="AT5312" s="145"/>
      <c r="AU5312" s="145"/>
      <c r="AV5312" s="145"/>
      <c r="AW5312" s="145"/>
      <c r="AX5312" s="146"/>
      <c r="AY5312" s="146"/>
      <c r="AZ5312" s="146"/>
      <c r="BA5312" s="146"/>
      <c r="BB5312" s="107">
        <v>45884</v>
      </c>
    </row>
    <row r="5313" spans="1:54" s="8" customFormat="1" ht="13.95" customHeight="1" x14ac:dyDescent="0.25">
      <c r="A5313" s="229" t="s">
        <v>12378</v>
      </c>
      <c r="B5313" s="96" t="s">
        <v>11930</v>
      </c>
      <c r="C5313" s="93" t="s">
        <v>12379</v>
      </c>
      <c r="D5313" s="93" t="s">
        <v>12380</v>
      </c>
      <c r="E5313" s="111">
        <v>1976</v>
      </c>
      <c r="F5313" s="111">
        <v>1200</v>
      </c>
      <c r="G5313" s="93" t="s">
        <v>1</v>
      </c>
      <c r="H5313" s="111">
        <v>0</v>
      </c>
      <c r="I5313" s="111">
        <v>0</v>
      </c>
      <c r="J5313" s="111">
        <v>1</v>
      </c>
      <c r="K5313" s="111">
        <v>0</v>
      </c>
      <c r="L5313" s="111">
        <v>1</v>
      </c>
      <c r="M5313" s="111">
        <v>0</v>
      </c>
      <c r="N5313" s="111">
        <v>0</v>
      </c>
      <c r="O5313" s="111">
        <v>1</v>
      </c>
      <c r="P5313" s="111">
        <v>1</v>
      </c>
      <c r="Q5313" s="111">
        <v>0</v>
      </c>
      <c r="R5313" s="111">
        <v>0</v>
      </c>
      <c r="S5313" s="111">
        <v>0</v>
      </c>
      <c r="T5313" s="111">
        <v>0</v>
      </c>
      <c r="U5313" s="145"/>
      <c r="V5313" s="145"/>
      <c r="W5313" s="145"/>
      <c r="X5313" s="145"/>
      <c r="Y5313" s="145"/>
      <c r="Z5313" s="145"/>
      <c r="AA5313" s="145"/>
      <c r="AB5313" s="145"/>
      <c r="AC5313" s="145"/>
      <c r="AD5313" s="145"/>
      <c r="AE5313" s="145"/>
      <c r="AF5313" s="145"/>
      <c r="AG5313" s="145"/>
      <c r="AH5313" s="145"/>
      <c r="AI5313" s="145"/>
      <c r="AJ5313" s="145"/>
      <c r="AK5313" s="145"/>
      <c r="AL5313" s="145"/>
      <c r="AM5313" s="145"/>
      <c r="AN5313" s="145"/>
      <c r="AO5313" s="145"/>
      <c r="AP5313" s="145"/>
      <c r="AQ5313" s="145"/>
      <c r="AR5313" s="145"/>
      <c r="AS5313" s="145"/>
      <c r="AT5313" s="145"/>
      <c r="AU5313" s="145"/>
      <c r="AV5313" s="145"/>
      <c r="AW5313" s="145"/>
      <c r="AX5313" s="146"/>
      <c r="AY5313" s="146"/>
      <c r="AZ5313" s="146"/>
      <c r="BA5313" s="146"/>
      <c r="BB5313" s="107">
        <v>45884</v>
      </c>
    </row>
    <row r="5314" spans="1:54" s="8" customFormat="1" ht="13.95" customHeight="1" x14ac:dyDescent="0.25">
      <c r="A5314" s="229" t="s">
        <v>12381</v>
      </c>
      <c r="B5314" s="96" t="s">
        <v>11930</v>
      </c>
      <c r="C5314" s="93" t="s">
        <v>12382</v>
      </c>
      <c r="D5314" s="93" t="s">
        <v>12383</v>
      </c>
      <c r="E5314" s="111">
        <v>1978</v>
      </c>
      <c r="F5314" s="111">
        <v>800</v>
      </c>
      <c r="G5314" s="93" t="s">
        <v>1</v>
      </c>
      <c r="H5314" s="111">
        <v>0</v>
      </c>
      <c r="I5314" s="111">
        <v>0</v>
      </c>
      <c r="J5314" s="111">
        <v>1</v>
      </c>
      <c r="K5314" s="111">
        <v>0</v>
      </c>
      <c r="L5314" s="111">
        <v>1</v>
      </c>
      <c r="M5314" s="111">
        <v>0</v>
      </c>
      <c r="N5314" s="111">
        <v>0</v>
      </c>
      <c r="O5314" s="111">
        <v>1</v>
      </c>
      <c r="P5314" s="111">
        <v>1</v>
      </c>
      <c r="Q5314" s="111">
        <v>0</v>
      </c>
      <c r="R5314" s="111">
        <v>1</v>
      </c>
      <c r="S5314" s="111">
        <v>0</v>
      </c>
      <c r="T5314" s="111">
        <v>0</v>
      </c>
      <c r="U5314" s="145"/>
      <c r="V5314" s="145"/>
      <c r="W5314" s="145"/>
      <c r="X5314" s="145"/>
      <c r="Y5314" s="145"/>
      <c r="Z5314" s="145"/>
      <c r="AA5314" s="145"/>
      <c r="AB5314" s="145"/>
      <c r="AC5314" s="145"/>
      <c r="AD5314" s="145"/>
      <c r="AE5314" s="145"/>
      <c r="AF5314" s="145"/>
      <c r="AG5314" s="145"/>
      <c r="AH5314" s="145"/>
      <c r="AI5314" s="145"/>
      <c r="AJ5314" s="145"/>
      <c r="AK5314" s="145"/>
      <c r="AL5314" s="145"/>
      <c r="AM5314" s="145"/>
      <c r="AN5314" s="145"/>
      <c r="AO5314" s="145"/>
      <c r="AP5314" s="145"/>
      <c r="AQ5314" s="145"/>
      <c r="AR5314" s="145"/>
      <c r="AS5314" s="145"/>
      <c r="AT5314" s="145"/>
      <c r="AU5314" s="145"/>
      <c r="AV5314" s="145"/>
      <c r="AW5314" s="145"/>
      <c r="AX5314" s="146"/>
      <c r="AY5314" s="146"/>
      <c r="AZ5314" s="146"/>
      <c r="BA5314" s="146"/>
      <c r="BB5314" s="107">
        <v>45884</v>
      </c>
    </row>
    <row r="5315" spans="1:54" s="8" customFormat="1" ht="13.95" customHeight="1" x14ac:dyDescent="0.25">
      <c r="A5315" s="229" t="s">
        <v>12384</v>
      </c>
      <c r="B5315" s="96" t="s">
        <v>11930</v>
      </c>
      <c r="C5315" s="93" t="s">
        <v>12385</v>
      </c>
      <c r="D5315" s="93" t="s">
        <v>12386</v>
      </c>
      <c r="E5315" s="111">
        <v>1994</v>
      </c>
      <c r="F5315" s="111">
        <v>300</v>
      </c>
      <c r="G5315" s="93" t="s">
        <v>1</v>
      </c>
      <c r="H5315" s="111">
        <v>0</v>
      </c>
      <c r="I5315" s="111">
        <v>0</v>
      </c>
      <c r="J5315" s="111">
        <v>1</v>
      </c>
      <c r="K5315" s="111">
        <v>0</v>
      </c>
      <c r="L5315" s="111">
        <v>1</v>
      </c>
      <c r="M5315" s="111">
        <v>0</v>
      </c>
      <c r="N5315" s="111">
        <v>0</v>
      </c>
      <c r="O5315" s="111">
        <v>0</v>
      </c>
      <c r="P5315" s="111">
        <v>1</v>
      </c>
      <c r="Q5315" s="111">
        <v>0</v>
      </c>
      <c r="R5315" s="111">
        <v>1</v>
      </c>
      <c r="S5315" s="111">
        <v>0</v>
      </c>
      <c r="T5315" s="111">
        <v>0</v>
      </c>
      <c r="U5315" s="145"/>
      <c r="V5315" s="145"/>
      <c r="W5315" s="145"/>
      <c r="X5315" s="145"/>
      <c r="Y5315" s="145"/>
      <c r="Z5315" s="145"/>
      <c r="AA5315" s="145"/>
      <c r="AB5315" s="145"/>
      <c r="AC5315" s="145"/>
      <c r="AD5315" s="145"/>
      <c r="AE5315" s="145"/>
      <c r="AF5315" s="145"/>
      <c r="AG5315" s="145"/>
      <c r="AH5315" s="145"/>
      <c r="AI5315" s="145"/>
      <c r="AJ5315" s="145"/>
      <c r="AK5315" s="145"/>
      <c r="AL5315" s="145"/>
      <c r="AM5315" s="145"/>
      <c r="AN5315" s="145"/>
      <c r="AO5315" s="145"/>
      <c r="AP5315" s="145"/>
      <c r="AQ5315" s="145"/>
      <c r="AR5315" s="145"/>
      <c r="AS5315" s="145"/>
      <c r="AT5315" s="145"/>
      <c r="AU5315" s="145"/>
      <c r="AV5315" s="145"/>
      <c r="AW5315" s="145"/>
      <c r="AX5315" s="146"/>
      <c r="AY5315" s="146"/>
      <c r="AZ5315" s="146"/>
      <c r="BA5315" s="146"/>
      <c r="BB5315" s="107">
        <v>45884</v>
      </c>
    </row>
    <row r="5316" spans="1:54" s="8" customFormat="1" ht="13.95" customHeight="1" x14ac:dyDescent="0.25">
      <c r="A5316" s="229" t="s">
        <v>12387</v>
      </c>
      <c r="B5316" s="96" t="s">
        <v>11930</v>
      </c>
      <c r="C5316" s="93" t="s">
        <v>12388</v>
      </c>
      <c r="D5316" s="93" t="s">
        <v>12389</v>
      </c>
      <c r="E5316" s="111">
        <v>1990</v>
      </c>
      <c r="F5316" s="111">
        <v>300</v>
      </c>
      <c r="G5316" s="93" t="s">
        <v>1</v>
      </c>
      <c r="H5316" s="111">
        <v>0</v>
      </c>
      <c r="I5316" s="111">
        <v>0</v>
      </c>
      <c r="J5316" s="111">
        <v>1</v>
      </c>
      <c r="K5316" s="111">
        <v>1</v>
      </c>
      <c r="L5316" s="111">
        <v>1</v>
      </c>
      <c r="M5316" s="111">
        <v>0</v>
      </c>
      <c r="N5316" s="111">
        <v>0</v>
      </c>
      <c r="O5316" s="111">
        <v>0</v>
      </c>
      <c r="P5316" s="111">
        <v>0</v>
      </c>
      <c r="Q5316" s="111">
        <v>0</v>
      </c>
      <c r="R5316" s="111">
        <v>0</v>
      </c>
      <c r="S5316" s="111">
        <v>0</v>
      </c>
      <c r="T5316" s="111">
        <v>0</v>
      </c>
      <c r="U5316" s="145"/>
      <c r="V5316" s="145"/>
      <c r="W5316" s="145"/>
      <c r="X5316" s="145"/>
      <c r="Y5316" s="145"/>
      <c r="Z5316" s="145"/>
      <c r="AA5316" s="145"/>
      <c r="AB5316" s="145"/>
      <c r="AC5316" s="145"/>
      <c r="AD5316" s="145"/>
      <c r="AE5316" s="145"/>
      <c r="AF5316" s="145"/>
      <c r="AG5316" s="145"/>
      <c r="AH5316" s="145"/>
      <c r="AI5316" s="145"/>
      <c r="AJ5316" s="145"/>
      <c r="AK5316" s="145"/>
      <c r="AL5316" s="145"/>
      <c r="AM5316" s="145"/>
      <c r="AN5316" s="145"/>
      <c r="AO5316" s="145"/>
      <c r="AP5316" s="145"/>
      <c r="AQ5316" s="145"/>
      <c r="AR5316" s="145"/>
      <c r="AS5316" s="145"/>
      <c r="AT5316" s="145"/>
      <c r="AU5316" s="145"/>
      <c r="AV5316" s="145"/>
      <c r="AW5316" s="145"/>
      <c r="AX5316" s="146"/>
      <c r="AY5316" s="146"/>
      <c r="AZ5316" s="146"/>
      <c r="BA5316" s="146"/>
      <c r="BB5316" s="107">
        <v>45884</v>
      </c>
    </row>
    <row r="5317" spans="1:54" s="8" customFormat="1" ht="13.95" customHeight="1" x14ac:dyDescent="0.25">
      <c r="A5317" s="229" t="s">
        <v>12390</v>
      </c>
      <c r="B5317" s="96" t="s">
        <v>11930</v>
      </c>
      <c r="C5317" s="93" t="s">
        <v>12391</v>
      </c>
      <c r="D5317" s="93" t="s">
        <v>12392</v>
      </c>
      <c r="E5317" s="111">
        <v>1990</v>
      </c>
      <c r="F5317" s="111">
        <v>400</v>
      </c>
      <c r="G5317" s="93" t="s">
        <v>1</v>
      </c>
      <c r="H5317" s="111">
        <v>0</v>
      </c>
      <c r="I5317" s="111">
        <v>0</v>
      </c>
      <c r="J5317" s="111">
        <v>1</v>
      </c>
      <c r="K5317" s="111">
        <v>0</v>
      </c>
      <c r="L5317" s="111">
        <v>0</v>
      </c>
      <c r="M5317" s="111">
        <v>0</v>
      </c>
      <c r="N5317" s="111">
        <v>0</v>
      </c>
      <c r="O5317" s="111">
        <v>0</v>
      </c>
      <c r="P5317" s="111">
        <v>0</v>
      </c>
      <c r="Q5317" s="111">
        <v>0</v>
      </c>
      <c r="R5317" s="111">
        <v>0</v>
      </c>
      <c r="S5317" s="111">
        <v>0</v>
      </c>
      <c r="T5317" s="111">
        <v>0</v>
      </c>
      <c r="U5317" s="145"/>
      <c r="V5317" s="145"/>
      <c r="W5317" s="145"/>
      <c r="X5317" s="145"/>
      <c r="Y5317" s="145"/>
      <c r="Z5317" s="145"/>
      <c r="AA5317" s="145"/>
      <c r="AB5317" s="145"/>
      <c r="AC5317" s="145"/>
      <c r="AD5317" s="145"/>
      <c r="AE5317" s="145"/>
      <c r="AF5317" s="145"/>
      <c r="AG5317" s="145"/>
      <c r="AH5317" s="145"/>
      <c r="AI5317" s="145"/>
      <c r="AJ5317" s="145"/>
      <c r="AK5317" s="145"/>
      <c r="AL5317" s="145"/>
      <c r="AM5317" s="145"/>
      <c r="AN5317" s="145"/>
      <c r="AO5317" s="145"/>
      <c r="AP5317" s="145"/>
      <c r="AQ5317" s="145"/>
      <c r="AR5317" s="145"/>
      <c r="AS5317" s="145"/>
      <c r="AT5317" s="145"/>
      <c r="AU5317" s="145"/>
      <c r="AV5317" s="145"/>
      <c r="AW5317" s="145"/>
      <c r="AX5317" s="146"/>
      <c r="AY5317" s="146"/>
      <c r="AZ5317" s="146"/>
      <c r="BA5317" s="146"/>
      <c r="BB5317" s="107">
        <v>45884</v>
      </c>
    </row>
    <row r="5318" spans="1:54" s="8" customFormat="1" ht="13.95" customHeight="1" x14ac:dyDescent="0.25">
      <c r="A5318" s="229" t="s">
        <v>12393</v>
      </c>
      <c r="B5318" s="96" t="s">
        <v>11930</v>
      </c>
      <c r="C5318" s="93" t="s">
        <v>12394</v>
      </c>
      <c r="D5318" s="93" t="s">
        <v>12395</v>
      </c>
      <c r="E5318" s="111">
        <v>1973</v>
      </c>
      <c r="F5318" s="111">
        <v>900</v>
      </c>
      <c r="G5318" s="93" t="s">
        <v>1</v>
      </c>
      <c r="H5318" s="111">
        <v>0</v>
      </c>
      <c r="I5318" s="111">
        <v>0</v>
      </c>
      <c r="J5318" s="111">
        <v>1</v>
      </c>
      <c r="K5318" s="111">
        <v>0</v>
      </c>
      <c r="L5318" s="111">
        <v>1</v>
      </c>
      <c r="M5318" s="111">
        <v>0</v>
      </c>
      <c r="N5318" s="111">
        <v>0</v>
      </c>
      <c r="O5318" s="111">
        <v>1</v>
      </c>
      <c r="P5318" s="111">
        <v>1</v>
      </c>
      <c r="Q5318" s="111">
        <v>0</v>
      </c>
      <c r="R5318" s="111">
        <v>1</v>
      </c>
      <c r="S5318" s="111">
        <v>0</v>
      </c>
      <c r="T5318" s="111">
        <v>0</v>
      </c>
      <c r="U5318" s="145"/>
      <c r="V5318" s="145"/>
      <c r="W5318" s="145"/>
      <c r="X5318" s="145"/>
      <c r="Y5318" s="145"/>
      <c r="Z5318" s="145"/>
      <c r="AA5318" s="145"/>
      <c r="AB5318" s="145"/>
      <c r="AC5318" s="145"/>
      <c r="AD5318" s="145"/>
      <c r="AE5318" s="145"/>
      <c r="AF5318" s="145"/>
      <c r="AG5318" s="145"/>
      <c r="AH5318" s="145"/>
      <c r="AI5318" s="145"/>
      <c r="AJ5318" s="145"/>
      <c r="AK5318" s="145"/>
      <c r="AL5318" s="145"/>
      <c r="AM5318" s="145"/>
      <c r="AN5318" s="145"/>
      <c r="AO5318" s="145"/>
      <c r="AP5318" s="145"/>
      <c r="AQ5318" s="145"/>
      <c r="AR5318" s="145"/>
      <c r="AS5318" s="145"/>
      <c r="AT5318" s="145"/>
      <c r="AU5318" s="145"/>
      <c r="AV5318" s="145"/>
      <c r="AW5318" s="145"/>
      <c r="AX5318" s="146"/>
      <c r="AY5318" s="146"/>
      <c r="AZ5318" s="146"/>
      <c r="BA5318" s="146"/>
      <c r="BB5318" s="107">
        <v>45884</v>
      </c>
    </row>
    <row r="5319" spans="1:54" s="8" customFormat="1" ht="13.95" customHeight="1" x14ac:dyDescent="0.25">
      <c r="A5319" s="229" t="s">
        <v>12396</v>
      </c>
      <c r="B5319" s="96" t="s">
        <v>11930</v>
      </c>
      <c r="C5319" s="93" t="s">
        <v>12397</v>
      </c>
      <c r="D5319" s="93" t="s">
        <v>12398</v>
      </c>
      <c r="E5319" s="111">
        <v>1974</v>
      </c>
      <c r="F5319" s="111">
        <v>1900</v>
      </c>
      <c r="G5319" s="93" t="s">
        <v>1</v>
      </c>
      <c r="H5319" s="111">
        <v>0</v>
      </c>
      <c r="I5319" s="111">
        <v>0</v>
      </c>
      <c r="J5319" s="111">
        <v>1</v>
      </c>
      <c r="K5319" s="111">
        <v>0</v>
      </c>
      <c r="L5319" s="111">
        <v>1</v>
      </c>
      <c r="M5319" s="111">
        <v>0</v>
      </c>
      <c r="N5319" s="111">
        <v>0</v>
      </c>
      <c r="O5319" s="111">
        <v>1</v>
      </c>
      <c r="P5319" s="111">
        <v>0</v>
      </c>
      <c r="Q5319" s="111">
        <v>0</v>
      </c>
      <c r="R5319" s="111">
        <v>0</v>
      </c>
      <c r="S5319" s="111">
        <v>0</v>
      </c>
      <c r="T5319" s="111">
        <v>0</v>
      </c>
      <c r="U5319" s="145"/>
      <c r="V5319" s="145"/>
      <c r="W5319" s="145"/>
      <c r="X5319" s="145"/>
      <c r="Y5319" s="145"/>
      <c r="Z5319" s="145"/>
      <c r="AA5319" s="145"/>
      <c r="AB5319" s="145"/>
      <c r="AC5319" s="145"/>
      <c r="AD5319" s="145"/>
      <c r="AE5319" s="145"/>
      <c r="AF5319" s="145"/>
      <c r="AG5319" s="145"/>
      <c r="AH5319" s="145"/>
      <c r="AI5319" s="145"/>
      <c r="AJ5319" s="145"/>
      <c r="AK5319" s="145"/>
      <c r="AL5319" s="145"/>
      <c r="AM5319" s="145"/>
      <c r="AN5319" s="145"/>
      <c r="AO5319" s="145"/>
      <c r="AP5319" s="145"/>
      <c r="AQ5319" s="145"/>
      <c r="AR5319" s="145"/>
      <c r="AS5319" s="145"/>
      <c r="AT5319" s="145"/>
      <c r="AU5319" s="145"/>
      <c r="AV5319" s="145"/>
      <c r="AW5319" s="145"/>
      <c r="AX5319" s="146"/>
      <c r="AY5319" s="146"/>
      <c r="AZ5319" s="146"/>
      <c r="BA5319" s="146"/>
      <c r="BB5319" s="107">
        <v>45884</v>
      </c>
    </row>
    <row r="5320" spans="1:54" s="8" customFormat="1" ht="13.95" customHeight="1" x14ac:dyDescent="0.25">
      <c r="A5320" s="229" t="s">
        <v>12399</v>
      </c>
      <c r="B5320" s="96" t="s">
        <v>11930</v>
      </c>
      <c r="C5320" s="93" t="s">
        <v>12400</v>
      </c>
      <c r="D5320" s="93" t="s">
        <v>12401</v>
      </c>
      <c r="E5320" s="111">
        <v>1974</v>
      </c>
      <c r="F5320" s="111">
        <v>1400</v>
      </c>
      <c r="G5320" s="93" t="s">
        <v>1</v>
      </c>
      <c r="H5320" s="111">
        <v>0</v>
      </c>
      <c r="I5320" s="111">
        <v>0</v>
      </c>
      <c r="J5320" s="111">
        <v>1</v>
      </c>
      <c r="K5320" s="111">
        <v>0</v>
      </c>
      <c r="L5320" s="111">
        <v>1</v>
      </c>
      <c r="M5320" s="111">
        <v>0</v>
      </c>
      <c r="N5320" s="111">
        <v>0</v>
      </c>
      <c r="O5320" s="111">
        <v>1</v>
      </c>
      <c r="P5320" s="111">
        <v>0</v>
      </c>
      <c r="Q5320" s="111">
        <v>0</v>
      </c>
      <c r="R5320" s="111">
        <v>0</v>
      </c>
      <c r="S5320" s="111">
        <v>0</v>
      </c>
      <c r="T5320" s="111">
        <v>0</v>
      </c>
      <c r="U5320" s="145"/>
      <c r="V5320" s="145"/>
      <c r="W5320" s="145"/>
      <c r="X5320" s="145"/>
      <c r="Y5320" s="145"/>
      <c r="Z5320" s="145"/>
      <c r="AA5320" s="145"/>
      <c r="AB5320" s="145"/>
      <c r="AC5320" s="145"/>
      <c r="AD5320" s="145"/>
      <c r="AE5320" s="145"/>
      <c r="AF5320" s="145"/>
      <c r="AG5320" s="145"/>
      <c r="AH5320" s="145"/>
      <c r="AI5320" s="145"/>
      <c r="AJ5320" s="145"/>
      <c r="AK5320" s="145"/>
      <c r="AL5320" s="145"/>
      <c r="AM5320" s="145"/>
      <c r="AN5320" s="145"/>
      <c r="AO5320" s="145"/>
      <c r="AP5320" s="145"/>
      <c r="AQ5320" s="145"/>
      <c r="AR5320" s="145"/>
      <c r="AS5320" s="145"/>
      <c r="AT5320" s="145"/>
      <c r="AU5320" s="145"/>
      <c r="AV5320" s="145"/>
      <c r="AW5320" s="145"/>
      <c r="AX5320" s="146"/>
      <c r="AY5320" s="146"/>
      <c r="AZ5320" s="146"/>
      <c r="BA5320" s="146"/>
      <c r="BB5320" s="107">
        <v>45884</v>
      </c>
    </row>
    <row r="5321" spans="1:54" s="8" customFormat="1" ht="13.95" customHeight="1" x14ac:dyDescent="0.25">
      <c r="A5321" s="229" t="s">
        <v>12402</v>
      </c>
      <c r="B5321" s="96" t="s">
        <v>11930</v>
      </c>
      <c r="C5321" s="93" t="s">
        <v>12403</v>
      </c>
      <c r="D5321" s="93" t="s">
        <v>12404</v>
      </c>
      <c r="E5321" s="111">
        <v>1974</v>
      </c>
      <c r="F5321" s="111">
        <v>1900</v>
      </c>
      <c r="G5321" s="93" t="s">
        <v>1</v>
      </c>
      <c r="H5321" s="111">
        <v>0</v>
      </c>
      <c r="I5321" s="111">
        <v>0</v>
      </c>
      <c r="J5321" s="111">
        <v>1</v>
      </c>
      <c r="K5321" s="111">
        <v>0</v>
      </c>
      <c r="L5321" s="111">
        <v>1</v>
      </c>
      <c r="M5321" s="111">
        <v>1</v>
      </c>
      <c r="N5321" s="111">
        <v>0</v>
      </c>
      <c r="O5321" s="111">
        <v>0</v>
      </c>
      <c r="P5321" s="111">
        <v>1</v>
      </c>
      <c r="Q5321" s="111">
        <v>0</v>
      </c>
      <c r="R5321" s="111">
        <v>0</v>
      </c>
      <c r="S5321" s="111">
        <v>0</v>
      </c>
      <c r="T5321" s="111">
        <v>0</v>
      </c>
      <c r="U5321" s="145"/>
      <c r="V5321" s="145"/>
      <c r="W5321" s="145"/>
      <c r="X5321" s="145"/>
      <c r="Y5321" s="145"/>
      <c r="Z5321" s="145"/>
      <c r="AA5321" s="145"/>
      <c r="AB5321" s="145"/>
      <c r="AC5321" s="145"/>
      <c r="AD5321" s="145"/>
      <c r="AE5321" s="145"/>
      <c r="AF5321" s="145"/>
      <c r="AG5321" s="145"/>
      <c r="AH5321" s="145"/>
      <c r="AI5321" s="145"/>
      <c r="AJ5321" s="145"/>
      <c r="AK5321" s="145"/>
      <c r="AL5321" s="145"/>
      <c r="AM5321" s="145"/>
      <c r="AN5321" s="145"/>
      <c r="AO5321" s="145"/>
      <c r="AP5321" s="145"/>
      <c r="AQ5321" s="145"/>
      <c r="AR5321" s="145"/>
      <c r="AS5321" s="145"/>
      <c r="AT5321" s="145"/>
      <c r="AU5321" s="145"/>
      <c r="AV5321" s="145"/>
      <c r="AW5321" s="145"/>
      <c r="AX5321" s="146"/>
      <c r="AY5321" s="146"/>
      <c r="AZ5321" s="146"/>
      <c r="BA5321" s="146"/>
      <c r="BB5321" s="107">
        <v>45884</v>
      </c>
    </row>
    <row r="5322" spans="1:54" s="8" customFormat="1" ht="13.95" customHeight="1" x14ac:dyDescent="0.25">
      <c r="A5322" s="229" t="s">
        <v>12405</v>
      </c>
      <c r="B5322" s="96" t="s">
        <v>11930</v>
      </c>
      <c r="C5322" s="93" t="s">
        <v>12406</v>
      </c>
      <c r="D5322" s="93" t="s">
        <v>12407</v>
      </c>
      <c r="E5322" s="111">
        <v>1991</v>
      </c>
      <c r="F5322" s="111">
        <v>200</v>
      </c>
      <c r="G5322" s="93" t="s">
        <v>1</v>
      </c>
      <c r="H5322" s="111">
        <v>0</v>
      </c>
      <c r="I5322" s="111">
        <v>0</v>
      </c>
      <c r="J5322" s="111">
        <v>1</v>
      </c>
      <c r="K5322" s="111">
        <v>1</v>
      </c>
      <c r="L5322" s="111">
        <v>0</v>
      </c>
      <c r="M5322" s="111">
        <v>0</v>
      </c>
      <c r="N5322" s="111">
        <v>0</v>
      </c>
      <c r="O5322" s="111">
        <v>0</v>
      </c>
      <c r="P5322" s="111">
        <v>0</v>
      </c>
      <c r="Q5322" s="111">
        <v>0</v>
      </c>
      <c r="R5322" s="111">
        <v>0</v>
      </c>
      <c r="S5322" s="111">
        <v>0</v>
      </c>
      <c r="T5322" s="111">
        <v>0</v>
      </c>
      <c r="U5322" s="145"/>
      <c r="V5322" s="145"/>
      <c r="W5322" s="145"/>
      <c r="X5322" s="145"/>
      <c r="Y5322" s="145"/>
      <c r="Z5322" s="145"/>
      <c r="AA5322" s="145"/>
      <c r="AB5322" s="145"/>
      <c r="AC5322" s="145"/>
      <c r="AD5322" s="145"/>
      <c r="AE5322" s="145"/>
      <c r="AF5322" s="145"/>
      <c r="AG5322" s="145"/>
      <c r="AH5322" s="145"/>
      <c r="AI5322" s="145"/>
      <c r="AJ5322" s="145"/>
      <c r="AK5322" s="145"/>
      <c r="AL5322" s="145"/>
      <c r="AM5322" s="145"/>
      <c r="AN5322" s="145"/>
      <c r="AO5322" s="145"/>
      <c r="AP5322" s="145"/>
      <c r="AQ5322" s="145"/>
      <c r="AR5322" s="145"/>
      <c r="AS5322" s="145"/>
      <c r="AT5322" s="145"/>
      <c r="AU5322" s="145"/>
      <c r="AV5322" s="145"/>
      <c r="AW5322" s="145"/>
      <c r="AX5322" s="146"/>
      <c r="AY5322" s="146"/>
      <c r="AZ5322" s="146"/>
      <c r="BA5322" s="146"/>
      <c r="BB5322" s="107">
        <v>45884</v>
      </c>
    </row>
    <row r="5323" spans="1:54" s="8" customFormat="1" ht="13.95" customHeight="1" x14ac:dyDescent="0.25">
      <c r="A5323" s="229" t="s">
        <v>12408</v>
      </c>
      <c r="B5323" s="96" t="s">
        <v>11930</v>
      </c>
      <c r="C5323" s="93" t="s">
        <v>12409</v>
      </c>
      <c r="D5323" s="93" t="s">
        <v>24613</v>
      </c>
      <c r="E5323" s="111">
        <v>1991</v>
      </c>
      <c r="F5323" s="111">
        <v>200</v>
      </c>
      <c r="G5323" s="93" t="s">
        <v>1</v>
      </c>
      <c r="H5323" s="111">
        <v>0</v>
      </c>
      <c r="I5323" s="111">
        <v>0</v>
      </c>
      <c r="J5323" s="111">
        <v>1</v>
      </c>
      <c r="K5323" s="111">
        <v>0</v>
      </c>
      <c r="L5323" s="111">
        <v>1</v>
      </c>
      <c r="M5323" s="111">
        <v>0</v>
      </c>
      <c r="N5323" s="111">
        <v>0</v>
      </c>
      <c r="O5323" s="111">
        <v>0</v>
      </c>
      <c r="P5323" s="111">
        <v>1</v>
      </c>
      <c r="Q5323" s="111">
        <v>0</v>
      </c>
      <c r="R5323" s="111">
        <v>1</v>
      </c>
      <c r="S5323" s="111">
        <v>0</v>
      </c>
      <c r="T5323" s="111">
        <v>0</v>
      </c>
      <c r="U5323" s="145"/>
      <c r="V5323" s="145"/>
      <c r="W5323" s="145"/>
      <c r="X5323" s="145"/>
      <c r="Y5323" s="145"/>
      <c r="Z5323" s="145"/>
      <c r="AA5323" s="145"/>
      <c r="AB5323" s="145"/>
      <c r="AC5323" s="145"/>
      <c r="AD5323" s="145"/>
      <c r="AE5323" s="145"/>
      <c r="AF5323" s="145"/>
      <c r="AG5323" s="145"/>
      <c r="AH5323" s="145"/>
      <c r="AI5323" s="145"/>
      <c r="AJ5323" s="145"/>
      <c r="AK5323" s="145"/>
      <c r="AL5323" s="145"/>
      <c r="AM5323" s="145"/>
      <c r="AN5323" s="145"/>
      <c r="AO5323" s="145"/>
      <c r="AP5323" s="145"/>
      <c r="AQ5323" s="145"/>
      <c r="AR5323" s="145"/>
      <c r="AS5323" s="145"/>
      <c r="AT5323" s="145"/>
      <c r="AU5323" s="145"/>
      <c r="AV5323" s="145"/>
      <c r="AW5323" s="145"/>
      <c r="AX5323" s="146"/>
      <c r="AY5323" s="146"/>
      <c r="AZ5323" s="146"/>
      <c r="BA5323" s="146"/>
      <c r="BB5323" s="107">
        <v>45884</v>
      </c>
    </row>
    <row r="5324" spans="1:54" s="8" customFormat="1" ht="13.95" customHeight="1" x14ac:dyDescent="0.25">
      <c r="A5324" s="229" t="s">
        <v>12410</v>
      </c>
      <c r="B5324" s="96" t="s">
        <v>11930</v>
      </c>
      <c r="C5324" s="93" t="s">
        <v>12411</v>
      </c>
      <c r="D5324" s="93" t="s">
        <v>12412</v>
      </c>
      <c r="E5324" s="111">
        <v>1982</v>
      </c>
      <c r="F5324" s="111">
        <v>4000</v>
      </c>
      <c r="G5324" s="93" t="s">
        <v>1</v>
      </c>
      <c r="H5324" s="111">
        <v>0</v>
      </c>
      <c r="I5324" s="111">
        <v>0</v>
      </c>
      <c r="J5324" s="111">
        <v>1</v>
      </c>
      <c r="K5324" s="111">
        <v>0</v>
      </c>
      <c r="L5324" s="111">
        <v>0</v>
      </c>
      <c r="M5324" s="111">
        <v>0</v>
      </c>
      <c r="N5324" s="111">
        <v>0</v>
      </c>
      <c r="O5324" s="111">
        <v>0</v>
      </c>
      <c r="P5324" s="111">
        <v>0</v>
      </c>
      <c r="Q5324" s="111">
        <v>0</v>
      </c>
      <c r="R5324" s="111">
        <v>0</v>
      </c>
      <c r="S5324" s="111">
        <v>0</v>
      </c>
      <c r="T5324" s="111">
        <v>0</v>
      </c>
      <c r="U5324" s="145"/>
      <c r="V5324" s="145"/>
      <c r="W5324" s="145"/>
      <c r="X5324" s="145"/>
      <c r="Y5324" s="145"/>
      <c r="Z5324" s="145"/>
      <c r="AA5324" s="145"/>
      <c r="AB5324" s="145"/>
      <c r="AC5324" s="145"/>
      <c r="AD5324" s="145"/>
      <c r="AE5324" s="145"/>
      <c r="AF5324" s="145"/>
      <c r="AG5324" s="145"/>
      <c r="AH5324" s="145"/>
      <c r="AI5324" s="145"/>
      <c r="AJ5324" s="145"/>
      <c r="AK5324" s="145"/>
      <c r="AL5324" s="145"/>
      <c r="AM5324" s="145"/>
      <c r="AN5324" s="145"/>
      <c r="AO5324" s="145"/>
      <c r="AP5324" s="145"/>
      <c r="AQ5324" s="145"/>
      <c r="AR5324" s="145"/>
      <c r="AS5324" s="145"/>
      <c r="AT5324" s="145"/>
      <c r="AU5324" s="145"/>
      <c r="AV5324" s="145"/>
      <c r="AW5324" s="145"/>
      <c r="AX5324" s="146"/>
      <c r="AY5324" s="146"/>
      <c r="AZ5324" s="146"/>
      <c r="BA5324" s="146"/>
      <c r="BB5324" s="107">
        <v>45884</v>
      </c>
    </row>
    <row r="5325" spans="1:54" s="8" customFormat="1" ht="13.95" customHeight="1" x14ac:dyDescent="0.25">
      <c r="A5325" s="229" t="s">
        <v>12413</v>
      </c>
      <c r="B5325" s="96" t="s">
        <v>11930</v>
      </c>
      <c r="C5325" s="93" t="s">
        <v>12414</v>
      </c>
      <c r="D5325" s="93" t="s">
        <v>12415</v>
      </c>
      <c r="E5325" s="111">
        <v>1956</v>
      </c>
      <c r="F5325" s="111">
        <v>700</v>
      </c>
      <c r="G5325" s="93" t="s">
        <v>1</v>
      </c>
      <c r="H5325" s="111">
        <v>1</v>
      </c>
      <c r="I5325" s="111">
        <v>0</v>
      </c>
      <c r="J5325" s="111">
        <v>1</v>
      </c>
      <c r="K5325" s="111">
        <v>0</v>
      </c>
      <c r="L5325" s="111">
        <v>0</v>
      </c>
      <c r="M5325" s="111">
        <v>1</v>
      </c>
      <c r="N5325" s="111">
        <v>0</v>
      </c>
      <c r="O5325" s="111">
        <v>0</v>
      </c>
      <c r="P5325" s="111">
        <v>1</v>
      </c>
      <c r="Q5325" s="111">
        <v>0</v>
      </c>
      <c r="R5325" s="111">
        <v>0</v>
      </c>
      <c r="S5325" s="111">
        <v>0</v>
      </c>
      <c r="T5325" s="111">
        <v>0</v>
      </c>
      <c r="U5325" s="145"/>
      <c r="V5325" s="145"/>
      <c r="W5325" s="145"/>
      <c r="X5325" s="145"/>
      <c r="Y5325" s="145"/>
      <c r="Z5325" s="145"/>
      <c r="AA5325" s="145"/>
      <c r="AB5325" s="145"/>
      <c r="AC5325" s="145"/>
      <c r="AD5325" s="145"/>
      <c r="AE5325" s="145"/>
      <c r="AF5325" s="145"/>
      <c r="AG5325" s="145"/>
      <c r="AH5325" s="145"/>
      <c r="AI5325" s="145"/>
      <c r="AJ5325" s="145"/>
      <c r="AK5325" s="145"/>
      <c r="AL5325" s="145"/>
      <c r="AM5325" s="145"/>
      <c r="AN5325" s="145"/>
      <c r="AO5325" s="145"/>
      <c r="AP5325" s="145"/>
      <c r="AQ5325" s="145"/>
      <c r="AR5325" s="145"/>
      <c r="AS5325" s="145"/>
      <c r="AT5325" s="145"/>
      <c r="AU5325" s="145"/>
      <c r="AV5325" s="145"/>
      <c r="AW5325" s="145"/>
      <c r="AX5325" s="146"/>
      <c r="AY5325" s="146"/>
      <c r="AZ5325" s="146"/>
      <c r="BA5325" s="146"/>
      <c r="BB5325" s="107">
        <v>45884</v>
      </c>
    </row>
    <row r="5326" spans="1:54" s="8" customFormat="1" ht="13.95" customHeight="1" x14ac:dyDescent="0.25">
      <c r="A5326" s="229" t="s">
        <v>12416</v>
      </c>
      <c r="B5326" s="96" t="s">
        <v>11930</v>
      </c>
      <c r="C5326" s="93" t="s">
        <v>12417</v>
      </c>
      <c r="D5326" s="93" t="s">
        <v>12418</v>
      </c>
      <c r="E5326" s="111">
        <v>1965</v>
      </c>
      <c r="F5326" s="111">
        <v>500</v>
      </c>
      <c r="G5326" s="93" t="s">
        <v>1</v>
      </c>
      <c r="H5326" s="111">
        <v>0</v>
      </c>
      <c r="I5326" s="111">
        <v>0</v>
      </c>
      <c r="J5326" s="111">
        <v>1</v>
      </c>
      <c r="K5326" s="111">
        <v>0</v>
      </c>
      <c r="L5326" s="111">
        <v>0</v>
      </c>
      <c r="M5326" s="111">
        <v>0</v>
      </c>
      <c r="N5326" s="111">
        <v>0</v>
      </c>
      <c r="O5326" s="111">
        <v>1</v>
      </c>
      <c r="P5326" s="111">
        <v>0</v>
      </c>
      <c r="Q5326" s="111">
        <v>0</v>
      </c>
      <c r="R5326" s="111">
        <v>1</v>
      </c>
      <c r="S5326" s="111">
        <v>1</v>
      </c>
      <c r="T5326" s="111">
        <v>0</v>
      </c>
      <c r="U5326" s="145"/>
      <c r="V5326" s="145"/>
      <c r="W5326" s="145"/>
      <c r="X5326" s="145"/>
      <c r="Y5326" s="145"/>
      <c r="Z5326" s="145"/>
      <c r="AA5326" s="145"/>
      <c r="AB5326" s="145"/>
      <c r="AC5326" s="145"/>
      <c r="AD5326" s="145"/>
      <c r="AE5326" s="145"/>
      <c r="AF5326" s="145"/>
      <c r="AG5326" s="145"/>
      <c r="AH5326" s="145"/>
      <c r="AI5326" s="145"/>
      <c r="AJ5326" s="145"/>
      <c r="AK5326" s="145"/>
      <c r="AL5326" s="145"/>
      <c r="AM5326" s="145"/>
      <c r="AN5326" s="145"/>
      <c r="AO5326" s="145"/>
      <c r="AP5326" s="145"/>
      <c r="AQ5326" s="145"/>
      <c r="AR5326" s="145"/>
      <c r="AS5326" s="145"/>
      <c r="AT5326" s="145"/>
      <c r="AU5326" s="145"/>
      <c r="AV5326" s="145"/>
      <c r="AW5326" s="145"/>
      <c r="AX5326" s="146"/>
      <c r="AY5326" s="146"/>
      <c r="AZ5326" s="146"/>
      <c r="BA5326" s="146"/>
      <c r="BB5326" s="107">
        <v>45884</v>
      </c>
    </row>
    <row r="5327" spans="1:54" s="8" customFormat="1" ht="13.95" customHeight="1" x14ac:dyDescent="0.25">
      <c r="A5327" s="229" t="s">
        <v>12419</v>
      </c>
      <c r="B5327" s="96" t="s">
        <v>11930</v>
      </c>
      <c r="C5327" s="93" t="s">
        <v>12420</v>
      </c>
      <c r="D5327" s="93" t="s">
        <v>12421</v>
      </c>
      <c r="E5327" s="111">
        <v>1955</v>
      </c>
      <c r="F5327" s="111">
        <v>5600</v>
      </c>
      <c r="G5327" s="93" t="s">
        <v>1</v>
      </c>
      <c r="H5327" s="111">
        <v>1</v>
      </c>
      <c r="I5327" s="111">
        <v>0</v>
      </c>
      <c r="J5327" s="111">
        <v>1</v>
      </c>
      <c r="K5327" s="111">
        <v>0</v>
      </c>
      <c r="L5327" s="111">
        <v>1</v>
      </c>
      <c r="M5327" s="111">
        <v>1</v>
      </c>
      <c r="N5327" s="111">
        <v>0</v>
      </c>
      <c r="O5327" s="111">
        <v>1</v>
      </c>
      <c r="P5327" s="111">
        <v>1</v>
      </c>
      <c r="Q5327" s="111">
        <v>0</v>
      </c>
      <c r="R5327" s="111">
        <v>0</v>
      </c>
      <c r="S5327" s="111">
        <v>0</v>
      </c>
      <c r="T5327" s="111">
        <v>0</v>
      </c>
      <c r="U5327" s="145"/>
      <c r="V5327" s="145"/>
      <c r="W5327" s="145"/>
      <c r="X5327" s="145"/>
      <c r="Y5327" s="145"/>
      <c r="Z5327" s="145"/>
      <c r="AA5327" s="145"/>
      <c r="AB5327" s="145"/>
      <c r="AC5327" s="145"/>
      <c r="AD5327" s="145"/>
      <c r="AE5327" s="145"/>
      <c r="AF5327" s="145"/>
      <c r="AG5327" s="145"/>
      <c r="AH5327" s="145"/>
      <c r="AI5327" s="145"/>
      <c r="AJ5327" s="145"/>
      <c r="AK5327" s="145"/>
      <c r="AL5327" s="145"/>
      <c r="AM5327" s="145"/>
      <c r="AN5327" s="145"/>
      <c r="AO5327" s="145"/>
      <c r="AP5327" s="145"/>
      <c r="AQ5327" s="145"/>
      <c r="AR5327" s="145"/>
      <c r="AS5327" s="145"/>
      <c r="AT5327" s="145"/>
      <c r="AU5327" s="145"/>
      <c r="AV5327" s="145"/>
      <c r="AW5327" s="145"/>
      <c r="AX5327" s="146"/>
      <c r="AY5327" s="146"/>
      <c r="AZ5327" s="146"/>
      <c r="BA5327" s="146"/>
      <c r="BB5327" s="107">
        <v>45884</v>
      </c>
    </row>
    <row r="5328" spans="1:54" s="8" customFormat="1" ht="13.95" customHeight="1" x14ac:dyDescent="0.25">
      <c r="A5328" s="229" t="s">
        <v>12422</v>
      </c>
      <c r="B5328" s="96" t="s">
        <v>11930</v>
      </c>
      <c r="C5328" s="93" t="s">
        <v>12423</v>
      </c>
      <c r="D5328" s="93" t="s">
        <v>12424</v>
      </c>
      <c r="E5328" s="111">
        <v>1991</v>
      </c>
      <c r="F5328" s="111">
        <v>300</v>
      </c>
      <c r="G5328" s="93" t="s">
        <v>1</v>
      </c>
      <c r="H5328" s="111">
        <v>0</v>
      </c>
      <c r="I5328" s="111">
        <v>0</v>
      </c>
      <c r="J5328" s="111">
        <v>1</v>
      </c>
      <c r="K5328" s="111">
        <v>0</v>
      </c>
      <c r="L5328" s="111">
        <v>0</v>
      </c>
      <c r="M5328" s="111">
        <v>0</v>
      </c>
      <c r="N5328" s="111">
        <v>0</v>
      </c>
      <c r="O5328" s="111">
        <v>0</v>
      </c>
      <c r="P5328" s="111">
        <v>0</v>
      </c>
      <c r="Q5328" s="111">
        <v>0</v>
      </c>
      <c r="R5328" s="111">
        <v>0</v>
      </c>
      <c r="S5328" s="111">
        <v>0</v>
      </c>
      <c r="T5328" s="111">
        <v>0</v>
      </c>
      <c r="U5328" s="145"/>
      <c r="V5328" s="145"/>
      <c r="W5328" s="145"/>
      <c r="X5328" s="145"/>
      <c r="Y5328" s="145"/>
      <c r="Z5328" s="145"/>
      <c r="AA5328" s="145"/>
      <c r="AB5328" s="145"/>
      <c r="AC5328" s="145"/>
      <c r="AD5328" s="145"/>
      <c r="AE5328" s="145"/>
      <c r="AF5328" s="145"/>
      <c r="AG5328" s="145"/>
      <c r="AH5328" s="145"/>
      <c r="AI5328" s="145"/>
      <c r="AJ5328" s="145"/>
      <c r="AK5328" s="145"/>
      <c r="AL5328" s="145"/>
      <c r="AM5328" s="145"/>
      <c r="AN5328" s="145"/>
      <c r="AO5328" s="145"/>
      <c r="AP5328" s="145"/>
      <c r="AQ5328" s="145"/>
      <c r="AR5328" s="145"/>
      <c r="AS5328" s="145"/>
      <c r="AT5328" s="145"/>
      <c r="AU5328" s="145"/>
      <c r="AV5328" s="145"/>
      <c r="AW5328" s="145"/>
      <c r="AX5328" s="146"/>
      <c r="AY5328" s="146"/>
      <c r="AZ5328" s="146"/>
      <c r="BA5328" s="146"/>
      <c r="BB5328" s="107">
        <v>45884</v>
      </c>
    </row>
    <row r="5329" spans="1:54" s="8" customFormat="1" ht="13.95" customHeight="1" x14ac:dyDescent="0.25">
      <c r="A5329" s="229" t="s">
        <v>12425</v>
      </c>
      <c r="B5329" s="96" t="s">
        <v>11930</v>
      </c>
      <c r="C5329" s="93" t="s">
        <v>12426</v>
      </c>
      <c r="D5329" s="93" t="s">
        <v>12427</v>
      </c>
      <c r="E5329" s="111">
        <v>1965</v>
      </c>
      <c r="F5329" s="111">
        <v>800</v>
      </c>
      <c r="G5329" s="93" t="s">
        <v>1</v>
      </c>
      <c r="H5329" s="111">
        <v>0</v>
      </c>
      <c r="I5329" s="111">
        <v>0</v>
      </c>
      <c r="J5329" s="111">
        <v>1</v>
      </c>
      <c r="K5329" s="111">
        <v>0</v>
      </c>
      <c r="L5329" s="111">
        <v>0</v>
      </c>
      <c r="M5329" s="111">
        <v>0</v>
      </c>
      <c r="N5329" s="111">
        <v>0</v>
      </c>
      <c r="O5329" s="111">
        <v>1</v>
      </c>
      <c r="P5329" s="111">
        <v>1</v>
      </c>
      <c r="Q5329" s="111">
        <v>0</v>
      </c>
      <c r="R5329" s="111">
        <v>1</v>
      </c>
      <c r="S5329" s="111">
        <v>0</v>
      </c>
      <c r="T5329" s="111">
        <v>0</v>
      </c>
      <c r="U5329" s="145"/>
      <c r="V5329" s="145"/>
      <c r="W5329" s="145"/>
      <c r="X5329" s="145"/>
      <c r="Y5329" s="145"/>
      <c r="Z5329" s="145"/>
      <c r="AA5329" s="145"/>
      <c r="AB5329" s="145"/>
      <c r="AC5329" s="145"/>
      <c r="AD5329" s="145"/>
      <c r="AE5329" s="145"/>
      <c r="AF5329" s="145"/>
      <c r="AG5329" s="145"/>
      <c r="AH5329" s="145"/>
      <c r="AI5329" s="145"/>
      <c r="AJ5329" s="145"/>
      <c r="AK5329" s="145"/>
      <c r="AL5329" s="145"/>
      <c r="AM5329" s="145"/>
      <c r="AN5329" s="145"/>
      <c r="AO5329" s="145"/>
      <c r="AP5329" s="145"/>
      <c r="AQ5329" s="145"/>
      <c r="AR5329" s="145"/>
      <c r="AS5329" s="145"/>
      <c r="AT5329" s="145"/>
      <c r="AU5329" s="145"/>
      <c r="AV5329" s="145"/>
      <c r="AW5329" s="145"/>
      <c r="AX5329" s="146"/>
      <c r="AY5329" s="146"/>
      <c r="AZ5329" s="146"/>
      <c r="BA5329" s="146"/>
      <c r="BB5329" s="107">
        <v>45884</v>
      </c>
    </row>
    <row r="5330" spans="1:54" s="8" customFormat="1" ht="13.95" customHeight="1" x14ac:dyDescent="0.25">
      <c r="A5330" s="229" t="s">
        <v>12428</v>
      </c>
      <c r="B5330" s="96" t="s">
        <v>11930</v>
      </c>
      <c r="C5330" s="93" t="s">
        <v>12429</v>
      </c>
      <c r="D5330" s="93" t="s">
        <v>12430</v>
      </c>
      <c r="E5330" s="111">
        <v>1990</v>
      </c>
      <c r="F5330" s="111">
        <v>500</v>
      </c>
      <c r="G5330" s="93" t="s">
        <v>1</v>
      </c>
      <c r="H5330" s="111">
        <v>0</v>
      </c>
      <c r="I5330" s="111">
        <v>0</v>
      </c>
      <c r="J5330" s="111">
        <v>1</v>
      </c>
      <c r="K5330" s="111">
        <v>0</v>
      </c>
      <c r="L5330" s="111">
        <v>0</v>
      </c>
      <c r="M5330" s="111">
        <v>0</v>
      </c>
      <c r="N5330" s="111">
        <v>0</v>
      </c>
      <c r="O5330" s="111">
        <v>0</v>
      </c>
      <c r="P5330" s="111">
        <v>0</v>
      </c>
      <c r="Q5330" s="111">
        <v>0</v>
      </c>
      <c r="R5330" s="111">
        <v>0</v>
      </c>
      <c r="S5330" s="111">
        <v>0</v>
      </c>
      <c r="T5330" s="111">
        <v>0</v>
      </c>
      <c r="U5330" s="145"/>
      <c r="V5330" s="145"/>
      <c r="W5330" s="145"/>
      <c r="X5330" s="145"/>
      <c r="Y5330" s="145"/>
      <c r="Z5330" s="145"/>
      <c r="AA5330" s="145"/>
      <c r="AB5330" s="145"/>
      <c r="AC5330" s="145"/>
      <c r="AD5330" s="145"/>
      <c r="AE5330" s="145"/>
      <c r="AF5330" s="145"/>
      <c r="AG5330" s="145"/>
      <c r="AH5330" s="145"/>
      <c r="AI5330" s="145"/>
      <c r="AJ5330" s="145"/>
      <c r="AK5330" s="145"/>
      <c r="AL5330" s="145"/>
      <c r="AM5330" s="145"/>
      <c r="AN5330" s="145"/>
      <c r="AO5330" s="145"/>
      <c r="AP5330" s="145"/>
      <c r="AQ5330" s="145"/>
      <c r="AR5330" s="145"/>
      <c r="AS5330" s="145"/>
      <c r="AT5330" s="145"/>
      <c r="AU5330" s="145"/>
      <c r="AV5330" s="145"/>
      <c r="AW5330" s="145"/>
      <c r="AX5330" s="146"/>
      <c r="AY5330" s="146"/>
      <c r="AZ5330" s="146"/>
      <c r="BA5330" s="146"/>
      <c r="BB5330" s="107">
        <v>45884</v>
      </c>
    </row>
    <row r="5331" spans="1:54" s="8" customFormat="1" ht="13.95" customHeight="1" x14ac:dyDescent="0.25">
      <c r="A5331" s="229" t="s">
        <v>12431</v>
      </c>
      <c r="B5331" s="96" t="s">
        <v>11930</v>
      </c>
      <c r="C5331" s="93" t="s">
        <v>12432</v>
      </c>
      <c r="D5331" s="93" t="s">
        <v>12433</v>
      </c>
      <c r="E5331" s="111">
        <v>1985</v>
      </c>
      <c r="F5331" s="111">
        <v>6300</v>
      </c>
      <c r="G5331" s="93" t="s">
        <v>1</v>
      </c>
      <c r="H5331" s="111">
        <v>0</v>
      </c>
      <c r="I5331" s="111">
        <v>0</v>
      </c>
      <c r="J5331" s="111">
        <v>1</v>
      </c>
      <c r="K5331" s="111">
        <v>0</v>
      </c>
      <c r="L5331" s="111">
        <v>1</v>
      </c>
      <c r="M5331" s="111">
        <v>0</v>
      </c>
      <c r="N5331" s="111">
        <v>0</v>
      </c>
      <c r="O5331" s="111">
        <v>1</v>
      </c>
      <c r="P5331" s="111">
        <v>1</v>
      </c>
      <c r="Q5331" s="111">
        <v>0</v>
      </c>
      <c r="R5331" s="111">
        <v>1</v>
      </c>
      <c r="S5331" s="111">
        <v>0</v>
      </c>
      <c r="T5331" s="111">
        <v>0</v>
      </c>
      <c r="U5331" s="145"/>
      <c r="V5331" s="145"/>
      <c r="W5331" s="145"/>
      <c r="X5331" s="145"/>
      <c r="Y5331" s="145"/>
      <c r="Z5331" s="145"/>
      <c r="AA5331" s="145"/>
      <c r="AB5331" s="145"/>
      <c r="AC5331" s="145"/>
      <c r="AD5331" s="145"/>
      <c r="AE5331" s="145"/>
      <c r="AF5331" s="145"/>
      <c r="AG5331" s="145"/>
      <c r="AH5331" s="145"/>
      <c r="AI5331" s="145"/>
      <c r="AJ5331" s="145"/>
      <c r="AK5331" s="145"/>
      <c r="AL5331" s="145"/>
      <c r="AM5331" s="145"/>
      <c r="AN5331" s="145"/>
      <c r="AO5331" s="145"/>
      <c r="AP5331" s="145"/>
      <c r="AQ5331" s="145"/>
      <c r="AR5331" s="145"/>
      <c r="AS5331" s="145"/>
      <c r="AT5331" s="145"/>
      <c r="AU5331" s="145"/>
      <c r="AV5331" s="145"/>
      <c r="AW5331" s="145"/>
      <c r="AX5331" s="146"/>
      <c r="AY5331" s="146"/>
      <c r="AZ5331" s="146"/>
      <c r="BA5331" s="146"/>
      <c r="BB5331" s="107">
        <v>45884</v>
      </c>
    </row>
    <row r="5332" spans="1:54" s="8" customFormat="1" ht="13.95" customHeight="1" x14ac:dyDescent="0.25">
      <c r="A5332" s="229" t="s">
        <v>12434</v>
      </c>
      <c r="B5332" s="96" t="s">
        <v>11930</v>
      </c>
      <c r="C5332" s="93" t="s">
        <v>12435</v>
      </c>
      <c r="D5332" s="93" t="s">
        <v>24614</v>
      </c>
      <c r="E5332" s="111">
        <v>1974</v>
      </c>
      <c r="F5332" s="111">
        <v>300</v>
      </c>
      <c r="G5332" s="93" t="s">
        <v>1</v>
      </c>
      <c r="H5332" s="111">
        <v>0</v>
      </c>
      <c r="I5332" s="111">
        <v>0</v>
      </c>
      <c r="J5332" s="111">
        <v>1</v>
      </c>
      <c r="K5332" s="111">
        <v>0</v>
      </c>
      <c r="L5332" s="111">
        <v>1</v>
      </c>
      <c r="M5332" s="111">
        <v>0</v>
      </c>
      <c r="N5332" s="111">
        <v>0</v>
      </c>
      <c r="O5332" s="111">
        <v>0</v>
      </c>
      <c r="P5332" s="111">
        <v>1</v>
      </c>
      <c r="Q5332" s="111">
        <v>0</v>
      </c>
      <c r="R5332" s="111">
        <v>1</v>
      </c>
      <c r="S5332" s="111">
        <v>0</v>
      </c>
      <c r="T5332" s="111">
        <v>0</v>
      </c>
      <c r="U5332" s="145"/>
      <c r="V5332" s="145"/>
      <c r="W5332" s="145"/>
      <c r="X5332" s="145"/>
      <c r="Y5332" s="145"/>
      <c r="Z5332" s="145"/>
      <c r="AA5332" s="145"/>
      <c r="AB5332" s="145"/>
      <c r="AC5332" s="145"/>
      <c r="AD5332" s="145"/>
      <c r="AE5332" s="145"/>
      <c r="AF5332" s="145"/>
      <c r="AG5332" s="145"/>
      <c r="AH5332" s="145"/>
      <c r="AI5332" s="145"/>
      <c r="AJ5332" s="145"/>
      <c r="AK5332" s="145"/>
      <c r="AL5332" s="145"/>
      <c r="AM5332" s="145"/>
      <c r="AN5332" s="145"/>
      <c r="AO5332" s="145"/>
      <c r="AP5332" s="145"/>
      <c r="AQ5332" s="145"/>
      <c r="AR5332" s="145"/>
      <c r="AS5332" s="145"/>
      <c r="AT5332" s="145"/>
      <c r="AU5332" s="145"/>
      <c r="AV5332" s="145"/>
      <c r="AW5332" s="145"/>
      <c r="AX5332" s="146"/>
      <c r="AY5332" s="146"/>
      <c r="AZ5332" s="146"/>
      <c r="BA5332" s="146"/>
      <c r="BB5332" s="107">
        <v>45884</v>
      </c>
    </row>
    <row r="5333" spans="1:54" s="8" customFormat="1" ht="13.95" customHeight="1" x14ac:dyDescent="0.25">
      <c r="A5333" s="229" t="s">
        <v>12436</v>
      </c>
      <c r="B5333" s="96" t="s">
        <v>11930</v>
      </c>
      <c r="C5333" s="93" t="s">
        <v>12437</v>
      </c>
      <c r="D5333" s="93" t="s">
        <v>24615</v>
      </c>
      <c r="E5333" s="111">
        <v>1993</v>
      </c>
      <c r="F5333" s="111">
        <v>500</v>
      </c>
      <c r="G5333" s="93" t="s">
        <v>1</v>
      </c>
      <c r="H5333" s="111">
        <v>0</v>
      </c>
      <c r="I5333" s="111">
        <v>0</v>
      </c>
      <c r="J5333" s="111">
        <v>1</v>
      </c>
      <c r="K5333" s="111">
        <v>0</v>
      </c>
      <c r="L5333" s="111">
        <v>1</v>
      </c>
      <c r="M5333" s="111">
        <v>0</v>
      </c>
      <c r="N5333" s="111">
        <v>0</v>
      </c>
      <c r="O5333" s="111">
        <v>0</v>
      </c>
      <c r="P5333" s="111">
        <v>1</v>
      </c>
      <c r="Q5333" s="111">
        <v>0</v>
      </c>
      <c r="R5333" s="111">
        <v>1</v>
      </c>
      <c r="S5333" s="111">
        <v>0</v>
      </c>
      <c r="T5333" s="111">
        <v>0</v>
      </c>
      <c r="U5333" s="145"/>
      <c r="V5333" s="145"/>
      <c r="W5333" s="145"/>
      <c r="X5333" s="145"/>
      <c r="Y5333" s="145"/>
      <c r="Z5333" s="145"/>
      <c r="AA5333" s="145"/>
      <c r="AB5333" s="145"/>
      <c r="AC5333" s="145"/>
      <c r="AD5333" s="145"/>
      <c r="AE5333" s="145"/>
      <c r="AF5333" s="145"/>
      <c r="AG5333" s="145"/>
      <c r="AH5333" s="145"/>
      <c r="AI5333" s="145"/>
      <c r="AJ5333" s="145"/>
      <c r="AK5333" s="145"/>
      <c r="AL5333" s="145"/>
      <c r="AM5333" s="145"/>
      <c r="AN5333" s="145"/>
      <c r="AO5333" s="145"/>
      <c r="AP5333" s="145"/>
      <c r="AQ5333" s="145"/>
      <c r="AR5333" s="145"/>
      <c r="AS5333" s="145"/>
      <c r="AT5333" s="145"/>
      <c r="AU5333" s="145"/>
      <c r="AV5333" s="145"/>
      <c r="AW5333" s="145"/>
      <c r="AX5333" s="146"/>
      <c r="AY5333" s="146"/>
      <c r="AZ5333" s="146"/>
      <c r="BA5333" s="146"/>
      <c r="BB5333" s="107">
        <v>45884</v>
      </c>
    </row>
    <row r="5334" spans="1:54" s="8" customFormat="1" ht="13.95" customHeight="1" x14ac:dyDescent="0.25">
      <c r="A5334" s="229" t="s">
        <v>12438</v>
      </c>
      <c r="B5334" s="96" t="s">
        <v>11930</v>
      </c>
      <c r="C5334" s="93" t="s">
        <v>12439</v>
      </c>
      <c r="D5334" s="93" t="s">
        <v>24616</v>
      </c>
      <c r="E5334" s="111">
        <v>1979</v>
      </c>
      <c r="F5334" s="111">
        <v>300</v>
      </c>
      <c r="G5334" s="93" t="s">
        <v>1</v>
      </c>
      <c r="H5334" s="111">
        <v>0</v>
      </c>
      <c r="I5334" s="111">
        <v>0</v>
      </c>
      <c r="J5334" s="111">
        <v>1</v>
      </c>
      <c r="K5334" s="111">
        <v>0</v>
      </c>
      <c r="L5334" s="111">
        <v>1</v>
      </c>
      <c r="M5334" s="111">
        <v>0</v>
      </c>
      <c r="N5334" s="111">
        <v>0</v>
      </c>
      <c r="O5334" s="111">
        <v>1</v>
      </c>
      <c r="P5334" s="111">
        <v>0</v>
      </c>
      <c r="Q5334" s="111">
        <v>0</v>
      </c>
      <c r="R5334" s="111">
        <v>0</v>
      </c>
      <c r="S5334" s="111">
        <v>0</v>
      </c>
      <c r="T5334" s="111">
        <v>0</v>
      </c>
      <c r="U5334" s="145"/>
      <c r="V5334" s="145"/>
      <c r="W5334" s="145"/>
      <c r="X5334" s="145"/>
      <c r="Y5334" s="145"/>
      <c r="Z5334" s="145"/>
      <c r="AA5334" s="145"/>
      <c r="AB5334" s="145"/>
      <c r="AC5334" s="145"/>
      <c r="AD5334" s="145"/>
      <c r="AE5334" s="145"/>
      <c r="AF5334" s="145"/>
      <c r="AG5334" s="145"/>
      <c r="AH5334" s="145"/>
      <c r="AI5334" s="145"/>
      <c r="AJ5334" s="145"/>
      <c r="AK5334" s="145"/>
      <c r="AL5334" s="145"/>
      <c r="AM5334" s="145"/>
      <c r="AN5334" s="145"/>
      <c r="AO5334" s="145"/>
      <c r="AP5334" s="145"/>
      <c r="AQ5334" s="145"/>
      <c r="AR5334" s="145"/>
      <c r="AS5334" s="145"/>
      <c r="AT5334" s="145"/>
      <c r="AU5334" s="145"/>
      <c r="AV5334" s="145"/>
      <c r="AW5334" s="145"/>
      <c r="AX5334" s="146"/>
      <c r="AY5334" s="146"/>
      <c r="AZ5334" s="146"/>
      <c r="BA5334" s="146"/>
      <c r="BB5334" s="107">
        <v>45884</v>
      </c>
    </row>
    <row r="5335" spans="1:54" s="8" customFormat="1" ht="13.95" customHeight="1" x14ac:dyDescent="0.25">
      <c r="A5335" s="229" t="s">
        <v>12440</v>
      </c>
      <c r="B5335" s="96" t="s">
        <v>11930</v>
      </c>
      <c r="C5335" s="93" t="s">
        <v>12441</v>
      </c>
      <c r="D5335" s="93" t="s">
        <v>24617</v>
      </c>
      <c r="E5335" s="111">
        <v>1991</v>
      </c>
      <c r="F5335" s="111">
        <v>200</v>
      </c>
      <c r="G5335" s="93" t="s">
        <v>1</v>
      </c>
      <c r="H5335" s="111">
        <v>0</v>
      </c>
      <c r="I5335" s="111">
        <v>0</v>
      </c>
      <c r="J5335" s="111">
        <v>1</v>
      </c>
      <c r="K5335" s="111">
        <v>1</v>
      </c>
      <c r="L5335" s="111">
        <v>1</v>
      </c>
      <c r="M5335" s="111">
        <v>0</v>
      </c>
      <c r="N5335" s="111">
        <v>0</v>
      </c>
      <c r="O5335" s="111">
        <v>0</v>
      </c>
      <c r="P5335" s="111">
        <v>1</v>
      </c>
      <c r="Q5335" s="111">
        <v>0</v>
      </c>
      <c r="R5335" s="111">
        <v>0</v>
      </c>
      <c r="S5335" s="111">
        <v>0</v>
      </c>
      <c r="T5335" s="111">
        <v>0</v>
      </c>
      <c r="U5335" s="145"/>
      <c r="V5335" s="145"/>
      <c r="W5335" s="145"/>
      <c r="X5335" s="145"/>
      <c r="Y5335" s="145"/>
      <c r="Z5335" s="145"/>
      <c r="AA5335" s="145"/>
      <c r="AB5335" s="145"/>
      <c r="AC5335" s="145"/>
      <c r="AD5335" s="145"/>
      <c r="AE5335" s="145"/>
      <c r="AF5335" s="145"/>
      <c r="AG5335" s="145"/>
      <c r="AH5335" s="145"/>
      <c r="AI5335" s="145"/>
      <c r="AJ5335" s="145"/>
      <c r="AK5335" s="145"/>
      <c r="AL5335" s="145"/>
      <c r="AM5335" s="145"/>
      <c r="AN5335" s="145"/>
      <c r="AO5335" s="145"/>
      <c r="AP5335" s="145"/>
      <c r="AQ5335" s="145"/>
      <c r="AR5335" s="145"/>
      <c r="AS5335" s="145"/>
      <c r="AT5335" s="145"/>
      <c r="AU5335" s="145"/>
      <c r="AV5335" s="145"/>
      <c r="AW5335" s="145"/>
      <c r="AX5335" s="146"/>
      <c r="AY5335" s="146"/>
      <c r="AZ5335" s="146"/>
      <c r="BA5335" s="146"/>
      <c r="BB5335" s="107">
        <v>45884</v>
      </c>
    </row>
    <row r="5336" spans="1:54" s="8" customFormat="1" ht="13.95" customHeight="1" x14ac:dyDescent="0.25">
      <c r="A5336" s="229" t="s">
        <v>12442</v>
      </c>
      <c r="B5336" s="96" t="s">
        <v>11930</v>
      </c>
      <c r="C5336" s="93" t="s">
        <v>12443</v>
      </c>
      <c r="D5336" s="93" t="s">
        <v>24618</v>
      </c>
      <c r="E5336" s="111">
        <v>2010</v>
      </c>
      <c r="F5336" s="111">
        <v>1900</v>
      </c>
      <c r="G5336" s="93" t="s">
        <v>1</v>
      </c>
      <c r="H5336" s="111">
        <v>0</v>
      </c>
      <c r="I5336" s="111">
        <v>0</v>
      </c>
      <c r="J5336" s="111">
        <v>1</v>
      </c>
      <c r="K5336" s="111">
        <v>1</v>
      </c>
      <c r="L5336" s="111">
        <v>0</v>
      </c>
      <c r="M5336" s="111">
        <v>1</v>
      </c>
      <c r="N5336" s="111">
        <v>0</v>
      </c>
      <c r="O5336" s="111">
        <v>0</v>
      </c>
      <c r="P5336" s="111">
        <v>1</v>
      </c>
      <c r="Q5336" s="111">
        <v>0</v>
      </c>
      <c r="R5336" s="111">
        <v>0</v>
      </c>
      <c r="S5336" s="111">
        <v>0</v>
      </c>
      <c r="T5336" s="111">
        <v>0</v>
      </c>
      <c r="U5336" s="145"/>
      <c r="V5336" s="145"/>
      <c r="W5336" s="145"/>
      <c r="X5336" s="145"/>
      <c r="Y5336" s="145"/>
      <c r="Z5336" s="145"/>
      <c r="AA5336" s="145"/>
      <c r="AB5336" s="145"/>
      <c r="AC5336" s="145"/>
      <c r="AD5336" s="145"/>
      <c r="AE5336" s="145"/>
      <c r="AF5336" s="145"/>
      <c r="AG5336" s="145"/>
      <c r="AH5336" s="145"/>
      <c r="AI5336" s="145"/>
      <c r="AJ5336" s="145"/>
      <c r="AK5336" s="145"/>
      <c r="AL5336" s="145"/>
      <c r="AM5336" s="145"/>
      <c r="AN5336" s="145"/>
      <c r="AO5336" s="145"/>
      <c r="AP5336" s="145"/>
      <c r="AQ5336" s="145"/>
      <c r="AR5336" s="145"/>
      <c r="AS5336" s="145"/>
      <c r="AT5336" s="145"/>
      <c r="AU5336" s="145"/>
      <c r="AV5336" s="145"/>
      <c r="AW5336" s="145"/>
      <c r="AX5336" s="146"/>
      <c r="AY5336" s="146"/>
      <c r="AZ5336" s="146"/>
      <c r="BA5336" s="146"/>
      <c r="BB5336" s="107">
        <v>45884</v>
      </c>
    </row>
    <row r="5337" spans="1:54" s="8" customFormat="1" ht="13.95" customHeight="1" x14ac:dyDescent="0.25">
      <c r="A5337" s="229" t="s">
        <v>12444</v>
      </c>
      <c r="B5337" s="96" t="s">
        <v>11930</v>
      </c>
      <c r="C5337" s="93" t="s">
        <v>12445</v>
      </c>
      <c r="D5337" s="93" t="s">
        <v>24619</v>
      </c>
      <c r="E5337" s="111">
        <v>2003</v>
      </c>
      <c r="F5337" s="111">
        <v>700</v>
      </c>
      <c r="G5337" s="93" t="s">
        <v>1</v>
      </c>
      <c r="H5337" s="111">
        <v>0</v>
      </c>
      <c r="I5337" s="111">
        <v>0</v>
      </c>
      <c r="J5337" s="111">
        <v>1</v>
      </c>
      <c r="K5337" s="111">
        <v>0</v>
      </c>
      <c r="L5337" s="111">
        <v>1</v>
      </c>
      <c r="M5337" s="111">
        <v>0</v>
      </c>
      <c r="N5337" s="111">
        <v>0</v>
      </c>
      <c r="O5337" s="111">
        <v>0</v>
      </c>
      <c r="P5337" s="111">
        <v>1</v>
      </c>
      <c r="Q5337" s="111">
        <v>0</v>
      </c>
      <c r="R5337" s="111">
        <v>0</v>
      </c>
      <c r="S5337" s="111">
        <v>0</v>
      </c>
      <c r="T5337" s="111">
        <v>0</v>
      </c>
      <c r="U5337" s="145"/>
      <c r="V5337" s="145"/>
      <c r="W5337" s="145"/>
      <c r="X5337" s="145"/>
      <c r="Y5337" s="145"/>
      <c r="Z5337" s="145"/>
      <c r="AA5337" s="145"/>
      <c r="AB5337" s="145"/>
      <c r="AC5337" s="145"/>
      <c r="AD5337" s="145"/>
      <c r="AE5337" s="145"/>
      <c r="AF5337" s="145"/>
      <c r="AG5337" s="145"/>
      <c r="AH5337" s="145"/>
      <c r="AI5337" s="145"/>
      <c r="AJ5337" s="145"/>
      <c r="AK5337" s="145"/>
      <c r="AL5337" s="145"/>
      <c r="AM5337" s="145"/>
      <c r="AN5337" s="145"/>
      <c r="AO5337" s="145"/>
      <c r="AP5337" s="145"/>
      <c r="AQ5337" s="145"/>
      <c r="AR5337" s="145"/>
      <c r="AS5337" s="145"/>
      <c r="AT5337" s="145"/>
      <c r="AU5337" s="145"/>
      <c r="AV5337" s="145"/>
      <c r="AW5337" s="145"/>
      <c r="AX5337" s="146"/>
      <c r="AY5337" s="146"/>
      <c r="AZ5337" s="146"/>
      <c r="BA5337" s="146"/>
      <c r="BB5337" s="107">
        <v>45884</v>
      </c>
    </row>
    <row r="5338" spans="1:54" s="8" customFormat="1" ht="13.95" customHeight="1" x14ac:dyDescent="0.25">
      <c r="A5338" s="229" t="s">
        <v>12446</v>
      </c>
      <c r="B5338" s="96" t="s">
        <v>11930</v>
      </c>
      <c r="C5338" s="93" t="s">
        <v>12447</v>
      </c>
      <c r="D5338" s="93" t="s">
        <v>24620</v>
      </c>
      <c r="E5338" s="111">
        <v>1994</v>
      </c>
      <c r="F5338" s="111">
        <v>700</v>
      </c>
      <c r="G5338" s="93" t="s">
        <v>1</v>
      </c>
      <c r="H5338" s="111">
        <v>0</v>
      </c>
      <c r="I5338" s="111">
        <v>0</v>
      </c>
      <c r="J5338" s="111">
        <v>0</v>
      </c>
      <c r="K5338" s="111">
        <v>0</v>
      </c>
      <c r="L5338" s="111">
        <v>0</v>
      </c>
      <c r="M5338" s="111">
        <v>0</v>
      </c>
      <c r="N5338" s="111">
        <v>0</v>
      </c>
      <c r="O5338" s="111">
        <v>0</v>
      </c>
      <c r="P5338" s="111">
        <v>0</v>
      </c>
      <c r="Q5338" s="111">
        <v>0</v>
      </c>
      <c r="R5338" s="111">
        <v>0</v>
      </c>
      <c r="S5338" s="111">
        <v>0</v>
      </c>
      <c r="T5338" s="111">
        <v>0</v>
      </c>
      <c r="U5338" s="145"/>
      <c r="V5338" s="145"/>
      <c r="W5338" s="145"/>
      <c r="X5338" s="145"/>
      <c r="Y5338" s="145"/>
      <c r="Z5338" s="145"/>
      <c r="AA5338" s="145"/>
      <c r="AB5338" s="145"/>
      <c r="AC5338" s="145"/>
      <c r="AD5338" s="145"/>
      <c r="AE5338" s="145"/>
      <c r="AF5338" s="145"/>
      <c r="AG5338" s="145"/>
      <c r="AH5338" s="145"/>
      <c r="AI5338" s="145"/>
      <c r="AJ5338" s="145"/>
      <c r="AK5338" s="145"/>
      <c r="AL5338" s="145"/>
      <c r="AM5338" s="145"/>
      <c r="AN5338" s="145"/>
      <c r="AO5338" s="145"/>
      <c r="AP5338" s="145"/>
      <c r="AQ5338" s="145"/>
      <c r="AR5338" s="145"/>
      <c r="AS5338" s="145"/>
      <c r="AT5338" s="145"/>
      <c r="AU5338" s="145"/>
      <c r="AV5338" s="145"/>
      <c r="AW5338" s="145"/>
      <c r="AX5338" s="146"/>
      <c r="AY5338" s="146"/>
      <c r="AZ5338" s="146"/>
      <c r="BA5338" s="146"/>
      <c r="BB5338" s="107">
        <v>45884</v>
      </c>
    </row>
    <row r="5339" spans="1:54" s="8" customFormat="1" ht="13.95" customHeight="1" x14ac:dyDescent="0.25">
      <c r="A5339" s="229" t="s">
        <v>12448</v>
      </c>
      <c r="B5339" s="96" t="s">
        <v>11930</v>
      </c>
      <c r="C5339" s="93" t="s">
        <v>12449</v>
      </c>
      <c r="D5339" s="93" t="s">
        <v>24621</v>
      </c>
      <c r="E5339" s="111">
        <v>1996</v>
      </c>
      <c r="F5339" s="111">
        <v>300</v>
      </c>
      <c r="G5339" s="93" t="s">
        <v>1</v>
      </c>
      <c r="H5339" s="111">
        <v>0</v>
      </c>
      <c r="I5339" s="111">
        <v>0</v>
      </c>
      <c r="J5339" s="111">
        <v>1</v>
      </c>
      <c r="K5339" s="111">
        <v>1</v>
      </c>
      <c r="L5339" s="111">
        <v>1</v>
      </c>
      <c r="M5339" s="111">
        <v>1</v>
      </c>
      <c r="N5339" s="111">
        <v>0</v>
      </c>
      <c r="O5339" s="111">
        <v>0</v>
      </c>
      <c r="P5339" s="111">
        <v>1</v>
      </c>
      <c r="Q5339" s="111">
        <v>0</v>
      </c>
      <c r="R5339" s="111">
        <v>0</v>
      </c>
      <c r="S5339" s="111">
        <v>0</v>
      </c>
      <c r="T5339" s="111">
        <v>0</v>
      </c>
      <c r="U5339" s="145"/>
      <c r="V5339" s="145"/>
      <c r="W5339" s="145"/>
      <c r="X5339" s="145"/>
      <c r="Y5339" s="145"/>
      <c r="Z5339" s="145"/>
      <c r="AA5339" s="145"/>
      <c r="AB5339" s="145"/>
      <c r="AC5339" s="145"/>
      <c r="AD5339" s="145"/>
      <c r="AE5339" s="145"/>
      <c r="AF5339" s="145"/>
      <c r="AG5339" s="145"/>
      <c r="AH5339" s="145"/>
      <c r="AI5339" s="145"/>
      <c r="AJ5339" s="145"/>
      <c r="AK5339" s="145"/>
      <c r="AL5339" s="145"/>
      <c r="AM5339" s="145"/>
      <c r="AN5339" s="145"/>
      <c r="AO5339" s="145"/>
      <c r="AP5339" s="145"/>
      <c r="AQ5339" s="145"/>
      <c r="AR5339" s="145"/>
      <c r="AS5339" s="145"/>
      <c r="AT5339" s="145"/>
      <c r="AU5339" s="145"/>
      <c r="AV5339" s="145"/>
      <c r="AW5339" s="145"/>
      <c r="AX5339" s="146"/>
      <c r="AY5339" s="146"/>
      <c r="AZ5339" s="146"/>
      <c r="BA5339" s="146"/>
      <c r="BB5339" s="107">
        <v>45884</v>
      </c>
    </row>
    <row r="5340" spans="1:54" s="8" customFormat="1" ht="13.95" customHeight="1" x14ac:dyDescent="0.25">
      <c r="A5340" s="229" t="s">
        <v>12450</v>
      </c>
      <c r="B5340" s="96" t="s">
        <v>11930</v>
      </c>
      <c r="C5340" s="93" t="s">
        <v>12451</v>
      </c>
      <c r="D5340" s="93" t="s">
        <v>24622</v>
      </c>
      <c r="E5340" s="111">
        <v>1985</v>
      </c>
      <c r="F5340" s="111">
        <v>3300</v>
      </c>
      <c r="G5340" s="93" t="s">
        <v>1</v>
      </c>
      <c r="H5340" s="111">
        <v>1</v>
      </c>
      <c r="I5340" s="111">
        <v>0</v>
      </c>
      <c r="J5340" s="111">
        <v>1</v>
      </c>
      <c r="K5340" s="111">
        <v>0</v>
      </c>
      <c r="L5340" s="111">
        <v>0</v>
      </c>
      <c r="M5340" s="111">
        <v>0</v>
      </c>
      <c r="N5340" s="111">
        <v>0</v>
      </c>
      <c r="O5340" s="111">
        <v>0</v>
      </c>
      <c r="P5340" s="111">
        <v>0</v>
      </c>
      <c r="Q5340" s="111">
        <v>0</v>
      </c>
      <c r="R5340" s="111">
        <v>0</v>
      </c>
      <c r="S5340" s="111">
        <v>0</v>
      </c>
      <c r="T5340" s="111">
        <v>0</v>
      </c>
      <c r="U5340" s="145"/>
      <c r="V5340" s="145"/>
      <c r="W5340" s="145"/>
      <c r="X5340" s="145"/>
      <c r="Y5340" s="145"/>
      <c r="Z5340" s="145"/>
      <c r="AA5340" s="145"/>
      <c r="AB5340" s="145"/>
      <c r="AC5340" s="145"/>
      <c r="AD5340" s="145"/>
      <c r="AE5340" s="145"/>
      <c r="AF5340" s="145"/>
      <c r="AG5340" s="145"/>
      <c r="AH5340" s="145"/>
      <c r="AI5340" s="145"/>
      <c r="AJ5340" s="145"/>
      <c r="AK5340" s="145"/>
      <c r="AL5340" s="145"/>
      <c r="AM5340" s="145"/>
      <c r="AN5340" s="145"/>
      <c r="AO5340" s="145"/>
      <c r="AP5340" s="145"/>
      <c r="AQ5340" s="145"/>
      <c r="AR5340" s="145"/>
      <c r="AS5340" s="145"/>
      <c r="AT5340" s="145"/>
      <c r="AU5340" s="145"/>
      <c r="AV5340" s="145"/>
      <c r="AW5340" s="145"/>
      <c r="AX5340" s="146"/>
      <c r="AY5340" s="146"/>
      <c r="AZ5340" s="146"/>
      <c r="BA5340" s="146"/>
      <c r="BB5340" s="107">
        <v>45884</v>
      </c>
    </row>
    <row r="5341" spans="1:54" s="8" customFormat="1" ht="13.95" customHeight="1" x14ac:dyDescent="0.25">
      <c r="A5341" s="229" t="s">
        <v>12452</v>
      </c>
      <c r="B5341" s="96" t="s">
        <v>11930</v>
      </c>
      <c r="C5341" s="93" t="s">
        <v>12453</v>
      </c>
      <c r="D5341" s="93" t="s">
        <v>24623</v>
      </c>
      <c r="E5341" s="111">
        <v>1997</v>
      </c>
      <c r="F5341" s="111">
        <v>300</v>
      </c>
      <c r="G5341" s="93" t="s">
        <v>1</v>
      </c>
      <c r="H5341" s="111">
        <v>0</v>
      </c>
      <c r="I5341" s="111">
        <v>0</v>
      </c>
      <c r="J5341" s="111">
        <v>1</v>
      </c>
      <c r="K5341" s="111">
        <v>0</v>
      </c>
      <c r="L5341" s="111">
        <v>1</v>
      </c>
      <c r="M5341" s="111">
        <v>0</v>
      </c>
      <c r="N5341" s="111">
        <v>0</v>
      </c>
      <c r="O5341" s="111">
        <v>0</v>
      </c>
      <c r="P5341" s="111">
        <v>1</v>
      </c>
      <c r="Q5341" s="111">
        <v>0</v>
      </c>
      <c r="R5341" s="111">
        <v>1</v>
      </c>
      <c r="S5341" s="111">
        <v>0</v>
      </c>
      <c r="T5341" s="111">
        <v>0</v>
      </c>
      <c r="U5341" s="145"/>
      <c r="V5341" s="145"/>
      <c r="W5341" s="145"/>
      <c r="X5341" s="145"/>
      <c r="Y5341" s="145"/>
      <c r="Z5341" s="145"/>
      <c r="AA5341" s="145"/>
      <c r="AB5341" s="145"/>
      <c r="AC5341" s="145"/>
      <c r="AD5341" s="145"/>
      <c r="AE5341" s="145"/>
      <c r="AF5341" s="145"/>
      <c r="AG5341" s="145"/>
      <c r="AH5341" s="145"/>
      <c r="AI5341" s="145"/>
      <c r="AJ5341" s="145"/>
      <c r="AK5341" s="145"/>
      <c r="AL5341" s="145"/>
      <c r="AM5341" s="145"/>
      <c r="AN5341" s="145"/>
      <c r="AO5341" s="145"/>
      <c r="AP5341" s="145"/>
      <c r="AQ5341" s="145"/>
      <c r="AR5341" s="145"/>
      <c r="AS5341" s="145"/>
      <c r="AT5341" s="145"/>
      <c r="AU5341" s="145"/>
      <c r="AV5341" s="145"/>
      <c r="AW5341" s="145"/>
      <c r="AX5341" s="146"/>
      <c r="AY5341" s="146"/>
      <c r="AZ5341" s="146"/>
      <c r="BA5341" s="146"/>
      <c r="BB5341" s="107">
        <v>45884</v>
      </c>
    </row>
    <row r="5342" spans="1:54" s="8" customFormat="1" ht="13.95" customHeight="1" x14ac:dyDescent="0.25">
      <c r="A5342" s="229" t="s">
        <v>12454</v>
      </c>
      <c r="B5342" s="96" t="s">
        <v>11930</v>
      </c>
      <c r="C5342" s="93" t="s">
        <v>12455</v>
      </c>
      <c r="D5342" s="93" t="s">
        <v>12456</v>
      </c>
      <c r="E5342" s="111">
        <v>1965</v>
      </c>
      <c r="F5342" s="111">
        <v>2600</v>
      </c>
      <c r="G5342" s="93" t="s">
        <v>1</v>
      </c>
      <c r="H5342" s="111">
        <v>0</v>
      </c>
      <c r="I5342" s="111">
        <v>0</v>
      </c>
      <c r="J5342" s="111">
        <v>1</v>
      </c>
      <c r="K5342" s="111">
        <v>1</v>
      </c>
      <c r="L5342" s="111">
        <v>0</v>
      </c>
      <c r="M5342" s="111">
        <v>0</v>
      </c>
      <c r="N5342" s="111">
        <v>0</v>
      </c>
      <c r="O5342" s="111">
        <v>1</v>
      </c>
      <c r="P5342" s="111">
        <v>1</v>
      </c>
      <c r="Q5342" s="111">
        <v>0</v>
      </c>
      <c r="R5342" s="111">
        <v>1</v>
      </c>
      <c r="S5342" s="111">
        <v>1</v>
      </c>
      <c r="T5342" s="111">
        <v>0</v>
      </c>
      <c r="U5342" s="145"/>
      <c r="V5342" s="145"/>
      <c r="W5342" s="145"/>
      <c r="X5342" s="145"/>
      <c r="Y5342" s="145"/>
      <c r="Z5342" s="145"/>
      <c r="AA5342" s="145"/>
      <c r="AB5342" s="145"/>
      <c r="AC5342" s="145"/>
      <c r="AD5342" s="145"/>
      <c r="AE5342" s="145"/>
      <c r="AF5342" s="145"/>
      <c r="AG5342" s="145"/>
      <c r="AH5342" s="145"/>
      <c r="AI5342" s="145"/>
      <c r="AJ5342" s="145"/>
      <c r="AK5342" s="145"/>
      <c r="AL5342" s="145"/>
      <c r="AM5342" s="145"/>
      <c r="AN5342" s="145"/>
      <c r="AO5342" s="145"/>
      <c r="AP5342" s="145"/>
      <c r="AQ5342" s="145"/>
      <c r="AR5342" s="145"/>
      <c r="AS5342" s="145"/>
      <c r="AT5342" s="145"/>
      <c r="AU5342" s="145"/>
      <c r="AV5342" s="145"/>
      <c r="AW5342" s="145"/>
      <c r="AX5342" s="146"/>
      <c r="AY5342" s="146"/>
      <c r="AZ5342" s="146"/>
      <c r="BA5342" s="146"/>
      <c r="BB5342" s="107">
        <v>45884</v>
      </c>
    </row>
    <row r="5343" spans="1:54" s="8" customFormat="1" ht="13.95" customHeight="1" x14ac:dyDescent="0.25">
      <c r="A5343" s="229" t="s">
        <v>12457</v>
      </c>
      <c r="B5343" s="96" t="s">
        <v>11930</v>
      </c>
      <c r="C5343" s="93" t="s">
        <v>12458</v>
      </c>
      <c r="D5343" s="93" t="s">
        <v>12459</v>
      </c>
      <c r="E5343" s="111">
        <v>2015</v>
      </c>
      <c r="F5343" s="111">
        <v>1000</v>
      </c>
      <c r="G5343" s="93" t="s">
        <v>1</v>
      </c>
      <c r="H5343" s="111">
        <v>0</v>
      </c>
      <c r="I5343" s="111">
        <v>0</v>
      </c>
      <c r="J5343" s="111">
        <v>1</v>
      </c>
      <c r="K5343" s="111">
        <v>1</v>
      </c>
      <c r="L5343" s="111">
        <v>0</v>
      </c>
      <c r="M5343" s="111">
        <v>0</v>
      </c>
      <c r="N5343" s="111">
        <v>0</v>
      </c>
      <c r="O5343" s="111">
        <v>0</v>
      </c>
      <c r="P5343" s="111">
        <v>1</v>
      </c>
      <c r="Q5343" s="111">
        <v>0</v>
      </c>
      <c r="R5343" s="111">
        <v>0</v>
      </c>
      <c r="S5343" s="111">
        <v>0</v>
      </c>
      <c r="T5343" s="111">
        <v>0</v>
      </c>
      <c r="U5343" s="145"/>
      <c r="V5343" s="145"/>
      <c r="W5343" s="145"/>
      <c r="X5343" s="145"/>
      <c r="Y5343" s="145"/>
      <c r="Z5343" s="145"/>
      <c r="AA5343" s="145"/>
      <c r="AB5343" s="145"/>
      <c r="AC5343" s="145"/>
      <c r="AD5343" s="145"/>
      <c r="AE5343" s="145"/>
      <c r="AF5343" s="145"/>
      <c r="AG5343" s="145"/>
      <c r="AH5343" s="145"/>
      <c r="AI5343" s="145"/>
      <c r="AJ5343" s="145"/>
      <c r="AK5343" s="145"/>
      <c r="AL5343" s="145"/>
      <c r="AM5343" s="145"/>
      <c r="AN5343" s="145"/>
      <c r="AO5343" s="145"/>
      <c r="AP5343" s="145"/>
      <c r="AQ5343" s="145"/>
      <c r="AR5343" s="145"/>
      <c r="AS5343" s="145"/>
      <c r="AT5343" s="145"/>
      <c r="AU5343" s="145"/>
      <c r="AV5343" s="145"/>
      <c r="AW5343" s="145"/>
      <c r="AX5343" s="146"/>
      <c r="AY5343" s="146"/>
      <c r="AZ5343" s="146"/>
      <c r="BA5343" s="146"/>
      <c r="BB5343" s="107">
        <v>45884</v>
      </c>
    </row>
    <row r="5344" spans="1:54" s="8" customFormat="1" ht="13.95" customHeight="1" x14ac:dyDescent="0.25">
      <c r="A5344" s="229" t="s">
        <v>12460</v>
      </c>
      <c r="B5344" s="96" t="s">
        <v>11930</v>
      </c>
      <c r="C5344" s="93" t="s">
        <v>12461</v>
      </c>
      <c r="D5344" s="93" t="s">
        <v>12462</v>
      </c>
      <c r="E5344" s="111">
        <v>1976</v>
      </c>
      <c r="F5344" s="111">
        <v>400</v>
      </c>
      <c r="G5344" s="93" t="s">
        <v>1</v>
      </c>
      <c r="H5344" s="111">
        <v>0</v>
      </c>
      <c r="I5344" s="111">
        <v>0</v>
      </c>
      <c r="J5344" s="111">
        <v>1</v>
      </c>
      <c r="K5344" s="111">
        <v>1</v>
      </c>
      <c r="L5344" s="111">
        <v>0</v>
      </c>
      <c r="M5344" s="111">
        <v>0</v>
      </c>
      <c r="N5344" s="111">
        <v>0</v>
      </c>
      <c r="O5344" s="111">
        <v>1</v>
      </c>
      <c r="P5344" s="111">
        <v>0</v>
      </c>
      <c r="Q5344" s="111">
        <v>0</v>
      </c>
      <c r="R5344" s="111">
        <v>0</v>
      </c>
      <c r="S5344" s="111">
        <v>0</v>
      </c>
      <c r="T5344" s="111">
        <v>0</v>
      </c>
      <c r="U5344" s="145"/>
      <c r="V5344" s="145"/>
      <c r="W5344" s="145"/>
      <c r="X5344" s="145"/>
      <c r="Y5344" s="145"/>
      <c r="Z5344" s="145"/>
      <c r="AA5344" s="145"/>
      <c r="AB5344" s="145"/>
      <c r="AC5344" s="145"/>
      <c r="AD5344" s="145"/>
      <c r="AE5344" s="145"/>
      <c r="AF5344" s="145"/>
      <c r="AG5344" s="145"/>
      <c r="AH5344" s="145"/>
      <c r="AI5344" s="145"/>
      <c r="AJ5344" s="145"/>
      <c r="AK5344" s="145"/>
      <c r="AL5344" s="145"/>
      <c r="AM5344" s="145"/>
      <c r="AN5344" s="145"/>
      <c r="AO5344" s="145"/>
      <c r="AP5344" s="145"/>
      <c r="AQ5344" s="145"/>
      <c r="AR5344" s="145"/>
      <c r="AS5344" s="145"/>
      <c r="AT5344" s="145"/>
      <c r="AU5344" s="145"/>
      <c r="AV5344" s="145"/>
      <c r="AW5344" s="145"/>
      <c r="AX5344" s="146"/>
      <c r="AY5344" s="146"/>
      <c r="AZ5344" s="146"/>
      <c r="BA5344" s="146"/>
      <c r="BB5344" s="107">
        <v>45884</v>
      </c>
    </row>
    <row r="5345" spans="1:54" s="8" customFormat="1" ht="13.95" customHeight="1" x14ac:dyDescent="0.25">
      <c r="A5345" s="229" t="s">
        <v>12463</v>
      </c>
      <c r="B5345" s="96" t="s">
        <v>11930</v>
      </c>
      <c r="C5345" s="93" t="s">
        <v>12464</v>
      </c>
      <c r="D5345" s="93" t="s">
        <v>12465</v>
      </c>
      <c r="E5345" s="111">
        <v>1985</v>
      </c>
      <c r="F5345" s="111">
        <v>1600</v>
      </c>
      <c r="G5345" s="93" t="s">
        <v>1</v>
      </c>
      <c r="H5345" s="111">
        <v>0</v>
      </c>
      <c r="I5345" s="111">
        <v>0</v>
      </c>
      <c r="J5345" s="111">
        <v>1</v>
      </c>
      <c r="K5345" s="111">
        <v>0</v>
      </c>
      <c r="L5345" s="111">
        <v>1</v>
      </c>
      <c r="M5345" s="111">
        <v>0</v>
      </c>
      <c r="N5345" s="111">
        <v>0</v>
      </c>
      <c r="O5345" s="111">
        <v>1</v>
      </c>
      <c r="P5345" s="111">
        <v>1</v>
      </c>
      <c r="Q5345" s="111">
        <v>0</v>
      </c>
      <c r="R5345" s="111">
        <v>0</v>
      </c>
      <c r="S5345" s="111">
        <v>0</v>
      </c>
      <c r="T5345" s="111">
        <v>0</v>
      </c>
      <c r="U5345" s="145"/>
      <c r="V5345" s="145"/>
      <c r="W5345" s="145"/>
      <c r="X5345" s="145"/>
      <c r="Y5345" s="145"/>
      <c r="Z5345" s="145"/>
      <c r="AA5345" s="145"/>
      <c r="AB5345" s="145"/>
      <c r="AC5345" s="145"/>
      <c r="AD5345" s="145"/>
      <c r="AE5345" s="145"/>
      <c r="AF5345" s="145"/>
      <c r="AG5345" s="145"/>
      <c r="AH5345" s="145"/>
      <c r="AI5345" s="145"/>
      <c r="AJ5345" s="145"/>
      <c r="AK5345" s="145"/>
      <c r="AL5345" s="145"/>
      <c r="AM5345" s="145"/>
      <c r="AN5345" s="145"/>
      <c r="AO5345" s="145"/>
      <c r="AP5345" s="145"/>
      <c r="AQ5345" s="145"/>
      <c r="AR5345" s="145"/>
      <c r="AS5345" s="145"/>
      <c r="AT5345" s="145"/>
      <c r="AU5345" s="145"/>
      <c r="AV5345" s="145"/>
      <c r="AW5345" s="145"/>
      <c r="AX5345" s="146"/>
      <c r="AY5345" s="146"/>
      <c r="AZ5345" s="146"/>
      <c r="BA5345" s="146"/>
      <c r="BB5345" s="107">
        <v>45884</v>
      </c>
    </row>
    <row r="5346" spans="1:54" s="8" customFormat="1" ht="13.95" customHeight="1" x14ac:dyDescent="0.25">
      <c r="A5346" s="229" t="s">
        <v>12466</v>
      </c>
      <c r="B5346" s="96" t="s">
        <v>11930</v>
      </c>
      <c r="C5346" s="93" t="s">
        <v>12467</v>
      </c>
      <c r="D5346" s="93" t="s">
        <v>12468</v>
      </c>
      <c r="E5346" s="111">
        <v>1986</v>
      </c>
      <c r="F5346" s="111">
        <v>3500</v>
      </c>
      <c r="G5346" s="93" t="s">
        <v>1</v>
      </c>
      <c r="H5346" s="111">
        <v>0</v>
      </c>
      <c r="I5346" s="111">
        <v>0</v>
      </c>
      <c r="J5346" s="111">
        <v>1</v>
      </c>
      <c r="K5346" s="111">
        <v>0</v>
      </c>
      <c r="L5346" s="111">
        <v>1</v>
      </c>
      <c r="M5346" s="111">
        <v>0</v>
      </c>
      <c r="N5346" s="111">
        <v>0</v>
      </c>
      <c r="O5346" s="111">
        <v>1</v>
      </c>
      <c r="P5346" s="111">
        <v>1</v>
      </c>
      <c r="Q5346" s="111">
        <v>0</v>
      </c>
      <c r="R5346" s="111">
        <v>1</v>
      </c>
      <c r="S5346" s="111">
        <v>0</v>
      </c>
      <c r="T5346" s="111">
        <v>0</v>
      </c>
      <c r="U5346" s="145"/>
      <c r="V5346" s="145"/>
      <c r="W5346" s="145"/>
      <c r="X5346" s="145"/>
      <c r="Y5346" s="145"/>
      <c r="Z5346" s="145"/>
      <c r="AA5346" s="145"/>
      <c r="AB5346" s="145"/>
      <c r="AC5346" s="145"/>
      <c r="AD5346" s="145"/>
      <c r="AE5346" s="145"/>
      <c r="AF5346" s="145"/>
      <c r="AG5346" s="145"/>
      <c r="AH5346" s="145"/>
      <c r="AI5346" s="145"/>
      <c r="AJ5346" s="145"/>
      <c r="AK5346" s="145"/>
      <c r="AL5346" s="145"/>
      <c r="AM5346" s="145"/>
      <c r="AN5346" s="145"/>
      <c r="AO5346" s="145"/>
      <c r="AP5346" s="145"/>
      <c r="AQ5346" s="145"/>
      <c r="AR5346" s="145"/>
      <c r="AS5346" s="145"/>
      <c r="AT5346" s="145"/>
      <c r="AU5346" s="145"/>
      <c r="AV5346" s="145"/>
      <c r="AW5346" s="145"/>
      <c r="AX5346" s="146"/>
      <c r="AY5346" s="146"/>
      <c r="AZ5346" s="146"/>
      <c r="BA5346" s="146"/>
      <c r="BB5346" s="107">
        <v>45884</v>
      </c>
    </row>
    <row r="5347" spans="1:54" s="8" customFormat="1" ht="13.95" customHeight="1" x14ac:dyDescent="0.25">
      <c r="A5347" s="229" t="s">
        <v>12469</v>
      </c>
      <c r="B5347" s="96" t="s">
        <v>11930</v>
      </c>
      <c r="C5347" s="93" t="s">
        <v>12470</v>
      </c>
      <c r="D5347" s="93" t="s">
        <v>12471</v>
      </c>
      <c r="E5347" s="111">
        <v>1967</v>
      </c>
      <c r="F5347" s="111">
        <v>5300</v>
      </c>
      <c r="G5347" s="93" t="s">
        <v>1</v>
      </c>
      <c r="H5347" s="111">
        <v>1</v>
      </c>
      <c r="I5347" s="111">
        <v>0</v>
      </c>
      <c r="J5347" s="111">
        <v>1</v>
      </c>
      <c r="K5347" s="111">
        <v>1</v>
      </c>
      <c r="L5347" s="111">
        <v>1</v>
      </c>
      <c r="M5347" s="111">
        <v>0</v>
      </c>
      <c r="N5347" s="111">
        <v>0</v>
      </c>
      <c r="O5347" s="111">
        <v>1</v>
      </c>
      <c r="P5347" s="111">
        <v>1</v>
      </c>
      <c r="Q5347" s="111">
        <v>1</v>
      </c>
      <c r="R5347" s="111">
        <v>1</v>
      </c>
      <c r="S5347" s="111">
        <v>1</v>
      </c>
      <c r="T5347" s="111">
        <v>0</v>
      </c>
      <c r="U5347" s="145"/>
      <c r="V5347" s="145"/>
      <c r="W5347" s="145"/>
      <c r="X5347" s="145"/>
      <c r="Y5347" s="145"/>
      <c r="Z5347" s="145"/>
      <c r="AA5347" s="145"/>
      <c r="AB5347" s="145"/>
      <c r="AC5347" s="145"/>
      <c r="AD5347" s="145"/>
      <c r="AE5347" s="145"/>
      <c r="AF5347" s="145"/>
      <c r="AG5347" s="145"/>
      <c r="AH5347" s="145"/>
      <c r="AI5347" s="145"/>
      <c r="AJ5347" s="145"/>
      <c r="AK5347" s="145"/>
      <c r="AL5347" s="145"/>
      <c r="AM5347" s="145"/>
      <c r="AN5347" s="145"/>
      <c r="AO5347" s="145"/>
      <c r="AP5347" s="145"/>
      <c r="AQ5347" s="145"/>
      <c r="AR5347" s="145"/>
      <c r="AS5347" s="145"/>
      <c r="AT5347" s="145"/>
      <c r="AU5347" s="145"/>
      <c r="AV5347" s="145"/>
      <c r="AW5347" s="145"/>
      <c r="AX5347" s="146"/>
      <c r="AY5347" s="146"/>
      <c r="AZ5347" s="146"/>
      <c r="BA5347" s="146"/>
      <c r="BB5347" s="107">
        <v>45884</v>
      </c>
    </row>
    <row r="5348" spans="1:54" s="8" customFormat="1" ht="13.95" customHeight="1" x14ac:dyDescent="0.25">
      <c r="A5348" s="229" t="s">
        <v>12472</v>
      </c>
      <c r="B5348" s="96" t="s">
        <v>11930</v>
      </c>
      <c r="C5348" s="93" t="s">
        <v>12473</v>
      </c>
      <c r="D5348" s="93" t="s">
        <v>12474</v>
      </c>
      <c r="E5348" s="111">
        <v>2003</v>
      </c>
      <c r="F5348" s="111">
        <v>600</v>
      </c>
      <c r="G5348" s="93" t="s">
        <v>1</v>
      </c>
      <c r="H5348" s="111">
        <v>0</v>
      </c>
      <c r="I5348" s="111">
        <v>0</v>
      </c>
      <c r="J5348" s="111">
        <v>1</v>
      </c>
      <c r="K5348" s="111">
        <v>0</v>
      </c>
      <c r="L5348" s="111">
        <v>1</v>
      </c>
      <c r="M5348" s="111">
        <v>0</v>
      </c>
      <c r="N5348" s="111">
        <v>0</v>
      </c>
      <c r="O5348" s="111">
        <v>0</v>
      </c>
      <c r="P5348" s="111">
        <v>1</v>
      </c>
      <c r="Q5348" s="111">
        <v>0</v>
      </c>
      <c r="R5348" s="111">
        <v>0</v>
      </c>
      <c r="S5348" s="111">
        <v>0</v>
      </c>
      <c r="T5348" s="111">
        <v>0</v>
      </c>
      <c r="U5348" s="145"/>
      <c r="V5348" s="145"/>
      <c r="W5348" s="145"/>
      <c r="X5348" s="145"/>
      <c r="Y5348" s="145"/>
      <c r="Z5348" s="145"/>
      <c r="AA5348" s="145"/>
      <c r="AB5348" s="145"/>
      <c r="AC5348" s="145"/>
      <c r="AD5348" s="145"/>
      <c r="AE5348" s="145"/>
      <c r="AF5348" s="145"/>
      <c r="AG5348" s="145"/>
      <c r="AH5348" s="145"/>
      <c r="AI5348" s="145"/>
      <c r="AJ5348" s="145"/>
      <c r="AK5348" s="145"/>
      <c r="AL5348" s="145"/>
      <c r="AM5348" s="145"/>
      <c r="AN5348" s="145"/>
      <c r="AO5348" s="145"/>
      <c r="AP5348" s="145"/>
      <c r="AQ5348" s="145"/>
      <c r="AR5348" s="145"/>
      <c r="AS5348" s="145"/>
      <c r="AT5348" s="145"/>
      <c r="AU5348" s="145"/>
      <c r="AV5348" s="145"/>
      <c r="AW5348" s="145"/>
      <c r="AX5348" s="146"/>
      <c r="AY5348" s="146"/>
      <c r="AZ5348" s="146"/>
      <c r="BA5348" s="146"/>
      <c r="BB5348" s="107">
        <v>45884</v>
      </c>
    </row>
    <row r="5349" spans="1:54" s="8" customFormat="1" ht="13.95" customHeight="1" x14ac:dyDescent="0.25">
      <c r="A5349" s="229" t="s">
        <v>12475</v>
      </c>
      <c r="B5349" s="96" t="s">
        <v>11930</v>
      </c>
      <c r="C5349" s="93" t="s">
        <v>12476</v>
      </c>
      <c r="D5349" s="93" t="s">
        <v>12477</v>
      </c>
      <c r="E5349" s="111">
        <v>1993</v>
      </c>
      <c r="F5349" s="111">
        <v>200</v>
      </c>
      <c r="G5349" s="93" t="s">
        <v>1</v>
      </c>
      <c r="H5349" s="111">
        <v>0</v>
      </c>
      <c r="I5349" s="111">
        <v>0</v>
      </c>
      <c r="J5349" s="111">
        <v>1</v>
      </c>
      <c r="K5349" s="111">
        <v>0</v>
      </c>
      <c r="L5349" s="111">
        <v>1</v>
      </c>
      <c r="M5349" s="111">
        <v>0</v>
      </c>
      <c r="N5349" s="111">
        <v>0</v>
      </c>
      <c r="O5349" s="111">
        <v>0</v>
      </c>
      <c r="P5349" s="111">
        <v>1</v>
      </c>
      <c r="Q5349" s="111">
        <v>0</v>
      </c>
      <c r="R5349" s="111">
        <v>0</v>
      </c>
      <c r="S5349" s="111">
        <v>0</v>
      </c>
      <c r="T5349" s="111">
        <v>0</v>
      </c>
      <c r="U5349" s="145"/>
      <c r="V5349" s="145"/>
      <c r="W5349" s="145"/>
      <c r="X5349" s="145"/>
      <c r="Y5349" s="145"/>
      <c r="Z5349" s="145"/>
      <c r="AA5349" s="145"/>
      <c r="AB5349" s="145"/>
      <c r="AC5349" s="145"/>
      <c r="AD5349" s="145"/>
      <c r="AE5349" s="145"/>
      <c r="AF5349" s="145"/>
      <c r="AG5349" s="145"/>
      <c r="AH5349" s="145"/>
      <c r="AI5349" s="145"/>
      <c r="AJ5349" s="145"/>
      <c r="AK5349" s="145"/>
      <c r="AL5349" s="145"/>
      <c r="AM5349" s="145"/>
      <c r="AN5349" s="145"/>
      <c r="AO5349" s="145"/>
      <c r="AP5349" s="145"/>
      <c r="AQ5349" s="145"/>
      <c r="AR5349" s="145"/>
      <c r="AS5349" s="145"/>
      <c r="AT5349" s="145"/>
      <c r="AU5349" s="145"/>
      <c r="AV5349" s="145"/>
      <c r="AW5349" s="145"/>
      <c r="AX5349" s="146"/>
      <c r="AY5349" s="146"/>
      <c r="AZ5349" s="146"/>
      <c r="BA5349" s="146"/>
      <c r="BB5349" s="107">
        <v>45884</v>
      </c>
    </row>
    <row r="5350" spans="1:54" s="8" customFormat="1" ht="13.95" customHeight="1" x14ac:dyDescent="0.25">
      <c r="A5350" s="229" t="s">
        <v>12478</v>
      </c>
      <c r="B5350" s="96" t="s">
        <v>11930</v>
      </c>
      <c r="C5350" s="93" t="s">
        <v>12479</v>
      </c>
      <c r="D5350" s="93" t="s">
        <v>12480</v>
      </c>
      <c r="E5350" s="111">
        <v>1991</v>
      </c>
      <c r="F5350" s="111">
        <v>200</v>
      </c>
      <c r="G5350" s="93" t="s">
        <v>1</v>
      </c>
      <c r="H5350" s="111">
        <v>0</v>
      </c>
      <c r="I5350" s="111">
        <v>0</v>
      </c>
      <c r="J5350" s="111">
        <v>1</v>
      </c>
      <c r="K5350" s="111">
        <v>0</v>
      </c>
      <c r="L5350" s="111">
        <v>1</v>
      </c>
      <c r="M5350" s="111">
        <v>0</v>
      </c>
      <c r="N5350" s="111">
        <v>0</v>
      </c>
      <c r="O5350" s="111">
        <v>1</v>
      </c>
      <c r="P5350" s="111">
        <v>0</v>
      </c>
      <c r="Q5350" s="111">
        <v>0</v>
      </c>
      <c r="R5350" s="111">
        <v>0</v>
      </c>
      <c r="S5350" s="111">
        <v>0</v>
      </c>
      <c r="T5350" s="111">
        <v>0</v>
      </c>
      <c r="U5350" s="145"/>
      <c r="V5350" s="145"/>
      <c r="W5350" s="145"/>
      <c r="X5350" s="145"/>
      <c r="Y5350" s="145"/>
      <c r="Z5350" s="145"/>
      <c r="AA5350" s="145"/>
      <c r="AB5350" s="145"/>
      <c r="AC5350" s="145"/>
      <c r="AD5350" s="145"/>
      <c r="AE5350" s="145"/>
      <c r="AF5350" s="145"/>
      <c r="AG5350" s="145"/>
      <c r="AH5350" s="145"/>
      <c r="AI5350" s="145"/>
      <c r="AJ5350" s="145"/>
      <c r="AK5350" s="145"/>
      <c r="AL5350" s="145"/>
      <c r="AM5350" s="145"/>
      <c r="AN5350" s="145"/>
      <c r="AO5350" s="145"/>
      <c r="AP5350" s="145"/>
      <c r="AQ5350" s="145"/>
      <c r="AR5350" s="145"/>
      <c r="AS5350" s="145"/>
      <c r="AT5350" s="145"/>
      <c r="AU5350" s="145"/>
      <c r="AV5350" s="145"/>
      <c r="AW5350" s="145"/>
      <c r="AX5350" s="146"/>
      <c r="AY5350" s="146"/>
      <c r="AZ5350" s="146"/>
      <c r="BA5350" s="146"/>
      <c r="BB5350" s="107">
        <v>45884</v>
      </c>
    </row>
    <row r="5351" spans="1:54" s="8" customFormat="1" ht="13.95" customHeight="1" x14ac:dyDescent="0.25">
      <c r="A5351" s="229" t="s">
        <v>12481</v>
      </c>
      <c r="B5351" s="96" t="s">
        <v>11930</v>
      </c>
      <c r="C5351" s="93" t="s">
        <v>12482</v>
      </c>
      <c r="D5351" s="93" t="s">
        <v>12483</v>
      </c>
      <c r="E5351" s="111">
        <v>1991</v>
      </c>
      <c r="F5351" s="111">
        <v>200</v>
      </c>
      <c r="G5351" s="93" t="s">
        <v>1</v>
      </c>
      <c r="H5351" s="111">
        <v>0</v>
      </c>
      <c r="I5351" s="111">
        <v>0</v>
      </c>
      <c r="J5351" s="111">
        <v>0</v>
      </c>
      <c r="K5351" s="111">
        <v>0</v>
      </c>
      <c r="L5351" s="111">
        <v>1</v>
      </c>
      <c r="M5351" s="111">
        <v>0</v>
      </c>
      <c r="N5351" s="111">
        <v>0</v>
      </c>
      <c r="O5351" s="111">
        <v>0</v>
      </c>
      <c r="P5351" s="252">
        <v>1</v>
      </c>
      <c r="Q5351" s="111">
        <v>0</v>
      </c>
      <c r="R5351" s="111">
        <v>0</v>
      </c>
      <c r="S5351" s="111">
        <v>0</v>
      </c>
      <c r="T5351" s="111">
        <v>0</v>
      </c>
      <c r="U5351" s="145"/>
      <c r="V5351" s="145"/>
      <c r="W5351" s="145"/>
      <c r="X5351" s="145"/>
      <c r="Y5351" s="145"/>
      <c r="Z5351" s="145"/>
      <c r="AA5351" s="145"/>
      <c r="AB5351" s="145"/>
      <c r="AC5351" s="145"/>
      <c r="AD5351" s="145"/>
      <c r="AE5351" s="145"/>
      <c r="AF5351" s="145"/>
      <c r="AG5351" s="145"/>
      <c r="AH5351" s="145"/>
      <c r="AI5351" s="145"/>
      <c r="AJ5351" s="145"/>
      <c r="AK5351" s="145"/>
      <c r="AL5351" s="145"/>
      <c r="AM5351" s="145"/>
      <c r="AN5351" s="145"/>
      <c r="AO5351" s="145"/>
      <c r="AP5351" s="145"/>
      <c r="AQ5351" s="145"/>
      <c r="AR5351" s="145"/>
      <c r="AS5351" s="145"/>
      <c r="AT5351" s="145"/>
      <c r="AU5351" s="145"/>
      <c r="AV5351" s="145"/>
      <c r="AW5351" s="145"/>
      <c r="AX5351" s="146"/>
      <c r="AY5351" s="146"/>
      <c r="AZ5351" s="146"/>
      <c r="BA5351" s="146"/>
      <c r="BB5351" s="107">
        <v>45884</v>
      </c>
    </row>
    <row r="5352" spans="1:54" s="8" customFormat="1" ht="13.95" customHeight="1" x14ac:dyDescent="0.25">
      <c r="A5352" s="229" t="s">
        <v>12484</v>
      </c>
      <c r="B5352" s="96" t="s">
        <v>11930</v>
      </c>
      <c r="C5352" s="93" t="s">
        <v>12485</v>
      </c>
      <c r="D5352" s="93" t="s">
        <v>12486</v>
      </c>
      <c r="E5352" s="111">
        <v>2016</v>
      </c>
      <c r="F5352" s="111">
        <v>3500</v>
      </c>
      <c r="G5352" s="93" t="s">
        <v>1</v>
      </c>
      <c r="H5352" s="111">
        <v>0</v>
      </c>
      <c r="I5352" s="111">
        <v>0</v>
      </c>
      <c r="J5352" s="111">
        <v>1</v>
      </c>
      <c r="K5352" s="111">
        <v>0</v>
      </c>
      <c r="L5352" s="111">
        <v>0</v>
      </c>
      <c r="M5352" s="111">
        <v>1</v>
      </c>
      <c r="N5352" s="111">
        <v>0</v>
      </c>
      <c r="O5352" s="111">
        <v>0</v>
      </c>
      <c r="P5352" s="111">
        <v>1</v>
      </c>
      <c r="Q5352" s="111">
        <v>0</v>
      </c>
      <c r="R5352" s="111">
        <v>0</v>
      </c>
      <c r="S5352" s="111">
        <v>0</v>
      </c>
      <c r="T5352" s="111">
        <v>0</v>
      </c>
      <c r="U5352" s="145"/>
      <c r="V5352" s="145"/>
      <c r="W5352" s="145"/>
      <c r="X5352" s="145"/>
      <c r="Y5352" s="145"/>
      <c r="Z5352" s="145"/>
      <c r="AA5352" s="145"/>
      <c r="AB5352" s="145"/>
      <c r="AC5352" s="145"/>
      <c r="AD5352" s="145"/>
      <c r="AE5352" s="145"/>
      <c r="AF5352" s="145"/>
      <c r="AG5352" s="145"/>
      <c r="AH5352" s="145"/>
      <c r="AI5352" s="145"/>
      <c r="AJ5352" s="145"/>
      <c r="AK5352" s="145"/>
      <c r="AL5352" s="145"/>
      <c r="AM5352" s="145"/>
      <c r="AN5352" s="145"/>
      <c r="AO5352" s="145"/>
      <c r="AP5352" s="145"/>
      <c r="AQ5352" s="145"/>
      <c r="AR5352" s="145"/>
      <c r="AS5352" s="145"/>
      <c r="AT5352" s="145"/>
      <c r="AU5352" s="145"/>
      <c r="AV5352" s="145"/>
      <c r="AW5352" s="145"/>
      <c r="AX5352" s="146"/>
      <c r="AY5352" s="146"/>
      <c r="AZ5352" s="146"/>
      <c r="BA5352" s="146"/>
      <c r="BB5352" s="107">
        <v>45884</v>
      </c>
    </row>
    <row r="5353" spans="1:54" s="8" customFormat="1" ht="13.95" customHeight="1" x14ac:dyDescent="0.25">
      <c r="A5353" s="229" t="s">
        <v>12487</v>
      </c>
      <c r="B5353" s="96" t="s">
        <v>11930</v>
      </c>
      <c r="C5353" s="93" t="s">
        <v>12488</v>
      </c>
      <c r="D5353" s="93" t="s">
        <v>12489</v>
      </c>
      <c r="E5353" s="111">
        <v>2016</v>
      </c>
      <c r="F5353" s="111">
        <v>2000</v>
      </c>
      <c r="G5353" s="93" t="s">
        <v>1</v>
      </c>
      <c r="H5353" s="111">
        <v>0</v>
      </c>
      <c r="I5353" s="111">
        <v>0</v>
      </c>
      <c r="J5353" s="111">
        <v>1</v>
      </c>
      <c r="K5353" s="111">
        <v>0</v>
      </c>
      <c r="L5353" s="111">
        <v>0</v>
      </c>
      <c r="M5353" s="111">
        <v>0</v>
      </c>
      <c r="N5353" s="111">
        <v>0</v>
      </c>
      <c r="O5353" s="111">
        <v>0</v>
      </c>
      <c r="P5353" s="111">
        <v>0</v>
      </c>
      <c r="Q5353" s="111">
        <v>0</v>
      </c>
      <c r="R5353" s="111">
        <v>0</v>
      </c>
      <c r="S5353" s="111">
        <v>0</v>
      </c>
      <c r="T5353" s="111">
        <v>0</v>
      </c>
      <c r="U5353" s="145"/>
      <c r="V5353" s="145"/>
      <c r="W5353" s="145"/>
      <c r="X5353" s="145"/>
      <c r="Y5353" s="145"/>
      <c r="Z5353" s="145"/>
      <c r="AA5353" s="145"/>
      <c r="AB5353" s="145"/>
      <c r="AC5353" s="145"/>
      <c r="AD5353" s="145"/>
      <c r="AE5353" s="145"/>
      <c r="AF5353" s="145"/>
      <c r="AG5353" s="145"/>
      <c r="AH5353" s="145"/>
      <c r="AI5353" s="145"/>
      <c r="AJ5353" s="145"/>
      <c r="AK5353" s="145"/>
      <c r="AL5353" s="145"/>
      <c r="AM5353" s="145"/>
      <c r="AN5353" s="145"/>
      <c r="AO5353" s="145"/>
      <c r="AP5353" s="145"/>
      <c r="AQ5353" s="145"/>
      <c r="AR5353" s="145"/>
      <c r="AS5353" s="145"/>
      <c r="AT5353" s="145"/>
      <c r="AU5353" s="145"/>
      <c r="AV5353" s="145"/>
      <c r="AW5353" s="145"/>
      <c r="AX5353" s="146"/>
      <c r="AY5353" s="146"/>
      <c r="AZ5353" s="146"/>
      <c r="BA5353" s="146"/>
      <c r="BB5353" s="107">
        <v>45884</v>
      </c>
    </row>
    <row r="5354" spans="1:54" s="8" customFormat="1" ht="13.95" customHeight="1" x14ac:dyDescent="0.25">
      <c r="A5354" s="229" t="s">
        <v>12490</v>
      </c>
      <c r="B5354" s="96" t="s">
        <v>11930</v>
      </c>
      <c r="C5354" s="93" t="s">
        <v>12491</v>
      </c>
      <c r="D5354" s="93" t="s">
        <v>12492</v>
      </c>
      <c r="E5354" s="111">
        <v>1991</v>
      </c>
      <c r="F5354" s="111">
        <v>200</v>
      </c>
      <c r="G5354" s="93" t="s">
        <v>1</v>
      </c>
      <c r="H5354" s="111">
        <v>0</v>
      </c>
      <c r="I5354" s="111">
        <v>0</v>
      </c>
      <c r="J5354" s="111">
        <v>1</v>
      </c>
      <c r="K5354" s="111">
        <v>0</v>
      </c>
      <c r="L5354" s="111">
        <v>0</v>
      </c>
      <c r="M5354" s="111">
        <v>0</v>
      </c>
      <c r="N5354" s="111">
        <v>0</v>
      </c>
      <c r="O5354" s="111">
        <v>0</v>
      </c>
      <c r="P5354" s="111">
        <v>0</v>
      </c>
      <c r="Q5354" s="111">
        <v>0</v>
      </c>
      <c r="R5354" s="111">
        <v>0</v>
      </c>
      <c r="S5354" s="111">
        <v>0</v>
      </c>
      <c r="T5354" s="111">
        <v>0</v>
      </c>
      <c r="U5354" s="145"/>
      <c r="V5354" s="145"/>
      <c r="W5354" s="145"/>
      <c r="X5354" s="145"/>
      <c r="Y5354" s="145"/>
      <c r="Z5354" s="145"/>
      <c r="AA5354" s="145"/>
      <c r="AB5354" s="145"/>
      <c r="AC5354" s="145"/>
      <c r="AD5354" s="145"/>
      <c r="AE5354" s="145"/>
      <c r="AF5354" s="145"/>
      <c r="AG5354" s="145"/>
      <c r="AH5354" s="145"/>
      <c r="AI5354" s="145"/>
      <c r="AJ5354" s="145"/>
      <c r="AK5354" s="145"/>
      <c r="AL5354" s="145"/>
      <c r="AM5354" s="145"/>
      <c r="AN5354" s="145"/>
      <c r="AO5354" s="145"/>
      <c r="AP5354" s="145"/>
      <c r="AQ5354" s="145"/>
      <c r="AR5354" s="145"/>
      <c r="AS5354" s="145"/>
      <c r="AT5354" s="145"/>
      <c r="AU5354" s="145"/>
      <c r="AV5354" s="145"/>
      <c r="AW5354" s="145"/>
      <c r="AX5354" s="146"/>
      <c r="AY5354" s="146"/>
      <c r="AZ5354" s="146"/>
      <c r="BA5354" s="146"/>
      <c r="BB5354" s="107">
        <v>45884</v>
      </c>
    </row>
    <row r="5355" spans="1:54" s="8" customFormat="1" ht="13.95" customHeight="1" x14ac:dyDescent="0.25">
      <c r="A5355" s="229" t="s">
        <v>12493</v>
      </c>
      <c r="B5355" s="96" t="s">
        <v>11930</v>
      </c>
      <c r="C5355" s="93" t="s">
        <v>12494</v>
      </c>
      <c r="D5355" s="93" t="s">
        <v>12495</v>
      </c>
      <c r="E5355" s="111">
        <v>1991</v>
      </c>
      <c r="F5355" s="111">
        <v>200</v>
      </c>
      <c r="G5355" s="93" t="s">
        <v>1</v>
      </c>
      <c r="H5355" s="111">
        <v>0</v>
      </c>
      <c r="I5355" s="111">
        <v>0</v>
      </c>
      <c r="J5355" s="111">
        <v>1</v>
      </c>
      <c r="K5355" s="111">
        <v>1</v>
      </c>
      <c r="L5355" s="111">
        <v>0</v>
      </c>
      <c r="M5355" s="111">
        <v>0</v>
      </c>
      <c r="N5355" s="111">
        <v>0</v>
      </c>
      <c r="O5355" s="111">
        <v>0</v>
      </c>
      <c r="P5355" s="111">
        <v>0</v>
      </c>
      <c r="Q5355" s="111">
        <v>0</v>
      </c>
      <c r="R5355" s="111">
        <v>1</v>
      </c>
      <c r="S5355" s="111">
        <v>0</v>
      </c>
      <c r="T5355" s="111">
        <v>0</v>
      </c>
      <c r="U5355" s="145"/>
      <c r="V5355" s="145"/>
      <c r="W5355" s="145"/>
      <c r="X5355" s="145"/>
      <c r="Y5355" s="145"/>
      <c r="Z5355" s="145"/>
      <c r="AA5355" s="145"/>
      <c r="AB5355" s="145"/>
      <c r="AC5355" s="145"/>
      <c r="AD5355" s="145"/>
      <c r="AE5355" s="145"/>
      <c r="AF5355" s="145"/>
      <c r="AG5355" s="145"/>
      <c r="AH5355" s="145"/>
      <c r="AI5355" s="145"/>
      <c r="AJ5355" s="145"/>
      <c r="AK5355" s="145"/>
      <c r="AL5355" s="145"/>
      <c r="AM5355" s="145"/>
      <c r="AN5355" s="145"/>
      <c r="AO5355" s="145"/>
      <c r="AP5355" s="145"/>
      <c r="AQ5355" s="145"/>
      <c r="AR5355" s="145"/>
      <c r="AS5355" s="145"/>
      <c r="AT5355" s="145"/>
      <c r="AU5355" s="145"/>
      <c r="AV5355" s="145"/>
      <c r="AW5355" s="145"/>
      <c r="AX5355" s="146"/>
      <c r="AY5355" s="146"/>
      <c r="AZ5355" s="146"/>
      <c r="BA5355" s="146"/>
      <c r="BB5355" s="107">
        <v>45884</v>
      </c>
    </row>
    <row r="5356" spans="1:54" s="8" customFormat="1" ht="13.95" customHeight="1" x14ac:dyDescent="0.25">
      <c r="A5356" s="229" t="s">
        <v>12496</v>
      </c>
      <c r="B5356" s="96" t="s">
        <v>11930</v>
      </c>
      <c r="C5356" s="93" t="s">
        <v>12497</v>
      </c>
      <c r="D5356" s="93" t="s">
        <v>12498</v>
      </c>
      <c r="E5356" s="111">
        <v>1967</v>
      </c>
      <c r="F5356" s="111">
        <v>1400</v>
      </c>
      <c r="G5356" s="93" t="s">
        <v>1</v>
      </c>
      <c r="H5356" s="111">
        <v>0</v>
      </c>
      <c r="I5356" s="111">
        <v>0</v>
      </c>
      <c r="J5356" s="111">
        <v>1</v>
      </c>
      <c r="K5356" s="111">
        <v>0</v>
      </c>
      <c r="L5356" s="111">
        <v>0</v>
      </c>
      <c r="M5356" s="111">
        <v>0</v>
      </c>
      <c r="N5356" s="111">
        <v>0</v>
      </c>
      <c r="O5356" s="252">
        <v>0</v>
      </c>
      <c r="P5356" s="111">
        <v>0</v>
      </c>
      <c r="Q5356" s="111">
        <v>0</v>
      </c>
      <c r="R5356" s="111">
        <v>0</v>
      </c>
      <c r="S5356" s="111">
        <v>0</v>
      </c>
      <c r="T5356" s="111">
        <v>0</v>
      </c>
      <c r="U5356" s="145"/>
      <c r="V5356" s="145"/>
      <c r="W5356" s="145"/>
      <c r="X5356" s="145"/>
      <c r="Y5356" s="145"/>
      <c r="Z5356" s="145"/>
      <c r="AA5356" s="145"/>
      <c r="AB5356" s="145"/>
      <c r="AC5356" s="145"/>
      <c r="AD5356" s="145"/>
      <c r="AE5356" s="145"/>
      <c r="AF5356" s="145"/>
      <c r="AG5356" s="145"/>
      <c r="AH5356" s="145"/>
      <c r="AI5356" s="145"/>
      <c r="AJ5356" s="145"/>
      <c r="AK5356" s="145"/>
      <c r="AL5356" s="145"/>
      <c r="AM5356" s="145"/>
      <c r="AN5356" s="145"/>
      <c r="AO5356" s="145"/>
      <c r="AP5356" s="145"/>
      <c r="AQ5356" s="145"/>
      <c r="AR5356" s="145"/>
      <c r="AS5356" s="145"/>
      <c r="AT5356" s="145"/>
      <c r="AU5356" s="145"/>
      <c r="AV5356" s="145"/>
      <c r="AW5356" s="145"/>
      <c r="AX5356" s="146"/>
      <c r="AY5356" s="146"/>
      <c r="AZ5356" s="146"/>
      <c r="BA5356" s="146"/>
      <c r="BB5356" s="107">
        <v>45884</v>
      </c>
    </row>
    <row r="5357" spans="1:54" s="8" customFormat="1" ht="13.95" customHeight="1" x14ac:dyDescent="0.25">
      <c r="A5357" s="229" t="s">
        <v>12499</v>
      </c>
      <c r="B5357" s="96" t="s">
        <v>11930</v>
      </c>
      <c r="C5357" s="93" t="s">
        <v>12500</v>
      </c>
      <c r="D5357" s="93" t="s">
        <v>12501</v>
      </c>
      <c r="E5357" s="111">
        <v>1985</v>
      </c>
      <c r="F5357" s="111">
        <v>2000</v>
      </c>
      <c r="G5357" s="93" t="s">
        <v>1</v>
      </c>
      <c r="H5357" s="111">
        <v>1</v>
      </c>
      <c r="I5357" s="111">
        <v>0</v>
      </c>
      <c r="J5357" s="111">
        <v>1</v>
      </c>
      <c r="K5357" s="111">
        <v>0</v>
      </c>
      <c r="L5357" s="111">
        <v>1</v>
      </c>
      <c r="M5357" s="111">
        <v>0</v>
      </c>
      <c r="N5357" s="111">
        <v>0</v>
      </c>
      <c r="O5357" s="111">
        <v>0</v>
      </c>
      <c r="P5357" s="111">
        <v>1</v>
      </c>
      <c r="Q5357" s="111">
        <v>0</v>
      </c>
      <c r="R5357" s="111">
        <v>0</v>
      </c>
      <c r="S5357" s="111">
        <v>0</v>
      </c>
      <c r="T5357" s="111">
        <v>0</v>
      </c>
      <c r="U5357" s="145"/>
      <c r="V5357" s="145"/>
      <c r="W5357" s="145"/>
      <c r="X5357" s="145"/>
      <c r="Y5357" s="145"/>
      <c r="Z5357" s="145"/>
      <c r="AA5357" s="145"/>
      <c r="AB5357" s="145"/>
      <c r="AC5357" s="145"/>
      <c r="AD5357" s="145"/>
      <c r="AE5357" s="145"/>
      <c r="AF5357" s="145"/>
      <c r="AG5357" s="145"/>
      <c r="AH5357" s="145"/>
      <c r="AI5357" s="145"/>
      <c r="AJ5357" s="145"/>
      <c r="AK5357" s="145"/>
      <c r="AL5357" s="145"/>
      <c r="AM5357" s="145"/>
      <c r="AN5357" s="145"/>
      <c r="AO5357" s="145"/>
      <c r="AP5357" s="145"/>
      <c r="AQ5357" s="145"/>
      <c r="AR5357" s="145"/>
      <c r="AS5357" s="145"/>
      <c r="AT5357" s="145"/>
      <c r="AU5357" s="145"/>
      <c r="AV5357" s="145"/>
      <c r="AW5357" s="145"/>
      <c r="AX5357" s="146"/>
      <c r="AY5357" s="146"/>
      <c r="AZ5357" s="146"/>
      <c r="BA5357" s="146"/>
      <c r="BB5357" s="107">
        <v>45884</v>
      </c>
    </row>
    <row r="5358" spans="1:54" s="8" customFormat="1" ht="13.95" customHeight="1" x14ac:dyDescent="0.25">
      <c r="A5358" s="229" t="s">
        <v>12502</v>
      </c>
      <c r="B5358" s="96" t="s">
        <v>11930</v>
      </c>
      <c r="C5358" s="93" t="s">
        <v>12503</v>
      </c>
      <c r="D5358" s="93" t="s">
        <v>12504</v>
      </c>
      <c r="E5358" s="111">
        <v>1963</v>
      </c>
      <c r="F5358" s="111">
        <v>2900</v>
      </c>
      <c r="G5358" s="93" t="s">
        <v>1</v>
      </c>
      <c r="H5358" s="111">
        <v>0</v>
      </c>
      <c r="I5358" s="111">
        <v>0</v>
      </c>
      <c r="J5358" s="111">
        <v>1</v>
      </c>
      <c r="K5358" s="111">
        <v>0</v>
      </c>
      <c r="L5358" s="111">
        <v>0</v>
      </c>
      <c r="M5358" s="111">
        <v>0</v>
      </c>
      <c r="N5358" s="111">
        <v>0</v>
      </c>
      <c r="O5358" s="111">
        <v>0</v>
      </c>
      <c r="P5358" s="111">
        <v>0</v>
      </c>
      <c r="Q5358" s="111">
        <v>0</v>
      </c>
      <c r="R5358" s="111">
        <v>0</v>
      </c>
      <c r="S5358" s="111">
        <v>0</v>
      </c>
      <c r="T5358" s="111">
        <v>0</v>
      </c>
      <c r="U5358" s="145"/>
      <c r="V5358" s="145"/>
      <c r="W5358" s="145"/>
      <c r="X5358" s="145"/>
      <c r="Y5358" s="145"/>
      <c r="Z5358" s="145"/>
      <c r="AA5358" s="145"/>
      <c r="AB5358" s="145"/>
      <c r="AC5358" s="145"/>
      <c r="AD5358" s="145"/>
      <c r="AE5358" s="145"/>
      <c r="AF5358" s="145"/>
      <c r="AG5358" s="145"/>
      <c r="AH5358" s="145"/>
      <c r="AI5358" s="145"/>
      <c r="AJ5358" s="145"/>
      <c r="AK5358" s="145"/>
      <c r="AL5358" s="145"/>
      <c r="AM5358" s="145"/>
      <c r="AN5358" s="145"/>
      <c r="AO5358" s="145"/>
      <c r="AP5358" s="145"/>
      <c r="AQ5358" s="145"/>
      <c r="AR5358" s="145"/>
      <c r="AS5358" s="145"/>
      <c r="AT5358" s="145"/>
      <c r="AU5358" s="145"/>
      <c r="AV5358" s="145"/>
      <c r="AW5358" s="145"/>
      <c r="AX5358" s="146"/>
      <c r="AY5358" s="146"/>
      <c r="AZ5358" s="146"/>
      <c r="BA5358" s="146"/>
      <c r="BB5358" s="107">
        <v>45884</v>
      </c>
    </row>
    <row r="5359" spans="1:54" s="8" customFormat="1" ht="13.95" customHeight="1" x14ac:dyDescent="0.25">
      <c r="A5359" s="229" t="s">
        <v>12505</v>
      </c>
      <c r="B5359" s="96" t="s">
        <v>11930</v>
      </c>
      <c r="C5359" s="93" t="s">
        <v>12506</v>
      </c>
      <c r="D5359" s="93" t="s">
        <v>12507</v>
      </c>
      <c r="E5359" s="111">
        <v>2002</v>
      </c>
      <c r="F5359" s="111">
        <v>1900</v>
      </c>
      <c r="G5359" s="93" t="s">
        <v>1</v>
      </c>
      <c r="H5359" s="111">
        <v>1</v>
      </c>
      <c r="I5359" s="111">
        <v>1</v>
      </c>
      <c r="J5359" s="111">
        <v>1</v>
      </c>
      <c r="K5359" s="111">
        <v>1</v>
      </c>
      <c r="L5359" s="111">
        <v>1</v>
      </c>
      <c r="M5359" s="111">
        <v>1</v>
      </c>
      <c r="N5359" s="111">
        <v>0</v>
      </c>
      <c r="O5359" s="111">
        <v>0</v>
      </c>
      <c r="P5359" s="111">
        <v>1</v>
      </c>
      <c r="Q5359" s="111">
        <v>0</v>
      </c>
      <c r="R5359" s="111">
        <v>0</v>
      </c>
      <c r="S5359" s="111">
        <v>0</v>
      </c>
      <c r="T5359" s="111">
        <v>0</v>
      </c>
      <c r="U5359" s="145"/>
      <c r="V5359" s="145"/>
      <c r="W5359" s="145"/>
      <c r="X5359" s="145"/>
      <c r="Y5359" s="145"/>
      <c r="Z5359" s="145"/>
      <c r="AA5359" s="145"/>
      <c r="AB5359" s="145"/>
      <c r="AC5359" s="145"/>
      <c r="AD5359" s="145"/>
      <c r="AE5359" s="145"/>
      <c r="AF5359" s="145"/>
      <c r="AG5359" s="145"/>
      <c r="AH5359" s="145"/>
      <c r="AI5359" s="145"/>
      <c r="AJ5359" s="145"/>
      <c r="AK5359" s="145"/>
      <c r="AL5359" s="145"/>
      <c r="AM5359" s="145"/>
      <c r="AN5359" s="145"/>
      <c r="AO5359" s="145"/>
      <c r="AP5359" s="145"/>
      <c r="AQ5359" s="145"/>
      <c r="AR5359" s="145"/>
      <c r="AS5359" s="145"/>
      <c r="AT5359" s="145"/>
      <c r="AU5359" s="145"/>
      <c r="AV5359" s="145"/>
      <c r="AW5359" s="145"/>
      <c r="AX5359" s="146"/>
      <c r="AY5359" s="146"/>
      <c r="AZ5359" s="146"/>
      <c r="BA5359" s="146"/>
      <c r="BB5359" s="107">
        <v>45884</v>
      </c>
    </row>
    <row r="5360" spans="1:54" s="8" customFormat="1" ht="13.95" customHeight="1" x14ac:dyDescent="0.25">
      <c r="A5360" s="229" t="s">
        <v>12508</v>
      </c>
      <c r="B5360" s="96" t="s">
        <v>11930</v>
      </c>
      <c r="C5360" s="93" t="s">
        <v>12509</v>
      </c>
      <c r="D5360" s="93" t="s">
        <v>12510</v>
      </c>
      <c r="E5360" s="111">
        <v>1972</v>
      </c>
      <c r="F5360" s="111">
        <v>600</v>
      </c>
      <c r="G5360" s="93" t="s">
        <v>1</v>
      </c>
      <c r="H5360" s="111">
        <v>0</v>
      </c>
      <c r="I5360" s="111">
        <v>0</v>
      </c>
      <c r="J5360" s="111">
        <v>1</v>
      </c>
      <c r="K5360" s="111">
        <v>0</v>
      </c>
      <c r="L5360" s="111">
        <v>1</v>
      </c>
      <c r="M5360" s="111">
        <v>0</v>
      </c>
      <c r="N5360" s="111">
        <v>0</v>
      </c>
      <c r="O5360" s="111">
        <v>1</v>
      </c>
      <c r="P5360" s="111">
        <v>0</v>
      </c>
      <c r="Q5360" s="111">
        <v>0</v>
      </c>
      <c r="R5360" s="111">
        <v>0</v>
      </c>
      <c r="S5360" s="111">
        <v>0</v>
      </c>
      <c r="T5360" s="111">
        <v>0</v>
      </c>
      <c r="U5360" s="145"/>
      <c r="V5360" s="145"/>
      <c r="W5360" s="145"/>
      <c r="X5360" s="145"/>
      <c r="Y5360" s="145"/>
      <c r="Z5360" s="145"/>
      <c r="AA5360" s="145"/>
      <c r="AB5360" s="145"/>
      <c r="AC5360" s="145"/>
      <c r="AD5360" s="145"/>
      <c r="AE5360" s="145"/>
      <c r="AF5360" s="145"/>
      <c r="AG5360" s="145"/>
      <c r="AH5360" s="145"/>
      <c r="AI5360" s="145"/>
      <c r="AJ5360" s="145"/>
      <c r="AK5360" s="145"/>
      <c r="AL5360" s="145"/>
      <c r="AM5360" s="145"/>
      <c r="AN5360" s="145"/>
      <c r="AO5360" s="145"/>
      <c r="AP5360" s="145"/>
      <c r="AQ5360" s="145"/>
      <c r="AR5360" s="145"/>
      <c r="AS5360" s="145"/>
      <c r="AT5360" s="145"/>
      <c r="AU5360" s="145"/>
      <c r="AV5360" s="145"/>
      <c r="AW5360" s="145"/>
      <c r="AX5360" s="146"/>
      <c r="AY5360" s="146"/>
      <c r="AZ5360" s="146"/>
      <c r="BA5360" s="146"/>
      <c r="BB5360" s="107">
        <v>45884</v>
      </c>
    </row>
    <row r="5361" spans="1:54" s="8" customFormat="1" ht="13.95" customHeight="1" x14ac:dyDescent="0.25">
      <c r="A5361" s="229" t="s">
        <v>12511</v>
      </c>
      <c r="B5361" s="96" t="s">
        <v>11930</v>
      </c>
      <c r="C5361" s="93" t="s">
        <v>12512</v>
      </c>
      <c r="D5361" s="93" t="s">
        <v>12513</v>
      </c>
      <c r="E5361" s="111">
        <v>1972</v>
      </c>
      <c r="F5361" s="111">
        <v>800</v>
      </c>
      <c r="G5361" s="93" t="s">
        <v>1</v>
      </c>
      <c r="H5361" s="111">
        <v>0</v>
      </c>
      <c r="I5361" s="111">
        <v>0</v>
      </c>
      <c r="J5361" s="111">
        <v>1</v>
      </c>
      <c r="K5361" s="111">
        <v>0</v>
      </c>
      <c r="L5361" s="111">
        <v>1</v>
      </c>
      <c r="M5361" s="111">
        <v>0</v>
      </c>
      <c r="N5361" s="111">
        <v>0</v>
      </c>
      <c r="O5361" s="111">
        <v>0</v>
      </c>
      <c r="P5361" s="111">
        <v>0</v>
      </c>
      <c r="Q5361" s="111">
        <v>0</v>
      </c>
      <c r="R5361" s="111">
        <v>0</v>
      </c>
      <c r="S5361" s="111">
        <v>0</v>
      </c>
      <c r="T5361" s="111">
        <v>0</v>
      </c>
      <c r="U5361" s="145"/>
      <c r="V5361" s="145"/>
      <c r="W5361" s="145"/>
      <c r="X5361" s="145"/>
      <c r="Y5361" s="145"/>
      <c r="Z5361" s="145"/>
      <c r="AA5361" s="145"/>
      <c r="AB5361" s="145"/>
      <c r="AC5361" s="145"/>
      <c r="AD5361" s="145"/>
      <c r="AE5361" s="145"/>
      <c r="AF5361" s="145"/>
      <c r="AG5361" s="145"/>
      <c r="AH5361" s="145"/>
      <c r="AI5361" s="145"/>
      <c r="AJ5361" s="145"/>
      <c r="AK5361" s="145"/>
      <c r="AL5361" s="145"/>
      <c r="AM5361" s="145"/>
      <c r="AN5361" s="145"/>
      <c r="AO5361" s="145"/>
      <c r="AP5361" s="145"/>
      <c r="AQ5361" s="145"/>
      <c r="AR5361" s="145"/>
      <c r="AS5361" s="145"/>
      <c r="AT5361" s="145"/>
      <c r="AU5361" s="145"/>
      <c r="AV5361" s="145"/>
      <c r="AW5361" s="145"/>
      <c r="AX5361" s="146"/>
      <c r="AY5361" s="146"/>
      <c r="AZ5361" s="146"/>
      <c r="BA5361" s="146"/>
      <c r="BB5361" s="107">
        <v>45884</v>
      </c>
    </row>
    <row r="5362" spans="1:54" s="8" customFormat="1" ht="13.95" customHeight="1" x14ac:dyDescent="0.25">
      <c r="A5362" s="229" t="s">
        <v>12514</v>
      </c>
      <c r="B5362" s="96" t="s">
        <v>11930</v>
      </c>
      <c r="C5362" s="93" t="s">
        <v>12515</v>
      </c>
      <c r="D5362" s="93" t="s">
        <v>12516</v>
      </c>
      <c r="E5362" s="111">
        <v>2012</v>
      </c>
      <c r="F5362" s="111">
        <v>300</v>
      </c>
      <c r="G5362" s="93" t="s">
        <v>1</v>
      </c>
      <c r="H5362" s="111">
        <v>0</v>
      </c>
      <c r="I5362" s="111">
        <v>0</v>
      </c>
      <c r="J5362" s="111">
        <v>1</v>
      </c>
      <c r="K5362" s="252">
        <v>0</v>
      </c>
      <c r="L5362" s="111">
        <v>0</v>
      </c>
      <c r="M5362" s="252">
        <v>0</v>
      </c>
      <c r="N5362" s="111">
        <v>0</v>
      </c>
      <c r="O5362" s="111">
        <v>0</v>
      </c>
      <c r="P5362" s="111">
        <v>0</v>
      </c>
      <c r="Q5362" s="111">
        <v>0</v>
      </c>
      <c r="R5362" s="111">
        <v>0</v>
      </c>
      <c r="S5362" s="111">
        <v>0</v>
      </c>
      <c r="T5362" s="111">
        <v>0</v>
      </c>
      <c r="U5362" s="145"/>
      <c r="V5362" s="145"/>
      <c r="W5362" s="145"/>
      <c r="X5362" s="145"/>
      <c r="Y5362" s="145"/>
      <c r="Z5362" s="145"/>
      <c r="AA5362" s="145"/>
      <c r="AB5362" s="145"/>
      <c r="AC5362" s="145"/>
      <c r="AD5362" s="145"/>
      <c r="AE5362" s="145"/>
      <c r="AF5362" s="145"/>
      <c r="AG5362" s="145"/>
      <c r="AH5362" s="145"/>
      <c r="AI5362" s="145"/>
      <c r="AJ5362" s="145"/>
      <c r="AK5362" s="145"/>
      <c r="AL5362" s="145"/>
      <c r="AM5362" s="145"/>
      <c r="AN5362" s="145"/>
      <c r="AO5362" s="145"/>
      <c r="AP5362" s="145"/>
      <c r="AQ5362" s="145"/>
      <c r="AR5362" s="145"/>
      <c r="AS5362" s="145"/>
      <c r="AT5362" s="145"/>
      <c r="AU5362" s="145"/>
      <c r="AV5362" s="145"/>
      <c r="AW5362" s="145"/>
      <c r="AX5362" s="146"/>
      <c r="AY5362" s="146"/>
      <c r="AZ5362" s="146"/>
      <c r="BA5362" s="146"/>
      <c r="BB5362" s="107">
        <v>45884</v>
      </c>
    </row>
    <row r="5363" spans="1:54" s="8" customFormat="1" ht="13.95" customHeight="1" x14ac:dyDescent="0.25">
      <c r="A5363" s="229" t="s">
        <v>12517</v>
      </c>
      <c r="B5363" s="96" t="s">
        <v>11930</v>
      </c>
      <c r="C5363" s="93" t="s">
        <v>12518</v>
      </c>
      <c r="D5363" s="93" t="s">
        <v>12519</v>
      </c>
      <c r="E5363" s="111">
        <v>1963</v>
      </c>
      <c r="F5363" s="111">
        <v>600</v>
      </c>
      <c r="G5363" s="93" t="s">
        <v>1</v>
      </c>
      <c r="H5363" s="111">
        <v>0</v>
      </c>
      <c r="I5363" s="111">
        <v>0</v>
      </c>
      <c r="J5363" s="111">
        <v>1</v>
      </c>
      <c r="K5363" s="111">
        <v>0</v>
      </c>
      <c r="L5363" s="111">
        <v>1</v>
      </c>
      <c r="M5363" s="252">
        <v>0</v>
      </c>
      <c r="N5363" s="111">
        <v>0</v>
      </c>
      <c r="O5363" s="111">
        <v>0</v>
      </c>
      <c r="P5363" s="111">
        <v>1</v>
      </c>
      <c r="Q5363" s="111">
        <v>0</v>
      </c>
      <c r="R5363" s="111">
        <v>1</v>
      </c>
      <c r="S5363" s="111">
        <v>0</v>
      </c>
      <c r="T5363" s="111">
        <v>0</v>
      </c>
      <c r="U5363" s="145"/>
      <c r="V5363" s="145"/>
      <c r="W5363" s="145"/>
      <c r="X5363" s="145"/>
      <c r="Y5363" s="145"/>
      <c r="Z5363" s="145"/>
      <c r="AA5363" s="145"/>
      <c r="AB5363" s="145"/>
      <c r="AC5363" s="145"/>
      <c r="AD5363" s="145"/>
      <c r="AE5363" s="145"/>
      <c r="AF5363" s="145"/>
      <c r="AG5363" s="145"/>
      <c r="AH5363" s="145"/>
      <c r="AI5363" s="145"/>
      <c r="AJ5363" s="145"/>
      <c r="AK5363" s="145"/>
      <c r="AL5363" s="145"/>
      <c r="AM5363" s="145"/>
      <c r="AN5363" s="145"/>
      <c r="AO5363" s="145"/>
      <c r="AP5363" s="145"/>
      <c r="AQ5363" s="145"/>
      <c r="AR5363" s="145"/>
      <c r="AS5363" s="145"/>
      <c r="AT5363" s="145"/>
      <c r="AU5363" s="145"/>
      <c r="AV5363" s="145"/>
      <c r="AW5363" s="145"/>
      <c r="AX5363" s="146"/>
      <c r="AY5363" s="146"/>
      <c r="AZ5363" s="146"/>
      <c r="BA5363" s="146"/>
      <c r="BB5363" s="107">
        <v>45884</v>
      </c>
    </row>
    <row r="5364" spans="1:54" s="8" customFormat="1" ht="13.95" customHeight="1" x14ac:dyDescent="0.25">
      <c r="A5364" s="229" t="s">
        <v>12520</v>
      </c>
      <c r="B5364" s="96" t="s">
        <v>11930</v>
      </c>
      <c r="C5364" s="93" t="s">
        <v>12521</v>
      </c>
      <c r="D5364" s="93" t="s">
        <v>12522</v>
      </c>
      <c r="E5364" s="111">
        <v>1974</v>
      </c>
      <c r="F5364" s="111">
        <v>900</v>
      </c>
      <c r="G5364" s="93" t="s">
        <v>1</v>
      </c>
      <c r="H5364" s="111">
        <v>0</v>
      </c>
      <c r="I5364" s="111">
        <v>0</v>
      </c>
      <c r="J5364" s="111">
        <v>1</v>
      </c>
      <c r="K5364" s="111">
        <v>0</v>
      </c>
      <c r="L5364" s="111">
        <v>1</v>
      </c>
      <c r="M5364" s="111">
        <v>0</v>
      </c>
      <c r="N5364" s="111">
        <v>0</v>
      </c>
      <c r="O5364" s="111">
        <v>1</v>
      </c>
      <c r="P5364" s="111">
        <v>0</v>
      </c>
      <c r="Q5364" s="111">
        <v>0</v>
      </c>
      <c r="R5364" s="111">
        <v>1</v>
      </c>
      <c r="S5364" s="111">
        <v>0</v>
      </c>
      <c r="T5364" s="111">
        <v>0</v>
      </c>
      <c r="U5364" s="145"/>
      <c r="V5364" s="145"/>
      <c r="W5364" s="145"/>
      <c r="X5364" s="145"/>
      <c r="Y5364" s="145"/>
      <c r="Z5364" s="145"/>
      <c r="AA5364" s="145"/>
      <c r="AB5364" s="145"/>
      <c r="AC5364" s="145"/>
      <c r="AD5364" s="145"/>
      <c r="AE5364" s="145"/>
      <c r="AF5364" s="145"/>
      <c r="AG5364" s="145"/>
      <c r="AH5364" s="145"/>
      <c r="AI5364" s="145"/>
      <c r="AJ5364" s="145"/>
      <c r="AK5364" s="145"/>
      <c r="AL5364" s="145"/>
      <c r="AM5364" s="145"/>
      <c r="AN5364" s="145"/>
      <c r="AO5364" s="145"/>
      <c r="AP5364" s="145"/>
      <c r="AQ5364" s="145"/>
      <c r="AR5364" s="145"/>
      <c r="AS5364" s="145"/>
      <c r="AT5364" s="145"/>
      <c r="AU5364" s="145"/>
      <c r="AV5364" s="145"/>
      <c r="AW5364" s="145"/>
      <c r="AX5364" s="146"/>
      <c r="AY5364" s="146"/>
      <c r="AZ5364" s="146"/>
      <c r="BA5364" s="146"/>
      <c r="BB5364" s="107">
        <v>45884</v>
      </c>
    </row>
    <row r="5365" spans="1:54" s="8" customFormat="1" ht="13.95" customHeight="1" x14ac:dyDescent="0.25">
      <c r="A5365" s="229" t="s">
        <v>12523</v>
      </c>
      <c r="B5365" s="96" t="s">
        <v>11930</v>
      </c>
      <c r="C5365" s="93" t="s">
        <v>12524</v>
      </c>
      <c r="D5365" s="93" t="s">
        <v>12525</v>
      </c>
      <c r="E5365" s="111">
        <v>1980</v>
      </c>
      <c r="F5365" s="111">
        <v>1600</v>
      </c>
      <c r="G5365" s="93" t="s">
        <v>1</v>
      </c>
      <c r="H5365" s="111">
        <v>1</v>
      </c>
      <c r="I5365" s="111">
        <v>0</v>
      </c>
      <c r="J5365" s="111">
        <v>1</v>
      </c>
      <c r="K5365" s="111">
        <v>1</v>
      </c>
      <c r="L5365" s="111">
        <v>1</v>
      </c>
      <c r="M5365" s="111">
        <v>1</v>
      </c>
      <c r="N5365" s="111">
        <v>0</v>
      </c>
      <c r="O5365" s="111">
        <v>0</v>
      </c>
      <c r="P5365" s="111">
        <v>1</v>
      </c>
      <c r="Q5365" s="111">
        <v>0</v>
      </c>
      <c r="R5365" s="111">
        <v>0</v>
      </c>
      <c r="S5365" s="111">
        <v>0</v>
      </c>
      <c r="T5365" s="111">
        <v>0</v>
      </c>
      <c r="U5365" s="145"/>
      <c r="V5365" s="145"/>
      <c r="W5365" s="145"/>
      <c r="X5365" s="145"/>
      <c r="Y5365" s="145"/>
      <c r="Z5365" s="145"/>
      <c r="AA5365" s="145"/>
      <c r="AB5365" s="145"/>
      <c r="AC5365" s="145"/>
      <c r="AD5365" s="145"/>
      <c r="AE5365" s="145"/>
      <c r="AF5365" s="145"/>
      <c r="AG5365" s="145"/>
      <c r="AH5365" s="145"/>
      <c r="AI5365" s="145"/>
      <c r="AJ5365" s="145"/>
      <c r="AK5365" s="145"/>
      <c r="AL5365" s="145"/>
      <c r="AM5365" s="145"/>
      <c r="AN5365" s="145"/>
      <c r="AO5365" s="145"/>
      <c r="AP5365" s="145"/>
      <c r="AQ5365" s="145"/>
      <c r="AR5365" s="145"/>
      <c r="AS5365" s="145"/>
      <c r="AT5365" s="145"/>
      <c r="AU5365" s="145"/>
      <c r="AV5365" s="145"/>
      <c r="AW5365" s="145"/>
      <c r="AX5365" s="146"/>
      <c r="AY5365" s="146"/>
      <c r="AZ5365" s="146"/>
      <c r="BA5365" s="146"/>
      <c r="BB5365" s="107">
        <v>45884</v>
      </c>
    </row>
    <row r="5366" spans="1:54" s="8" customFormat="1" ht="13.95" customHeight="1" x14ac:dyDescent="0.25">
      <c r="A5366" s="229" t="s">
        <v>12526</v>
      </c>
      <c r="B5366" s="96" t="s">
        <v>11930</v>
      </c>
      <c r="C5366" s="93" t="s">
        <v>12527</v>
      </c>
      <c r="D5366" s="93" t="s">
        <v>12528</v>
      </c>
      <c r="E5366" s="111">
        <v>1987</v>
      </c>
      <c r="F5366" s="111">
        <v>300</v>
      </c>
      <c r="G5366" s="93" t="s">
        <v>1</v>
      </c>
      <c r="H5366" s="111">
        <v>0</v>
      </c>
      <c r="I5366" s="111">
        <v>0</v>
      </c>
      <c r="J5366" s="111">
        <v>1</v>
      </c>
      <c r="K5366" s="252">
        <v>1</v>
      </c>
      <c r="L5366" s="111">
        <v>1</v>
      </c>
      <c r="M5366" s="111">
        <v>0</v>
      </c>
      <c r="N5366" s="111">
        <v>0</v>
      </c>
      <c r="O5366" s="111">
        <v>0</v>
      </c>
      <c r="P5366" s="111">
        <v>1</v>
      </c>
      <c r="Q5366" s="111">
        <v>0</v>
      </c>
      <c r="R5366" s="111">
        <v>1</v>
      </c>
      <c r="S5366" s="111">
        <v>0</v>
      </c>
      <c r="T5366" s="111">
        <v>0</v>
      </c>
      <c r="U5366" s="145"/>
      <c r="V5366" s="145"/>
      <c r="W5366" s="145"/>
      <c r="X5366" s="145"/>
      <c r="Y5366" s="145"/>
      <c r="Z5366" s="145"/>
      <c r="AA5366" s="145"/>
      <c r="AB5366" s="145"/>
      <c r="AC5366" s="145"/>
      <c r="AD5366" s="145"/>
      <c r="AE5366" s="145"/>
      <c r="AF5366" s="145"/>
      <c r="AG5366" s="145"/>
      <c r="AH5366" s="145"/>
      <c r="AI5366" s="145"/>
      <c r="AJ5366" s="145"/>
      <c r="AK5366" s="145"/>
      <c r="AL5366" s="145"/>
      <c r="AM5366" s="145"/>
      <c r="AN5366" s="145"/>
      <c r="AO5366" s="145"/>
      <c r="AP5366" s="145"/>
      <c r="AQ5366" s="145"/>
      <c r="AR5366" s="145"/>
      <c r="AS5366" s="145"/>
      <c r="AT5366" s="145"/>
      <c r="AU5366" s="145"/>
      <c r="AV5366" s="145"/>
      <c r="AW5366" s="145"/>
      <c r="AX5366" s="146"/>
      <c r="AY5366" s="146"/>
      <c r="AZ5366" s="146"/>
      <c r="BA5366" s="146"/>
      <c r="BB5366" s="107">
        <v>45884</v>
      </c>
    </row>
    <row r="5367" spans="1:54" s="8" customFormat="1" ht="13.95" customHeight="1" x14ac:dyDescent="0.25">
      <c r="A5367" s="229" t="s">
        <v>12529</v>
      </c>
      <c r="B5367" s="96" t="s">
        <v>11930</v>
      </c>
      <c r="C5367" s="93" t="s">
        <v>12530</v>
      </c>
      <c r="D5367" s="93" t="s">
        <v>24624</v>
      </c>
      <c r="E5367" s="111">
        <v>1981</v>
      </c>
      <c r="F5367" s="111">
        <v>3100</v>
      </c>
      <c r="G5367" s="93" t="s">
        <v>1</v>
      </c>
      <c r="H5367" s="111">
        <v>1</v>
      </c>
      <c r="I5367" s="111">
        <v>1</v>
      </c>
      <c r="J5367" s="111">
        <v>1</v>
      </c>
      <c r="K5367" s="111">
        <v>1</v>
      </c>
      <c r="L5367" s="111">
        <v>1</v>
      </c>
      <c r="M5367" s="111">
        <v>1</v>
      </c>
      <c r="N5367" s="111">
        <v>0</v>
      </c>
      <c r="O5367" s="111">
        <v>0</v>
      </c>
      <c r="P5367" s="111">
        <v>1</v>
      </c>
      <c r="Q5367" s="111">
        <v>0</v>
      </c>
      <c r="R5367" s="111">
        <v>0</v>
      </c>
      <c r="S5367" s="111">
        <v>0</v>
      </c>
      <c r="T5367" s="111">
        <v>0</v>
      </c>
      <c r="U5367" s="145"/>
      <c r="V5367" s="145"/>
      <c r="W5367" s="145"/>
      <c r="X5367" s="145"/>
      <c r="Y5367" s="145"/>
      <c r="Z5367" s="145"/>
      <c r="AA5367" s="145"/>
      <c r="AB5367" s="145"/>
      <c r="AC5367" s="145"/>
      <c r="AD5367" s="145"/>
      <c r="AE5367" s="145"/>
      <c r="AF5367" s="145"/>
      <c r="AG5367" s="145"/>
      <c r="AH5367" s="145"/>
      <c r="AI5367" s="145"/>
      <c r="AJ5367" s="145"/>
      <c r="AK5367" s="145"/>
      <c r="AL5367" s="145"/>
      <c r="AM5367" s="145"/>
      <c r="AN5367" s="145"/>
      <c r="AO5367" s="145"/>
      <c r="AP5367" s="145"/>
      <c r="AQ5367" s="145"/>
      <c r="AR5367" s="145"/>
      <c r="AS5367" s="145"/>
      <c r="AT5367" s="145"/>
      <c r="AU5367" s="145"/>
      <c r="AV5367" s="145"/>
      <c r="AW5367" s="145"/>
      <c r="AX5367" s="146"/>
      <c r="AY5367" s="146"/>
      <c r="AZ5367" s="146"/>
      <c r="BA5367" s="146"/>
      <c r="BB5367" s="107">
        <v>45884</v>
      </c>
    </row>
    <row r="5368" spans="1:54" s="8" customFormat="1" ht="13.95" customHeight="1" x14ac:dyDescent="0.25">
      <c r="A5368" s="229" t="s">
        <v>12531</v>
      </c>
      <c r="B5368" s="96" t="s">
        <v>11930</v>
      </c>
      <c r="C5368" s="93" t="s">
        <v>12532</v>
      </c>
      <c r="D5368" s="93" t="s">
        <v>24625</v>
      </c>
      <c r="E5368" s="111">
        <v>2004</v>
      </c>
      <c r="F5368" s="111">
        <v>300</v>
      </c>
      <c r="G5368" s="93" t="s">
        <v>1</v>
      </c>
      <c r="H5368" s="111">
        <v>0</v>
      </c>
      <c r="I5368" s="111">
        <v>0</v>
      </c>
      <c r="J5368" s="111">
        <v>1</v>
      </c>
      <c r="K5368" s="111">
        <v>1</v>
      </c>
      <c r="L5368" s="111">
        <v>0</v>
      </c>
      <c r="M5368" s="111">
        <v>0</v>
      </c>
      <c r="N5368" s="111">
        <v>0</v>
      </c>
      <c r="O5368" s="111">
        <v>0</v>
      </c>
      <c r="P5368" s="111">
        <v>0</v>
      </c>
      <c r="Q5368" s="111">
        <v>0</v>
      </c>
      <c r="R5368" s="111">
        <v>0</v>
      </c>
      <c r="S5368" s="111">
        <v>0</v>
      </c>
      <c r="T5368" s="111">
        <v>0</v>
      </c>
      <c r="U5368" s="145"/>
      <c r="V5368" s="145"/>
      <c r="W5368" s="145"/>
      <c r="X5368" s="145"/>
      <c r="Y5368" s="145"/>
      <c r="Z5368" s="145"/>
      <c r="AA5368" s="145"/>
      <c r="AB5368" s="145"/>
      <c r="AC5368" s="145"/>
      <c r="AD5368" s="145"/>
      <c r="AE5368" s="145"/>
      <c r="AF5368" s="145"/>
      <c r="AG5368" s="145"/>
      <c r="AH5368" s="145"/>
      <c r="AI5368" s="145"/>
      <c r="AJ5368" s="145"/>
      <c r="AK5368" s="145"/>
      <c r="AL5368" s="145"/>
      <c r="AM5368" s="145"/>
      <c r="AN5368" s="145"/>
      <c r="AO5368" s="145"/>
      <c r="AP5368" s="145"/>
      <c r="AQ5368" s="145"/>
      <c r="AR5368" s="145"/>
      <c r="AS5368" s="145"/>
      <c r="AT5368" s="145"/>
      <c r="AU5368" s="145"/>
      <c r="AV5368" s="145"/>
      <c r="AW5368" s="145"/>
      <c r="AX5368" s="146"/>
      <c r="AY5368" s="146"/>
      <c r="AZ5368" s="146"/>
      <c r="BA5368" s="146"/>
      <c r="BB5368" s="107">
        <v>45884</v>
      </c>
    </row>
    <row r="5369" spans="1:54" s="8" customFormat="1" ht="13.95" customHeight="1" x14ac:dyDescent="0.25">
      <c r="A5369" s="229" t="s">
        <v>12533</v>
      </c>
      <c r="B5369" s="96" t="s">
        <v>11930</v>
      </c>
      <c r="C5369" s="93" t="s">
        <v>12534</v>
      </c>
      <c r="D5369" s="93" t="s">
        <v>24626</v>
      </c>
      <c r="E5369" s="111">
        <v>1983</v>
      </c>
      <c r="F5369" s="111">
        <v>3300</v>
      </c>
      <c r="G5369" s="93" t="s">
        <v>1</v>
      </c>
      <c r="H5369" s="111">
        <v>1</v>
      </c>
      <c r="I5369" s="111">
        <v>1</v>
      </c>
      <c r="J5369" s="111">
        <v>1</v>
      </c>
      <c r="K5369" s="111">
        <v>1</v>
      </c>
      <c r="L5369" s="111">
        <v>1</v>
      </c>
      <c r="M5369" s="111">
        <v>1</v>
      </c>
      <c r="N5369" s="111">
        <v>0</v>
      </c>
      <c r="O5369" s="111">
        <v>0</v>
      </c>
      <c r="P5369" s="111">
        <v>1</v>
      </c>
      <c r="Q5369" s="111">
        <v>0</v>
      </c>
      <c r="R5369" s="111">
        <v>0</v>
      </c>
      <c r="S5369" s="111">
        <v>0</v>
      </c>
      <c r="T5369" s="111">
        <v>0</v>
      </c>
      <c r="U5369" s="145"/>
      <c r="V5369" s="145"/>
      <c r="W5369" s="145"/>
      <c r="X5369" s="145"/>
      <c r="Y5369" s="145"/>
      <c r="Z5369" s="145"/>
      <c r="AA5369" s="145"/>
      <c r="AB5369" s="145"/>
      <c r="AC5369" s="145"/>
      <c r="AD5369" s="145"/>
      <c r="AE5369" s="145"/>
      <c r="AF5369" s="145"/>
      <c r="AG5369" s="145"/>
      <c r="AH5369" s="145"/>
      <c r="AI5369" s="145"/>
      <c r="AJ5369" s="145"/>
      <c r="AK5369" s="145"/>
      <c r="AL5369" s="145"/>
      <c r="AM5369" s="145"/>
      <c r="AN5369" s="145"/>
      <c r="AO5369" s="145"/>
      <c r="AP5369" s="145"/>
      <c r="AQ5369" s="145"/>
      <c r="AR5369" s="145"/>
      <c r="AS5369" s="145"/>
      <c r="AT5369" s="145"/>
      <c r="AU5369" s="145"/>
      <c r="AV5369" s="145"/>
      <c r="AW5369" s="145"/>
      <c r="AX5369" s="146"/>
      <c r="AY5369" s="146"/>
      <c r="AZ5369" s="146"/>
      <c r="BA5369" s="146"/>
      <c r="BB5369" s="107">
        <v>45884</v>
      </c>
    </row>
    <row r="5370" spans="1:54" s="8" customFormat="1" ht="13.95" customHeight="1" x14ac:dyDescent="0.25">
      <c r="A5370" s="229" t="s">
        <v>12535</v>
      </c>
      <c r="B5370" s="96" t="s">
        <v>11930</v>
      </c>
      <c r="C5370" s="93" t="s">
        <v>12536</v>
      </c>
      <c r="D5370" s="93" t="s">
        <v>24627</v>
      </c>
      <c r="E5370" s="111">
        <v>1982</v>
      </c>
      <c r="F5370" s="111">
        <v>3400</v>
      </c>
      <c r="G5370" s="93" t="s">
        <v>1</v>
      </c>
      <c r="H5370" s="111">
        <v>1</v>
      </c>
      <c r="I5370" s="111">
        <v>1</v>
      </c>
      <c r="J5370" s="111">
        <v>1</v>
      </c>
      <c r="K5370" s="111">
        <v>0</v>
      </c>
      <c r="L5370" s="111">
        <v>1</v>
      </c>
      <c r="M5370" s="111">
        <v>1</v>
      </c>
      <c r="N5370" s="111">
        <v>0</v>
      </c>
      <c r="O5370" s="111">
        <v>0</v>
      </c>
      <c r="P5370" s="111">
        <v>1</v>
      </c>
      <c r="Q5370" s="111">
        <v>0</v>
      </c>
      <c r="R5370" s="111">
        <v>0</v>
      </c>
      <c r="S5370" s="111">
        <v>0</v>
      </c>
      <c r="T5370" s="111">
        <v>1</v>
      </c>
      <c r="U5370" s="145"/>
      <c r="V5370" s="145"/>
      <c r="W5370" s="145"/>
      <c r="X5370" s="145"/>
      <c r="Y5370" s="145"/>
      <c r="Z5370" s="145"/>
      <c r="AA5370" s="145"/>
      <c r="AB5370" s="145"/>
      <c r="AC5370" s="145"/>
      <c r="AD5370" s="145"/>
      <c r="AE5370" s="145"/>
      <c r="AF5370" s="145"/>
      <c r="AG5370" s="145"/>
      <c r="AH5370" s="145"/>
      <c r="AI5370" s="145"/>
      <c r="AJ5370" s="145"/>
      <c r="AK5370" s="145"/>
      <c r="AL5370" s="145"/>
      <c r="AM5370" s="145"/>
      <c r="AN5370" s="145"/>
      <c r="AO5370" s="145"/>
      <c r="AP5370" s="145"/>
      <c r="AQ5370" s="145"/>
      <c r="AR5370" s="145"/>
      <c r="AS5370" s="145"/>
      <c r="AT5370" s="145"/>
      <c r="AU5370" s="145"/>
      <c r="AV5370" s="145"/>
      <c r="AW5370" s="145"/>
      <c r="AX5370" s="146"/>
      <c r="AY5370" s="146"/>
      <c r="AZ5370" s="146"/>
      <c r="BA5370" s="146"/>
      <c r="BB5370" s="107">
        <v>45884</v>
      </c>
    </row>
    <row r="5371" spans="1:54" s="8" customFormat="1" ht="13.95" customHeight="1" x14ac:dyDescent="0.25">
      <c r="A5371" s="229" t="s">
        <v>12537</v>
      </c>
      <c r="B5371" s="96" t="s">
        <v>11930</v>
      </c>
      <c r="C5371" s="93" t="s">
        <v>12538</v>
      </c>
      <c r="D5371" s="93" t="s">
        <v>12539</v>
      </c>
      <c r="E5371" s="111">
        <v>1973</v>
      </c>
      <c r="F5371" s="111">
        <v>4500</v>
      </c>
      <c r="G5371" s="93" t="s">
        <v>1</v>
      </c>
      <c r="H5371" s="111">
        <v>0</v>
      </c>
      <c r="I5371" s="111">
        <v>0</v>
      </c>
      <c r="J5371" s="111">
        <v>1</v>
      </c>
      <c r="K5371" s="111">
        <v>0</v>
      </c>
      <c r="L5371" s="111">
        <v>1</v>
      </c>
      <c r="M5371" s="111">
        <v>0</v>
      </c>
      <c r="N5371" s="111">
        <v>0</v>
      </c>
      <c r="O5371" s="111">
        <v>1</v>
      </c>
      <c r="P5371" s="252">
        <v>1</v>
      </c>
      <c r="Q5371" s="111">
        <v>0</v>
      </c>
      <c r="R5371" s="111">
        <v>1</v>
      </c>
      <c r="S5371" s="111">
        <v>0</v>
      </c>
      <c r="T5371" s="111">
        <v>0</v>
      </c>
      <c r="U5371" s="145"/>
      <c r="V5371" s="145"/>
      <c r="W5371" s="145"/>
      <c r="X5371" s="145"/>
      <c r="Y5371" s="145"/>
      <c r="Z5371" s="145"/>
      <c r="AA5371" s="145"/>
      <c r="AB5371" s="145"/>
      <c r="AC5371" s="145"/>
      <c r="AD5371" s="145"/>
      <c r="AE5371" s="145"/>
      <c r="AF5371" s="145"/>
      <c r="AG5371" s="145"/>
      <c r="AH5371" s="145"/>
      <c r="AI5371" s="145"/>
      <c r="AJ5371" s="145"/>
      <c r="AK5371" s="145"/>
      <c r="AL5371" s="145"/>
      <c r="AM5371" s="145"/>
      <c r="AN5371" s="145"/>
      <c r="AO5371" s="145"/>
      <c r="AP5371" s="145"/>
      <c r="AQ5371" s="145"/>
      <c r="AR5371" s="145"/>
      <c r="AS5371" s="145"/>
      <c r="AT5371" s="145"/>
      <c r="AU5371" s="145"/>
      <c r="AV5371" s="145"/>
      <c r="AW5371" s="145"/>
      <c r="AX5371" s="146"/>
      <c r="AY5371" s="146"/>
      <c r="AZ5371" s="146"/>
      <c r="BA5371" s="146"/>
      <c r="BB5371" s="107">
        <v>45884</v>
      </c>
    </row>
    <row r="5372" spans="1:54" s="8" customFormat="1" ht="13.95" customHeight="1" x14ac:dyDescent="0.25">
      <c r="A5372" s="229" t="s">
        <v>12540</v>
      </c>
      <c r="B5372" s="96" t="s">
        <v>11930</v>
      </c>
      <c r="C5372" s="93" t="s">
        <v>12541</v>
      </c>
      <c r="D5372" s="93" t="s">
        <v>12542</v>
      </c>
      <c r="E5372" s="111">
        <v>1956</v>
      </c>
      <c r="F5372" s="111">
        <v>1400</v>
      </c>
      <c r="G5372" s="93" t="s">
        <v>1</v>
      </c>
      <c r="H5372" s="111">
        <v>0</v>
      </c>
      <c r="I5372" s="111">
        <v>0</v>
      </c>
      <c r="J5372" s="111">
        <v>1</v>
      </c>
      <c r="K5372" s="111">
        <v>0</v>
      </c>
      <c r="L5372" s="111">
        <v>1</v>
      </c>
      <c r="M5372" s="111">
        <v>0</v>
      </c>
      <c r="N5372" s="111">
        <v>0</v>
      </c>
      <c r="O5372" s="111">
        <v>1</v>
      </c>
      <c r="P5372" s="111">
        <v>1</v>
      </c>
      <c r="Q5372" s="111">
        <v>0</v>
      </c>
      <c r="R5372" s="111">
        <v>0</v>
      </c>
      <c r="S5372" s="111">
        <v>1</v>
      </c>
      <c r="T5372" s="111">
        <v>0</v>
      </c>
      <c r="U5372" s="145"/>
      <c r="V5372" s="145"/>
      <c r="W5372" s="145"/>
      <c r="X5372" s="145"/>
      <c r="Y5372" s="145"/>
      <c r="Z5372" s="145"/>
      <c r="AA5372" s="145"/>
      <c r="AB5372" s="145"/>
      <c r="AC5372" s="145"/>
      <c r="AD5372" s="145"/>
      <c r="AE5372" s="145"/>
      <c r="AF5372" s="145"/>
      <c r="AG5372" s="145"/>
      <c r="AH5372" s="145"/>
      <c r="AI5372" s="145"/>
      <c r="AJ5372" s="145"/>
      <c r="AK5372" s="145"/>
      <c r="AL5372" s="145"/>
      <c r="AM5372" s="145"/>
      <c r="AN5372" s="145"/>
      <c r="AO5372" s="145"/>
      <c r="AP5372" s="145"/>
      <c r="AQ5372" s="145"/>
      <c r="AR5372" s="145"/>
      <c r="AS5372" s="145"/>
      <c r="AT5372" s="145"/>
      <c r="AU5372" s="145"/>
      <c r="AV5372" s="145"/>
      <c r="AW5372" s="145"/>
      <c r="AX5372" s="146"/>
      <c r="AY5372" s="146"/>
      <c r="AZ5372" s="146"/>
      <c r="BA5372" s="146"/>
      <c r="BB5372" s="107">
        <v>45884</v>
      </c>
    </row>
    <row r="5373" spans="1:54" s="8" customFormat="1" ht="13.95" customHeight="1" x14ac:dyDescent="0.25">
      <c r="A5373" s="229" t="s">
        <v>12543</v>
      </c>
      <c r="B5373" s="96" t="s">
        <v>11930</v>
      </c>
      <c r="C5373" s="93" t="s">
        <v>12544</v>
      </c>
      <c r="D5373" s="93" t="s">
        <v>12545</v>
      </c>
      <c r="E5373" s="111">
        <v>2006</v>
      </c>
      <c r="F5373" s="111">
        <v>300</v>
      </c>
      <c r="G5373" s="93" t="s">
        <v>1</v>
      </c>
      <c r="H5373" s="111">
        <v>0</v>
      </c>
      <c r="I5373" s="111">
        <v>0</v>
      </c>
      <c r="J5373" s="111">
        <v>1</v>
      </c>
      <c r="K5373" s="252">
        <v>1</v>
      </c>
      <c r="L5373" s="111">
        <v>0</v>
      </c>
      <c r="M5373" s="111">
        <v>1</v>
      </c>
      <c r="N5373" s="111">
        <v>0</v>
      </c>
      <c r="O5373" s="111">
        <v>0</v>
      </c>
      <c r="P5373" s="111">
        <v>1</v>
      </c>
      <c r="Q5373" s="111">
        <v>0</v>
      </c>
      <c r="R5373" s="111">
        <v>0</v>
      </c>
      <c r="S5373" s="111">
        <v>0</v>
      </c>
      <c r="T5373" s="111">
        <v>0</v>
      </c>
      <c r="U5373" s="145"/>
      <c r="V5373" s="145"/>
      <c r="W5373" s="145"/>
      <c r="X5373" s="145"/>
      <c r="Y5373" s="145"/>
      <c r="Z5373" s="145"/>
      <c r="AA5373" s="145"/>
      <c r="AB5373" s="145"/>
      <c r="AC5373" s="145"/>
      <c r="AD5373" s="145"/>
      <c r="AE5373" s="145"/>
      <c r="AF5373" s="145"/>
      <c r="AG5373" s="145"/>
      <c r="AH5373" s="145"/>
      <c r="AI5373" s="145"/>
      <c r="AJ5373" s="145"/>
      <c r="AK5373" s="145"/>
      <c r="AL5373" s="145"/>
      <c r="AM5373" s="145"/>
      <c r="AN5373" s="145"/>
      <c r="AO5373" s="145"/>
      <c r="AP5373" s="145"/>
      <c r="AQ5373" s="145"/>
      <c r="AR5373" s="145"/>
      <c r="AS5373" s="145"/>
      <c r="AT5373" s="145"/>
      <c r="AU5373" s="145"/>
      <c r="AV5373" s="145"/>
      <c r="AW5373" s="145"/>
      <c r="AX5373" s="146"/>
      <c r="AY5373" s="146"/>
      <c r="AZ5373" s="146"/>
      <c r="BA5373" s="146"/>
      <c r="BB5373" s="107">
        <v>45884</v>
      </c>
    </row>
    <row r="5374" spans="1:54" s="8" customFormat="1" ht="13.95" customHeight="1" x14ac:dyDescent="0.25">
      <c r="A5374" s="229" t="s">
        <v>12546</v>
      </c>
      <c r="B5374" s="96" t="s">
        <v>11930</v>
      </c>
      <c r="C5374" s="93" t="s">
        <v>12547</v>
      </c>
      <c r="D5374" s="93" t="s">
        <v>12548</v>
      </c>
      <c r="E5374" s="111">
        <v>1979</v>
      </c>
      <c r="F5374" s="111">
        <v>2100</v>
      </c>
      <c r="G5374" s="93" t="s">
        <v>1</v>
      </c>
      <c r="H5374" s="111">
        <v>1</v>
      </c>
      <c r="I5374" s="111">
        <v>0</v>
      </c>
      <c r="J5374" s="111">
        <v>1</v>
      </c>
      <c r="K5374" s="111">
        <v>1</v>
      </c>
      <c r="L5374" s="111">
        <v>1</v>
      </c>
      <c r="M5374" s="111">
        <v>0</v>
      </c>
      <c r="N5374" s="111">
        <v>0</v>
      </c>
      <c r="O5374" s="111">
        <v>1</v>
      </c>
      <c r="P5374" s="111">
        <v>0</v>
      </c>
      <c r="Q5374" s="111">
        <v>0</v>
      </c>
      <c r="R5374" s="111">
        <v>1</v>
      </c>
      <c r="S5374" s="111">
        <v>0</v>
      </c>
      <c r="T5374" s="111">
        <v>0</v>
      </c>
      <c r="U5374" s="145"/>
      <c r="V5374" s="145"/>
      <c r="W5374" s="145"/>
      <c r="X5374" s="145"/>
      <c r="Y5374" s="145"/>
      <c r="Z5374" s="145"/>
      <c r="AA5374" s="145"/>
      <c r="AB5374" s="145"/>
      <c r="AC5374" s="145"/>
      <c r="AD5374" s="145"/>
      <c r="AE5374" s="145"/>
      <c r="AF5374" s="145"/>
      <c r="AG5374" s="145"/>
      <c r="AH5374" s="145"/>
      <c r="AI5374" s="145"/>
      <c r="AJ5374" s="145"/>
      <c r="AK5374" s="145"/>
      <c r="AL5374" s="145"/>
      <c r="AM5374" s="145"/>
      <c r="AN5374" s="145"/>
      <c r="AO5374" s="145"/>
      <c r="AP5374" s="145"/>
      <c r="AQ5374" s="145"/>
      <c r="AR5374" s="145"/>
      <c r="AS5374" s="145"/>
      <c r="AT5374" s="145"/>
      <c r="AU5374" s="145"/>
      <c r="AV5374" s="145"/>
      <c r="AW5374" s="145"/>
      <c r="AX5374" s="146"/>
      <c r="AY5374" s="146"/>
      <c r="AZ5374" s="146"/>
      <c r="BA5374" s="146"/>
      <c r="BB5374" s="107">
        <v>45884</v>
      </c>
    </row>
    <row r="5375" spans="1:54" s="8" customFormat="1" ht="13.95" customHeight="1" x14ac:dyDescent="0.25">
      <c r="A5375" s="229" t="s">
        <v>12549</v>
      </c>
      <c r="B5375" s="96" t="s">
        <v>11930</v>
      </c>
      <c r="C5375" s="93" t="s">
        <v>12550</v>
      </c>
      <c r="D5375" s="93" t="s">
        <v>12551</v>
      </c>
      <c r="E5375" s="111">
        <v>1994</v>
      </c>
      <c r="F5375" s="111">
        <v>900</v>
      </c>
      <c r="G5375" s="93" t="s">
        <v>1</v>
      </c>
      <c r="H5375" s="111">
        <v>0</v>
      </c>
      <c r="I5375" s="111">
        <v>0</v>
      </c>
      <c r="J5375" s="111">
        <v>1</v>
      </c>
      <c r="K5375" s="111">
        <v>0</v>
      </c>
      <c r="L5375" s="111">
        <v>0</v>
      </c>
      <c r="M5375" s="111">
        <v>0</v>
      </c>
      <c r="N5375" s="111">
        <v>0</v>
      </c>
      <c r="O5375" s="111">
        <v>0</v>
      </c>
      <c r="P5375" s="111">
        <v>0</v>
      </c>
      <c r="Q5375" s="111">
        <v>0</v>
      </c>
      <c r="R5375" s="111">
        <v>0</v>
      </c>
      <c r="S5375" s="111">
        <v>0</v>
      </c>
      <c r="T5375" s="111">
        <v>0</v>
      </c>
      <c r="U5375" s="145"/>
      <c r="V5375" s="145"/>
      <c r="W5375" s="145"/>
      <c r="X5375" s="145"/>
      <c r="Y5375" s="145"/>
      <c r="Z5375" s="145"/>
      <c r="AA5375" s="145"/>
      <c r="AB5375" s="145"/>
      <c r="AC5375" s="145"/>
      <c r="AD5375" s="145"/>
      <c r="AE5375" s="145"/>
      <c r="AF5375" s="145"/>
      <c r="AG5375" s="145"/>
      <c r="AH5375" s="145"/>
      <c r="AI5375" s="145"/>
      <c r="AJ5375" s="145"/>
      <c r="AK5375" s="145"/>
      <c r="AL5375" s="145"/>
      <c r="AM5375" s="145"/>
      <c r="AN5375" s="145"/>
      <c r="AO5375" s="145"/>
      <c r="AP5375" s="145"/>
      <c r="AQ5375" s="145"/>
      <c r="AR5375" s="145"/>
      <c r="AS5375" s="145"/>
      <c r="AT5375" s="145"/>
      <c r="AU5375" s="145"/>
      <c r="AV5375" s="145"/>
      <c r="AW5375" s="145"/>
      <c r="AX5375" s="146"/>
      <c r="AY5375" s="146"/>
      <c r="AZ5375" s="146"/>
      <c r="BA5375" s="146"/>
      <c r="BB5375" s="107">
        <v>45884</v>
      </c>
    </row>
    <row r="5376" spans="1:54" s="8" customFormat="1" ht="13.95" customHeight="1" x14ac:dyDescent="0.25">
      <c r="A5376" s="229" t="s">
        <v>12552</v>
      </c>
      <c r="B5376" s="96" t="s">
        <v>11930</v>
      </c>
      <c r="C5376" s="93" t="s">
        <v>12553</v>
      </c>
      <c r="D5376" s="93" t="s">
        <v>12554</v>
      </c>
      <c r="E5376" s="111">
        <v>1991</v>
      </c>
      <c r="F5376" s="111">
        <v>200</v>
      </c>
      <c r="G5376" s="93" t="s">
        <v>1</v>
      </c>
      <c r="H5376" s="111">
        <v>0</v>
      </c>
      <c r="I5376" s="111">
        <v>0</v>
      </c>
      <c r="J5376" s="111">
        <v>1</v>
      </c>
      <c r="K5376" s="111">
        <v>0</v>
      </c>
      <c r="L5376" s="111">
        <v>1</v>
      </c>
      <c r="M5376" s="111">
        <v>0</v>
      </c>
      <c r="N5376" s="111">
        <v>0</v>
      </c>
      <c r="O5376" s="111">
        <v>1</v>
      </c>
      <c r="P5376" s="252">
        <v>0</v>
      </c>
      <c r="Q5376" s="111">
        <v>0</v>
      </c>
      <c r="R5376" s="111">
        <v>1</v>
      </c>
      <c r="S5376" s="111">
        <v>0</v>
      </c>
      <c r="T5376" s="111">
        <v>0</v>
      </c>
      <c r="U5376" s="145"/>
      <c r="V5376" s="145"/>
      <c r="W5376" s="145"/>
      <c r="X5376" s="145"/>
      <c r="Y5376" s="145"/>
      <c r="Z5376" s="145"/>
      <c r="AA5376" s="145"/>
      <c r="AB5376" s="145"/>
      <c r="AC5376" s="145"/>
      <c r="AD5376" s="145"/>
      <c r="AE5376" s="145"/>
      <c r="AF5376" s="145"/>
      <c r="AG5376" s="145"/>
      <c r="AH5376" s="145"/>
      <c r="AI5376" s="145"/>
      <c r="AJ5376" s="145"/>
      <c r="AK5376" s="145"/>
      <c r="AL5376" s="145"/>
      <c r="AM5376" s="145"/>
      <c r="AN5376" s="145"/>
      <c r="AO5376" s="145"/>
      <c r="AP5376" s="145"/>
      <c r="AQ5376" s="145"/>
      <c r="AR5376" s="145"/>
      <c r="AS5376" s="145"/>
      <c r="AT5376" s="145"/>
      <c r="AU5376" s="145"/>
      <c r="AV5376" s="145"/>
      <c r="AW5376" s="145"/>
      <c r="AX5376" s="146"/>
      <c r="AY5376" s="146"/>
      <c r="AZ5376" s="146"/>
      <c r="BA5376" s="146"/>
      <c r="BB5376" s="107">
        <v>45884</v>
      </c>
    </row>
    <row r="5377" spans="1:54" s="8" customFormat="1" ht="13.95" customHeight="1" x14ac:dyDescent="0.25">
      <c r="A5377" s="229" t="s">
        <v>12555</v>
      </c>
      <c r="B5377" s="96" t="s">
        <v>11930</v>
      </c>
      <c r="C5377" s="93" t="s">
        <v>12556</v>
      </c>
      <c r="D5377" s="93" t="s">
        <v>12557</v>
      </c>
      <c r="E5377" s="111">
        <v>1988</v>
      </c>
      <c r="F5377" s="111">
        <v>600</v>
      </c>
      <c r="G5377" s="93" t="s">
        <v>1</v>
      </c>
      <c r="H5377" s="111">
        <v>0</v>
      </c>
      <c r="I5377" s="111">
        <v>0</v>
      </c>
      <c r="J5377" s="111">
        <v>1</v>
      </c>
      <c r="K5377" s="111">
        <v>0</v>
      </c>
      <c r="L5377" s="111">
        <v>1</v>
      </c>
      <c r="M5377" s="111">
        <v>0</v>
      </c>
      <c r="N5377" s="111">
        <v>0</v>
      </c>
      <c r="O5377" s="111">
        <v>1</v>
      </c>
      <c r="P5377" s="111">
        <v>1</v>
      </c>
      <c r="Q5377" s="111">
        <v>0</v>
      </c>
      <c r="R5377" s="111">
        <v>1</v>
      </c>
      <c r="S5377" s="111">
        <v>0</v>
      </c>
      <c r="T5377" s="111">
        <v>0</v>
      </c>
      <c r="U5377" s="145"/>
      <c r="V5377" s="145"/>
      <c r="W5377" s="145"/>
      <c r="X5377" s="145"/>
      <c r="Y5377" s="145"/>
      <c r="Z5377" s="145"/>
      <c r="AA5377" s="145"/>
      <c r="AB5377" s="145"/>
      <c r="AC5377" s="145"/>
      <c r="AD5377" s="145"/>
      <c r="AE5377" s="145"/>
      <c r="AF5377" s="145"/>
      <c r="AG5377" s="145"/>
      <c r="AH5377" s="145"/>
      <c r="AI5377" s="145"/>
      <c r="AJ5377" s="145"/>
      <c r="AK5377" s="145"/>
      <c r="AL5377" s="145"/>
      <c r="AM5377" s="145"/>
      <c r="AN5377" s="145"/>
      <c r="AO5377" s="145"/>
      <c r="AP5377" s="145"/>
      <c r="AQ5377" s="145"/>
      <c r="AR5377" s="145"/>
      <c r="AS5377" s="145"/>
      <c r="AT5377" s="145"/>
      <c r="AU5377" s="145"/>
      <c r="AV5377" s="145"/>
      <c r="AW5377" s="145"/>
      <c r="AX5377" s="146"/>
      <c r="AY5377" s="146"/>
      <c r="AZ5377" s="146"/>
      <c r="BA5377" s="146"/>
      <c r="BB5377" s="107">
        <v>45884</v>
      </c>
    </row>
    <row r="5378" spans="1:54" s="8" customFormat="1" ht="13.95" customHeight="1" x14ac:dyDescent="0.25">
      <c r="A5378" s="229" t="s">
        <v>12558</v>
      </c>
      <c r="B5378" s="96" t="s">
        <v>11930</v>
      </c>
      <c r="C5378" s="93" t="s">
        <v>12559</v>
      </c>
      <c r="D5378" s="93" t="s">
        <v>12560</v>
      </c>
      <c r="E5378" s="111">
        <v>2000</v>
      </c>
      <c r="F5378" s="111">
        <v>13300</v>
      </c>
      <c r="G5378" s="93" t="s">
        <v>3</v>
      </c>
      <c r="H5378" s="111">
        <v>1</v>
      </c>
      <c r="I5378" s="111">
        <v>1</v>
      </c>
      <c r="J5378" s="111">
        <v>1</v>
      </c>
      <c r="K5378" s="111">
        <v>1</v>
      </c>
      <c r="L5378" s="111">
        <v>1</v>
      </c>
      <c r="M5378" s="111">
        <v>1</v>
      </c>
      <c r="N5378" s="111">
        <v>0</v>
      </c>
      <c r="O5378" s="111">
        <v>1</v>
      </c>
      <c r="P5378" s="111">
        <v>1</v>
      </c>
      <c r="Q5378" s="111">
        <v>0</v>
      </c>
      <c r="R5378" s="111">
        <v>0</v>
      </c>
      <c r="S5378" s="111">
        <v>0</v>
      </c>
      <c r="T5378" s="111">
        <v>0</v>
      </c>
      <c r="U5378" s="111">
        <v>0</v>
      </c>
      <c r="V5378" s="111">
        <v>0</v>
      </c>
      <c r="W5378" s="111">
        <v>0</v>
      </c>
      <c r="X5378" s="111">
        <v>0</v>
      </c>
      <c r="Y5378" s="111">
        <v>0</v>
      </c>
      <c r="Z5378" s="111">
        <v>0</v>
      </c>
      <c r="AA5378" s="111">
        <v>0</v>
      </c>
      <c r="AB5378" s="111">
        <v>0</v>
      </c>
      <c r="AC5378" s="111">
        <v>0</v>
      </c>
      <c r="AD5378" s="111">
        <v>0</v>
      </c>
      <c r="AE5378" s="111">
        <v>0</v>
      </c>
      <c r="AF5378" s="111">
        <v>0</v>
      </c>
      <c r="AG5378" s="111">
        <v>0</v>
      </c>
      <c r="AH5378" s="111">
        <v>0</v>
      </c>
      <c r="AI5378" s="111">
        <v>0</v>
      </c>
      <c r="AJ5378" s="111">
        <v>0</v>
      </c>
      <c r="AK5378" s="111">
        <v>0</v>
      </c>
      <c r="AL5378" s="111">
        <v>0</v>
      </c>
      <c r="AM5378" s="111">
        <v>0</v>
      </c>
      <c r="AN5378" s="111">
        <v>0</v>
      </c>
      <c r="AO5378" s="111">
        <v>0</v>
      </c>
      <c r="AP5378" s="111">
        <v>0</v>
      </c>
      <c r="AQ5378" s="111">
        <v>0</v>
      </c>
      <c r="AR5378" s="111">
        <v>0</v>
      </c>
      <c r="AS5378" s="111">
        <v>0</v>
      </c>
      <c r="AT5378" s="111" t="s">
        <v>174</v>
      </c>
      <c r="AU5378" s="111">
        <v>0</v>
      </c>
      <c r="AV5378" s="111">
        <v>0</v>
      </c>
      <c r="AW5378" s="111">
        <v>0</v>
      </c>
      <c r="AX5378" s="112"/>
      <c r="AY5378" s="112"/>
      <c r="AZ5378" s="112"/>
      <c r="BA5378" s="112"/>
      <c r="BB5378" s="107">
        <v>45884</v>
      </c>
    </row>
    <row r="5379" spans="1:54" s="8" customFormat="1" ht="13.95" customHeight="1" x14ac:dyDescent="0.25">
      <c r="A5379" s="229" t="s">
        <v>12561</v>
      </c>
      <c r="B5379" s="96" t="s">
        <v>11930</v>
      </c>
      <c r="C5379" s="93" t="s">
        <v>12562</v>
      </c>
      <c r="D5379" s="93" t="s">
        <v>12563</v>
      </c>
      <c r="E5379" s="111">
        <v>2008</v>
      </c>
      <c r="F5379" s="111">
        <v>22000</v>
      </c>
      <c r="G5379" s="93" t="s">
        <v>3</v>
      </c>
      <c r="H5379" s="111">
        <v>1</v>
      </c>
      <c r="I5379" s="111">
        <v>1</v>
      </c>
      <c r="J5379" s="111">
        <v>1</v>
      </c>
      <c r="K5379" s="111">
        <v>1</v>
      </c>
      <c r="L5379" s="111">
        <v>1</v>
      </c>
      <c r="M5379" s="111">
        <v>1</v>
      </c>
      <c r="N5379" s="111">
        <v>1</v>
      </c>
      <c r="O5379" s="111">
        <v>1</v>
      </c>
      <c r="P5379" s="111">
        <v>1</v>
      </c>
      <c r="Q5379" s="111">
        <v>0</v>
      </c>
      <c r="R5379" s="111">
        <v>0</v>
      </c>
      <c r="S5379" s="111">
        <v>0</v>
      </c>
      <c r="T5379" s="111">
        <v>0</v>
      </c>
      <c r="U5379" s="111">
        <v>0</v>
      </c>
      <c r="V5379" s="111">
        <v>0</v>
      </c>
      <c r="W5379" s="111">
        <v>0</v>
      </c>
      <c r="X5379" s="111">
        <v>0</v>
      </c>
      <c r="Y5379" s="111">
        <v>0</v>
      </c>
      <c r="Z5379" s="111">
        <v>0</v>
      </c>
      <c r="AA5379" s="111">
        <v>1</v>
      </c>
      <c r="AB5379" s="111">
        <v>0</v>
      </c>
      <c r="AC5379" s="111">
        <v>0</v>
      </c>
      <c r="AD5379" s="111">
        <v>0</v>
      </c>
      <c r="AE5379" s="111">
        <v>0</v>
      </c>
      <c r="AF5379" s="111">
        <v>0</v>
      </c>
      <c r="AG5379" s="111">
        <v>0</v>
      </c>
      <c r="AH5379" s="111">
        <v>0</v>
      </c>
      <c r="AI5379" s="111">
        <v>0</v>
      </c>
      <c r="AJ5379" s="111">
        <v>0</v>
      </c>
      <c r="AK5379" s="111">
        <v>0</v>
      </c>
      <c r="AL5379" s="111">
        <v>0</v>
      </c>
      <c r="AM5379" s="111">
        <v>0</v>
      </c>
      <c r="AN5379" s="111">
        <v>0</v>
      </c>
      <c r="AO5379" s="111">
        <v>0</v>
      </c>
      <c r="AP5379" s="111">
        <v>0</v>
      </c>
      <c r="AQ5379" s="111">
        <v>0</v>
      </c>
      <c r="AR5379" s="111">
        <v>0</v>
      </c>
      <c r="AS5379" s="111">
        <v>0</v>
      </c>
      <c r="AT5379" s="111" t="s">
        <v>174</v>
      </c>
      <c r="AU5379" s="111">
        <v>0</v>
      </c>
      <c r="AV5379" s="111">
        <v>0</v>
      </c>
      <c r="AW5379" s="111">
        <v>0</v>
      </c>
      <c r="AX5379" s="112"/>
      <c r="AY5379" s="112"/>
      <c r="AZ5379" s="112"/>
      <c r="BA5379" s="112"/>
      <c r="BB5379" s="107">
        <v>45884</v>
      </c>
    </row>
    <row r="5380" spans="1:54" s="8" customFormat="1" ht="13.95" customHeight="1" x14ac:dyDescent="0.25">
      <c r="A5380" s="229" t="s">
        <v>12564</v>
      </c>
      <c r="B5380" s="96" t="s">
        <v>11930</v>
      </c>
      <c r="C5380" s="93" t="s">
        <v>12565</v>
      </c>
      <c r="D5380" s="93" t="s">
        <v>12566</v>
      </c>
      <c r="E5380" s="111">
        <v>1996</v>
      </c>
      <c r="F5380" s="111">
        <v>22000</v>
      </c>
      <c r="G5380" s="93" t="s">
        <v>3</v>
      </c>
      <c r="H5380" s="111">
        <v>1</v>
      </c>
      <c r="I5380" s="111">
        <v>1</v>
      </c>
      <c r="J5380" s="111">
        <v>1</v>
      </c>
      <c r="K5380" s="111">
        <v>1</v>
      </c>
      <c r="L5380" s="111">
        <v>1</v>
      </c>
      <c r="M5380" s="111">
        <v>1</v>
      </c>
      <c r="N5380" s="111">
        <v>0</v>
      </c>
      <c r="O5380" s="111">
        <v>0</v>
      </c>
      <c r="P5380" s="111">
        <v>1</v>
      </c>
      <c r="Q5380" s="111">
        <v>0</v>
      </c>
      <c r="R5380" s="111">
        <v>0</v>
      </c>
      <c r="S5380" s="111">
        <v>0</v>
      </c>
      <c r="T5380" s="111">
        <v>0</v>
      </c>
      <c r="U5380" s="111">
        <v>1</v>
      </c>
      <c r="V5380" s="111">
        <v>0</v>
      </c>
      <c r="W5380" s="111">
        <v>0</v>
      </c>
      <c r="X5380" s="111">
        <v>0</v>
      </c>
      <c r="Y5380" s="111">
        <v>0</v>
      </c>
      <c r="Z5380" s="111">
        <v>0</v>
      </c>
      <c r="AA5380" s="111">
        <v>0</v>
      </c>
      <c r="AB5380" s="111">
        <v>0</v>
      </c>
      <c r="AC5380" s="111">
        <v>0</v>
      </c>
      <c r="AD5380" s="111">
        <v>0</v>
      </c>
      <c r="AE5380" s="111">
        <v>0</v>
      </c>
      <c r="AF5380" s="111">
        <v>0</v>
      </c>
      <c r="AG5380" s="111">
        <v>0</v>
      </c>
      <c r="AH5380" s="111">
        <v>0</v>
      </c>
      <c r="AI5380" s="111">
        <v>0</v>
      </c>
      <c r="AJ5380" s="111">
        <v>0</v>
      </c>
      <c r="AK5380" s="111">
        <v>0</v>
      </c>
      <c r="AL5380" s="111">
        <v>0</v>
      </c>
      <c r="AM5380" s="111">
        <v>0</v>
      </c>
      <c r="AN5380" s="111">
        <v>0</v>
      </c>
      <c r="AO5380" s="111">
        <v>0</v>
      </c>
      <c r="AP5380" s="111">
        <v>0</v>
      </c>
      <c r="AQ5380" s="111">
        <v>0</v>
      </c>
      <c r="AR5380" s="111">
        <v>0</v>
      </c>
      <c r="AS5380" s="111">
        <v>0</v>
      </c>
      <c r="AT5380" s="111" t="s">
        <v>174</v>
      </c>
      <c r="AU5380" s="111">
        <v>0</v>
      </c>
      <c r="AV5380" s="111">
        <v>0</v>
      </c>
      <c r="AW5380" s="111">
        <v>0</v>
      </c>
      <c r="AX5380" s="112"/>
      <c r="AY5380" s="112"/>
      <c r="AZ5380" s="112"/>
      <c r="BA5380" s="112"/>
      <c r="BB5380" s="107">
        <v>45884</v>
      </c>
    </row>
    <row r="5381" spans="1:54" s="8" customFormat="1" ht="13.95" customHeight="1" x14ac:dyDescent="0.25">
      <c r="A5381" s="229" t="s">
        <v>12567</v>
      </c>
      <c r="B5381" s="96" t="s">
        <v>11930</v>
      </c>
      <c r="C5381" s="93" t="s">
        <v>12568</v>
      </c>
      <c r="D5381" s="93" t="s">
        <v>12569</v>
      </c>
      <c r="E5381" s="111">
        <v>1955</v>
      </c>
      <c r="F5381" s="111">
        <v>9000</v>
      </c>
      <c r="G5381" s="93" t="s">
        <v>3</v>
      </c>
      <c r="H5381" s="111">
        <v>1</v>
      </c>
      <c r="I5381" s="111">
        <v>1</v>
      </c>
      <c r="J5381" s="111">
        <v>1</v>
      </c>
      <c r="K5381" s="111">
        <v>1</v>
      </c>
      <c r="L5381" s="111">
        <v>1</v>
      </c>
      <c r="M5381" s="111">
        <v>0</v>
      </c>
      <c r="N5381" s="111">
        <v>0</v>
      </c>
      <c r="O5381" s="111">
        <v>1</v>
      </c>
      <c r="P5381" s="111">
        <v>1</v>
      </c>
      <c r="Q5381" s="111">
        <v>0</v>
      </c>
      <c r="R5381" s="111">
        <v>1</v>
      </c>
      <c r="S5381" s="111">
        <v>0</v>
      </c>
      <c r="T5381" s="111">
        <v>0</v>
      </c>
      <c r="U5381" s="111">
        <v>0</v>
      </c>
      <c r="V5381" s="111">
        <v>0</v>
      </c>
      <c r="W5381" s="111">
        <v>0</v>
      </c>
      <c r="X5381" s="111">
        <v>0</v>
      </c>
      <c r="Y5381" s="111">
        <v>0</v>
      </c>
      <c r="Z5381" s="111">
        <v>0</v>
      </c>
      <c r="AA5381" s="111">
        <v>0</v>
      </c>
      <c r="AB5381" s="111">
        <v>1</v>
      </c>
      <c r="AC5381" s="111">
        <v>0</v>
      </c>
      <c r="AD5381" s="111">
        <v>0</v>
      </c>
      <c r="AE5381" s="111">
        <v>0</v>
      </c>
      <c r="AF5381" s="111">
        <v>0</v>
      </c>
      <c r="AG5381" s="111">
        <v>0</v>
      </c>
      <c r="AH5381" s="111">
        <v>0</v>
      </c>
      <c r="AI5381" s="111">
        <v>0</v>
      </c>
      <c r="AJ5381" s="111">
        <v>0</v>
      </c>
      <c r="AK5381" s="111">
        <v>0</v>
      </c>
      <c r="AL5381" s="111">
        <v>0</v>
      </c>
      <c r="AM5381" s="111">
        <v>0</v>
      </c>
      <c r="AN5381" s="111">
        <v>0</v>
      </c>
      <c r="AO5381" s="111">
        <v>0</v>
      </c>
      <c r="AP5381" s="111">
        <v>0</v>
      </c>
      <c r="AQ5381" s="111">
        <v>0</v>
      </c>
      <c r="AR5381" s="111">
        <v>0</v>
      </c>
      <c r="AS5381" s="111">
        <v>0</v>
      </c>
      <c r="AT5381" s="111" t="s">
        <v>174</v>
      </c>
      <c r="AU5381" s="111">
        <v>0</v>
      </c>
      <c r="AV5381" s="111">
        <v>0</v>
      </c>
      <c r="AW5381" s="111">
        <v>0</v>
      </c>
      <c r="AX5381" s="112"/>
      <c r="AY5381" s="112"/>
      <c r="AZ5381" s="112"/>
      <c r="BA5381" s="112"/>
      <c r="BB5381" s="107">
        <v>45884</v>
      </c>
    </row>
    <row r="5382" spans="1:54" s="8" customFormat="1" ht="13.95" customHeight="1" x14ac:dyDescent="0.25">
      <c r="A5382" s="229" t="s">
        <v>12570</v>
      </c>
      <c r="B5382" s="96" t="s">
        <v>11930</v>
      </c>
      <c r="C5382" s="93" t="s">
        <v>12571</v>
      </c>
      <c r="D5382" s="93" t="s">
        <v>12572</v>
      </c>
      <c r="E5382" s="111">
        <v>1981</v>
      </c>
      <c r="F5382" s="111">
        <v>9000</v>
      </c>
      <c r="G5382" s="93" t="s">
        <v>3</v>
      </c>
      <c r="H5382" s="111">
        <v>1</v>
      </c>
      <c r="I5382" s="111">
        <v>1</v>
      </c>
      <c r="J5382" s="111">
        <v>1</v>
      </c>
      <c r="K5382" s="111">
        <v>1</v>
      </c>
      <c r="L5382" s="111">
        <v>1</v>
      </c>
      <c r="M5382" s="111">
        <v>0</v>
      </c>
      <c r="N5382" s="111">
        <v>0</v>
      </c>
      <c r="O5382" s="111">
        <v>0</v>
      </c>
      <c r="P5382" s="111">
        <v>1</v>
      </c>
      <c r="Q5382" s="111">
        <v>0</v>
      </c>
      <c r="R5382" s="111">
        <v>1</v>
      </c>
      <c r="S5382" s="111">
        <v>1</v>
      </c>
      <c r="T5382" s="111">
        <v>0</v>
      </c>
      <c r="U5382" s="111">
        <v>0</v>
      </c>
      <c r="V5382" s="111">
        <v>0</v>
      </c>
      <c r="W5382" s="111">
        <v>0</v>
      </c>
      <c r="X5382" s="111">
        <v>0</v>
      </c>
      <c r="Y5382" s="111">
        <v>0</v>
      </c>
      <c r="Z5382" s="111">
        <v>0</v>
      </c>
      <c r="AA5382" s="111">
        <v>0</v>
      </c>
      <c r="AB5382" s="111">
        <v>0</v>
      </c>
      <c r="AC5382" s="111">
        <v>0</v>
      </c>
      <c r="AD5382" s="111">
        <v>0</v>
      </c>
      <c r="AE5382" s="111">
        <v>0</v>
      </c>
      <c r="AF5382" s="111">
        <v>0</v>
      </c>
      <c r="AG5382" s="111">
        <v>0</v>
      </c>
      <c r="AH5382" s="111">
        <v>0</v>
      </c>
      <c r="AI5382" s="111">
        <v>0</v>
      </c>
      <c r="AJ5382" s="111">
        <v>0</v>
      </c>
      <c r="AK5382" s="111">
        <v>0</v>
      </c>
      <c r="AL5382" s="111">
        <v>0</v>
      </c>
      <c r="AM5382" s="111">
        <v>0</v>
      </c>
      <c r="AN5382" s="111">
        <v>0</v>
      </c>
      <c r="AO5382" s="111">
        <v>0</v>
      </c>
      <c r="AP5382" s="111">
        <v>0</v>
      </c>
      <c r="AQ5382" s="111">
        <v>0</v>
      </c>
      <c r="AR5382" s="111">
        <v>0</v>
      </c>
      <c r="AS5382" s="111">
        <v>0</v>
      </c>
      <c r="AT5382" s="111" t="s">
        <v>174</v>
      </c>
      <c r="AU5382" s="111">
        <v>0</v>
      </c>
      <c r="AV5382" s="111">
        <v>0</v>
      </c>
      <c r="AW5382" s="111">
        <v>0</v>
      </c>
      <c r="AX5382" s="112"/>
      <c r="AY5382" s="112"/>
      <c r="AZ5382" s="112"/>
      <c r="BA5382" s="112"/>
      <c r="BB5382" s="107">
        <v>45884</v>
      </c>
    </row>
    <row r="5383" spans="1:54" s="8" customFormat="1" ht="13.95" customHeight="1" x14ac:dyDescent="0.25">
      <c r="A5383" s="229" t="s">
        <v>12573</v>
      </c>
      <c r="B5383" s="96" t="s">
        <v>11930</v>
      </c>
      <c r="C5383" s="93" t="s">
        <v>12574</v>
      </c>
      <c r="D5383" s="93" t="s">
        <v>12575</v>
      </c>
      <c r="E5383" s="111">
        <v>1973</v>
      </c>
      <c r="F5383" s="111">
        <v>12000</v>
      </c>
      <c r="G5383" s="93" t="s">
        <v>3</v>
      </c>
      <c r="H5383" s="111">
        <v>1</v>
      </c>
      <c r="I5383" s="111">
        <v>0</v>
      </c>
      <c r="J5383" s="111">
        <v>1</v>
      </c>
      <c r="K5383" s="111">
        <v>1</v>
      </c>
      <c r="L5383" s="111">
        <v>1</v>
      </c>
      <c r="M5383" s="111">
        <v>0</v>
      </c>
      <c r="N5383" s="111">
        <v>0</v>
      </c>
      <c r="O5383" s="111">
        <v>1</v>
      </c>
      <c r="P5383" s="111">
        <v>1</v>
      </c>
      <c r="Q5383" s="111">
        <v>0</v>
      </c>
      <c r="R5383" s="111">
        <v>1</v>
      </c>
      <c r="S5383" s="111">
        <v>0</v>
      </c>
      <c r="T5383" s="111">
        <v>0</v>
      </c>
      <c r="U5383" s="111">
        <v>0</v>
      </c>
      <c r="V5383" s="111">
        <v>0</v>
      </c>
      <c r="W5383" s="111">
        <v>0</v>
      </c>
      <c r="X5383" s="111">
        <v>0</v>
      </c>
      <c r="Y5383" s="111">
        <v>0</v>
      </c>
      <c r="Z5383" s="111">
        <v>0</v>
      </c>
      <c r="AA5383" s="111">
        <v>0</v>
      </c>
      <c r="AB5383" s="111">
        <v>0</v>
      </c>
      <c r="AC5383" s="111">
        <v>0</v>
      </c>
      <c r="AD5383" s="111">
        <v>0</v>
      </c>
      <c r="AE5383" s="111">
        <v>0</v>
      </c>
      <c r="AF5383" s="111">
        <v>0</v>
      </c>
      <c r="AG5383" s="111">
        <v>0</v>
      </c>
      <c r="AH5383" s="111">
        <v>0</v>
      </c>
      <c r="AI5383" s="111">
        <v>0</v>
      </c>
      <c r="AJ5383" s="111">
        <v>0</v>
      </c>
      <c r="AK5383" s="111">
        <v>0</v>
      </c>
      <c r="AL5383" s="111">
        <v>0</v>
      </c>
      <c r="AM5383" s="111">
        <v>0</v>
      </c>
      <c r="AN5383" s="111">
        <v>0</v>
      </c>
      <c r="AO5383" s="111">
        <v>0</v>
      </c>
      <c r="AP5383" s="111">
        <v>0</v>
      </c>
      <c r="AQ5383" s="111">
        <v>0</v>
      </c>
      <c r="AR5383" s="111">
        <v>0</v>
      </c>
      <c r="AS5383" s="111">
        <v>0</v>
      </c>
      <c r="AT5383" s="111" t="s">
        <v>174</v>
      </c>
      <c r="AU5383" s="111">
        <v>0</v>
      </c>
      <c r="AV5383" s="111">
        <v>0</v>
      </c>
      <c r="AW5383" s="111">
        <v>0</v>
      </c>
      <c r="AX5383" s="112"/>
      <c r="AY5383" s="112"/>
      <c r="AZ5383" s="112"/>
      <c r="BA5383" s="112"/>
      <c r="BB5383" s="107">
        <v>45884</v>
      </c>
    </row>
    <row r="5384" spans="1:54" s="8" customFormat="1" ht="13.95" customHeight="1" x14ac:dyDescent="0.25">
      <c r="A5384" s="229" t="s">
        <v>12576</v>
      </c>
      <c r="B5384" s="96" t="s">
        <v>11930</v>
      </c>
      <c r="C5384" s="93" t="s">
        <v>12577</v>
      </c>
      <c r="D5384" s="93" t="s">
        <v>12578</v>
      </c>
      <c r="E5384" s="111">
        <v>1993</v>
      </c>
      <c r="F5384" s="111">
        <v>8000</v>
      </c>
      <c r="G5384" s="93" t="s">
        <v>3</v>
      </c>
      <c r="H5384" s="111">
        <v>1</v>
      </c>
      <c r="I5384" s="111">
        <v>1</v>
      </c>
      <c r="J5384" s="111">
        <v>1</v>
      </c>
      <c r="K5384" s="111">
        <v>1</v>
      </c>
      <c r="L5384" s="111">
        <v>1</v>
      </c>
      <c r="M5384" s="111">
        <v>1</v>
      </c>
      <c r="N5384" s="111">
        <v>0</v>
      </c>
      <c r="O5384" s="111">
        <v>0</v>
      </c>
      <c r="P5384" s="111">
        <v>1</v>
      </c>
      <c r="Q5384" s="111">
        <v>0</v>
      </c>
      <c r="R5384" s="111">
        <v>0</v>
      </c>
      <c r="S5384" s="111">
        <v>0</v>
      </c>
      <c r="T5384" s="111">
        <v>0</v>
      </c>
      <c r="U5384" s="111">
        <v>0</v>
      </c>
      <c r="V5384" s="111">
        <v>0</v>
      </c>
      <c r="W5384" s="111">
        <v>1</v>
      </c>
      <c r="X5384" s="111">
        <v>1</v>
      </c>
      <c r="Y5384" s="111">
        <v>0</v>
      </c>
      <c r="Z5384" s="111">
        <v>0</v>
      </c>
      <c r="AA5384" s="111">
        <v>0</v>
      </c>
      <c r="AB5384" s="111">
        <v>0</v>
      </c>
      <c r="AC5384" s="111">
        <v>0</v>
      </c>
      <c r="AD5384" s="111">
        <v>0</v>
      </c>
      <c r="AE5384" s="111">
        <v>0</v>
      </c>
      <c r="AF5384" s="111">
        <v>0</v>
      </c>
      <c r="AG5384" s="111">
        <v>0</v>
      </c>
      <c r="AH5384" s="111">
        <v>0</v>
      </c>
      <c r="AI5384" s="111">
        <v>0</v>
      </c>
      <c r="AJ5384" s="111">
        <v>0</v>
      </c>
      <c r="AK5384" s="111">
        <v>0</v>
      </c>
      <c r="AL5384" s="111">
        <v>0</v>
      </c>
      <c r="AM5384" s="111">
        <v>0</v>
      </c>
      <c r="AN5384" s="111">
        <v>0</v>
      </c>
      <c r="AO5384" s="111">
        <v>0</v>
      </c>
      <c r="AP5384" s="111">
        <v>0</v>
      </c>
      <c r="AQ5384" s="111">
        <v>0</v>
      </c>
      <c r="AR5384" s="111">
        <v>0</v>
      </c>
      <c r="AS5384" s="111">
        <v>0</v>
      </c>
      <c r="AT5384" s="111" t="s">
        <v>174</v>
      </c>
      <c r="AU5384" s="111">
        <v>0</v>
      </c>
      <c r="AV5384" s="111">
        <v>0</v>
      </c>
      <c r="AW5384" s="111">
        <v>0</v>
      </c>
      <c r="AX5384" s="112"/>
      <c r="AY5384" s="112"/>
      <c r="AZ5384" s="112"/>
      <c r="BA5384" s="112"/>
      <c r="BB5384" s="107">
        <v>45884</v>
      </c>
    </row>
    <row r="5385" spans="1:54" s="8" customFormat="1" ht="13.95" customHeight="1" x14ac:dyDescent="0.25">
      <c r="A5385" s="229" t="s">
        <v>12579</v>
      </c>
      <c r="B5385" s="96" t="s">
        <v>11930</v>
      </c>
      <c r="C5385" s="93" t="s">
        <v>12580</v>
      </c>
      <c r="D5385" s="93" t="s">
        <v>12581</v>
      </c>
      <c r="E5385" s="111">
        <v>1956</v>
      </c>
      <c r="F5385" s="111">
        <v>16000</v>
      </c>
      <c r="G5385" s="93" t="s">
        <v>3</v>
      </c>
      <c r="H5385" s="111">
        <v>0</v>
      </c>
      <c r="I5385" s="111">
        <v>0</v>
      </c>
      <c r="J5385" s="111">
        <v>1</v>
      </c>
      <c r="K5385" s="111">
        <v>1</v>
      </c>
      <c r="L5385" s="111">
        <v>1</v>
      </c>
      <c r="M5385" s="111">
        <v>0</v>
      </c>
      <c r="N5385" s="111">
        <v>0</v>
      </c>
      <c r="O5385" s="111">
        <v>1</v>
      </c>
      <c r="P5385" s="111">
        <v>1</v>
      </c>
      <c r="Q5385" s="111">
        <v>0</v>
      </c>
      <c r="R5385" s="111">
        <v>0</v>
      </c>
      <c r="S5385" s="111">
        <v>1</v>
      </c>
      <c r="T5385" s="111">
        <v>0</v>
      </c>
      <c r="U5385" s="111">
        <v>0</v>
      </c>
      <c r="V5385" s="111">
        <v>0</v>
      </c>
      <c r="W5385" s="111">
        <v>0</v>
      </c>
      <c r="X5385" s="111">
        <v>0</v>
      </c>
      <c r="Y5385" s="111">
        <v>0</v>
      </c>
      <c r="Z5385" s="111">
        <v>0</v>
      </c>
      <c r="AA5385" s="111">
        <v>0</v>
      </c>
      <c r="AB5385" s="111">
        <v>0</v>
      </c>
      <c r="AC5385" s="111">
        <v>0</v>
      </c>
      <c r="AD5385" s="111">
        <v>0</v>
      </c>
      <c r="AE5385" s="111">
        <v>0</v>
      </c>
      <c r="AF5385" s="111">
        <v>0</v>
      </c>
      <c r="AG5385" s="111">
        <v>0</v>
      </c>
      <c r="AH5385" s="111">
        <v>0</v>
      </c>
      <c r="AI5385" s="111">
        <v>0</v>
      </c>
      <c r="AJ5385" s="111">
        <v>0</v>
      </c>
      <c r="AK5385" s="111">
        <v>0</v>
      </c>
      <c r="AL5385" s="111">
        <v>0</v>
      </c>
      <c r="AM5385" s="111">
        <v>0</v>
      </c>
      <c r="AN5385" s="111">
        <v>0</v>
      </c>
      <c r="AO5385" s="111">
        <v>0</v>
      </c>
      <c r="AP5385" s="111">
        <v>0</v>
      </c>
      <c r="AQ5385" s="111">
        <v>0</v>
      </c>
      <c r="AR5385" s="111">
        <v>0</v>
      </c>
      <c r="AS5385" s="111">
        <v>0</v>
      </c>
      <c r="AT5385" s="111" t="s">
        <v>174</v>
      </c>
      <c r="AU5385" s="111">
        <v>0</v>
      </c>
      <c r="AV5385" s="111">
        <v>0</v>
      </c>
      <c r="AW5385" s="111">
        <v>0</v>
      </c>
      <c r="AX5385" s="112"/>
      <c r="AY5385" s="112"/>
      <c r="AZ5385" s="112"/>
      <c r="BA5385" s="112"/>
      <c r="BB5385" s="107">
        <v>45884</v>
      </c>
    </row>
    <row r="5386" spans="1:54" s="8" customFormat="1" ht="13.95" customHeight="1" x14ac:dyDescent="0.25">
      <c r="A5386" s="229" t="s">
        <v>12582</v>
      </c>
      <c r="B5386" s="96" t="s">
        <v>11930</v>
      </c>
      <c r="C5386" s="93" t="s">
        <v>12583</v>
      </c>
      <c r="D5386" s="93" t="s">
        <v>12584</v>
      </c>
      <c r="E5386" s="111">
        <v>1955</v>
      </c>
      <c r="F5386" s="111">
        <v>7300</v>
      </c>
      <c r="G5386" s="93" t="s">
        <v>3</v>
      </c>
      <c r="H5386" s="111">
        <v>1</v>
      </c>
      <c r="I5386" s="111">
        <v>1</v>
      </c>
      <c r="J5386" s="111">
        <v>1</v>
      </c>
      <c r="K5386" s="111">
        <v>1</v>
      </c>
      <c r="L5386" s="111">
        <v>1</v>
      </c>
      <c r="M5386" s="252">
        <v>0</v>
      </c>
      <c r="N5386" s="111">
        <v>0</v>
      </c>
      <c r="O5386" s="111">
        <v>0</v>
      </c>
      <c r="P5386" s="252">
        <v>0</v>
      </c>
      <c r="Q5386" s="111">
        <v>0</v>
      </c>
      <c r="R5386" s="111">
        <v>0</v>
      </c>
      <c r="S5386" s="111">
        <v>0</v>
      </c>
      <c r="T5386" s="111">
        <v>0</v>
      </c>
      <c r="U5386" s="111">
        <v>0</v>
      </c>
      <c r="V5386" s="111">
        <v>0</v>
      </c>
      <c r="W5386" s="252">
        <v>0</v>
      </c>
      <c r="X5386" s="111">
        <v>0</v>
      </c>
      <c r="Y5386" s="111">
        <v>0</v>
      </c>
      <c r="Z5386" s="111">
        <v>0</v>
      </c>
      <c r="AA5386" s="111">
        <v>0</v>
      </c>
      <c r="AB5386" s="111">
        <v>0</v>
      </c>
      <c r="AC5386" s="111">
        <v>0</v>
      </c>
      <c r="AD5386" s="111">
        <v>0</v>
      </c>
      <c r="AE5386" s="111">
        <v>0</v>
      </c>
      <c r="AF5386" s="111">
        <v>0</v>
      </c>
      <c r="AG5386" s="111">
        <v>0</v>
      </c>
      <c r="AH5386" s="111">
        <v>0</v>
      </c>
      <c r="AI5386" s="111">
        <v>0</v>
      </c>
      <c r="AJ5386" s="111">
        <v>0</v>
      </c>
      <c r="AK5386" s="111">
        <v>0</v>
      </c>
      <c r="AL5386" s="111">
        <v>0</v>
      </c>
      <c r="AM5386" s="111">
        <v>0</v>
      </c>
      <c r="AN5386" s="111">
        <v>0</v>
      </c>
      <c r="AO5386" s="111">
        <v>0</v>
      </c>
      <c r="AP5386" s="111">
        <v>0</v>
      </c>
      <c r="AQ5386" s="111">
        <v>0</v>
      </c>
      <c r="AR5386" s="111">
        <v>0</v>
      </c>
      <c r="AS5386" s="111">
        <v>0</v>
      </c>
      <c r="AT5386" s="111" t="s">
        <v>174</v>
      </c>
      <c r="AU5386" s="111">
        <v>0</v>
      </c>
      <c r="AV5386" s="111">
        <v>0</v>
      </c>
      <c r="AW5386" s="111">
        <v>0</v>
      </c>
      <c r="AX5386" s="112"/>
      <c r="AY5386" s="112"/>
      <c r="AZ5386" s="112"/>
      <c r="BA5386" s="112"/>
      <c r="BB5386" s="107">
        <v>45884</v>
      </c>
    </row>
    <row r="5387" spans="1:54" s="8" customFormat="1" ht="13.95" customHeight="1" x14ac:dyDescent="0.25">
      <c r="A5387" s="229" t="s">
        <v>12585</v>
      </c>
      <c r="B5387" s="96" t="s">
        <v>11930</v>
      </c>
      <c r="C5387" s="93" t="s">
        <v>12586</v>
      </c>
      <c r="D5387" s="93" t="s">
        <v>12587</v>
      </c>
      <c r="E5387" s="111">
        <v>2002</v>
      </c>
      <c r="F5387" s="111">
        <v>11700</v>
      </c>
      <c r="G5387" s="93" t="s">
        <v>3</v>
      </c>
      <c r="H5387" s="111">
        <v>1</v>
      </c>
      <c r="I5387" s="111">
        <v>1</v>
      </c>
      <c r="J5387" s="111">
        <v>1</v>
      </c>
      <c r="K5387" s="111">
        <v>1</v>
      </c>
      <c r="L5387" s="111">
        <v>1</v>
      </c>
      <c r="M5387" s="111">
        <v>1</v>
      </c>
      <c r="N5387" s="111">
        <v>0</v>
      </c>
      <c r="O5387" s="111">
        <v>0</v>
      </c>
      <c r="P5387" s="111">
        <v>1</v>
      </c>
      <c r="Q5387" s="111">
        <v>1</v>
      </c>
      <c r="R5387" s="111">
        <v>0</v>
      </c>
      <c r="S5387" s="111">
        <v>0</v>
      </c>
      <c r="T5387" s="111">
        <v>0</v>
      </c>
      <c r="U5387" s="111">
        <v>0</v>
      </c>
      <c r="V5387" s="111">
        <v>0</v>
      </c>
      <c r="W5387" s="111">
        <v>0</v>
      </c>
      <c r="X5387" s="111">
        <v>0</v>
      </c>
      <c r="Y5387" s="111">
        <v>0</v>
      </c>
      <c r="Z5387" s="111">
        <v>0</v>
      </c>
      <c r="AA5387" s="111">
        <v>0</v>
      </c>
      <c r="AB5387" s="111">
        <v>0</v>
      </c>
      <c r="AC5387" s="111">
        <v>0</v>
      </c>
      <c r="AD5387" s="111">
        <v>0</v>
      </c>
      <c r="AE5387" s="111">
        <v>0</v>
      </c>
      <c r="AF5387" s="111">
        <v>0</v>
      </c>
      <c r="AG5387" s="111">
        <v>0</v>
      </c>
      <c r="AH5387" s="111">
        <v>0</v>
      </c>
      <c r="AI5387" s="111">
        <v>0</v>
      </c>
      <c r="AJ5387" s="111">
        <v>0</v>
      </c>
      <c r="AK5387" s="111">
        <v>0</v>
      </c>
      <c r="AL5387" s="111">
        <v>0</v>
      </c>
      <c r="AM5387" s="111">
        <v>0</v>
      </c>
      <c r="AN5387" s="111">
        <v>0</v>
      </c>
      <c r="AO5387" s="111">
        <v>0</v>
      </c>
      <c r="AP5387" s="111">
        <v>0</v>
      </c>
      <c r="AQ5387" s="111">
        <v>0</v>
      </c>
      <c r="AR5387" s="111">
        <v>0</v>
      </c>
      <c r="AS5387" s="111">
        <v>0</v>
      </c>
      <c r="AT5387" s="111" t="s">
        <v>174</v>
      </c>
      <c r="AU5387" s="111">
        <v>0</v>
      </c>
      <c r="AV5387" s="111">
        <v>0</v>
      </c>
      <c r="AW5387" s="111">
        <v>0</v>
      </c>
      <c r="AX5387" s="112"/>
      <c r="AY5387" s="112"/>
      <c r="AZ5387" s="112"/>
      <c r="BA5387" s="112"/>
      <c r="BB5387" s="107">
        <v>45884</v>
      </c>
    </row>
    <row r="5388" spans="1:54" s="8" customFormat="1" ht="13.95" customHeight="1" x14ac:dyDescent="0.25">
      <c r="A5388" s="229" t="s">
        <v>12588</v>
      </c>
      <c r="B5388" s="96" t="s">
        <v>11930</v>
      </c>
      <c r="C5388" s="93" t="s">
        <v>12589</v>
      </c>
      <c r="D5388" s="93" t="s">
        <v>12590</v>
      </c>
      <c r="E5388" s="111">
        <v>1955</v>
      </c>
      <c r="F5388" s="111">
        <v>11000</v>
      </c>
      <c r="G5388" s="93" t="s">
        <v>3</v>
      </c>
      <c r="H5388" s="111">
        <v>0</v>
      </c>
      <c r="I5388" s="111">
        <v>1</v>
      </c>
      <c r="J5388" s="111">
        <v>1</v>
      </c>
      <c r="K5388" s="111">
        <v>1</v>
      </c>
      <c r="L5388" s="111">
        <v>1</v>
      </c>
      <c r="M5388" s="111">
        <v>0</v>
      </c>
      <c r="N5388" s="111">
        <v>0</v>
      </c>
      <c r="O5388" s="111">
        <v>1</v>
      </c>
      <c r="P5388" s="111">
        <v>1</v>
      </c>
      <c r="Q5388" s="111">
        <v>0</v>
      </c>
      <c r="R5388" s="111">
        <v>1</v>
      </c>
      <c r="S5388" s="111">
        <v>0</v>
      </c>
      <c r="T5388" s="111">
        <v>0</v>
      </c>
      <c r="U5388" s="111">
        <v>0</v>
      </c>
      <c r="V5388" s="111">
        <v>0</v>
      </c>
      <c r="W5388" s="111">
        <v>0</v>
      </c>
      <c r="X5388" s="111">
        <v>0</v>
      </c>
      <c r="Y5388" s="111">
        <v>0</v>
      </c>
      <c r="Z5388" s="111">
        <v>0</v>
      </c>
      <c r="AA5388" s="111">
        <v>1</v>
      </c>
      <c r="AB5388" s="111">
        <v>0</v>
      </c>
      <c r="AC5388" s="111">
        <v>0</v>
      </c>
      <c r="AD5388" s="111">
        <v>0</v>
      </c>
      <c r="AE5388" s="111">
        <v>0</v>
      </c>
      <c r="AF5388" s="111">
        <v>0</v>
      </c>
      <c r="AG5388" s="111">
        <v>0</v>
      </c>
      <c r="AH5388" s="111">
        <v>0</v>
      </c>
      <c r="AI5388" s="111">
        <v>0</v>
      </c>
      <c r="AJ5388" s="111">
        <v>0</v>
      </c>
      <c r="AK5388" s="111">
        <v>0</v>
      </c>
      <c r="AL5388" s="111">
        <v>0</v>
      </c>
      <c r="AM5388" s="111">
        <v>0</v>
      </c>
      <c r="AN5388" s="111">
        <v>0</v>
      </c>
      <c r="AO5388" s="111">
        <v>0</v>
      </c>
      <c r="AP5388" s="111">
        <v>0</v>
      </c>
      <c r="AQ5388" s="111">
        <v>0</v>
      </c>
      <c r="AR5388" s="111">
        <v>0</v>
      </c>
      <c r="AS5388" s="111">
        <v>0</v>
      </c>
      <c r="AT5388" s="111" t="s">
        <v>174</v>
      </c>
      <c r="AU5388" s="111">
        <v>0</v>
      </c>
      <c r="AV5388" s="111">
        <v>0</v>
      </c>
      <c r="AW5388" s="111">
        <v>0</v>
      </c>
      <c r="AX5388" s="112"/>
      <c r="AY5388" s="112"/>
      <c r="AZ5388" s="112"/>
      <c r="BA5388" s="112"/>
      <c r="BB5388" s="107">
        <v>45884</v>
      </c>
    </row>
    <row r="5389" spans="1:54" s="8" customFormat="1" ht="13.95" customHeight="1" x14ac:dyDescent="0.25">
      <c r="A5389" s="229" t="s">
        <v>12591</v>
      </c>
      <c r="B5389" s="96" t="s">
        <v>11930</v>
      </c>
      <c r="C5389" s="93" t="s">
        <v>12592</v>
      </c>
      <c r="D5389" s="93" t="s">
        <v>12593</v>
      </c>
      <c r="E5389" s="111">
        <v>1955</v>
      </c>
      <c r="F5389" s="111">
        <v>12000</v>
      </c>
      <c r="G5389" s="93" t="s">
        <v>3</v>
      </c>
      <c r="H5389" s="111">
        <v>1</v>
      </c>
      <c r="I5389" s="111">
        <v>1</v>
      </c>
      <c r="J5389" s="111">
        <v>1</v>
      </c>
      <c r="K5389" s="111">
        <v>1</v>
      </c>
      <c r="L5389" s="111">
        <v>1</v>
      </c>
      <c r="M5389" s="111">
        <v>0</v>
      </c>
      <c r="N5389" s="111">
        <v>0</v>
      </c>
      <c r="O5389" s="111">
        <v>1</v>
      </c>
      <c r="P5389" s="111">
        <v>1</v>
      </c>
      <c r="Q5389" s="111">
        <v>0</v>
      </c>
      <c r="R5389" s="111">
        <v>1</v>
      </c>
      <c r="S5389" s="111">
        <v>0</v>
      </c>
      <c r="T5389" s="111">
        <v>0</v>
      </c>
      <c r="U5389" s="111">
        <v>0</v>
      </c>
      <c r="V5389" s="111">
        <v>0</v>
      </c>
      <c r="W5389" s="111">
        <v>0</v>
      </c>
      <c r="X5389" s="111">
        <v>0</v>
      </c>
      <c r="Y5389" s="111">
        <v>0</v>
      </c>
      <c r="Z5389" s="111">
        <v>0</v>
      </c>
      <c r="AA5389" s="111">
        <v>0</v>
      </c>
      <c r="AB5389" s="111">
        <v>0</v>
      </c>
      <c r="AC5389" s="111">
        <v>0</v>
      </c>
      <c r="AD5389" s="111">
        <v>0</v>
      </c>
      <c r="AE5389" s="111">
        <v>0</v>
      </c>
      <c r="AF5389" s="111">
        <v>0</v>
      </c>
      <c r="AG5389" s="111">
        <v>0</v>
      </c>
      <c r="AH5389" s="111">
        <v>0</v>
      </c>
      <c r="AI5389" s="111">
        <v>0</v>
      </c>
      <c r="AJ5389" s="111">
        <v>0</v>
      </c>
      <c r="AK5389" s="111">
        <v>0</v>
      </c>
      <c r="AL5389" s="111">
        <v>0</v>
      </c>
      <c r="AM5389" s="111">
        <v>0</v>
      </c>
      <c r="AN5389" s="111">
        <v>0</v>
      </c>
      <c r="AO5389" s="111">
        <v>0</v>
      </c>
      <c r="AP5389" s="111">
        <v>0</v>
      </c>
      <c r="AQ5389" s="111">
        <v>0</v>
      </c>
      <c r="AR5389" s="111">
        <v>0</v>
      </c>
      <c r="AS5389" s="111">
        <v>0</v>
      </c>
      <c r="AT5389" s="111" t="s">
        <v>174</v>
      </c>
      <c r="AU5389" s="111">
        <v>0</v>
      </c>
      <c r="AV5389" s="111">
        <v>0</v>
      </c>
      <c r="AW5389" s="111">
        <v>0</v>
      </c>
      <c r="AX5389" s="112"/>
      <c r="AY5389" s="112"/>
      <c r="AZ5389" s="112"/>
      <c r="BA5389" s="112"/>
      <c r="BB5389" s="107">
        <v>45884</v>
      </c>
    </row>
    <row r="5390" spans="1:54" s="8" customFormat="1" ht="13.95" customHeight="1" x14ac:dyDescent="0.25">
      <c r="A5390" s="229" t="s">
        <v>12594</v>
      </c>
      <c r="B5390" s="96" t="s">
        <v>11930</v>
      </c>
      <c r="C5390" s="93" t="s">
        <v>12595</v>
      </c>
      <c r="D5390" s="93" t="s">
        <v>24628</v>
      </c>
      <c r="E5390" s="111">
        <v>2011</v>
      </c>
      <c r="F5390" s="111">
        <v>10000</v>
      </c>
      <c r="G5390" s="93" t="s">
        <v>3</v>
      </c>
      <c r="H5390" s="111">
        <v>1</v>
      </c>
      <c r="I5390" s="111">
        <v>1</v>
      </c>
      <c r="J5390" s="111">
        <v>1</v>
      </c>
      <c r="K5390" s="111">
        <v>1</v>
      </c>
      <c r="L5390" s="111">
        <v>1</v>
      </c>
      <c r="M5390" s="111">
        <v>1</v>
      </c>
      <c r="N5390" s="111">
        <v>0</v>
      </c>
      <c r="O5390" s="111">
        <v>0</v>
      </c>
      <c r="P5390" s="111">
        <v>1</v>
      </c>
      <c r="Q5390" s="111">
        <v>0</v>
      </c>
      <c r="R5390" s="111">
        <v>0</v>
      </c>
      <c r="S5390" s="111">
        <v>0</v>
      </c>
      <c r="T5390" s="111">
        <v>0</v>
      </c>
      <c r="U5390" s="111">
        <v>0</v>
      </c>
      <c r="V5390" s="111">
        <v>0</v>
      </c>
      <c r="W5390" s="111">
        <v>0</v>
      </c>
      <c r="X5390" s="111">
        <v>0</v>
      </c>
      <c r="Y5390" s="111">
        <v>0</v>
      </c>
      <c r="Z5390" s="111">
        <v>0</v>
      </c>
      <c r="AA5390" s="111">
        <v>0</v>
      </c>
      <c r="AB5390" s="111">
        <v>0</v>
      </c>
      <c r="AC5390" s="111">
        <v>0</v>
      </c>
      <c r="AD5390" s="111">
        <v>0</v>
      </c>
      <c r="AE5390" s="111">
        <v>0</v>
      </c>
      <c r="AF5390" s="111">
        <v>0</v>
      </c>
      <c r="AG5390" s="111">
        <v>0</v>
      </c>
      <c r="AH5390" s="111">
        <v>0</v>
      </c>
      <c r="AI5390" s="111">
        <v>0</v>
      </c>
      <c r="AJ5390" s="111">
        <v>0</v>
      </c>
      <c r="AK5390" s="111">
        <v>0</v>
      </c>
      <c r="AL5390" s="111">
        <v>0</v>
      </c>
      <c r="AM5390" s="111">
        <v>0</v>
      </c>
      <c r="AN5390" s="111">
        <v>0</v>
      </c>
      <c r="AO5390" s="111">
        <v>0</v>
      </c>
      <c r="AP5390" s="111">
        <v>0</v>
      </c>
      <c r="AQ5390" s="111">
        <v>0</v>
      </c>
      <c r="AR5390" s="111">
        <v>0</v>
      </c>
      <c r="AS5390" s="111">
        <v>0</v>
      </c>
      <c r="AT5390" s="111" t="s">
        <v>174</v>
      </c>
      <c r="AU5390" s="111">
        <v>0</v>
      </c>
      <c r="AV5390" s="111">
        <v>0</v>
      </c>
      <c r="AW5390" s="111">
        <v>0</v>
      </c>
      <c r="AX5390" s="112"/>
      <c r="AY5390" s="112"/>
      <c r="AZ5390" s="112"/>
      <c r="BA5390" s="112"/>
      <c r="BB5390" s="107">
        <v>45884</v>
      </c>
    </row>
    <row r="5391" spans="1:54" s="8" customFormat="1" ht="13.95" customHeight="1" x14ac:dyDescent="0.25">
      <c r="A5391" s="229" t="s">
        <v>12596</v>
      </c>
      <c r="B5391" s="96" t="s">
        <v>11930</v>
      </c>
      <c r="C5391" s="93" t="s">
        <v>12597</v>
      </c>
      <c r="D5391" s="93" t="s">
        <v>12598</v>
      </c>
      <c r="E5391" s="111">
        <v>1964</v>
      </c>
      <c r="F5391" s="111">
        <v>122900</v>
      </c>
      <c r="G5391" s="93" t="s">
        <v>6</v>
      </c>
      <c r="H5391" s="111">
        <v>1</v>
      </c>
      <c r="I5391" s="111">
        <v>1</v>
      </c>
      <c r="J5391" s="111">
        <v>1</v>
      </c>
      <c r="K5391" s="111">
        <v>1</v>
      </c>
      <c r="L5391" s="111">
        <v>1</v>
      </c>
      <c r="M5391" s="111">
        <v>0</v>
      </c>
      <c r="N5391" s="111">
        <v>0</v>
      </c>
      <c r="O5391" s="111">
        <v>1</v>
      </c>
      <c r="P5391" s="111">
        <v>1</v>
      </c>
      <c r="Q5391" s="111">
        <v>0</v>
      </c>
      <c r="R5391" s="111">
        <v>1</v>
      </c>
      <c r="S5391" s="111">
        <v>0</v>
      </c>
      <c r="T5391" s="111">
        <v>0</v>
      </c>
      <c r="U5391" s="111">
        <v>0</v>
      </c>
      <c r="V5391" s="111">
        <v>0</v>
      </c>
      <c r="W5391" s="111">
        <v>1</v>
      </c>
      <c r="X5391" s="111">
        <v>0</v>
      </c>
      <c r="Y5391" s="111">
        <v>0</v>
      </c>
      <c r="Z5391" s="111">
        <v>0</v>
      </c>
      <c r="AA5391" s="111">
        <v>1</v>
      </c>
      <c r="AB5391" s="111">
        <v>0</v>
      </c>
      <c r="AC5391" s="111">
        <v>1</v>
      </c>
      <c r="AD5391" s="111">
        <v>0</v>
      </c>
      <c r="AE5391" s="111">
        <v>0</v>
      </c>
      <c r="AF5391" s="111">
        <v>1</v>
      </c>
      <c r="AG5391" s="111">
        <v>0</v>
      </c>
      <c r="AH5391" s="111">
        <v>0</v>
      </c>
      <c r="AI5391" s="111">
        <v>0</v>
      </c>
      <c r="AJ5391" s="111">
        <v>0</v>
      </c>
      <c r="AK5391" s="111">
        <v>0</v>
      </c>
      <c r="AL5391" s="111">
        <v>0</v>
      </c>
      <c r="AM5391" s="111">
        <v>0</v>
      </c>
      <c r="AN5391" s="111">
        <v>0</v>
      </c>
      <c r="AO5391" s="111">
        <v>0</v>
      </c>
      <c r="AP5391" s="111">
        <v>0</v>
      </c>
      <c r="AQ5391" s="111">
        <v>0</v>
      </c>
      <c r="AR5391" s="111">
        <v>0</v>
      </c>
      <c r="AS5391" s="111">
        <v>1</v>
      </c>
      <c r="AT5391" s="111">
        <v>1</v>
      </c>
      <c r="AU5391" s="111">
        <v>1</v>
      </c>
      <c r="AV5391" s="111">
        <v>0</v>
      </c>
      <c r="AW5391" s="111">
        <v>0</v>
      </c>
      <c r="AX5391" s="112" t="s">
        <v>22121</v>
      </c>
      <c r="AY5391" s="112"/>
      <c r="AZ5391" s="112"/>
      <c r="BA5391" s="112"/>
      <c r="BB5391" s="107">
        <v>45884</v>
      </c>
    </row>
    <row r="5392" spans="1:54" s="8" customFormat="1" ht="13.95" customHeight="1" x14ac:dyDescent="0.25">
      <c r="A5392" s="229" t="s">
        <v>12599</v>
      </c>
      <c r="B5392" s="96" t="s">
        <v>11930</v>
      </c>
      <c r="C5392" s="93" t="s">
        <v>21575</v>
      </c>
      <c r="D5392" s="93" t="s">
        <v>12600</v>
      </c>
      <c r="E5392" s="111">
        <v>1960</v>
      </c>
      <c r="F5392" s="111">
        <v>239400</v>
      </c>
      <c r="G5392" s="93" t="s">
        <v>10</v>
      </c>
      <c r="H5392" s="111">
        <v>1</v>
      </c>
      <c r="I5392" s="111">
        <v>1</v>
      </c>
      <c r="J5392" s="111">
        <v>1</v>
      </c>
      <c r="K5392" s="111">
        <v>0</v>
      </c>
      <c r="L5392" s="111">
        <v>0</v>
      </c>
      <c r="M5392" s="252">
        <v>1</v>
      </c>
      <c r="N5392" s="111">
        <v>0</v>
      </c>
      <c r="O5392" s="111">
        <v>1</v>
      </c>
      <c r="P5392" s="111">
        <v>1</v>
      </c>
      <c r="Q5392" s="111">
        <v>0</v>
      </c>
      <c r="R5392" s="111">
        <v>1</v>
      </c>
      <c r="S5392" s="111">
        <v>0</v>
      </c>
      <c r="T5392" s="111">
        <v>0</v>
      </c>
      <c r="U5392" s="111">
        <v>0</v>
      </c>
      <c r="V5392" s="111">
        <v>0</v>
      </c>
      <c r="W5392" s="111">
        <v>1</v>
      </c>
      <c r="X5392" s="111">
        <v>0</v>
      </c>
      <c r="Y5392" s="111">
        <v>0</v>
      </c>
      <c r="Z5392" s="111">
        <v>0</v>
      </c>
      <c r="AA5392" s="111">
        <v>0</v>
      </c>
      <c r="AB5392" s="111">
        <v>0</v>
      </c>
      <c r="AC5392" s="111">
        <v>0</v>
      </c>
      <c r="AD5392" s="111">
        <v>0</v>
      </c>
      <c r="AE5392" s="111">
        <v>0</v>
      </c>
      <c r="AF5392" s="111">
        <v>0</v>
      </c>
      <c r="AG5392" s="111">
        <v>0</v>
      </c>
      <c r="AH5392" s="111">
        <v>0</v>
      </c>
      <c r="AI5392" s="111">
        <v>0</v>
      </c>
      <c r="AJ5392" s="111">
        <v>0</v>
      </c>
      <c r="AK5392" s="111">
        <v>0</v>
      </c>
      <c r="AL5392" s="111">
        <v>0</v>
      </c>
      <c r="AM5392" s="111">
        <v>1</v>
      </c>
      <c r="AN5392" s="111">
        <v>1</v>
      </c>
      <c r="AO5392" s="111">
        <v>1</v>
      </c>
      <c r="AP5392" s="111">
        <v>0</v>
      </c>
      <c r="AQ5392" s="111">
        <v>0</v>
      </c>
      <c r="AR5392" s="111">
        <v>1</v>
      </c>
      <c r="AS5392" s="111">
        <v>0</v>
      </c>
      <c r="AT5392" s="111" t="s">
        <v>174</v>
      </c>
      <c r="AU5392" s="111">
        <v>1</v>
      </c>
      <c r="AV5392" s="111">
        <v>0</v>
      </c>
      <c r="AW5392" s="111">
        <v>0</v>
      </c>
      <c r="AX5392" s="112" t="s">
        <v>12601</v>
      </c>
      <c r="AY5392" s="112"/>
      <c r="AZ5392" s="112"/>
      <c r="BA5392" s="112"/>
      <c r="BB5392" s="107">
        <v>45884</v>
      </c>
    </row>
    <row r="5393" spans="1:54" s="8" customFormat="1" ht="13.95" customHeight="1" x14ac:dyDescent="0.25">
      <c r="A5393" s="229" t="s">
        <v>12602</v>
      </c>
      <c r="B5393" s="96" t="s">
        <v>11930</v>
      </c>
      <c r="C5393" s="93" t="s">
        <v>12603</v>
      </c>
      <c r="D5393" s="93" t="s">
        <v>12604</v>
      </c>
      <c r="E5393" s="111">
        <v>1978</v>
      </c>
      <c r="F5393" s="111">
        <v>104000</v>
      </c>
      <c r="G5393" s="93" t="s">
        <v>10</v>
      </c>
      <c r="H5393" s="111">
        <v>1</v>
      </c>
      <c r="I5393" s="111">
        <v>1</v>
      </c>
      <c r="J5393" s="111">
        <v>1</v>
      </c>
      <c r="K5393" s="111">
        <v>0</v>
      </c>
      <c r="L5393" s="111">
        <v>0</v>
      </c>
      <c r="M5393" s="111">
        <v>0</v>
      </c>
      <c r="N5393" s="111">
        <v>0</v>
      </c>
      <c r="O5393" s="111">
        <v>0</v>
      </c>
      <c r="P5393" s="111">
        <v>0</v>
      </c>
      <c r="Q5393" s="111">
        <v>0</v>
      </c>
      <c r="R5393" s="111">
        <v>0</v>
      </c>
      <c r="S5393" s="111">
        <v>0</v>
      </c>
      <c r="T5393" s="111">
        <v>0</v>
      </c>
      <c r="U5393" s="111">
        <v>0</v>
      </c>
      <c r="V5393" s="111">
        <v>0</v>
      </c>
      <c r="W5393" s="111">
        <v>0</v>
      </c>
      <c r="X5393" s="111">
        <v>0</v>
      </c>
      <c r="Y5393" s="111">
        <v>0</v>
      </c>
      <c r="Z5393" s="111">
        <v>0</v>
      </c>
      <c r="AA5393" s="111">
        <v>0</v>
      </c>
      <c r="AB5393" s="111">
        <v>0</v>
      </c>
      <c r="AC5393" s="111">
        <v>0</v>
      </c>
      <c r="AD5393" s="111">
        <v>0</v>
      </c>
      <c r="AE5393" s="111">
        <v>0</v>
      </c>
      <c r="AF5393" s="111">
        <v>0</v>
      </c>
      <c r="AG5393" s="111">
        <v>0</v>
      </c>
      <c r="AH5393" s="111">
        <v>0</v>
      </c>
      <c r="AI5393" s="111">
        <v>0</v>
      </c>
      <c r="AJ5393" s="111">
        <v>0</v>
      </c>
      <c r="AK5393" s="111">
        <v>0</v>
      </c>
      <c r="AL5393" s="111">
        <v>0</v>
      </c>
      <c r="AM5393" s="111">
        <v>0</v>
      </c>
      <c r="AN5393" s="111">
        <v>0</v>
      </c>
      <c r="AO5393" s="111">
        <v>0</v>
      </c>
      <c r="AP5393" s="111">
        <v>0</v>
      </c>
      <c r="AQ5393" s="111">
        <v>0</v>
      </c>
      <c r="AR5393" s="111">
        <v>0</v>
      </c>
      <c r="AS5393" s="111">
        <v>0</v>
      </c>
      <c r="AT5393" s="111" t="s">
        <v>174</v>
      </c>
      <c r="AU5393" s="111">
        <v>0</v>
      </c>
      <c r="AV5393" s="111">
        <v>0</v>
      </c>
      <c r="AW5393" s="111">
        <v>0</v>
      </c>
      <c r="AX5393" s="112" t="s">
        <v>22122</v>
      </c>
      <c r="AY5393" s="112" t="s">
        <v>12605</v>
      </c>
      <c r="AZ5393" s="112"/>
      <c r="BA5393" s="112"/>
      <c r="BB5393" s="107">
        <v>45884</v>
      </c>
    </row>
    <row r="5394" spans="1:54" s="8" customFormat="1" ht="13.95" customHeight="1" x14ac:dyDescent="0.25">
      <c r="A5394" s="229" t="s">
        <v>12606</v>
      </c>
      <c r="B5394" s="96" t="s">
        <v>11930</v>
      </c>
      <c r="C5394" s="93" t="s">
        <v>12607</v>
      </c>
      <c r="D5394" s="93" t="s">
        <v>12608</v>
      </c>
      <c r="E5394" s="111">
        <v>1989</v>
      </c>
      <c r="F5394" s="111">
        <v>2100</v>
      </c>
      <c r="G5394" s="93" t="s">
        <v>8</v>
      </c>
      <c r="H5394" s="111">
        <v>0</v>
      </c>
      <c r="I5394" s="111">
        <v>0</v>
      </c>
      <c r="J5394" s="111">
        <v>0</v>
      </c>
      <c r="K5394" s="111">
        <v>0</v>
      </c>
      <c r="L5394" s="111">
        <v>0</v>
      </c>
      <c r="M5394" s="111">
        <v>0</v>
      </c>
      <c r="N5394" s="111">
        <v>0</v>
      </c>
      <c r="O5394" s="111">
        <v>0</v>
      </c>
      <c r="P5394" s="111">
        <v>0</v>
      </c>
      <c r="Q5394" s="111">
        <v>0</v>
      </c>
      <c r="R5394" s="111">
        <v>0</v>
      </c>
      <c r="S5394" s="111">
        <v>0</v>
      </c>
      <c r="T5394" s="111">
        <v>0</v>
      </c>
      <c r="U5394" s="111">
        <v>0</v>
      </c>
      <c r="V5394" s="111">
        <v>0</v>
      </c>
      <c r="W5394" s="111">
        <v>0</v>
      </c>
      <c r="X5394" s="111">
        <v>0</v>
      </c>
      <c r="Y5394" s="111">
        <v>0</v>
      </c>
      <c r="Z5394" s="111">
        <v>0</v>
      </c>
      <c r="AA5394" s="111">
        <v>0</v>
      </c>
      <c r="AB5394" s="111">
        <v>0</v>
      </c>
      <c r="AC5394" s="111">
        <v>0</v>
      </c>
      <c r="AD5394" s="111">
        <v>0</v>
      </c>
      <c r="AE5394" s="111">
        <v>0</v>
      </c>
      <c r="AF5394" s="111">
        <v>0</v>
      </c>
      <c r="AG5394" s="111">
        <v>0</v>
      </c>
      <c r="AH5394" s="111">
        <v>0</v>
      </c>
      <c r="AI5394" s="111">
        <v>0</v>
      </c>
      <c r="AJ5394" s="111">
        <v>0</v>
      </c>
      <c r="AK5394" s="111">
        <v>0</v>
      </c>
      <c r="AL5394" s="111">
        <v>0</v>
      </c>
      <c r="AM5394" s="111">
        <v>0</v>
      </c>
      <c r="AN5394" s="111">
        <v>0</v>
      </c>
      <c r="AO5394" s="111">
        <v>0</v>
      </c>
      <c r="AP5394" s="111">
        <v>0</v>
      </c>
      <c r="AQ5394" s="111">
        <v>0</v>
      </c>
      <c r="AR5394" s="111">
        <v>0</v>
      </c>
      <c r="AS5394" s="111">
        <v>0</v>
      </c>
      <c r="AT5394" s="111" t="s">
        <v>174</v>
      </c>
      <c r="AU5394" s="111">
        <v>0</v>
      </c>
      <c r="AV5394" s="111">
        <v>0</v>
      </c>
      <c r="AW5394" s="111">
        <v>0</v>
      </c>
      <c r="AX5394" s="112"/>
      <c r="AY5394" s="112"/>
      <c r="AZ5394" s="112"/>
      <c r="BA5394" s="112"/>
      <c r="BB5394" s="107">
        <v>45884</v>
      </c>
    </row>
    <row r="5395" spans="1:54" s="8" customFormat="1" ht="13.95" customHeight="1" x14ac:dyDescent="0.25">
      <c r="A5395" s="229" t="s">
        <v>12609</v>
      </c>
      <c r="B5395" s="96" t="s">
        <v>11930</v>
      </c>
      <c r="C5395" s="93" t="s">
        <v>12610</v>
      </c>
      <c r="D5395" s="93" t="s">
        <v>12611</v>
      </c>
      <c r="E5395" s="111">
        <v>1974</v>
      </c>
      <c r="F5395" s="111">
        <v>13300</v>
      </c>
      <c r="G5395" s="93" t="s">
        <v>8</v>
      </c>
      <c r="H5395" s="111">
        <v>1</v>
      </c>
      <c r="I5395" s="111">
        <v>0</v>
      </c>
      <c r="J5395" s="111">
        <v>1</v>
      </c>
      <c r="K5395" s="111">
        <v>0</v>
      </c>
      <c r="L5395" s="111">
        <v>0</v>
      </c>
      <c r="M5395" s="111">
        <v>0</v>
      </c>
      <c r="N5395" s="111">
        <v>0</v>
      </c>
      <c r="O5395" s="111">
        <v>0</v>
      </c>
      <c r="P5395" s="111">
        <v>0</v>
      </c>
      <c r="Q5395" s="111">
        <v>0</v>
      </c>
      <c r="R5395" s="111">
        <v>0</v>
      </c>
      <c r="S5395" s="111">
        <v>1</v>
      </c>
      <c r="T5395" s="111">
        <v>0</v>
      </c>
      <c r="U5395" s="111">
        <v>0</v>
      </c>
      <c r="V5395" s="111">
        <v>0</v>
      </c>
      <c r="W5395" s="111">
        <v>0</v>
      </c>
      <c r="X5395" s="111">
        <v>0</v>
      </c>
      <c r="Y5395" s="111">
        <v>0</v>
      </c>
      <c r="Z5395" s="111">
        <v>0</v>
      </c>
      <c r="AA5395" s="111">
        <v>0</v>
      </c>
      <c r="AB5395" s="111">
        <v>0</v>
      </c>
      <c r="AC5395" s="111">
        <v>0</v>
      </c>
      <c r="AD5395" s="111">
        <v>0</v>
      </c>
      <c r="AE5395" s="111">
        <v>0</v>
      </c>
      <c r="AF5395" s="111">
        <v>0</v>
      </c>
      <c r="AG5395" s="111">
        <v>0</v>
      </c>
      <c r="AH5395" s="111">
        <v>0</v>
      </c>
      <c r="AI5395" s="111">
        <v>0</v>
      </c>
      <c r="AJ5395" s="111">
        <v>0</v>
      </c>
      <c r="AK5395" s="111">
        <v>0</v>
      </c>
      <c r="AL5395" s="111">
        <v>0</v>
      </c>
      <c r="AM5395" s="111">
        <v>0</v>
      </c>
      <c r="AN5395" s="111">
        <v>0</v>
      </c>
      <c r="AO5395" s="111">
        <v>0</v>
      </c>
      <c r="AP5395" s="111">
        <v>0</v>
      </c>
      <c r="AQ5395" s="111">
        <v>0</v>
      </c>
      <c r="AR5395" s="111">
        <v>0</v>
      </c>
      <c r="AS5395" s="111">
        <v>0</v>
      </c>
      <c r="AT5395" s="111" t="s">
        <v>174</v>
      </c>
      <c r="AU5395" s="111">
        <v>0</v>
      </c>
      <c r="AV5395" s="111">
        <v>0</v>
      </c>
      <c r="AW5395" s="111">
        <v>0</v>
      </c>
      <c r="AX5395" s="112"/>
      <c r="AY5395" s="112"/>
      <c r="AZ5395" s="112"/>
      <c r="BA5395" s="112"/>
      <c r="BB5395" s="107">
        <v>45884</v>
      </c>
    </row>
    <row r="5396" spans="1:54" s="8" customFormat="1" ht="13.95" customHeight="1" x14ac:dyDescent="0.25">
      <c r="A5396" s="229" t="s">
        <v>12612</v>
      </c>
      <c r="B5396" s="96" t="s">
        <v>11930</v>
      </c>
      <c r="C5396" s="93" t="s">
        <v>12613</v>
      </c>
      <c r="D5396" s="93" t="s">
        <v>12614</v>
      </c>
      <c r="E5396" s="111">
        <v>2000</v>
      </c>
      <c r="F5396" s="111">
        <v>400</v>
      </c>
      <c r="G5396" s="93" t="s">
        <v>8</v>
      </c>
      <c r="H5396" s="111">
        <v>0</v>
      </c>
      <c r="I5396" s="111">
        <v>0</v>
      </c>
      <c r="J5396" s="111">
        <v>0</v>
      </c>
      <c r="K5396" s="111">
        <v>0</v>
      </c>
      <c r="L5396" s="111">
        <v>0</v>
      </c>
      <c r="M5396" s="111">
        <v>0</v>
      </c>
      <c r="N5396" s="111">
        <v>0</v>
      </c>
      <c r="O5396" s="111">
        <v>0</v>
      </c>
      <c r="P5396" s="111">
        <v>0</v>
      </c>
      <c r="Q5396" s="111">
        <v>0</v>
      </c>
      <c r="R5396" s="111">
        <v>0</v>
      </c>
      <c r="S5396" s="111">
        <v>0</v>
      </c>
      <c r="T5396" s="111">
        <v>0</v>
      </c>
      <c r="U5396" s="111">
        <v>0</v>
      </c>
      <c r="V5396" s="111">
        <v>0</v>
      </c>
      <c r="W5396" s="111">
        <v>0</v>
      </c>
      <c r="X5396" s="111">
        <v>0</v>
      </c>
      <c r="Y5396" s="111">
        <v>0</v>
      </c>
      <c r="Z5396" s="111">
        <v>0</v>
      </c>
      <c r="AA5396" s="111">
        <v>0</v>
      </c>
      <c r="AB5396" s="111">
        <v>0</v>
      </c>
      <c r="AC5396" s="111">
        <v>0</v>
      </c>
      <c r="AD5396" s="111">
        <v>0</v>
      </c>
      <c r="AE5396" s="111">
        <v>0</v>
      </c>
      <c r="AF5396" s="111">
        <v>0</v>
      </c>
      <c r="AG5396" s="111">
        <v>0</v>
      </c>
      <c r="AH5396" s="111">
        <v>0</v>
      </c>
      <c r="AI5396" s="111">
        <v>0</v>
      </c>
      <c r="AJ5396" s="111">
        <v>0</v>
      </c>
      <c r="AK5396" s="111">
        <v>0</v>
      </c>
      <c r="AL5396" s="111">
        <v>0</v>
      </c>
      <c r="AM5396" s="111">
        <v>0</v>
      </c>
      <c r="AN5396" s="111">
        <v>0</v>
      </c>
      <c r="AO5396" s="111">
        <v>0</v>
      </c>
      <c r="AP5396" s="111">
        <v>0</v>
      </c>
      <c r="AQ5396" s="111">
        <v>0</v>
      </c>
      <c r="AR5396" s="111">
        <v>0</v>
      </c>
      <c r="AS5396" s="111">
        <v>0</v>
      </c>
      <c r="AT5396" s="111" t="s">
        <v>174</v>
      </c>
      <c r="AU5396" s="111">
        <v>0</v>
      </c>
      <c r="AV5396" s="111">
        <v>0</v>
      </c>
      <c r="AW5396" s="111">
        <v>0</v>
      </c>
      <c r="AX5396" s="112"/>
      <c r="AY5396" s="112"/>
      <c r="AZ5396" s="112"/>
      <c r="BA5396" s="112"/>
      <c r="BB5396" s="107">
        <v>45884</v>
      </c>
    </row>
    <row r="5397" spans="1:54" s="8" customFormat="1" ht="13.95" customHeight="1" x14ac:dyDescent="0.25">
      <c r="A5397" s="229" t="s">
        <v>12615</v>
      </c>
      <c r="B5397" s="96" t="s">
        <v>11930</v>
      </c>
      <c r="C5397" s="93" t="s">
        <v>12616</v>
      </c>
      <c r="D5397" s="93" t="s">
        <v>12617</v>
      </c>
      <c r="E5397" s="111">
        <v>2002</v>
      </c>
      <c r="F5397" s="111">
        <v>100</v>
      </c>
      <c r="G5397" s="93" t="s">
        <v>8</v>
      </c>
      <c r="H5397" s="111">
        <v>0</v>
      </c>
      <c r="I5397" s="111">
        <v>0</v>
      </c>
      <c r="J5397" s="111">
        <v>0</v>
      </c>
      <c r="K5397" s="111">
        <v>0</v>
      </c>
      <c r="L5397" s="111">
        <v>0</v>
      </c>
      <c r="M5397" s="111">
        <v>0</v>
      </c>
      <c r="N5397" s="111">
        <v>0</v>
      </c>
      <c r="O5397" s="111">
        <v>0</v>
      </c>
      <c r="P5397" s="111">
        <v>0</v>
      </c>
      <c r="Q5397" s="111">
        <v>0</v>
      </c>
      <c r="R5397" s="111">
        <v>0</v>
      </c>
      <c r="S5397" s="111">
        <v>0</v>
      </c>
      <c r="T5397" s="111">
        <v>0</v>
      </c>
      <c r="U5397" s="111">
        <v>0</v>
      </c>
      <c r="V5397" s="111">
        <v>0</v>
      </c>
      <c r="W5397" s="111">
        <v>0</v>
      </c>
      <c r="X5397" s="111">
        <v>0</v>
      </c>
      <c r="Y5397" s="111">
        <v>0</v>
      </c>
      <c r="Z5397" s="111">
        <v>0</v>
      </c>
      <c r="AA5397" s="111">
        <v>0</v>
      </c>
      <c r="AB5397" s="111">
        <v>0</v>
      </c>
      <c r="AC5397" s="111">
        <v>0</v>
      </c>
      <c r="AD5397" s="111">
        <v>0</v>
      </c>
      <c r="AE5397" s="111">
        <v>0</v>
      </c>
      <c r="AF5397" s="111">
        <v>0</v>
      </c>
      <c r="AG5397" s="111">
        <v>0</v>
      </c>
      <c r="AH5397" s="111">
        <v>0</v>
      </c>
      <c r="AI5397" s="111">
        <v>0</v>
      </c>
      <c r="AJ5397" s="111">
        <v>0</v>
      </c>
      <c r="AK5397" s="111">
        <v>0</v>
      </c>
      <c r="AL5397" s="111">
        <v>0</v>
      </c>
      <c r="AM5397" s="111">
        <v>0</v>
      </c>
      <c r="AN5397" s="111">
        <v>0</v>
      </c>
      <c r="AO5397" s="111">
        <v>0</v>
      </c>
      <c r="AP5397" s="111">
        <v>0</v>
      </c>
      <c r="AQ5397" s="111">
        <v>0</v>
      </c>
      <c r="AR5397" s="111">
        <v>0</v>
      </c>
      <c r="AS5397" s="111">
        <v>0</v>
      </c>
      <c r="AT5397" s="111" t="s">
        <v>174</v>
      </c>
      <c r="AU5397" s="111">
        <v>0</v>
      </c>
      <c r="AV5397" s="111">
        <v>0</v>
      </c>
      <c r="AW5397" s="111">
        <v>0</v>
      </c>
      <c r="AX5397" s="112"/>
      <c r="AY5397" s="112"/>
      <c r="AZ5397" s="112"/>
      <c r="BA5397" s="112"/>
      <c r="BB5397" s="107">
        <v>45884</v>
      </c>
    </row>
    <row r="5398" spans="1:54" s="8" customFormat="1" ht="13.95" customHeight="1" x14ac:dyDescent="0.25">
      <c r="A5398" s="229" t="s">
        <v>12618</v>
      </c>
      <c r="B5398" s="96" t="s">
        <v>11930</v>
      </c>
      <c r="C5398" s="93" t="s">
        <v>12619</v>
      </c>
      <c r="D5398" s="93" t="s">
        <v>24629</v>
      </c>
      <c r="E5398" s="111">
        <v>1982</v>
      </c>
      <c r="F5398" s="111">
        <v>3000</v>
      </c>
      <c r="G5398" s="93" t="s">
        <v>8</v>
      </c>
      <c r="H5398" s="111">
        <v>0</v>
      </c>
      <c r="I5398" s="111">
        <v>0</v>
      </c>
      <c r="J5398" s="111">
        <v>1</v>
      </c>
      <c r="K5398" s="111">
        <v>0</v>
      </c>
      <c r="L5398" s="111">
        <v>1</v>
      </c>
      <c r="M5398" s="111">
        <v>0</v>
      </c>
      <c r="N5398" s="111">
        <v>0</v>
      </c>
      <c r="O5398" s="111">
        <v>0</v>
      </c>
      <c r="P5398" s="111">
        <v>0</v>
      </c>
      <c r="Q5398" s="111">
        <v>0</v>
      </c>
      <c r="R5398" s="111">
        <v>0</v>
      </c>
      <c r="S5398" s="111">
        <v>0</v>
      </c>
      <c r="T5398" s="111">
        <v>0</v>
      </c>
      <c r="U5398" s="111">
        <v>0</v>
      </c>
      <c r="V5398" s="111">
        <v>0</v>
      </c>
      <c r="W5398" s="111">
        <v>0</v>
      </c>
      <c r="X5398" s="111">
        <v>0</v>
      </c>
      <c r="Y5398" s="111">
        <v>0</v>
      </c>
      <c r="Z5398" s="111">
        <v>0</v>
      </c>
      <c r="AA5398" s="111">
        <v>0</v>
      </c>
      <c r="AB5398" s="111">
        <v>0</v>
      </c>
      <c r="AC5398" s="111">
        <v>0</v>
      </c>
      <c r="AD5398" s="111">
        <v>0</v>
      </c>
      <c r="AE5398" s="111">
        <v>0</v>
      </c>
      <c r="AF5398" s="111">
        <v>0</v>
      </c>
      <c r="AG5398" s="111">
        <v>0</v>
      </c>
      <c r="AH5398" s="111">
        <v>0</v>
      </c>
      <c r="AI5398" s="111">
        <v>0</v>
      </c>
      <c r="AJ5398" s="111">
        <v>0</v>
      </c>
      <c r="AK5398" s="111">
        <v>0</v>
      </c>
      <c r="AL5398" s="111">
        <v>0</v>
      </c>
      <c r="AM5398" s="111">
        <v>0</v>
      </c>
      <c r="AN5398" s="111">
        <v>0</v>
      </c>
      <c r="AO5398" s="111">
        <v>0</v>
      </c>
      <c r="AP5398" s="111">
        <v>0</v>
      </c>
      <c r="AQ5398" s="111">
        <v>0</v>
      </c>
      <c r="AR5398" s="111">
        <v>0</v>
      </c>
      <c r="AS5398" s="111">
        <v>0</v>
      </c>
      <c r="AT5398" s="111" t="s">
        <v>174</v>
      </c>
      <c r="AU5398" s="111">
        <v>0</v>
      </c>
      <c r="AV5398" s="111">
        <v>0</v>
      </c>
      <c r="AW5398" s="111">
        <v>0</v>
      </c>
      <c r="AX5398" s="112"/>
      <c r="AY5398" s="112"/>
      <c r="AZ5398" s="112"/>
      <c r="BA5398" s="112"/>
      <c r="BB5398" s="107">
        <v>45884</v>
      </c>
    </row>
    <row r="5399" spans="1:54" s="8" customFormat="1" ht="13.95" customHeight="1" x14ac:dyDescent="0.25">
      <c r="A5399" s="229" t="s">
        <v>12620</v>
      </c>
      <c r="B5399" s="96" t="s">
        <v>11930</v>
      </c>
      <c r="C5399" s="93" t="s">
        <v>12621</v>
      </c>
      <c r="D5399" s="93" t="s">
        <v>24630</v>
      </c>
      <c r="E5399" s="111">
        <v>1991</v>
      </c>
      <c r="F5399" s="111">
        <v>100</v>
      </c>
      <c r="G5399" s="93" t="s">
        <v>8</v>
      </c>
      <c r="H5399" s="111">
        <v>0</v>
      </c>
      <c r="I5399" s="111">
        <v>0</v>
      </c>
      <c r="J5399" s="111">
        <v>0</v>
      </c>
      <c r="K5399" s="111">
        <v>0</v>
      </c>
      <c r="L5399" s="111">
        <v>0</v>
      </c>
      <c r="M5399" s="111">
        <v>0</v>
      </c>
      <c r="N5399" s="111">
        <v>0</v>
      </c>
      <c r="O5399" s="111">
        <v>0</v>
      </c>
      <c r="P5399" s="111">
        <v>0</v>
      </c>
      <c r="Q5399" s="111">
        <v>0</v>
      </c>
      <c r="R5399" s="111">
        <v>0</v>
      </c>
      <c r="S5399" s="111">
        <v>1</v>
      </c>
      <c r="T5399" s="111">
        <v>0</v>
      </c>
      <c r="U5399" s="111">
        <v>0</v>
      </c>
      <c r="V5399" s="111">
        <v>0</v>
      </c>
      <c r="W5399" s="111">
        <v>0</v>
      </c>
      <c r="X5399" s="111">
        <v>0</v>
      </c>
      <c r="Y5399" s="111">
        <v>0</v>
      </c>
      <c r="Z5399" s="111">
        <v>0</v>
      </c>
      <c r="AA5399" s="111">
        <v>0</v>
      </c>
      <c r="AB5399" s="111">
        <v>0</v>
      </c>
      <c r="AC5399" s="111">
        <v>0</v>
      </c>
      <c r="AD5399" s="111">
        <v>0</v>
      </c>
      <c r="AE5399" s="111">
        <v>0</v>
      </c>
      <c r="AF5399" s="111">
        <v>0</v>
      </c>
      <c r="AG5399" s="111">
        <v>0</v>
      </c>
      <c r="AH5399" s="111">
        <v>0</v>
      </c>
      <c r="AI5399" s="111">
        <v>0</v>
      </c>
      <c r="AJ5399" s="111">
        <v>0</v>
      </c>
      <c r="AK5399" s="111">
        <v>0</v>
      </c>
      <c r="AL5399" s="111">
        <v>0</v>
      </c>
      <c r="AM5399" s="111">
        <v>0</v>
      </c>
      <c r="AN5399" s="111">
        <v>0</v>
      </c>
      <c r="AO5399" s="111">
        <v>0</v>
      </c>
      <c r="AP5399" s="111">
        <v>0</v>
      </c>
      <c r="AQ5399" s="111">
        <v>0</v>
      </c>
      <c r="AR5399" s="111">
        <v>0</v>
      </c>
      <c r="AS5399" s="111">
        <v>0</v>
      </c>
      <c r="AT5399" s="111" t="s">
        <v>174</v>
      </c>
      <c r="AU5399" s="111">
        <v>0</v>
      </c>
      <c r="AV5399" s="111">
        <v>0</v>
      </c>
      <c r="AW5399" s="111">
        <v>0</v>
      </c>
      <c r="AX5399" s="112"/>
      <c r="AY5399" s="112"/>
      <c r="AZ5399" s="112"/>
      <c r="BA5399" s="112"/>
      <c r="BB5399" s="107">
        <v>45884</v>
      </c>
    </row>
    <row r="5400" spans="1:54" s="8" customFormat="1" ht="13.95" customHeight="1" x14ac:dyDescent="0.25">
      <c r="A5400" s="229" t="s">
        <v>12622</v>
      </c>
      <c r="B5400" s="96" t="s">
        <v>11930</v>
      </c>
      <c r="C5400" s="93" t="s">
        <v>12623</v>
      </c>
      <c r="D5400" s="93" t="s">
        <v>12624</v>
      </c>
      <c r="E5400" s="111">
        <v>2002</v>
      </c>
      <c r="F5400" s="111">
        <v>400</v>
      </c>
      <c r="G5400" s="93" t="s">
        <v>8</v>
      </c>
      <c r="H5400" s="111">
        <v>0</v>
      </c>
      <c r="I5400" s="111">
        <v>0</v>
      </c>
      <c r="J5400" s="111">
        <v>0</v>
      </c>
      <c r="K5400" s="111">
        <v>0</v>
      </c>
      <c r="L5400" s="111">
        <v>0</v>
      </c>
      <c r="M5400" s="111">
        <v>0</v>
      </c>
      <c r="N5400" s="111">
        <v>0</v>
      </c>
      <c r="O5400" s="111">
        <v>0</v>
      </c>
      <c r="P5400" s="111">
        <v>0</v>
      </c>
      <c r="Q5400" s="111">
        <v>0</v>
      </c>
      <c r="R5400" s="111">
        <v>0</v>
      </c>
      <c r="S5400" s="111">
        <v>0</v>
      </c>
      <c r="T5400" s="111">
        <v>0</v>
      </c>
      <c r="U5400" s="111">
        <v>0</v>
      </c>
      <c r="V5400" s="111">
        <v>0</v>
      </c>
      <c r="W5400" s="111">
        <v>0</v>
      </c>
      <c r="X5400" s="111">
        <v>0</v>
      </c>
      <c r="Y5400" s="111">
        <v>0</v>
      </c>
      <c r="Z5400" s="111">
        <v>0</v>
      </c>
      <c r="AA5400" s="111">
        <v>0</v>
      </c>
      <c r="AB5400" s="111">
        <v>0</v>
      </c>
      <c r="AC5400" s="111">
        <v>0</v>
      </c>
      <c r="AD5400" s="111">
        <v>0</v>
      </c>
      <c r="AE5400" s="111">
        <v>0</v>
      </c>
      <c r="AF5400" s="111">
        <v>0</v>
      </c>
      <c r="AG5400" s="111">
        <v>0</v>
      </c>
      <c r="AH5400" s="111">
        <v>0</v>
      </c>
      <c r="AI5400" s="111">
        <v>0</v>
      </c>
      <c r="AJ5400" s="111">
        <v>0</v>
      </c>
      <c r="AK5400" s="111">
        <v>0</v>
      </c>
      <c r="AL5400" s="111">
        <v>0</v>
      </c>
      <c r="AM5400" s="111">
        <v>0</v>
      </c>
      <c r="AN5400" s="111">
        <v>0</v>
      </c>
      <c r="AO5400" s="111">
        <v>0</v>
      </c>
      <c r="AP5400" s="111">
        <v>0</v>
      </c>
      <c r="AQ5400" s="111">
        <v>0</v>
      </c>
      <c r="AR5400" s="111">
        <v>0</v>
      </c>
      <c r="AS5400" s="111">
        <v>0</v>
      </c>
      <c r="AT5400" s="111" t="s">
        <v>174</v>
      </c>
      <c r="AU5400" s="111">
        <v>0</v>
      </c>
      <c r="AV5400" s="111">
        <v>0</v>
      </c>
      <c r="AW5400" s="111">
        <v>0</v>
      </c>
      <c r="AX5400" s="112"/>
      <c r="AY5400" s="112"/>
      <c r="AZ5400" s="112"/>
      <c r="BA5400" s="112"/>
      <c r="BB5400" s="107">
        <v>45884</v>
      </c>
    </row>
    <row r="5401" spans="1:54" s="8" customFormat="1" ht="13.5" customHeight="1" x14ac:dyDescent="0.25">
      <c r="A5401" s="229" t="s">
        <v>12625</v>
      </c>
      <c r="B5401" s="96" t="s">
        <v>11930</v>
      </c>
      <c r="C5401" s="93" t="s">
        <v>12626</v>
      </c>
      <c r="D5401" s="93" t="s">
        <v>12627</v>
      </c>
      <c r="E5401" s="111">
        <v>1992</v>
      </c>
      <c r="F5401" s="111">
        <v>600</v>
      </c>
      <c r="G5401" s="93" t="s">
        <v>8</v>
      </c>
      <c r="H5401" s="111">
        <v>0</v>
      </c>
      <c r="I5401" s="111">
        <v>0</v>
      </c>
      <c r="J5401" s="111">
        <v>0</v>
      </c>
      <c r="K5401" s="111">
        <v>0</v>
      </c>
      <c r="L5401" s="111">
        <v>0</v>
      </c>
      <c r="M5401" s="111">
        <v>0</v>
      </c>
      <c r="N5401" s="111">
        <v>0</v>
      </c>
      <c r="O5401" s="111">
        <v>0</v>
      </c>
      <c r="P5401" s="111">
        <v>0</v>
      </c>
      <c r="Q5401" s="111">
        <v>0</v>
      </c>
      <c r="R5401" s="111">
        <v>0</v>
      </c>
      <c r="S5401" s="111">
        <v>0</v>
      </c>
      <c r="T5401" s="111">
        <v>0</v>
      </c>
      <c r="U5401" s="111">
        <v>0</v>
      </c>
      <c r="V5401" s="111">
        <v>0</v>
      </c>
      <c r="W5401" s="111">
        <v>0</v>
      </c>
      <c r="X5401" s="111">
        <v>0</v>
      </c>
      <c r="Y5401" s="111">
        <v>0</v>
      </c>
      <c r="Z5401" s="111">
        <v>0</v>
      </c>
      <c r="AA5401" s="111">
        <v>0</v>
      </c>
      <c r="AB5401" s="111">
        <v>0</v>
      </c>
      <c r="AC5401" s="111">
        <v>0</v>
      </c>
      <c r="AD5401" s="111">
        <v>0</v>
      </c>
      <c r="AE5401" s="111">
        <v>0</v>
      </c>
      <c r="AF5401" s="111">
        <v>0</v>
      </c>
      <c r="AG5401" s="111">
        <v>0</v>
      </c>
      <c r="AH5401" s="111">
        <v>0</v>
      </c>
      <c r="AI5401" s="111">
        <v>0</v>
      </c>
      <c r="AJ5401" s="111">
        <v>0</v>
      </c>
      <c r="AK5401" s="111">
        <v>0</v>
      </c>
      <c r="AL5401" s="111">
        <v>0</v>
      </c>
      <c r="AM5401" s="111">
        <v>0</v>
      </c>
      <c r="AN5401" s="111">
        <v>0</v>
      </c>
      <c r="AO5401" s="111">
        <v>0</v>
      </c>
      <c r="AP5401" s="111">
        <v>0</v>
      </c>
      <c r="AQ5401" s="111">
        <v>0</v>
      </c>
      <c r="AR5401" s="111">
        <v>0</v>
      </c>
      <c r="AS5401" s="111">
        <v>0</v>
      </c>
      <c r="AT5401" s="111" t="s">
        <v>174</v>
      </c>
      <c r="AU5401" s="111">
        <v>0</v>
      </c>
      <c r="AV5401" s="111">
        <v>0</v>
      </c>
      <c r="AW5401" s="111">
        <v>0</v>
      </c>
      <c r="AX5401" s="112"/>
      <c r="AY5401" s="112"/>
      <c r="AZ5401" s="112"/>
      <c r="BA5401" s="112"/>
      <c r="BB5401" s="107">
        <v>45884</v>
      </c>
    </row>
    <row r="5402" spans="1:54" s="8" customFormat="1" ht="13.5" customHeight="1" x14ac:dyDescent="0.25">
      <c r="A5402" s="229" t="s">
        <v>12628</v>
      </c>
      <c r="B5402" s="96" t="s">
        <v>11930</v>
      </c>
      <c r="C5402" s="93" t="s">
        <v>12629</v>
      </c>
      <c r="D5402" s="93" t="s">
        <v>12630</v>
      </c>
      <c r="E5402" s="111">
        <v>1987</v>
      </c>
      <c r="F5402" s="111">
        <v>900</v>
      </c>
      <c r="G5402" s="93" t="s">
        <v>8</v>
      </c>
      <c r="H5402" s="111">
        <v>0</v>
      </c>
      <c r="I5402" s="111">
        <v>0</v>
      </c>
      <c r="J5402" s="111">
        <v>1</v>
      </c>
      <c r="K5402" s="111">
        <v>0</v>
      </c>
      <c r="L5402" s="111">
        <v>0</v>
      </c>
      <c r="M5402" s="111">
        <v>0</v>
      </c>
      <c r="N5402" s="111">
        <v>0</v>
      </c>
      <c r="O5402" s="111">
        <v>0</v>
      </c>
      <c r="P5402" s="111">
        <v>1</v>
      </c>
      <c r="Q5402" s="111">
        <v>0</v>
      </c>
      <c r="R5402" s="111">
        <v>1</v>
      </c>
      <c r="S5402" s="111">
        <v>0</v>
      </c>
      <c r="T5402" s="111">
        <v>0</v>
      </c>
      <c r="U5402" s="111">
        <v>0</v>
      </c>
      <c r="V5402" s="111">
        <v>0</v>
      </c>
      <c r="W5402" s="111">
        <v>0</v>
      </c>
      <c r="X5402" s="111">
        <v>0</v>
      </c>
      <c r="Y5402" s="111">
        <v>0</v>
      </c>
      <c r="Z5402" s="111">
        <v>0</v>
      </c>
      <c r="AA5402" s="111">
        <v>0</v>
      </c>
      <c r="AB5402" s="111">
        <v>0</v>
      </c>
      <c r="AC5402" s="111">
        <v>0</v>
      </c>
      <c r="AD5402" s="111">
        <v>0</v>
      </c>
      <c r="AE5402" s="111">
        <v>0</v>
      </c>
      <c r="AF5402" s="111">
        <v>0</v>
      </c>
      <c r="AG5402" s="111">
        <v>0</v>
      </c>
      <c r="AH5402" s="111">
        <v>0</v>
      </c>
      <c r="AI5402" s="111">
        <v>0</v>
      </c>
      <c r="AJ5402" s="111">
        <v>0</v>
      </c>
      <c r="AK5402" s="111">
        <v>0</v>
      </c>
      <c r="AL5402" s="111">
        <v>0</v>
      </c>
      <c r="AM5402" s="111">
        <v>0</v>
      </c>
      <c r="AN5402" s="111">
        <v>0</v>
      </c>
      <c r="AO5402" s="111">
        <v>0</v>
      </c>
      <c r="AP5402" s="111">
        <v>0</v>
      </c>
      <c r="AQ5402" s="111">
        <v>0</v>
      </c>
      <c r="AR5402" s="111">
        <v>0</v>
      </c>
      <c r="AS5402" s="111">
        <v>0</v>
      </c>
      <c r="AT5402" s="111" t="s">
        <v>174</v>
      </c>
      <c r="AU5402" s="111">
        <v>0</v>
      </c>
      <c r="AV5402" s="111">
        <v>0</v>
      </c>
      <c r="AW5402" s="111">
        <v>0</v>
      </c>
      <c r="AX5402" s="112"/>
      <c r="AY5402" s="112"/>
      <c r="AZ5402" s="112"/>
      <c r="BA5402" s="112"/>
      <c r="BB5402" s="107">
        <v>45884</v>
      </c>
    </row>
    <row r="5403" spans="1:54" s="8" customFormat="1" ht="13.5" customHeight="1" x14ac:dyDescent="0.25">
      <c r="A5403" s="229" t="s">
        <v>12631</v>
      </c>
      <c r="B5403" s="96" t="s">
        <v>11930</v>
      </c>
      <c r="C5403" s="93" t="s">
        <v>12632</v>
      </c>
      <c r="D5403" s="93" t="s">
        <v>12633</v>
      </c>
      <c r="E5403" s="111">
        <v>1985</v>
      </c>
      <c r="F5403" s="111">
        <v>800</v>
      </c>
      <c r="G5403" s="93" t="s">
        <v>8</v>
      </c>
      <c r="H5403" s="111">
        <v>1</v>
      </c>
      <c r="I5403" s="111">
        <v>0</v>
      </c>
      <c r="J5403" s="111">
        <v>1</v>
      </c>
      <c r="K5403" s="111">
        <v>0</v>
      </c>
      <c r="L5403" s="111">
        <v>0</v>
      </c>
      <c r="M5403" s="111">
        <v>0</v>
      </c>
      <c r="N5403" s="111">
        <v>0</v>
      </c>
      <c r="O5403" s="111">
        <v>0</v>
      </c>
      <c r="P5403" s="111">
        <v>0</v>
      </c>
      <c r="Q5403" s="111">
        <v>0</v>
      </c>
      <c r="R5403" s="111">
        <v>0</v>
      </c>
      <c r="S5403" s="111">
        <v>0</v>
      </c>
      <c r="T5403" s="111">
        <v>0</v>
      </c>
      <c r="U5403" s="111">
        <v>0</v>
      </c>
      <c r="V5403" s="111">
        <v>0</v>
      </c>
      <c r="W5403" s="111">
        <v>0</v>
      </c>
      <c r="X5403" s="111">
        <v>0</v>
      </c>
      <c r="Y5403" s="111">
        <v>0</v>
      </c>
      <c r="Z5403" s="111">
        <v>0</v>
      </c>
      <c r="AA5403" s="111">
        <v>0</v>
      </c>
      <c r="AB5403" s="111">
        <v>0</v>
      </c>
      <c r="AC5403" s="111">
        <v>0</v>
      </c>
      <c r="AD5403" s="111">
        <v>0</v>
      </c>
      <c r="AE5403" s="111">
        <v>0</v>
      </c>
      <c r="AF5403" s="111">
        <v>0</v>
      </c>
      <c r="AG5403" s="111">
        <v>0</v>
      </c>
      <c r="AH5403" s="111">
        <v>0</v>
      </c>
      <c r="AI5403" s="111">
        <v>0</v>
      </c>
      <c r="AJ5403" s="111">
        <v>0</v>
      </c>
      <c r="AK5403" s="111">
        <v>0</v>
      </c>
      <c r="AL5403" s="111">
        <v>0</v>
      </c>
      <c r="AM5403" s="111">
        <v>0</v>
      </c>
      <c r="AN5403" s="111">
        <v>0</v>
      </c>
      <c r="AO5403" s="111">
        <v>0</v>
      </c>
      <c r="AP5403" s="111">
        <v>0</v>
      </c>
      <c r="AQ5403" s="111">
        <v>0</v>
      </c>
      <c r="AR5403" s="111">
        <v>0</v>
      </c>
      <c r="AS5403" s="111">
        <v>0</v>
      </c>
      <c r="AT5403" s="111" t="s">
        <v>174</v>
      </c>
      <c r="AU5403" s="111">
        <v>0</v>
      </c>
      <c r="AV5403" s="111">
        <v>0</v>
      </c>
      <c r="AW5403" s="111">
        <v>0</v>
      </c>
      <c r="AX5403" s="112"/>
      <c r="AY5403" s="112"/>
      <c r="AZ5403" s="112"/>
      <c r="BA5403" s="112"/>
      <c r="BB5403" s="107">
        <v>45884</v>
      </c>
    </row>
    <row r="5404" spans="1:54" s="8" customFormat="1" ht="13.5" customHeight="1" x14ac:dyDescent="0.25">
      <c r="A5404" s="229" t="s">
        <v>12634</v>
      </c>
      <c r="B5404" s="96" t="s">
        <v>11930</v>
      </c>
      <c r="C5404" s="93" t="s">
        <v>12635</v>
      </c>
      <c r="D5404" s="93" t="s">
        <v>12636</v>
      </c>
      <c r="E5404" s="111">
        <v>1984</v>
      </c>
      <c r="F5404" s="111">
        <v>1000</v>
      </c>
      <c r="G5404" s="93" t="s">
        <v>8</v>
      </c>
      <c r="H5404" s="111">
        <v>0</v>
      </c>
      <c r="I5404" s="111">
        <v>0</v>
      </c>
      <c r="J5404" s="111">
        <v>1</v>
      </c>
      <c r="K5404" s="111">
        <v>0</v>
      </c>
      <c r="L5404" s="111">
        <v>1</v>
      </c>
      <c r="M5404" s="111">
        <v>0</v>
      </c>
      <c r="N5404" s="111">
        <v>0</v>
      </c>
      <c r="O5404" s="111">
        <v>1</v>
      </c>
      <c r="P5404" s="111">
        <v>1</v>
      </c>
      <c r="Q5404" s="111">
        <v>0</v>
      </c>
      <c r="R5404" s="111">
        <v>1</v>
      </c>
      <c r="S5404" s="111">
        <v>0</v>
      </c>
      <c r="T5404" s="111">
        <v>0</v>
      </c>
      <c r="U5404" s="111">
        <v>0</v>
      </c>
      <c r="V5404" s="111">
        <v>0</v>
      </c>
      <c r="W5404" s="111">
        <v>0</v>
      </c>
      <c r="X5404" s="111">
        <v>0</v>
      </c>
      <c r="Y5404" s="111">
        <v>0</v>
      </c>
      <c r="Z5404" s="111">
        <v>0</v>
      </c>
      <c r="AA5404" s="111">
        <v>0</v>
      </c>
      <c r="AB5404" s="111">
        <v>0</v>
      </c>
      <c r="AC5404" s="111">
        <v>0</v>
      </c>
      <c r="AD5404" s="111">
        <v>0</v>
      </c>
      <c r="AE5404" s="111">
        <v>0</v>
      </c>
      <c r="AF5404" s="111">
        <v>0</v>
      </c>
      <c r="AG5404" s="111">
        <v>0</v>
      </c>
      <c r="AH5404" s="111">
        <v>0</v>
      </c>
      <c r="AI5404" s="111">
        <v>0</v>
      </c>
      <c r="AJ5404" s="111">
        <v>0</v>
      </c>
      <c r="AK5404" s="111">
        <v>0</v>
      </c>
      <c r="AL5404" s="111">
        <v>0</v>
      </c>
      <c r="AM5404" s="111">
        <v>0</v>
      </c>
      <c r="AN5404" s="111">
        <v>0</v>
      </c>
      <c r="AO5404" s="111">
        <v>0</v>
      </c>
      <c r="AP5404" s="111">
        <v>0</v>
      </c>
      <c r="AQ5404" s="111">
        <v>0</v>
      </c>
      <c r="AR5404" s="111">
        <v>0</v>
      </c>
      <c r="AS5404" s="111">
        <v>0</v>
      </c>
      <c r="AT5404" s="111" t="s">
        <v>174</v>
      </c>
      <c r="AU5404" s="111">
        <v>0</v>
      </c>
      <c r="AV5404" s="111">
        <v>0</v>
      </c>
      <c r="AW5404" s="111">
        <v>0</v>
      </c>
      <c r="AX5404" s="112"/>
      <c r="AY5404" s="112"/>
      <c r="AZ5404" s="112"/>
      <c r="BA5404" s="112"/>
      <c r="BB5404" s="107">
        <v>45884</v>
      </c>
    </row>
    <row r="5405" spans="1:54" s="8" customFormat="1" ht="13.5" customHeight="1" x14ac:dyDescent="0.25">
      <c r="A5405" s="229" t="s">
        <v>12637</v>
      </c>
      <c r="B5405" s="96" t="s">
        <v>11930</v>
      </c>
      <c r="C5405" s="93" t="s">
        <v>12638</v>
      </c>
      <c r="D5405" s="93" t="s">
        <v>12639</v>
      </c>
      <c r="E5405" s="111">
        <v>1982</v>
      </c>
      <c r="F5405" s="111">
        <v>8000</v>
      </c>
      <c r="G5405" s="93" t="s">
        <v>8</v>
      </c>
      <c r="H5405" s="111">
        <v>1</v>
      </c>
      <c r="I5405" s="111">
        <v>1</v>
      </c>
      <c r="J5405" s="111">
        <v>1</v>
      </c>
      <c r="K5405" s="111">
        <v>0</v>
      </c>
      <c r="L5405" s="111">
        <v>0</v>
      </c>
      <c r="M5405" s="111">
        <v>0</v>
      </c>
      <c r="N5405" s="111">
        <v>0</v>
      </c>
      <c r="O5405" s="111">
        <v>0</v>
      </c>
      <c r="P5405" s="111">
        <v>0</v>
      </c>
      <c r="Q5405" s="111">
        <v>0</v>
      </c>
      <c r="R5405" s="111">
        <v>0</v>
      </c>
      <c r="S5405" s="111">
        <v>0</v>
      </c>
      <c r="T5405" s="111">
        <v>0</v>
      </c>
      <c r="U5405" s="111">
        <v>0</v>
      </c>
      <c r="V5405" s="111">
        <v>0</v>
      </c>
      <c r="W5405" s="111">
        <v>0</v>
      </c>
      <c r="X5405" s="111">
        <v>0</v>
      </c>
      <c r="Y5405" s="111">
        <v>0</v>
      </c>
      <c r="Z5405" s="111">
        <v>0</v>
      </c>
      <c r="AA5405" s="111">
        <v>0</v>
      </c>
      <c r="AB5405" s="111">
        <v>0</v>
      </c>
      <c r="AC5405" s="111">
        <v>0</v>
      </c>
      <c r="AD5405" s="111">
        <v>0</v>
      </c>
      <c r="AE5405" s="111">
        <v>0</v>
      </c>
      <c r="AF5405" s="111">
        <v>0</v>
      </c>
      <c r="AG5405" s="111">
        <v>0</v>
      </c>
      <c r="AH5405" s="111">
        <v>0</v>
      </c>
      <c r="AI5405" s="111">
        <v>0</v>
      </c>
      <c r="AJ5405" s="111">
        <v>0</v>
      </c>
      <c r="AK5405" s="111">
        <v>0</v>
      </c>
      <c r="AL5405" s="111">
        <v>0</v>
      </c>
      <c r="AM5405" s="111">
        <v>0</v>
      </c>
      <c r="AN5405" s="111">
        <v>0</v>
      </c>
      <c r="AO5405" s="111">
        <v>0</v>
      </c>
      <c r="AP5405" s="111">
        <v>0</v>
      </c>
      <c r="AQ5405" s="111">
        <v>0</v>
      </c>
      <c r="AR5405" s="111">
        <v>0</v>
      </c>
      <c r="AS5405" s="111">
        <v>0</v>
      </c>
      <c r="AT5405" s="111" t="s">
        <v>174</v>
      </c>
      <c r="AU5405" s="111">
        <v>0</v>
      </c>
      <c r="AV5405" s="111">
        <v>0</v>
      </c>
      <c r="AW5405" s="111">
        <v>0</v>
      </c>
      <c r="AX5405" s="112"/>
      <c r="AY5405" s="112"/>
      <c r="AZ5405" s="112"/>
      <c r="BA5405" s="112"/>
      <c r="BB5405" s="107">
        <v>45884</v>
      </c>
    </row>
    <row r="5406" spans="1:54" s="8" customFormat="1" ht="13.5" customHeight="1" x14ac:dyDescent="0.25">
      <c r="A5406" s="229" t="s">
        <v>12640</v>
      </c>
      <c r="B5406" s="96" t="s">
        <v>11930</v>
      </c>
      <c r="C5406" s="93" t="s">
        <v>12641</v>
      </c>
      <c r="D5406" s="93" t="s">
        <v>12642</v>
      </c>
      <c r="E5406" s="111">
        <v>1989</v>
      </c>
      <c r="F5406" s="111">
        <v>600</v>
      </c>
      <c r="G5406" s="93" t="s">
        <v>8</v>
      </c>
      <c r="H5406" s="111">
        <v>0</v>
      </c>
      <c r="I5406" s="111">
        <v>0</v>
      </c>
      <c r="J5406" s="111">
        <v>0</v>
      </c>
      <c r="K5406" s="111">
        <v>0</v>
      </c>
      <c r="L5406" s="111">
        <v>0</v>
      </c>
      <c r="M5406" s="111">
        <v>0</v>
      </c>
      <c r="N5406" s="111">
        <v>0</v>
      </c>
      <c r="O5406" s="111">
        <v>0</v>
      </c>
      <c r="P5406" s="111">
        <v>0</v>
      </c>
      <c r="Q5406" s="111">
        <v>0</v>
      </c>
      <c r="R5406" s="111">
        <v>0</v>
      </c>
      <c r="S5406" s="111">
        <v>0</v>
      </c>
      <c r="T5406" s="111">
        <v>0</v>
      </c>
      <c r="U5406" s="111">
        <v>0</v>
      </c>
      <c r="V5406" s="111">
        <v>0</v>
      </c>
      <c r="W5406" s="111">
        <v>0</v>
      </c>
      <c r="X5406" s="111">
        <v>0</v>
      </c>
      <c r="Y5406" s="111">
        <v>0</v>
      </c>
      <c r="Z5406" s="111">
        <v>0</v>
      </c>
      <c r="AA5406" s="111">
        <v>0</v>
      </c>
      <c r="AB5406" s="111">
        <v>0</v>
      </c>
      <c r="AC5406" s="111">
        <v>0</v>
      </c>
      <c r="AD5406" s="111">
        <v>0</v>
      </c>
      <c r="AE5406" s="111">
        <v>0</v>
      </c>
      <c r="AF5406" s="111">
        <v>0</v>
      </c>
      <c r="AG5406" s="111">
        <v>0</v>
      </c>
      <c r="AH5406" s="111">
        <v>0</v>
      </c>
      <c r="AI5406" s="111">
        <v>0</v>
      </c>
      <c r="AJ5406" s="111">
        <v>0</v>
      </c>
      <c r="AK5406" s="111">
        <v>0</v>
      </c>
      <c r="AL5406" s="111">
        <v>0</v>
      </c>
      <c r="AM5406" s="111">
        <v>0</v>
      </c>
      <c r="AN5406" s="111">
        <v>0</v>
      </c>
      <c r="AO5406" s="111">
        <v>0</v>
      </c>
      <c r="AP5406" s="111">
        <v>0</v>
      </c>
      <c r="AQ5406" s="111">
        <v>0</v>
      </c>
      <c r="AR5406" s="111">
        <v>0</v>
      </c>
      <c r="AS5406" s="111">
        <v>0</v>
      </c>
      <c r="AT5406" s="111" t="s">
        <v>174</v>
      </c>
      <c r="AU5406" s="111">
        <v>0</v>
      </c>
      <c r="AV5406" s="111">
        <v>0</v>
      </c>
      <c r="AW5406" s="111">
        <v>0</v>
      </c>
      <c r="AX5406" s="112"/>
      <c r="AY5406" s="112"/>
      <c r="AZ5406" s="112"/>
      <c r="BA5406" s="112"/>
      <c r="BB5406" s="107">
        <v>45884</v>
      </c>
    </row>
    <row r="5407" spans="1:54" s="8" customFormat="1" ht="13.5" customHeight="1" x14ac:dyDescent="0.25">
      <c r="A5407" s="229" t="s">
        <v>12643</v>
      </c>
      <c r="B5407" s="96" t="s">
        <v>11930</v>
      </c>
      <c r="C5407" s="93" t="s">
        <v>12644</v>
      </c>
      <c r="D5407" s="93" t="s">
        <v>12645</v>
      </c>
      <c r="E5407" s="111">
        <v>1991</v>
      </c>
      <c r="F5407" s="111">
        <v>100</v>
      </c>
      <c r="G5407" s="93" t="s">
        <v>8</v>
      </c>
      <c r="H5407" s="111">
        <v>0</v>
      </c>
      <c r="I5407" s="111">
        <v>0</v>
      </c>
      <c r="J5407" s="111">
        <v>0</v>
      </c>
      <c r="K5407" s="111">
        <v>0</v>
      </c>
      <c r="L5407" s="111">
        <v>0</v>
      </c>
      <c r="M5407" s="111">
        <v>0</v>
      </c>
      <c r="N5407" s="111">
        <v>0</v>
      </c>
      <c r="O5407" s="111">
        <v>0</v>
      </c>
      <c r="P5407" s="111">
        <v>0</v>
      </c>
      <c r="Q5407" s="111">
        <v>0</v>
      </c>
      <c r="R5407" s="111">
        <v>0</v>
      </c>
      <c r="S5407" s="111">
        <v>0</v>
      </c>
      <c r="T5407" s="111">
        <v>0</v>
      </c>
      <c r="U5407" s="111">
        <v>0</v>
      </c>
      <c r="V5407" s="111">
        <v>0</v>
      </c>
      <c r="W5407" s="111">
        <v>0</v>
      </c>
      <c r="X5407" s="111">
        <v>0</v>
      </c>
      <c r="Y5407" s="111">
        <v>0</v>
      </c>
      <c r="Z5407" s="111">
        <v>0</v>
      </c>
      <c r="AA5407" s="111">
        <v>0</v>
      </c>
      <c r="AB5407" s="111">
        <v>0</v>
      </c>
      <c r="AC5407" s="111">
        <v>0</v>
      </c>
      <c r="AD5407" s="111">
        <v>0</v>
      </c>
      <c r="AE5407" s="111">
        <v>0</v>
      </c>
      <c r="AF5407" s="111">
        <v>0</v>
      </c>
      <c r="AG5407" s="111">
        <v>0</v>
      </c>
      <c r="AH5407" s="111">
        <v>0</v>
      </c>
      <c r="AI5407" s="111">
        <v>0</v>
      </c>
      <c r="AJ5407" s="111">
        <v>0</v>
      </c>
      <c r="AK5407" s="111">
        <v>0</v>
      </c>
      <c r="AL5407" s="111">
        <v>0</v>
      </c>
      <c r="AM5407" s="111">
        <v>0</v>
      </c>
      <c r="AN5407" s="111">
        <v>0</v>
      </c>
      <c r="AO5407" s="111">
        <v>0</v>
      </c>
      <c r="AP5407" s="111">
        <v>0</v>
      </c>
      <c r="AQ5407" s="111">
        <v>0</v>
      </c>
      <c r="AR5407" s="111">
        <v>0</v>
      </c>
      <c r="AS5407" s="111">
        <v>0</v>
      </c>
      <c r="AT5407" s="111" t="s">
        <v>174</v>
      </c>
      <c r="AU5407" s="111">
        <v>0</v>
      </c>
      <c r="AV5407" s="111">
        <v>0</v>
      </c>
      <c r="AW5407" s="111">
        <v>0</v>
      </c>
      <c r="AX5407" s="112"/>
      <c r="AY5407" s="112"/>
      <c r="AZ5407" s="112"/>
      <c r="BA5407" s="112"/>
      <c r="BB5407" s="107">
        <v>45884</v>
      </c>
    </row>
    <row r="5408" spans="1:54" s="8" customFormat="1" ht="13.5" customHeight="1" x14ac:dyDescent="0.25">
      <c r="A5408" s="229" t="s">
        <v>12646</v>
      </c>
      <c r="B5408" s="96" t="s">
        <v>11930</v>
      </c>
      <c r="C5408" s="93" t="s">
        <v>12647</v>
      </c>
      <c r="D5408" s="93" t="s">
        <v>12648</v>
      </c>
      <c r="E5408" s="111">
        <v>1991</v>
      </c>
      <c r="F5408" s="111">
        <v>100</v>
      </c>
      <c r="G5408" s="93" t="s">
        <v>8</v>
      </c>
      <c r="H5408" s="111">
        <v>0</v>
      </c>
      <c r="I5408" s="111">
        <v>0</v>
      </c>
      <c r="J5408" s="111">
        <v>0</v>
      </c>
      <c r="K5408" s="111">
        <v>0</v>
      </c>
      <c r="L5408" s="111">
        <v>0</v>
      </c>
      <c r="M5408" s="111">
        <v>0</v>
      </c>
      <c r="N5408" s="111">
        <v>0</v>
      </c>
      <c r="O5408" s="111">
        <v>0</v>
      </c>
      <c r="P5408" s="111">
        <v>0</v>
      </c>
      <c r="Q5408" s="111">
        <v>0</v>
      </c>
      <c r="R5408" s="111">
        <v>0</v>
      </c>
      <c r="S5408" s="111">
        <v>0</v>
      </c>
      <c r="T5408" s="111">
        <v>0</v>
      </c>
      <c r="U5408" s="111">
        <v>0</v>
      </c>
      <c r="V5408" s="111">
        <v>0</v>
      </c>
      <c r="W5408" s="111">
        <v>0</v>
      </c>
      <c r="X5408" s="111">
        <v>0</v>
      </c>
      <c r="Y5408" s="111">
        <v>0</v>
      </c>
      <c r="Z5408" s="111">
        <v>0</v>
      </c>
      <c r="AA5408" s="111">
        <v>0</v>
      </c>
      <c r="AB5408" s="111">
        <v>0</v>
      </c>
      <c r="AC5408" s="111">
        <v>0</v>
      </c>
      <c r="AD5408" s="111">
        <v>0</v>
      </c>
      <c r="AE5408" s="111">
        <v>0</v>
      </c>
      <c r="AF5408" s="111">
        <v>0</v>
      </c>
      <c r="AG5408" s="111">
        <v>0</v>
      </c>
      <c r="AH5408" s="111">
        <v>0</v>
      </c>
      <c r="AI5408" s="111">
        <v>0</v>
      </c>
      <c r="AJ5408" s="111">
        <v>0</v>
      </c>
      <c r="AK5408" s="111">
        <v>0</v>
      </c>
      <c r="AL5408" s="111">
        <v>0</v>
      </c>
      <c r="AM5408" s="111">
        <v>0</v>
      </c>
      <c r="AN5408" s="111">
        <v>0</v>
      </c>
      <c r="AO5408" s="111">
        <v>0</v>
      </c>
      <c r="AP5408" s="111">
        <v>0</v>
      </c>
      <c r="AQ5408" s="111">
        <v>0</v>
      </c>
      <c r="AR5408" s="111">
        <v>0</v>
      </c>
      <c r="AS5408" s="111">
        <v>0</v>
      </c>
      <c r="AT5408" s="111" t="s">
        <v>174</v>
      </c>
      <c r="AU5408" s="111">
        <v>0</v>
      </c>
      <c r="AV5408" s="111">
        <v>0</v>
      </c>
      <c r="AW5408" s="111">
        <v>0</v>
      </c>
      <c r="AX5408" s="112"/>
      <c r="AY5408" s="112"/>
      <c r="AZ5408" s="112"/>
      <c r="BA5408" s="112"/>
      <c r="BB5408" s="107">
        <v>45884</v>
      </c>
    </row>
    <row r="5409" spans="1:54" s="8" customFormat="1" ht="13.5" customHeight="1" x14ac:dyDescent="0.25">
      <c r="A5409" s="229" t="s">
        <v>12649</v>
      </c>
      <c r="B5409" s="96" t="s">
        <v>11930</v>
      </c>
      <c r="C5409" s="93" t="s">
        <v>12650</v>
      </c>
      <c r="D5409" s="93" t="s">
        <v>12651</v>
      </c>
      <c r="E5409" s="111">
        <v>1991</v>
      </c>
      <c r="F5409" s="111">
        <v>100</v>
      </c>
      <c r="G5409" s="93" t="s">
        <v>8</v>
      </c>
      <c r="H5409" s="111">
        <v>0</v>
      </c>
      <c r="I5409" s="111">
        <v>0</v>
      </c>
      <c r="J5409" s="111">
        <v>0</v>
      </c>
      <c r="K5409" s="111">
        <v>0</v>
      </c>
      <c r="L5409" s="111">
        <v>0</v>
      </c>
      <c r="M5409" s="111">
        <v>0</v>
      </c>
      <c r="N5409" s="111">
        <v>0</v>
      </c>
      <c r="O5409" s="111">
        <v>0</v>
      </c>
      <c r="P5409" s="111">
        <v>0</v>
      </c>
      <c r="Q5409" s="111">
        <v>0</v>
      </c>
      <c r="R5409" s="111">
        <v>0</v>
      </c>
      <c r="S5409" s="111">
        <v>0</v>
      </c>
      <c r="T5409" s="111">
        <v>0</v>
      </c>
      <c r="U5409" s="111">
        <v>0</v>
      </c>
      <c r="V5409" s="111">
        <v>0</v>
      </c>
      <c r="W5409" s="111">
        <v>0</v>
      </c>
      <c r="X5409" s="111">
        <v>0</v>
      </c>
      <c r="Y5409" s="111">
        <v>0</v>
      </c>
      <c r="Z5409" s="111">
        <v>0</v>
      </c>
      <c r="AA5409" s="111">
        <v>0</v>
      </c>
      <c r="AB5409" s="111">
        <v>0</v>
      </c>
      <c r="AC5409" s="111">
        <v>0</v>
      </c>
      <c r="AD5409" s="111">
        <v>0</v>
      </c>
      <c r="AE5409" s="111">
        <v>0</v>
      </c>
      <c r="AF5409" s="111">
        <v>0</v>
      </c>
      <c r="AG5409" s="111">
        <v>0</v>
      </c>
      <c r="AH5409" s="111">
        <v>0</v>
      </c>
      <c r="AI5409" s="111">
        <v>0</v>
      </c>
      <c r="AJ5409" s="111">
        <v>0</v>
      </c>
      <c r="AK5409" s="111">
        <v>0</v>
      </c>
      <c r="AL5409" s="111">
        <v>0</v>
      </c>
      <c r="AM5409" s="111">
        <v>0</v>
      </c>
      <c r="AN5409" s="111">
        <v>0</v>
      </c>
      <c r="AO5409" s="111">
        <v>0</v>
      </c>
      <c r="AP5409" s="111">
        <v>0</v>
      </c>
      <c r="AQ5409" s="111">
        <v>0</v>
      </c>
      <c r="AR5409" s="111">
        <v>0</v>
      </c>
      <c r="AS5409" s="111">
        <v>0</v>
      </c>
      <c r="AT5409" s="111" t="s">
        <v>174</v>
      </c>
      <c r="AU5409" s="111">
        <v>0</v>
      </c>
      <c r="AV5409" s="111">
        <v>0</v>
      </c>
      <c r="AW5409" s="111">
        <v>0</v>
      </c>
      <c r="AX5409" s="112"/>
      <c r="AY5409" s="112"/>
      <c r="AZ5409" s="112"/>
      <c r="BA5409" s="112"/>
      <c r="BB5409" s="107">
        <v>45884</v>
      </c>
    </row>
    <row r="5410" spans="1:54" s="8" customFormat="1" ht="13.5" customHeight="1" x14ac:dyDescent="0.25">
      <c r="A5410" s="229" t="s">
        <v>12652</v>
      </c>
      <c r="B5410" s="96" t="s">
        <v>11930</v>
      </c>
      <c r="C5410" s="93" t="s">
        <v>12653</v>
      </c>
      <c r="D5410" s="93" t="s">
        <v>12654</v>
      </c>
      <c r="E5410" s="111">
        <v>1991</v>
      </c>
      <c r="F5410" s="111">
        <v>100</v>
      </c>
      <c r="G5410" s="93" t="s">
        <v>8</v>
      </c>
      <c r="H5410" s="111">
        <v>0</v>
      </c>
      <c r="I5410" s="111">
        <v>0</v>
      </c>
      <c r="J5410" s="111">
        <v>0</v>
      </c>
      <c r="K5410" s="111">
        <v>0</v>
      </c>
      <c r="L5410" s="111">
        <v>0</v>
      </c>
      <c r="M5410" s="111">
        <v>0</v>
      </c>
      <c r="N5410" s="111">
        <v>0</v>
      </c>
      <c r="O5410" s="111">
        <v>0</v>
      </c>
      <c r="P5410" s="111">
        <v>0</v>
      </c>
      <c r="Q5410" s="111">
        <v>0</v>
      </c>
      <c r="R5410" s="111">
        <v>0</v>
      </c>
      <c r="S5410" s="111">
        <v>0</v>
      </c>
      <c r="T5410" s="111">
        <v>0</v>
      </c>
      <c r="U5410" s="111">
        <v>0</v>
      </c>
      <c r="V5410" s="111">
        <v>0</v>
      </c>
      <c r="W5410" s="111">
        <v>0</v>
      </c>
      <c r="X5410" s="111">
        <v>0</v>
      </c>
      <c r="Y5410" s="111">
        <v>0</v>
      </c>
      <c r="Z5410" s="111">
        <v>0</v>
      </c>
      <c r="AA5410" s="111">
        <v>0</v>
      </c>
      <c r="AB5410" s="111">
        <v>0</v>
      </c>
      <c r="AC5410" s="111">
        <v>0</v>
      </c>
      <c r="AD5410" s="111">
        <v>0</v>
      </c>
      <c r="AE5410" s="111">
        <v>0</v>
      </c>
      <c r="AF5410" s="111">
        <v>0</v>
      </c>
      <c r="AG5410" s="111">
        <v>0</v>
      </c>
      <c r="AH5410" s="111">
        <v>0</v>
      </c>
      <c r="AI5410" s="111">
        <v>0</v>
      </c>
      <c r="AJ5410" s="111">
        <v>0</v>
      </c>
      <c r="AK5410" s="111">
        <v>0</v>
      </c>
      <c r="AL5410" s="111">
        <v>0</v>
      </c>
      <c r="AM5410" s="111">
        <v>0</v>
      </c>
      <c r="AN5410" s="111">
        <v>0</v>
      </c>
      <c r="AO5410" s="111">
        <v>0</v>
      </c>
      <c r="AP5410" s="111">
        <v>0</v>
      </c>
      <c r="AQ5410" s="111">
        <v>0</v>
      </c>
      <c r="AR5410" s="111">
        <v>0</v>
      </c>
      <c r="AS5410" s="111">
        <v>0</v>
      </c>
      <c r="AT5410" s="111" t="s">
        <v>174</v>
      </c>
      <c r="AU5410" s="111">
        <v>0</v>
      </c>
      <c r="AV5410" s="111">
        <v>0</v>
      </c>
      <c r="AW5410" s="111">
        <v>0</v>
      </c>
      <c r="AX5410" s="112"/>
      <c r="AY5410" s="112"/>
      <c r="AZ5410" s="112"/>
      <c r="BA5410" s="112"/>
      <c r="BB5410" s="107">
        <v>45884</v>
      </c>
    </row>
    <row r="5411" spans="1:54" s="8" customFormat="1" ht="13.95" customHeight="1" x14ac:dyDescent="0.25">
      <c r="A5411" s="229" t="s">
        <v>12655</v>
      </c>
      <c r="B5411" s="96" t="s">
        <v>11930</v>
      </c>
      <c r="C5411" s="93" t="s">
        <v>12656</v>
      </c>
      <c r="D5411" s="93" t="s">
        <v>12657</v>
      </c>
      <c r="E5411" s="111">
        <v>1991</v>
      </c>
      <c r="F5411" s="111">
        <v>100</v>
      </c>
      <c r="G5411" s="93" t="s">
        <v>8</v>
      </c>
      <c r="H5411" s="111">
        <v>0</v>
      </c>
      <c r="I5411" s="111">
        <v>0</v>
      </c>
      <c r="J5411" s="111">
        <v>0</v>
      </c>
      <c r="K5411" s="111">
        <v>0</v>
      </c>
      <c r="L5411" s="111">
        <v>0</v>
      </c>
      <c r="M5411" s="111">
        <v>0</v>
      </c>
      <c r="N5411" s="111">
        <v>0</v>
      </c>
      <c r="O5411" s="111">
        <v>0</v>
      </c>
      <c r="P5411" s="111">
        <v>0</v>
      </c>
      <c r="Q5411" s="111">
        <v>0</v>
      </c>
      <c r="R5411" s="111">
        <v>0</v>
      </c>
      <c r="S5411" s="111">
        <v>0</v>
      </c>
      <c r="T5411" s="111">
        <v>0</v>
      </c>
      <c r="U5411" s="111">
        <v>0</v>
      </c>
      <c r="V5411" s="111">
        <v>0</v>
      </c>
      <c r="W5411" s="111">
        <v>0</v>
      </c>
      <c r="X5411" s="111">
        <v>0</v>
      </c>
      <c r="Y5411" s="111">
        <v>0</v>
      </c>
      <c r="Z5411" s="111">
        <v>0</v>
      </c>
      <c r="AA5411" s="111">
        <v>0</v>
      </c>
      <c r="AB5411" s="111">
        <v>0</v>
      </c>
      <c r="AC5411" s="111">
        <v>0</v>
      </c>
      <c r="AD5411" s="111">
        <v>0</v>
      </c>
      <c r="AE5411" s="111">
        <v>0</v>
      </c>
      <c r="AF5411" s="111">
        <v>0</v>
      </c>
      <c r="AG5411" s="111">
        <v>0</v>
      </c>
      <c r="AH5411" s="111">
        <v>0</v>
      </c>
      <c r="AI5411" s="111">
        <v>0</v>
      </c>
      <c r="AJ5411" s="111">
        <v>0</v>
      </c>
      <c r="AK5411" s="111">
        <v>0</v>
      </c>
      <c r="AL5411" s="111">
        <v>0</v>
      </c>
      <c r="AM5411" s="111">
        <v>0</v>
      </c>
      <c r="AN5411" s="111">
        <v>0</v>
      </c>
      <c r="AO5411" s="111">
        <v>0</v>
      </c>
      <c r="AP5411" s="111">
        <v>0</v>
      </c>
      <c r="AQ5411" s="111">
        <v>0</v>
      </c>
      <c r="AR5411" s="111">
        <v>0</v>
      </c>
      <c r="AS5411" s="111">
        <v>0</v>
      </c>
      <c r="AT5411" s="111" t="s">
        <v>174</v>
      </c>
      <c r="AU5411" s="111">
        <v>0</v>
      </c>
      <c r="AV5411" s="111">
        <v>0</v>
      </c>
      <c r="AW5411" s="111">
        <v>0</v>
      </c>
      <c r="AX5411" s="112"/>
      <c r="AY5411" s="112"/>
      <c r="AZ5411" s="112"/>
      <c r="BA5411" s="112"/>
      <c r="BB5411" s="107">
        <v>45884</v>
      </c>
    </row>
    <row r="5412" spans="1:54" s="8" customFormat="1" ht="13.5" customHeight="1" x14ac:dyDescent="0.25">
      <c r="A5412" s="229" t="s">
        <v>12658</v>
      </c>
      <c r="B5412" s="96" t="s">
        <v>11930</v>
      </c>
      <c r="C5412" s="93" t="s">
        <v>12659</v>
      </c>
      <c r="D5412" s="93" t="s">
        <v>24631</v>
      </c>
      <c r="E5412" s="111">
        <v>1991</v>
      </c>
      <c r="F5412" s="111">
        <v>400</v>
      </c>
      <c r="G5412" s="93" t="s">
        <v>8</v>
      </c>
      <c r="H5412" s="111">
        <v>0</v>
      </c>
      <c r="I5412" s="111">
        <v>0</v>
      </c>
      <c r="J5412" s="111">
        <v>1</v>
      </c>
      <c r="K5412" s="111">
        <v>0</v>
      </c>
      <c r="L5412" s="111">
        <v>0</v>
      </c>
      <c r="M5412" s="111">
        <v>0</v>
      </c>
      <c r="N5412" s="111">
        <v>0</v>
      </c>
      <c r="O5412" s="111">
        <v>0</v>
      </c>
      <c r="P5412" s="111">
        <v>0</v>
      </c>
      <c r="Q5412" s="111">
        <v>0</v>
      </c>
      <c r="R5412" s="111">
        <v>0</v>
      </c>
      <c r="S5412" s="111">
        <v>0</v>
      </c>
      <c r="T5412" s="111">
        <v>0</v>
      </c>
      <c r="U5412" s="111">
        <v>0</v>
      </c>
      <c r="V5412" s="111">
        <v>0</v>
      </c>
      <c r="W5412" s="111">
        <v>0</v>
      </c>
      <c r="X5412" s="111">
        <v>0</v>
      </c>
      <c r="Y5412" s="111">
        <v>0</v>
      </c>
      <c r="Z5412" s="111">
        <v>0</v>
      </c>
      <c r="AA5412" s="111">
        <v>0</v>
      </c>
      <c r="AB5412" s="111">
        <v>0</v>
      </c>
      <c r="AC5412" s="111">
        <v>0</v>
      </c>
      <c r="AD5412" s="111">
        <v>0</v>
      </c>
      <c r="AE5412" s="111">
        <v>0</v>
      </c>
      <c r="AF5412" s="111">
        <v>0</v>
      </c>
      <c r="AG5412" s="111">
        <v>0</v>
      </c>
      <c r="AH5412" s="111">
        <v>0</v>
      </c>
      <c r="AI5412" s="111">
        <v>0</v>
      </c>
      <c r="AJ5412" s="111">
        <v>0</v>
      </c>
      <c r="AK5412" s="111">
        <v>0</v>
      </c>
      <c r="AL5412" s="111">
        <v>0</v>
      </c>
      <c r="AM5412" s="111">
        <v>0</v>
      </c>
      <c r="AN5412" s="111">
        <v>0</v>
      </c>
      <c r="AO5412" s="111">
        <v>0</v>
      </c>
      <c r="AP5412" s="111">
        <v>0</v>
      </c>
      <c r="AQ5412" s="111">
        <v>0</v>
      </c>
      <c r="AR5412" s="111">
        <v>0</v>
      </c>
      <c r="AS5412" s="111">
        <v>0</v>
      </c>
      <c r="AT5412" s="111" t="s">
        <v>174</v>
      </c>
      <c r="AU5412" s="111">
        <v>0</v>
      </c>
      <c r="AV5412" s="111">
        <v>0</v>
      </c>
      <c r="AW5412" s="111">
        <v>0</v>
      </c>
      <c r="AX5412" s="112"/>
      <c r="AY5412" s="112"/>
      <c r="AZ5412" s="112"/>
      <c r="BA5412" s="112"/>
      <c r="BB5412" s="107">
        <v>45884</v>
      </c>
    </row>
    <row r="5413" spans="1:54" s="8" customFormat="1" ht="13.5" customHeight="1" x14ac:dyDescent="0.25">
      <c r="A5413" s="229" t="s">
        <v>12660</v>
      </c>
      <c r="B5413" s="96" t="s">
        <v>11930</v>
      </c>
      <c r="C5413" s="93" t="s">
        <v>12661</v>
      </c>
      <c r="D5413" s="93" t="s">
        <v>12662</v>
      </c>
      <c r="E5413" s="111">
        <v>1985</v>
      </c>
      <c r="F5413" s="111">
        <v>3200</v>
      </c>
      <c r="G5413" s="93" t="s">
        <v>8</v>
      </c>
      <c r="H5413" s="111">
        <v>1</v>
      </c>
      <c r="I5413" s="111">
        <v>0</v>
      </c>
      <c r="J5413" s="111">
        <v>1</v>
      </c>
      <c r="K5413" s="111">
        <v>0</v>
      </c>
      <c r="L5413" s="111">
        <v>1</v>
      </c>
      <c r="M5413" s="111">
        <v>0</v>
      </c>
      <c r="N5413" s="111">
        <v>0</v>
      </c>
      <c r="O5413" s="111">
        <v>1</v>
      </c>
      <c r="P5413" s="111">
        <v>1</v>
      </c>
      <c r="Q5413" s="111">
        <v>0</v>
      </c>
      <c r="R5413" s="111">
        <v>1</v>
      </c>
      <c r="S5413" s="111">
        <v>0</v>
      </c>
      <c r="T5413" s="111">
        <v>0</v>
      </c>
      <c r="U5413" s="111">
        <v>0</v>
      </c>
      <c r="V5413" s="111">
        <v>0</v>
      </c>
      <c r="W5413" s="111">
        <v>0</v>
      </c>
      <c r="X5413" s="111">
        <v>0</v>
      </c>
      <c r="Y5413" s="111">
        <v>0</v>
      </c>
      <c r="Z5413" s="111">
        <v>0</v>
      </c>
      <c r="AA5413" s="111">
        <v>0</v>
      </c>
      <c r="AB5413" s="111">
        <v>0</v>
      </c>
      <c r="AC5413" s="111">
        <v>0</v>
      </c>
      <c r="AD5413" s="111">
        <v>0</v>
      </c>
      <c r="AE5413" s="111">
        <v>0</v>
      </c>
      <c r="AF5413" s="111">
        <v>0</v>
      </c>
      <c r="AG5413" s="111">
        <v>0</v>
      </c>
      <c r="AH5413" s="111">
        <v>0</v>
      </c>
      <c r="AI5413" s="111">
        <v>0</v>
      </c>
      <c r="AJ5413" s="111">
        <v>0</v>
      </c>
      <c r="AK5413" s="111">
        <v>0</v>
      </c>
      <c r="AL5413" s="111">
        <v>0</v>
      </c>
      <c r="AM5413" s="111">
        <v>0</v>
      </c>
      <c r="AN5413" s="111">
        <v>0</v>
      </c>
      <c r="AO5413" s="111">
        <v>0</v>
      </c>
      <c r="AP5413" s="111">
        <v>0</v>
      </c>
      <c r="AQ5413" s="111">
        <v>0</v>
      </c>
      <c r="AR5413" s="111">
        <v>0</v>
      </c>
      <c r="AS5413" s="111">
        <v>0</v>
      </c>
      <c r="AT5413" s="111" t="s">
        <v>174</v>
      </c>
      <c r="AU5413" s="111">
        <v>0</v>
      </c>
      <c r="AV5413" s="111">
        <v>0</v>
      </c>
      <c r="AW5413" s="111">
        <v>0</v>
      </c>
      <c r="AX5413" s="112"/>
      <c r="AY5413" s="112"/>
      <c r="AZ5413" s="112"/>
      <c r="BA5413" s="112"/>
      <c r="BB5413" s="107">
        <v>45884</v>
      </c>
    </row>
    <row r="5414" spans="1:54" s="8" customFormat="1" ht="13.5" customHeight="1" x14ac:dyDescent="0.25">
      <c r="A5414" s="229" t="s">
        <v>12663</v>
      </c>
      <c r="B5414" s="96" t="s">
        <v>11930</v>
      </c>
      <c r="C5414" s="93" t="s">
        <v>12664</v>
      </c>
      <c r="D5414" s="93" t="s">
        <v>12665</v>
      </c>
      <c r="E5414" s="111">
        <v>1991</v>
      </c>
      <c r="F5414" s="111">
        <v>200</v>
      </c>
      <c r="G5414" s="93" t="s">
        <v>8</v>
      </c>
      <c r="H5414" s="111">
        <v>0</v>
      </c>
      <c r="I5414" s="111">
        <v>0</v>
      </c>
      <c r="J5414" s="111">
        <v>0</v>
      </c>
      <c r="K5414" s="111">
        <v>0</v>
      </c>
      <c r="L5414" s="111">
        <v>0</v>
      </c>
      <c r="M5414" s="111">
        <v>0</v>
      </c>
      <c r="N5414" s="111">
        <v>0</v>
      </c>
      <c r="O5414" s="111">
        <v>0</v>
      </c>
      <c r="P5414" s="111">
        <v>0</v>
      </c>
      <c r="Q5414" s="111">
        <v>0</v>
      </c>
      <c r="R5414" s="111">
        <v>0</v>
      </c>
      <c r="S5414" s="111">
        <v>0</v>
      </c>
      <c r="T5414" s="111">
        <v>0</v>
      </c>
      <c r="U5414" s="111">
        <v>0</v>
      </c>
      <c r="V5414" s="111">
        <v>0</v>
      </c>
      <c r="W5414" s="111">
        <v>0</v>
      </c>
      <c r="X5414" s="111">
        <v>0</v>
      </c>
      <c r="Y5414" s="111">
        <v>0</v>
      </c>
      <c r="Z5414" s="111">
        <v>0</v>
      </c>
      <c r="AA5414" s="111">
        <v>0</v>
      </c>
      <c r="AB5414" s="111">
        <v>0</v>
      </c>
      <c r="AC5414" s="111">
        <v>0</v>
      </c>
      <c r="AD5414" s="111">
        <v>0</v>
      </c>
      <c r="AE5414" s="111">
        <v>0</v>
      </c>
      <c r="AF5414" s="111">
        <v>0</v>
      </c>
      <c r="AG5414" s="111">
        <v>0</v>
      </c>
      <c r="AH5414" s="111">
        <v>0</v>
      </c>
      <c r="AI5414" s="111">
        <v>0</v>
      </c>
      <c r="AJ5414" s="111">
        <v>0</v>
      </c>
      <c r="AK5414" s="111">
        <v>0</v>
      </c>
      <c r="AL5414" s="111">
        <v>0</v>
      </c>
      <c r="AM5414" s="111">
        <v>0</v>
      </c>
      <c r="AN5414" s="111">
        <v>0</v>
      </c>
      <c r="AO5414" s="111">
        <v>0</v>
      </c>
      <c r="AP5414" s="111">
        <v>0</v>
      </c>
      <c r="AQ5414" s="111">
        <v>0</v>
      </c>
      <c r="AR5414" s="111">
        <v>0</v>
      </c>
      <c r="AS5414" s="111">
        <v>0</v>
      </c>
      <c r="AT5414" s="111" t="s">
        <v>174</v>
      </c>
      <c r="AU5414" s="111">
        <v>0</v>
      </c>
      <c r="AV5414" s="111">
        <v>0</v>
      </c>
      <c r="AW5414" s="111">
        <v>0</v>
      </c>
      <c r="AX5414" s="112"/>
      <c r="AY5414" s="112"/>
      <c r="AZ5414" s="112"/>
      <c r="BA5414" s="112"/>
      <c r="BB5414" s="107">
        <v>45884</v>
      </c>
    </row>
    <row r="5415" spans="1:54" s="8" customFormat="1" ht="13.5" customHeight="1" x14ac:dyDescent="0.25">
      <c r="A5415" s="229" t="s">
        <v>12666</v>
      </c>
      <c r="B5415" s="96" t="s">
        <v>11930</v>
      </c>
      <c r="C5415" s="93" t="s">
        <v>12667</v>
      </c>
      <c r="D5415" s="93" t="s">
        <v>12668</v>
      </c>
      <c r="E5415" s="111">
        <v>1984</v>
      </c>
      <c r="F5415" s="111">
        <v>1000</v>
      </c>
      <c r="G5415" s="93" t="s">
        <v>8</v>
      </c>
      <c r="H5415" s="111">
        <v>0</v>
      </c>
      <c r="I5415" s="111">
        <v>0</v>
      </c>
      <c r="J5415" s="111">
        <v>1</v>
      </c>
      <c r="K5415" s="111">
        <v>0</v>
      </c>
      <c r="L5415" s="111">
        <v>1</v>
      </c>
      <c r="M5415" s="111">
        <v>0</v>
      </c>
      <c r="N5415" s="111">
        <v>0</v>
      </c>
      <c r="O5415" s="111">
        <v>1</v>
      </c>
      <c r="P5415" s="111">
        <v>1</v>
      </c>
      <c r="Q5415" s="111">
        <v>0</v>
      </c>
      <c r="R5415" s="111">
        <v>1</v>
      </c>
      <c r="S5415" s="111">
        <v>0</v>
      </c>
      <c r="T5415" s="111">
        <v>0</v>
      </c>
      <c r="U5415" s="111">
        <v>0</v>
      </c>
      <c r="V5415" s="111">
        <v>0</v>
      </c>
      <c r="W5415" s="111">
        <v>0</v>
      </c>
      <c r="X5415" s="111">
        <v>0</v>
      </c>
      <c r="Y5415" s="111">
        <v>0</v>
      </c>
      <c r="Z5415" s="111">
        <v>0</v>
      </c>
      <c r="AA5415" s="111">
        <v>0</v>
      </c>
      <c r="AB5415" s="111">
        <v>0</v>
      </c>
      <c r="AC5415" s="111">
        <v>0</v>
      </c>
      <c r="AD5415" s="111">
        <v>0</v>
      </c>
      <c r="AE5415" s="111">
        <v>0</v>
      </c>
      <c r="AF5415" s="111">
        <v>0</v>
      </c>
      <c r="AG5415" s="111">
        <v>0</v>
      </c>
      <c r="AH5415" s="111">
        <v>0</v>
      </c>
      <c r="AI5415" s="111">
        <v>0</v>
      </c>
      <c r="AJ5415" s="111">
        <v>0</v>
      </c>
      <c r="AK5415" s="111">
        <v>0</v>
      </c>
      <c r="AL5415" s="111">
        <v>0</v>
      </c>
      <c r="AM5415" s="111">
        <v>0</v>
      </c>
      <c r="AN5415" s="111">
        <v>0</v>
      </c>
      <c r="AO5415" s="111">
        <v>0</v>
      </c>
      <c r="AP5415" s="111">
        <v>0</v>
      </c>
      <c r="AQ5415" s="111">
        <v>0</v>
      </c>
      <c r="AR5415" s="111">
        <v>0</v>
      </c>
      <c r="AS5415" s="111">
        <v>0</v>
      </c>
      <c r="AT5415" s="111" t="s">
        <v>174</v>
      </c>
      <c r="AU5415" s="111">
        <v>0</v>
      </c>
      <c r="AV5415" s="111">
        <v>0</v>
      </c>
      <c r="AW5415" s="111">
        <v>0</v>
      </c>
      <c r="AX5415" s="112"/>
      <c r="AY5415" s="112"/>
      <c r="AZ5415" s="112"/>
      <c r="BA5415" s="112"/>
      <c r="BB5415" s="107">
        <v>45884</v>
      </c>
    </row>
    <row r="5416" spans="1:54" s="8" customFormat="1" ht="13.5" customHeight="1" x14ac:dyDescent="0.25">
      <c r="A5416" s="229" t="s">
        <v>12669</v>
      </c>
      <c r="B5416" s="96" t="s">
        <v>11930</v>
      </c>
      <c r="C5416" s="93" t="s">
        <v>12670</v>
      </c>
      <c r="D5416" s="93" t="s">
        <v>12671</v>
      </c>
      <c r="E5416" s="111">
        <v>1991</v>
      </c>
      <c r="F5416" s="111">
        <v>300</v>
      </c>
      <c r="G5416" s="93" t="s">
        <v>8</v>
      </c>
      <c r="H5416" s="111">
        <v>0</v>
      </c>
      <c r="I5416" s="111">
        <v>0</v>
      </c>
      <c r="J5416" s="111">
        <v>0</v>
      </c>
      <c r="K5416" s="111">
        <v>0</v>
      </c>
      <c r="L5416" s="111">
        <v>0</v>
      </c>
      <c r="M5416" s="111">
        <v>0</v>
      </c>
      <c r="N5416" s="111">
        <v>0</v>
      </c>
      <c r="O5416" s="111">
        <v>0</v>
      </c>
      <c r="P5416" s="111">
        <v>0</v>
      </c>
      <c r="Q5416" s="111">
        <v>0</v>
      </c>
      <c r="R5416" s="111">
        <v>0</v>
      </c>
      <c r="S5416" s="111">
        <v>0</v>
      </c>
      <c r="T5416" s="111">
        <v>0</v>
      </c>
      <c r="U5416" s="111">
        <v>0</v>
      </c>
      <c r="V5416" s="111">
        <v>0</v>
      </c>
      <c r="W5416" s="111">
        <v>0</v>
      </c>
      <c r="X5416" s="111">
        <v>0</v>
      </c>
      <c r="Y5416" s="111">
        <v>0</v>
      </c>
      <c r="Z5416" s="111">
        <v>0</v>
      </c>
      <c r="AA5416" s="111">
        <v>0</v>
      </c>
      <c r="AB5416" s="111">
        <v>0</v>
      </c>
      <c r="AC5416" s="111">
        <v>0</v>
      </c>
      <c r="AD5416" s="111">
        <v>0</v>
      </c>
      <c r="AE5416" s="111">
        <v>0</v>
      </c>
      <c r="AF5416" s="111">
        <v>0</v>
      </c>
      <c r="AG5416" s="111">
        <v>0</v>
      </c>
      <c r="AH5416" s="111">
        <v>0</v>
      </c>
      <c r="AI5416" s="111">
        <v>0</v>
      </c>
      <c r="AJ5416" s="111">
        <v>0</v>
      </c>
      <c r="AK5416" s="111">
        <v>0</v>
      </c>
      <c r="AL5416" s="111">
        <v>0</v>
      </c>
      <c r="AM5416" s="111">
        <v>0</v>
      </c>
      <c r="AN5416" s="111">
        <v>0</v>
      </c>
      <c r="AO5416" s="111">
        <v>0</v>
      </c>
      <c r="AP5416" s="111">
        <v>0</v>
      </c>
      <c r="AQ5416" s="111">
        <v>0</v>
      </c>
      <c r="AR5416" s="111">
        <v>0</v>
      </c>
      <c r="AS5416" s="111">
        <v>0</v>
      </c>
      <c r="AT5416" s="111" t="s">
        <v>174</v>
      </c>
      <c r="AU5416" s="111">
        <v>0</v>
      </c>
      <c r="AV5416" s="111">
        <v>0</v>
      </c>
      <c r="AW5416" s="111">
        <v>0</v>
      </c>
      <c r="AX5416" s="112"/>
      <c r="AY5416" s="112"/>
      <c r="AZ5416" s="112"/>
      <c r="BA5416" s="112"/>
      <c r="BB5416" s="107">
        <v>45884</v>
      </c>
    </row>
    <row r="5417" spans="1:54" s="8" customFormat="1" ht="13.5" customHeight="1" x14ac:dyDescent="0.25">
      <c r="A5417" s="229" t="s">
        <v>12672</v>
      </c>
      <c r="B5417" s="96" t="s">
        <v>11930</v>
      </c>
      <c r="C5417" s="93" t="s">
        <v>12673</v>
      </c>
      <c r="D5417" s="93" t="s">
        <v>12674</v>
      </c>
      <c r="E5417" s="111">
        <v>1994</v>
      </c>
      <c r="F5417" s="111">
        <v>4400</v>
      </c>
      <c r="G5417" s="93" t="s">
        <v>8</v>
      </c>
      <c r="H5417" s="111">
        <v>1</v>
      </c>
      <c r="I5417" s="111">
        <v>0</v>
      </c>
      <c r="J5417" s="111">
        <v>1</v>
      </c>
      <c r="K5417" s="111">
        <v>1</v>
      </c>
      <c r="L5417" s="111">
        <v>1</v>
      </c>
      <c r="M5417" s="111">
        <v>1</v>
      </c>
      <c r="N5417" s="111">
        <v>0</v>
      </c>
      <c r="O5417" s="111">
        <v>0</v>
      </c>
      <c r="P5417" s="111">
        <v>1</v>
      </c>
      <c r="Q5417" s="111">
        <v>0</v>
      </c>
      <c r="R5417" s="111">
        <v>1</v>
      </c>
      <c r="S5417" s="111">
        <v>0</v>
      </c>
      <c r="T5417" s="111">
        <v>0</v>
      </c>
      <c r="U5417" s="111">
        <v>0</v>
      </c>
      <c r="V5417" s="111">
        <v>0</v>
      </c>
      <c r="W5417" s="111">
        <v>0</v>
      </c>
      <c r="X5417" s="111">
        <v>0</v>
      </c>
      <c r="Y5417" s="111">
        <v>0</v>
      </c>
      <c r="Z5417" s="111">
        <v>0</v>
      </c>
      <c r="AA5417" s="111">
        <v>0</v>
      </c>
      <c r="AB5417" s="111">
        <v>0</v>
      </c>
      <c r="AC5417" s="111">
        <v>0</v>
      </c>
      <c r="AD5417" s="111">
        <v>0</v>
      </c>
      <c r="AE5417" s="111">
        <v>0</v>
      </c>
      <c r="AF5417" s="111">
        <v>0</v>
      </c>
      <c r="AG5417" s="111">
        <v>0</v>
      </c>
      <c r="AH5417" s="111">
        <v>0</v>
      </c>
      <c r="AI5417" s="111">
        <v>0</v>
      </c>
      <c r="AJ5417" s="111">
        <v>0</v>
      </c>
      <c r="AK5417" s="111">
        <v>0</v>
      </c>
      <c r="AL5417" s="111">
        <v>0</v>
      </c>
      <c r="AM5417" s="111">
        <v>0</v>
      </c>
      <c r="AN5417" s="111">
        <v>0</v>
      </c>
      <c r="AO5417" s="111">
        <v>0</v>
      </c>
      <c r="AP5417" s="111">
        <v>0</v>
      </c>
      <c r="AQ5417" s="111">
        <v>0</v>
      </c>
      <c r="AR5417" s="111">
        <v>0</v>
      </c>
      <c r="AS5417" s="111">
        <v>0</v>
      </c>
      <c r="AT5417" s="111" t="s">
        <v>174</v>
      </c>
      <c r="AU5417" s="111">
        <v>0</v>
      </c>
      <c r="AV5417" s="111">
        <v>0</v>
      </c>
      <c r="AW5417" s="111">
        <v>0</v>
      </c>
      <c r="AX5417" s="112"/>
      <c r="AY5417" s="112"/>
      <c r="AZ5417" s="112"/>
      <c r="BA5417" s="112"/>
      <c r="BB5417" s="107">
        <v>45884</v>
      </c>
    </row>
    <row r="5418" spans="1:54" s="8" customFormat="1" ht="13.5" customHeight="1" x14ac:dyDescent="0.25">
      <c r="A5418" s="229" t="s">
        <v>12675</v>
      </c>
      <c r="B5418" s="96" t="s">
        <v>11930</v>
      </c>
      <c r="C5418" s="93" t="s">
        <v>12676</v>
      </c>
      <c r="D5418" s="93" t="s">
        <v>12677</v>
      </c>
      <c r="E5418" s="111">
        <v>1988</v>
      </c>
      <c r="F5418" s="111">
        <v>1100</v>
      </c>
      <c r="G5418" s="93" t="s">
        <v>8</v>
      </c>
      <c r="H5418" s="111">
        <v>1</v>
      </c>
      <c r="I5418" s="111">
        <v>0</v>
      </c>
      <c r="J5418" s="111">
        <v>1</v>
      </c>
      <c r="K5418" s="111">
        <v>1</v>
      </c>
      <c r="L5418" s="111">
        <v>0</v>
      </c>
      <c r="M5418" s="111">
        <v>0</v>
      </c>
      <c r="N5418" s="111">
        <v>0</v>
      </c>
      <c r="O5418" s="111">
        <v>1</v>
      </c>
      <c r="P5418" s="111">
        <v>1</v>
      </c>
      <c r="Q5418" s="111">
        <v>0</v>
      </c>
      <c r="R5418" s="111">
        <v>0</v>
      </c>
      <c r="S5418" s="111">
        <v>0</v>
      </c>
      <c r="T5418" s="111">
        <v>0</v>
      </c>
      <c r="U5418" s="111">
        <v>0</v>
      </c>
      <c r="V5418" s="111">
        <v>0</v>
      </c>
      <c r="W5418" s="111">
        <v>0</v>
      </c>
      <c r="X5418" s="111">
        <v>0</v>
      </c>
      <c r="Y5418" s="111">
        <v>0</v>
      </c>
      <c r="Z5418" s="111">
        <v>0</v>
      </c>
      <c r="AA5418" s="111">
        <v>0</v>
      </c>
      <c r="AB5418" s="111">
        <v>0</v>
      </c>
      <c r="AC5418" s="111">
        <v>0</v>
      </c>
      <c r="AD5418" s="111">
        <v>0</v>
      </c>
      <c r="AE5418" s="111">
        <v>0</v>
      </c>
      <c r="AF5418" s="111">
        <v>0</v>
      </c>
      <c r="AG5418" s="111">
        <v>0</v>
      </c>
      <c r="AH5418" s="111">
        <v>0</v>
      </c>
      <c r="AI5418" s="111">
        <v>0</v>
      </c>
      <c r="AJ5418" s="111">
        <v>0</v>
      </c>
      <c r="AK5418" s="111">
        <v>0</v>
      </c>
      <c r="AL5418" s="111">
        <v>0</v>
      </c>
      <c r="AM5418" s="111">
        <v>0</v>
      </c>
      <c r="AN5418" s="111">
        <v>0</v>
      </c>
      <c r="AO5418" s="111">
        <v>0</v>
      </c>
      <c r="AP5418" s="111">
        <v>0</v>
      </c>
      <c r="AQ5418" s="111">
        <v>0</v>
      </c>
      <c r="AR5418" s="111">
        <v>0</v>
      </c>
      <c r="AS5418" s="111">
        <v>0</v>
      </c>
      <c r="AT5418" s="111" t="s">
        <v>174</v>
      </c>
      <c r="AU5418" s="111">
        <v>0</v>
      </c>
      <c r="AV5418" s="111">
        <v>0</v>
      </c>
      <c r="AW5418" s="111">
        <v>0</v>
      </c>
      <c r="AX5418" s="112"/>
      <c r="AY5418" s="112"/>
      <c r="AZ5418" s="112"/>
      <c r="BA5418" s="112"/>
      <c r="BB5418" s="107">
        <v>45884</v>
      </c>
    </row>
    <row r="5419" spans="1:54" s="8" customFormat="1" ht="13.5" customHeight="1" x14ac:dyDescent="0.25">
      <c r="A5419" s="229" t="s">
        <v>12678</v>
      </c>
      <c r="B5419" s="96" t="s">
        <v>11930</v>
      </c>
      <c r="C5419" s="93" t="s">
        <v>12679</v>
      </c>
      <c r="D5419" s="93" t="s">
        <v>12680</v>
      </c>
      <c r="E5419" s="111">
        <v>1998</v>
      </c>
      <c r="F5419" s="111">
        <v>2000</v>
      </c>
      <c r="G5419" s="93" t="s">
        <v>8</v>
      </c>
      <c r="H5419" s="111">
        <v>0</v>
      </c>
      <c r="I5419" s="111">
        <v>0</v>
      </c>
      <c r="J5419" s="111">
        <v>1</v>
      </c>
      <c r="K5419" s="111">
        <v>0</v>
      </c>
      <c r="L5419" s="111">
        <v>0</v>
      </c>
      <c r="M5419" s="111">
        <v>0</v>
      </c>
      <c r="N5419" s="111">
        <v>0</v>
      </c>
      <c r="O5419" s="111">
        <v>0</v>
      </c>
      <c r="P5419" s="111">
        <v>0</v>
      </c>
      <c r="Q5419" s="111">
        <v>0</v>
      </c>
      <c r="R5419" s="111">
        <v>0</v>
      </c>
      <c r="S5419" s="111">
        <v>0</v>
      </c>
      <c r="T5419" s="111">
        <v>0</v>
      </c>
      <c r="U5419" s="111">
        <v>0</v>
      </c>
      <c r="V5419" s="111">
        <v>0</v>
      </c>
      <c r="W5419" s="111">
        <v>0</v>
      </c>
      <c r="X5419" s="111">
        <v>0</v>
      </c>
      <c r="Y5419" s="111">
        <v>0</v>
      </c>
      <c r="Z5419" s="111">
        <v>0</v>
      </c>
      <c r="AA5419" s="111">
        <v>0</v>
      </c>
      <c r="AB5419" s="111">
        <v>0</v>
      </c>
      <c r="AC5419" s="111">
        <v>0</v>
      </c>
      <c r="AD5419" s="111">
        <v>0</v>
      </c>
      <c r="AE5419" s="111">
        <v>0</v>
      </c>
      <c r="AF5419" s="111">
        <v>0</v>
      </c>
      <c r="AG5419" s="111">
        <v>0</v>
      </c>
      <c r="AH5419" s="111">
        <v>0</v>
      </c>
      <c r="AI5419" s="111">
        <v>0</v>
      </c>
      <c r="AJ5419" s="111">
        <v>0</v>
      </c>
      <c r="AK5419" s="111">
        <v>0</v>
      </c>
      <c r="AL5419" s="111">
        <v>0</v>
      </c>
      <c r="AM5419" s="111">
        <v>0</v>
      </c>
      <c r="AN5419" s="111">
        <v>0</v>
      </c>
      <c r="AO5419" s="111">
        <v>0</v>
      </c>
      <c r="AP5419" s="111">
        <v>0</v>
      </c>
      <c r="AQ5419" s="111">
        <v>0</v>
      </c>
      <c r="AR5419" s="111">
        <v>0</v>
      </c>
      <c r="AS5419" s="111">
        <v>0</v>
      </c>
      <c r="AT5419" s="111" t="s">
        <v>174</v>
      </c>
      <c r="AU5419" s="111">
        <v>0</v>
      </c>
      <c r="AV5419" s="111">
        <v>0</v>
      </c>
      <c r="AW5419" s="111">
        <v>0</v>
      </c>
      <c r="AX5419" s="112"/>
      <c r="AY5419" s="112"/>
      <c r="AZ5419" s="112"/>
      <c r="BA5419" s="112"/>
      <c r="BB5419" s="107">
        <v>45884</v>
      </c>
    </row>
    <row r="5420" spans="1:54" s="8" customFormat="1" ht="13.5" customHeight="1" x14ac:dyDescent="0.25">
      <c r="A5420" s="229" t="s">
        <v>12681</v>
      </c>
      <c r="B5420" s="96" t="s">
        <v>11930</v>
      </c>
      <c r="C5420" s="93" t="s">
        <v>12682</v>
      </c>
      <c r="D5420" s="93" t="s">
        <v>12683</v>
      </c>
      <c r="E5420" s="111">
        <v>2002</v>
      </c>
      <c r="F5420" s="111">
        <v>1600</v>
      </c>
      <c r="G5420" s="93" t="s">
        <v>8</v>
      </c>
      <c r="H5420" s="111">
        <v>0</v>
      </c>
      <c r="I5420" s="111">
        <v>0</v>
      </c>
      <c r="J5420" s="111">
        <v>0</v>
      </c>
      <c r="K5420" s="111">
        <v>0</v>
      </c>
      <c r="L5420" s="111">
        <v>0</v>
      </c>
      <c r="M5420" s="111">
        <v>0</v>
      </c>
      <c r="N5420" s="111">
        <v>0</v>
      </c>
      <c r="O5420" s="111">
        <v>0</v>
      </c>
      <c r="P5420" s="111">
        <v>0</v>
      </c>
      <c r="Q5420" s="111">
        <v>0</v>
      </c>
      <c r="R5420" s="111">
        <v>0</v>
      </c>
      <c r="S5420" s="111">
        <v>0</v>
      </c>
      <c r="T5420" s="111">
        <v>0</v>
      </c>
      <c r="U5420" s="111">
        <v>0</v>
      </c>
      <c r="V5420" s="111">
        <v>0</v>
      </c>
      <c r="W5420" s="111">
        <v>0</v>
      </c>
      <c r="X5420" s="111">
        <v>0</v>
      </c>
      <c r="Y5420" s="111">
        <v>0</v>
      </c>
      <c r="Z5420" s="111">
        <v>0</v>
      </c>
      <c r="AA5420" s="111">
        <v>0</v>
      </c>
      <c r="AB5420" s="111">
        <v>0</v>
      </c>
      <c r="AC5420" s="111">
        <v>0</v>
      </c>
      <c r="AD5420" s="111">
        <v>0</v>
      </c>
      <c r="AE5420" s="111">
        <v>0</v>
      </c>
      <c r="AF5420" s="111">
        <v>0</v>
      </c>
      <c r="AG5420" s="111">
        <v>0</v>
      </c>
      <c r="AH5420" s="111">
        <v>0</v>
      </c>
      <c r="AI5420" s="111">
        <v>0</v>
      </c>
      <c r="AJ5420" s="111">
        <v>0</v>
      </c>
      <c r="AK5420" s="111">
        <v>0</v>
      </c>
      <c r="AL5420" s="111">
        <v>0</v>
      </c>
      <c r="AM5420" s="111">
        <v>0</v>
      </c>
      <c r="AN5420" s="111">
        <v>0</v>
      </c>
      <c r="AO5420" s="111">
        <v>0</v>
      </c>
      <c r="AP5420" s="111">
        <v>0</v>
      </c>
      <c r="AQ5420" s="111">
        <v>0</v>
      </c>
      <c r="AR5420" s="111">
        <v>0</v>
      </c>
      <c r="AS5420" s="111">
        <v>0</v>
      </c>
      <c r="AT5420" s="111" t="s">
        <v>174</v>
      </c>
      <c r="AU5420" s="111">
        <v>0</v>
      </c>
      <c r="AV5420" s="111">
        <v>0</v>
      </c>
      <c r="AW5420" s="111">
        <v>0</v>
      </c>
      <c r="AX5420" s="112"/>
      <c r="AY5420" s="112"/>
      <c r="AZ5420" s="112"/>
      <c r="BA5420" s="112"/>
      <c r="BB5420" s="107">
        <v>45884</v>
      </c>
    </row>
    <row r="5421" spans="1:54" s="8" customFormat="1" ht="13.95" customHeight="1" x14ac:dyDescent="0.25">
      <c r="A5421" s="229" t="s">
        <v>12684</v>
      </c>
      <c r="B5421" s="96" t="s">
        <v>11930</v>
      </c>
      <c r="C5421" s="93" t="s">
        <v>12685</v>
      </c>
      <c r="D5421" s="93" t="s">
        <v>12686</v>
      </c>
      <c r="E5421" s="111">
        <v>1999</v>
      </c>
      <c r="F5421" s="111">
        <v>1200</v>
      </c>
      <c r="G5421" s="93" t="s">
        <v>8</v>
      </c>
      <c r="H5421" s="111">
        <v>0</v>
      </c>
      <c r="I5421" s="111">
        <v>0</v>
      </c>
      <c r="J5421" s="111">
        <v>1</v>
      </c>
      <c r="K5421" s="111">
        <v>0</v>
      </c>
      <c r="L5421" s="111">
        <v>0</v>
      </c>
      <c r="M5421" s="111">
        <v>0</v>
      </c>
      <c r="N5421" s="111">
        <v>0</v>
      </c>
      <c r="O5421" s="111">
        <v>0</v>
      </c>
      <c r="P5421" s="111">
        <v>0</v>
      </c>
      <c r="Q5421" s="111">
        <v>0</v>
      </c>
      <c r="R5421" s="111">
        <v>0</v>
      </c>
      <c r="S5421" s="111">
        <v>0</v>
      </c>
      <c r="T5421" s="111">
        <v>0</v>
      </c>
      <c r="U5421" s="111">
        <v>0</v>
      </c>
      <c r="V5421" s="111">
        <v>0</v>
      </c>
      <c r="W5421" s="111">
        <v>0</v>
      </c>
      <c r="X5421" s="111">
        <v>0</v>
      </c>
      <c r="Y5421" s="111">
        <v>0</v>
      </c>
      <c r="Z5421" s="111">
        <v>0</v>
      </c>
      <c r="AA5421" s="111">
        <v>0</v>
      </c>
      <c r="AB5421" s="111">
        <v>0</v>
      </c>
      <c r="AC5421" s="111">
        <v>0</v>
      </c>
      <c r="AD5421" s="111">
        <v>0</v>
      </c>
      <c r="AE5421" s="111">
        <v>0</v>
      </c>
      <c r="AF5421" s="111">
        <v>0</v>
      </c>
      <c r="AG5421" s="111">
        <v>0</v>
      </c>
      <c r="AH5421" s="111">
        <v>0</v>
      </c>
      <c r="AI5421" s="111">
        <v>0</v>
      </c>
      <c r="AJ5421" s="111">
        <v>0</v>
      </c>
      <c r="AK5421" s="111">
        <v>0</v>
      </c>
      <c r="AL5421" s="111">
        <v>0</v>
      </c>
      <c r="AM5421" s="111">
        <v>0</v>
      </c>
      <c r="AN5421" s="111">
        <v>0</v>
      </c>
      <c r="AO5421" s="111">
        <v>0</v>
      </c>
      <c r="AP5421" s="111">
        <v>0</v>
      </c>
      <c r="AQ5421" s="111">
        <v>0</v>
      </c>
      <c r="AR5421" s="111">
        <v>0</v>
      </c>
      <c r="AS5421" s="111">
        <v>0</v>
      </c>
      <c r="AT5421" s="111" t="s">
        <v>174</v>
      </c>
      <c r="AU5421" s="111">
        <v>0</v>
      </c>
      <c r="AV5421" s="111">
        <v>0</v>
      </c>
      <c r="AW5421" s="111">
        <v>0</v>
      </c>
      <c r="AX5421" s="112"/>
      <c r="AY5421" s="112"/>
      <c r="AZ5421" s="112"/>
      <c r="BA5421" s="112"/>
      <c r="BB5421" s="107">
        <v>45884</v>
      </c>
    </row>
    <row r="5422" spans="1:54" s="8" customFormat="1" ht="13.5" customHeight="1" x14ac:dyDescent="0.25">
      <c r="A5422" s="229" t="s">
        <v>12687</v>
      </c>
      <c r="B5422" s="96" t="s">
        <v>11930</v>
      </c>
      <c r="C5422" s="93" t="s">
        <v>12688</v>
      </c>
      <c r="D5422" s="93" t="s">
        <v>12689</v>
      </c>
      <c r="E5422" s="111">
        <v>1991</v>
      </c>
      <c r="F5422" s="111">
        <v>200</v>
      </c>
      <c r="G5422" s="93" t="s">
        <v>8</v>
      </c>
      <c r="H5422" s="111">
        <v>0</v>
      </c>
      <c r="I5422" s="111">
        <v>0</v>
      </c>
      <c r="J5422" s="111">
        <v>1</v>
      </c>
      <c r="K5422" s="111">
        <v>0</v>
      </c>
      <c r="L5422" s="111">
        <v>1</v>
      </c>
      <c r="M5422" s="111">
        <v>0</v>
      </c>
      <c r="N5422" s="111">
        <v>0</v>
      </c>
      <c r="O5422" s="111">
        <v>0</v>
      </c>
      <c r="P5422" s="111">
        <v>0</v>
      </c>
      <c r="Q5422" s="111">
        <v>0</v>
      </c>
      <c r="R5422" s="111">
        <v>0</v>
      </c>
      <c r="S5422" s="111">
        <v>0</v>
      </c>
      <c r="T5422" s="111">
        <v>0</v>
      </c>
      <c r="U5422" s="111">
        <v>0</v>
      </c>
      <c r="V5422" s="111">
        <v>0</v>
      </c>
      <c r="W5422" s="111">
        <v>0</v>
      </c>
      <c r="X5422" s="111">
        <v>0</v>
      </c>
      <c r="Y5422" s="111">
        <v>0</v>
      </c>
      <c r="Z5422" s="111">
        <v>0</v>
      </c>
      <c r="AA5422" s="111">
        <v>0</v>
      </c>
      <c r="AB5422" s="111">
        <v>0</v>
      </c>
      <c r="AC5422" s="111">
        <v>0</v>
      </c>
      <c r="AD5422" s="111">
        <v>0</v>
      </c>
      <c r="AE5422" s="111">
        <v>0</v>
      </c>
      <c r="AF5422" s="111">
        <v>0</v>
      </c>
      <c r="AG5422" s="111">
        <v>0</v>
      </c>
      <c r="AH5422" s="111">
        <v>0</v>
      </c>
      <c r="AI5422" s="111">
        <v>0</v>
      </c>
      <c r="AJ5422" s="111">
        <v>0</v>
      </c>
      <c r="AK5422" s="111">
        <v>0</v>
      </c>
      <c r="AL5422" s="111">
        <v>0</v>
      </c>
      <c r="AM5422" s="111">
        <v>0</v>
      </c>
      <c r="AN5422" s="111">
        <v>0</v>
      </c>
      <c r="AO5422" s="111">
        <v>0</v>
      </c>
      <c r="AP5422" s="111">
        <v>0</v>
      </c>
      <c r="AQ5422" s="111">
        <v>0</v>
      </c>
      <c r="AR5422" s="111">
        <v>0</v>
      </c>
      <c r="AS5422" s="111">
        <v>0</v>
      </c>
      <c r="AT5422" s="111" t="s">
        <v>174</v>
      </c>
      <c r="AU5422" s="111">
        <v>0</v>
      </c>
      <c r="AV5422" s="111">
        <v>0</v>
      </c>
      <c r="AW5422" s="111">
        <v>0</v>
      </c>
      <c r="AX5422" s="112"/>
      <c r="AY5422" s="112"/>
      <c r="AZ5422" s="112"/>
      <c r="BA5422" s="112"/>
      <c r="BB5422" s="107">
        <v>45884</v>
      </c>
    </row>
    <row r="5423" spans="1:54" s="8" customFormat="1" ht="13.95" customHeight="1" x14ac:dyDescent="0.25">
      <c r="A5423" s="229" t="s">
        <v>12690</v>
      </c>
      <c r="B5423" s="96" t="s">
        <v>11930</v>
      </c>
      <c r="C5423" s="93" t="s">
        <v>12691</v>
      </c>
      <c r="D5423" s="93" t="s">
        <v>12692</v>
      </c>
      <c r="E5423" s="111">
        <v>2004</v>
      </c>
      <c r="F5423" s="111">
        <v>1000</v>
      </c>
      <c r="G5423" s="93" t="s">
        <v>8</v>
      </c>
      <c r="H5423" s="111">
        <v>0</v>
      </c>
      <c r="I5423" s="111">
        <v>0</v>
      </c>
      <c r="J5423" s="111">
        <v>1</v>
      </c>
      <c r="K5423" s="111">
        <v>0</v>
      </c>
      <c r="L5423" s="111">
        <v>0</v>
      </c>
      <c r="M5423" s="111">
        <v>0</v>
      </c>
      <c r="N5423" s="111">
        <v>0</v>
      </c>
      <c r="O5423" s="111">
        <v>0</v>
      </c>
      <c r="P5423" s="111">
        <v>0</v>
      </c>
      <c r="Q5423" s="111">
        <v>0</v>
      </c>
      <c r="R5423" s="111">
        <v>0</v>
      </c>
      <c r="S5423" s="111">
        <v>0</v>
      </c>
      <c r="T5423" s="111">
        <v>0</v>
      </c>
      <c r="U5423" s="111">
        <v>0</v>
      </c>
      <c r="V5423" s="111">
        <v>0</v>
      </c>
      <c r="W5423" s="111">
        <v>0</v>
      </c>
      <c r="X5423" s="111">
        <v>0</v>
      </c>
      <c r="Y5423" s="111">
        <v>0</v>
      </c>
      <c r="Z5423" s="111">
        <v>0</v>
      </c>
      <c r="AA5423" s="111">
        <v>0</v>
      </c>
      <c r="AB5423" s="111">
        <v>0</v>
      </c>
      <c r="AC5423" s="111">
        <v>0</v>
      </c>
      <c r="AD5423" s="111">
        <v>0</v>
      </c>
      <c r="AE5423" s="111">
        <v>0</v>
      </c>
      <c r="AF5423" s="111">
        <v>0</v>
      </c>
      <c r="AG5423" s="111">
        <v>0</v>
      </c>
      <c r="AH5423" s="111">
        <v>0</v>
      </c>
      <c r="AI5423" s="111">
        <v>0</v>
      </c>
      <c r="AJ5423" s="111">
        <v>0</v>
      </c>
      <c r="AK5423" s="111">
        <v>0</v>
      </c>
      <c r="AL5423" s="111">
        <v>0</v>
      </c>
      <c r="AM5423" s="111">
        <v>0</v>
      </c>
      <c r="AN5423" s="111">
        <v>0</v>
      </c>
      <c r="AO5423" s="111">
        <v>0</v>
      </c>
      <c r="AP5423" s="111">
        <v>0</v>
      </c>
      <c r="AQ5423" s="111">
        <v>0</v>
      </c>
      <c r="AR5423" s="111">
        <v>0</v>
      </c>
      <c r="AS5423" s="111">
        <v>0</v>
      </c>
      <c r="AT5423" s="111" t="s">
        <v>174</v>
      </c>
      <c r="AU5423" s="111">
        <v>0</v>
      </c>
      <c r="AV5423" s="111">
        <v>0</v>
      </c>
      <c r="AW5423" s="111">
        <v>0</v>
      </c>
      <c r="AX5423" s="112"/>
      <c r="AY5423" s="112"/>
      <c r="AZ5423" s="112"/>
      <c r="BA5423" s="112"/>
      <c r="BB5423" s="107">
        <v>45884</v>
      </c>
    </row>
    <row r="5424" spans="1:54" s="8" customFormat="1" ht="13.95" customHeight="1" x14ac:dyDescent="0.25">
      <c r="A5424" s="229" t="s">
        <v>12693</v>
      </c>
      <c r="B5424" s="96" t="s">
        <v>11930</v>
      </c>
      <c r="C5424" s="93" t="s">
        <v>12694</v>
      </c>
      <c r="D5424" s="93" t="s">
        <v>12695</v>
      </c>
      <c r="E5424" s="111">
        <v>1994</v>
      </c>
      <c r="F5424" s="111">
        <v>6000</v>
      </c>
      <c r="G5424" s="93" t="s">
        <v>8</v>
      </c>
      <c r="H5424" s="111">
        <v>0</v>
      </c>
      <c r="I5424" s="111">
        <v>0</v>
      </c>
      <c r="J5424" s="111">
        <v>0</v>
      </c>
      <c r="K5424" s="111">
        <v>0</v>
      </c>
      <c r="L5424" s="111">
        <v>0</v>
      </c>
      <c r="M5424" s="111">
        <v>0</v>
      </c>
      <c r="N5424" s="111">
        <v>0</v>
      </c>
      <c r="O5424" s="111">
        <v>0</v>
      </c>
      <c r="P5424" s="111">
        <v>0</v>
      </c>
      <c r="Q5424" s="111">
        <v>0</v>
      </c>
      <c r="R5424" s="111">
        <v>0</v>
      </c>
      <c r="S5424" s="111">
        <v>0</v>
      </c>
      <c r="T5424" s="111">
        <v>0</v>
      </c>
      <c r="U5424" s="111">
        <v>0</v>
      </c>
      <c r="V5424" s="111">
        <v>0</v>
      </c>
      <c r="W5424" s="111">
        <v>0</v>
      </c>
      <c r="X5424" s="111">
        <v>0</v>
      </c>
      <c r="Y5424" s="111">
        <v>0</v>
      </c>
      <c r="Z5424" s="111">
        <v>0</v>
      </c>
      <c r="AA5424" s="111">
        <v>0</v>
      </c>
      <c r="AB5424" s="111">
        <v>0</v>
      </c>
      <c r="AC5424" s="111">
        <v>0</v>
      </c>
      <c r="AD5424" s="111">
        <v>0</v>
      </c>
      <c r="AE5424" s="111">
        <v>0</v>
      </c>
      <c r="AF5424" s="111">
        <v>0</v>
      </c>
      <c r="AG5424" s="111">
        <v>0</v>
      </c>
      <c r="AH5424" s="111">
        <v>0</v>
      </c>
      <c r="AI5424" s="111">
        <v>0</v>
      </c>
      <c r="AJ5424" s="111">
        <v>0</v>
      </c>
      <c r="AK5424" s="111">
        <v>0</v>
      </c>
      <c r="AL5424" s="111">
        <v>0</v>
      </c>
      <c r="AM5424" s="111">
        <v>0</v>
      </c>
      <c r="AN5424" s="111">
        <v>0</v>
      </c>
      <c r="AO5424" s="111">
        <v>0</v>
      </c>
      <c r="AP5424" s="111">
        <v>0</v>
      </c>
      <c r="AQ5424" s="111">
        <v>0</v>
      </c>
      <c r="AR5424" s="111">
        <v>0</v>
      </c>
      <c r="AS5424" s="111">
        <v>0</v>
      </c>
      <c r="AT5424" s="111" t="s">
        <v>174</v>
      </c>
      <c r="AU5424" s="111">
        <v>0</v>
      </c>
      <c r="AV5424" s="111">
        <v>0</v>
      </c>
      <c r="AW5424" s="111">
        <v>0</v>
      </c>
      <c r="AX5424" s="112"/>
      <c r="AY5424" s="112"/>
      <c r="AZ5424" s="112"/>
      <c r="BA5424" s="112"/>
      <c r="BB5424" s="107">
        <v>45884</v>
      </c>
    </row>
    <row r="5425" spans="1:54" s="8" customFormat="1" ht="13.95" customHeight="1" x14ac:dyDescent="0.25">
      <c r="A5425" s="229" t="s">
        <v>12696</v>
      </c>
      <c r="B5425" s="96" t="s">
        <v>11930</v>
      </c>
      <c r="C5425" s="93" t="s">
        <v>12697</v>
      </c>
      <c r="D5425" s="93" t="s">
        <v>24632</v>
      </c>
      <c r="E5425" s="111">
        <v>1985</v>
      </c>
      <c r="F5425" s="111">
        <v>5300</v>
      </c>
      <c r="G5425" s="93" t="s">
        <v>8</v>
      </c>
      <c r="H5425" s="111">
        <v>0</v>
      </c>
      <c r="I5425" s="111">
        <v>0</v>
      </c>
      <c r="J5425" s="111">
        <v>0</v>
      </c>
      <c r="K5425" s="111">
        <v>0</v>
      </c>
      <c r="L5425" s="111">
        <v>0</v>
      </c>
      <c r="M5425" s="111">
        <v>0</v>
      </c>
      <c r="N5425" s="111">
        <v>0</v>
      </c>
      <c r="O5425" s="111">
        <v>0</v>
      </c>
      <c r="P5425" s="111">
        <v>0</v>
      </c>
      <c r="Q5425" s="111">
        <v>0</v>
      </c>
      <c r="R5425" s="111">
        <v>0</v>
      </c>
      <c r="S5425" s="111">
        <v>0</v>
      </c>
      <c r="T5425" s="111">
        <v>0</v>
      </c>
      <c r="U5425" s="111">
        <v>0</v>
      </c>
      <c r="V5425" s="111">
        <v>0</v>
      </c>
      <c r="W5425" s="111">
        <v>0</v>
      </c>
      <c r="X5425" s="111">
        <v>0</v>
      </c>
      <c r="Y5425" s="111">
        <v>0</v>
      </c>
      <c r="Z5425" s="111">
        <v>0</v>
      </c>
      <c r="AA5425" s="111">
        <v>0</v>
      </c>
      <c r="AB5425" s="111">
        <v>0</v>
      </c>
      <c r="AC5425" s="111">
        <v>0</v>
      </c>
      <c r="AD5425" s="111">
        <v>0</v>
      </c>
      <c r="AE5425" s="111">
        <v>0</v>
      </c>
      <c r="AF5425" s="111">
        <v>0</v>
      </c>
      <c r="AG5425" s="111">
        <v>0</v>
      </c>
      <c r="AH5425" s="111">
        <v>0</v>
      </c>
      <c r="AI5425" s="111">
        <v>0</v>
      </c>
      <c r="AJ5425" s="111">
        <v>0</v>
      </c>
      <c r="AK5425" s="111">
        <v>0</v>
      </c>
      <c r="AL5425" s="111">
        <v>0</v>
      </c>
      <c r="AM5425" s="111">
        <v>0</v>
      </c>
      <c r="AN5425" s="111">
        <v>0</v>
      </c>
      <c r="AO5425" s="111">
        <v>0</v>
      </c>
      <c r="AP5425" s="111">
        <v>0</v>
      </c>
      <c r="AQ5425" s="111">
        <v>0</v>
      </c>
      <c r="AR5425" s="111">
        <v>0</v>
      </c>
      <c r="AS5425" s="111">
        <v>0</v>
      </c>
      <c r="AT5425" s="111" t="s">
        <v>174</v>
      </c>
      <c r="AU5425" s="111">
        <v>0</v>
      </c>
      <c r="AV5425" s="111">
        <v>0</v>
      </c>
      <c r="AW5425" s="111">
        <v>0</v>
      </c>
      <c r="AX5425" s="112"/>
      <c r="AY5425" s="112"/>
      <c r="AZ5425" s="112"/>
      <c r="BA5425" s="112"/>
      <c r="BB5425" s="107">
        <v>45884</v>
      </c>
    </row>
    <row r="5426" spans="1:54" s="8" customFormat="1" ht="13.5" customHeight="1" x14ac:dyDescent="0.25">
      <c r="A5426" s="229" t="s">
        <v>12698</v>
      </c>
      <c r="B5426" s="96" t="s">
        <v>11930</v>
      </c>
      <c r="C5426" s="93" t="s">
        <v>12699</v>
      </c>
      <c r="D5426" s="93" t="s">
        <v>12700</v>
      </c>
      <c r="E5426" s="111">
        <v>1991</v>
      </c>
      <c r="F5426" s="111">
        <v>500</v>
      </c>
      <c r="G5426" s="93" t="s">
        <v>8</v>
      </c>
      <c r="H5426" s="111">
        <v>0</v>
      </c>
      <c r="I5426" s="111">
        <v>0</v>
      </c>
      <c r="J5426" s="111">
        <v>0</v>
      </c>
      <c r="K5426" s="111">
        <v>0</v>
      </c>
      <c r="L5426" s="111">
        <v>0</v>
      </c>
      <c r="M5426" s="111">
        <v>0</v>
      </c>
      <c r="N5426" s="111">
        <v>0</v>
      </c>
      <c r="O5426" s="111">
        <v>0</v>
      </c>
      <c r="P5426" s="111">
        <v>0</v>
      </c>
      <c r="Q5426" s="111">
        <v>0</v>
      </c>
      <c r="R5426" s="111">
        <v>0</v>
      </c>
      <c r="S5426" s="111">
        <v>0</v>
      </c>
      <c r="T5426" s="111">
        <v>0</v>
      </c>
      <c r="U5426" s="111">
        <v>0</v>
      </c>
      <c r="V5426" s="111">
        <v>0</v>
      </c>
      <c r="W5426" s="111">
        <v>0</v>
      </c>
      <c r="X5426" s="111">
        <v>0</v>
      </c>
      <c r="Y5426" s="111">
        <v>0</v>
      </c>
      <c r="Z5426" s="111">
        <v>0</v>
      </c>
      <c r="AA5426" s="111">
        <v>0</v>
      </c>
      <c r="AB5426" s="111">
        <v>0</v>
      </c>
      <c r="AC5426" s="111">
        <v>0</v>
      </c>
      <c r="AD5426" s="111">
        <v>0</v>
      </c>
      <c r="AE5426" s="111">
        <v>0</v>
      </c>
      <c r="AF5426" s="111">
        <v>0</v>
      </c>
      <c r="AG5426" s="111">
        <v>0</v>
      </c>
      <c r="AH5426" s="111">
        <v>0</v>
      </c>
      <c r="AI5426" s="111">
        <v>0</v>
      </c>
      <c r="AJ5426" s="111">
        <v>0</v>
      </c>
      <c r="AK5426" s="111">
        <v>0</v>
      </c>
      <c r="AL5426" s="111">
        <v>0</v>
      </c>
      <c r="AM5426" s="111">
        <v>0</v>
      </c>
      <c r="AN5426" s="111">
        <v>0</v>
      </c>
      <c r="AO5426" s="111">
        <v>0</v>
      </c>
      <c r="AP5426" s="111">
        <v>0</v>
      </c>
      <c r="AQ5426" s="111">
        <v>0</v>
      </c>
      <c r="AR5426" s="111">
        <v>0</v>
      </c>
      <c r="AS5426" s="111">
        <v>0</v>
      </c>
      <c r="AT5426" s="111" t="s">
        <v>174</v>
      </c>
      <c r="AU5426" s="111">
        <v>0</v>
      </c>
      <c r="AV5426" s="111">
        <v>0</v>
      </c>
      <c r="AW5426" s="111">
        <v>0</v>
      </c>
      <c r="AX5426" s="112"/>
      <c r="AY5426" s="112"/>
      <c r="AZ5426" s="112"/>
      <c r="BA5426" s="112"/>
      <c r="BB5426" s="107">
        <v>45884</v>
      </c>
    </row>
    <row r="5427" spans="1:54" s="8" customFormat="1" ht="13.95" customHeight="1" x14ac:dyDescent="0.25">
      <c r="A5427" s="229" t="s">
        <v>12701</v>
      </c>
      <c r="B5427" s="96" t="s">
        <v>11930</v>
      </c>
      <c r="C5427" s="93" t="s">
        <v>12702</v>
      </c>
      <c r="D5427" s="93" t="s">
        <v>24633</v>
      </c>
      <c r="E5427" s="111">
        <v>1995</v>
      </c>
      <c r="F5427" s="111">
        <v>1600</v>
      </c>
      <c r="G5427" s="93" t="s">
        <v>8</v>
      </c>
      <c r="H5427" s="111">
        <v>0</v>
      </c>
      <c r="I5427" s="111">
        <v>0</v>
      </c>
      <c r="J5427" s="111">
        <v>1</v>
      </c>
      <c r="K5427" s="111">
        <v>0</v>
      </c>
      <c r="L5427" s="111">
        <v>1</v>
      </c>
      <c r="M5427" s="111">
        <v>0</v>
      </c>
      <c r="N5427" s="111">
        <v>0</v>
      </c>
      <c r="O5427" s="111">
        <v>1</v>
      </c>
      <c r="P5427" s="111">
        <v>1</v>
      </c>
      <c r="Q5427" s="111">
        <v>0</v>
      </c>
      <c r="R5427" s="111">
        <v>1</v>
      </c>
      <c r="S5427" s="111">
        <v>0</v>
      </c>
      <c r="T5427" s="111">
        <v>0</v>
      </c>
      <c r="U5427" s="111">
        <v>0</v>
      </c>
      <c r="V5427" s="111">
        <v>0</v>
      </c>
      <c r="W5427" s="111">
        <v>0</v>
      </c>
      <c r="X5427" s="111">
        <v>0</v>
      </c>
      <c r="Y5427" s="111">
        <v>0</v>
      </c>
      <c r="Z5427" s="111">
        <v>0</v>
      </c>
      <c r="AA5427" s="111">
        <v>0</v>
      </c>
      <c r="AB5427" s="111">
        <v>0</v>
      </c>
      <c r="AC5427" s="111">
        <v>0</v>
      </c>
      <c r="AD5427" s="111">
        <v>0</v>
      </c>
      <c r="AE5427" s="111">
        <v>0</v>
      </c>
      <c r="AF5427" s="111">
        <v>0</v>
      </c>
      <c r="AG5427" s="111">
        <v>0</v>
      </c>
      <c r="AH5427" s="111">
        <v>0</v>
      </c>
      <c r="AI5427" s="111">
        <v>0</v>
      </c>
      <c r="AJ5427" s="111">
        <v>0</v>
      </c>
      <c r="AK5427" s="111">
        <v>0</v>
      </c>
      <c r="AL5427" s="111">
        <v>0</v>
      </c>
      <c r="AM5427" s="111">
        <v>0</v>
      </c>
      <c r="AN5427" s="111">
        <v>0</v>
      </c>
      <c r="AO5427" s="111">
        <v>0</v>
      </c>
      <c r="AP5427" s="111">
        <v>0</v>
      </c>
      <c r="AQ5427" s="111">
        <v>0</v>
      </c>
      <c r="AR5427" s="111">
        <v>0</v>
      </c>
      <c r="AS5427" s="111">
        <v>0</v>
      </c>
      <c r="AT5427" s="111" t="s">
        <v>174</v>
      </c>
      <c r="AU5427" s="111">
        <v>0</v>
      </c>
      <c r="AV5427" s="111">
        <v>0</v>
      </c>
      <c r="AW5427" s="111">
        <v>0</v>
      </c>
      <c r="AX5427" s="112"/>
      <c r="AY5427" s="112"/>
      <c r="AZ5427" s="112"/>
      <c r="BA5427" s="112"/>
      <c r="BB5427" s="107">
        <v>45884</v>
      </c>
    </row>
    <row r="5428" spans="1:54" s="8" customFormat="1" ht="13.5" customHeight="1" x14ac:dyDescent="0.25">
      <c r="A5428" s="229" t="s">
        <v>12703</v>
      </c>
      <c r="B5428" s="96" t="s">
        <v>11930</v>
      </c>
      <c r="C5428" s="93" t="s">
        <v>12704</v>
      </c>
      <c r="D5428" s="93" t="s">
        <v>12705</v>
      </c>
      <c r="E5428" s="111">
        <v>2002</v>
      </c>
      <c r="F5428" s="111">
        <v>900</v>
      </c>
      <c r="G5428" s="93" t="s">
        <v>8</v>
      </c>
      <c r="H5428" s="111">
        <v>0</v>
      </c>
      <c r="I5428" s="111">
        <v>0</v>
      </c>
      <c r="J5428" s="111">
        <v>0</v>
      </c>
      <c r="K5428" s="111">
        <v>0</v>
      </c>
      <c r="L5428" s="111">
        <v>0</v>
      </c>
      <c r="M5428" s="111">
        <v>0</v>
      </c>
      <c r="N5428" s="111">
        <v>0</v>
      </c>
      <c r="O5428" s="111">
        <v>0</v>
      </c>
      <c r="P5428" s="111">
        <v>0</v>
      </c>
      <c r="Q5428" s="111">
        <v>0</v>
      </c>
      <c r="R5428" s="111">
        <v>0</v>
      </c>
      <c r="S5428" s="111">
        <v>0</v>
      </c>
      <c r="T5428" s="111">
        <v>0</v>
      </c>
      <c r="U5428" s="111">
        <v>0</v>
      </c>
      <c r="V5428" s="111">
        <v>0</v>
      </c>
      <c r="W5428" s="111">
        <v>0</v>
      </c>
      <c r="X5428" s="111">
        <v>0</v>
      </c>
      <c r="Y5428" s="111">
        <v>0</v>
      </c>
      <c r="Z5428" s="111">
        <v>0</v>
      </c>
      <c r="AA5428" s="111">
        <v>0</v>
      </c>
      <c r="AB5428" s="111">
        <v>0</v>
      </c>
      <c r="AC5428" s="111">
        <v>0</v>
      </c>
      <c r="AD5428" s="111">
        <v>0</v>
      </c>
      <c r="AE5428" s="111">
        <v>0</v>
      </c>
      <c r="AF5428" s="111">
        <v>0</v>
      </c>
      <c r="AG5428" s="111">
        <v>0</v>
      </c>
      <c r="AH5428" s="111">
        <v>0</v>
      </c>
      <c r="AI5428" s="111">
        <v>0</v>
      </c>
      <c r="AJ5428" s="111">
        <v>0</v>
      </c>
      <c r="AK5428" s="111">
        <v>0</v>
      </c>
      <c r="AL5428" s="111">
        <v>0</v>
      </c>
      <c r="AM5428" s="111">
        <v>0</v>
      </c>
      <c r="AN5428" s="111">
        <v>0</v>
      </c>
      <c r="AO5428" s="111">
        <v>0</v>
      </c>
      <c r="AP5428" s="111">
        <v>0</v>
      </c>
      <c r="AQ5428" s="111">
        <v>0</v>
      </c>
      <c r="AR5428" s="111">
        <v>0</v>
      </c>
      <c r="AS5428" s="111">
        <v>0</v>
      </c>
      <c r="AT5428" s="111" t="s">
        <v>174</v>
      </c>
      <c r="AU5428" s="111">
        <v>0</v>
      </c>
      <c r="AV5428" s="111">
        <v>0</v>
      </c>
      <c r="AW5428" s="111">
        <v>0</v>
      </c>
      <c r="AX5428" s="112"/>
      <c r="AY5428" s="112"/>
      <c r="AZ5428" s="112"/>
      <c r="BA5428" s="112"/>
      <c r="BB5428" s="107">
        <v>45884</v>
      </c>
    </row>
    <row r="5429" spans="1:54" s="8" customFormat="1" ht="13.5" customHeight="1" x14ac:dyDescent="0.25">
      <c r="A5429" s="229" t="s">
        <v>12706</v>
      </c>
      <c r="B5429" s="96" t="s">
        <v>11930</v>
      </c>
      <c r="C5429" s="93" t="s">
        <v>12707</v>
      </c>
      <c r="D5429" s="93" t="s">
        <v>12708</v>
      </c>
      <c r="E5429" s="111">
        <v>2008</v>
      </c>
      <c r="F5429" s="111">
        <v>9300</v>
      </c>
      <c r="G5429" s="93" t="s">
        <v>8</v>
      </c>
      <c r="H5429" s="111">
        <v>0</v>
      </c>
      <c r="I5429" s="111">
        <v>0</v>
      </c>
      <c r="J5429" s="111">
        <v>0</v>
      </c>
      <c r="K5429" s="111">
        <v>0</v>
      </c>
      <c r="L5429" s="111">
        <v>0</v>
      </c>
      <c r="M5429" s="111">
        <v>0</v>
      </c>
      <c r="N5429" s="111">
        <v>0</v>
      </c>
      <c r="O5429" s="111">
        <v>0</v>
      </c>
      <c r="P5429" s="111">
        <v>0</v>
      </c>
      <c r="Q5429" s="111">
        <v>0</v>
      </c>
      <c r="R5429" s="111">
        <v>0</v>
      </c>
      <c r="S5429" s="111">
        <v>0</v>
      </c>
      <c r="T5429" s="111">
        <v>0</v>
      </c>
      <c r="U5429" s="111">
        <v>0</v>
      </c>
      <c r="V5429" s="111">
        <v>0</v>
      </c>
      <c r="W5429" s="111">
        <v>0</v>
      </c>
      <c r="X5429" s="111">
        <v>0</v>
      </c>
      <c r="Y5429" s="111">
        <v>0</v>
      </c>
      <c r="Z5429" s="111">
        <v>0</v>
      </c>
      <c r="AA5429" s="111">
        <v>0</v>
      </c>
      <c r="AB5429" s="111">
        <v>0</v>
      </c>
      <c r="AC5429" s="111">
        <v>0</v>
      </c>
      <c r="AD5429" s="111">
        <v>0</v>
      </c>
      <c r="AE5429" s="111">
        <v>0</v>
      </c>
      <c r="AF5429" s="111">
        <v>0</v>
      </c>
      <c r="AG5429" s="111">
        <v>0</v>
      </c>
      <c r="AH5429" s="111">
        <v>0</v>
      </c>
      <c r="AI5429" s="111">
        <v>0</v>
      </c>
      <c r="AJ5429" s="111">
        <v>0</v>
      </c>
      <c r="AK5429" s="111">
        <v>0</v>
      </c>
      <c r="AL5429" s="111">
        <v>0</v>
      </c>
      <c r="AM5429" s="111">
        <v>0</v>
      </c>
      <c r="AN5429" s="111">
        <v>0</v>
      </c>
      <c r="AO5429" s="111">
        <v>0</v>
      </c>
      <c r="AP5429" s="111">
        <v>0</v>
      </c>
      <c r="AQ5429" s="111">
        <v>0</v>
      </c>
      <c r="AR5429" s="111">
        <v>0</v>
      </c>
      <c r="AS5429" s="111">
        <v>0</v>
      </c>
      <c r="AT5429" s="111" t="s">
        <v>174</v>
      </c>
      <c r="AU5429" s="111">
        <v>0</v>
      </c>
      <c r="AV5429" s="111">
        <v>0</v>
      </c>
      <c r="AW5429" s="111">
        <v>0</v>
      </c>
      <c r="AX5429" s="112"/>
      <c r="AY5429" s="112"/>
      <c r="AZ5429" s="112"/>
      <c r="BA5429" s="112"/>
      <c r="BB5429" s="107">
        <v>45884</v>
      </c>
    </row>
    <row r="5430" spans="1:54" s="8" customFormat="1" ht="13.5" customHeight="1" x14ac:dyDescent="0.25">
      <c r="A5430" s="229" t="s">
        <v>12709</v>
      </c>
      <c r="B5430" s="96" t="s">
        <v>11930</v>
      </c>
      <c r="C5430" s="93" t="s">
        <v>12710</v>
      </c>
      <c r="D5430" s="93" t="s">
        <v>12711</v>
      </c>
      <c r="E5430" s="111">
        <v>2008</v>
      </c>
      <c r="F5430" s="111">
        <v>2500</v>
      </c>
      <c r="G5430" s="93" t="s">
        <v>8</v>
      </c>
      <c r="H5430" s="111">
        <v>0</v>
      </c>
      <c r="I5430" s="111">
        <v>0</v>
      </c>
      <c r="J5430" s="111">
        <v>0</v>
      </c>
      <c r="K5430" s="111">
        <v>0</v>
      </c>
      <c r="L5430" s="111">
        <v>0</v>
      </c>
      <c r="M5430" s="111">
        <v>0</v>
      </c>
      <c r="N5430" s="111">
        <v>0</v>
      </c>
      <c r="O5430" s="111">
        <v>0</v>
      </c>
      <c r="P5430" s="111">
        <v>0</v>
      </c>
      <c r="Q5430" s="111">
        <v>0</v>
      </c>
      <c r="R5430" s="111">
        <v>0</v>
      </c>
      <c r="S5430" s="111">
        <v>0</v>
      </c>
      <c r="T5430" s="111">
        <v>0</v>
      </c>
      <c r="U5430" s="111">
        <v>0</v>
      </c>
      <c r="V5430" s="111">
        <v>0</v>
      </c>
      <c r="W5430" s="111">
        <v>0</v>
      </c>
      <c r="X5430" s="111">
        <v>0</v>
      </c>
      <c r="Y5430" s="111">
        <v>0</v>
      </c>
      <c r="Z5430" s="111">
        <v>0</v>
      </c>
      <c r="AA5430" s="111">
        <v>0</v>
      </c>
      <c r="AB5430" s="111">
        <v>0</v>
      </c>
      <c r="AC5430" s="111">
        <v>0</v>
      </c>
      <c r="AD5430" s="111">
        <v>0</v>
      </c>
      <c r="AE5430" s="111">
        <v>0</v>
      </c>
      <c r="AF5430" s="111">
        <v>0</v>
      </c>
      <c r="AG5430" s="111">
        <v>0</v>
      </c>
      <c r="AH5430" s="111">
        <v>0</v>
      </c>
      <c r="AI5430" s="111">
        <v>0</v>
      </c>
      <c r="AJ5430" s="111">
        <v>0</v>
      </c>
      <c r="AK5430" s="111">
        <v>0</v>
      </c>
      <c r="AL5430" s="111">
        <v>0</v>
      </c>
      <c r="AM5430" s="111">
        <v>0</v>
      </c>
      <c r="AN5430" s="111">
        <v>0</v>
      </c>
      <c r="AO5430" s="111">
        <v>0</v>
      </c>
      <c r="AP5430" s="111">
        <v>0</v>
      </c>
      <c r="AQ5430" s="111">
        <v>0</v>
      </c>
      <c r="AR5430" s="111">
        <v>0</v>
      </c>
      <c r="AS5430" s="111">
        <v>0</v>
      </c>
      <c r="AT5430" s="111" t="s">
        <v>174</v>
      </c>
      <c r="AU5430" s="111">
        <v>0</v>
      </c>
      <c r="AV5430" s="111">
        <v>0</v>
      </c>
      <c r="AW5430" s="111">
        <v>0</v>
      </c>
      <c r="AX5430" s="112"/>
      <c r="AY5430" s="112"/>
      <c r="AZ5430" s="112"/>
      <c r="BA5430" s="112"/>
      <c r="BB5430" s="107">
        <v>45884</v>
      </c>
    </row>
    <row r="5431" spans="1:54" s="8" customFormat="1" ht="13.5" customHeight="1" x14ac:dyDescent="0.25">
      <c r="A5431" s="229" t="s">
        <v>12712</v>
      </c>
      <c r="B5431" s="96" t="s">
        <v>11930</v>
      </c>
      <c r="C5431" s="93" t="s">
        <v>12713</v>
      </c>
      <c r="D5431" s="93" t="s">
        <v>12714</v>
      </c>
      <c r="E5431" s="111">
        <v>2009</v>
      </c>
      <c r="F5431" s="111">
        <v>6400</v>
      </c>
      <c r="G5431" s="93" t="s">
        <v>8</v>
      </c>
      <c r="H5431" s="111">
        <v>0</v>
      </c>
      <c r="I5431" s="111">
        <v>0</v>
      </c>
      <c r="J5431" s="111">
        <v>0</v>
      </c>
      <c r="K5431" s="111">
        <v>0</v>
      </c>
      <c r="L5431" s="111">
        <v>0</v>
      </c>
      <c r="M5431" s="111">
        <v>0</v>
      </c>
      <c r="N5431" s="111">
        <v>0</v>
      </c>
      <c r="O5431" s="111">
        <v>0</v>
      </c>
      <c r="P5431" s="111">
        <v>0</v>
      </c>
      <c r="Q5431" s="111">
        <v>0</v>
      </c>
      <c r="R5431" s="111">
        <v>0</v>
      </c>
      <c r="S5431" s="111">
        <v>0</v>
      </c>
      <c r="T5431" s="111">
        <v>0</v>
      </c>
      <c r="U5431" s="111">
        <v>0</v>
      </c>
      <c r="V5431" s="111">
        <v>0</v>
      </c>
      <c r="W5431" s="111">
        <v>0</v>
      </c>
      <c r="X5431" s="111">
        <v>0</v>
      </c>
      <c r="Y5431" s="111">
        <v>0</v>
      </c>
      <c r="Z5431" s="111">
        <v>0</v>
      </c>
      <c r="AA5431" s="111">
        <v>0</v>
      </c>
      <c r="AB5431" s="111">
        <v>0</v>
      </c>
      <c r="AC5431" s="111">
        <v>0</v>
      </c>
      <c r="AD5431" s="111">
        <v>0</v>
      </c>
      <c r="AE5431" s="111">
        <v>0</v>
      </c>
      <c r="AF5431" s="111">
        <v>0</v>
      </c>
      <c r="AG5431" s="111">
        <v>0</v>
      </c>
      <c r="AH5431" s="111">
        <v>0</v>
      </c>
      <c r="AI5431" s="111">
        <v>0</v>
      </c>
      <c r="AJ5431" s="111">
        <v>0</v>
      </c>
      <c r="AK5431" s="111">
        <v>0</v>
      </c>
      <c r="AL5431" s="111">
        <v>0</v>
      </c>
      <c r="AM5431" s="111">
        <v>0</v>
      </c>
      <c r="AN5431" s="111">
        <v>0</v>
      </c>
      <c r="AO5431" s="111">
        <v>0</v>
      </c>
      <c r="AP5431" s="111">
        <v>0</v>
      </c>
      <c r="AQ5431" s="111">
        <v>0</v>
      </c>
      <c r="AR5431" s="111">
        <v>0</v>
      </c>
      <c r="AS5431" s="111">
        <v>0</v>
      </c>
      <c r="AT5431" s="111" t="s">
        <v>174</v>
      </c>
      <c r="AU5431" s="111">
        <v>0</v>
      </c>
      <c r="AV5431" s="111">
        <v>0</v>
      </c>
      <c r="AW5431" s="111">
        <v>0</v>
      </c>
      <c r="AX5431" s="112"/>
      <c r="AY5431" s="112"/>
      <c r="AZ5431" s="112"/>
      <c r="BA5431" s="112"/>
      <c r="BB5431" s="107">
        <v>45884</v>
      </c>
    </row>
    <row r="5432" spans="1:54" s="8" customFormat="1" ht="13.5" customHeight="1" x14ac:dyDescent="0.25">
      <c r="A5432" s="229" t="s">
        <v>12715</v>
      </c>
      <c r="B5432" s="96" t="s">
        <v>11930</v>
      </c>
      <c r="C5432" s="93" t="s">
        <v>12716</v>
      </c>
      <c r="D5432" s="93" t="s">
        <v>12717</v>
      </c>
      <c r="E5432" s="111">
        <v>1993</v>
      </c>
      <c r="F5432" s="111">
        <v>400</v>
      </c>
      <c r="G5432" s="93" t="s">
        <v>8</v>
      </c>
      <c r="H5432" s="111">
        <v>0</v>
      </c>
      <c r="I5432" s="111">
        <v>0</v>
      </c>
      <c r="J5432" s="111">
        <v>1</v>
      </c>
      <c r="K5432" s="111">
        <v>0</v>
      </c>
      <c r="L5432" s="111">
        <v>0</v>
      </c>
      <c r="M5432" s="111">
        <v>0</v>
      </c>
      <c r="N5432" s="111">
        <v>0</v>
      </c>
      <c r="O5432" s="111">
        <v>0</v>
      </c>
      <c r="P5432" s="111">
        <v>0</v>
      </c>
      <c r="Q5432" s="111">
        <v>0</v>
      </c>
      <c r="R5432" s="111">
        <v>0</v>
      </c>
      <c r="S5432" s="111">
        <v>0</v>
      </c>
      <c r="T5432" s="111">
        <v>0</v>
      </c>
      <c r="U5432" s="111">
        <v>0</v>
      </c>
      <c r="V5432" s="111">
        <v>0</v>
      </c>
      <c r="W5432" s="111">
        <v>0</v>
      </c>
      <c r="X5432" s="111">
        <v>0</v>
      </c>
      <c r="Y5432" s="111">
        <v>0</v>
      </c>
      <c r="Z5432" s="111">
        <v>0</v>
      </c>
      <c r="AA5432" s="111">
        <v>0</v>
      </c>
      <c r="AB5432" s="111">
        <v>0</v>
      </c>
      <c r="AC5432" s="111">
        <v>0</v>
      </c>
      <c r="AD5432" s="111">
        <v>0</v>
      </c>
      <c r="AE5432" s="111">
        <v>0</v>
      </c>
      <c r="AF5432" s="111">
        <v>0</v>
      </c>
      <c r="AG5432" s="111">
        <v>0</v>
      </c>
      <c r="AH5432" s="111">
        <v>0</v>
      </c>
      <c r="AI5432" s="111">
        <v>0</v>
      </c>
      <c r="AJ5432" s="111">
        <v>0</v>
      </c>
      <c r="AK5432" s="111">
        <v>0</v>
      </c>
      <c r="AL5432" s="111">
        <v>0</v>
      </c>
      <c r="AM5432" s="111">
        <v>0</v>
      </c>
      <c r="AN5432" s="111">
        <v>0</v>
      </c>
      <c r="AO5432" s="111">
        <v>0</v>
      </c>
      <c r="AP5432" s="111">
        <v>0</v>
      </c>
      <c r="AQ5432" s="111">
        <v>0</v>
      </c>
      <c r="AR5432" s="111">
        <v>0</v>
      </c>
      <c r="AS5432" s="111">
        <v>0</v>
      </c>
      <c r="AT5432" s="111" t="s">
        <v>174</v>
      </c>
      <c r="AU5432" s="111">
        <v>0</v>
      </c>
      <c r="AV5432" s="111">
        <v>0</v>
      </c>
      <c r="AW5432" s="111">
        <v>0</v>
      </c>
      <c r="AX5432" s="112"/>
      <c r="AY5432" s="112"/>
      <c r="AZ5432" s="112"/>
      <c r="BA5432" s="112"/>
      <c r="BB5432" s="107">
        <v>45884</v>
      </c>
    </row>
    <row r="5433" spans="1:54" s="8" customFormat="1" ht="13.5" customHeight="1" x14ac:dyDescent="0.25">
      <c r="A5433" s="229" t="s">
        <v>12718</v>
      </c>
      <c r="B5433" s="96" t="s">
        <v>11930</v>
      </c>
      <c r="C5433" s="93" t="s">
        <v>12719</v>
      </c>
      <c r="D5433" s="93" t="s">
        <v>12720</v>
      </c>
      <c r="E5433" s="111">
        <v>1972</v>
      </c>
      <c r="F5433" s="111">
        <v>2900</v>
      </c>
      <c r="G5433" s="93" t="s">
        <v>8</v>
      </c>
      <c r="H5433" s="111">
        <v>1</v>
      </c>
      <c r="I5433" s="111">
        <v>0</v>
      </c>
      <c r="J5433" s="111">
        <v>1</v>
      </c>
      <c r="K5433" s="111">
        <v>0</v>
      </c>
      <c r="L5433" s="111">
        <v>1</v>
      </c>
      <c r="M5433" s="111">
        <v>0</v>
      </c>
      <c r="N5433" s="111">
        <v>0</v>
      </c>
      <c r="O5433" s="111">
        <v>1</v>
      </c>
      <c r="P5433" s="111">
        <v>1</v>
      </c>
      <c r="Q5433" s="111">
        <v>0</v>
      </c>
      <c r="R5433" s="111">
        <v>1</v>
      </c>
      <c r="S5433" s="111">
        <v>1</v>
      </c>
      <c r="T5433" s="111">
        <v>0</v>
      </c>
      <c r="U5433" s="111">
        <v>0</v>
      </c>
      <c r="V5433" s="111">
        <v>0</v>
      </c>
      <c r="W5433" s="111">
        <v>0</v>
      </c>
      <c r="X5433" s="111">
        <v>0</v>
      </c>
      <c r="Y5433" s="111">
        <v>0</v>
      </c>
      <c r="Z5433" s="111">
        <v>0</v>
      </c>
      <c r="AA5433" s="111">
        <v>0</v>
      </c>
      <c r="AB5433" s="111">
        <v>0</v>
      </c>
      <c r="AC5433" s="111">
        <v>0</v>
      </c>
      <c r="AD5433" s="111">
        <v>0</v>
      </c>
      <c r="AE5433" s="111">
        <v>0</v>
      </c>
      <c r="AF5433" s="111">
        <v>0</v>
      </c>
      <c r="AG5433" s="111">
        <v>0</v>
      </c>
      <c r="AH5433" s="111">
        <v>0</v>
      </c>
      <c r="AI5433" s="111">
        <v>0</v>
      </c>
      <c r="AJ5433" s="111">
        <v>0</v>
      </c>
      <c r="AK5433" s="111">
        <v>0</v>
      </c>
      <c r="AL5433" s="111">
        <v>0</v>
      </c>
      <c r="AM5433" s="111">
        <v>0</v>
      </c>
      <c r="AN5433" s="111">
        <v>0</v>
      </c>
      <c r="AO5433" s="111">
        <v>0</v>
      </c>
      <c r="AP5433" s="111">
        <v>0</v>
      </c>
      <c r="AQ5433" s="111">
        <v>0</v>
      </c>
      <c r="AR5433" s="111">
        <v>0</v>
      </c>
      <c r="AS5433" s="111">
        <v>0</v>
      </c>
      <c r="AT5433" s="111" t="s">
        <v>174</v>
      </c>
      <c r="AU5433" s="111">
        <v>0</v>
      </c>
      <c r="AV5433" s="111">
        <v>0</v>
      </c>
      <c r="AW5433" s="111">
        <v>0</v>
      </c>
      <c r="AX5433" s="112"/>
      <c r="AY5433" s="112"/>
      <c r="AZ5433" s="112"/>
      <c r="BA5433" s="112"/>
      <c r="BB5433" s="107">
        <v>45884</v>
      </c>
    </row>
    <row r="5434" spans="1:54" s="8" customFormat="1" ht="13.5" customHeight="1" x14ac:dyDescent="0.25">
      <c r="A5434" s="229" t="s">
        <v>12721</v>
      </c>
      <c r="B5434" s="96" t="s">
        <v>11930</v>
      </c>
      <c r="C5434" s="93" t="s">
        <v>12722</v>
      </c>
      <c r="D5434" s="93" t="s">
        <v>24634</v>
      </c>
      <c r="E5434" s="111">
        <v>1987</v>
      </c>
      <c r="F5434" s="111">
        <v>900</v>
      </c>
      <c r="G5434" s="93" t="s">
        <v>8</v>
      </c>
      <c r="H5434" s="111">
        <v>0</v>
      </c>
      <c r="I5434" s="111">
        <v>0</v>
      </c>
      <c r="J5434" s="111">
        <v>1</v>
      </c>
      <c r="K5434" s="252">
        <v>1</v>
      </c>
      <c r="L5434" s="111">
        <v>1</v>
      </c>
      <c r="M5434" s="111">
        <v>0</v>
      </c>
      <c r="N5434" s="111">
        <v>0</v>
      </c>
      <c r="O5434" s="111">
        <v>0</v>
      </c>
      <c r="P5434" s="111">
        <v>1</v>
      </c>
      <c r="Q5434" s="111">
        <v>0</v>
      </c>
      <c r="R5434" s="111">
        <v>0</v>
      </c>
      <c r="S5434" s="111">
        <v>0</v>
      </c>
      <c r="T5434" s="111">
        <v>0</v>
      </c>
      <c r="U5434" s="111">
        <v>0</v>
      </c>
      <c r="V5434" s="111">
        <v>0</v>
      </c>
      <c r="W5434" s="111">
        <v>0</v>
      </c>
      <c r="X5434" s="111">
        <v>0</v>
      </c>
      <c r="Y5434" s="111">
        <v>0</v>
      </c>
      <c r="Z5434" s="111">
        <v>0</v>
      </c>
      <c r="AA5434" s="111">
        <v>0</v>
      </c>
      <c r="AB5434" s="111">
        <v>0</v>
      </c>
      <c r="AC5434" s="111">
        <v>0</v>
      </c>
      <c r="AD5434" s="111">
        <v>0</v>
      </c>
      <c r="AE5434" s="111">
        <v>0</v>
      </c>
      <c r="AF5434" s="111">
        <v>0</v>
      </c>
      <c r="AG5434" s="111">
        <v>0</v>
      </c>
      <c r="AH5434" s="111">
        <v>0</v>
      </c>
      <c r="AI5434" s="111">
        <v>0</v>
      </c>
      <c r="AJ5434" s="111">
        <v>0</v>
      </c>
      <c r="AK5434" s="111">
        <v>0</v>
      </c>
      <c r="AL5434" s="111">
        <v>0</v>
      </c>
      <c r="AM5434" s="111">
        <v>0</v>
      </c>
      <c r="AN5434" s="111">
        <v>0</v>
      </c>
      <c r="AO5434" s="111">
        <v>0</v>
      </c>
      <c r="AP5434" s="111">
        <v>0</v>
      </c>
      <c r="AQ5434" s="111">
        <v>0</v>
      </c>
      <c r="AR5434" s="111">
        <v>0</v>
      </c>
      <c r="AS5434" s="111">
        <v>0</v>
      </c>
      <c r="AT5434" s="111" t="s">
        <v>174</v>
      </c>
      <c r="AU5434" s="111">
        <v>0</v>
      </c>
      <c r="AV5434" s="111">
        <v>0</v>
      </c>
      <c r="AW5434" s="111">
        <v>0</v>
      </c>
      <c r="AX5434" s="112"/>
      <c r="AY5434" s="112"/>
      <c r="AZ5434" s="112"/>
      <c r="BA5434" s="112"/>
      <c r="BB5434" s="107">
        <v>45884</v>
      </c>
    </row>
    <row r="5435" spans="1:54" s="8" customFormat="1" ht="13.5" customHeight="1" x14ac:dyDescent="0.25">
      <c r="A5435" s="229" t="s">
        <v>12723</v>
      </c>
      <c r="B5435" s="96" t="s">
        <v>11930</v>
      </c>
      <c r="C5435" s="93" t="s">
        <v>12724</v>
      </c>
      <c r="D5435" s="93" t="s">
        <v>12725</v>
      </c>
      <c r="E5435" s="111">
        <v>1998</v>
      </c>
      <c r="F5435" s="111">
        <v>8000</v>
      </c>
      <c r="G5435" s="93" t="s">
        <v>11</v>
      </c>
      <c r="H5435" s="111">
        <v>0</v>
      </c>
      <c r="I5435" s="111">
        <v>0</v>
      </c>
      <c r="J5435" s="111">
        <v>0</v>
      </c>
      <c r="K5435" s="111">
        <v>0</v>
      </c>
      <c r="L5435" s="111">
        <v>0</v>
      </c>
      <c r="M5435" s="111">
        <v>0</v>
      </c>
      <c r="N5435" s="111">
        <v>0</v>
      </c>
      <c r="O5435" s="111">
        <v>0</v>
      </c>
      <c r="P5435" s="111">
        <v>0</v>
      </c>
      <c r="Q5435" s="111">
        <v>0</v>
      </c>
      <c r="R5435" s="111">
        <v>0</v>
      </c>
      <c r="S5435" s="111">
        <v>0</v>
      </c>
      <c r="T5435" s="111">
        <v>0</v>
      </c>
      <c r="U5435" s="111">
        <v>0</v>
      </c>
      <c r="V5435" s="111">
        <v>0</v>
      </c>
      <c r="W5435" s="111">
        <v>0</v>
      </c>
      <c r="X5435" s="111">
        <v>0</v>
      </c>
      <c r="Y5435" s="111">
        <v>0</v>
      </c>
      <c r="Z5435" s="111">
        <v>0</v>
      </c>
      <c r="AA5435" s="111">
        <v>0</v>
      </c>
      <c r="AB5435" s="111">
        <v>0</v>
      </c>
      <c r="AC5435" s="111">
        <v>0</v>
      </c>
      <c r="AD5435" s="111">
        <v>0</v>
      </c>
      <c r="AE5435" s="111">
        <v>0</v>
      </c>
      <c r="AF5435" s="111">
        <v>0</v>
      </c>
      <c r="AG5435" s="111">
        <v>0</v>
      </c>
      <c r="AH5435" s="111">
        <v>0</v>
      </c>
      <c r="AI5435" s="111">
        <v>0</v>
      </c>
      <c r="AJ5435" s="111">
        <v>0</v>
      </c>
      <c r="AK5435" s="111">
        <v>0</v>
      </c>
      <c r="AL5435" s="111">
        <v>0</v>
      </c>
      <c r="AM5435" s="111">
        <v>0</v>
      </c>
      <c r="AN5435" s="111">
        <v>0</v>
      </c>
      <c r="AO5435" s="111">
        <v>0</v>
      </c>
      <c r="AP5435" s="111">
        <v>0</v>
      </c>
      <c r="AQ5435" s="111">
        <v>0</v>
      </c>
      <c r="AR5435" s="111">
        <v>0</v>
      </c>
      <c r="AS5435" s="111">
        <v>0</v>
      </c>
      <c r="AT5435" s="111" t="s">
        <v>174</v>
      </c>
      <c r="AU5435" s="111">
        <v>0</v>
      </c>
      <c r="AV5435" s="111">
        <v>0</v>
      </c>
      <c r="AW5435" s="111">
        <v>0</v>
      </c>
      <c r="AX5435" s="112"/>
      <c r="AY5435" s="112"/>
      <c r="AZ5435" s="112"/>
      <c r="BA5435" s="112"/>
      <c r="BB5435" s="107">
        <v>45884</v>
      </c>
    </row>
    <row r="5436" spans="1:54" s="8" customFormat="1" ht="13.5" customHeight="1" x14ac:dyDescent="0.25">
      <c r="A5436" s="229" t="s">
        <v>12726</v>
      </c>
      <c r="B5436" s="96" t="s">
        <v>11930</v>
      </c>
      <c r="C5436" s="93" t="s">
        <v>12727</v>
      </c>
      <c r="D5436" s="93" t="s">
        <v>12728</v>
      </c>
      <c r="E5436" s="111">
        <v>2006</v>
      </c>
      <c r="F5436" s="111">
        <v>1800</v>
      </c>
      <c r="G5436" s="93" t="s">
        <v>11</v>
      </c>
      <c r="H5436" s="111">
        <v>0</v>
      </c>
      <c r="I5436" s="111">
        <v>0</v>
      </c>
      <c r="J5436" s="111">
        <v>0</v>
      </c>
      <c r="K5436" s="111">
        <v>0</v>
      </c>
      <c r="L5436" s="111">
        <v>0</v>
      </c>
      <c r="M5436" s="111">
        <v>0</v>
      </c>
      <c r="N5436" s="111">
        <v>0</v>
      </c>
      <c r="O5436" s="111">
        <v>0</v>
      </c>
      <c r="P5436" s="111">
        <v>0</v>
      </c>
      <c r="Q5436" s="111">
        <v>0</v>
      </c>
      <c r="R5436" s="111">
        <v>0</v>
      </c>
      <c r="S5436" s="111">
        <v>0</v>
      </c>
      <c r="T5436" s="111">
        <v>0</v>
      </c>
      <c r="U5436" s="111">
        <v>0</v>
      </c>
      <c r="V5436" s="111">
        <v>0</v>
      </c>
      <c r="W5436" s="111">
        <v>0</v>
      </c>
      <c r="X5436" s="111">
        <v>0</v>
      </c>
      <c r="Y5436" s="111">
        <v>0</v>
      </c>
      <c r="Z5436" s="111">
        <v>0</v>
      </c>
      <c r="AA5436" s="111">
        <v>0</v>
      </c>
      <c r="AB5436" s="111">
        <v>0</v>
      </c>
      <c r="AC5436" s="111">
        <v>0</v>
      </c>
      <c r="AD5436" s="111">
        <v>0</v>
      </c>
      <c r="AE5436" s="111">
        <v>0</v>
      </c>
      <c r="AF5436" s="111">
        <v>0</v>
      </c>
      <c r="AG5436" s="111">
        <v>0</v>
      </c>
      <c r="AH5436" s="111">
        <v>0</v>
      </c>
      <c r="AI5436" s="111">
        <v>0</v>
      </c>
      <c r="AJ5436" s="111">
        <v>0</v>
      </c>
      <c r="AK5436" s="111">
        <v>0</v>
      </c>
      <c r="AL5436" s="111">
        <v>0</v>
      </c>
      <c r="AM5436" s="111">
        <v>0</v>
      </c>
      <c r="AN5436" s="111">
        <v>0</v>
      </c>
      <c r="AO5436" s="111">
        <v>0</v>
      </c>
      <c r="AP5436" s="111">
        <v>0</v>
      </c>
      <c r="AQ5436" s="111">
        <v>0</v>
      </c>
      <c r="AR5436" s="111">
        <v>0</v>
      </c>
      <c r="AS5436" s="111">
        <v>0</v>
      </c>
      <c r="AT5436" s="111" t="s">
        <v>174</v>
      </c>
      <c r="AU5436" s="111">
        <v>0</v>
      </c>
      <c r="AV5436" s="111">
        <v>0</v>
      </c>
      <c r="AW5436" s="111">
        <v>0</v>
      </c>
      <c r="AX5436" s="112"/>
      <c r="AY5436" s="112"/>
      <c r="AZ5436" s="112"/>
      <c r="BA5436" s="112"/>
      <c r="BB5436" s="107">
        <v>45884</v>
      </c>
    </row>
    <row r="5437" spans="1:54" s="8" customFormat="1" ht="13.5" customHeight="1" x14ac:dyDescent="0.25">
      <c r="A5437" s="229" t="s">
        <v>12729</v>
      </c>
      <c r="B5437" s="96" t="s">
        <v>11930</v>
      </c>
      <c r="C5437" s="93" t="s">
        <v>12730</v>
      </c>
      <c r="D5437" s="93" t="s">
        <v>12731</v>
      </c>
      <c r="E5437" s="111">
        <v>1986</v>
      </c>
      <c r="F5437" s="111">
        <v>5800</v>
      </c>
      <c r="G5437" s="93" t="s">
        <v>11</v>
      </c>
      <c r="H5437" s="111">
        <v>1</v>
      </c>
      <c r="I5437" s="111">
        <v>0</v>
      </c>
      <c r="J5437" s="111">
        <v>1</v>
      </c>
      <c r="K5437" s="252">
        <v>1</v>
      </c>
      <c r="L5437" s="111">
        <v>1</v>
      </c>
      <c r="M5437" s="111">
        <v>0</v>
      </c>
      <c r="N5437" s="111">
        <v>0</v>
      </c>
      <c r="O5437" s="111">
        <v>0</v>
      </c>
      <c r="P5437" s="111">
        <v>1</v>
      </c>
      <c r="Q5437" s="111">
        <v>0</v>
      </c>
      <c r="R5437" s="111">
        <v>1</v>
      </c>
      <c r="S5437" s="111">
        <v>0</v>
      </c>
      <c r="T5437" s="111">
        <v>0</v>
      </c>
      <c r="U5437" s="111">
        <v>0</v>
      </c>
      <c r="V5437" s="111">
        <v>0</v>
      </c>
      <c r="W5437" s="111">
        <v>0</v>
      </c>
      <c r="X5437" s="111">
        <v>0</v>
      </c>
      <c r="Y5437" s="111">
        <v>0</v>
      </c>
      <c r="Z5437" s="111">
        <v>0</v>
      </c>
      <c r="AA5437" s="111">
        <v>0</v>
      </c>
      <c r="AB5437" s="111">
        <v>0</v>
      </c>
      <c r="AC5437" s="111">
        <v>0</v>
      </c>
      <c r="AD5437" s="111">
        <v>0</v>
      </c>
      <c r="AE5437" s="111">
        <v>0</v>
      </c>
      <c r="AF5437" s="111">
        <v>0</v>
      </c>
      <c r="AG5437" s="111">
        <v>0</v>
      </c>
      <c r="AH5437" s="111">
        <v>0</v>
      </c>
      <c r="AI5437" s="111">
        <v>0</v>
      </c>
      <c r="AJ5437" s="111">
        <v>0</v>
      </c>
      <c r="AK5437" s="111">
        <v>0</v>
      </c>
      <c r="AL5437" s="111">
        <v>0</v>
      </c>
      <c r="AM5437" s="111">
        <v>0</v>
      </c>
      <c r="AN5437" s="111">
        <v>0</v>
      </c>
      <c r="AO5437" s="111">
        <v>0</v>
      </c>
      <c r="AP5437" s="111">
        <v>0</v>
      </c>
      <c r="AQ5437" s="111">
        <v>0</v>
      </c>
      <c r="AR5437" s="111">
        <v>0</v>
      </c>
      <c r="AS5437" s="111">
        <v>0</v>
      </c>
      <c r="AT5437" s="111" t="s">
        <v>174</v>
      </c>
      <c r="AU5437" s="111">
        <v>0</v>
      </c>
      <c r="AV5437" s="111">
        <v>0</v>
      </c>
      <c r="AW5437" s="111">
        <v>0</v>
      </c>
      <c r="AX5437" s="112"/>
      <c r="AY5437" s="112"/>
      <c r="AZ5437" s="112"/>
      <c r="BA5437" s="112"/>
      <c r="BB5437" s="107">
        <v>45884</v>
      </c>
    </row>
    <row r="5438" spans="1:54" s="8" customFormat="1" ht="13.5" customHeight="1" x14ac:dyDescent="0.25">
      <c r="A5438" s="229" t="s">
        <v>20280</v>
      </c>
      <c r="B5438" s="96" t="s">
        <v>11930</v>
      </c>
      <c r="C5438" s="93" t="s">
        <v>12732</v>
      </c>
      <c r="D5438" s="93" t="s">
        <v>24635</v>
      </c>
      <c r="E5438" s="111">
        <v>2000</v>
      </c>
      <c r="F5438" s="111">
        <v>7800</v>
      </c>
      <c r="G5438" s="93" t="s">
        <v>11</v>
      </c>
      <c r="H5438" s="111">
        <v>1</v>
      </c>
      <c r="I5438" s="111">
        <v>1</v>
      </c>
      <c r="J5438" s="111">
        <v>1</v>
      </c>
      <c r="K5438" s="111">
        <v>0</v>
      </c>
      <c r="L5438" s="111">
        <v>0</v>
      </c>
      <c r="M5438" s="111">
        <v>1</v>
      </c>
      <c r="N5438" s="111">
        <v>0</v>
      </c>
      <c r="O5438" s="111">
        <v>0</v>
      </c>
      <c r="P5438" s="111">
        <v>1</v>
      </c>
      <c r="Q5438" s="111">
        <v>0</v>
      </c>
      <c r="R5438" s="111">
        <v>0</v>
      </c>
      <c r="S5438" s="111">
        <v>0</v>
      </c>
      <c r="T5438" s="111">
        <v>0</v>
      </c>
      <c r="U5438" s="111">
        <v>0</v>
      </c>
      <c r="V5438" s="111">
        <v>0</v>
      </c>
      <c r="W5438" s="111">
        <v>0</v>
      </c>
      <c r="X5438" s="111">
        <v>0</v>
      </c>
      <c r="Y5438" s="111">
        <v>0</v>
      </c>
      <c r="Z5438" s="111">
        <v>0</v>
      </c>
      <c r="AA5438" s="111">
        <v>0</v>
      </c>
      <c r="AB5438" s="111">
        <v>0</v>
      </c>
      <c r="AC5438" s="111">
        <v>0</v>
      </c>
      <c r="AD5438" s="111">
        <v>0</v>
      </c>
      <c r="AE5438" s="111">
        <v>0</v>
      </c>
      <c r="AF5438" s="111">
        <v>0</v>
      </c>
      <c r="AG5438" s="111">
        <v>0</v>
      </c>
      <c r="AH5438" s="111">
        <v>0</v>
      </c>
      <c r="AI5438" s="111">
        <v>0</v>
      </c>
      <c r="AJ5438" s="111">
        <v>0</v>
      </c>
      <c r="AK5438" s="111">
        <v>0</v>
      </c>
      <c r="AL5438" s="111">
        <v>0</v>
      </c>
      <c r="AM5438" s="111">
        <v>0</v>
      </c>
      <c r="AN5438" s="111">
        <v>0</v>
      </c>
      <c r="AO5438" s="111">
        <v>0</v>
      </c>
      <c r="AP5438" s="111">
        <v>0</v>
      </c>
      <c r="AQ5438" s="111">
        <v>0</v>
      </c>
      <c r="AR5438" s="111">
        <v>0</v>
      </c>
      <c r="AS5438" s="111">
        <v>0</v>
      </c>
      <c r="AT5438" s="111" t="s">
        <v>174</v>
      </c>
      <c r="AU5438" s="111">
        <v>0</v>
      </c>
      <c r="AV5438" s="111">
        <v>0</v>
      </c>
      <c r="AW5438" s="111">
        <v>0</v>
      </c>
      <c r="AX5438" s="112"/>
      <c r="AY5438" s="112"/>
      <c r="AZ5438" s="112"/>
      <c r="BA5438" s="112"/>
      <c r="BB5438" s="107">
        <v>45884</v>
      </c>
    </row>
    <row r="5439" spans="1:54" s="8" customFormat="1" ht="13.95" customHeight="1" x14ac:dyDescent="0.25">
      <c r="A5439" s="229" t="s">
        <v>12733</v>
      </c>
      <c r="B5439" s="96" t="s">
        <v>11930</v>
      </c>
      <c r="C5439" s="93" t="s">
        <v>12734</v>
      </c>
      <c r="D5439" s="93" t="s">
        <v>12735</v>
      </c>
      <c r="E5439" s="111">
        <v>2002</v>
      </c>
      <c r="F5439" s="254">
        <v>100394</v>
      </c>
      <c r="G5439" s="93" t="s">
        <v>0</v>
      </c>
      <c r="H5439" s="111">
        <v>1</v>
      </c>
      <c r="I5439" s="111">
        <v>1</v>
      </c>
      <c r="J5439" s="111">
        <v>1</v>
      </c>
      <c r="K5439" s="111">
        <v>0</v>
      </c>
      <c r="L5439" s="111">
        <v>0</v>
      </c>
      <c r="M5439" s="111">
        <v>1</v>
      </c>
      <c r="N5439" s="111">
        <v>0</v>
      </c>
      <c r="O5439" s="111">
        <v>0</v>
      </c>
      <c r="P5439" s="111">
        <v>0</v>
      </c>
      <c r="Q5439" s="111">
        <v>0</v>
      </c>
      <c r="R5439" s="111">
        <v>0</v>
      </c>
      <c r="S5439" s="111">
        <v>0</v>
      </c>
      <c r="T5439" s="111">
        <v>0</v>
      </c>
      <c r="U5439" s="111">
        <v>0</v>
      </c>
      <c r="V5439" s="111">
        <v>0</v>
      </c>
      <c r="W5439" s="111">
        <v>1</v>
      </c>
      <c r="X5439" s="111">
        <v>0</v>
      </c>
      <c r="Y5439" s="111">
        <v>0</v>
      </c>
      <c r="Z5439" s="111">
        <v>0</v>
      </c>
      <c r="AA5439" s="111">
        <v>1</v>
      </c>
      <c r="AB5439" s="111">
        <v>0</v>
      </c>
      <c r="AC5439" s="111">
        <v>0</v>
      </c>
      <c r="AD5439" s="111">
        <v>1</v>
      </c>
      <c r="AE5439" s="111">
        <v>0</v>
      </c>
      <c r="AF5439" s="111">
        <v>0</v>
      </c>
      <c r="AG5439" s="111">
        <v>1</v>
      </c>
      <c r="AH5439" s="111">
        <v>0</v>
      </c>
      <c r="AI5439" s="111">
        <v>0</v>
      </c>
      <c r="AJ5439" s="111">
        <v>0</v>
      </c>
      <c r="AK5439" s="111">
        <v>0</v>
      </c>
      <c r="AL5439" s="111">
        <v>0</v>
      </c>
      <c r="AM5439" s="111">
        <v>0</v>
      </c>
      <c r="AN5439" s="111">
        <v>0</v>
      </c>
      <c r="AO5439" s="111">
        <v>1</v>
      </c>
      <c r="AP5439" s="111">
        <v>0</v>
      </c>
      <c r="AQ5439" s="111">
        <v>0</v>
      </c>
      <c r="AR5439" s="111">
        <v>1</v>
      </c>
      <c r="AS5439" s="111">
        <v>0</v>
      </c>
      <c r="AT5439" s="111" t="s">
        <v>174</v>
      </c>
      <c r="AU5439" s="111">
        <v>1</v>
      </c>
      <c r="AV5439" s="111">
        <v>0</v>
      </c>
      <c r="AW5439" s="111">
        <v>1</v>
      </c>
      <c r="AX5439" s="255" t="s">
        <v>24636</v>
      </c>
      <c r="AY5439" s="93" t="s">
        <v>22123</v>
      </c>
      <c r="AZ5439" s="112" t="s">
        <v>20281</v>
      </c>
      <c r="BA5439" s="112" t="s">
        <v>20282</v>
      </c>
      <c r="BB5439" s="107">
        <v>45884</v>
      </c>
    </row>
    <row r="5440" spans="1:54" s="8" customFormat="1" ht="13.95" customHeight="1" x14ac:dyDescent="0.25">
      <c r="A5440" s="229" t="s">
        <v>12736</v>
      </c>
      <c r="B5440" s="96" t="s">
        <v>11930</v>
      </c>
      <c r="C5440" s="93" t="s">
        <v>12737</v>
      </c>
      <c r="D5440" s="235" t="s">
        <v>24637</v>
      </c>
      <c r="E5440" s="111">
        <v>1985</v>
      </c>
      <c r="F5440" s="254">
        <v>302920</v>
      </c>
      <c r="G5440" s="93" t="s">
        <v>6</v>
      </c>
      <c r="H5440" s="111">
        <v>1</v>
      </c>
      <c r="I5440" s="111">
        <v>1</v>
      </c>
      <c r="J5440" s="111">
        <v>1</v>
      </c>
      <c r="K5440" s="111">
        <v>1</v>
      </c>
      <c r="L5440" s="111">
        <v>1</v>
      </c>
      <c r="M5440" s="111">
        <v>1</v>
      </c>
      <c r="N5440" s="111">
        <v>1</v>
      </c>
      <c r="O5440" s="252">
        <v>1</v>
      </c>
      <c r="P5440" s="111">
        <v>1</v>
      </c>
      <c r="Q5440" s="111">
        <v>1</v>
      </c>
      <c r="R5440" s="111">
        <v>1</v>
      </c>
      <c r="S5440" s="111">
        <v>1</v>
      </c>
      <c r="T5440" s="111">
        <v>1</v>
      </c>
      <c r="U5440" s="111">
        <v>1</v>
      </c>
      <c r="V5440" s="111">
        <v>0</v>
      </c>
      <c r="W5440" s="111">
        <v>1</v>
      </c>
      <c r="X5440" s="111">
        <v>1</v>
      </c>
      <c r="Y5440" s="111">
        <v>1</v>
      </c>
      <c r="Z5440" s="111">
        <v>1</v>
      </c>
      <c r="AA5440" s="111">
        <v>1</v>
      </c>
      <c r="AB5440" s="111">
        <v>1</v>
      </c>
      <c r="AC5440" s="111">
        <v>0</v>
      </c>
      <c r="AD5440" s="252">
        <v>1</v>
      </c>
      <c r="AE5440" s="111">
        <v>0</v>
      </c>
      <c r="AF5440" s="111">
        <v>1</v>
      </c>
      <c r="AG5440" s="111">
        <v>1</v>
      </c>
      <c r="AH5440" s="111">
        <v>1</v>
      </c>
      <c r="AI5440" s="111">
        <v>1</v>
      </c>
      <c r="AJ5440" s="111">
        <v>1</v>
      </c>
      <c r="AK5440" s="111">
        <v>1</v>
      </c>
      <c r="AL5440" s="111">
        <v>1</v>
      </c>
      <c r="AM5440" s="111">
        <v>1</v>
      </c>
      <c r="AN5440" s="111">
        <v>1</v>
      </c>
      <c r="AO5440" s="111">
        <v>1</v>
      </c>
      <c r="AP5440" s="111">
        <v>0</v>
      </c>
      <c r="AQ5440" s="111">
        <v>0</v>
      </c>
      <c r="AR5440" s="111">
        <v>1</v>
      </c>
      <c r="AS5440" s="111">
        <v>1</v>
      </c>
      <c r="AT5440" s="111" t="s">
        <v>174</v>
      </c>
      <c r="AU5440" s="111">
        <v>0</v>
      </c>
      <c r="AV5440" s="111">
        <v>1</v>
      </c>
      <c r="AW5440" s="111">
        <v>1</v>
      </c>
      <c r="AX5440" s="112" t="s">
        <v>22124</v>
      </c>
      <c r="AY5440" s="112" t="s">
        <v>22125</v>
      </c>
      <c r="AZ5440" s="147" t="s">
        <v>21595</v>
      </c>
      <c r="BA5440" s="112" t="s">
        <v>20283</v>
      </c>
      <c r="BB5440" s="107">
        <v>45884</v>
      </c>
    </row>
    <row r="5441" spans="1:54" s="8" customFormat="1" ht="13.95" customHeight="1" x14ac:dyDescent="0.25">
      <c r="A5441" s="256" t="s">
        <v>21574</v>
      </c>
      <c r="B5441" s="230" t="s">
        <v>20275</v>
      </c>
      <c r="C5441" s="138" t="s">
        <v>20276</v>
      </c>
      <c r="D5441" s="138" t="s">
        <v>20279</v>
      </c>
      <c r="E5441" s="139">
        <v>2018</v>
      </c>
      <c r="F5441" s="139">
        <v>2000</v>
      </c>
      <c r="G5441" s="138" t="s">
        <v>20277</v>
      </c>
      <c r="H5441" s="139">
        <v>0</v>
      </c>
      <c r="I5441" s="139">
        <v>0</v>
      </c>
      <c r="J5441" s="139">
        <v>1</v>
      </c>
      <c r="K5441" s="139">
        <v>0</v>
      </c>
      <c r="L5441" s="139">
        <v>0</v>
      </c>
      <c r="M5441" s="139">
        <v>0</v>
      </c>
      <c r="N5441" s="139">
        <v>0</v>
      </c>
      <c r="O5441" s="139">
        <v>1</v>
      </c>
      <c r="P5441" s="139">
        <v>1</v>
      </c>
      <c r="Q5441" s="139">
        <v>0</v>
      </c>
      <c r="R5441" s="139">
        <v>1</v>
      </c>
      <c r="S5441" s="139">
        <v>0</v>
      </c>
      <c r="T5441" s="139">
        <v>0</v>
      </c>
      <c r="U5441" s="139">
        <v>0</v>
      </c>
      <c r="V5441" s="139">
        <v>0</v>
      </c>
      <c r="W5441" s="139">
        <v>0</v>
      </c>
      <c r="X5441" s="139">
        <v>0</v>
      </c>
      <c r="Y5441" s="139">
        <v>0</v>
      </c>
      <c r="Z5441" s="139">
        <v>0</v>
      </c>
      <c r="AA5441" s="139">
        <v>0</v>
      </c>
      <c r="AB5441" s="139">
        <v>0</v>
      </c>
      <c r="AC5441" s="139">
        <v>0</v>
      </c>
      <c r="AD5441" s="139">
        <v>0</v>
      </c>
      <c r="AE5441" s="139">
        <v>0</v>
      </c>
      <c r="AF5441" s="139">
        <v>0</v>
      </c>
      <c r="AG5441" s="139">
        <v>0</v>
      </c>
      <c r="AH5441" s="139">
        <v>0</v>
      </c>
      <c r="AI5441" s="139">
        <v>0</v>
      </c>
      <c r="AJ5441" s="139">
        <v>0</v>
      </c>
      <c r="AK5441" s="139">
        <v>0</v>
      </c>
      <c r="AL5441" s="139">
        <v>0</v>
      </c>
      <c r="AM5441" s="139">
        <v>0</v>
      </c>
      <c r="AN5441" s="139">
        <v>0</v>
      </c>
      <c r="AO5441" s="139">
        <v>0</v>
      </c>
      <c r="AP5441" s="139">
        <v>0</v>
      </c>
      <c r="AQ5441" s="139">
        <v>0</v>
      </c>
      <c r="AR5441" s="139">
        <v>0</v>
      </c>
      <c r="AS5441" s="139">
        <v>0</v>
      </c>
      <c r="AT5441" s="139" t="s">
        <v>174</v>
      </c>
      <c r="AU5441" s="139">
        <v>0</v>
      </c>
      <c r="AV5441" s="139">
        <v>0</v>
      </c>
      <c r="AW5441" s="139">
        <v>0</v>
      </c>
      <c r="AX5441" s="140"/>
      <c r="AY5441" s="140"/>
      <c r="AZ5441" s="140"/>
      <c r="BA5441" s="140"/>
      <c r="BB5441" s="107">
        <v>45884</v>
      </c>
    </row>
    <row r="5442" spans="1:54" s="8" customFormat="1" ht="12" x14ac:dyDescent="0.25">
      <c r="A5442" s="256" t="s">
        <v>20284</v>
      </c>
      <c r="B5442" s="230" t="s">
        <v>20275</v>
      </c>
      <c r="C5442" s="138" t="s">
        <v>20278</v>
      </c>
      <c r="D5442" s="93" t="s">
        <v>21573</v>
      </c>
      <c r="E5442" s="139">
        <v>2018</v>
      </c>
      <c r="F5442" s="139">
        <v>300</v>
      </c>
      <c r="G5442" s="138" t="s">
        <v>20277</v>
      </c>
      <c r="H5442" s="139">
        <v>0</v>
      </c>
      <c r="I5442" s="139">
        <v>0</v>
      </c>
      <c r="J5442" s="139">
        <v>1</v>
      </c>
      <c r="K5442" s="139">
        <v>1</v>
      </c>
      <c r="L5442" s="139">
        <v>1</v>
      </c>
      <c r="M5442" s="139">
        <v>0</v>
      </c>
      <c r="N5442" s="139">
        <v>0</v>
      </c>
      <c r="O5442" s="139">
        <v>0</v>
      </c>
      <c r="P5442" s="139">
        <v>0</v>
      </c>
      <c r="Q5442" s="139">
        <v>0</v>
      </c>
      <c r="R5442" s="139">
        <v>0</v>
      </c>
      <c r="S5442" s="139">
        <v>0</v>
      </c>
      <c r="T5442" s="139">
        <v>0</v>
      </c>
      <c r="U5442" s="139">
        <v>0</v>
      </c>
      <c r="V5442" s="139">
        <v>0</v>
      </c>
      <c r="W5442" s="139">
        <v>0</v>
      </c>
      <c r="X5442" s="139">
        <v>0</v>
      </c>
      <c r="Y5442" s="139">
        <v>0</v>
      </c>
      <c r="Z5442" s="139">
        <v>0</v>
      </c>
      <c r="AA5442" s="139">
        <v>0</v>
      </c>
      <c r="AB5442" s="139">
        <v>0</v>
      </c>
      <c r="AC5442" s="139">
        <v>0</v>
      </c>
      <c r="AD5442" s="139">
        <v>0</v>
      </c>
      <c r="AE5442" s="139">
        <v>0</v>
      </c>
      <c r="AF5442" s="139">
        <v>0</v>
      </c>
      <c r="AG5442" s="139">
        <v>0</v>
      </c>
      <c r="AH5442" s="139">
        <v>0</v>
      </c>
      <c r="AI5442" s="139">
        <v>0</v>
      </c>
      <c r="AJ5442" s="139">
        <v>0</v>
      </c>
      <c r="AK5442" s="139">
        <v>0</v>
      </c>
      <c r="AL5442" s="139">
        <v>0</v>
      </c>
      <c r="AM5442" s="139">
        <v>0</v>
      </c>
      <c r="AN5442" s="139">
        <v>0</v>
      </c>
      <c r="AO5442" s="139">
        <v>0</v>
      </c>
      <c r="AP5442" s="139">
        <v>0</v>
      </c>
      <c r="AQ5442" s="139">
        <v>0</v>
      </c>
      <c r="AR5442" s="139">
        <v>0</v>
      </c>
      <c r="AS5442" s="139">
        <v>0</v>
      </c>
      <c r="AT5442" s="139" t="s">
        <v>174</v>
      </c>
      <c r="AU5442" s="139">
        <v>0</v>
      </c>
      <c r="AV5442" s="139">
        <v>0</v>
      </c>
      <c r="AW5442" s="139">
        <v>0</v>
      </c>
      <c r="AX5442" s="140"/>
      <c r="AY5442" s="140"/>
      <c r="AZ5442" s="140"/>
      <c r="BA5442" s="140"/>
      <c r="BB5442" s="107">
        <v>45884</v>
      </c>
    </row>
    <row r="5443" spans="1:54" s="8" customFormat="1" ht="12" x14ac:dyDescent="0.25">
      <c r="A5443" s="229" t="s">
        <v>21596</v>
      </c>
      <c r="B5443" s="96" t="s">
        <v>21572</v>
      </c>
      <c r="C5443" s="93" t="s">
        <v>24163</v>
      </c>
      <c r="D5443" s="93" t="s">
        <v>21573</v>
      </c>
      <c r="E5443" s="111">
        <v>2020</v>
      </c>
      <c r="F5443" s="111">
        <v>2500</v>
      </c>
      <c r="G5443" s="93" t="s">
        <v>1</v>
      </c>
      <c r="H5443" s="111">
        <v>0</v>
      </c>
      <c r="I5443" s="111">
        <v>0</v>
      </c>
      <c r="J5443" s="111">
        <v>1</v>
      </c>
      <c r="K5443" s="111">
        <v>0</v>
      </c>
      <c r="L5443" s="111">
        <v>0</v>
      </c>
      <c r="M5443" s="111">
        <v>1</v>
      </c>
      <c r="N5443" s="111">
        <v>1</v>
      </c>
      <c r="O5443" s="111">
        <v>1</v>
      </c>
      <c r="P5443" s="111">
        <v>1</v>
      </c>
      <c r="Q5443" s="111">
        <v>0</v>
      </c>
      <c r="R5443" s="111">
        <v>0</v>
      </c>
      <c r="S5443" s="111">
        <v>0</v>
      </c>
      <c r="T5443" s="111">
        <v>0</v>
      </c>
      <c r="U5443" s="145"/>
      <c r="V5443" s="145"/>
      <c r="W5443" s="145"/>
      <c r="X5443" s="145"/>
      <c r="Y5443" s="145"/>
      <c r="Z5443" s="145"/>
      <c r="AA5443" s="145"/>
      <c r="AB5443" s="145"/>
      <c r="AC5443" s="145"/>
      <c r="AD5443" s="145"/>
      <c r="AE5443" s="145"/>
      <c r="AF5443" s="145"/>
      <c r="AG5443" s="145"/>
      <c r="AH5443" s="145"/>
      <c r="AI5443" s="145"/>
      <c r="AJ5443" s="145"/>
      <c r="AK5443" s="145"/>
      <c r="AL5443" s="145"/>
      <c r="AM5443" s="145"/>
      <c r="AN5443" s="145"/>
      <c r="AO5443" s="145"/>
      <c r="AP5443" s="145"/>
      <c r="AQ5443" s="145"/>
      <c r="AR5443" s="145"/>
      <c r="AS5443" s="145"/>
      <c r="AT5443" s="145"/>
      <c r="AU5443" s="145"/>
      <c r="AV5443" s="145"/>
      <c r="AW5443" s="145"/>
      <c r="AX5443" s="146"/>
      <c r="AY5443" s="146"/>
      <c r="AZ5443" s="146"/>
      <c r="BA5443" s="146"/>
      <c r="BB5443" s="107">
        <v>45884</v>
      </c>
    </row>
    <row r="5444" spans="1:54" s="8" customFormat="1" ht="15.75" customHeight="1" x14ac:dyDescent="0.25">
      <c r="A5444" s="256" t="s">
        <v>24188</v>
      </c>
      <c r="B5444" s="250" t="s">
        <v>20275</v>
      </c>
      <c r="C5444" s="140" t="s">
        <v>24164</v>
      </c>
      <c r="D5444" s="140" t="s">
        <v>24165</v>
      </c>
      <c r="E5444" s="139">
        <v>2023</v>
      </c>
      <c r="F5444" s="139">
        <v>7300</v>
      </c>
      <c r="G5444" s="140" t="s">
        <v>20277</v>
      </c>
      <c r="H5444" s="140"/>
      <c r="I5444" s="140"/>
      <c r="J5444" s="140">
        <v>1</v>
      </c>
      <c r="K5444" s="140"/>
      <c r="L5444" s="140"/>
      <c r="M5444" s="140">
        <v>1</v>
      </c>
      <c r="N5444" s="140">
        <v>1</v>
      </c>
      <c r="O5444" s="140">
        <v>1</v>
      </c>
      <c r="P5444" s="140">
        <v>1</v>
      </c>
      <c r="Q5444" s="140"/>
      <c r="R5444" s="140"/>
      <c r="S5444" s="140"/>
      <c r="T5444" s="140"/>
      <c r="U5444" s="140"/>
      <c r="V5444" s="140"/>
      <c r="W5444" s="140"/>
      <c r="X5444" s="140"/>
      <c r="Y5444" s="140"/>
      <c r="Z5444" s="140"/>
      <c r="AA5444" s="140"/>
      <c r="AB5444" s="140"/>
      <c r="AC5444" s="140"/>
      <c r="AD5444" s="140"/>
      <c r="AE5444" s="140"/>
      <c r="AF5444" s="140"/>
      <c r="AG5444" s="140"/>
      <c r="AH5444" s="140"/>
      <c r="AI5444" s="140"/>
      <c r="AJ5444" s="140"/>
      <c r="AK5444" s="140"/>
      <c r="AL5444" s="140"/>
      <c r="AM5444" s="140"/>
      <c r="AN5444" s="140"/>
      <c r="AO5444" s="140"/>
      <c r="AP5444" s="140"/>
      <c r="AQ5444" s="140"/>
      <c r="AR5444" s="140"/>
      <c r="AS5444" s="140"/>
      <c r="AT5444" s="140"/>
      <c r="AU5444" s="140"/>
      <c r="AV5444" s="140"/>
      <c r="AW5444" s="140"/>
      <c r="AX5444" s="140"/>
      <c r="AY5444" s="140"/>
      <c r="AZ5444" s="140"/>
      <c r="BA5444" s="140"/>
      <c r="BB5444" s="107">
        <v>45884</v>
      </c>
    </row>
    <row r="5445" spans="1:54" s="8" customFormat="1" ht="15.75" customHeight="1" x14ac:dyDescent="0.25">
      <c r="A5445" s="229" t="s">
        <v>24189</v>
      </c>
      <c r="B5445" s="250" t="s">
        <v>20275</v>
      </c>
      <c r="C5445" s="140" t="s">
        <v>24166</v>
      </c>
      <c r="D5445" s="140" t="s">
        <v>24167</v>
      </c>
      <c r="E5445" s="139">
        <v>2023</v>
      </c>
      <c r="F5445" s="139">
        <v>300</v>
      </c>
      <c r="G5445" s="140" t="s">
        <v>20277</v>
      </c>
      <c r="H5445" s="140"/>
      <c r="I5445" s="140"/>
      <c r="J5445" s="140">
        <v>1</v>
      </c>
      <c r="K5445" s="140"/>
      <c r="L5445" s="140"/>
      <c r="M5445" s="140"/>
      <c r="N5445" s="140"/>
      <c r="O5445" s="140"/>
      <c r="P5445" s="140"/>
      <c r="Q5445" s="140"/>
      <c r="R5445" s="140"/>
      <c r="S5445" s="140"/>
      <c r="T5445" s="140"/>
      <c r="U5445" s="140"/>
      <c r="V5445" s="140"/>
      <c r="W5445" s="140"/>
      <c r="X5445" s="140"/>
      <c r="Y5445" s="140"/>
      <c r="Z5445" s="140"/>
      <c r="AA5445" s="140"/>
      <c r="AB5445" s="140"/>
      <c r="AC5445" s="140"/>
      <c r="AD5445" s="140"/>
      <c r="AE5445" s="140"/>
      <c r="AF5445" s="140"/>
      <c r="AG5445" s="140"/>
      <c r="AH5445" s="140"/>
      <c r="AI5445" s="140"/>
      <c r="AJ5445" s="140"/>
      <c r="AK5445" s="140"/>
      <c r="AL5445" s="140"/>
      <c r="AM5445" s="140"/>
      <c r="AN5445" s="140"/>
      <c r="AO5445" s="140"/>
      <c r="AP5445" s="140"/>
      <c r="AQ5445" s="140"/>
      <c r="AR5445" s="140"/>
      <c r="AS5445" s="140"/>
      <c r="AT5445" s="140"/>
      <c r="AU5445" s="140"/>
      <c r="AV5445" s="140"/>
      <c r="AW5445" s="140"/>
      <c r="AX5445" s="140"/>
      <c r="AY5445" s="140"/>
      <c r="AZ5445" s="140"/>
      <c r="BA5445" s="140"/>
      <c r="BB5445" s="107">
        <v>45884</v>
      </c>
    </row>
    <row r="5446" spans="1:54" s="8" customFormat="1" ht="15.75" customHeight="1" x14ac:dyDescent="0.25">
      <c r="A5446" s="258" t="s">
        <v>24640</v>
      </c>
      <c r="B5446" s="257" t="s">
        <v>20275</v>
      </c>
      <c r="C5446" s="233" t="s">
        <v>24638</v>
      </c>
      <c r="D5446" s="233" t="s">
        <v>24639</v>
      </c>
      <c r="E5446" s="234">
        <v>2025</v>
      </c>
      <c r="F5446" s="234">
        <v>300</v>
      </c>
      <c r="G5446" s="233" t="s">
        <v>20277</v>
      </c>
      <c r="H5446" s="233">
        <v>0</v>
      </c>
      <c r="I5446" s="233">
        <v>0</v>
      </c>
      <c r="J5446" s="233">
        <v>1</v>
      </c>
      <c r="K5446" s="233">
        <v>1</v>
      </c>
      <c r="L5446" s="233">
        <v>0</v>
      </c>
      <c r="M5446" s="233">
        <v>0</v>
      </c>
      <c r="N5446" s="233">
        <v>0</v>
      </c>
      <c r="O5446" s="233">
        <v>0</v>
      </c>
      <c r="P5446" s="233">
        <v>0</v>
      </c>
      <c r="Q5446" s="233">
        <v>0</v>
      </c>
      <c r="R5446" s="233">
        <v>0</v>
      </c>
      <c r="S5446" s="233">
        <v>0</v>
      </c>
      <c r="T5446" s="233">
        <v>0</v>
      </c>
      <c r="U5446" s="233">
        <v>0</v>
      </c>
      <c r="V5446" s="233">
        <v>0</v>
      </c>
      <c r="W5446" s="233">
        <v>0</v>
      </c>
      <c r="X5446" s="233">
        <v>0</v>
      </c>
      <c r="Y5446" s="233">
        <v>0</v>
      </c>
      <c r="Z5446" s="233">
        <v>0</v>
      </c>
      <c r="AA5446" s="233">
        <v>0</v>
      </c>
      <c r="AB5446" s="233">
        <v>0</v>
      </c>
      <c r="AC5446" s="233">
        <v>0</v>
      </c>
      <c r="AD5446" s="233">
        <v>0</v>
      </c>
      <c r="AE5446" s="233">
        <v>0</v>
      </c>
      <c r="AF5446" s="233">
        <v>0</v>
      </c>
      <c r="AG5446" s="233">
        <v>0</v>
      </c>
      <c r="AH5446" s="233">
        <v>0</v>
      </c>
      <c r="AI5446" s="233">
        <v>0</v>
      </c>
      <c r="AJ5446" s="233">
        <v>0</v>
      </c>
      <c r="AK5446" s="233">
        <v>0</v>
      </c>
      <c r="AL5446" s="233">
        <v>0</v>
      </c>
      <c r="AM5446" s="233">
        <v>0</v>
      </c>
      <c r="AN5446" s="233">
        <v>0</v>
      </c>
      <c r="AO5446" s="233">
        <v>0</v>
      </c>
      <c r="AP5446" s="233">
        <v>0</v>
      </c>
      <c r="AQ5446" s="233">
        <v>0</v>
      </c>
      <c r="AR5446" s="233">
        <v>0</v>
      </c>
      <c r="AS5446" s="233">
        <v>0</v>
      </c>
      <c r="AT5446" s="233">
        <v>0</v>
      </c>
      <c r="AU5446" s="233">
        <v>0</v>
      </c>
      <c r="AV5446" s="233">
        <v>0</v>
      </c>
      <c r="AW5446" s="233">
        <v>0</v>
      </c>
      <c r="AX5446" s="233"/>
      <c r="AY5446" s="233"/>
      <c r="AZ5446" s="233"/>
      <c r="BA5446" s="233"/>
      <c r="BB5446" s="107">
        <v>45884</v>
      </c>
    </row>
    <row r="5447" spans="1:54" s="8" customFormat="1" ht="14.1" customHeight="1" x14ac:dyDescent="0.25">
      <c r="A5447" s="219" t="s">
        <v>12738</v>
      </c>
      <c r="B5447" s="220" t="s">
        <v>12745</v>
      </c>
      <c r="C5447" s="98" t="s">
        <v>12739</v>
      </c>
      <c r="D5447" s="98" t="s">
        <v>21969</v>
      </c>
      <c r="E5447" s="141">
        <v>1986</v>
      </c>
      <c r="F5447" s="141">
        <v>113</v>
      </c>
      <c r="G5447" s="98" t="s">
        <v>1</v>
      </c>
      <c r="H5447" s="98">
        <v>0</v>
      </c>
      <c r="I5447" s="98">
        <v>0</v>
      </c>
      <c r="J5447" s="98">
        <v>1</v>
      </c>
      <c r="K5447" s="98">
        <v>0</v>
      </c>
      <c r="L5447" s="98">
        <v>1</v>
      </c>
      <c r="M5447" s="98">
        <v>0</v>
      </c>
      <c r="N5447" s="98">
        <v>0</v>
      </c>
      <c r="O5447" s="98">
        <v>0</v>
      </c>
      <c r="P5447" s="98">
        <v>1</v>
      </c>
      <c r="Q5447" s="98">
        <v>0</v>
      </c>
      <c r="R5447" s="98">
        <v>0</v>
      </c>
      <c r="S5447" s="98">
        <v>0</v>
      </c>
      <c r="T5447" s="98">
        <v>0</v>
      </c>
      <c r="U5447" s="99"/>
      <c r="V5447" s="99"/>
      <c r="W5447" s="99"/>
      <c r="X5447" s="99"/>
      <c r="Y5447" s="99"/>
      <c r="Z5447" s="99"/>
      <c r="AA5447" s="99"/>
      <c r="AB5447" s="99"/>
      <c r="AC5447" s="99"/>
      <c r="AD5447" s="99"/>
      <c r="AE5447" s="99"/>
      <c r="AF5447" s="99"/>
      <c r="AG5447" s="99"/>
      <c r="AH5447" s="99"/>
      <c r="AI5447" s="99"/>
      <c r="AJ5447" s="99"/>
      <c r="AK5447" s="99"/>
      <c r="AL5447" s="99"/>
      <c r="AM5447" s="99"/>
      <c r="AN5447" s="99"/>
      <c r="AO5447" s="99"/>
      <c r="AP5447" s="99"/>
      <c r="AQ5447" s="99"/>
      <c r="AR5447" s="99"/>
      <c r="AS5447" s="99"/>
      <c r="AT5447" s="99"/>
      <c r="AU5447" s="99"/>
      <c r="AV5447" s="99"/>
      <c r="AW5447" s="99"/>
      <c r="AX5447" s="99"/>
      <c r="AY5447" s="99"/>
      <c r="AZ5447" s="99"/>
      <c r="BA5447" s="99"/>
      <c r="BB5447" s="107">
        <v>45884</v>
      </c>
    </row>
    <row r="5448" spans="1:54" s="8" customFormat="1" ht="14.1" customHeight="1" x14ac:dyDescent="0.25">
      <c r="A5448" s="219" t="s">
        <v>12740</v>
      </c>
      <c r="B5448" s="220" t="s">
        <v>12745</v>
      </c>
      <c r="C5448" s="98" t="s">
        <v>12741</v>
      </c>
      <c r="D5448" s="98" t="s">
        <v>19940</v>
      </c>
      <c r="E5448" s="141">
        <v>1987</v>
      </c>
      <c r="F5448" s="141">
        <v>128</v>
      </c>
      <c r="G5448" s="98" t="s">
        <v>1</v>
      </c>
      <c r="H5448" s="98">
        <v>0</v>
      </c>
      <c r="I5448" s="98">
        <v>0</v>
      </c>
      <c r="J5448" s="98">
        <v>0</v>
      </c>
      <c r="K5448" s="98">
        <v>1</v>
      </c>
      <c r="L5448" s="98">
        <v>0</v>
      </c>
      <c r="M5448" s="98">
        <v>0</v>
      </c>
      <c r="N5448" s="98">
        <v>0</v>
      </c>
      <c r="O5448" s="98">
        <v>0</v>
      </c>
      <c r="P5448" s="98">
        <v>0</v>
      </c>
      <c r="Q5448" s="98">
        <v>0</v>
      </c>
      <c r="R5448" s="98">
        <v>0</v>
      </c>
      <c r="S5448" s="98">
        <v>0</v>
      </c>
      <c r="T5448" s="98">
        <v>0</v>
      </c>
      <c r="U5448" s="99"/>
      <c r="V5448" s="99"/>
      <c r="W5448" s="99"/>
      <c r="X5448" s="99"/>
      <c r="Y5448" s="99"/>
      <c r="Z5448" s="99"/>
      <c r="AA5448" s="99"/>
      <c r="AB5448" s="99"/>
      <c r="AC5448" s="99"/>
      <c r="AD5448" s="99"/>
      <c r="AE5448" s="99"/>
      <c r="AF5448" s="99"/>
      <c r="AG5448" s="99"/>
      <c r="AH5448" s="99"/>
      <c r="AI5448" s="99"/>
      <c r="AJ5448" s="99"/>
      <c r="AK5448" s="99"/>
      <c r="AL5448" s="99"/>
      <c r="AM5448" s="99"/>
      <c r="AN5448" s="99"/>
      <c r="AO5448" s="99"/>
      <c r="AP5448" s="99"/>
      <c r="AQ5448" s="99"/>
      <c r="AR5448" s="99"/>
      <c r="AS5448" s="99"/>
      <c r="AT5448" s="99"/>
      <c r="AU5448" s="99"/>
      <c r="AV5448" s="99"/>
      <c r="AW5448" s="99"/>
      <c r="AX5448" s="99"/>
      <c r="AY5448" s="99"/>
      <c r="AZ5448" s="99"/>
      <c r="BA5448" s="99"/>
      <c r="BB5448" s="107">
        <v>45884</v>
      </c>
    </row>
    <row r="5449" spans="1:54" s="8" customFormat="1" ht="14.1" customHeight="1" x14ac:dyDescent="0.25">
      <c r="A5449" s="219" t="s">
        <v>12742</v>
      </c>
      <c r="B5449" s="220" t="s">
        <v>12745</v>
      </c>
      <c r="C5449" s="98" t="s">
        <v>12743</v>
      </c>
      <c r="D5449" s="98" t="s">
        <v>19941</v>
      </c>
      <c r="E5449" s="141">
        <v>1996</v>
      </c>
      <c r="F5449" s="141">
        <v>130</v>
      </c>
      <c r="G5449" s="98" t="s">
        <v>1</v>
      </c>
      <c r="H5449" s="98">
        <v>0</v>
      </c>
      <c r="I5449" s="98">
        <v>0</v>
      </c>
      <c r="J5449" s="98">
        <v>1</v>
      </c>
      <c r="K5449" s="98">
        <v>1</v>
      </c>
      <c r="L5449" s="98">
        <v>0</v>
      </c>
      <c r="M5449" s="98">
        <v>0</v>
      </c>
      <c r="N5449" s="98">
        <v>1</v>
      </c>
      <c r="O5449" s="98">
        <v>0</v>
      </c>
      <c r="P5449" s="98">
        <v>0</v>
      </c>
      <c r="Q5449" s="98">
        <v>0</v>
      </c>
      <c r="R5449" s="98">
        <v>0</v>
      </c>
      <c r="S5449" s="98">
        <v>0</v>
      </c>
      <c r="T5449" s="98">
        <v>0</v>
      </c>
      <c r="U5449" s="99"/>
      <c r="V5449" s="99"/>
      <c r="W5449" s="99"/>
      <c r="X5449" s="99"/>
      <c r="Y5449" s="99"/>
      <c r="Z5449" s="99"/>
      <c r="AA5449" s="99"/>
      <c r="AB5449" s="99"/>
      <c r="AC5449" s="99"/>
      <c r="AD5449" s="99"/>
      <c r="AE5449" s="99"/>
      <c r="AF5449" s="99"/>
      <c r="AG5449" s="99"/>
      <c r="AH5449" s="99"/>
      <c r="AI5449" s="99"/>
      <c r="AJ5449" s="99"/>
      <c r="AK5449" s="99"/>
      <c r="AL5449" s="99"/>
      <c r="AM5449" s="99"/>
      <c r="AN5449" s="99"/>
      <c r="AO5449" s="99"/>
      <c r="AP5449" s="99"/>
      <c r="AQ5449" s="99"/>
      <c r="AR5449" s="99"/>
      <c r="AS5449" s="99"/>
      <c r="AT5449" s="99"/>
      <c r="AU5449" s="99"/>
      <c r="AV5449" s="99"/>
      <c r="AW5449" s="99"/>
      <c r="AX5449" s="99"/>
      <c r="AY5449" s="99"/>
      <c r="AZ5449" s="99"/>
      <c r="BA5449" s="99"/>
      <c r="BB5449" s="107">
        <v>45884</v>
      </c>
    </row>
    <row r="5450" spans="1:54" s="8" customFormat="1" ht="14.1" customHeight="1" x14ac:dyDescent="0.25">
      <c r="A5450" s="219" t="s">
        <v>12744</v>
      </c>
      <c r="B5450" s="220" t="s">
        <v>12745</v>
      </c>
      <c r="C5450" s="98" t="s">
        <v>12746</v>
      </c>
      <c r="D5450" s="98" t="s">
        <v>19942</v>
      </c>
      <c r="E5450" s="141">
        <v>1995</v>
      </c>
      <c r="F5450" s="141">
        <v>130</v>
      </c>
      <c r="G5450" s="98" t="s">
        <v>1</v>
      </c>
      <c r="H5450" s="98">
        <v>0</v>
      </c>
      <c r="I5450" s="98">
        <v>0</v>
      </c>
      <c r="J5450" s="98">
        <v>1</v>
      </c>
      <c r="K5450" s="98">
        <v>0</v>
      </c>
      <c r="L5450" s="98">
        <v>1</v>
      </c>
      <c r="M5450" s="98">
        <v>0</v>
      </c>
      <c r="N5450" s="98">
        <v>0</v>
      </c>
      <c r="O5450" s="98">
        <v>0</v>
      </c>
      <c r="P5450" s="98">
        <v>0</v>
      </c>
      <c r="Q5450" s="98">
        <v>0</v>
      </c>
      <c r="R5450" s="98">
        <v>0</v>
      </c>
      <c r="S5450" s="98">
        <v>0</v>
      </c>
      <c r="T5450" s="98">
        <v>0</v>
      </c>
      <c r="U5450" s="99"/>
      <c r="V5450" s="99"/>
      <c r="W5450" s="99"/>
      <c r="X5450" s="99"/>
      <c r="Y5450" s="99"/>
      <c r="Z5450" s="99"/>
      <c r="AA5450" s="99"/>
      <c r="AB5450" s="99"/>
      <c r="AC5450" s="99"/>
      <c r="AD5450" s="99"/>
      <c r="AE5450" s="99"/>
      <c r="AF5450" s="99"/>
      <c r="AG5450" s="99"/>
      <c r="AH5450" s="99"/>
      <c r="AI5450" s="99"/>
      <c r="AJ5450" s="99"/>
      <c r="AK5450" s="99"/>
      <c r="AL5450" s="99"/>
      <c r="AM5450" s="99"/>
      <c r="AN5450" s="99"/>
      <c r="AO5450" s="99"/>
      <c r="AP5450" s="99"/>
      <c r="AQ5450" s="99"/>
      <c r="AR5450" s="99"/>
      <c r="AS5450" s="99"/>
      <c r="AT5450" s="99"/>
      <c r="AU5450" s="99"/>
      <c r="AV5450" s="99"/>
      <c r="AW5450" s="99"/>
      <c r="AX5450" s="99"/>
      <c r="AY5450" s="99"/>
      <c r="AZ5450" s="99"/>
      <c r="BA5450" s="99"/>
      <c r="BB5450" s="107">
        <v>45884</v>
      </c>
    </row>
    <row r="5451" spans="1:54" s="8" customFormat="1" ht="14.1" customHeight="1" x14ac:dyDescent="0.25">
      <c r="A5451" s="219" t="s">
        <v>12747</v>
      </c>
      <c r="B5451" s="220" t="s">
        <v>12745</v>
      </c>
      <c r="C5451" s="98" t="s">
        <v>12748</v>
      </c>
      <c r="D5451" s="98" t="s">
        <v>19943</v>
      </c>
      <c r="E5451" s="141">
        <v>1983</v>
      </c>
      <c r="F5451" s="141">
        <v>130</v>
      </c>
      <c r="G5451" s="98" t="s">
        <v>1</v>
      </c>
      <c r="H5451" s="98">
        <v>0</v>
      </c>
      <c r="I5451" s="98">
        <v>0</v>
      </c>
      <c r="J5451" s="98">
        <v>1</v>
      </c>
      <c r="K5451" s="98">
        <v>0</v>
      </c>
      <c r="L5451" s="98">
        <v>1</v>
      </c>
      <c r="M5451" s="98">
        <v>0</v>
      </c>
      <c r="N5451" s="98">
        <v>0</v>
      </c>
      <c r="O5451" s="98">
        <v>1</v>
      </c>
      <c r="P5451" s="98">
        <v>0</v>
      </c>
      <c r="Q5451" s="98">
        <v>0</v>
      </c>
      <c r="R5451" s="98">
        <v>1</v>
      </c>
      <c r="S5451" s="98">
        <v>0</v>
      </c>
      <c r="T5451" s="98">
        <v>0</v>
      </c>
      <c r="U5451" s="99"/>
      <c r="V5451" s="99"/>
      <c r="W5451" s="99"/>
      <c r="X5451" s="99"/>
      <c r="Y5451" s="99"/>
      <c r="Z5451" s="99"/>
      <c r="AA5451" s="99"/>
      <c r="AB5451" s="99"/>
      <c r="AC5451" s="99"/>
      <c r="AD5451" s="99"/>
      <c r="AE5451" s="99"/>
      <c r="AF5451" s="99"/>
      <c r="AG5451" s="99"/>
      <c r="AH5451" s="99"/>
      <c r="AI5451" s="99"/>
      <c r="AJ5451" s="99"/>
      <c r="AK5451" s="99"/>
      <c r="AL5451" s="99"/>
      <c r="AM5451" s="99"/>
      <c r="AN5451" s="99"/>
      <c r="AO5451" s="99"/>
      <c r="AP5451" s="99"/>
      <c r="AQ5451" s="99"/>
      <c r="AR5451" s="99"/>
      <c r="AS5451" s="99"/>
      <c r="AT5451" s="99"/>
      <c r="AU5451" s="99"/>
      <c r="AV5451" s="99"/>
      <c r="AW5451" s="99"/>
      <c r="AX5451" s="99"/>
      <c r="AY5451" s="99"/>
      <c r="AZ5451" s="99"/>
      <c r="BA5451" s="99"/>
      <c r="BB5451" s="107">
        <v>45884</v>
      </c>
    </row>
    <row r="5452" spans="1:54" s="8" customFormat="1" ht="14.1" customHeight="1" x14ac:dyDescent="0.25">
      <c r="A5452" s="219" t="s">
        <v>12749</v>
      </c>
      <c r="B5452" s="220" t="s">
        <v>12745</v>
      </c>
      <c r="C5452" s="98" t="s">
        <v>12750</v>
      </c>
      <c r="D5452" s="98" t="s">
        <v>19944</v>
      </c>
      <c r="E5452" s="141">
        <v>1988</v>
      </c>
      <c r="F5452" s="141">
        <v>133</v>
      </c>
      <c r="G5452" s="98" t="s">
        <v>1</v>
      </c>
      <c r="H5452" s="98">
        <v>0</v>
      </c>
      <c r="I5452" s="98">
        <v>0</v>
      </c>
      <c r="J5452" s="98">
        <v>1</v>
      </c>
      <c r="K5452" s="98">
        <v>0</v>
      </c>
      <c r="L5452" s="98">
        <v>0</v>
      </c>
      <c r="M5452" s="98">
        <v>0</v>
      </c>
      <c r="N5452" s="98">
        <v>0</v>
      </c>
      <c r="O5452" s="98">
        <v>0</v>
      </c>
      <c r="P5452" s="98">
        <v>0</v>
      </c>
      <c r="Q5452" s="98">
        <v>0</v>
      </c>
      <c r="R5452" s="98">
        <v>0</v>
      </c>
      <c r="S5452" s="98">
        <v>0</v>
      </c>
      <c r="T5452" s="98">
        <v>0</v>
      </c>
      <c r="U5452" s="99"/>
      <c r="V5452" s="99"/>
      <c r="W5452" s="99"/>
      <c r="X5452" s="99"/>
      <c r="Y5452" s="99"/>
      <c r="Z5452" s="99"/>
      <c r="AA5452" s="99"/>
      <c r="AB5452" s="99"/>
      <c r="AC5452" s="99"/>
      <c r="AD5452" s="99"/>
      <c r="AE5452" s="99"/>
      <c r="AF5452" s="99"/>
      <c r="AG5452" s="99"/>
      <c r="AH5452" s="99"/>
      <c r="AI5452" s="99"/>
      <c r="AJ5452" s="99"/>
      <c r="AK5452" s="99"/>
      <c r="AL5452" s="99"/>
      <c r="AM5452" s="99"/>
      <c r="AN5452" s="99"/>
      <c r="AO5452" s="99"/>
      <c r="AP5452" s="99"/>
      <c r="AQ5452" s="99"/>
      <c r="AR5452" s="99"/>
      <c r="AS5452" s="99"/>
      <c r="AT5452" s="99"/>
      <c r="AU5452" s="99"/>
      <c r="AV5452" s="99"/>
      <c r="AW5452" s="99"/>
      <c r="AX5452" s="99"/>
      <c r="AY5452" s="99"/>
      <c r="AZ5452" s="99"/>
      <c r="BA5452" s="99"/>
      <c r="BB5452" s="107">
        <v>45884</v>
      </c>
    </row>
    <row r="5453" spans="1:54" s="8" customFormat="1" ht="14.1" customHeight="1" x14ac:dyDescent="0.25">
      <c r="A5453" s="219" t="s">
        <v>12751</v>
      </c>
      <c r="B5453" s="220" t="s">
        <v>12745</v>
      </c>
      <c r="C5453" s="98" t="s">
        <v>12752</v>
      </c>
      <c r="D5453" s="98" t="s">
        <v>19945</v>
      </c>
      <c r="E5453" s="141">
        <v>1993</v>
      </c>
      <c r="F5453" s="141">
        <v>135</v>
      </c>
      <c r="G5453" s="98" t="s">
        <v>1</v>
      </c>
      <c r="H5453" s="98">
        <v>0</v>
      </c>
      <c r="I5453" s="98">
        <v>0</v>
      </c>
      <c r="J5453" s="98">
        <v>1</v>
      </c>
      <c r="K5453" s="98">
        <v>1</v>
      </c>
      <c r="L5453" s="98">
        <v>0</v>
      </c>
      <c r="M5453" s="98">
        <v>0</v>
      </c>
      <c r="N5453" s="98">
        <v>0</v>
      </c>
      <c r="O5453" s="98">
        <v>0</v>
      </c>
      <c r="P5453" s="98">
        <v>0</v>
      </c>
      <c r="Q5453" s="98">
        <v>0</v>
      </c>
      <c r="R5453" s="98">
        <v>0</v>
      </c>
      <c r="S5453" s="98">
        <v>0</v>
      </c>
      <c r="T5453" s="98">
        <v>0</v>
      </c>
      <c r="U5453" s="99"/>
      <c r="V5453" s="99"/>
      <c r="W5453" s="99"/>
      <c r="X5453" s="99"/>
      <c r="Y5453" s="99"/>
      <c r="Z5453" s="99"/>
      <c r="AA5453" s="99"/>
      <c r="AB5453" s="99"/>
      <c r="AC5453" s="99"/>
      <c r="AD5453" s="99"/>
      <c r="AE5453" s="99"/>
      <c r="AF5453" s="99"/>
      <c r="AG5453" s="99"/>
      <c r="AH5453" s="99"/>
      <c r="AI5453" s="99"/>
      <c r="AJ5453" s="99"/>
      <c r="AK5453" s="99"/>
      <c r="AL5453" s="99"/>
      <c r="AM5453" s="99"/>
      <c r="AN5453" s="99"/>
      <c r="AO5453" s="99"/>
      <c r="AP5453" s="99"/>
      <c r="AQ5453" s="99"/>
      <c r="AR5453" s="99"/>
      <c r="AS5453" s="99"/>
      <c r="AT5453" s="99"/>
      <c r="AU5453" s="99"/>
      <c r="AV5453" s="99"/>
      <c r="AW5453" s="99"/>
      <c r="AX5453" s="99"/>
      <c r="AY5453" s="99"/>
      <c r="AZ5453" s="99"/>
      <c r="BA5453" s="98" t="s">
        <v>12753</v>
      </c>
      <c r="BB5453" s="107">
        <v>45884</v>
      </c>
    </row>
    <row r="5454" spans="1:54" s="8" customFormat="1" ht="14.1" customHeight="1" x14ac:dyDescent="0.25">
      <c r="A5454" s="219" t="s">
        <v>12754</v>
      </c>
      <c r="B5454" s="220" t="s">
        <v>12745</v>
      </c>
      <c r="C5454" s="98" t="s">
        <v>12755</v>
      </c>
      <c r="D5454" s="98" t="s">
        <v>19946</v>
      </c>
      <c r="E5454" s="141">
        <v>1992</v>
      </c>
      <c r="F5454" s="141">
        <v>135</v>
      </c>
      <c r="G5454" s="98" t="s">
        <v>1</v>
      </c>
      <c r="H5454" s="98">
        <v>0</v>
      </c>
      <c r="I5454" s="98">
        <v>0</v>
      </c>
      <c r="J5454" s="98">
        <v>1</v>
      </c>
      <c r="K5454" s="98">
        <v>1</v>
      </c>
      <c r="L5454" s="98">
        <v>0</v>
      </c>
      <c r="M5454" s="98">
        <v>0</v>
      </c>
      <c r="N5454" s="98">
        <v>0</v>
      </c>
      <c r="O5454" s="98">
        <v>0</v>
      </c>
      <c r="P5454" s="98">
        <v>0</v>
      </c>
      <c r="Q5454" s="98">
        <v>0</v>
      </c>
      <c r="R5454" s="98">
        <v>0</v>
      </c>
      <c r="S5454" s="98">
        <v>0</v>
      </c>
      <c r="T5454" s="98">
        <v>0</v>
      </c>
      <c r="U5454" s="99"/>
      <c r="V5454" s="99"/>
      <c r="W5454" s="99"/>
      <c r="X5454" s="99"/>
      <c r="Y5454" s="99"/>
      <c r="Z5454" s="99"/>
      <c r="AA5454" s="99"/>
      <c r="AB5454" s="99"/>
      <c r="AC5454" s="99"/>
      <c r="AD5454" s="99"/>
      <c r="AE5454" s="99"/>
      <c r="AF5454" s="99"/>
      <c r="AG5454" s="99"/>
      <c r="AH5454" s="99"/>
      <c r="AI5454" s="99"/>
      <c r="AJ5454" s="99"/>
      <c r="AK5454" s="99"/>
      <c r="AL5454" s="99"/>
      <c r="AM5454" s="99"/>
      <c r="AN5454" s="99"/>
      <c r="AO5454" s="99"/>
      <c r="AP5454" s="99"/>
      <c r="AQ5454" s="99"/>
      <c r="AR5454" s="99"/>
      <c r="AS5454" s="99"/>
      <c r="AT5454" s="99"/>
      <c r="AU5454" s="99"/>
      <c r="AV5454" s="99"/>
      <c r="AW5454" s="99"/>
      <c r="AX5454" s="99"/>
      <c r="AY5454" s="99"/>
      <c r="AZ5454" s="99"/>
      <c r="BA5454" s="99"/>
      <c r="BB5454" s="107">
        <v>45884</v>
      </c>
    </row>
    <row r="5455" spans="1:54" s="8" customFormat="1" ht="14.1" customHeight="1" x14ac:dyDescent="0.25">
      <c r="A5455" s="219" t="s">
        <v>12756</v>
      </c>
      <c r="B5455" s="220" t="s">
        <v>12745</v>
      </c>
      <c r="C5455" s="98" t="s">
        <v>12757</v>
      </c>
      <c r="D5455" s="98" t="s">
        <v>19947</v>
      </c>
      <c r="E5455" s="141">
        <v>1987</v>
      </c>
      <c r="F5455" s="141">
        <v>135</v>
      </c>
      <c r="G5455" s="98" t="s">
        <v>1</v>
      </c>
      <c r="H5455" s="98">
        <v>0</v>
      </c>
      <c r="I5455" s="98">
        <v>0</v>
      </c>
      <c r="J5455" s="98">
        <v>1</v>
      </c>
      <c r="K5455" s="98">
        <v>0</v>
      </c>
      <c r="L5455" s="98">
        <v>1</v>
      </c>
      <c r="M5455" s="98">
        <v>0</v>
      </c>
      <c r="N5455" s="98">
        <v>0</v>
      </c>
      <c r="O5455" s="98">
        <v>0</v>
      </c>
      <c r="P5455" s="98">
        <v>0</v>
      </c>
      <c r="Q5455" s="98">
        <v>0</v>
      </c>
      <c r="R5455" s="98">
        <v>0</v>
      </c>
      <c r="S5455" s="98">
        <v>1</v>
      </c>
      <c r="T5455" s="98">
        <v>0</v>
      </c>
      <c r="U5455" s="99"/>
      <c r="V5455" s="99"/>
      <c r="W5455" s="99"/>
      <c r="X5455" s="99"/>
      <c r="Y5455" s="99"/>
      <c r="Z5455" s="99"/>
      <c r="AA5455" s="99"/>
      <c r="AB5455" s="99"/>
      <c r="AC5455" s="99"/>
      <c r="AD5455" s="99"/>
      <c r="AE5455" s="99"/>
      <c r="AF5455" s="99"/>
      <c r="AG5455" s="99"/>
      <c r="AH5455" s="99"/>
      <c r="AI5455" s="99"/>
      <c r="AJ5455" s="99"/>
      <c r="AK5455" s="99"/>
      <c r="AL5455" s="99"/>
      <c r="AM5455" s="99"/>
      <c r="AN5455" s="99"/>
      <c r="AO5455" s="99"/>
      <c r="AP5455" s="99"/>
      <c r="AQ5455" s="99"/>
      <c r="AR5455" s="99"/>
      <c r="AS5455" s="99"/>
      <c r="AT5455" s="99"/>
      <c r="AU5455" s="99"/>
      <c r="AV5455" s="99"/>
      <c r="AW5455" s="99"/>
      <c r="AX5455" s="99"/>
      <c r="AY5455" s="99"/>
      <c r="AZ5455" s="99"/>
      <c r="BA5455" s="99"/>
      <c r="BB5455" s="107">
        <v>45884</v>
      </c>
    </row>
    <row r="5456" spans="1:54" s="8" customFormat="1" ht="14.1" customHeight="1" x14ac:dyDescent="0.25">
      <c r="A5456" s="219" t="s">
        <v>12758</v>
      </c>
      <c r="B5456" s="220" t="s">
        <v>12745</v>
      </c>
      <c r="C5456" s="98" t="s">
        <v>12759</v>
      </c>
      <c r="D5456" s="98" t="s">
        <v>19948</v>
      </c>
      <c r="E5456" s="141">
        <v>1983</v>
      </c>
      <c r="F5456" s="141">
        <v>137</v>
      </c>
      <c r="G5456" s="98" t="s">
        <v>1</v>
      </c>
      <c r="H5456" s="98">
        <v>0</v>
      </c>
      <c r="I5456" s="98">
        <v>0</v>
      </c>
      <c r="J5456" s="98">
        <v>1</v>
      </c>
      <c r="K5456" s="98">
        <v>0</v>
      </c>
      <c r="L5456" s="98">
        <v>0</v>
      </c>
      <c r="M5456" s="98">
        <v>0</v>
      </c>
      <c r="N5456" s="98">
        <v>0</v>
      </c>
      <c r="O5456" s="98">
        <v>0</v>
      </c>
      <c r="P5456" s="98">
        <v>0</v>
      </c>
      <c r="Q5456" s="98">
        <v>0</v>
      </c>
      <c r="R5456" s="98">
        <v>0</v>
      </c>
      <c r="S5456" s="98">
        <v>0</v>
      </c>
      <c r="T5456" s="98">
        <v>0</v>
      </c>
      <c r="U5456" s="99"/>
      <c r="V5456" s="99"/>
      <c r="W5456" s="99"/>
      <c r="X5456" s="99"/>
      <c r="Y5456" s="99"/>
      <c r="Z5456" s="99"/>
      <c r="AA5456" s="99"/>
      <c r="AB5456" s="99"/>
      <c r="AC5456" s="99"/>
      <c r="AD5456" s="99"/>
      <c r="AE5456" s="99"/>
      <c r="AF5456" s="99"/>
      <c r="AG5456" s="99"/>
      <c r="AH5456" s="99"/>
      <c r="AI5456" s="99"/>
      <c r="AJ5456" s="99"/>
      <c r="AK5456" s="99"/>
      <c r="AL5456" s="99"/>
      <c r="AM5456" s="99"/>
      <c r="AN5456" s="99"/>
      <c r="AO5456" s="99"/>
      <c r="AP5456" s="99"/>
      <c r="AQ5456" s="99"/>
      <c r="AR5456" s="99"/>
      <c r="AS5456" s="99"/>
      <c r="AT5456" s="99"/>
      <c r="AU5456" s="99"/>
      <c r="AV5456" s="99"/>
      <c r="AW5456" s="99"/>
      <c r="AX5456" s="99"/>
      <c r="AY5456" s="99"/>
      <c r="AZ5456" s="99"/>
      <c r="BA5456" s="99"/>
      <c r="BB5456" s="107">
        <v>45884</v>
      </c>
    </row>
    <row r="5457" spans="1:54" s="8" customFormat="1" ht="14.1" customHeight="1" x14ac:dyDescent="0.25">
      <c r="A5457" s="219" t="s">
        <v>12760</v>
      </c>
      <c r="B5457" s="220" t="s">
        <v>12745</v>
      </c>
      <c r="C5457" s="98" t="s">
        <v>12761</v>
      </c>
      <c r="D5457" s="98" t="s">
        <v>19949</v>
      </c>
      <c r="E5457" s="141">
        <v>1998</v>
      </c>
      <c r="F5457" s="141">
        <v>150</v>
      </c>
      <c r="G5457" s="98" t="s">
        <v>1</v>
      </c>
      <c r="H5457" s="98">
        <v>0</v>
      </c>
      <c r="I5457" s="98">
        <v>0</v>
      </c>
      <c r="J5457" s="98">
        <v>1</v>
      </c>
      <c r="K5457" s="98">
        <v>0</v>
      </c>
      <c r="L5457" s="98">
        <v>0</v>
      </c>
      <c r="M5457" s="98">
        <v>0</v>
      </c>
      <c r="N5457" s="98">
        <v>0</v>
      </c>
      <c r="O5457" s="98">
        <v>0</v>
      </c>
      <c r="P5457" s="98">
        <v>0</v>
      </c>
      <c r="Q5457" s="98">
        <v>0</v>
      </c>
      <c r="R5457" s="98">
        <v>0</v>
      </c>
      <c r="S5457" s="98">
        <v>0</v>
      </c>
      <c r="T5457" s="98">
        <v>0</v>
      </c>
      <c r="U5457" s="99"/>
      <c r="V5457" s="99"/>
      <c r="W5457" s="99"/>
      <c r="X5457" s="99"/>
      <c r="Y5457" s="99"/>
      <c r="Z5457" s="99"/>
      <c r="AA5457" s="99"/>
      <c r="AB5457" s="99"/>
      <c r="AC5457" s="99"/>
      <c r="AD5457" s="99"/>
      <c r="AE5457" s="99"/>
      <c r="AF5457" s="99"/>
      <c r="AG5457" s="99"/>
      <c r="AH5457" s="99"/>
      <c r="AI5457" s="99"/>
      <c r="AJ5457" s="99"/>
      <c r="AK5457" s="99"/>
      <c r="AL5457" s="99"/>
      <c r="AM5457" s="99"/>
      <c r="AN5457" s="99"/>
      <c r="AO5457" s="99"/>
      <c r="AP5457" s="99"/>
      <c r="AQ5457" s="99"/>
      <c r="AR5457" s="99"/>
      <c r="AS5457" s="99"/>
      <c r="AT5457" s="99"/>
      <c r="AU5457" s="99"/>
      <c r="AV5457" s="99"/>
      <c r="AW5457" s="99"/>
      <c r="AX5457" s="99"/>
      <c r="AY5457" s="99"/>
      <c r="AZ5457" s="99"/>
      <c r="BA5457" s="99"/>
      <c r="BB5457" s="107">
        <v>45884</v>
      </c>
    </row>
    <row r="5458" spans="1:54" s="8" customFormat="1" ht="14.1" customHeight="1" x14ac:dyDescent="0.25">
      <c r="A5458" s="219" t="s">
        <v>12762</v>
      </c>
      <c r="B5458" s="220" t="s">
        <v>12745</v>
      </c>
      <c r="C5458" s="98" t="s">
        <v>12763</v>
      </c>
      <c r="D5458" s="98" t="s">
        <v>19950</v>
      </c>
      <c r="E5458" s="141">
        <v>2003</v>
      </c>
      <c r="F5458" s="141">
        <v>150</v>
      </c>
      <c r="G5458" s="98" t="s">
        <v>1</v>
      </c>
      <c r="H5458" s="98">
        <v>0</v>
      </c>
      <c r="I5458" s="98">
        <v>0</v>
      </c>
      <c r="J5458" s="98">
        <v>1</v>
      </c>
      <c r="K5458" s="98">
        <v>0</v>
      </c>
      <c r="L5458" s="98">
        <v>0</v>
      </c>
      <c r="M5458" s="98">
        <v>1</v>
      </c>
      <c r="N5458" s="98">
        <v>0</v>
      </c>
      <c r="O5458" s="98">
        <v>0</v>
      </c>
      <c r="P5458" s="98">
        <v>0</v>
      </c>
      <c r="Q5458" s="98">
        <v>0</v>
      </c>
      <c r="R5458" s="98">
        <v>0</v>
      </c>
      <c r="S5458" s="98">
        <v>0</v>
      </c>
      <c r="T5458" s="98">
        <v>0</v>
      </c>
      <c r="U5458" s="99"/>
      <c r="V5458" s="99"/>
      <c r="W5458" s="99"/>
      <c r="X5458" s="99"/>
      <c r="Y5458" s="99"/>
      <c r="Z5458" s="99"/>
      <c r="AA5458" s="99"/>
      <c r="AB5458" s="99"/>
      <c r="AC5458" s="99"/>
      <c r="AD5458" s="99"/>
      <c r="AE5458" s="99"/>
      <c r="AF5458" s="99"/>
      <c r="AG5458" s="99"/>
      <c r="AH5458" s="99"/>
      <c r="AI5458" s="99"/>
      <c r="AJ5458" s="99"/>
      <c r="AK5458" s="99"/>
      <c r="AL5458" s="99"/>
      <c r="AM5458" s="99"/>
      <c r="AN5458" s="99"/>
      <c r="AO5458" s="99"/>
      <c r="AP5458" s="99"/>
      <c r="AQ5458" s="99"/>
      <c r="AR5458" s="99"/>
      <c r="AS5458" s="99"/>
      <c r="AT5458" s="99"/>
      <c r="AU5458" s="99"/>
      <c r="AV5458" s="99"/>
      <c r="AW5458" s="99"/>
      <c r="AX5458" s="99"/>
      <c r="AY5458" s="99"/>
      <c r="AZ5458" s="99"/>
      <c r="BA5458" s="99"/>
      <c r="BB5458" s="107">
        <v>45884</v>
      </c>
    </row>
    <row r="5459" spans="1:54" s="8" customFormat="1" ht="14.1" customHeight="1" x14ac:dyDescent="0.25">
      <c r="A5459" s="219" t="s">
        <v>12764</v>
      </c>
      <c r="B5459" s="220" t="s">
        <v>12745</v>
      </c>
      <c r="C5459" s="98" t="s">
        <v>12765</v>
      </c>
      <c r="D5459" s="98" t="s">
        <v>19951</v>
      </c>
      <c r="E5459" s="141">
        <v>2000</v>
      </c>
      <c r="F5459" s="141">
        <v>151</v>
      </c>
      <c r="G5459" s="98" t="s">
        <v>1</v>
      </c>
      <c r="H5459" s="98">
        <v>0</v>
      </c>
      <c r="I5459" s="98">
        <v>0</v>
      </c>
      <c r="J5459" s="98">
        <v>1</v>
      </c>
      <c r="K5459" s="98">
        <v>0</v>
      </c>
      <c r="L5459" s="98">
        <v>0</v>
      </c>
      <c r="M5459" s="98">
        <v>1</v>
      </c>
      <c r="N5459" s="98">
        <v>0</v>
      </c>
      <c r="O5459" s="98">
        <v>0</v>
      </c>
      <c r="P5459" s="98">
        <v>0</v>
      </c>
      <c r="Q5459" s="98">
        <v>0</v>
      </c>
      <c r="R5459" s="98">
        <v>0</v>
      </c>
      <c r="S5459" s="98">
        <v>0</v>
      </c>
      <c r="T5459" s="98">
        <v>0</v>
      </c>
      <c r="U5459" s="99"/>
      <c r="V5459" s="99"/>
      <c r="W5459" s="99"/>
      <c r="X5459" s="99"/>
      <c r="Y5459" s="99"/>
      <c r="Z5459" s="99"/>
      <c r="AA5459" s="99"/>
      <c r="AB5459" s="99"/>
      <c r="AC5459" s="99"/>
      <c r="AD5459" s="99"/>
      <c r="AE5459" s="99"/>
      <c r="AF5459" s="99"/>
      <c r="AG5459" s="99"/>
      <c r="AH5459" s="99"/>
      <c r="AI5459" s="99"/>
      <c r="AJ5459" s="99"/>
      <c r="AK5459" s="99"/>
      <c r="AL5459" s="99"/>
      <c r="AM5459" s="99"/>
      <c r="AN5459" s="99"/>
      <c r="AO5459" s="99"/>
      <c r="AP5459" s="99"/>
      <c r="AQ5459" s="99"/>
      <c r="AR5459" s="99"/>
      <c r="AS5459" s="99"/>
      <c r="AT5459" s="99"/>
      <c r="AU5459" s="99"/>
      <c r="AV5459" s="99"/>
      <c r="AW5459" s="99"/>
      <c r="AX5459" s="99"/>
      <c r="AY5459" s="99"/>
      <c r="AZ5459" s="99"/>
      <c r="BA5459" s="99"/>
      <c r="BB5459" s="107">
        <v>45884</v>
      </c>
    </row>
    <row r="5460" spans="1:54" s="8" customFormat="1" ht="14.1" customHeight="1" x14ac:dyDescent="0.25">
      <c r="A5460" s="219" t="s">
        <v>12766</v>
      </c>
      <c r="B5460" s="220" t="s">
        <v>12745</v>
      </c>
      <c r="C5460" s="98" t="s">
        <v>12767</v>
      </c>
      <c r="D5460" s="98" t="s">
        <v>19952</v>
      </c>
      <c r="E5460" s="141">
        <v>1998</v>
      </c>
      <c r="F5460" s="141">
        <v>156</v>
      </c>
      <c r="G5460" s="98" t="s">
        <v>1</v>
      </c>
      <c r="H5460" s="98">
        <v>0</v>
      </c>
      <c r="I5460" s="98">
        <v>0</v>
      </c>
      <c r="J5460" s="98">
        <v>1</v>
      </c>
      <c r="K5460" s="98">
        <v>0</v>
      </c>
      <c r="L5460" s="98">
        <v>0</v>
      </c>
      <c r="M5460" s="98">
        <v>0</v>
      </c>
      <c r="N5460" s="98">
        <v>0</v>
      </c>
      <c r="O5460" s="98">
        <v>0</v>
      </c>
      <c r="P5460" s="98">
        <v>0</v>
      </c>
      <c r="Q5460" s="98">
        <v>0</v>
      </c>
      <c r="R5460" s="98">
        <v>0</v>
      </c>
      <c r="S5460" s="98">
        <v>0</v>
      </c>
      <c r="T5460" s="98">
        <v>0</v>
      </c>
      <c r="U5460" s="99"/>
      <c r="V5460" s="99"/>
      <c r="W5460" s="99"/>
      <c r="X5460" s="99"/>
      <c r="Y5460" s="99"/>
      <c r="Z5460" s="99"/>
      <c r="AA5460" s="99"/>
      <c r="AB5460" s="99"/>
      <c r="AC5460" s="99"/>
      <c r="AD5460" s="99"/>
      <c r="AE5460" s="99"/>
      <c r="AF5460" s="99"/>
      <c r="AG5460" s="99"/>
      <c r="AH5460" s="99"/>
      <c r="AI5460" s="99"/>
      <c r="AJ5460" s="99"/>
      <c r="AK5460" s="99"/>
      <c r="AL5460" s="99"/>
      <c r="AM5460" s="99"/>
      <c r="AN5460" s="99"/>
      <c r="AO5460" s="99"/>
      <c r="AP5460" s="99"/>
      <c r="AQ5460" s="99"/>
      <c r="AR5460" s="99"/>
      <c r="AS5460" s="99"/>
      <c r="AT5460" s="99"/>
      <c r="AU5460" s="99"/>
      <c r="AV5460" s="99"/>
      <c r="AW5460" s="99"/>
      <c r="AX5460" s="99"/>
      <c r="AY5460" s="99"/>
      <c r="AZ5460" s="99"/>
      <c r="BA5460" s="99"/>
      <c r="BB5460" s="107">
        <v>45884</v>
      </c>
    </row>
    <row r="5461" spans="1:54" s="8" customFormat="1" ht="14.1" customHeight="1" x14ac:dyDescent="0.25">
      <c r="A5461" s="219" t="s">
        <v>12768</v>
      </c>
      <c r="B5461" s="220" t="s">
        <v>12745</v>
      </c>
      <c r="C5461" s="98" t="s">
        <v>12769</v>
      </c>
      <c r="D5461" s="98" t="s">
        <v>19953</v>
      </c>
      <c r="E5461" s="141">
        <v>1989</v>
      </c>
      <c r="F5461" s="141">
        <v>159</v>
      </c>
      <c r="G5461" s="98" t="s">
        <v>1</v>
      </c>
      <c r="H5461" s="98">
        <v>0</v>
      </c>
      <c r="I5461" s="98">
        <v>0</v>
      </c>
      <c r="J5461" s="98">
        <v>1</v>
      </c>
      <c r="K5461" s="98">
        <v>0</v>
      </c>
      <c r="L5461" s="98">
        <v>1</v>
      </c>
      <c r="M5461" s="98">
        <v>0</v>
      </c>
      <c r="N5461" s="98">
        <v>0</v>
      </c>
      <c r="O5461" s="98">
        <v>0</v>
      </c>
      <c r="P5461" s="98">
        <v>1</v>
      </c>
      <c r="Q5461" s="98">
        <v>0</v>
      </c>
      <c r="R5461" s="98">
        <v>0</v>
      </c>
      <c r="S5461" s="98">
        <v>0</v>
      </c>
      <c r="T5461" s="98">
        <v>0</v>
      </c>
      <c r="U5461" s="99"/>
      <c r="V5461" s="99"/>
      <c r="W5461" s="99"/>
      <c r="X5461" s="99"/>
      <c r="Y5461" s="99"/>
      <c r="Z5461" s="99"/>
      <c r="AA5461" s="99"/>
      <c r="AB5461" s="99"/>
      <c r="AC5461" s="99"/>
      <c r="AD5461" s="99"/>
      <c r="AE5461" s="99"/>
      <c r="AF5461" s="99"/>
      <c r="AG5461" s="99"/>
      <c r="AH5461" s="99"/>
      <c r="AI5461" s="99"/>
      <c r="AJ5461" s="99"/>
      <c r="AK5461" s="99"/>
      <c r="AL5461" s="99"/>
      <c r="AM5461" s="99"/>
      <c r="AN5461" s="99"/>
      <c r="AO5461" s="99"/>
      <c r="AP5461" s="99"/>
      <c r="AQ5461" s="99"/>
      <c r="AR5461" s="99"/>
      <c r="AS5461" s="99"/>
      <c r="AT5461" s="99"/>
      <c r="AU5461" s="99"/>
      <c r="AV5461" s="99"/>
      <c r="AW5461" s="99"/>
      <c r="AX5461" s="99"/>
      <c r="AY5461" s="99"/>
      <c r="AZ5461" s="99"/>
      <c r="BA5461" s="99"/>
      <c r="BB5461" s="107">
        <v>45884</v>
      </c>
    </row>
    <row r="5462" spans="1:54" s="8" customFormat="1" ht="14.1" customHeight="1" x14ac:dyDescent="0.25">
      <c r="A5462" s="219" t="s">
        <v>12770</v>
      </c>
      <c r="B5462" s="220" t="s">
        <v>12745</v>
      </c>
      <c r="C5462" s="98" t="s">
        <v>12771</v>
      </c>
      <c r="D5462" s="98" t="s">
        <v>19954</v>
      </c>
      <c r="E5462" s="141">
        <v>1994</v>
      </c>
      <c r="F5462" s="141">
        <v>160</v>
      </c>
      <c r="G5462" s="98" t="s">
        <v>1</v>
      </c>
      <c r="H5462" s="98">
        <v>0</v>
      </c>
      <c r="I5462" s="98">
        <v>0</v>
      </c>
      <c r="J5462" s="98">
        <v>1</v>
      </c>
      <c r="K5462" s="98">
        <v>1</v>
      </c>
      <c r="L5462" s="98">
        <v>0</v>
      </c>
      <c r="M5462" s="98">
        <v>0</v>
      </c>
      <c r="N5462" s="98">
        <v>0</v>
      </c>
      <c r="O5462" s="98">
        <v>0</v>
      </c>
      <c r="P5462" s="98">
        <v>0</v>
      </c>
      <c r="Q5462" s="98">
        <v>0</v>
      </c>
      <c r="R5462" s="98">
        <v>0</v>
      </c>
      <c r="S5462" s="98">
        <v>0</v>
      </c>
      <c r="T5462" s="98">
        <v>0</v>
      </c>
      <c r="U5462" s="99"/>
      <c r="V5462" s="99"/>
      <c r="W5462" s="99"/>
      <c r="X5462" s="99"/>
      <c r="Y5462" s="99"/>
      <c r="Z5462" s="99"/>
      <c r="AA5462" s="99"/>
      <c r="AB5462" s="99"/>
      <c r="AC5462" s="99"/>
      <c r="AD5462" s="99"/>
      <c r="AE5462" s="99"/>
      <c r="AF5462" s="99"/>
      <c r="AG5462" s="99"/>
      <c r="AH5462" s="99"/>
      <c r="AI5462" s="99"/>
      <c r="AJ5462" s="99"/>
      <c r="AK5462" s="99"/>
      <c r="AL5462" s="99"/>
      <c r="AM5462" s="99"/>
      <c r="AN5462" s="99"/>
      <c r="AO5462" s="99"/>
      <c r="AP5462" s="99"/>
      <c r="AQ5462" s="99"/>
      <c r="AR5462" s="99"/>
      <c r="AS5462" s="99"/>
      <c r="AT5462" s="99"/>
      <c r="AU5462" s="99"/>
      <c r="AV5462" s="99"/>
      <c r="AW5462" s="99"/>
      <c r="AX5462" s="99"/>
      <c r="AY5462" s="99"/>
      <c r="AZ5462" s="99"/>
      <c r="BA5462" s="99"/>
      <c r="BB5462" s="107">
        <v>45884</v>
      </c>
    </row>
    <row r="5463" spans="1:54" s="8" customFormat="1" ht="14.1" customHeight="1" x14ac:dyDescent="0.25">
      <c r="A5463" s="219" t="s">
        <v>12772</v>
      </c>
      <c r="B5463" s="220" t="s">
        <v>12745</v>
      </c>
      <c r="C5463" s="98" t="s">
        <v>12773</v>
      </c>
      <c r="D5463" s="98" t="s">
        <v>19955</v>
      </c>
      <c r="E5463" s="141">
        <v>1997</v>
      </c>
      <c r="F5463" s="141">
        <v>160</v>
      </c>
      <c r="G5463" s="98" t="s">
        <v>1</v>
      </c>
      <c r="H5463" s="98">
        <v>0</v>
      </c>
      <c r="I5463" s="98">
        <v>0</v>
      </c>
      <c r="J5463" s="98">
        <v>1</v>
      </c>
      <c r="K5463" s="98">
        <v>1</v>
      </c>
      <c r="L5463" s="98">
        <v>0</v>
      </c>
      <c r="M5463" s="98">
        <v>0</v>
      </c>
      <c r="N5463" s="98">
        <v>0</v>
      </c>
      <c r="O5463" s="98">
        <v>0</v>
      </c>
      <c r="P5463" s="98">
        <v>0</v>
      </c>
      <c r="Q5463" s="98">
        <v>0</v>
      </c>
      <c r="R5463" s="98">
        <v>1</v>
      </c>
      <c r="S5463" s="98">
        <v>0</v>
      </c>
      <c r="T5463" s="98">
        <v>0</v>
      </c>
      <c r="U5463" s="99"/>
      <c r="V5463" s="99"/>
      <c r="W5463" s="99"/>
      <c r="X5463" s="99"/>
      <c r="Y5463" s="99"/>
      <c r="Z5463" s="99"/>
      <c r="AA5463" s="99"/>
      <c r="AB5463" s="99"/>
      <c r="AC5463" s="99"/>
      <c r="AD5463" s="99"/>
      <c r="AE5463" s="99"/>
      <c r="AF5463" s="99"/>
      <c r="AG5463" s="99"/>
      <c r="AH5463" s="99"/>
      <c r="AI5463" s="99"/>
      <c r="AJ5463" s="99"/>
      <c r="AK5463" s="99"/>
      <c r="AL5463" s="99"/>
      <c r="AM5463" s="99"/>
      <c r="AN5463" s="99"/>
      <c r="AO5463" s="99"/>
      <c r="AP5463" s="99"/>
      <c r="AQ5463" s="99"/>
      <c r="AR5463" s="99"/>
      <c r="AS5463" s="99"/>
      <c r="AT5463" s="99"/>
      <c r="AU5463" s="99"/>
      <c r="AV5463" s="99"/>
      <c r="AW5463" s="99"/>
      <c r="AX5463" s="99"/>
      <c r="AY5463" s="99"/>
      <c r="AZ5463" s="99"/>
      <c r="BA5463" s="99"/>
      <c r="BB5463" s="107">
        <v>45884</v>
      </c>
    </row>
    <row r="5464" spans="1:54" s="8" customFormat="1" ht="14.1" customHeight="1" x14ac:dyDescent="0.25">
      <c r="A5464" s="219" t="s">
        <v>12774</v>
      </c>
      <c r="B5464" s="220" t="s">
        <v>12745</v>
      </c>
      <c r="C5464" s="98" t="s">
        <v>12775</v>
      </c>
      <c r="D5464" s="98" t="s">
        <v>19956</v>
      </c>
      <c r="E5464" s="141">
        <v>1992</v>
      </c>
      <c r="F5464" s="141">
        <v>160</v>
      </c>
      <c r="G5464" s="98" t="s">
        <v>1</v>
      </c>
      <c r="H5464" s="98">
        <v>0</v>
      </c>
      <c r="I5464" s="98">
        <v>0</v>
      </c>
      <c r="J5464" s="98">
        <v>1</v>
      </c>
      <c r="K5464" s="98">
        <v>1</v>
      </c>
      <c r="L5464" s="98">
        <v>1</v>
      </c>
      <c r="M5464" s="98">
        <v>0</v>
      </c>
      <c r="N5464" s="98">
        <v>0</v>
      </c>
      <c r="O5464" s="98">
        <v>0</v>
      </c>
      <c r="P5464" s="98">
        <v>1</v>
      </c>
      <c r="Q5464" s="98">
        <v>0</v>
      </c>
      <c r="R5464" s="98">
        <v>0</v>
      </c>
      <c r="S5464" s="98">
        <v>0</v>
      </c>
      <c r="T5464" s="98">
        <v>0</v>
      </c>
      <c r="U5464" s="99"/>
      <c r="V5464" s="99"/>
      <c r="W5464" s="99"/>
      <c r="X5464" s="99"/>
      <c r="Y5464" s="99"/>
      <c r="Z5464" s="99"/>
      <c r="AA5464" s="99"/>
      <c r="AB5464" s="99"/>
      <c r="AC5464" s="99"/>
      <c r="AD5464" s="99"/>
      <c r="AE5464" s="99"/>
      <c r="AF5464" s="99"/>
      <c r="AG5464" s="99"/>
      <c r="AH5464" s="99"/>
      <c r="AI5464" s="99"/>
      <c r="AJ5464" s="99"/>
      <c r="AK5464" s="99"/>
      <c r="AL5464" s="99"/>
      <c r="AM5464" s="99"/>
      <c r="AN5464" s="99"/>
      <c r="AO5464" s="99"/>
      <c r="AP5464" s="99"/>
      <c r="AQ5464" s="99"/>
      <c r="AR5464" s="99"/>
      <c r="AS5464" s="99"/>
      <c r="AT5464" s="99"/>
      <c r="AU5464" s="99"/>
      <c r="AV5464" s="99"/>
      <c r="AW5464" s="99"/>
      <c r="AX5464" s="99"/>
      <c r="AY5464" s="99"/>
      <c r="AZ5464" s="99"/>
      <c r="BA5464" s="99"/>
      <c r="BB5464" s="107">
        <v>45884</v>
      </c>
    </row>
    <row r="5465" spans="1:54" s="8" customFormat="1" ht="14.1" customHeight="1" x14ac:dyDescent="0.25">
      <c r="A5465" s="219" t="s">
        <v>12776</v>
      </c>
      <c r="B5465" s="220" t="s">
        <v>12745</v>
      </c>
      <c r="C5465" s="98" t="s">
        <v>12777</v>
      </c>
      <c r="D5465" s="98" t="s">
        <v>19957</v>
      </c>
      <c r="E5465" s="141">
        <v>1997</v>
      </c>
      <c r="F5465" s="141">
        <v>160</v>
      </c>
      <c r="G5465" s="98" t="s">
        <v>1</v>
      </c>
      <c r="H5465" s="98">
        <v>0</v>
      </c>
      <c r="I5465" s="98">
        <v>0</v>
      </c>
      <c r="J5465" s="98">
        <v>1</v>
      </c>
      <c r="K5465" s="98">
        <v>1</v>
      </c>
      <c r="L5465" s="98">
        <v>1</v>
      </c>
      <c r="M5465" s="98">
        <v>0</v>
      </c>
      <c r="N5465" s="98">
        <v>0</v>
      </c>
      <c r="O5465" s="98">
        <v>0</v>
      </c>
      <c r="P5465" s="98">
        <v>0</v>
      </c>
      <c r="Q5465" s="98">
        <v>0</v>
      </c>
      <c r="R5465" s="98">
        <v>0</v>
      </c>
      <c r="S5465" s="98">
        <v>0</v>
      </c>
      <c r="T5465" s="98">
        <v>0</v>
      </c>
      <c r="U5465" s="99"/>
      <c r="V5465" s="99"/>
      <c r="W5465" s="99"/>
      <c r="X5465" s="99"/>
      <c r="Y5465" s="99"/>
      <c r="Z5465" s="99"/>
      <c r="AA5465" s="99"/>
      <c r="AB5465" s="99"/>
      <c r="AC5465" s="99"/>
      <c r="AD5465" s="99"/>
      <c r="AE5465" s="99"/>
      <c r="AF5465" s="99"/>
      <c r="AG5465" s="99"/>
      <c r="AH5465" s="99"/>
      <c r="AI5465" s="99"/>
      <c r="AJ5465" s="99"/>
      <c r="AK5465" s="99"/>
      <c r="AL5465" s="99"/>
      <c r="AM5465" s="99"/>
      <c r="AN5465" s="99"/>
      <c r="AO5465" s="99"/>
      <c r="AP5465" s="99"/>
      <c r="AQ5465" s="99"/>
      <c r="AR5465" s="99"/>
      <c r="AS5465" s="99"/>
      <c r="AT5465" s="99"/>
      <c r="AU5465" s="99"/>
      <c r="AV5465" s="99"/>
      <c r="AW5465" s="99"/>
      <c r="AX5465" s="99"/>
      <c r="AY5465" s="99"/>
      <c r="AZ5465" s="99"/>
      <c r="BA5465" s="99"/>
      <c r="BB5465" s="107">
        <v>45884</v>
      </c>
    </row>
    <row r="5466" spans="1:54" s="8" customFormat="1" ht="14.1" customHeight="1" x14ac:dyDescent="0.25">
      <c r="A5466" s="219" t="s">
        <v>12778</v>
      </c>
      <c r="B5466" s="220" t="s">
        <v>12745</v>
      </c>
      <c r="C5466" s="98" t="s">
        <v>12779</v>
      </c>
      <c r="D5466" s="98" t="s">
        <v>19958</v>
      </c>
      <c r="E5466" s="141">
        <v>1992</v>
      </c>
      <c r="F5466" s="141">
        <v>160</v>
      </c>
      <c r="G5466" s="98" t="s">
        <v>1</v>
      </c>
      <c r="H5466" s="98">
        <v>0</v>
      </c>
      <c r="I5466" s="98">
        <v>0</v>
      </c>
      <c r="J5466" s="98">
        <v>1</v>
      </c>
      <c r="K5466" s="98">
        <v>1</v>
      </c>
      <c r="L5466" s="98">
        <v>1</v>
      </c>
      <c r="M5466" s="98">
        <v>0</v>
      </c>
      <c r="N5466" s="98">
        <v>0</v>
      </c>
      <c r="O5466" s="98">
        <v>0</v>
      </c>
      <c r="P5466" s="98">
        <v>0</v>
      </c>
      <c r="Q5466" s="98">
        <v>0</v>
      </c>
      <c r="R5466" s="98">
        <v>0</v>
      </c>
      <c r="S5466" s="98">
        <v>0</v>
      </c>
      <c r="T5466" s="98">
        <v>0</v>
      </c>
      <c r="U5466" s="99"/>
      <c r="V5466" s="99"/>
      <c r="W5466" s="99"/>
      <c r="X5466" s="99"/>
      <c r="Y5466" s="99"/>
      <c r="Z5466" s="99"/>
      <c r="AA5466" s="99"/>
      <c r="AB5466" s="99"/>
      <c r="AC5466" s="99"/>
      <c r="AD5466" s="99"/>
      <c r="AE5466" s="99"/>
      <c r="AF5466" s="99"/>
      <c r="AG5466" s="99"/>
      <c r="AH5466" s="99"/>
      <c r="AI5466" s="99"/>
      <c r="AJ5466" s="99"/>
      <c r="AK5466" s="99"/>
      <c r="AL5466" s="99"/>
      <c r="AM5466" s="99"/>
      <c r="AN5466" s="99"/>
      <c r="AO5466" s="99"/>
      <c r="AP5466" s="99"/>
      <c r="AQ5466" s="99"/>
      <c r="AR5466" s="99"/>
      <c r="AS5466" s="99"/>
      <c r="AT5466" s="99"/>
      <c r="AU5466" s="99"/>
      <c r="AV5466" s="99"/>
      <c r="AW5466" s="99"/>
      <c r="AX5466" s="99"/>
      <c r="AY5466" s="99"/>
      <c r="AZ5466" s="99"/>
      <c r="BA5466" s="99"/>
      <c r="BB5466" s="107">
        <v>45884</v>
      </c>
    </row>
    <row r="5467" spans="1:54" s="8" customFormat="1" ht="14.1" customHeight="1" x14ac:dyDescent="0.25">
      <c r="A5467" s="219" t="s">
        <v>12780</v>
      </c>
      <c r="B5467" s="220" t="s">
        <v>12745</v>
      </c>
      <c r="C5467" s="98" t="s">
        <v>12781</v>
      </c>
      <c r="D5467" s="98" t="s">
        <v>19959</v>
      </c>
      <c r="E5467" s="141">
        <v>1993</v>
      </c>
      <c r="F5467" s="141">
        <v>161</v>
      </c>
      <c r="G5467" s="98" t="s">
        <v>1</v>
      </c>
      <c r="H5467" s="98">
        <v>0</v>
      </c>
      <c r="I5467" s="98">
        <v>0</v>
      </c>
      <c r="J5467" s="98">
        <v>1</v>
      </c>
      <c r="K5467" s="98">
        <v>0</v>
      </c>
      <c r="L5467" s="98">
        <v>0</v>
      </c>
      <c r="M5467" s="98">
        <v>0</v>
      </c>
      <c r="N5467" s="98">
        <v>1</v>
      </c>
      <c r="O5467" s="98">
        <v>1</v>
      </c>
      <c r="P5467" s="98">
        <v>0</v>
      </c>
      <c r="Q5467" s="98">
        <v>0</v>
      </c>
      <c r="R5467" s="98">
        <v>0</v>
      </c>
      <c r="S5467" s="98">
        <v>0</v>
      </c>
      <c r="T5467" s="98">
        <v>0</v>
      </c>
      <c r="U5467" s="99"/>
      <c r="V5467" s="99"/>
      <c r="W5467" s="99"/>
      <c r="X5467" s="99"/>
      <c r="Y5467" s="99"/>
      <c r="Z5467" s="99"/>
      <c r="AA5467" s="99"/>
      <c r="AB5467" s="99"/>
      <c r="AC5467" s="99"/>
      <c r="AD5467" s="99"/>
      <c r="AE5467" s="99"/>
      <c r="AF5467" s="99"/>
      <c r="AG5467" s="99"/>
      <c r="AH5467" s="99"/>
      <c r="AI5467" s="99"/>
      <c r="AJ5467" s="99"/>
      <c r="AK5467" s="99"/>
      <c r="AL5467" s="99"/>
      <c r="AM5467" s="99"/>
      <c r="AN5467" s="99"/>
      <c r="AO5467" s="99"/>
      <c r="AP5467" s="99"/>
      <c r="AQ5467" s="99"/>
      <c r="AR5467" s="99"/>
      <c r="AS5467" s="99"/>
      <c r="AT5467" s="99"/>
      <c r="AU5467" s="99"/>
      <c r="AV5467" s="99"/>
      <c r="AW5467" s="99"/>
      <c r="AX5467" s="99"/>
      <c r="AY5467" s="99"/>
      <c r="AZ5467" s="99"/>
      <c r="BA5467" s="99"/>
      <c r="BB5467" s="107">
        <v>45884</v>
      </c>
    </row>
    <row r="5468" spans="1:54" s="8" customFormat="1" ht="14.1" customHeight="1" x14ac:dyDescent="0.25">
      <c r="A5468" s="219" t="s">
        <v>12782</v>
      </c>
      <c r="B5468" s="220" t="s">
        <v>12745</v>
      </c>
      <c r="C5468" s="98" t="s">
        <v>12783</v>
      </c>
      <c r="D5468" s="98" t="s">
        <v>19960</v>
      </c>
      <c r="E5468" s="141">
        <v>1991</v>
      </c>
      <c r="F5468" s="141">
        <v>165</v>
      </c>
      <c r="G5468" s="98" t="s">
        <v>1</v>
      </c>
      <c r="H5468" s="98">
        <v>0</v>
      </c>
      <c r="I5468" s="98">
        <v>0</v>
      </c>
      <c r="J5468" s="98">
        <v>1</v>
      </c>
      <c r="K5468" s="98">
        <v>0</v>
      </c>
      <c r="L5468" s="98">
        <v>1</v>
      </c>
      <c r="M5468" s="98">
        <v>0</v>
      </c>
      <c r="N5468" s="98">
        <v>0</v>
      </c>
      <c r="O5468" s="98">
        <v>0</v>
      </c>
      <c r="P5468" s="98">
        <v>0</v>
      </c>
      <c r="Q5468" s="98">
        <v>0</v>
      </c>
      <c r="R5468" s="98">
        <v>0</v>
      </c>
      <c r="S5468" s="98">
        <v>0</v>
      </c>
      <c r="T5468" s="98">
        <v>0</v>
      </c>
      <c r="U5468" s="99"/>
      <c r="V5468" s="99"/>
      <c r="W5468" s="99"/>
      <c r="X5468" s="99"/>
      <c r="Y5468" s="99"/>
      <c r="Z5468" s="99"/>
      <c r="AA5468" s="99"/>
      <c r="AB5468" s="99"/>
      <c r="AC5468" s="99"/>
      <c r="AD5468" s="99"/>
      <c r="AE5468" s="99"/>
      <c r="AF5468" s="99"/>
      <c r="AG5468" s="99"/>
      <c r="AH5468" s="99"/>
      <c r="AI5468" s="99"/>
      <c r="AJ5468" s="99"/>
      <c r="AK5468" s="99"/>
      <c r="AL5468" s="99"/>
      <c r="AM5468" s="99"/>
      <c r="AN5468" s="99"/>
      <c r="AO5468" s="99"/>
      <c r="AP5468" s="99"/>
      <c r="AQ5468" s="99"/>
      <c r="AR5468" s="99"/>
      <c r="AS5468" s="99"/>
      <c r="AT5468" s="99"/>
      <c r="AU5468" s="99"/>
      <c r="AV5468" s="99"/>
      <c r="AW5468" s="99"/>
      <c r="AX5468" s="99"/>
      <c r="AY5468" s="99"/>
      <c r="AZ5468" s="99"/>
      <c r="BA5468" s="99"/>
      <c r="BB5468" s="107">
        <v>45884</v>
      </c>
    </row>
    <row r="5469" spans="1:54" s="8" customFormat="1" ht="14.1" customHeight="1" x14ac:dyDescent="0.25">
      <c r="A5469" s="219" t="s">
        <v>12784</v>
      </c>
      <c r="B5469" s="220" t="s">
        <v>12745</v>
      </c>
      <c r="C5469" s="98" t="s">
        <v>12785</v>
      </c>
      <c r="D5469" s="98" t="s">
        <v>19961</v>
      </c>
      <c r="E5469" s="141">
        <v>1998</v>
      </c>
      <c r="F5469" s="141">
        <v>170</v>
      </c>
      <c r="G5469" s="98" t="s">
        <v>1</v>
      </c>
      <c r="H5469" s="98">
        <v>0</v>
      </c>
      <c r="I5469" s="98">
        <v>0</v>
      </c>
      <c r="J5469" s="98">
        <v>1</v>
      </c>
      <c r="K5469" s="98">
        <v>0</v>
      </c>
      <c r="L5469" s="98">
        <v>0</v>
      </c>
      <c r="M5469" s="98">
        <v>0</v>
      </c>
      <c r="N5469" s="98">
        <v>0</v>
      </c>
      <c r="O5469" s="98">
        <v>0</v>
      </c>
      <c r="P5469" s="98">
        <v>0</v>
      </c>
      <c r="Q5469" s="98">
        <v>0</v>
      </c>
      <c r="R5469" s="98">
        <v>0</v>
      </c>
      <c r="S5469" s="98">
        <v>0</v>
      </c>
      <c r="T5469" s="98">
        <v>0</v>
      </c>
      <c r="U5469" s="99"/>
      <c r="V5469" s="99"/>
      <c r="W5469" s="99"/>
      <c r="X5469" s="99"/>
      <c r="Y5469" s="99"/>
      <c r="Z5469" s="99"/>
      <c r="AA5469" s="99"/>
      <c r="AB5469" s="99"/>
      <c r="AC5469" s="99"/>
      <c r="AD5469" s="99"/>
      <c r="AE5469" s="99"/>
      <c r="AF5469" s="99"/>
      <c r="AG5469" s="99"/>
      <c r="AH5469" s="99"/>
      <c r="AI5469" s="99"/>
      <c r="AJ5469" s="99"/>
      <c r="AK5469" s="99"/>
      <c r="AL5469" s="99"/>
      <c r="AM5469" s="99"/>
      <c r="AN5469" s="99"/>
      <c r="AO5469" s="99"/>
      <c r="AP5469" s="99"/>
      <c r="AQ5469" s="99"/>
      <c r="AR5469" s="99"/>
      <c r="AS5469" s="99"/>
      <c r="AT5469" s="99"/>
      <c r="AU5469" s="99"/>
      <c r="AV5469" s="99"/>
      <c r="AW5469" s="99"/>
      <c r="AX5469" s="99"/>
      <c r="AY5469" s="99"/>
      <c r="AZ5469" s="99"/>
      <c r="BA5469" s="99"/>
      <c r="BB5469" s="107">
        <v>45884</v>
      </c>
    </row>
    <row r="5470" spans="1:54" s="8" customFormat="1" ht="14.1" customHeight="1" x14ac:dyDescent="0.25">
      <c r="A5470" s="219" t="s">
        <v>12786</v>
      </c>
      <c r="B5470" s="220" t="s">
        <v>12745</v>
      </c>
      <c r="C5470" s="98" t="s">
        <v>12787</v>
      </c>
      <c r="D5470" s="98" t="s">
        <v>19962</v>
      </c>
      <c r="E5470" s="141">
        <v>1997</v>
      </c>
      <c r="F5470" s="141">
        <v>170</v>
      </c>
      <c r="G5470" s="98" t="s">
        <v>1</v>
      </c>
      <c r="H5470" s="98">
        <v>0</v>
      </c>
      <c r="I5470" s="98">
        <v>0</v>
      </c>
      <c r="J5470" s="98">
        <v>1</v>
      </c>
      <c r="K5470" s="98">
        <v>1</v>
      </c>
      <c r="L5470" s="98">
        <v>0</v>
      </c>
      <c r="M5470" s="98">
        <v>1</v>
      </c>
      <c r="N5470" s="98">
        <v>0</v>
      </c>
      <c r="O5470" s="98">
        <v>0</v>
      </c>
      <c r="P5470" s="98">
        <v>0</v>
      </c>
      <c r="Q5470" s="98">
        <v>0</v>
      </c>
      <c r="R5470" s="98">
        <v>0</v>
      </c>
      <c r="S5470" s="98">
        <v>0</v>
      </c>
      <c r="T5470" s="98">
        <v>0</v>
      </c>
      <c r="U5470" s="99"/>
      <c r="V5470" s="99"/>
      <c r="W5470" s="99"/>
      <c r="X5470" s="99"/>
      <c r="Y5470" s="99"/>
      <c r="Z5470" s="99"/>
      <c r="AA5470" s="99"/>
      <c r="AB5470" s="99"/>
      <c r="AC5470" s="99"/>
      <c r="AD5470" s="99"/>
      <c r="AE5470" s="99"/>
      <c r="AF5470" s="99"/>
      <c r="AG5470" s="99"/>
      <c r="AH5470" s="99"/>
      <c r="AI5470" s="99"/>
      <c r="AJ5470" s="99"/>
      <c r="AK5470" s="99"/>
      <c r="AL5470" s="99"/>
      <c r="AM5470" s="99"/>
      <c r="AN5470" s="99"/>
      <c r="AO5470" s="99"/>
      <c r="AP5470" s="99"/>
      <c r="AQ5470" s="99"/>
      <c r="AR5470" s="99"/>
      <c r="AS5470" s="99"/>
      <c r="AT5470" s="99"/>
      <c r="AU5470" s="99"/>
      <c r="AV5470" s="99"/>
      <c r="AW5470" s="99"/>
      <c r="AX5470" s="99"/>
      <c r="AY5470" s="99"/>
      <c r="AZ5470" s="99"/>
      <c r="BA5470" s="99"/>
      <c r="BB5470" s="107">
        <v>45884</v>
      </c>
    </row>
    <row r="5471" spans="1:54" s="8" customFormat="1" ht="14.1" customHeight="1" x14ac:dyDescent="0.25">
      <c r="A5471" s="219" t="s">
        <v>12788</v>
      </c>
      <c r="B5471" s="220" t="s">
        <v>12745</v>
      </c>
      <c r="C5471" s="98" t="s">
        <v>12789</v>
      </c>
      <c r="D5471" s="98" t="s">
        <v>19963</v>
      </c>
      <c r="E5471" s="141">
        <v>2001</v>
      </c>
      <c r="F5471" s="141">
        <v>171</v>
      </c>
      <c r="G5471" s="98" t="s">
        <v>1</v>
      </c>
      <c r="H5471" s="98">
        <v>0</v>
      </c>
      <c r="I5471" s="98">
        <v>0</v>
      </c>
      <c r="J5471" s="98">
        <v>1</v>
      </c>
      <c r="K5471" s="98">
        <v>0</v>
      </c>
      <c r="L5471" s="98">
        <v>0</v>
      </c>
      <c r="M5471" s="98">
        <v>0</v>
      </c>
      <c r="N5471" s="98">
        <v>0</v>
      </c>
      <c r="O5471" s="98">
        <v>0</v>
      </c>
      <c r="P5471" s="98">
        <v>0</v>
      </c>
      <c r="Q5471" s="98">
        <v>1</v>
      </c>
      <c r="R5471" s="98">
        <v>0</v>
      </c>
      <c r="S5471" s="98">
        <v>0</v>
      </c>
      <c r="T5471" s="98">
        <v>0</v>
      </c>
      <c r="U5471" s="99"/>
      <c r="V5471" s="99"/>
      <c r="W5471" s="99"/>
      <c r="X5471" s="99"/>
      <c r="Y5471" s="99"/>
      <c r="Z5471" s="99"/>
      <c r="AA5471" s="99"/>
      <c r="AB5471" s="99"/>
      <c r="AC5471" s="99"/>
      <c r="AD5471" s="99"/>
      <c r="AE5471" s="99"/>
      <c r="AF5471" s="99"/>
      <c r="AG5471" s="99"/>
      <c r="AH5471" s="99"/>
      <c r="AI5471" s="99"/>
      <c r="AJ5471" s="99"/>
      <c r="AK5471" s="99"/>
      <c r="AL5471" s="99"/>
      <c r="AM5471" s="99"/>
      <c r="AN5471" s="99"/>
      <c r="AO5471" s="99"/>
      <c r="AP5471" s="99"/>
      <c r="AQ5471" s="99"/>
      <c r="AR5471" s="99"/>
      <c r="AS5471" s="99"/>
      <c r="AT5471" s="99"/>
      <c r="AU5471" s="99"/>
      <c r="AV5471" s="99"/>
      <c r="AW5471" s="99"/>
      <c r="AX5471" s="99"/>
      <c r="AY5471" s="99"/>
      <c r="AZ5471" s="99"/>
      <c r="BA5471" s="99"/>
      <c r="BB5471" s="107">
        <v>45884</v>
      </c>
    </row>
    <row r="5472" spans="1:54" s="8" customFormat="1" ht="14.1" customHeight="1" x14ac:dyDescent="0.25">
      <c r="A5472" s="219" t="s">
        <v>12790</v>
      </c>
      <c r="B5472" s="220" t="s">
        <v>12745</v>
      </c>
      <c r="C5472" s="98" t="s">
        <v>12791</v>
      </c>
      <c r="D5472" s="98" t="s">
        <v>19964</v>
      </c>
      <c r="E5472" s="141">
        <v>1989</v>
      </c>
      <c r="F5472" s="141">
        <v>176</v>
      </c>
      <c r="G5472" s="98" t="s">
        <v>1</v>
      </c>
      <c r="H5472" s="98">
        <v>0</v>
      </c>
      <c r="I5472" s="98">
        <v>0</v>
      </c>
      <c r="J5472" s="98">
        <v>1</v>
      </c>
      <c r="K5472" s="98">
        <v>1</v>
      </c>
      <c r="L5472" s="98">
        <v>1</v>
      </c>
      <c r="M5472" s="98">
        <v>0</v>
      </c>
      <c r="N5472" s="98">
        <v>0</v>
      </c>
      <c r="O5472" s="98">
        <v>0</v>
      </c>
      <c r="P5472" s="98">
        <v>0</v>
      </c>
      <c r="Q5472" s="98">
        <v>0</v>
      </c>
      <c r="R5472" s="98">
        <v>0</v>
      </c>
      <c r="S5472" s="98">
        <v>0</v>
      </c>
      <c r="T5472" s="98">
        <v>0</v>
      </c>
      <c r="U5472" s="99"/>
      <c r="V5472" s="99"/>
      <c r="W5472" s="99"/>
      <c r="X5472" s="99"/>
      <c r="Y5472" s="99"/>
      <c r="Z5472" s="99"/>
      <c r="AA5472" s="99"/>
      <c r="AB5472" s="99"/>
      <c r="AC5472" s="99"/>
      <c r="AD5472" s="99"/>
      <c r="AE5472" s="99"/>
      <c r="AF5472" s="99"/>
      <c r="AG5472" s="99"/>
      <c r="AH5472" s="99"/>
      <c r="AI5472" s="99"/>
      <c r="AJ5472" s="99"/>
      <c r="AK5472" s="99"/>
      <c r="AL5472" s="99"/>
      <c r="AM5472" s="99"/>
      <c r="AN5472" s="99"/>
      <c r="AO5472" s="99"/>
      <c r="AP5472" s="99"/>
      <c r="AQ5472" s="99"/>
      <c r="AR5472" s="99"/>
      <c r="AS5472" s="99"/>
      <c r="AT5472" s="99"/>
      <c r="AU5472" s="99"/>
      <c r="AV5472" s="99"/>
      <c r="AW5472" s="99"/>
      <c r="AX5472" s="99"/>
      <c r="AY5472" s="99"/>
      <c r="AZ5472" s="99"/>
      <c r="BA5472" s="99"/>
      <c r="BB5472" s="107">
        <v>45884</v>
      </c>
    </row>
    <row r="5473" spans="1:54" s="8" customFormat="1" ht="14.1" customHeight="1" x14ac:dyDescent="0.25">
      <c r="A5473" s="219" t="s">
        <v>12792</v>
      </c>
      <c r="B5473" s="220" t="s">
        <v>12745</v>
      </c>
      <c r="C5473" s="98" t="s">
        <v>12793</v>
      </c>
      <c r="D5473" s="98" t="s">
        <v>19965</v>
      </c>
      <c r="E5473" s="141">
        <v>1990</v>
      </c>
      <c r="F5473" s="141">
        <v>177</v>
      </c>
      <c r="G5473" s="98" t="s">
        <v>1</v>
      </c>
      <c r="H5473" s="98">
        <v>0</v>
      </c>
      <c r="I5473" s="98">
        <v>0</v>
      </c>
      <c r="J5473" s="98">
        <v>1</v>
      </c>
      <c r="K5473" s="98">
        <v>0</v>
      </c>
      <c r="L5473" s="98">
        <v>1</v>
      </c>
      <c r="M5473" s="98">
        <v>0</v>
      </c>
      <c r="N5473" s="98">
        <v>0</v>
      </c>
      <c r="O5473" s="98">
        <v>0</v>
      </c>
      <c r="P5473" s="98">
        <v>0</v>
      </c>
      <c r="Q5473" s="98">
        <v>0</v>
      </c>
      <c r="R5473" s="98">
        <v>0</v>
      </c>
      <c r="S5473" s="98">
        <v>0</v>
      </c>
      <c r="T5473" s="98">
        <v>0</v>
      </c>
      <c r="U5473" s="99"/>
      <c r="V5473" s="99"/>
      <c r="W5473" s="99"/>
      <c r="X5473" s="99"/>
      <c r="Y5473" s="99"/>
      <c r="Z5473" s="99"/>
      <c r="AA5473" s="99"/>
      <c r="AB5473" s="99"/>
      <c r="AC5473" s="99"/>
      <c r="AD5473" s="99"/>
      <c r="AE5473" s="99"/>
      <c r="AF5473" s="99"/>
      <c r="AG5473" s="99"/>
      <c r="AH5473" s="99"/>
      <c r="AI5473" s="99"/>
      <c r="AJ5473" s="99"/>
      <c r="AK5473" s="99"/>
      <c r="AL5473" s="99"/>
      <c r="AM5473" s="99"/>
      <c r="AN5473" s="99"/>
      <c r="AO5473" s="99"/>
      <c r="AP5473" s="99"/>
      <c r="AQ5473" s="99"/>
      <c r="AR5473" s="99"/>
      <c r="AS5473" s="99"/>
      <c r="AT5473" s="99"/>
      <c r="AU5473" s="99"/>
      <c r="AV5473" s="99"/>
      <c r="AW5473" s="99"/>
      <c r="AX5473" s="99"/>
      <c r="AY5473" s="99"/>
      <c r="AZ5473" s="99"/>
      <c r="BA5473" s="99"/>
      <c r="BB5473" s="107">
        <v>45884</v>
      </c>
    </row>
    <row r="5474" spans="1:54" s="8" customFormat="1" ht="14.1" customHeight="1" x14ac:dyDescent="0.25">
      <c r="A5474" s="219" t="s">
        <v>12794</v>
      </c>
      <c r="B5474" s="220" t="s">
        <v>12745</v>
      </c>
      <c r="C5474" s="98" t="s">
        <v>12795</v>
      </c>
      <c r="D5474" s="98" t="s">
        <v>19966</v>
      </c>
      <c r="E5474" s="141">
        <v>1985</v>
      </c>
      <c r="F5474" s="141">
        <v>177</v>
      </c>
      <c r="G5474" s="98" t="s">
        <v>1</v>
      </c>
      <c r="H5474" s="98">
        <v>0</v>
      </c>
      <c r="I5474" s="98">
        <v>0</v>
      </c>
      <c r="J5474" s="98">
        <v>0</v>
      </c>
      <c r="K5474" s="98">
        <v>0</v>
      </c>
      <c r="L5474" s="98">
        <v>0</v>
      </c>
      <c r="M5474" s="98">
        <v>0</v>
      </c>
      <c r="N5474" s="98">
        <v>0</v>
      </c>
      <c r="O5474" s="98">
        <v>0</v>
      </c>
      <c r="P5474" s="98">
        <v>0</v>
      </c>
      <c r="Q5474" s="98">
        <v>0</v>
      </c>
      <c r="R5474" s="98">
        <v>0</v>
      </c>
      <c r="S5474" s="98">
        <v>0</v>
      </c>
      <c r="T5474" s="98">
        <v>0</v>
      </c>
      <c r="U5474" s="99"/>
      <c r="V5474" s="99"/>
      <c r="W5474" s="99"/>
      <c r="X5474" s="99"/>
      <c r="Y5474" s="99"/>
      <c r="Z5474" s="99"/>
      <c r="AA5474" s="99"/>
      <c r="AB5474" s="99"/>
      <c r="AC5474" s="99"/>
      <c r="AD5474" s="99"/>
      <c r="AE5474" s="99"/>
      <c r="AF5474" s="99"/>
      <c r="AG5474" s="99"/>
      <c r="AH5474" s="99"/>
      <c r="AI5474" s="99"/>
      <c r="AJ5474" s="99"/>
      <c r="AK5474" s="99"/>
      <c r="AL5474" s="99"/>
      <c r="AM5474" s="99"/>
      <c r="AN5474" s="99"/>
      <c r="AO5474" s="99"/>
      <c r="AP5474" s="99"/>
      <c r="AQ5474" s="99"/>
      <c r="AR5474" s="99"/>
      <c r="AS5474" s="99"/>
      <c r="AT5474" s="99"/>
      <c r="AU5474" s="99"/>
      <c r="AV5474" s="99"/>
      <c r="AW5474" s="99"/>
      <c r="AX5474" s="99"/>
      <c r="AY5474" s="99"/>
      <c r="AZ5474" s="99"/>
      <c r="BA5474" s="99"/>
      <c r="BB5474" s="107">
        <v>45884</v>
      </c>
    </row>
    <row r="5475" spans="1:54" s="8" customFormat="1" ht="14.1" customHeight="1" x14ac:dyDescent="0.25">
      <c r="A5475" s="219" t="s">
        <v>12796</v>
      </c>
      <c r="B5475" s="220" t="s">
        <v>12745</v>
      </c>
      <c r="C5475" s="98" t="s">
        <v>12797</v>
      </c>
      <c r="D5475" s="98" t="s">
        <v>19967</v>
      </c>
      <c r="E5475" s="141">
        <v>1999</v>
      </c>
      <c r="F5475" s="141">
        <v>180</v>
      </c>
      <c r="G5475" s="98" t="s">
        <v>1</v>
      </c>
      <c r="H5475" s="98">
        <v>0</v>
      </c>
      <c r="I5475" s="98">
        <v>0</v>
      </c>
      <c r="J5475" s="98">
        <v>1</v>
      </c>
      <c r="K5475" s="98">
        <v>1</v>
      </c>
      <c r="L5475" s="98">
        <v>0</v>
      </c>
      <c r="M5475" s="98">
        <v>0</v>
      </c>
      <c r="N5475" s="98">
        <v>0</v>
      </c>
      <c r="O5475" s="98">
        <v>0</v>
      </c>
      <c r="P5475" s="98">
        <v>0</v>
      </c>
      <c r="Q5475" s="98">
        <v>0</v>
      </c>
      <c r="R5475" s="98">
        <v>0</v>
      </c>
      <c r="S5475" s="98">
        <v>0</v>
      </c>
      <c r="T5475" s="98">
        <v>0</v>
      </c>
      <c r="U5475" s="99"/>
      <c r="V5475" s="99"/>
      <c r="W5475" s="99"/>
      <c r="X5475" s="99"/>
      <c r="Y5475" s="99"/>
      <c r="Z5475" s="99"/>
      <c r="AA5475" s="99"/>
      <c r="AB5475" s="99"/>
      <c r="AC5475" s="99"/>
      <c r="AD5475" s="99"/>
      <c r="AE5475" s="99"/>
      <c r="AF5475" s="99"/>
      <c r="AG5475" s="99"/>
      <c r="AH5475" s="99"/>
      <c r="AI5475" s="99"/>
      <c r="AJ5475" s="99"/>
      <c r="AK5475" s="99"/>
      <c r="AL5475" s="99"/>
      <c r="AM5475" s="99"/>
      <c r="AN5475" s="99"/>
      <c r="AO5475" s="99"/>
      <c r="AP5475" s="99"/>
      <c r="AQ5475" s="99"/>
      <c r="AR5475" s="99"/>
      <c r="AS5475" s="99"/>
      <c r="AT5475" s="99"/>
      <c r="AU5475" s="99"/>
      <c r="AV5475" s="99"/>
      <c r="AW5475" s="99"/>
      <c r="AX5475" s="99"/>
      <c r="AY5475" s="99"/>
      <c r="AZ5475" s="99"/>
      <c r="BA5475" s="99"/>
      <c r="BB5475" s="107">
        <v>45884</v>
      </c>
    </row>
    <row r="5476" spans="1:54" s="8" customFormat="1" ht="14.1" customHeight="1" x14ac:dyDescent="0.25">
      <c r="A5476" s="219" t="s">
        <v>12798</v>
      </c>
      <c r="B5476" s="220" t="s">
        <v>12745</v>
      </c>
      <c r="C5476" s="98" t="s">
        <v>12799</v>
      </c>
      <c r="D5476" s="98" t="s">
        <v>19968</v>
      </c>
      <c r="E5476" s="141">
        <v>1994</v>
      </c>
      <c r="F5476" s="141">
        <v>180</v>
      </c>
      <c r="G5476" s="98" t="s">
        <v>1</v>
      </c>
      <c r="H5476" s="98">
        <v>0</v>
      </c>
      <c r="I5476" s="98">
        <v>0</v>
      </c>
      <c r="J5476" s="98">
        <v>1</v>
      </c>
      <c r="K5476" s="98">
        <v>0</v>
      </c>
      <c r="L5476" s="98">
        <v>0</v>
      </c>
      <c r="M5476" s="98">
        <v>0</v>
      </c>
      <c r="N5476" s="98">
        <v>0</v>
      </c>
      <c r="O5476" s="98">
        <v>0</v>
      </c>
      <c r="P5476" s="98">
        <v>0</v>
      </c>
      <c r="Q5476" s="98">
        <v>0</v>
      </c>
      <c r="R5476" s="98">
        <v>1</v>
      </c>
      <c r="S5476" s="98">
        <v>0</v>
      </c>
      <c r="T5476" s="98">
        <v>0</v>
      </c>
      <c r="U5476" s="99"/>
      <c r="V5476" s="99"/>
      <c r="W5476" s="99"/>
      <c r="X5476" s="99"/>
      <c r="Y5476" s="99"/>
      <c r="Z5476" s="99"/>
      <c r="AA5476" s="99"/>
      <c r="AB5476" s="99"/>
      <c r="AC5476" s="99"/>
      <c r="AD5476" s="99"/>
      <c r="AE5476" s="99"/>
      <c r="AF5476" s="99"/>
      <c r="AG5476" s="99"/>
      <c r="AH5476" s="99"/>
      <c r="AI5476" s="99"/>
      <c r="AJ5476" s="99"/>
      <c r="AK5476" s="99"/>
      <c r="AL5476" s="99"/>
      <c r="AM5476" s="99"/>
      <c r="AN5476" s="99"/>
      <c r="AO5476" s="99"/>
      <c r="AP5476" s="99"/>
      <c r="AQ5476" s="99"/>
      <c r="AR5476" s="99"/>
      <c r="AS5476" s="99"/>
      <c r="AT5476" s="99"/>
      <c r="AU5476" s="99"/>
      <c r="AV5476" s="99"/>
      <c r="AW5476" s="99"/>
      <c r="AX5476" s="99"/>
      <c r="AY5476" s="99"/>
      <c r="AZ5476" s="99"/>
      <c r="BA5476" s="99"/>
      <c r="BB5476" s="107">
        <v>45884</v>
      </c>
    </row>
    <row r="5477" spans="1:54" s="8" customFormat="1" ht="14.1" customHeight="1" x14ac:dyDescent="0.25">
      <c r="A5477" s="219" t="s">
        <v>12800</v>
      </c>
      <c r="B5477" s="220" t="s">
        <v>12745</v>
      </c>
      <c r="C5477" s="98" t="s">
        <v>12801</v>
      </c>
      <c r="D5477" s="98" t="s">
        <v>19969</v>
      </c>
      <c r="E5477" s="141">
        <v>2006</v>
      </c>
      <c r="F5477" s="141">
        <v>190</v>
      </c>
      <c r="G5477" s="98" t="s">
        <v>1</v>
      </c>
      <c r="H5477" s="98">
        <v>0</v>
      </c>
      <c r="I5477" s="98">
        <v>0</v>
      </c>
      <c r="J5477" s="98">
        <v>1</v>
      </c>
      <c r="K5477" s="98">
        <v>1</v>
      </c>
      <c r="L5477" s="98">
        <v>0</v>
      </c>
      <c r="M5477" s="98">
        <v>1</v>
      </c>
      <c r="N5477" s="98">
        <v>0</v>
      </c>
      <c r="O5477" s="98">
        <v>0</v>
      </c>
      <c r="P5477" s="98">
        <v>0</v>
      </c>
      <c r="Q5477" s="98">
        <v>0</v>
      </c>
      <c r="R5477" s="98">
        <v>0</v>
      </c>
      <c r="S5477" s="98">
        <v>0</v>
      </c>
      <c r="T5477" s="98">
        <v>0</v>
      </c>
      <c r="U5477" s="99"/>
      <c r="V5477" s="99"/>
      <c r="W5477" s="99"/>
      <c r="X5477" s="99"/>
      <c r="Y5477" s="99"/>
      <c r="Z5477" s="99"/>
      <c r="AA5477" s="99"/>
      <c r="AB5477" s="99"/>
      <c r="AC5477" s="99"/>
      <c r="AD5477" s="99"/>
      <c r="AE5477" s="99"/>
      <c r="AF5477" s="99"/>
      <c r="AG5477" s="99"/>
      <c r="AH5477" s="99"/>
      <c r="AI5477" s="99"/>
      <c r="AJ5477" s="99"/>
      <c r="AK5477" s="99"/>
      <c r="AL5477" s="99"/>
      <c r="AM5477" s="99"/>
      <c r="AN5477" s="99"/>
      <c r="AO5477" s="99"/>
      <c r="AP5477" s="99"/>
      <c r="AQ5477" s="99"/>
      <c r="AR5477" s="99"/>
      <c r="AS5477" s="99"/>
      <c r="AT5477" s="99"/>
      <c r="AU5477" s="99"/>
      <c r="AV5477" s="99"/>
      <c r="AW5477" s="99"/>
      <c r="AX5477" s="99"/>
      <c r="AY5477" s="99"/>
      <c r="AZ5477" s="99"/>
      <c r="BA5477" s="99"/>
      <c r="BB5477" s="107">
        <v>45884</v>
      </c>
    </row>
    <row r="5478" spans="1:54" s="8" customFormat="1" ht="14.1" customHeight="1" x14ac:dyDescent="0.25">
      <c r="A5478" s="219" t="s">
        <v>12802</v>
      </c>
      <c r="B5478" s="220" t="s">
        <v>12745</v>
      </c>
      <c r="C5478" s="98" t="s">
        <v>12803</v>
      </c>
      <c r="D5478" s="98" t="s">
        <v>19970</v>
      </c>
      <c r="E5478" s="141">
        <v>1989</v>
      </c>
      <c r="F5478" s="141">
        <v>191</v>
      </c>
      <c r="G5478" s="98" t="s">
        <v>1</v>
      </c>
      <c r="H5478" s="98">
        <v>0</v>
      </c>
      <c r="I5478" s="98">
        <v>0</v>
      </c>
      <c r="J5478" s="98">
        <v>1</v>
      </c>
      <c r="K5478" s="98">
        <v>1</v>
      </c>
      <c r="L5478" s="98">
        <v>0</v>
      </c>
      <c r="M5478" s="98">
        <v>0</v>
      </c>
      <c r="N5478" s="98">
        <v>1</v>
      </c>
      <c r="O5478" s="98">
        <v>0</v>
      </c>
      <c r="P5478" s="98">
        <v>0</v>
      </c>
      <c r="Q5478" s="98">
        <v>0</v>
      </c>
      <c r="R5478" s="98">
        <v>0</v>
      </c>
      <c r="S5478" s="98">
        <v>0</v>
      </c>
      <c r="T5478" s="98">
        <v>0</v>
      </c>
      <c r="U5478" s="99"/>
      <c r="V5478" s="99"/>
      <c r="W5478" s="99"/>
      <c r="X5478" s="99"/>
      <c r="Y5478" s="99"/>
      <c r="Z5478" s="99"/>
      <c r="AA5478" s="99"/>
      <c r="AB5478" s="99"/>
      <c r="AC5478" s="99"/>
      <c r="AD5478" s="99"/>
      <c r="AE5478" s="99"/>
      <c r="AF5478" s="99"/>
      <c r="AG5478" s="99"/>
      <c r="AH5478" s="99"/>
      <c r="AI5478" s="99"/>
      <c r="AJ5478" s="99"/>
      <c r="AK5478" s="99"/>
      <c r="AL5478" s="99"/>
      <c r="AM5478" s="99"/>
      <c r="AN5478" s="99"/>
      <c r="AO5478" s="99"/>
      <c r="AP5478" s="99"/>
      <c r="AQ5478" s="99"/>
      <c r="AR5478" s="99"/>
      <c r="AS5478" s="99"/>
      <c r="AT5478" s="99"/>
      <c r="AU5478" s="99"/>
      <c r="AV5478" s="99"/>
      <c r="AW5478" s="99"/>
      <c r="AX5478" s="99"/>
      <c r="AY5478" s="99"/>
      <c r="AZ5478" s="99"/>
      <c r="BA5478" s="99"/>
      <c r="BB5478" s="107">
        <v>45884</v>
      </c>
    </row>
    <row r="5479" spans="1:54" s="8" customFormat="1" ht="14.1" customHeight="1" x14ac:dyDescent="0.25">
      <c r="A5479" s="219" t="s">
        <v>12804</v>
      </c>
      <c r="B5479" s="220" t="s">
        <v>12745</v>
      </c>
      <c r="C5479" s="98" t="s">
        <v>12805</v>
      </c>
      <c r="D5479" s="98" t="s">
        <v>19971</v>
      </c>
      <c r="E5479" s="141">
        <v>1991</v>
      </c>
      <c r="F5479" s="141">
        <v>193</v>
      </c>
      <c r="G5479" s="98" t="s">
        <v>1</v>
      </c>
      <c r="H5479" s="98">
        <v>0</v>
      </c>
      <c r="I5479" s="98">
        <v>0</v>
      </c>
      <c r="J5479" s="98">
        <v>1</v>
      </c>
      <c r="K5479" s="98">
        <v>0</v>
      </c>
      <c r="L5479" s="98">
        <v>1</v>
      </c>
      <c r="M5479" s="98">
        <v>0</v>
      </c>
      <c r="N5479" s="98">
        <v>0</v>
      </c>
      <c r="O5479" s="98">
        <v>0</v>
      </c>
      <c r="P5479" s="98">
        <v>0</v>
      </c>
      <c r="Q5479" s="98">
        <v>0</v>
      </c>
      <c r="R5479" s="98">
        <v>0</v>
      </c>
      <c r="S5479" s="98">
        <v>0</v>
      </c>
      <c r="T5479" s="98">
        <v>0</v>
      </c>
      <c r="U5479" s="99"/>
      <c r="V5479" s="99"/>
      <c r="W5479" s="99"/>
      <c r="X5479" s="99"/>
      <c r="Y5479" s="99"/>
      <c r="Z5479" s="99"/>
      <c r="AA5479" s="99"/>
      <c r="AB5479" s="99"/>
      <c r="AC5479" s="99"/>
      <c r="AD5479" s="99"/>
      <c r="AE5479" s="99"/>
      <c r="AF5479" s="99"/>
      <c r="AG5479" s="99"/>
      <c r="AH5479" s="99"/>
      <c r="AI5479" s="99"/>
      <c r="AJ5479" s="99"/>
      <c r="AK5479" s="99"/>
      <c r="AL5479" s="99"/>
      <c r="AM5479" s="99"/>
      <c r="AN5479" s="99"/>
      <c r="AO5479" s="99"/>
      <c r="AP5479" s="99"/>
      <c r="AQ5479" s="99"/>
      <c r="AR5479" s="99"/>
      <c r="AS5479" s="99"/>
      <c r="AT5479" s="99"/>
      <c r="AU5479" s="99"/>
      <c r="AV5479" s="99"/>
      <c r="AW5479" s="99"/>
      <c r="AX5479" s="99"/>
      <c r="AY5479" s="99"/>
      <c r="AZ5479" s="99"/>
      <c r="BA5479" s="99"/>
      <c r="BB5479" s="107">
        <v>45884</v>
      </c>
    </row>
    <row r="5480" spans="1:54" s="8" customFormat="1" ht="14.1" customHeight="1" x14ac:dyDescent="0.25">
      <c r="A5480" s="219" t="s">
        <v>12806</v>
      </c>
      <c r="B5480" s="220" t="s">
        <v>12745</v>
      </c>
      <c r="C5480" s="98" t="s">
        <v>12807</v>
      </c>
      <c r="D5480" s="98" t="s">
        <v>19972</v>
      </c>
      <c r="E5480" s="141">
        <v>1990</v>
      </c>
      <c r="F5480" s="141">
        <v>194</v>
      </c>
      <c r="G5480" s="98" t="s">
        <v>1</v>
      </c>
      <c r="H5480" s="98">
        <v>0</v>
      </c>
      <c r="I5480" s="98">
        <v>0</v>
      </c>
      <c r="J5480" s="98">
        <v>1</v>
      </c>
      <c r="K5480" s="98">
        <v>0</v>
      </c>
      <c r="L5480" s="98">
        <v>1</v>
      </c>
      <c r="M5480" s="98">
        <v>0</v>
      </c>
      <c r="N5480" s="98">
        <v>0</v>
      </c>
      <c r="O5480" s="98">
        <v>0</v>
      </c>
      <c r="P5480" s="98">
        <v>0</v>
      </c>
      <c r="Q5480" s="98">
        <v>0</v>
      </c>
      <c r="R5480" s="98">
        <v>0</v>
      </c>
      <c r="S5480" s="98">
        <v>0</v>
      </c>
      <c r="T5480" s="98">
        <v>0</v>
      </c>
      <c r="U5480" s="99"/>
      <c r="V5480" s="99"/>
      <c r="W5480" s="99"/>
      <c r="X5480" s="99"/>
      <c r="Y5480" s="99"/>
      <c r="Z5480" s="99"/>
      <c r="AA5480" s="99"/>
      <c r="AB5480" s="99"/>
      <c r="AC5480" s="99"/>
      <c r="AD5480" s="99"/>
      <c r="AE5480" s="99"/>
      <c r="AF5480" s="99"/>
      <c r="AG5480" s="99"/>
      <c r="AH5480" s="99"/>
      <c r="AI5480" s="99"/>
      <c r="AJ5480" s="99"/>
      <c r="AK5480" s="99"/>
      <c r="AL5480" s="99"/>
      <c r="AM5480" s="99"/>
      <c r="AN5480" s="99"/>
      <c r="AO5480" s="99"/>
      <c r="AP5480" s="99"/>
      <c r="AQ5480" s="99"/>
      <c r="AR5480" s="99"/>
      <c r="AS5480" s="99"/>
      <c r="AT5480" s="99"/>
      <c r="AU5480" s="99"/>
      <c r="AV5480" s="99"/>
      <c r="AW5480" s="99"/>
      <c r="AX5480" s="99"/>
      <c r="AY5480" s="99"/>
      <c r="AZ5480" s="99"/>
      <c r="BA5480" s="99"/>
      <c r="BB5480" s="107">
        <v>45884</v>
      </c>
    </row>
    <row r="5481" spans="1:54" s="8" customFormat="1" ht="14.1" customHeight="1" x14ac:dyDescent="0.25">
      <c r="A5481" s="219" t="s">
        <v>12808</v>
      </c>
      <c r="B5481" s="220" t="s">
        <v>12745</v>
      </c>
      <c r="C5481" s="98" t="s">
        <v>12809</v>
      </c>
      <c r="D5481" s="98" t="s">
        <v>19973</v>
      </c>
      <c r="E5481" s="141">
        <v>2004</v>
      </c>
      <c r="F5481" s="141">
        <v>200</v>
      </c>
      <c r="G5481" s="98" t="s">
        <v>1</v>
      </c>
      <c r="H5481" s="98">
        <v>0</v>
      </c>
      <c r="I5481" s="98">
        <v>0</v>
      </c>
      <c r="J5481" s="98">
        <v>1</v>
      </c>
      <c r="K5481" s="98">
        <v>1</v>
      </c>
      <c r="L5481" s="98">
        <v>0</v>
      </c>
      <c r="M5481" s="98">
        <v>1</v>
      </c>
      <c r="N5481" s="98">
        <v>0</v>
      </c>
      <c r="O5481" s="98">
        <v>0</v>
      </c>
      <c r="P5481" s="98">
        <v>0</v>
      </c>
      <c r="Q5481" s="98">
        <v>0</v>
      </c>
      <c r="R5481" s="98">
        <v>0</v>
      </c>
      <c r="S5481" s="98">
        <v>0</v>
      </c>
      <c r="T5481" s="98">
        <v>0</v>
      </c>
      <c r="U5481" s="99"/>
      <c r="V5481" s="99"/>
      <c r="W5481" s="99"/>
      <c r="X5481" s="99"/>
      <c r="Y5481" s="99"/>
      <c r="Z5481" s="99"/>
      <c r="AA5481" s="99"/>
      <c r="AB5481" s="99"/>
      <c r="AC5481" s="99"/>
      <c r="AD5481" s="99"/>
      <c r="AE5481" s="99"/>
      <c r="AF5481" s="99"/>
      <c r="AG5481" s="99"/>
      <c r="AH5481" s="99"/>
      <c r="AI5481" s="99"/>
      <c r="AJ5481" s="99"/>
      <c r="AK5481" s="99"/>
      <c r="AL5481" s="99"/>
      <c r="AM5481" s="99"/>
      <c r="AN5481" s="99"/>
      <c r="AO5481" s="99"/>
      <c r="AP5481" s="99"/>
      <c r="AQ5481" s="99"/>
      <c r="AR5481" s="99"/>
      <c r="AS5481" s="99"/>
      <c r="AT5481" s="99"/>
      <c r="AU5481" s="99"/>
      <c r="AV5481" s="99"/>
      <c r="AW5481" s="99"/>
      <c r="AX5481" s="99"/>
      <c r="AY5481" s="99"/>
      <c r="AZ5481" s="99"/>
      <c r="BA5481" s="99"/>
      <c r="BB5481" s="107">
        <v>45884</v>
      </c>
    </row>
    <row r="5482" spans="1:54" s="8" customFormat="1" ht="14.1" customHeight="1" x14ac:dyDescent="0.25">
      <c r="A5482" s="219" t="s">
        <v>12810</v>
      </c>
      <c r="B5482" s="220" t="s">
        <v>12745</v>
      </c>
      <c r="C5482" s="98" t="s">
        <v>12811</v>
      </c>
      <c r="D5482" s="98" t="s">
        <v>19974</v>
      </c>
      <c r="E5482" s="141">
        <v>1988</v>
      </c>
      <c r="F5482" s="141">
        <v>200</v>
      </c>
      <c r="G5482" s="98" t="s">
        <v>1</v>
      </c>
      <c r="H5482" s="98">
        <v>0</v>
      </c>
      <c r="I5482" s="98">
        <v>0</v>
      </c>
      <c r="J5482" s="98">
        <v>1</v>
      </c>
      <c r="K5482" s="98">
        <v>1</v>
      </c>
      <c r="L5482" s="98">
        <v>1</v>
      </c>
      <c r="M5482" s="98">
        <v>0</v>
      </c>
      <c r="N5482" s="98">
        <v>0</v>
      </c>
      <c r="O5482" s="98">
        <v>0</v>
      </c>
      <c r="P5482" s="98">
        <v>0</v>
      </c>
      <c r="Q5482" s="98">
        <v>0</v>
      </c>
      <c r="R5482" s="98">
        <v>0</v>
      </c>
      <c r="S5482" s="98">
        <v>0</v>
      </c>
      <c r="T5482" s="98">
        <v>0</v>
      </c>
      <c r="U5482" s="99"/>
      <c r="V5482" s="99"/>
      <c r="W5482" s="99"/>
      <c r="X5482" s="99"/>
      <c r="Y5482" s="99"/>
      <c r="Z5482" s="99"/>
      <c r="AA5482" s="99"/>
      <c r="AB5482" s="99"/>
      <c r="AC5482" s="99"/>
      <c r="AD5482" s="99"/>
      <c r="AE5482" s="99"/>
      <c r="AF5482" s="99"/>
      <c r="AG5482" s="99"/>
      <c r="AH5482" s="99"/>
      <c r="AI5482" s="99"/>
      <c r="AJ5482" s="99"/>
      <c r="AK5482" s="99"/>
      <c r="AL5482" s="99"/>
      <c r="AM5482" s="99"/>
      <c r="AN5482" s="99"/>
      <c r="AO5482" s="99"/>
      <c r="AP5482" s="99"/>
      <c r="AQ5482" s="99"/>
      <c r="AR5482" s="99"/>
      <c r="AS5482" s="99"/>
      <c r="AT5482" s="99"/>
      <c r="AU5482" s="99"/>
      <c r="AV5482" s="99"/>
      <c r="AW5482" s="99"/>
      <c r="AX5482" s="99"/>
      <c r="AY5482" s="99"/>
      <c r="AZ5482" s="99"/>
      <c r="BA5482" s="99"/>
      <c r="BB5482" s="107">
        <v>45884</v>
      </c>
    </row>
    <row r="5483" spans="1:54" s="8" customFormat="1" ht="14.1" customHeight="1" x14ac:dyDescent="0.25">
      <c r="A5483" s="219" t="s">
        <v>12812</v>
      </c>
      <c r="B5483" s="220" t="s">
        <v>12745</v>
      </c>
      <c r="C5483" s="98" t="s">
        <v>12813</v>
      </c>
      <c r="D5483" s="98" t="s">
        <v>19975</v>
      </c>
      <c r="E5483" s="141">
        <v>1991</v>
      </c>
      <c r="F5483" s="141">
        <v>199</v>
      </c>
      <c r="G5483" s="98" t="s">
        <v>1</v>
      </c>
      <c r="H5483" s="98">
        <v>0</v>
      </c>
      <c r="I5483" s="98">
        <v>0</v>
      </c>
      <c r="J5483" s="98">
        <v>1</v>
      </c>
      <c r="K5483" s="98">
        <v>1</v>
      </c>
      <c r="L5483" s="98">
        <v>1</v>
      </c>
      <c r="M5483" s="98">
        <v>0</v>
      </c>
      <c r="N5483" s="98">
        <v>0</v>
      </c>
      <c r="O5483" s="98">
        <v>0</v>
      </c>
      <c r="P5483" s="98">
        <v>0</v>
      </c>
      <c r="Q5483" s="98">
        <v>0</v>
      </c>
      <c r="R5483" s="98">
        <v>0</v>
      </c>
      <c r="S5483" s="98">
        <v>0</v>
      </c>
      <c r="T5483" s="98">
        <v>0</v>
      </c>
      <c r="U5483" s="99"/>
      <c r="V5483" s="99"/>
      <c r="W5483" s="99"/>
      <c r="X5483" s="99"/>
      <c r="Y5483" s="99"/>
      <c r="Z5483" s="99"/>
      <c r="AA5483" s="99"/>
      <c r="AB5483" s="99"/>
      <c r="AC5483" s="99"/>
      <c r="AD5483" s="99"/>
      <c r="AE5483" s="99"/>
      <c r="AF5483" s="99"/>
      <c r="AG5483" s="99"/>
      <c r="AH5483" s="99"/>
      <c r="AI5483" s="99"/>
      <c r="AJ5483" s="99"/>
      <c r="AK5483" s="99"/>
      <c r="AL5483" s="99"/>
      <c r="AM5483" s="99"/>
      <c r="AN5483" s="99"/>
      <c r="AO5483" s="99"/>
      <c r="AP5483" s="99"/>
      <c r="AQ5483" s="99"/>
      <c r="AR5483" s="99"/>
      <c r="AS5483" s="99"/>
      <c r="AT5483" s="99"/>
      <c r="AU5483" s="99"/>
      <c r="AV5483" s="99"/>
      <c r="AW5483" s="99"/>
      <c r="AX5483" s="99"/>
      <c r="AY5483" s="99"/>
      <c r="AZ5483" s="99"/>
      <c r="BA5483" s="99"/>
      <c r="BB5483" s="107">
        <v>45884</v>
      </c>
    </row>
    <row r="5484" spans="1:54" s="8" customFormat="1" ht="14.1" customHeight="1" x14ac:dyDescent="0.25">
      <c r="A5484" s="219" t="s">
        <v>12814</v>
      </c>
      <c r="B5484" s="220" t="s">
        <v>12745</v>
      </c>
      <c r="C5484" s="98" t="s">
        <v>12815</v>
      </c>
      <c r="D5484" s="98" t="s">
        <v>19976</v>
      </c>
      <c r="E5484" s="141">
        <v>1985</v>
      </c>
      <c r="F5484" s="141">
        <v>202</v>
      </c>
      <c r="G5484" s="98" t="s">
        <v>1</v>
      </c>
      <c r="H5484" s="98">
        <v>0</v>
      </c>
      <c r="I5484" s="98">
        <v>0</v>
      </c>
      <c r="J5484" s="98">
        <v>0</v>
      </c>
      <c r="K5484" s="98">
        <v>0</v>
      </c>
      <c r="L5484" s="98">
        <v>0</v>
      </c>
      <c r="M5484" s="98">
        <v>0</v>
      </c>
      <c r="N5484" s="98">
        <v>0</v>
      </c>
      <c r="O5484" s="98">
        <v>0</v>
      </c>
      <c r="P5484" s="98">
        <v>0</v>
      </c>
      <c r="Q5484" s="98">
        <v>0</v>
      </c>
      <c r="R5484" s="98">
        <v>0</v>
      </c>
      <c r="S5484" s="98">
        <v>0</v>
      </c>
      <c r="T5484" s="98">
        <v>0</v>
      </c>
      <c r="U5484" s="99"/>
      <c r="V5484" s="99"/>
      <c r="W5484" s="99"/>
      <c r="X5484" s="99"/>
      <c r="Y5484" s="99"/>
      <c r="Z5484" s="99"/>
      <c r="AA5484" s="99"/>
      <c r="AB5484" s="99"/>
      <c r="AC5484" s="99"/>
      <c r="AD5484" s="99"/>
      <c r="AE5484" s="99"/>
      <c r="AF5484" s="99"/>
      <c r="AG5484" s="99"/>
      <c r="AH5484" s="99"/>
      <c r="AI5484" s="99"/>
      <c r="AJ5484" s="99"/>
      <c r="AK5484" s="99"/>
      <c r="AL5484" s="99"/>
      <c r="AM5484" s="99"/>
      <c r="AN5484" s="99"/>
      <c r="AO5484" s="99"/>
      <c r="AP5484" s="99"/>
      <c r="AQ5484" s="99"/>
      <c r="AR5484" s="99"/>
      <c r="AS5484" s="99"/>
      <c r="AT5484" s="99"/>
      <c r="AU5484" s="99"/>
      <c r="AV5484" s="99"/>
      <c r="AW5484" s="99"/>
      <c r="AX5484" s="99"/>
      <c r="AY5484" s="99"/>
      <c r="AZ5484" s="99"/>
      <c r="BA5484" s="99"/>
      <c r="BB5484" s="107">
        <v>45884</v>
      </c>
    </row>
    <row r="5485" spans="1:54" s="8" customFormat="1" ht="14.1" customHeight="1" x14ac:dyDescent="0.25">
      <c r="A5485" s="219" t="s">
        <v>12816</v>
      </c>
      <c r="B5485" s="220" t="s">
        <v>12745</v>
      </c>
      <c r="C5485" s="98" t="s">
        <v>12817</v>
      </c>
      <c r="D5485" s="98" t="s">
        <v>19977</v>
      </c>
      <c r="E5485" s="141">
        <v>2003</v>
      </c>
      <c r="F5485" s="141">
        <v>207</v>
      </c>
      <c r="G5485" s="98" t="s">
        <v>1</v>
      </c>
      <c r="H5485" s="98">
        <v>0</v>
      </c>
      <c r="I5485" s="98">
        <v>0</v>
      </c>
      <c r="J5485" s="98">
        <v>1</v>
      </c>
      <c r="K5485" s="98">
        <v>1</v>
      </c>
      <c r="L5485" s="98">
        <v>0</v>
      </c>
      <c r="M5485" s="98">
        <v>0</v>
      </c>
      <c r="N5485" s="98">
        <v>0</v>
      </c>
      <c r="O5485" s="98">
        <v>0</v>
      </c>
      <c r="P5485" s="98">
        <v>0</v>
      </c>
      <c r="Q5485" s="98">
        <v>0</v>
      </c>
      <c r="R5485" s="98">
        <v>0</v>
      </c>
      <c r="S5485" s="98">
        <v>0</v>
      </c>
      <c r="T5485" s="98">
        <v>0</v>
      </c>
      <c r="U5485" s="99"/>
      <c r="V5485" s="99"/>
      <c r="W5485" s="99"/>
      <c r="X5485" s="99"/>
      <c r="Y5485" s="99"/>
      <c r="Z5485" s="99"/>
      <c r="AA5485" s="99"/>
      <c r="AB5485" s="99"/>
      <c r="AC5485" s="99"/>
      <c r="AD5485" s="99"/>
      <c r="AE5485" s="99"/>
      <c r="AF5485" s="99"/>
      <c r="AG5485" s="99"/>
      <c r="AH5485" s="99"/>
      <c r="AI5485" s="99"/>
      <c r="AJ5485" s="99"/>
      <c r="AK5485" s="99"/>
      <c r="AL5485" s="99"/>
      <c r="AM5485" s="99"/>
      <c r="AN5485" s="99"/>
      <c r="AO5485" s="99"/>
      <c r="AP5485" s="99"/>
      <c r="AQ5485" s="99"/>
      <c r="AR5485" s="99"/>
      <c r="AS5485" s="99"/>
      <c r="AT5485" s="99"/>
      <c r="AU5485" s="99"/>
      <c r="AV5485" s="99"/>
      <c r="AW5485" s="99"/>
      <c r="AX5485" s="99"/>
      <c r="AY5485" s="99"/>
      <c r="AZ5485" s="99"/>
      <c r="BA5485" s="99"/>
      <c r="BB5485" s="107">
        <v>45884</v>
      </c>
    </row>
    <row r="5486" spans="1:54" s="8" customFormat="1" ht="14.1" customHeight="1" x14ac:dyDescent="0.25">
      <c r="A5486" s="219" t="s">
        <v>12818</v>
      </c>
      <c r="B5486" s="220" t="s">
        <v>12745</v>
      </c>
      <c r="C5486" s="98" t="s">
        <v>12819</v>
      </c>
      <c r="D5486" s="98" t="s">
        <v>19978</v>
      </c>
      <c r="E5486" s="141">
        <v>2001</v>
      </c>
      <c r="F5486" s="141">
        <v>209</v>
      </c>
      <c r="G5486" s="98" t="s">
        <v>1</v>
      </c>
      <c r="H5486" s="98">
        <v>0</v>
      </c>
      <c r="I5486" s="98">
        <v>0</v>
      </c>
      <c r="J5486" s="98">
        <v>1</v>
      </c>
      <c r="K5486" s="98">
        <v>0</v>
      </c>
      <c r="L5486" s="98">
        <v>0</v>
      </c>
      <c r="M5486" s="98">
        <v>0</v>
      </c>
      <c r="N5486" s="98">
        <v>0</v>
      </c>
      <c r="O5486" s="98">
        <v>0</v>
      </c>
      <c r="P5486" s="98">
        <v>0</v>
      </c>
      <c r="Q5486" s="98">
        <v>0</v>
      </c>
      <c r="R5486" s="98">
        <v>0</v>
      </c>
      <c r="S5486" s="98">
        <v>0</v>
      </c>
      <c r="T5486" s="98">
        <v>0</v>
      </c>
      <c r="U5486" s="99"/>
      <c r="V5486" s="99"/>
      <c r="W5486" s="99"/>
      <c r="X5486" s="99"/>
      <c r="Y5486" s="99"/>
      <c r="Z5486" s="99"/>
      <c r="AA5486" s="99"/>
      <c r="AB5486" s="99"/>
      <c r="AC5486" s="99"/>
      <c r="AD5486" s="99"/>
      <c r="AE5486" s="99"/>
      <c r="AF5486" s="99"/>
      <c r="AG5486" s="99"/>
      <c r="AH5486" s="99"/>
      <c r="AI5486" s="99"/>
      <c r="AJ5486" s="99"/>
      <c r="AK5486" s="99"/>
      <c r="AL5486" s="99"/>
      <c r="AM5486" s="99"/>
      <c r="AN5486" s="99"/>
      <c r="AO5486" s="99"/>
      <c r="AP5486" s="99"/>
      <c r="AQ5486" s="99"/>
      <c r="AR5486" s="99"/>
      <c r="AS5486" s="99"/>
      <c r="AT5486" s="99"/>
      <c r="AU5486" s="99"/>
      <c r="AV5486" s="99"/>
      <c r="AW5486" s="99"/>
      <c r="AX5486" s="99"/>
      <c r="AY5486" s="99"/>
      <c r="AZ5486" s="99"/>
      <c r="BA5486" s="99"/>
      <c r="BB5486" s="107">
        <v>45884</v>
      </c>
    </row>
    <row r="5487" spans="1:54" s="8" customFormat="1" ht="14.1" customHeight="1" x14ac:dyDescent="0.25">
      <c r="A5487" s="219" t="s">
        <v>12820</v>
      </c>
      <c r="B5487" s="220" t="s">
        <v>12745</v>
      </c>
      <c r="C5487" s="98" t="s">
        <v>12821</v>
      </c>
      <c r="D5487" s="98" t="s">
        <v>19979</v>
      </c>
      <c r="E5487" s="141">
        <v>1996</v>
      </c>
      <c r="F5487" s="141">
        <v>210</v>
      </c>
      <c r="G5487" s="98" t="s">
        <v>1</v>
      </c>
      <c r="H5487" s="98">
        <v>0</v>
      </c>
      <c r="I5487" s="98">
        <v>0</v>
      </c>
      <c r="J5487" s="98">
        <v>1</v>
      </c>
      <c r="K5487" s="98">
        <v>1</v>
      </c>
      <c r="L5487" s="98">
        <v>0</v>
      </c>
      <c r="M5487" s="98">
        <v>0</v>
      </c>
      <c r="N5487" s="98">
        <v>0</v>
      </c>
      <c r="O5487" s="98">
        <v>0</v>
      </c>
      <c r="P5487" s="98">
        <v>1</v>
      </c>
      <c r="Q5487" s="98">
        <v>0</v>
      </c>
      <c r="R5487" s="98">
        <v>0</v>
      </c>
      <c r="S5487" s="98">
        <v>0</v>
      </c>
      <c r="T5487" s="98">
        <v>0</v>
      </c>
      <c r="U5487" s="99"/>
      <c r="V5487" s="99"/>
      <c r="W5487" s="99"/>
      <c r="X5487" s="99"/>
      <c r="Y5487" s="99"/>
      <c r="Z5487" s="99"/>
      <c r="AA5487" s="99"/>
      <c r="AB5487" s="99"/>
      <c r="AC5487" s="99"/>
      <c r="AD5487" s="99"/>
      <c r="AE5487" s="99"/>
      <c r="AF5487" s="99"/>
      <c r="AG5487" s="99"/>
      <c r="AH5487" s="99"/>
      <c r="AI5487" s="99"/>
      <c r="AJ5487" s="99"/>
      <c r="AK5487" s="99"/>
      <c r="AL5487" s="99"/>
      <c r="AM5487" s="99"/>
      <c r="AN5487" s="99"/>
      <c r="AO5487" s="99"/>
      <c r="AP5487" s="99"/>
      <c r="AQ5487" s="99"/>
      <c r="AR5487" s="99"/>
      <c r="AS5487" s="99"/>
      <c r="AT5487" s="99"/>
      <c r="AU5487" s="99"/>
      <c r="AV5487" s="99"/>
      <c r="AW5487" s="99"/>
      <c r="AX5487" s="99"/>
      <c r="AY5487" s="99"/>
      <c r="AZ5487" s="99"/>
      <c r="BA5487" s="99"/>
      <c r="BB5487" s="107">
        <v>45884</v>
      </c>
    </row>
    <row r="5488" spans="1:54" s="8" customFormat="1" ht="14.1" customHeight="1" x14ac:dyDescent="0.25">
      <c r="A5488" s="219" t="s">
        <v>12822</v>
      </c>
      <c r="B5488" s="220" t="s">
        <v>12745</v>
      </c>
      <c r="C5488" s="98" t="s">
        <v>12823</v>
      </c>
      <c r="D5488" s="98" t="s">
        <v>19980</v>
      </c>
      <c r="E5488" s="141">
        <v>2008</v>
      </c>
      <c r="F5488" s="141">
        <v>212</v>
      </c>
      <c r="G5488" s="98" t="s">
        <v>1</v>
      </c>
      <c r="H5488" s="98">
        <v>0</v>
      </c>
      <c r="I5488" s="98">
        <v>0</v>
      </c>
      <c r="J5488" s="98">
        <v>1</v>
      </c>
      <c r="K5488" s="98">
        <v>1</v>
      </c>
      <c r="L5488" s="98">
        <v>0</v>
      </c>
      <c r="M5488" s="98">
        <v>0</v>
      </c>
      <c r="N5488" s="98">
        <v>0</v>
      </c>
      <c r="O5488" s="98">
        <v>0</v>
      </c>
      <c r="P5488" s="98">
        <v>0</v>
      </c>
      <c r="Q5488" s="98">
        <v>0</v>
      </c>
      <c r="R5488" s="98">
        <v>0</v>
      </c>
      <c r="S5488" s="98">
        <v>0</v>
      </c>
      <c r="T5488" s="98">
        <v>0</v>
      </c>
      <c r="U5488" s="99"/>
      <c r="V5488" s="99"/>
      <c r="W5488" s="99"/>
      <c r="X5488" s="99"/>
      <c r="Y5488" s="99"/>
      <c r="Z5488" s="99"/>
      <c r="AA5488" s="99"/>
      <c r="AB5488" s="99"/>
      <c r="AC5488" s="99"/>
      <c r="AD5488" s="99"/>
      <c r="AE5488" s="99"/>
      <c r="AF5488" s="99"/>
      <c r="AG5488" s="99"/>
      <c r="AH5488" s="99"/>
      <c r="AI5488" s="99"/>
      <c r="AJ5488" s="99"/>
      <c r="AK5488" s="99"/>
      <c r="AL5488" s="99"/>
      <c r="AM5488" s="99"/>
      <c r="AN5488" s="99"/>
      <c r="AO5488" s="99"/>
      <c r="AP5488" s="99"/>
      <c r="AQ5488" s="99"/>
      <c r="AR5488" s="99"/>
      <c r="AS5488" s="99"/>
      <c r="AT5488" s="99"/>
      <c r="AU5488" s="99"/>
      <c r="AV5488" s="99"/>
      <c r="AW5488" s="99"/>
      <c r="AX5488" s="99"/>
      <c r="AY5488" s="99"/>
      <c r="AZ5488" s="99"/>
      <c r="BA5488" s="99"/>
      <c r="BB5488" s="107">
        <v>45884</v>
      </c>
    </row>
    <row r="5489" spans="1:54" s="8" customFormat="1" ht="14.1" customHeight="1" x14ac:dyDescent="0.25">
      <c r="A5489" s="219" t="s">
        <v>12824</v>
      </c>
      <c r="B5489" s="220" t="s">
        <v>12745</v>
      </c>
      <c r="C5489" s="98" t="s">
        <v>12825</v>
      </c>
      <c r="D5489" s="98" t="s">
        <v>19981</v>
      </c>
      <c r="E5489" s="141">
        <v>1998</v>
      </c>
      <c r="F5489" s="141">
        <v>214</v>
      </c>
      <c r="G5489" s="98" t="s">
        <v>1</v>
      </c>
      <c r="H5489" s="98">
        <v>0</v>
      </c>
      <c r="I5489" s="98">
        <v>0</v>
      </c>
      <c r="J5489" s="98">
        <v>1</v>
      </c>
      <c r="K5489" s="98">
        <v>1</v>
      </c>
      <c r="L5489" s="98">
        <v>0</v>
      </c>
      <c r="M5489" s="98">
        <v>1</v>
      </c>
      <c r="N5489" s="98">
        <v>0</v>
      </c>
      <c r="O5489" s="98">
        <v>0</v>
      </c>
      <c r="P5489" s="98">
        <v>0</v>
      </c>
      <c r="Q5489" s="98">
        <v>0</v>
      </c>
      <c r="R5489" s="98">
        <v>0</v>
      </c>
      <c r="S5489" s="98">
        <v>0</v>
      </c>
      <c r="T5489" s="98">
        <v>0</v>
      </c>
      <c r="U5489" s="99"/>
      <c r="V5489" s="99"/>
      <c r="W5489" s="99"/>
      <c r="X5489" s="99"/>
      <c r="Y5489" s="99"/>
      <c r="Z5489" s="99"/>
      <c r="AA5489" s="99"/>
      <c r="AB5489" s="99"/>
      <c r="AC5489" s="99"/>
      <c r="AD5489" s="99"/>
      <c r="AE5489" s="99"/>
      <c r="AF5489" s="99"/>
      <c r="AG5489" s="99"/>
      <c r="AH5489" s="99"/>
      <c r="AI5489" s="99"/>
      <c r="AJ5489" s="99"/>
      <c r="AK5489" s="99"/>
      <c r="AL5489" s="99"/>
      <c r="AM5489" s="99"/>
      <c r="AN5489" s="99"/>
      <c r="AO5489" s="99"/>
      <c r="AP5489" s="99"/>
      <c r="AQ5489" s="99"/>
      <c r="AR5489" s="99"/>
      <c r="AS5489" s="99"/>
      <c r="AT5489" s="99"/>
      <c r="AU5489" s="99"/>
      <c r="AV5489" s="99"/>
      <c r="AW5489" s="99"/>
      <c r="AX5489" s="99"/>
      <c r="AY5489" s="99"/>
      <c r="AZ5489" s="99"/>
      <c r="BA5489" s="99"/>
      <c r="BB5489" s="107">
        <v>45884</v>
      </c>
    </row>
    <row r="5490" spans="1:54" s="8" customFormat="1" ht="14.1" customHeight="1" x14ac:dyDescent="0.25">
      <c r="A5490" s="219" t="s">
        <v>12826</v>
      </c>
      <c r="B5490" s="220" t="s">
        <v>12745</v>
      </c>
      <c r="C5490" s="98" t="s">
        <v>12827</v>
      </c>
      <c r="D5490" s="98" t="s">
        <v>19982</v>
      </c>
      <c r="E5490" s="141">
        <v>1985</v>
      </c>
      <c r="F5490" s="141">
        <v>215</v>
      </c>
      <c r="G5490" s="98" t="s">
        <v>1</v>
      </c>
      <c r="H5490" s="98">
        <v>0</v>
      </c>
      <c r="I5490" s="98">
        <v>0</v>
      </c>
      <c r="J5490" s="98">
        <v>1</v>
      </c>
      <c r="K5490" s="98">
        <v>1</v>
      </c>
      <c r="L5490" s="98">
        <v>1</v>
      </c>
      <c r="M5490" s="98">
        <v>0</v>
      </c>
      <c r="N5490" s="98">
        <v>0</v>
      </c>
      <c r="O5490" s="98">
        <v>0</v>
      </c>
      <c r="P5490" s="98">
        <v>0</v>
      </c>
      <c r="Q5490" s="98">
        <v>0</v>
      </c>
      <c r="R5490" s="98">
        <v>0</v>
      </c>
      <c r="S5490" s="98">
        <v>0</v>
      </c>
      <c r="T5490" s="98">
        <v>0</v>
      </c>
      <c r="U5490" s="99"/>
      <c r="V5490" s="99"/>
      <c r="W5490" s="99"/>
      <c r="X5490" s="99"/>
      <c r="Y5490" s="99"/>
      <c r="Z5490" s="99"/>
      <c r="AA5490" s="99"/>
      <c r="AB5490" s="99"/>
      <c r="AC5490" s="99"/>
      <c r="AD5490" s="99"/>
      <c r="AE5490" s="99"/>
      <c r="AF5490" s="99"/>
      <c r="AG5490" s="99"/>
      <c r="AH5490" s="99"/>
      <c r="AI5490" s="99"/>
      <c r="AJ5490" s="99"/>
      <c r="AK5490" s="99"/>
      <c r="AL5490" s="99"/>
      <c r="AM5490" s="99"/>
      <c r="AN5490" s="99"/>
      <c r="AO5490" s="99"/>
      <c r="AP5490" s="99"/>
      <c r="AQ5490" s="99"/>
      <c r="AR5490" s="99"/>
      <c r="AS5490" s="99"/>
      <c r="AT5490" s="99"/>
      <c r="AU5490" s="99"/>
      <c r="AV5490" s="99"/>
      <c r="AW5490" s="99"/>
      <c r="AX5490" s="99"/>
      <c r="AY5490" s="99"/>
      <c r="AZ5490" s="99"/>
      <c r="BA5490" s="99"/>
      <c r="BB5490" s="107">
        <v>45884</v>
      </c>
    </row>
    <row r="5491" spans="1:54" s="8" customFormat="1" ht="14.1" customHeight="1" x14ac:dyDescent="0.25">
      <c r="A5491" s="219" t="s">
        <v>12828</v>
      </c>
      <c r="B5491" s="220" t="s">
        <v>12745</v>
      </c>
      <c r="C5491" s="98" t="s">
        <v>12829</v>
      </c>
      <c r="D5491" s="98" t="s">
        <v>19983</v>
      </c>
      <c r="E5491" s="141">
        <v>1996</v>
      </c>
      <c r="F5491" s="141">
        <v>214</v>
      </c>
      <c r="G5491" s="98" t="s">
        <v>1</v>
      </c>
      <c r="H5491" s="98">
        <v>0</v>
      </c>
      <c r="I5491" s="98">
        <v>0</v>
      </c>
      <c r="J5491" s="98">
        <v>1</v>
      </c>
      <c r="K5491" s="98">
        <v>0</v>
      </c>
      <c r="L5491" s="98">
        <v>1</v>
      </c>
      <c r="M5491" s="98">
        <v>0</v>
      </c>
      <c r="N5491" s="98">
        <v>0</v>
      </c>
      <c r="O5491" s="98">
        <v>0</v>
      </c>
      <c r="P5491" s="98">
        <v>0</v>
      </c>
      <c r="Q5491" s="98">
        <v>0</v>
      </c>
      <c r="R5491" s="98">
        <v>0</v>
      </c>
      <c r="S5491" s="98">
        <v>0</v>
      </c>
      <c r="T5491" s="98">
        <v>0</v>
      </c>
      <c r="U5491" s="99"/>
      <c r="V5491" s="99"/>
      <c r="W5491" s="99"/>
      <c r="X5491" s="99"/>
      <c r="Y5491" s="99"/>
      <c r="Z5491" s="99"/>
      <c r="AA5491" s="99"/>
      <c r="AB5491" s="99"/>
      <c r="AC5491" s="99"/>
      <c r="AD5491" s="99"/>
      <c r="AE5491" s="99"/>
      <c r="AF5491" s="99"/>
      <c r="AG5491" s="99"/>
      <c r="AH5491" s="99"/>
      <c r="AI5491" s="99"/>
      <c r="AJ5491" s="99"/>
      <c r="AK5491" s="99"/>
      <c r="AL5491" s="99"/>
      <c r="AM5491" s="99"/>
      <c r="AN5491" s="99"/>
      <c r="AO5491" s="99"/>
      <c r="AP5491" s="99"/>
      <c r="AQ5491" s="99"/>
      <c r="AR5491" s="99"/>
      <c r="AS5491" s="99"/>
      <c r="AT5491" s="99"/>
      <c r="AU5491" s="99"/>
      <c r="AV5491" s="99"/>
      <c r="AW5491" s="99"/>
      <c r="AX5491" s="99"/>
      <c r="AY5491" s="99"/>
      <c r="AZ5491" s="99"/>
      <c r="BA5491" s="99"/>
      <c r="BB5491" s="107">
        <v>45884</v>
      </c>
    </row>
    <row r="5492" spans="1:54" s="8" customFormat="1" ht="14.1" customHeight="1" x14ac:dyDescent="0.25">
      <c r="A5492" s="219" t="s">
        <v>12830</v>
      </c>
      <c r="B5492" s="220" t="s">
        <v>12745</v>
      </c>
      <c r="C5492" s="98" t="s">
        <v>12831</v>
      </c>
      <c r="D5492" s="98" t="s">
        <v>19984</v>
      </c>
      <c r="E5492" s="141">
        <v>1985</v>
      </c>
      <c r="F5492" s="141">
        <v>219</v>
      </c>
      <c r="G5492" s="98" t="s">
        <v>1</v>
      </c>
      <c r="H5492" s="98">
        <v>0</v>
      </c>
      <c r="I5492" s="98">
        <v>0</v>
      </c>
      <c r="J5492" s="98">
        <v>0</v>
      </c>
      <c r="K5492" s="98">
        <v>0</v>
      </c>
      <c r="L5492" s="98">
        <v>0</v>
      </c>
      <c r="M5492" s="98">
        <v>0</v>
      </c>
      <c r="N5492" s="98">
        <v>0</v>
      </c>
      <c r="O5492" s="98">
        <v>0</v>
      </c>
      <c r="P5492" s="98">
        <v>0</v>
      </c>
      <c r="Q5492" s="98">
        <v>0</v>
      </c>
      <c r="R5492" s="98">
        <v>0</v>
      </c>
      <c r="S5492" s="98">
        <v>0</v>
      </c>
      <c r="T5492" s="98">
        <v>0</v>
      </c>
      <c r="U5492" s="99"/>
      <c r="V5492" s="99"/>
      <c r="W5492" s="99"/>
      <c r="X5492" s="99"/>
      <c r="Y5492" s="99"/>
      <c r="Z5492" s="99"/>
      <c r="AA5492" s="99"/>
      <c r="AB5492" s="99"/>
      <c r="AC5492" s="99"/>
      <c r="AD5492" s="99"/>
      <c r="AE5492" s="99"/>
      <c r="AF5492" s="99"/>
      <c r="AG5492" s="99"/>
      <c r="AH5492" s="99"/>
      <c r="AI5492" s="99"/>
      <c r="AJ5492" s="99"/>
      <c r="AK5492" s="99"/>
      <c r="AL5492" s="99"/>
      <c r="AM5492" s="99"/>
      <c r="AN5492" s="99"/>
      <c r="AO5492" s="99"/>
      <c r="AP5492" s="99"/>
      <c r="AQ5492" s="99"/>
      <c r="AR5492" s="99"/>
      <c r="AS5492" s="99"/>
      <c r="AT5492" s="99"/>
      <c r="AU5492" s="99"/>
      <c r="AV5492" s="99"/>
      <c r="AW5492" s="99"/>
      <c r="AX5492" s="99"/>
      <c r="AY5492" s="99"/>
      <c r="AZ5492" s="99"/>
      <c r="BA5492" s="99"/>
      <c r="BB5492" s="107">
        <v>45884</v>
      </c>
    </row>
    <row r="5493" spans="1:54" s="8" customFormat="1" ht="14.1" customHeight="1" x14ac:dyDescent="0.25">
      <c r="A5493" s="219" t="s">
        <v>12832</v>
      </c>
      <c r="B5493" s="220" t="s">
        <v>12745</v>
      </c>
      <c r="C5493" s="98" t="s">
        <v>12833</v>
      </c>
      <c r="D5493" s="98" t="s">
        <v>19985</v>
      </c>
      <c r="E5493" s="141">
        <v>2007</v>
      </c>
      <c r="F5493" s="141">
        <v>220</v>
      </c>
      <c r="G5493" s="98" t="s">
        <v>1</v>
      </c>
      <c r="H5493" s="98">
        <v>0</v>
      </c>
      <c r="I5493" s="98">
        <v>0</v>
      </c>
      <c r="J5493" s="98">
        <v>1</v>
      </c>
      <c r="K5493" s="98">
        <v>0</v>
      </c>
      <c r="L5493" s="98">
        <v>0</v>
      </c>
      <c r="M5493" s="98">
        <v>0</v>
      </c>
      <c r="N5493" s="98">
        <v>0</v>
      </c>
      <c r="O5493" s="98">
        <v>0</v>
      </c>
      <c r="P5493" s="98">
        <v>0</v>
      </c>
      <c r="Q5493" s="98">
        <v>0</v>
      </c>
      <c r="R5493" s="98">
        <v>0</v>
      </c>
      <c r="S5493" s="98">
        <v>0</v>
      </c>
      <c r="T5493" s="98">
        <v>0</v>
      </c>
      <c r="U5493" s="99"/>
      <c r="V5493" s="99"/>
      <c r="W5493" s="99"/>
      <c r="X5493" s="99"/>
      <c r="Y5493" s="99"/>
      <c r="Z5493" s="99"/>
      <c r="AA5493" s="99"/>
      <c r="AB5493" s="99"/>
      <c r="AC5493" s="99"/>
      <c r="AD5493" s="99"/>
      <c r="AE5493" s="99"/>
      <c r="AF5493" s="99"/>
      <c r="AG5493" s="99"/>
      <c r="AH5493" s="99"/>
      <c r="AI5493" s="99"/>
      <c r="AJ5493" s="99"/>
      <c r="AK5493" s="99"/>
      <c r="AL5493" s="99"/>
      <c r="AM5493" s="99"/>
      <c r="AN5493" s="99"/>
      <c r="AO5493" s="99"/>
      <c r="AP5493" s="99"/>
      <c r="AQ5493" s="99"/>
      <c r="AR5493" s="99"/>
      <c r="AS5493" s="99"/>
      <c r="AT5493" s="99"/>
      <c r="AU5493" s="99"/>
      <c r="AV5493" s="99"/>
      <c r="AW5493" s="99"/>
      <c r="AX5493" s="99"/>
      <c r="AY5493" s="99"/>
      <c r="AZ5493" s="99"/>
      <c r="BA5493" s="99"/>
      <c r="BB5493" s="107">
        <v>45884</v>
      </c>
    </row>
    <row r="5494" spans="1:54" s="8" customFormat="1" ht="14.1" customHeight="1" x14ac:dyDescent="0.25">
      <c r="A5494" s="219" t="s">
        <v>12834</v>
      </c>
      <c r="B5494" s="220" t="s">
        <v>12745</v>
      </c>
      <c r="C5494" s="98" t="s">
        <v>12835</v>
      </c>
      <c r="D5494" s="98" t="s">
        <v>19986</v>
      </c>
      <c r="E5494" s="141">
        <v>2008</v>
      </c>
      <c r="F5494" s="141">
        <v>223</v>
      </c>
      <c r="G5494" s="98" t="s">
        <v>1</v>
      </c>
      <c r="H5494" s="98">
        <v>0</v>
      </c>
      <c r="I5494" s="98">
        <v>0</v>
      </c>
      <c r="J5494" s="98">
        <v>1</v>
      </c>
      <c r="K5494" s="98">
        <v>0</v>
      </c>
      <c r="L5494" s="98">
        <v>0</v>
      </c>
      <c r="M5494" s="98">
        <v>0</v>
      </c>
      <c r="N5494" s="98">
        <v>1</v>
      </c>
      <c r="O5494" s="98">
        <v>0</v>
      </c>
      <c r="P5494" s="98">
        <v>0</v>
      </c>
      <c r="Q5494" s="98">
        <v>0</v>
      </c>
      <c r="R5494" s="98">
        <v>0</v>
      </c>
      <c r="S5494" s="98">
        <v>0</v>
      </c>
      <c r="T5494" s="98">
        <v>0</v>
      </c>
      <c r="U5494" s="99"/>
      <c r="V5494" s="99"/>
      <c r="W5494" s="99"/>
      <c r="X5494" s="99"/>
      <c r="Y5494" s="99"/>
      <c r="Z5494" s="99"/>
      <c r="AA5494" s="99"/>
      <c r="AB5494" s="99"/>
      <c r="AC5494" s="99"/>
      <c r="AD5494" s="99"/>
      <c r="AE5494" s="99"/>
      <c r="AF5494" s="99"/>
      <c r="AG5494" s="99"/>
      <c r="AH5494" s="99"/>
      <c r="AI5494" s="99"/>
      <c r="AJ5494" s="99"/>
      <c r="AK5494" s="99"/>
      <c r="AL5494" s="99"/>
      <c r="AM5494" s="99"/>
      <c r="AN5494" s="99"/>
      <c r="AO5494" s="99"/>
      <c r="AP5494" s="99"/>
      <c r="AQ5494" s="99"/>
      <c r="AR5494" s="99"/>
      <c r="AS5494" s="99"/>
      <c r="AT5494" s="99"/>
      <c r="AU5494" s="99"/>
      <c r="AV5494" s="99"/>
      <c r="AW5494" s="99"/>
      <c r="AX5494" s="99"/>
      <c r="AY5494" s="99"/>
      <c r="AZ5494" s="99"/>
      <c r="BA5494" s="98" t="s">
        <v>8819</v>
      </c>
      <c r="BB5494" s="107">
        <v>45884</v>
      </c>
    </row>
    <row r="5495" spans="1:54" s="8" customFormat="1" ht="14.1" customHeight="1" x14ac:dyDescent="0.25">
      <c r="A5495" s="219" t="s">
        <v>12836</v>
      </c>
      <c r="B5495" s="220" t="s">
        <v>12745</v>
      </c>
      <c r="C5495" s="98" t="s">
        <v>12837</v>
      </c>
      <c r="D5495" s="98" t="s">
        <v>19987</v>
      </c>
      <c r="E5495" s="141">
        <v>1985</v>
      </c>
      <c r="F5495" s="141">
        <v>224</v>
      </c>
      <c r="G5495" s="98" t="s">
        <v>1</v>
      </c>
      <c r="H5495" s="98">
        <v>0</v>
      </c>
      <c r="I5495" s="98">
        <v>0</v>
      </c>
      <c r="J5495" s="98">
        <v>1</v>
      </c>
      <c r="K5495" s="98">
        <v>0</v>
      </c>
      <c r="L5495" s="98">
        <v>0</v>
      </c>
      <c r="M5495" s="98">
        <v>0</v>
      </c>
      <c r="N5495" s="98">
        <v>0</v>
      </c>
      <c r="O5495" s="98">
        <v>0</v>
      </c>
      <c r="P5495" s="98">
        <v>1</v>
      </c>
      <c r="Q5495" s="98">
        <v>0</v>
      </c>
      <c r="R5495" s="98">
        <v>0</v>
      </c>
      <c r="S5495" s="98">
        <v>0</v>
      </c>
      <c r="T5495" s="98">
        <v>0</v>
      </c>
      <c r="U5495" s="99"/>
      <c r="V5495" s="99"/>
      <c r="W5495" s="99"/>
      <c r="X5495" s="99"/>
      <c r="Y5495" s="99"/>
      <c r="Z5495" s="99"/>
      <c r="AA5495" s="99"/>
      <c r="AB5495" s="99"/>
      <c r="AC5495" s="99"/>
      <c r="AD5495" s="99"/>
      <c r="AE5495" s="99"/>
      <c r="AF5495" s="99"/>
      <c r="AG5495" s="99"/>
      <c r="AH5495" s="99"/>
      <c r="AI5495" s="99"/>
      <c r="AJ5495" s="99"/>
      <c r="AK5495" s="99"/>
      <c r="AL5495" s="99"/>
      <c r="AM5495" s="99"/>
      <c r="AN5495" s="99"/>
      <c r="AO5495" s="99"/>
      <c r="AP5495" s="99"/>
      <c r="AQ5495" s="99"/>
      <c r="AR5495" s="99"/>
      <c r="AS5495" s="99"/>
      <c r="AT5495" s="99"/>
      <c r="AU5495" s="99"/>
      <c r="AV5495" s="99"/>
      <c r="AW5495" s="99"/>
      <c r="AX5495" s="99"/>
      <c r="AY5495" s="99"/>
      <c r="AZ5495" s="99"/>
      <c r="BA5495" s="99"/>
      <c r="BB5495" s="107">
        <v>45884</v>
      </c>
    </row>
    <row r="5496" spans="1:54" s="8" customFormat="1" ht="14.1" customHeight="1" x14ac:dyDescent="0.25">
      <c r="A5496" s="219" t="s">
        <v>12838</v>
      </c>
      <c r="B5496" s="220" t="s">
        <v>12745</v>
      </c>
      <c r="C5496" s="98" t="s">
        <v>12839</v>
      </c>
      <c r="D5496" s="98" t="s">
        <v>19988</v>
      </c>
      <c r="E5496" s="141">
        <v>1985</v>
      </c>
      <c r="F5496" s="141">
        <v>228</v>
      </c>
      <c r="G5496" s="98" t="s">
        <v>1</v>
      </c>
      <c r="H5496" s="98">
        <v>0</v>
      </c>
      <c r="I5496" s="98">
        <v>0</v>
      </c>
      <c r="J5496" s="98">
        <v>1</v>
      </c>
      <c r="K5496" s="98">
        <v>0</v>
      </c>
      <c r="L5496" s="98">
        <v>1</v>
      </c>
      <c r="M5496" s="98">
        <v>0</v>
      </c>
      <c r="N5496" s="98">
        <v>0</v>
      </c>
      <c r="O5496" s="98">
        <v>0</v>
      </c>
      <c r="P5496" s="98">
        <v>0</v>
      </c>
      <c r="Q5496" s="98">
        <v>0</v>
      </c>
      <c r="R5496" s="98">
        <v>0</v>
      </c>
      <c r="S5496" s="98">
        <v>0</v>
      </c>
      <c r="T5496" s="98">
        <v>0</v>
      </c>
      <c r="U5496" s="99"/>
      <c r="V5496" s="99"/>
      <c r="W5496" s="99"/>
      <c r="X5496" s="99"/>
      <c r="Y5496" s="99"/>
      <c r="Z5496" s="99"/>
      <c r="AA5496" s="99"/>
      <c r="AB5496" s="99"/>
      <c r="AC5496" s="99"/>
      <c r="AD5496" s="99"/>
      <c r="AE5496" s="99"/>
      <c r="AF5496" s="99"/>
      <c r="AG5496" s="99"/>
      <c r="AH5496" s="99"/>
      <c r="AI5496" s="99"/>
      <c r="AJ5496" s="99"/>
      <c r="AK5496" s="99"/>
      <c r="AL5496" s="99"/>
      <c r="AM5496" s="99"/>
      <c r="AN5496" s="99"/>
      <c r="AO5496" s="99"/>
      <c r="AP5496" s="99"/>
      <c r="AQ5496" s="99"/>
      <c r="AR5496" s="99"/>
      <c r="AS5496" s="99"/>
      <c r="AT5496" s="99"/>
      <c r="AU5496" s="99"/>
      <c r="AV5496" s="99"/>
      <c r="AW5496" s="99"/>
      <c r="AX5496" s="99"/>
      <c r="AY5496" s="99"/>
      <c r="AZ5496" s="99"/>
      <c r="BA5496" s="99"/>
      <c r="BB5496" s="107">
        <v>45884</v>
      </c>
    </row>
    <row r="5497" spans="1:54" s="8" customFormat="1" ht="14.1" customHeight="1" x14ac:dyDescent="0.25">
      <c r="A5497" s="219" t="s">
        <v>12840</v>
      </c>
      <c r="B5497" s="220" t="s">
        <v>12745</v>
      </c>
      <c r="C5497" s="98" t="s">
        <v>12841</v>
      </c>
      <c r="D5497" s="98" t="s">
        <v>19989</v>
      </c>
      <c r="E5497" s="141">
        <v>1983</v>
      </c>
      <c r="F5497" s="141">
        <v>237</v>
      </c>
      <c r="G5497" s="98" t="s">
        <v>1</v>
      </c>
      <c r="H5497" s="98">
        <v>0</v>
      </c>
      <c r="I5497" s="98">
        <v>0</v>
      </c>
      <c r="J5497" s="98">
        <v>1</v>
      </c>
      <c r="K5497" s="98">
        <v>0</v>
      </c>
      <c r="L5497" s="98">
        <v>1</v>
      </c>
      <c r="M5497" s="98">
        <v>0</v>
      </c>
      <c r="N5497" s="98">
        <v>0</v>
      </c>
      <c r="O5497" s="98">
        <v>0</v>
      </c>
      <c r="P5497" s="98">
        <v>1</v>
      </c>
      <c r="Q5497" s="98">
        <v>0</v>
      </c>
      <c r="R5497" s="98">
        <v>1</v>
      </c>
      <c r="S5497" s="98">
        <v>0</v>
      </c>
      <c r="T5497" s="98">
        <v>0</v>
      </c>
      <c r="U5497" s="99"/>
      <c r="V5497" s="99"/>
      <c r="W5497" s="99"/>
      <c r="X5497" s="99"/>
      <c r="Y5497" s="99"/>
      <c r="Z5497" s="99"/>
      <c r="AA5497" s="99"/>
      <c r="AB5497" s="99"/>
      <c r="AC5497" s="99"/>
      <c r="AD5497" s="99"/>
      <c r="AE5497" s="99"/>
      <c r="AF5497" s="99"/>
      <c r="AG5497" s="99"/>
      <c r="AH5497" s="99"/>
      <c r="AI5497" s="99"/>
      <c r="AJ5497" s="99"/>
      <c r="AK5497" s="99"/>
      <c r="AL5497" s="99"/>
      <c r="AM5497" s="99"/>
      <c r="AN5497" s="99"/>
      <c r="AO5497" s="99"/>
      <c r="AP5497" s="99"/>
      <c r="AQ5497" s="99"/>
      <c r="AR5497" s="99"/>
      <c r="AS5497" s="99"/>
      <c r="AT5497" s="99"/>
      <c r="AU5497" s="99"/>
      <c r="AV5497" s="99"/>
      <c r="AW5497" s="99"/>
      <c r="AX5497" s="99"/>
      <c r="AY5497" s="99"/>
      <c r="AZ5497" s="99"/>
      <c r="BA5497" s="99"/>
      <c r="BB5497" s="107">
        <v>45884</v>
      </c>
    </row>
    <row r="5498" spans="1:54" s="8" customFormat="1" ht="14.1" customHeight="1" x14ac:dyDescent="0.25">
      <c r="A5498" s="219" t="s">
        <v>12842</v>
      </c>
      <c r="B5498" s="220" t="s">
        <v>12745</v>
      </c>
      <c r="C5498" s="98" t="s">
        <v>12843</v>
      </c>
      <c r="D5498" s="98" t="s">
        <v>19990</v>
      </c>
      <c r="E5498" s="141">
        <v>1988</v>
      </c>
      <c r="F5498" s="141">
        <v>239</v>
      </c>
      <c r="G5498" s="98" t="s">
        <v>1</v>
      </c>
      <c r="H5498" s="98">
        <v>0</v>
      </c>
      <c r="I5498" s="98">
        <v>0</v>
      </c>
      <c r="J5498" s="98">
        <v>1</v>
      </c>
      <c r="K5498" s="98">
        <v>0</v>
      </c>
      <c r="L5498" s="98">
        <v>1</v>
      </c>
      <c r="M5498" s="98">
        <v>0</v>
      </c>
      <c r="N5498" s="98">
        <v>0</v>
      </c>
      <c r="O5498" s="98">
        <v>0</v>
      </c>
      <c r="P5498" s="98">
        <v>1</v>
      </c>
      <c r="Q5498" s="98">
        <v>0</v>
      </c>
      <c r="R5498" s="98">
        <v>0</v>
      </c>
      <c r="S5498" s="98">
        <v>0</v>
      </c>
      <c r="T5498" s="98">
        <v>0</v>
      </c>
      <c r="U5498" s="99"/>
      <c r="V5498" s="99"/>
      <c r="W5498" s="99"/>
      <c r="X5498" s="99"/>
      <c r="Y5498" s="99"/>
      <c r="Z5498" s="99"/>
      <c r="AA5498" s="99"/>
      <c r="AB5498" s="99"/>
      <c r="AC5498" s="99"/>
      <c r="AD5498" s="99"/>
      <c r="AE5498" s="99"/>
      <c r="AF5498" s="99"/>
      <c r="AG5498" s="99"/>
      <c r="AH5498" s="99"/>
      <c r="AI5498" s="99"/>
      <c r="AJ5498" s="99"/>
      <c r="AK5498" s="99"/>
      <c r="AL5498" s="99"/>
      <c r="AM5498" s="99"/>
      <c r="AN5498" s="99"/>
      <c r="AO5498" s="99"/>
      <c r="AP5498" s="99"/>
      <c r="AQ5498" s="99"/>
      <c r="AR5498" s="99"/>
      <c r="AS5498" s="99"/>
      <c r="AT5498" s="99"/>
      <c r="AU5498" s="99"/>
      <c r="AV5498" s="99"/>
      <c r="AW5498" s="99"/>
      <c r="AX5498" s="99"/>
      <c r="AY5498" s="99"/>
      <c r="AZ5498" s="99"/>
      <c r="BA5498" s="99"/>
      <c r="BB5498" s="107">
        <v>45884</v>
      </c>
    </row>
    <row r="5499" spans="1:54" s="8" customFormat="1" ht="14.1" customHeight="1" x14ac:dyDescent="0.25">
      <c r="A5499" s="219" t="s">
        <v>12844</v>
      </c>
      <c r="B5499" s="220" t="s">
        <v>12745</v>
      </c>
      <c r="C5499" s="98" t="s">
        <v>12845</v>
      </c>
      <c r="D5499" s="98" t="s">
        <v>19991</v>
      </c>
      <c r="E5499" s="141">
        <v>1993</v>
      </c>
      <c r="F5499" s="141">
        <v>240</v>
      </c>
      <c r="G5499" s="98" t="s">
        <v>1</v>
      </c>
      <c r="H5499" s="98">
        <v>0</v>
      </c>
      <c r="I5499" s="98">
        <v>0</v>
      </c>
      <c r="J5499" s="98">
        <v>1</v>
      </c>
      <c r="K5499" s="98">
        <v>0</v>
      </c>
      <c r="L5499" s="98">
        <v>1</v>
      </c>
      <c r="M5499" s="98">
        <v>0</v>
      </c>
      <c r="N5499" s="98">
        <v>0</v>
      </c>
      <c r="O5499" s="98">
        <v>0</v>
      </c>
      <c r="P5499" s="98">
        <v>0</v>
      </c>
      <c r="Q5499" s="98">
        <v>0</v>
      </c>
      <c r="R5499" s="98">
        <v>0</v>
      </c>
      <c r="S5499" s="98">
        <v>0</v>
      </c>
      <c r="T5499" s="98">
        <v>0</v>
      </c>
      <c r="U5499" s="99"/>
      <c r="V5499" s="99"/>
      <c r="W5499" s="99"/>
      <c r="X5499" s="99"/>
      <c r="Y5499" s="99"/>
      <c r="Z5499" s="99"/>
      <c r="AA5499" s="99"/>
      <c r="AB5499" s="99"/>
      <c r="AC5499" s="99"/>
      <c r="AD5499" s="99"/>
      <c r="AE5499" s="99"/>
      <c r="AF5499" s="99"/>
      <c r="AG5499" s="99"/>
      <c r="AH5499" s="99"/>
      <c r="AI5499" s="99"/>
      <c r="AJ5499" s="99"/>
      <c r="AK5499" s="99"/>
      <c r="AL5499" s="99"/>
      <c r="AM5499" s="99"/>
      <c r="AN5499" s="99"/>
      <c r="AO5499" s="99"/>
      <c r="AP5499" s="99"/>
      <c r="AQ5499" s="99"/>
      <c r="AR5499" s="99"/>
      <c r="AS5499" s="99"/>
      <c r="AT5499" s="99"/>
      <c r="AU5499" s="99"/>
      <c r="AV5499" s="99"/>
      <c r="AW5499" s="99"/>
      <c r="AX5499" s="99"/>
      <c r="AY5499" s="99"/>
      <c r="AZ5499" s="99"/>
      <c r="BA5499" s="99"/>
      <c r="BB5499" s="107">
        <v>45884</v>
      </c>
    </row>
    <row r="5500" spans="1:54" s="8" customFormat="1" ht="14.1" customHeight="1" x14ac:dyDescent="0.25">
      <c r="A5500" s="219" t="s">
        <v>12846</v>
      </c>
      <c r="B5500" s="220" t="s">
        <v>12745</v>
      </c>
      <c r="C5500" s="98" t="s">
        <v>12847</v>
      </c>
      <c r="D5500" s="98" t="s">
        <v>19992</v>
      </c>
      <c r="E5500" s="141">
        <v>1995</v>
      </c>
      <c r="F5500" s="141">
        <v>240</v>
      </c>
      <c r="G5500" s="98" t="s">
        <v>1</v>
      </c>
      <c r="H5500" s="98">
        <v>0</v>
      </c>
      <c r="I5500" s="98">
        <v>0</v>
      </c>
      <c r="J5500" s="98">
        <v>1</v>
      </c>
      <c r="K5500" s="98">
        <v>0</v>
      </c>
      <c r="L5500" s="98">
        <v>0</v>
      </c>
      <c r="M5500" s="98">
        <v>0</v>
      </c>
      <c r="N5500" s="98">
        <v>0</v>
      </c>
      <c r="O5500" s="98">
        <v>0</v>
      </c>
      <c r="P5500" s="98">
        <v>1</v>
      </c>
      <c r="Q5500" s="98">
        <v>0</v>
      </c>
      <c r="R5500" s="98">
        <v>0</v>
      </c>
      <c r="S5500" s="98">
        <v>0</v>
      </c>
      <c r="T5500" s="98">
        <v>0</v>
      </c>
      <c r="U5500" s="99"/>
      <c r="V5500" s="99"/>
      <c r="W5500" s="99"/>
      <c r="X5500" s="99"/>
      <c r="Y5500" s="99"/>
      <c r="Z5500" s="99"/>
      <c r="AA5500" s="99"/>
      <c r="AB5500" s="99"/>
      <c r="AC5500" s="99"/>
      <c r="AD5500" s="99"/>
      <c r="AE5500" s="99"/>
      <c r="AF5500" s="99"/>
      <c r="AG5500" s="99"/>
      <c r="AH5500" s="99"/>
      <c r="AI5500" s="99"/>
      <c r="AJ5500" s="99"/>
      <c r="AK5500" s="99"/>
      <c r="AL5500" s="99"/>
      <c r="AM5500" s="99"/>
      <c r="AN5500" s="99"/>
      <c r="AO5500" s="99"/>
      <c r="AP5500" s="99"/>
      <c r="AQ5500" s="99"/>
      <c r="AR5500" s="99"/>
      <c r="AS5500" s="99"/>
      <c r="AT5500" s="99"/>
      <c r="AU5500" s="99"/>
      <c r="AV5500" s="99"/>
      <c r="AW5500" s="99"/>
      <c r="AX5500" s="99"/>
      <c r="AY5500" s="99"/>
      <c r="AZ5500" s="99"/>
      <c r="BA5500" s="98" t="s">
        <v>12848</v>
      </c>
      <c r="BB5500" s="107">
        <v>45884</v>
      </c>
    </row>
    <row r="5501" spans="1:54" s="8" customFormat="1" ht="14.1" customHeight="1" x14ac:dyDescent="0.25">
      <c r="A5501" s="219" t="s">
        <v>12849</v>
      </c>
      <c r="B5501" s="220" t="s">
        <v>12745</v>
      </c>
      <c r="C5501" s="98" t="s">
        <v>12850</v>
      </c>
      <c r="D5501" s="98" t="s">
        <v>19993</v>
      </c>
      <c r="E5501" s="141">
        <v>1992</v>
      </c>
      <c r="F5501" s="141">
        <v>241</v>
      </c>
      <c r="G5501" s="98" t="s">
        <v>1</v>
      </c>
      <c r="H5501" s="98">
        <v>0</v>
      </c>
      <c r="I5501" s="98">
        <v>0</v>
      </c>
      <c r="J5501" s="98">
        <v>1</v>
      </c>
      <c r="K5501" s="98">
        <v>1</v>
      </c>
      <c r="L5501" s="98">
        <v>0</v>
      </c>
      <c r="M5501" s="98">
        <v>0</v>
      </c>
      <c r="N5501" s="98">
        <v>0</v>
      </c>
      <c r="O5501" s="98">
        <v>0</v>
      </c>
      <c r="P5501" s="98">
        <v>1</v>
      </c>
      <c r="Q5501" s="98">
        <v>0</v>
      </c>
      <c r="R5501" s="98">
        <v>0</v>
      </c>
      <c r="S5501" s="98">
        <v>0</v>
      </c>
      <c r="T5501" s="98">
        <v>0</v>
      </c>
      <c r="U5501" s="99"/>
      <c r="V5501" s="99"/>
      <c r="W5501" s="99"/>
      <c r="X5501" s="99"/>
      <c r="Y5501" s="99"/>
      <c r="Z5501" s="99"/>
      <c r="AA5501" s="99"/>
      <c r="AB5501" s="99"/>
      <c r="AC5501" s="99"/>
      <c r="AD5501" s="99"/>
      <c r="AE5501" s="99"/>
      <c r="AF5501" s="99"/>
      <c r="AG5501" s="99"/>
      <c r="AH5501" s="99"/>
      <c r="AI5501" s="99"/>
      <c r="AJ5501" s="99"/>
      <c r="AK5501" s="99"/>
      <c r="AL5501" s="99"/>
      <c r="AM5501" s="99"/>
      <c r="AN5501" s="99"/>
      <c r="AO5501" s="99"/>
      <c r="AP5501" s="99"/>
      <c r="AQ5501" s="99"/>
      <c r="AR5501" s="99"/>
      <c r="AS5501" s="99"/>
      <c r="AT5501" s="99"/>
      <c r="AU5501" s="99"/>
      <c r="AV5501" s="99"/>
      <c r="AW5501" s="99"/>
      <c r="AX5501" s="99"/>
      <c r="AY5501" s="99"/>
      <c r="AZ5501" s="99"/>
      <c r="BA5501" s="99"/>
      <c r="BB5501" s="107">
        <v>45884</v>
      </c>
    </row>
    <row r="5502" spans="1:54" s="8" customFormat="1" ht="14.1" customHeight="1" x14ac:dyDescent="0.25">
      <c r="A5502" s="219" t="s">
        <v>12851</v>
      </c>
      <c r="B5502" s="220" t="s">
        <v>12745</v>
      </c>
      <c r="C5502" s="98" t="s">
        <v>12852</v>
      </c>
      <c r="D5502" s="98" t="s">
        <v>19994</v>
      </c>
      <c r="E5502" s="141">
        <v>1990</v>
      </c>
      <c r="F5502" s="141">
        <v>242</v>
      </c>
      <c r="G5502" s="98" t="s">
        <v>1</v>
      </c>
      <c r="H5502" s="98">
        <v>0</v>
      </c>
      <c r="I5502" s="98">
        <v>0</v>
      </c>
      <c r="J5502" s="98">
        <v>1</v>
      </c>
      <c r="K5502" s="98">
        <v>0</v>
      </c>
      <c r="L5502" s="98">
        <v>1</v>
      </c>
      <c r="M5502" s="98">
        <v>0</v>
      </c>
      <c r="N5502" s="98">
        <v>0</v>
      </c>
      <c r="O5502" s="98">
        <v>0</v>
      </c>
      <c r="P5502" s="98">
        <v>1</v>
      </c>
      <c r="Q5502" s="98">
        <v>0</v>
      </c>
      <c r="R5502" s="98">
        <v>0</v>
      </c>
      <c r="S5502" s="98">
        <v>0</v>
      </c>
      <c r="T5502" s="98">
        <v>0</v>
      </c>
      <c r="U5502" s="99"/>
      <c r="V5502" s="99"/>
      <c r="W5502" s="99"/>
      <c r="X5502" s="99"/>
      <c r="Y5502" s="99"/>
      <c r="Z5502" s="99"/>
      <c r="AA5502" s="99"/>
      <c r="AB5502" s="99"/>
      <c r="AC5502" s="99"/>
      <c r="AD5502" s="99"/>
      <c r="AE5502" s="99"/>
      <c r="AF5502" s="99"/>
      <c r="AG5502" s="99"/>
      <c r="AH5502" s="99"/>
      <c r="AI5502" s="99"/>
      <c r="AJ5502" s="99"/>
      <c r="AK5502" s="99"/>
      <c r="AL5502" s="99"/>
      <c r="AM5502" s="99"/>
      <c r="AN5502" s="99"/>
      <c r="AO5502" s="99"/>
      <c r="AP5502" s="99"/>
      <c r="AQ5502" s="99"/>
      <c r="AR5502" s="99"/>
      <c r="AS5502" s="99"/>
      <c r="AT5502" s="99"/>
      <c r="AU5502" s="99"/>
      <c r="AV5502" s="99"/>
      <c r="AW5502" s="99"/>
      <c r="AX5502" s="99"/>
      <c r="AY5502" s="99"/>
      <c r="AZ5502" s="99"/>
      <c r="BA5502" s="99"/>
      <c r="BB5502" s="107">
        <v>45884</v>
      </c>
    </row>
    <row r="5503" spans="1:54" s="8" customFormat="1" ht="14.1" customHeight="1" x14ac:dyDescent="0.25">
      <c r="A5503" s="219" t="s">
        <v>12853</v>
      </c>
      <c r="B5503" s="220" t="s">
        <v>12745</v>
      </c>
      <c r="C5503" s="98" t="s">
        <v>12854</v>
      </c>
      <c r="D5503" s="98" t="s">
        <v>19995</v>
      </c>
      <c r="E5503" s="141">
        <v>2002</v>
      </c>
      <c r="F5503" s="141">
        <v>245</v>
      </c>
      <c r="G5503" s="98" t="s">
        <v>1</v>
      </c>
      <c r="H5503" s="98">
        <v>0</v>
      </c>
      <c r="I5503" s="98">
        <v>0</v>
      </c>
      <c r="J5503" s="98">
        <v>1</v>
      </c>
      <c r="K5503" s="98">
        <v>0</v>
      </c>
      <c r="L5503" s="98">
        <v>0</v>
      </c>
      <c r="M5503" s="98">
        <v>0</v>
      </c>
      <c r="N5503" s="98">
        <v>0</v>
      </c>
      <c r="O5503" s="98">
        <v>0</v>
      </c>
      <c r="P5503" s="98">
        <v>1</v>
      </c>
      <c r="Q5503" s="98">
        <v>0</v>
      </c>
      <c r="R5503" s="98">
        <v>0</v>
      </c>
      <c r="S5503" s="98">
        <v>0</v>
      </c>
      <c r="T5503" s="98">
        <v>0</v>
      </c>
      <c r="U5503" s="99"/>
      <c r="V5503" s="99"/>
      <c r="W5503" s="99"/>
      <c r="X5503" s="99"/>
      <c r="Y5503" s="99"/>
      <c r="Z5503" s="99"/>
      <c r="AA5503" s="99"/>
      <c r="AB5503" s="99"/>
      <c r="AC5503" s="99"/>
      <c r="AD5503" s="99"/>
      <c r="AE5503" s="99"/>
      <c r="AF5503" s="99"/>
      <c r="AG5503" s="99"/>
      <c r="AH5503" s="99"/>
      <c r="AI5503" s="99"/>
      <c r="AJ5503" s="99"/>
      <c r="AK5503" s="99"/>
      <c r="AL5503" s="99"/>
      <c r="AM5503" s="99"/>
      <c r="AN5503" s="99"/>
      <c r="AO5503" s="99"/>
      <c r="AP5503" s="99"/>
      <c r="AQ5503" s="99"/>
      <c r="AR5503" s="99"/>
      <c r="AS5503" s="99"/>
      <c r="AT5503" s="99"/>
      <c r="AU5503" s="99"/>
      <c r="AV5503" s="99"/>
      <c r="AW5503" s="99"/>
      <c r="AX5503" s="99"/>
      <c r="AY5503" s="99"/>
      <c r="AZ5503" s="99"/>
      <c r="BA5503" s="98" t="s">
        <v>8819</v>
      </c>
      <c r="BB5503" s="107">
        <v>45884</v>
      </c>
    </row>
    <row r="5504" spans="1:54" s="8" customFormat="1" ht="14.1" customHeight="1" x14ac:dyDescent="0.25">
      <c r="A5504" s="219" t="s">
        <v>12855</v>
      </c>
      <c r="B5504" s="220" t="s">
        <v>12745</v>
      </c>
      <c r="C5504" s="98" t="s">
        <v>12856</v>
      </c>
      <c r="D5504" s="98" t="s">
        <v>19996</v>
      </c>
      <c r="E5504" s="141">
        <v>2003</v>
      </c>
      <c r="F5504" s="141">
        <v>246</v>
      </c>
      <c r="G5504" s="98" t="s">
        <v>1</v>
      </c>
      <c r="H5504" s="98">
        <v>0</v>
      </c>
      <c r="I5504" s="98">
        <v>0</v>
      </c>
      <c r="J5504" s="98">
        <v>1</v>
      </c>
      <c r="K5504" s="98">
        <v>1</v>
      </c>
      <c r="L5504" s="98">
        <v>0</v>
      </c>
      <c r="M5504" s="98">
        <v>1</v>
      </c>
      <c r="N5504" s="98">
        <v>0</v>
      </c>
      <c r="O5504" s="98">
        <v>0</v>
      </c>
      <c r="P5504" s="98">
        <v>0</v>
      </c>
      <c r="Q5504" s="98">
        <v>0</v>
      </c>
      <c r="R5504" s="98">
        <v>0</v>
      </c>
      <c r="S5504" s="98">
        <v>0</v>
      </c>
      <c r="T5504" s="98">
        <v>0</v>
      </c>
      <c r="U5504" s="99"/>
      <c r="V5504" s="99"/>
      <c r="W5504" s="99"/>
      <c r="X5504" s="99"/>
      <c r="Y5504" s="99"/>
      <c r="Z5504" s="99"/>
      <c r="AA5504" s="99"/>
      <c r="AB5504" s="99"/>
      <c r="AC5504" s="99"/>
      <c r="AD5504" s="99"/>
      <c r="AE5504" s="99"/>
      <c r="AF5504" s="99"/>
      <c r="AG5504" s="99"/>
      <c r="AH5504" s="99"/>
      <c r="AI5504" s="99"/>
      <c r="AJ5504" s="99"/>
      <c r="AK5504" s="99"/>
      <c r="AL5504" s="99"/>
      <c r="AM5504" s="99"/>
      <c r="AN5504" s="99"/>
      <c r="AO5504" s="99"/>
      <c r="AP5504" s="99"/>
      <c r="AQ5504" s="99"/>
      <c r="AR5504" s="99"/>
      <c r="AS5504" s="99"/>
      <c r="AT5504" s="99"/>
      <c r="AU5504" s="99"/>
      <c r="AV5504" s="99"/>
      <c r="AW5504" s="99"/>
      <c r="AX5504" s="99"/>
      <c r="AY5504" s="99"/>
      <c r="AZ5504" s="99"/>
      <c r="BA5504" s="98" t="s">
        <v>12857</v>
      </c>
      <c r="BB5504" s="107">
        <v>45884</v>
      </c>
    </row>
    <row r="5505" spans="1:54" s="8" customFormat="1" ht="14.1" customHeight="1" x14ac:dyDescent="0.25">
      <c r="A5505" s="219" t="s">
        <v>12858</v>
      </c>
      <c r="B5505" s="220" t="s">
        <v>12745</v>
      </c>
      <c r="C5505" s="98" t="s">
        <v>12859</v>
      </c>
      <c r="D5505" s="98" t="s">
        <v>19997</v>
      </c>
      <c r="E5505" s="141">
        <v>1985</v>
      </c>
      <c r="F5505" s="141">
        <v>248</v>
      </c>
      <c r="G5505" s="98" t="s">
        <v>1</v>
      </c>
      <c r="H5505" s="98">
        <v>0</v>
      </c>
      <c r="I5505" s="98">
        <v>0</v>
      </c>
      <c r="J5505" s="98">
        <v>0</v>
      </c>
      <c r="K5505" s="98">
        <v>0</v>
      </c>
      <c r="L5505" s="98">
        <v>0</v>
      </c>
      <c r="M5505" s="98">
        <v>0</v>
      </c>
      <c r="N5505" s="98">
        <v>0</v>
      </c>
      <c r="O5505" s="98">
        <v>0</v>
      </c>
      <c r="P5505" s="98">
        <v>0</v>
      </c>
      <c r="Q5505" s="98">
        <v>0</v>
      </c>
      <c r="R5505" s="98">
        <v>0</v>
      </c>
      <c r="S5505" s="98">
        <v>0</v>
      </c>
      <c r="T5505" s="98">
        <v>0</v>
      </c>
      <c r="U5505" s="99"/>
      <c r="V5505" s="99"/>
      <c r="W5505" s="99"/>
      <c r="X5505" s="99"/>
      <c r="Y5505" s="99"/>
      <c r="Z5505" s="99"/>
      <c r="AA5505" s="99"/>
      <c r="AB5505" s="99"/>
      <c r="AC5505" s="99"/>
      <c r="AD5505" s="99"/>
      <c r="AE5505" s="99"/>
      <c r="AF5505" s="99"/>
      <c r="AG5505" s="99"/>
      <c r="AH5505" s="99"/>
      <c r="AI5505" s="99"/>
      <c r="AJ5505" s="99"/>
      <c r="AK5505" s="99"/>
      <c r="AL5505" s="99"/>
      <c r="AM5505" s="99"/>
      <c r="AN5505" s="99"/>
      <c r="AO5505" s="99"/>
      <c r="AP5505" s="99"/>
      <c r="AQ5505" s="99"/>
      <c r="AR5505" s="99"/>
      <c r="AS5505" s="99"/>
      <c r="AT5505" s="99"/>
      <c r="AU5505" s="99"/>
      <c r="AV5505" s="99"/>
      <c r="AW5505" s="99"/>
      <c r="AX5505" s="99"/>
      <c r="AY5505" s="99"/>
      <c r="AZ5505" s="99"/>
      <c r="BA5505" s="99"/>
      <c r="BB5505" s="107">
        <v>45884</v>
      </c>
    </row>
    <row r="5506" spans="1:54" s="8" customFormat="1" ht="14.1" customHeight="1" x14ac:dyDescent="0.25">
      <c r="A5506" s="219" t="s">
        <v>12860</v>
      </c>
      <c r="B5506" s="220" t="s">
        <v>12745</v>
      </c>
      <c r="C5506" s="98" t="s">
        <v>12861</v>
      </c>
      <c r="D5506" s="98" t="s">
        <v>19998</v>
      </c>
      <c r="E5506" s="141">
        <v>2007</v>
      </c>
      <c r="F5506" s="141">
        <v>250</v>
      </c>
      <c r="G5506" s="98" t="s">
        <v>1</v>
      </c>
      <c r="H5506" s="98">
        <v>0</v>
      </c>
      <c r="I5506" s="98">
        <v>0</v>
      </c>
      <c r="J5506" s="98">
        <v>1</v>
      </c>
      <c r="K5506" s="98">
        <v>1</v>
      </c>
      <c r="L5506" s="98">
        <v>0</v>
      </c>
      <c r="M5506" s="98">
        <v>0</v>
      </c>
      <c r="N5506" s="98">
        <v>0</v>
      </c>
      <c r="O5506" s="98">
        <v>0</v>
      </c>
      <c r="P5506" s="98">
        <v>1</v>
      </c>
      <c r="Q5506" s="98">
        <v>0</v>
      </c>
      <c r="R5506" s="98">
        <v>0</v>
      </c>
      <c r="S5506" s="98">
        <v>0</v>
      </c>
      <c r="T5506" s="98">
        <v>0</v>
      </c>
      <c r="U5506" s="99"/>
      <c r="V5506" s="99"/>
      <c r="W5506" s="99"/>
      <c r="X5506" s="99"/>
      <c r="Y5506" s="99"/>
      <c r="Z5506" s="99"/>
      <c r="AA5506" s="99"/>
      <c r="AB5506" s="99"/>
      <c r="AC5506" s="99"/>
      <c r="AD5506" s="99"/>
      <c r="AE5506" s="99"/>
      <c r="AF5506" s="99"/>
      <c r="AG5506" s="99"/>
      <c r="AH5506" s="99"/>
      <c r="AI5506" s="99"/>
      <c r="AJ5506" s="99"/>
      <c r="AK5506" s="99"/>
      <c r="AL5506" s="99"/>
      <c r="AM5506" s="99"/>
      <c r="AN5506" s="99"/>
      <c r="AO5506" s="99"/>
      <c r="AP5506" s="99"/>
      <c r="AQ5506" s="99"/>
      <c r="AR5506" s="99"/>
      <c r="AS5506" s="99"/>
      <c r="AT5506" s="99"/>
      <c r="AU5506" s="99"/>
      <c r="AV5506" s="99"/>
      <c r="AW5506" s="99"/>
      <c r="AX5506" s="99"/>
      <c r="AY5506" s="99"/>
      <c r="AZ5506" s="99"/>
      <c r="BA5506" s="99"/>
      <c r="BB5506" s="107">
        <v>45884</v>
      </c>
    </row>
    <row r="5507" spans="1:54" s="8" customFormat="1" ht="14.1" customHeight="1" x14ac:dyDescent="0.25">
      <c r="A5507" s="219" t="s">
        <v>12862</v>
      </c>
      <c r="B5507" s="220" t="s">
        <v>12745</v>
      </c>
      <c r="C5507" s="98" t="s">
        <v>12863</v>
      </c>
      <c r="D5507" s="98" t="s">
        <v>19999</v>
      </c>
      <c r="E5507" s="141">
        <v>1990</v>
      </c>
      <c r="F5507" s="141">
        <v>250</v>
      </c>
      <c r="G5507" s="98" t="s">
        <v>1</v>
      </c>
      <c r="H5507" s="98">
        <v>0</v>
      </c>
      <c r="I5507" s="98">
        <v>0</v>
      </c>
      <c r="J5507" s="98">
        <v>0</v>
      </c>
      <c r="K5507" s="98">
        <v>0</v>
      </c>
      <c r="L5507" s="98">
        <v>0</v>
      </c>
      <c r="M5507" s="98">
        <v>0</v>
      </c>
      <c r="N5507" s="98">
        <v>0</v>
      </c>
      <c r="O5507" s="98">
        <v>0</v>
      </c>
      <c r="P5507" s="98">
        <v>1</v>
      </c>
      <c r="Q5507" s="98">
        <v>0</v>
      </c>
      <c r="R5507" s="98">
        <v>0</v>
      </c>
      <c r="S5507" s="98">
        <v>0</v>
      </c>
      <c r="T5507" s="98">
        <v>0</v>
      </c>
      <c r="U5507" s="99"/>
      <c r="V5507" s="99"/>
      <c r="W5507" s="99"/>
      <c r="X5507" s="99"/>
      <c r="Y5507" s="99"/>
      <c r="Z5507" s="99"/>
      <c r="AA5507" s="99"/>
      <c r="AB5507" s="99"/>
      <c r="AC5507" s="99"/>
      <c r="AD5507" s="99"/>
      <c r="AE5507" s="99"/>
      <c r="AF5507" s="99"/>
      <c r="AG5507" s="99"/>
      <c r="AH5507" s="99"/>
      <c r="AI5507" s="99"/>
      <c r="AJ5507" s="99"/>
      <c r="AK5507" s="99"/>
      <c r="AL5507" s="99"/>
      <c r="AM5507" s="99"/>
      <c r="AN5507" s="99"/>
      <c r="AO5507" s="99"/>
      <c r="AP5507" s="99"/>
      <c r="AQ5507" s="99"/>
      <c r="AR5507" s="99"/>
      <c r="AS5507" s="99"/>
      <c r="AT5507" s="99"/>
      <c r="AU5507" s="99"/>
      <c r="AV5507" s="99"/>
      <c r="AW5507" s="99"/>
      <c r="AX5507" s="99"/>
      <c r="AY5507" s="99"/>
      <c r="AZ5507" s="99"/>
      <c r="BA5507" s="99"/>
      <c r="BB5507" s="107">
        <v>45884</v>
      </c>
    </row>
    <row r="5508" spans="1:54" s="8" customFormat="1" ht="14.1" customHeight="1" x14ac:dyDescent="0.25">
      <c r="A5508" s="219" t="s">
        <v>12864</v>
      </c>
      <c r="B5508" s="220" t="s">
        <v>12745</v>
      </c>
      <c r="C5508" s="98" t="s">
        <v>12865</v>
      </c>
      <c r="D5508" s="98" t="s">
        <v>20000</v>
      </c>
      <c r="E5508" s="141">
        <v>1998</v>
      </c>
      <c r="F5508" s="141">
        <v>252</v>
      </c>
      <c r="G5508" s="98" t="s">
        <v>1</v>
      </c>
      <c r="H5508" s="98">
        <v>0</v>
      </c>
      <c r="I5508" s="98">
        <v>0</v>
      </c>
      <c r="J5508" s="98">
        <v>1</v>
      </c>
      <c r="K5508" s="98">
        <v>1</v>
      </c>
      <c r="L5508" s="98">
        <v>0</v>
      </c>
      <c r="M5508" s="98">
        <v>0</v>
      </c>
      <c r="N5508" s="98">
        <v>0</v>
      </c>
      <c r="O5508" s="98">
        <v>0</v>
      </c>
      <c r="P5508" s="98">
        <v>0</v>
      </c>
      <c r="Q5508" s="98">
        <v>0</v>
      </c>
      <c r="R5508" s="98">
        <v>1</v>
      </c>
      <c r="S5508" s="98">
        <v>0</v>
      </c>
      <c r="T5508" s="98">
        <v>0</v>
      </c>
      <c r="U5508" s="99"/>
      <c r="V5508" s="99"/>
      <c r="W5508" s="99"/>
      <c r="X5508" s="99"/>
      <c r="Y5508" s="99"/>
      <c r="Z5508" s="99"/>
      <c r="AA5508" s="99"/>
      <c r="AB5508" s="99"/>
      <c r="AC5508" s="99"/>
      <c r="AD5508" s="99"/>
      <c r="AE5508" s="99"/>
      <c r="AF5508" s="99"/>
      <c r="AG5508" s="99"/>
      <c r="AH5508" s="99"/>
      <c r="AI5508" s="99"/>
      <c r="AJ5508" s="99"/>
      <c r="AK5508" s="99"/>
      <c r="AL5508" s="99"/>
      <c r="AM5508" s="99"/>
      <c r="AN5508" s="99"/>
      <c r="AO5508" s="99"/>
      <c r="AP5508" s="99"/>
      <c r="AQ5508" s="99"/>
      <c r="AR5508" s="99"/>
      <c r="AS5508" s="99"/>
      <c r="AT5508" s="99"/>
      <c r="AU5508" s="99"/>
      <c r="AV5508" s="99"/>
      <c r="AW5508" s="99"/>
      <c r="AX5508" s="99"/>
      <c r="AY5508" s="99"/>
      <c r="AZ5508" s="99"/>
      <c r="BA5508" s="99"/>
      <c r="BB5508" s="107">
        <v>45884</v>
      </c>
    </row>
    <row r="5509" spans="1:54" s="8" customFormat="1" ht="14.1" customHeight="1" x14ac:dyDescent="0.25">
      <c r="A5509" s="219" t="s">
        <v>12866</v>
      </c>
      <c r="B5509" s="220" t="s">
        <v>12745</v>
      </c>
      <c r="C5509" s="98" t="s">
        <v>12867</v>
      </c>
      <c r="D5509" s="98" t="s">
        <v>20001</v>
      </c>
      <c r="E5509" s="141">
        <v>2007</v>
      </c>
      <c r="F5509" s="141">
        <v>254</v>
      </c>
      <c r="G5509" s="98" t="s">
        <v>1</v>
      </c>
      <c r="H5509" s="98">
        <v>0</v>
      </c>
      <c r="I5509" s="98">
        <v>0</v>
      </c>
      <c r="J5509" s="98">
        <v>1</v>
      </c>
      <c r="K5509" s="98">
        <v>1</v>
      </c>
      <c r="L5509" s="98">
        <v>0</v>
      </c>
      <c r="M5509" s="98">
        <v>0</v>
      </c>
      <c r="N5509" s="98">
        <v>0</v>
      </c>
      <c r="O5509" s="98">
        <v>0</v>
      </c>
      <c r="P5509" s="98">
        <v>1</v>
      </c>
      <c r="Q5509" s="98">
        <v>0</v>
      </c>
      <c r="R5509" s="98">
        <v>0</v>
      </c>
      <c r="S5509" s="98">
        <v>0</v>
      </c>
      <c r="T5509" s="98">
        <v>0</v>
      </c>
      <c r="U5509" s="99"/>
      <c r="V5509" s="99"/>
      <c r="W5509" s="99"/>
      <c r="X5509" s="99"/>
      <c r="Y5509" s="99"/>
      <c r="Z5509" s="99"/>
      <c r="AA5509" s="99"/>
      <c r="AB5509" s="99"/>
      <c r="AC5509" s="99"/>
      <c r="AD5509" s="99"/>
      <c r="AE5509" s="99"/>
      <c r="AF5509" s="99"/>
      <c r="AG5509" s="99"/>
      <c r="AH5509" s="99"/>
      <c r="AI5509" s="99"/>
      <c r="AJ5509" s="99"/>
      <c r="AK5509" s="99"/>
      <c r="AL5509" s="99"/>
      <c r="AM5509" s="99"/>
      <c r="AN5509" s="99"/>
      <c r="AO5509" s="99"/>
      <c r="AP5509" s="99"/>
      <c r="AQ5509" s="99"/>
      <c r="AR5509" s="99"/>
      <c r="AS5509" s="99"/>
      <c r="AT5509" s="99"/>
      <c r="AU5509" s="99"/>
      <c r="AV5509" s="99"/>
      <c r="AW5509" s="99"/>
      <c r="AX5509" s="99"/>
      <c r="AY5509" s="99"/>
      <c r="AZ5509" s="99"/>
      <c r="BA5509" s="99"/>
      <c r="BB5509" s="107">
        <v>45884</v>
      </c>
    </row>
    <row r="5510" spans="1:54" s="8" customFormat="1" ht="14.1" customHeight="1" x14ac:dyDescent="0.25">
      <c r="A5510" s="219" t="s">
        <v>12868</v>
      </c>
      <c r="B5510" s="220" t="s">
        <v>12745</v>
      </c>
      <c r="C5510" s="98" t="s">
        <v>12869</v>
      </c>
      <c r="D5510" s="98" t="s">
        <v>20002</v>
      </c>
      <c r="E5510" s="141">
        <v>1983</v>
      </c>
      <c r="F5510" s="141">
        <v>257</v>
      </c>
      <c r="G5510" s="98" t="s">
        <v>1</v>
      </c>
      <c r="H5510" s="98">
        <v>0</v>
      </c>
      <c r="I5510" s="98">
        <v>0</v>
      </c>
      <c r="J5510" s="98">
        <v>1</v>
      </c>
      <c r="K5510" s="98">
        <v>1</v>
      </c>
      <c r="L5510" s="98">
        <v>0</v>
      </c>
      <c r="M5510" s="98">
        <v>0</v>
      </c>
      <c r="N5510" s="98">
        <v>0</v>
      </c>
      <c r="O5510" s="98">
        <v>0</v>
      </c>
      <c r="P5510" s="98">
        <v>0</v>
      </c>
      <c r="Q5510" s="98">
        <v>0</v>
      </c>
      <c r="R5510" s="98">
        <v>1</v>
      </c>
      <c r="S5510" s="98">
        <v>0</v>
      </c>
      <c r="T5510" s="98">
        <v>0</v>
      </c>
      <c r="U5510" s="99"/>
      <c r="V5510" s="99"/>
      <c r="W5510" s="99"/>
      <c r="X5510" s="99"/>
      <c r="Y5510" s="99"/>
      <c r="Z5510" s="99"/>
      <c r="AA5510" s="99"/>
      <c r="AB5510" s="99"/>
      <c r="AC5510" s="99"/>
      <c r="AD5510" s="99"/>
      <c r="AE5510" s="99"/>
      <c r="AF5510" s="99"/>
      <c r="AG5510" s="99"/>
      <c r="AH5510" s="99"/>
      <c r="AI5510" s="99"/>
      <c r="AJ5510" s="99"/>
      <c r="AK5510" s="99"/>
      <c r="AL5510" s="99"/>
      <c r="AM5510" s="99"/>
      <c r="AN5510" s="99"/>
      <c r="AO5510" s="99"/>
      <c r="AP5510" s="99"/>
      <c r="AQ5510" s="99"/>
      <c r="AR5510" s="99"/>
      <c r="AS5510" s="99"/>
      <c r="AT5510" s="99"/>
      <c r="AU5510" s="99"/>
      <c r="AV5510" s="99"/>
      <c r="AW5510" s="99"/>
      <c r="AX5510" s="99"/>
      <c r="AY5510" s="99"/>
      <c r="AZ5510" s="99"/>
      <c r="BA5510" s="99"/>
      <c r="BB5510" s="107">
        <v>45884</v>
      </c>
    </row>
    <row r="5511" spans="1:54" s="8" customFormat="1" ht="14.1" customHeight="1" x14ac:dyDescent="0.25">
      <c r="A5511" s="219" t="s">
        <v>12870</v>
      </c>
      <c r="B5511" s="220" t="s">
        <v>12745</v>
      </c>
      <c r="C5511" s="98" t="s">
        <v>12871</v>
      </c>
      <c r="D5511" s="98" t="s">
        <v>20003</v>
      </c>
      <c r="E5511" s="141">
        <v>2002</v>
      </c>
      <c r="F5511" s="141">
        <v>261</v>
      </c>
      <c r="G5511" s="98" t="s">
        <v>1</v>
      </c>
      <c r="H5511" s="98">
        <v>0</v>
      </c>
      <c r="I5511" s="98">
        <v>0</v>
      </c>
      <c r="J5511" s="98">
        <v>1</v>
      </c>
      <c r="K5511" s="98">
        <v>0</v>
      </c>
      <c r="L5511" s="98">
        <v>0</v>
      </c>
      <c r="M5511" s="98">
        <v>0</v>
      </c>
      <c r="N5511" s="98">
        <v>0</v>
      </c>
      <c r="O5511" s="98">
        <v>0</v>
      </c>
      <c r="P5511" s="98">
        <v>0</v>
      </c>
      <c r="Q5511" s="98">
        <v>0</v>
      </c>
      <c r="R5511" s="98">
        <v>1</v>
      </c>
      <c r="S5511" s="98">
        <v>0</v>
      </c>
      <c r="T5511" s="98">
        <v>0</v>
      </c>
      <c r="U5511" s="99"/>
      <c r="V5511" s="99"/>
      <c r="W5511" s="99"/>
      <c r="X5511" s="99"/>
      <c r="Y5511" s="99"/>
      <c r="Z5511" s="99"/>
      <c r="AA5511" s="99"/>
      <c r="AB5511" s="99"/>
      <c r="AC5511" s="99"/>
      <c r="AD5511" s="99"/>
      <c r="AE5511" s="99"/>
      <c r="AF5511" s="99"/>
      <c r="AG5511" s="99"/>
      <c r="AH5511" s="99"/>
      <c r="AI5511" s="99"/>
      <c r="AJ5511" s="99"/>
      <c r="AK5511" s="99"/>
      <c r="AL5511" s="99"/>
      <c r="AM5511" s="99"/>
      <c r="AN5511" s="99"/>
      <c r="AO5511" s="99"/>
      <c r="AP5511" s="99"/>
      <c r="AQ5511" s="99"/>
      <c r="AR5511" s="99"/>
      <c r="AS5511" s="99"/>
      <c r="AT5511" s="99"/>
      <c r="AU5511" s="99"/>
      <c r="AV5511" s="99"/>
      <c r="AW5511" s="99"/>
      <c r="AX5511" s="99"/>
      <c r="AY5511" s="99"/>
      <c r="AZ5511" s="99"/>
      <c r="BA5511" s="99"/>
      <c r="BB5511" s="107">
        <v>45884</v>
      </c>
    </row>
    <row r="5512" spans="1:54" s="8" customFormat="1" ht="14.1" customHeight="1" x14ac:dyDescent="0.25">
      <c r="A5512" s="219" t="s">
        <v>12872</v>
      </c>
      <c r="B5512" s="220" t="s">
        <v>12745</v>
      </c>
      <c r="C5512" s="98" t="s">
        <v>12873</v>
      </c>
      <c r="D5512" s="98" t="s">
        <v>20004</v>
      </c>
      <c r="E5512" s="141">
        <v>1983</v>
      </c>
      <c r="F5512" s="141">
        <v>262</v>
      </c>
      <c r="G5512" s="98" t="s">
        <v>1</v>
      </c>
      <c r="H5512" s="98">
        <v>0</v>
      </c>
      <c r="I5512" s="98">
        <v>0</v>
      </c>
      <c r="J5512" s="98">
        <v>1</v>
      </c>
      <c r="K5512" s="98">
        <v>0</v>
      </c>
      <c r="L5512" s="98">
        <v>1</v>
      </c>
      <c r="M5512" s="98">
        <v>0</v>
      </c>
      <c r="N5512" s="98">
        <v>0</v>
      </c>
      <c r="O5512" s="98">
        <v>1</v>
      </c>
      <c r="P5512" s="98">
        <v>0</v>
      </c>
      <c r="Q5512" s="98">
        <v>0</v>
      </c>
      <c r="R5512" s="98">
        <v>0</v>
      </c>
      <c r="S5512" s="98">
        <v>0</v>
      </c>
      <c r="T5512" s="98">
        <v>0</v>
      </c>
      <c r="U5512" s="99"/>
      <c r="V5512" s="99"/>
      <c r="W5512" s="99"/>
      <c r="X5512" s="99"/>
      <c r="Y5512" s="99"/>
      <c r="Z5512" s="99"/>
      <c r="AA5512" s="99"/>
      <c r="AB5512" s="99"/>
      <c r="AC5512" s="99"/>
      <c r="AD5512" s="99"/>
      <c r="AE5512" s="99"/>
      <c r="AF5512" s="99"/>
      <c r="AG5512" s="99"/>
      <c r="AH5512" s="99"/>
      <c r="AI5512" s="99"/>
      <c r="AJ5512" s="99"/>
      <c r="AK5512" s="99"/>
      <c r="AL5512" s="99"/>
      <c r="AM5512" s="99"/>
      <c r="AN5512" s="99"/>
      <c r="AO5512" s="99"/>
      <c r="AP5512" s="99"/>
      <c r="AQ5512" s="99"/>
      <c r="AR5512" s="99"/>
      <c r="AS5512" s="99"/>
      <c r="AT5512" s="99"/>
      <c r="AU5512" s="99"/>
      <c r="AV5512" s="99"/>
      <c r="AW5512" s="99"/>
      <c r="AX5512" s="99"/>
      <c r="AY5512" s="99"/>
      <c r="AZ5512" s="99"/>
      <c r="BA5512" s="99"/>
      <c r="BB5512" s="107">
        <v>45884</v>
      </c>
    </row>
    <row r="5513" spans="1:54" s="8" customFormat="1" ht="14.1" customHeight="1" x14ac:dyDescent="0.25">
      <c r="A5513" s="219" t="s">
        <v>12874</v>
      </c>
      <c r="B5513" s="220" t="s">
        <v>12745</v>
      </c>
      <c r="C5513" s="98" t="s">
        <v>12875</v>
      </c>
      <c r="D5513" s="98" t="s">
        <v>20005</v>
      </c>
      <c r="E5513" s="141">
        <v>1995</v>
      </c>
      <c r="F5513" s="141">
        <v>264</v>
      </c>
      <c r="G5513" s="98" t="s">
        <v>1</v>
      </c>
      <c r="H5513" s="98">
        <v>0</v>
      </c>
      <c r="I5513" s="98">
        <v>0</v>
      </c>
      <c r="J5513" s="98">
        <v>1</v>
      </c>
      <c r="K5513" s="98">
        <v>1</v>
      </c>
      <c r="L5513" s="98">
        <v>1</v>
      </c>
      <c r="M5513" s="98">
        <v>0</v>
      </c>
      <c r="N5513" s="98">
        <v>0</v>
      </c>
      <c r="O5513" s="98">
        <v>0</v>
      </c>
      <c r="P5513" s="98">
        <v>0</v>
      </c>
      <c r="Q5513" s="98">
        <v>0</v>
      </c>
      <c r="R5513" s="98">
        <v>0</v>
      </c>
      <c r="S5513" s="98">
        <v>0</v>
      </c>
      <c r="T5513" s="98">
        <v>0</v>
      </c>
      <c r="U5513" s="99"/>
      <c r="V5513" s="99"/>
      <c r="W5513" s="99"/>
      <c r="X5513" s="99"/>
      <c r="Y5513" s="99"/>
      <c r="Z5513" s="99"/>
      <c r="AA5513" s="99"/>
      <c r="AB5513" s="99"/>
      <c r="AC5513" s="99"/>
      <c r="AD5513" s="99"/>
      <c r="AE5513" s="99"/>
      <c r="AF5513" s="99"/>
      <c r="AG5513" s="99"/>
      <c r="AH5513" s="99"/>
      <c r="AI5513" s="99"/>
      <c r="AJ5513" s="99"/>
      <c r="AK5513" s="99"/>
      <c r="AL5513" s="99"/>
      <c r="AM5513" s="99"/>
      <c r="AN5513" s="99"/>
      <c r="AO5513" s="99"/>
      <c r="AP5513" s="99"/>
      <c r="AQ5513" s="99"/>
      <c r="AR5513" s="99"/>
      <c r="AS5513" s="99"/>
      <c r="AT5513" s="99"/>
      <c r="AU5513" s="99"/>
      <c r="AV5513" s="99"/>
      <c r="AW5513" s="99"/>
      <c r="AX5513" s="99"/>
      <c r="AY5513" s="99"/>
      <c r="AZ5513" s="99"/>
      <c r="BA5513" s="99"/>
      <c r="BB5513" s="107">
        <v>45884</v>
      </c>
    </row>
    <row r="5514" spans="1:54" s="8" customFormat="1" ht="14.1" customHeight="1" x14ac:dyDescent="0.25">
      <c r="A5514" s="219" t="s">
        <v>12876</v>
      </c>
      <c r="B5514" s="220" t="s">
        <v>12745</v>
      </c>
      <c r="C5514" s="98" t="s">
        <v>12877</v>
      </c>
      <c r="D5514" s="98" t="s">
        <v>20006</v>
      </c>
      <c r="E5514" s="141">
        <v>2004</v>
      </c>
      <c r="F5514" s="141">
        <v>264</v>
      </c>
      <c r="G5514" s="98" t="s">
        <v>1</v>
      </c>
      <c r="H5514" s="98">
        <v>0</v>
      </c>
      <c r="I5514" s="98">
        <v>0</v>
      </c>
      <c r="J5514" s="98">
        <v>1</v>
      </c>
      <c r="K5514" s="98">
        <v>1</v>
      </c>
      <c r="L5514" s="98">
        <v>0</v>
      </c>
      <c r="M5514" s="98">
        <v>1</v>
      </c>
      <c r="N5514" s="98">
        <v>0</v>
      </c>
      <c r="O5514" s="98">
        <v>0</v>
      </c>
      <c r="P5514" s="98">
        <v>0</v>
      </c>
      <c r="Q5514" s="98">
        <v>0</v>
      </c>
      <c r="R5514" s="98">
        <v>0</v>
      </c>
      <c r="S5514" s="98">
        <v>0</v>
      </c>
      <c r="T5514" s="98">
        <v>0</v>
      </c>
      <c r="U5514" s="99"/>
      <c r="V5514" s="99"/>
      <c r="W5514" s="99"/>
      <c r="X5514" s="99"/>
      <c r="Y5514" s="99"/>
      <c r="Z5514" s="99"/>
      <c r="AA5514" s="99"/>
      <c r="AB5514" s="99"/>
      <c r="AC5514" s="99"/>
      <c r="AD5514" s="99"/>
      <c r="AE5514" s="99"/>
      <c r="AF5514" s="99"/>
      <c r="AG5514" s="99"/>
      <c r="AH5514" s="99"/>
      <c r="AI5514" s="99"/>
      <c r="AJ5514" s="99"/>
      <c r="AK5514" s="99"/>
      <c r="AL5514" s="99"/>
      <c r="AM5514" s="99"/>
      <c r="AN5514" s="99"/>
      <c r="AO5514" s="99"/>
      <c r="AP5514" s="99"/>
      <c r="AQ5514" s="99"/>
      <c r="AR5514" s="99"/>
      <c r="AS5514" s="99"/>
      <c r="AT5514" s="99"/>
      <c r="AU5514" s="99"/>
      <c r="AV5514" s="99"/>
      <c r="AW5514" s="99"/>
      <c r="AX5514" s="99"/>
      <c r="AY5514" s="99"/>
      <c r="AZ5514" s="99"/>
      <c r="BA5514" s="99"/>
      <c r="BB5514" s="107">
        <v>45884</v>
      </c>
    </row>
    <row r="5515" spans="1:54" s="8" customFormat="1" ht="14.1" customHeight="1" x14ac:dyDescent="0.25">
      <c r="A5515" s="219" t="s">
        <v>12878</v>
      </c>
      <c r="B5515" s="220" t="s">
        <v>12745</v>
      </c>
      <c r="C5515" s="98" t="s">
        <v>12879</v>
      </c>
      <c r="D5515" s="98" t="s">
        <v>20007</v>
      </c>
      <c r="E5515" s="141">
        <v>1984</v>
      </c>
      <c r="F5515" s="141">
        <v>266</v>
      </c>
      <c r="G5515" s="98" t="s">
        <v>1</v>
      </c>
      <c r="H5515" s="98">
        <v>0</v>
      </c>
      <c r="I5515" s="98">
        <v>0</v>
      </c>
      <c r="J5515" s="98">
        <v>1</v>
      </c>
      <c r="K5515" s="98">
        <v>0</v>
      </c>
      <c r="L5515" s="98">
        <v>0</v>
      </c>
      <c r="M5515" s="98">
        <v>0</v>
      </c>
      <c r="N5515" s="98">
        <v>1</v>
      </c>
      <c r="O5515" s="98">
        <v>0</v>
      </c>
      <c r="P5515" s="98">
        <v>0</v>
      </c>
      <c r="Q5515" s="98">
        <v>0</v>
      </c>
      <c r="R5515" s="98">
        <v>1</v>
      </c>
      <c r="S5515" s="98">
        <v>0</v>
      </c>
      <c r="T5515" s="98">
        <v>0</v>
      </c>
      <c r="U5515" s="99"/>
      <c r="V5515" s="99"/>
      <c r="W5515" s="99"/>
      <c r="X5515" s="99"/>
      <c r="Y5515" s="99"/>
      <c r="Z5515" s="99"/>
      <c r="AA5515" s="99"/>
      <c r="AB5515" s="99"/>
      <c r="AC5515" s="99"/>
      <c r="AD5515" s="99"/>
      <c r="AE5515" s="99"/>
      <c r="AF5515" s="99"/>
      <c r="AG5515" s="99"/>
      <c r="AH5515" s="99"/>
      <c r="AI5515" s="99"/>
      <c r="AJ5515" s="99"/>
      <c r="AK5515" s="99"/>
      <c r="AL5515" s="99"/>
      <c r="AM5515" s="99"/>
      <c r="AN5515" s="99"/>
      <c r="AO5515" s="99"/>
      <c r="AP5515" s="99"/>
      <c r="AQ5515" s="99"/>
      <c r="AR5515" s="99"/>
      <c r="AS5515" s="99"/>
      <c r="AT5515" s="99"/>
      <c r="AU5515" s="99"/>
      <c r="AV5515" s="99"/>
      <c r="AW5515" s="99"/>
      <c r="AX5515" s="99"/>
      <c r="AY5515" s="99"/>
      <c r="AZ5515" s="99"/>
      <c r="BA5515" s="99"/>
      <c r="BB5515" s="107">
        <v>45884</v>
      </c>
    </row>
    <row r="5516" spans="1:54" s="8" customFormat="1" ht="14.1" customHeight="1" x14ac:dyDescent="0.25">
      <c r="A5516" s="219" t="s">
        <v>12880</v>
      </c>
      <c r="B5516" s="220" t="s">
        <v>12745</v>
      </c>
      <c r="C5516" s="98" t="s">
        <v>12881</v>
      </c>
      <c r="D5516" s="98" t="s">
        <v>20008</v>
      </c>
      <c r="E5516" s="141">
        <v>1999</v>
      </c>
      <c r="F5516" s="141">
        <v>270</v>
      </c>
      <c r="G5516" s="98" t="s">
        <v>1</v>
      </c>
      <c r="H5516" s="98">
        <v>0</v>
      </c>
      <c r="I5516" s="98">
        <v>0</v>
      </c>
      <c r="J5516" s="98">
        <v>1</v>
      </c>
      <c r="K5516" s="98">
        <v>0</v>
      </c>
      <c r="L5516" s="98">
        <v>0</v>
      </c>
      <c r="M5516" s="98">
        <v>0</v>
      </c>
      <c r="N5516" s="98">
        <v>0</v>
      </c>
      <c r="O5516" s="98">
        <v>0</v>
      </c>
      <c r="P5516" s="98">
        <v>1</v>
      </c>
      <c r="Q5516" s="98">
        <v>0</v>
      </c>
      <c r="R5516" s="98">
        <v>0</v>
      </c>
      <c r="S5516" s="98">
        <v>1</v>
      </c>
      <c r="T5516" s="98">
        <v>0</v>
      </c>
      <c r="U5516" s="99"/>
      <c r="V5516" s="99"/>
      <c r="W5516" s="99"/>
      <c r="X5516" s="99"/>
      <c r="Y5516" s="99"/>
      <c r="Z5516" s="99"/>
      <c r="AA5516" s="99"/>
      <c r="AB5516" s="99"/>
      <c r="AC5516" s="99"/>
      <c r="AD5516" s="99"/>
      <c r="AE5516" s="99"/>
      <c r="AF5516" s="99"/>
      <c r="AG5516" s="99"/>
      <c r="AH5516" s="99"/>
      <c r="AI5516" s="99"/>
      <c r="AJ5516" s="99"/>
      <c r="AK5516" s="99"/>
      <c r="AL5516" s="99"/>
      <c r="AM5516" s="99"/>
      <c r="AN5516" s="99"/>
      <c r="AO5516" s="99"/>
      <c r="AP5516" s="99"/>
      <c r="AQ5516" s="99"/>
      <c r="AR5516" s="99"/>
      <c r="AS5516" s="99"/>
      <c r="AT5516" s="99"/>
      <c r="AU5516" s="99"/>
      <c r="AV5516" s="99"/>
      <c r="AW5516" s="99"/>
      <c r="AX5516" s="99"/>
      <c r="AY5516" s="99"/>
      <c r="AZ5516" s="99"/>
      <c r="BA5516" s="99"/>
      <c r="BB5516" s="107">
        <v>45884</v>
      </c>
    </row>
    <row r="5517" spans="1:54" s="8" customFormat="1" ht="14.1" customHeight="1" x14ac:dyDescent="0.25">
      <c r="A5517" s="219" t="s">
        <v>12882</v>
      </c>
      <c r="B5517" s="220" t="s">
        <v>12745</v>
      </c>
      <c r="C5517" s="98" t="s">
        <v>12883</v>
      </c>
      <c r="D5517" s="98" t="s">
        <v>20009</v>
      </c>
      <c r="E5517" s="141">
        <v>2001</v>
      </c>
      <c r="F5517" s="141">
        <v>270</v>
      </c>
      <c r="G5517" s="98" t="s">
        <v>1</v>
      </c>
      <c r="H5517" s="98">
        <v>0</v>
      </c>
      <c r="I5517" s="98">
        <v>0</v>
      </c>
      <c r="J5517" s="98">
        <v>1</v>
      </c>
      <c r="K5517" s="98">
        <v>0</v>
      </c>
      <c r="L5517" s="98">
        <v>0</v>
      </c>
      <c r="M5517" s="98">
        <v>1</v>
      </c>
      <c r="N5517" s="98">
        <v>0</v>
      </c>
      <c r="O5517" s="98">
        <v>0</v>
      </c>
      <c r="P5517" s="98">
        <v>0</v>
      </c>
      <c r="Q5517" s="98">
        <v>0</v>
      </c>
      <c r="R5517" s="98">
        <v>0</v>
      </c>
      <c r="S5517" s="98">
        <v>0</v>
      </c>
      <c r="T5517" s="98">
        <v>0</v>
      </c>
      <c r="U5517" s="99"/>
      <c r="V5517" s="99"/>
      <c r="W5517" s="99"/>
      <c r="X5517" s="99"/>
      <c r="Y5517" s="99"/>
      <c r="Z5517" s="99"/>
      <c r="AA5517" s="99"/>
      <c r="AB5517" s="99"/>
      <c r="AC5517" s="99"/>
      <c r="AD5517" s="99"/>
      <c r="AE5517" s="99"/>
      <c r="AF5517" s="99"/>
      <c r="AG5517" s="99"/>
      <c r="AH5517" s="99"/>
      <c r="AI5517" s="99"/>
      <c r="AJ5517" s="99"/>
      <c r="AK5517" s="99"/>
      <c r="AL5517" s="99"/>
      <c r="AM5517" s="99"/>
      <c r="AN5517" s="99"/>
      <c r="AO5517" s="99"/>
      <c r="AP5517" s="99"/>
      <c r="AQ5517" s="99"/>
      <c r="AR5517" s="99"/>
      <c r="AS5517" s="99"/>
      <c r="AT5517" s="99"/>
      <c r="AU5517" s="99"/>
      <c r="AV5517" s="99"/>
      <c r="AW5517" s="99"/>
      <c r="AX5517" s="99"/>
      <c r="AY5517" s="99"/>
      <c r="AZ5517" s="99"/>
      <c r="BA5517" s="99"/>
      <c r="BB5517" s="107">
        <v>45884</v>
      </c>
    </row>
    <row r="5518" spans="1:54" s="8" customFormat="1" ht="14.1" customHeight="1" x14ac:dyDescent="0.25">
      <c r="A5518" s="219" t="s">
        <v>12884</v>
      </c>
      <c r="B5518" s="220" t="s">
        <v>12745</v>
      </c>
      <c r="C5518" s="98" t="s">
        <v>12885</v>
      </c>
      <c r="D5518" s="98" t="s">
        <v>20010</v>
      </c>
      <c r="E5518" s="141">
        <v>1989</v>
      </c>
      <c r="F5518" s="141">
        <v>270</v>
      </c>
      <c r="G5518" s="98" t="s">
        <v>1</v>
      </c>
      <c r="H5518" s="98">
        <v>0</v>
      </c>
      <c r="I5518" s="98">
        <v>0</v>
      </c>
      <c r="J5518" s="98">
        <v>1</v>
      </c>
      <c r="K5518" s="98">
        <v>1</v>
      </c>
      <c r="L5518" s="98">
        <v>1</v>
      </c>
      <c r="M5518" s="98">
        <v>0</v>
      </c>
      <c r="N5518" s="98">
        <v>0</v>
      </c>
      <c r="O5518" s="98">
        <v>0</v>
      </c>
      <c r="P5518" s="98">
        <v>0</v>
      </c>
      <c r="Q5518" s="98">
        <v>0</v>
      </c>
      <c r="R5518" s="98">
        <v>0</v>
      </c>
      <c r="S5518" s="98">
        <v>0</v>
      </c>
      <c r="T5518" s="98">
        <v>0</v>
      </c>
      <c r="U5518" s="99"/>
      <c r="V5518" s="99"/>
      <c r="W5518" s="99"/>
      <c r="X5518" s="99"/>
      <c r="Y5518" s="99"/>
      <c r="Z5518" s="99"/>
      <c r="AA5518" s="99"/>
      <c r="AB5518" s="99"/>
      <c r="AC5518" s="99"/>
      <c r="AD5518" s="99"/>
      <c r="AE5518" s="99"/>
      <c r="AF5518" s="99"/>
      <c r="AG5518" s="99"/>
      <c r="AH5518" s="99"/>
      <c r="AI5518" s="99"/>
      <c r="AJ5518" s="99"/>
      <c r="AK5518" s="99"/>
      <c r="AL5518" s="99"/>
      <c r="AM5518" s="99"/>
      <c r="AN5518" s="99"/>
      <c r="AO5518" s="99"/>
      <c r="AP5518" s="99"/>
      <c r="AQ5518" s="99"/>
      <c r="AR5518" s="99"/>
      <c r="AS5518" s="99"/>
      <c r="AT5518" s="99"/>
      <c r="AU5518" s="99"/>
      <c r="AV5518" s="99"/>
      <c r="AW5518" s="99"/>
      <c r="AX5518" s="99"/>
      <c r="AY5518" s="99"/>
      <c r="AZ5518" s="99"/>
      <c r="BA5518" s="99"/>
      <c r="BB5518" s="107">
        <v>45884</v>
      </c>
    </row>
    <row r="5519" spans="1:54" s="8" customFormat="1" ht="14.1" customHeight="1" x14ac:dyDescent="0.25">
      <c r="A5519" s="219" t="s">
        <v>12886</v>
      </c>
      <c r="B5519" s="220" t="s">
        <v>12745</v>
      </c>
      <c r="C5519" s="98" t="s">
        <v>12887</v>
      </c>
      <c r="D5519" s="98" t="s">
        <v>20011</v>
      </c>
      <c r="E5519" s="141">
        <v>2002</v>
      </c>
      <c r="F5519" s="141">
        <v>279</v>
      </c>
      <c r="G5519" s="98" t="s">
        <v>1</v>
      </c>
      <c r="H5519" s="98">
        <v>0</v>
      </c>
      <c r="I5519" s="98">
        <v>0</v>
      </c>
      <c r="J5519" s="98">
        <v>0</v>
      </c>
      <c r="K5519" s="98">
        <v>0</v>
      </c>
      <c r="L5519" s="98">
        <v>0</v>
      </c>
      <c r="M5519" s="98">
        <v>1</v>
      </c>
      <c r="N5519" s="98">
        <v>0</v>
      </c>
      <c r="O5519" s="98">
        <v>0</v>
      </c>
      <c r="P5519" s="98">
        <v>0</v>
      </c>
      <c r="Q5519" s="98">
        <v>0</v>
      </c>
      <c r="R5519" s="98">
        <v>0</v>
      </c>
      <c r="S5519" s="98">
        <v>0</v>
      </c>
      <c r="T5519" s="98">
        <v>0</v>
      </c>
      <c r="U5519" s="99"/>
      <c r="V5519" s="99"/>
      <c r="W5519" s="99"/>
      <c r="X5519" s="99"/>
      <c r="Y5519" s="99"/>
      <c r="Z5519" s="99"/>
      <c r="AA5519" s="99"/>
      <c r="AB5519" s="99"/>
      <c r="AC5519" s="99"/>
      <c r="AD5519" s="99"/>
      <c r="AE5519" s="99"/>
      <c r="AF5519" s="99"/>
      <c r="AG5519" s="99"/>
      <c r="AH5519" s="99"/>
      <c r="AI5519" s="99"/>
      <c r="AJ5519" s="99"/>
      <c r="AK5519" s="99"/>
      <c r="AL5519" s="99"/>
      <c r="AM5519" s="99"/>
      <c r="AN5519" s="99"/>
      <c r="AO5519" s="99"/>
      <c r="AP5519" s="99"/>
      <c r="AQ5519" s="99"/>
      <c r="AR5519" s="99"/>
      <c r="AS5519" s="99"/>
      <c r="AT5519" s="99"/>
      <c r="AU5519" s="99"/>
      <c r="AV5519" s="99"/>
      <c r="AW5519" s="99"/>
      <c r="AX5519" s="99"/>
      <c r="AY5519" s="99"/>
      <c r="AZ5519" s="99"/>
      <c r="BA5519" s="99"/>
      <c r="BB5519" s="107">
        <v>45884</v>
      </c>
    </row>
    <row r="5520" spans="1:54" s="8" customFormat="1" ht="14.1" customHeight="1" x14ac:dyDescent="0.25">
      <c r="A5520" s="219" t="s">
        <v>12888</v>
      </c>
      <c r="B5520" s="220" t="s">
        <v>12745</v>
      </c>
      <c r="C5520" s="98" t="s">
        <v>12889</v>
      </c>
      <c r="D5520" s="98" t="s">
        <v>20012</v>
      </c>
      <c r="E5520" s="141">
        <v>1999</v>
      </c>
      <c r="F5520" s="141">
        <v>284</v>
      </c>
      <c r="G5520" s="98" t="s">
        <v>1</v>
      </c>
      <c r="H5520" s="98">
        <v>0</v>
      </c>
      <c r="I5520" s="98">
        <v>0</v>
      </c>
      <c r="J5520" s="98">
        <v>1</v>
      </c>
      <c r="K5520" s="98">
        <v>0</v>
      </c>
      <c r="L5520" s="98">
        <v>0</v>
      </c>
      <c r="M5520" s="98">
        <v>0</v>
      </c>
      <c r="N5520" s="98">
        <v>0</v>
      </c>
      <c r="O5520" s="98">
        <v>0</v>
      </c>
      <c r="P5520" s="98">
        <v>0</v>
      </c>
      <c r="Q5520" s="98">
        <v>1</v>
      </c>
      <c r="R5520" s="98">
        <v>0</v>
      </c>
      <c r="S5520" s="98">
        <v>0</v>
      </c>
      <c r="T5520" s="98">
        <v>0</v>
      </c>
      <c r="U5520" s="99"/>
      <c r="V5520" s="99"/>
      <c r="W5520" s="99"/>
      <c r="X5520" s="99"/>
      <c r="Y5520" s="99"/>
      <c r="Z5520" s="99"/>
      <c r="AA5520" s="99"/>
      <c r="AB5520" s="99"/>
      <c r="AC5520" s="99"/>
      <c r="AD5520" s="99"/>
      <c r="AE5520" s="99"/>
      <c r="AF5520" s="99"/>
      <c r="AG5520" s="99"/>
      <c r="AH5520" s="99"/>
      <c r="AI5520" s="99"/>
      <c r="AJ5520" s="99"/>
      <c r="AK5520" s="99"/>
      <c r="AL5520" s="99"/>
      <c r="AM5520" s="99"/>
      <c r="AN5520" s="99"/>
      <c r="AO5520" s="99"/>
      <c r="AP5520" s="99"/>
      <c r="AQ5520" s="99"/>
      <c r="AR5520" s="99"/>
      <c r="AS5520" s="99"/>
      <c r="AT5520" s="99"/>
      <c r="AU5520" s="99"/>
      <c r="AV5520" s="99"/>
      <c r="AW5520" s="99"/>
      <c r="AX5520" s="99"/>
      <c r="AY5520" s="99"/>
      <c r="AZ5520" s="99"/>
      <c r="BA5520" s="99"/>
      <c r="BB5520" s="107">
        <v>45884</v>
      </c>
    </row>
    <row r="5521" spans="1:54" s="8" customFormat="1" ht="14.1" customHeight="1" x14ac:dyDescent="0.25">
      <c r="A5521" s="219" t="s">
        <v>12890</v>
      </c>
      <c r="B5521" s="220" t="s">
        <v>12745</v>
      </c>
      <c r="C5521" s="98" t="s">
        <v>12891</v>
      </c>
      <c r="D5521" s="98" t="s">
        <v>20013</v>
      </c>
      <c r="E5521" s="141">
        <v>1986</v>
      </c>
      <c r="F5521" s="141">
        <v>287</v>
      </c>
      <c r="G5521" s="98" t="s">
        <v>1</v>
      </c>
      <c r="H5521" s="98">
        <v>0</v>
      </c>
      <c r="I5521" s="98">
        <v>0</v>
      </c>
      <c r="J5521" s="98">
        <v>1</v>
      </c>
      <c r="K5521" s="98">
        <v>0</v>
      </c>
      <c r="L5521" s="98">
        <v>1</v>
      </c>
      <c r="M5521" s="98">
        <v>0</v>
      </c>
      <c r="N5521" s="98">
        <v>0</v>
      </c>
      <c r="O5521" s="98">
        <v>0</v>
      </c>
      <c r="P5521" s="98">
        <v>0</v>
      </c>
      <c r="Q5521" s="98">
        <v>0</v>
      </c>
      <c r="R5521" s="98">
        <v>0</v>
      </c>
      <c r="S5521" s="98">
        <v>0</v>
      </c>
      <c r="T5521" s="98">
        <v>0</v>
      </c>
      <c r="U5521" s="99"/>
      <c r="V5521" s="99"/>
      <c r="W5521" s="99"/>
      <c r="X5521" s="99"/>
      <c r="Y5521" s="99"/>
      <c r="Z5521" s="99"/>
      <c r="AA5521" s="99"/>
      <c r="AB5521" s="99"/>
      <c r="AC5521" s="99"/>
      <c r="AD5521" s="99"/>
      <c r="AE5521" s="99"/>
      <c r="AF5521" s="99"/>
      <c r="AG5521" s="99"/>
      <c r="AH5521" s="99"/>
      <c r="AI5521" s="99"/>
      <c r="AJ5521" s="99"/>
      <c r="AK5521" s="99"/>
      <c r="AL5521" s="99"/>
      <c r="AM5521" s="99"/>
      <c r="AN5521" s="99"/>
      <c r="AO5521" s="99"/>
      <c r="AP5521" s="99"/>
      <c r="AQ5521" s="99"/>
      <c r="AR5521" s="99"/>
      <c r="AS5521" s="99"/>
      <c r="AT5521" s="99"/>
      <c r="AU5521" s="99"/>
      <c r="AV5521" s="99"/>
      <c r="AW5521" s="99"/>
      <c r="AX5521" s="99"/>
      <c r="AY5521" s="99"/>
      <c r="AZ5521" s="99"/>
      <c r="BA5521" s="99"/>
      <c r="BB5521" s="107">
        <v>45884</v>
      </c>
    </row>
    <row r="5522" spans="1:54" s="8" customFormat="1" ht="14.1" customHeight="1" x14ac:dyDescent="0.25">
      <c r="A5522" s="219" t="s">
        <v>12892</v>
      </c>
      <c r="B5522" s="220" t="s">
        <v>12745</v>
      </c>
      <c r="C5522" s="98" t="s">
        <v>12893</v>
      </c>
      <c r="D5522" s="98" t="s">
        <v>20014</v>
      </c>
      <c r="E5522" s="141">
        <v>1985</v>
      </c>
      <c r="F5522" s="141">
        <v>291</v>
      </c>
      <c r="G5522" s="98" t="s">
        <v>1</v>
      </c>
      <c r="H5522" s="98">
        <v>0</v>
      </c>
      <c r="I5522" s="98">
        <v>0</v>
      </c>
      <c r="J5522" s="98">
        <v>0</v>
      </c>
      <c r="K5522" s="98">
        <v>0</v>
      </c>
      <c r="L5522" s="98">
        <v>0</v>
      </c>
      <c r="M5522" s="98">
        <v>0</v>
      </c>
      <c r="N5522" s="98">
        <v>0</v>
      </c>
      <c r="O5522" s="98">
        <v>0</v>
      </c>
      <c r="P5522" s="98">
        <v>0</v>
      </c>
      <c r="Q5522" s="98">
        <v>0</v>
      </c>
      <c r="R5522" s="98">
        <v>1</v>
      </c>
      <c r="S5522" s="98">
        <v>0</v>
      </c>
      <c r="T5522" s="98">
        <v>0</v>
      </c>
      <c r="U5522" s="99"/>
      <c r="V5522" s="99"/>
      <c r="W5522" s="99"/>
      <c r="X5522" s="99"/>
      <c r="Y5522" s="99"/>
      <c r="Z5522" s="99"/>
      <c r="AA5522" s="99"/>
      <c r="AB5522" s="99"/>
      <c r="AC5522" s="99"/>
      <c r="AD5522" s="99"/>
      <c r="AE5522" s="99"/>
      <c r="AF5522" s="99"/>
      <c r="AG5522" s="99"/>
      <c r="AH5522" s="99"/>
      <c r="AI5522" s="99"/>
      <c r="AJ5522" s="99"/>
      <c r="AK5522" s="99"/>
      <c r="AL5522" s="99"/>
      <c r="AM5522" s="99"/>
      <c r="AN5522" s="99"/>
      <c r="AO5522" s="99"/>
      <c r="AP5522" s="99"/>
      <c r="AQ5522" s="99"/>
      <c r="AR5522" s="99"/>
      <c r="AS5522" s="99"/>
      <c r="AT5522" s="99"/>
      <c r="AU5522" s="99"/>
      <c r="AV5522" s="99"/>
      <c r="AW5522" s="99"/>
      <c r="AX5522" s="99"/>
      <c r="AY5522" s="99"/>
      <c r="AZ5522" s="99"/>
      <c r="BA5522" s="99"/>
      <c r="BB5522" s="107">
        <v>45884</v>
      </c>
    </row>
    <row r="5523" spans="1:54" s="8" customFormat="1" ht="14.1" customHeight="1" x14ac:dyDescent="0.25">
      <c r="A5523" s="219" t="s">
        <v>12894</v>
      </c>
      <c r="B5523" s="220" t="s">
        <v>12745</v>
      </c>
      <c r="C5523" s="98" t="s">
        <v>12895</v>
      </c>
      <c r="D5523" s="98" t="s">
        <v>20015</v>
      </c>
      <c r="E5523" s="141">
        <v>1993</v>
      </c>
      <c r="F5523" s="141">
        <v>302</v>
      </c>
      <c r="G5523" s="98" t="s">
        <v>1</v>
      </c>
      <c r="H5523" s="98">
        <v>0</v>
      </c>
      <c r="I5523" s="98">
        <v>0</v>
      </c>
      <c r="J5523" s="98">
        <v>1</v>
      </c>
      <c r="K5523" s="98">
        <v>1</v>
      </c>
      <c r="L5523" s="98">
        <v>1</v>
      </c>
      <c r="M5523" s="98">
        <v>0</v>
      </c>
      <c r="N5523" s="98">
        <v>0</v>
      </c>
      <c r="O5523" s="98">
        <v>1</v>
      </c>
      <c r="P5523" s="98">
        <v>0</v>
      </c>
      <c r="Q5523" s="98">
        <v>0</v>
      </c>
      <c r="R5523" s="98">
        <v>0</v>
      </c>
      <c r="S5523" s="98">
        <v>0</v>
      </c>
      <c r="T5523" s="98">
        <v>0</v>
      </c>
      <c r="U5523" s="99"/>
      <c r="V5523" s="99"/>
      <c r="W5523" s="99"/>
      <c r="X5523" s="99"/>
      <c r="Y5523" s="99"/>
      <c r="Z5523" s="99"/>
      <c r="AA5523" s="99"/>
      <c r="AB5523" s="99"/>
      <c r="AC5523" s="99"/>
      <c r="AD5523" s="99"/>
      <c r="AE5523" s="99"/>
      <c r="AF5523" s="99"/>
      <c r="AG5523" s="99"/>
      <c r="AH5523" s="99"/>
      <c r="AI5523" s="99"/>
      <c r="AJ5523" s="99"/>
      <c r="AK5523" s="99"/>
      <c r="AL5523" s="99"/>
      <c r="AM5523" s="99"/>
      <c r="AN5523" s="99"/>
      <c r="AO5523" s="99"/>
      <c r="AP5523" s="99"/>
      <c r="AQ5523" s="99"/>
      <c r="AR5523" s="99"/>
      <c r="AS5523" s="99"/>
      <c r="AT5523" s="99"/>
      <c r="AU5523" s="99"/>
      <c r="AV5523" s="99"/>
      <c r="AW5523" s="99"/>
      <c r="AX5523" s="99"/>
      <c r="AY5523" s="99"/>
      <c r="AZ5523" s="99"/>
      <c r="BA5523" s="99"/>
      <c r="BB5523" s="107">
        <v>45884</v>
      </c>
    </row>
    <row r="5524" spans="1:54" s="8" customFormat="1" ht="14.1" customHeight="1" x14ac:dyDescent="0.25">
      <c r="A5524" s="219" t="s">
        <v>12896</v>
      </c>
      <c r="B5524" s="220" t="s">
        <v>12745</v>
      </c>
      <c r="C5524" s="98" t="s">
        <v>12897</v>
      </c>
      <c r="D5524" s="98" t="s">
        <v>20016</v>
      </c>
      <c r="E5524" s="141">
        <v>1983</v>
      </c>
      <c r="F5524" s="141">
        <v>303</v>
      </c>
      <c r="G5524" s="98" t="s">
        <v>1</v>
      </c>
      <c r="H5524" s="98">
        <v>0</v>
      </c>
      <c r="I5524" s="98">
        <v>0</v>
      </c>
      <c r="J5524" s="98">
        <v>1</v>
      </c>
      <c r="K5524" s="98">
        <v>0</v>
      </c>
      <c r="L5524" s="98">
        <v>1</v>
      </c>
      <c r="M5524" s="98">
        <v>0</v>
      </c>
      <c r="N5524" s="98">
        <v>0</v>
      </c>
      <c r="O5524" s="98">
        <v>0</v>
      </c>
      <c r="P5524" s="98">
        <v>0</v>
      </c>
      <c r="Q5524" s="98">
        <v>0</v>
      </c>
      <c r="R5524" s="98">
        <v>0</v>
      </c>
      <c r="S5524" s="98">
        <v>0</v>
      </c>
      <c r="T5524" s="98">
        <v>0</v>
      </c>
      <c r="U5524" s="99"/>
      <c r="V5524" s="99"/>
      <c r="W5524" s="99"/>
      <c r="X5524" s="99"/>
      <c r="Y5524" s="99"/>
      <c r="Z5524" s="99"/>
      <c r="AA5524" s="99"/>
      <c r="AB5524" s="99"/>
      <c r="AC5524" s="99"/>
      <c r="AD5524" s="99"/>
      <c r="AE5524" s="99"/>
      <c r="AF5524" s="99"/>
      <c r="AG5524" s="99"/>
      <c r="AH5524" s="99"/>
      <c r="AI5524" s="99"/>
      <c r="AJ5524" s="99"/>
      <c r="AK5524" s="99"/>
      <c r="AL5524" s="99"/>
      <c r="AM5524" s="99"/>
      <c r="AN5524" s="99"/>
      <c r="AO5524" s="99"/>
      <c r="AP5524" s="99"/>
      <c r="AQ5524" s="99"/>
      <c r="AR5524" s="99"/>
      <c r="AS5524" s="99"/>
      <c r="AT5524" s="99"/>
      <c r="AU5524" s="99"/>
      <c r="AV5524" s="99"/>
      <c r="AW5524" s="99"/>
      <c r="AX5524" s="99"/>
      <c r="AY5524" s="99"/>
      <c r="AZ5524" s="99"/>
      <c r="BA5524" s="99"/>
      <c r="BB5524" s="107">
        <v>45884</v>
      </c>
    </row>
    <row r="5525" spans="1:54" s="8" customFormat="1" ht="14.1" customHeight="1" x14ac:dyDescent="0.25">
      <c r="A5525" s="219" t="s">
        <v>12898</v>
      </c>
      <c r="B5525" s="220" t="s">
        <v>12745</v>
      </c>
      <c r="C5525" s="98" t="s">
        <v>12899</v>
      </c>
      <c r="D5525" s="98" t="s">
        <v>20017</v>
      </c>
      <c r="E5525" s="141">
        <v>2003</v>
      </c>
      <c r="F5525" s="141">
        <v>305</v>
      </c>
      <c r="G5525" s="98" t="s">
        <v>1</v>
      </c>
      <c r="H5525" s="98">
        <v>0</v>
      </c>
      <c r="I5525" s="98">
        <v>0</v>
      </c>
      <c r="J5525" s="98">
        <v>1</v>
      </c>
      <c r="K5525" s="98">
        <v>1</v>
      </c>
      <c r="L5525" s="98">
        <v>0</v>
      </c>
      <c r="M5525" s="98">
        <v>1</v>
      </c>
      <c r="N5525" s="98">
        <v>0</v>
      </c>
      <c r="O5525" s="98">
        <v>0</v>
      </c>
      <c r="P5525" s="98">
        <v>0</v>
      </c>
      <c r="Q5525" s="98">
        <v>0</v>
      </c>
      <c r="R5525" s="98">
        <v>0</v>
      </c>
      <c r="S5525" s="98">
        <v>0</v>
      </c>
      <c r="T5525" s="98">
        <v>0</v>
      </c>
      <c r="U5525" s="99"/>
      <c r="V5525" s="99"/>
      <c r="W5525" s="99"/>
      <c r="X5525" s="99"/>
      <c r="Y5525" s="99"/>
      <c r="Z5525" s="99"/>
      <c r="AA5525" s="99"/>
      <c r="AB5525" s="99"/>
      <c r="AC5525" s="99"/>
      <c r="AD5525" s="99"/>
      <c r="AE5525" s="99"/>
      <c r="AF5525" s="99"/>
      <c r="AG5525" s="99"/>
      <c r="AH5525" s="99"/>
      <c r="AI5525" s="99"/>
      <c r="AJ5525" s="99"/>
      <c r="AK5525" s="99"/>
      <c r="AL5525" s="99"/>
      <c r="AM5525" s="99"/>
      <c r="AN5525" s="99"/>
      <c r="AO5525" s="99"/>
      <c r="AP5525" s="99"/>
      <c r="AQ5525" s="99"/>
      <c r="AR5525" s="99"/>
      <c r="AS5525" s="99"/>
      <c r="AT5525" s="99"/>
      <c r="AU5525" s="99"/>
      <c r="AV5525" s="99"/>
      <c r="AW5525" s="99"/>
      <c r="AX5525" s="99"/>
      <c r="AY5525" s="99"/>
      <c r="AZ5525" s="99"/>
      <c r="BA5525" s="99"/>
      <c r="BB5525" s="107">
        <v>45884</v>
      </c>
    </row>
    <row r="5526" spans="1:54" s="8" customFormat="1" ht="14.1" customHeight="1" x14ac:dyDescent="0.25">
      <c r="A5526" s="219" t="s">
        <v>12900</v>
      </c>
      <c r="B5526" s="220" t="s">
        <v>12745</v>
      </c>
      <c r="C5526" s="98" t="s">
        <v>12901</v>
      </c>
      <c r="D5526" s="98" t="s">
        <v>20018</v>
      </c>
      <c r="E5526" s="141">
        <v>1997</v>
      </c>
      <c r="F5526" s="141">
        <v>310</v>
      </c>
      <c r="G5526" s="98" t="s">
        <v>1</v>
      </c>
      <c r="H5526" s="98">
        <v>0</v>
      </c>
      <c r="I5526" s="98">
        <v>0</v>
      </c>
      <c r="J5526" s="98">
        <v>1</v>
      </c>
      <c r="K5526" s="98">
        <v>1</v>
      </c>
      <c r="L5526" s="98">
        <v>0</v>
      </c>
      <c r="M5526" s="98">
        <v>0</v>
      </c>
      <c r="N5526" s="98">
        <v>0</v>
      </c>
      <c r="O5526" s="98">
        <v>0</v>
      </c>
      <c r="P5526" s="98">
        <v>0</v>
      </c>
      <c r="Q5526" s="98">
        <v>0</v>
      </c>
      <c r="R5526" s="98">
        <v>0</v>
      </c>
      <c r="S5526" s="98">
        <v>0</v>
      </c>
      <c r="T5526" s="98">
        <v>0</v>
      </c>
      <c r="U5526" s="99"/>
      <c r="V5526" s="99"/>
      <c r="W5526" s="99"/>
      <c r="X5526" s="99"/>
      <c r="Y5526" s="99"/>
      <c r="Z5526" s="99"/>
      <c r="AA5526" s="99"/>
      <c r="AB5526" s="99"/>
      <c r="AC5526" s="99"/>
      <c r="AD5526" s="99"/>
      <c r="AE5526" s="99"/>
      <c r="AF5526" s="99"/>
      <c r="AG5526" s="99"/>
      <c r="AH5526" s="99"/>
      <c r="AI5526" s="99"/>
      <c r="AJ5526" s="99"/>
      <c r="AK5526" s="99"/>
      <c r="AL5526" s="99"/>
      <c r="AM5526" s="99"/>
      <c r="AN5526" s="99"/>
      <c r="AO5526" s="99"/>
      <c r="AP5526" s="99"/>
      <c r="AQ5526" s="99"/>
      <c r="AR5526" s="99"/>
      <c r="AS5526" s="99"/>
      <c r="AT5526" s="99"/>
      <c r="AU5526" s="99"/>
      <c r="AV5526" s="99"/>
      <c r="AW5526" s="99"/>
      <c r="AX5526" s="99"/>
      <c r="AY5526" s="99"/>
      <c r="AZ5526" s="99"/>
      <c r="BA5526" s="99"/>
      <c r="BB5526" s="107">
        <v>45884</v>
      </c>
    </row>
    <row r="5527" spans="1:54" s="8" customFormat="1" ht="14.1" customHeight="1" x14ac:dyDescent="0.25">
      <c r="A5527" s="219" t="s">
        <v>12902</v>
      </c>
      <c r="B5527" s="220" t="s">
        <v>12745</v>
      </c>
      <c r="C5527" s="98" t="s">
        <v>12903</v>
      </c>
      <c r="D5527" s="98" t="s">
        <v>20019</v>
      </c>
      <c r="E5527" s="141">
        <v>1978</v>
      </c>
      <c r="F5527" s="141">
        <v>312</v>
      </c>
      <c r="G5527" s="98" t="s">
        <v>1</v>
      </c>
      <c r="H5527" s="98">
        <v>0</v>
      </c>
      <c r="I5527" s="98">
        <v>0</v>
      </c>
      <c r="J5527" s="98">
        <v>1</v>
      </c>
      <c r="K5527" s="98">
        <v>0</v>
      </c>
      <c r="L5527" s="98">
        <v>0</v>
      </c>
      <c r="M5527" s="98">
        <v>0</v>
      </c>
      <c r="N5527" s="98">
        <v>0</v>
      </c>
      <c r="O5527" s="98">
        <v>0</v>
      </c>
      <c r="P5527" s="98">
        <v>0</v>
      </c>
      <c r="Q5527" s="98">
        <v>0</v>
      </c>
      <c r="R5527" s="98">
        <v>1</v>
      </c>
      <c r="S5527" s="98">
        <v>0</v>
      </c>
      <c r="T5527" s="98">
        <v>0</v>
      </c>
      <c r="U5527" s="99"/>
      <c r="V5527" s="99"/>
      <c r="W5527" s="99"/>
      <c r="X5527" s="99"/>
      <c r="Y5527" s="99"/>
      <c r="Z5527" s="99"/>
      <c r="AA5527" s="99"/>
      <c r="AB5527" s="99"/>
      <c r="AC5527" s="99"/>
      <c r="AD5527" s="99"/>
      <c r="AE5527" s="99"/>
      <c r="AF5527" s="99"/>
      <c r="AG5527" s="99"/>
      <c r="AH5527" s="99"/>
      <c r="AI5527" s="99"/>
      <c r="AJ5527" s="99"/>
      <c r="AK5527" s="99"/>
      <c r="AL5527" s="99"/>
      <c r="AM5527" s="99"/>
      <c r="AN5527" s="99"/>
      <c r="AO5527" s="99"/>
      <c r="AP5527" s="99"/>
      <c r="AQ5527" s="99"/>
      <c r="AR5527" s="99"/>
      <c r="AS5527" s="99"/>
      <c r="AT5527" s="99"/>
      <c r="AU5527" s="99"/>
      <c r="AV5527" s="99"/>
      <c r="AW5527" s="99"/>
      <c r="AX5527" s="99"/>
      <c r="AY5527" s="99"/>
      <c r="AZ5527" s="99"/>
      <c r="BA5527" s="99"/>
      <c r="BB5527" s="107">
        <v>45884</v>
      </c>
    </row>
    <row r="5528" spans="1:54" s="8" customFormat="1" ht="14.1" customHeight="1" x14ac:dyDescent="0.25">
      <c r="A5528" s="219" t="s">
        <v>12904</v>
      </c>
      <c r="B5528" s="220" t="s">
        <v>12745</v>
      </c>
      <c r="C5528" s="98" t="s">
        <v>12905</v>
      </c>
      <c r="D5528" s="98" t="s">
        <v>20020</v>
      </c>
      <c r="E5528" s="141">
        <v>1998</v>
      </c>
      <c r="F5528" s="141">
        <v>315</v>
      </c>
      <c r="G5528" s="98" t="s">
        <v>1</v>
      </c>
      <c r="H5528" s="98">
        <v>0</v>
      </c>
      <c r="I5528" s="98">
        <v>0</v>
      </c>
      <c r="J5528" s="98">
        <v>1</v>
      </c>
      <c r="K5528" s="98">
        <v>1</v>
      </c>
      <c r="L5528" s="98">
        <v>0</v>
      </c>
      <c r="M5528" s="98">
        <v>0</v>
      </c>
      <c r="N5528" s="98">
        <v>0</v>
      </c>
      <c r="O5528" s="98">
        <v>0</v>
      </c>
      <c r="P5528" s="98">
        <v>1</v>
      </c>
      <c r="Q5528" s="98">
        <v>0</v>
      </c>
      <c r="R5528" s="98">
        <v>0</v>
      </c>
      <c r="S5528" s="98">
        <v>0</v>
      </c>
      <c r="T5528" s="98">
        <v>0</v>
      </c>
      <c r="U5528" s="99"/>
      <c r="V5528" s="99"/>
      <c r="W5528" s="99"/>
      <c r="X5528" s="99"/>
      <c r="Y5528" s="99"/>
      <c r="Z5528" s="99"/>
      <c r="AA5528" s="99"/>
      <c r="AB5528" s="99"/>
      <c r="AC5528" s="99"/>
      <c r="AD5528" s="99"/>
      <c r="AE5528" s="99"/>
      <c r="AF5528" s="99"/>
      <c r="AG5528" s="99"/>
      <c r="AH5528" s="99"/>
      <c r="AI5528" s="99"/>
      <c r="AJ5528" s="99"/>
      <c r="AK5528" s="99"/>
      <c r="AL5528" s="99"/>
      <c r="AM5528" s="99"/>
      <c r="AN5528" s="99"/>
      <c r="AO5528" s="99"/>
      <c r="AP5528" s="99"/>
      <c r="AQ5528" s="99"/>
      <c r="AR5528" s="99"/>
      <c r="AS5528" s="99"/>
      <c r="AT5528" s="99"/>
      <c r="AU5528" s="99"/>
      <c r="AV5528" s="99"/>
      <c r="AW5528" s="99"/>
      <c r="AX5528" s="99"/>
      <c r="AY5528" s="99"/>
      <c r="AZ5528" s="99"/>
      <c r="BA5528" s="99"/>
      <c r="BB5528" s="107">
        <v>45884</v>
      </c>
    </row>
    <row r="5529" spans="1:54" s="8" customFormat="1" ht="14.1" customHeight="1" x14ac:dyDescent="0.25">
      <c r="A5529" s="219" t="s">
        <v>12906</v>
      </c>
      <c r="B5529" s="220" t="s">
        <v>12745</v>
      </c>
      <c r="C5529" s="98" t="s">
        <v>12907</v>
      </c>
      <c r="D5529" s="98" t="s">
        <v>20021</v>
      </c>
      <c r="E5529" s="141">
        <v>1976</v>
      </c>
      <c r="F5529" s="141">
        <v>318</v>
      </c>
      <c r="G5529" s="98" t="s">
        <v>1</v>
      </c>
      <c r="H5529" s="98">
        <v>0</v>
      </c>
      <c r="I5529" s="98">
        <v>0</v>
      </c>
      <c r="J5529" s="98">
        <v>1</v>
      </c>
      <c r="K5529" s="98">
        <v>1</v>
      </c>
      <c r="L5529" s="98">
        <v>1</v>
      </c>
      <c r="M5529" s="98">
        <v>0</v>
      </c>
      <c r="N5529" s="98">
        <v>0</v>
      </c>
      <c r="O5529" s="98">
        <v>0</v>
      </c>
      <c r="P5529" s="98">
        <v>0</v>
      </c>
      <c r="Q5529" s="98">
        <v>1</v>
      </c>
      <c r="R5529" s="98">
        <v>1</v>
      </c>
      <c r="S5529" s="98">
        <v>0</v>
      </c>
      <c r="T5529" s="98">
        <v>0</v>
      </c>
      <c r="U5529" s="99"/>
      <c r="V5529" s="99"/>
      <c r="W5529" s="99"/>
      <c r="X5529" s="99"/>
      <c r="Y5529" s="99"/>
      <c r="Z5529" s="99"/>
      <c r="AA5529" s="99"/>
      <c r="AB5529" s="99"/>
      <c r="AC5529" s="99"/>
      <c r="AD5529" s="99"/>
      <c r="AE5529" s="99"/>
      <c r="AF5529" s="99"/>
      <c r="AG5529" s="99"/>
      <c r="AH5529" s="99"/>
      <c r="AI5529" s="99"/>
      <c r="AJ5529" s="99"/>
      <c r="AK5529" s="99"/>
      <c r="AL5529" s="99"/>
      <c r="AM5529" s="99"/>
      <c r="AN5529" s="99"/>
      <c r="AO5529" s="99"/>
      <c r="AP5529" s="99"/>
      <c r="AQ5529" s="99"/>
      <c r="AR5529" s="99"/>
      <c r="AS5529" s="99"/>
      <c r="AT5529" s="99"/>
      <c r="AU5529" s="99"/>
      <c r="AV5529" s="99"/>
      <c r="AW5529" s="99"/>
      <c r="AX5529" s="99"/>
      <c r="AY5529" s="99"/>
      <c r="AZ5529" s="99"/>
      <c r="BA5529" s="99"/>
      <c r="BB5529" s="107">
        <v>45884</v>
      </c>
    </row>
    <row r="5530" spans="1:54" s="8" customFormat="1" ht="14.1" customHeight="1" x14ac:dyDescent="0.25">
      <c r="A5530" s="219" t="s">
        <v>12908</v>
      </c>
      <c r="B5530" s="220" t="s">
        <v>12745</v>
      </c>
      <c r="C5530" s="98" t="s">
        <v>12909</v>
      </c>
      <c r="D5530" s="98" t="s">
        <v>20022</v>
      </c>
      <c r="E5530" s="141">
        <v>1978</v>
      </c>
      <c r="F5530" s="141">
        <v>318</v>
      </c>
      <c r="G5530" s="98" t="s">
        <v>1</v>
      </c>
      <c r="H5530" s="98">
        <v>0</v>
      </c>
      <c r="I5530" s="98">
        <v>0</v>
      </c>
      <c r="J5530" s="98">
        <v>0</v>
      </c>
      <c r="K5530" s="98">
        <v>0</v>
      </c>
      <c r="L5530" s="98">
        <v>0</v>
      </c>
      <c r="M5530" s="98">
        <v>0</v>
      </c>
      <c r="N5530" s="98">
        <v>0</v>
      </c>
      <c r="O5530" s="98">
        <v>0</v>
      </c>
      <c r="P5530" s="98">
        <v>0</v>
      </c>
      <c r="Q5530" s="98">
        <v>0</v>
      </c>
      <c r="R5530" s="98">
        <v>0</v>
      </c>
      <c r="S5530" s="98">
        <v>0</v>
      </c>
      <c r="T5530" s="98">
        <v>0</v>
      </c>
      <c r="U5530" s="99"/>
      <c r="V5530" s="99"/>
      <c r="W5530" s="99"/>
      <c r="X5530" s="99"/>
      <c r="Y5530" s="99"/>
      <c r="Z5530" s="99"/>
      <c r="AA5530" s="99"/>
      <c r="AB5530" s="99"/>
      <c r="AC5530" s="99"/>
      <c r="AD5530" s="99"/>
      <c r="AE5530" s="99"/>
      <c r="AF5530" s="99"/>
      <c r="AG5530" s="99"/>
      <c r="AH5530" s="99"/>
      <c r="AI5530" s="99"/>
      <c r="AJ5530" s="99"/>
      <c r="AK5530" s="99"/>
      <c r="AL5530" s="99"/>
      <c r="AM5530" s="99"/>
      <c r="AN5530" s="99"/>
      <c r="AO5530" s="99"/>
      <c r="AP5530" s="99"/>
      <c r="AQ5530" s="99"/>
      <c r="AR5530" s="99"/>
      <c r="AS5530" s="99"/>
      <c r="AT5530" s="99"/>
      <c r="AU5530" s="99"/>
      <c r="AV5530" s="99"/>
      <c r="AW5530" s="99"/>
      <c r="AX5530" s="99"/>
      <c r="AY5530" s="99"/>
      <c r="AZ5530" s="99"/>
      <c r="BA5530" s="99"/>
      <c r="BB5530" s="107">
        <v>45884</v>
      </c>
    </row>
    <row r="5531" spans="1:54" s="8" customFormat="1" ht="14.1" customHeight="1" x14ac:dyDescent="0.25">
      <c r="A5531" s="219" t="s">
        <v>12910</v>
      </c>
      <c r="B5531" s="220" t="s">
        <v>12745</v>
      </c>
      <c r="C5531" s="98" t="s">
        <v>12911</v>
      </c>
      <c r="D5531" s="98" t="s">
        <v>20023</v>
      </c>
      <c r="E5531" s="141">
        <v>1978</v>
      </c>
      <c r="F5531" s="141">
        <v>318</v>
      </c>
      <c r="G5531" s="98" t="s">
        <v>1</v>
      </c>
      <c r="H5531" s="98">
        <v>0</v>
      </c>
      <c r="I5531" s="98">
        <v>0</v>
      </c>
      <c r="J5531" s="98">
        <v>1</v>
      </c>
      <c r="K5531" s="98">
        <v>0</v>
      </c>
      <c r="L5531" s="98">
        <v>0</v>
      </c>
      <c r="M5531" s="98">
        <v>0</v>
      </c>
      <c r="N5531" s="98">
        <v>0</v>
      </c>
      <c r="O5531" s="98">
        <v>1</v>
      </c>
      <c r="P5531" s="98">
        <v>0</v>
      </c>
      <c r="Q5531" s="98">
        <v>0</v>
      </c>
      <c r="R5531" s="98">
        <v>1</v>
      </c>
      <c r="S5531" s="98">
        <v>0</v>
      </c>
      <c r="T5531" s="98">
        <v>0</v>
      </c>
      <c r="U5531" s="99"/>
      <c r="V5531" s="99"/>
      <c r="W5531" s="99"/>
      <c r="X5531" s="99"/>
      <c r="Y5531" s="99"/>
      <c r="Z5531" s="99"/>
      <c r="AA5531" s="99"/>
      <c r="AB5531" s="99"/>
      <c r="AC5531" s="99"/>
      <c r="AD5531" s="99"/>
      <c r="AE5531" s="99"/>
      <c r="AF5531" s="99"/>
      <c r="AG5531" s="99"/>
      <c r="AH5531" s="99"/>
      <c r="AI5531" s="99"/>
      <c r="AJ5531" s="99"/>
      <c r="AK5531" s="99"/>
      <c r="AL5531" s="99"/>
      <c r="AM5531" s="99"/>
      <c r="AN5531" s="99"/>
      <c r="AO5531" s="99"/>
      <c r="AP5531" s="99"/>
      <c r="AQ5531" s="99"/>
      <c r="AR5531" s="99"/>
      <c r="AS5531" s="99"/>
      <c r="AT5531" s="99"/>
      <c r="AU5531" s="99"/>
      <c r="AV5531" s="99"/>
      <c r="AW5531" s="99"/>
      <c r="AX5531" s="99"/>
      <c r="AY5531" s="99"/>
      <c r="AZ5531" s="99"/>
      <c r="BA5531" s="99"/>
      <c r="BB5531" s="107">
        <v>45884</v>
      </c>
    </row>
    <row r="5532" spans="1:54" s="8" customFormat="1" ht="14.1" customHeight="1" x14ac:dyDescent="0.25">
      <c r="A5532" s="219" t="s">
        <v>12912</v>
      </c>
      <c r="B5532" s="220" t="s">
        <v>12745</v>
      </c>
      <c r="C5532" s="98" t="s">
        <v>12913</v>
      </c>
      <c r="D5532" s="98" t="s">
        <v>20024</v>
      </c>
      <c r="E5532" s="141">
        <v>1985</v>
      </c>
      <c r="F5532" s="141">
        <v>321</v>
      </c>
      <c r="G5532" s="98" t="s">
        <v>1</v>
      </c>
      <c r="H5532" s="98">
        <v>0</v>
      </c>
      <c r="I5532" s="98">
        <v>0</v>
      </c>
      <c r="J5532" s="98">
        <v>1</v>
      </c>
      <c r="K5532" s="98">
        <v>0</v>
      </c>
      <c r="L5532" s="98">
        <v>0</v>
      </c>
      <c r="M5532" s="98">
        <v>0</v>
      </c>
      <c r="N5532" s="98">
        <v>0</v>
      </c>
      <c r="O5532" s="98">
        <v>0</v>
      </c>
      <c r="P5532" s="98">
        <v>0</v>
      </c>
      <c r="Q5532" s="98">
        <v>0</v>
      </c>
      <c r="R5532" s="98">
        <v>0</v>
      </c>
      <c r="S5532" s="98">
        <v>0</v>
      </c>
      <c r="T5532" s="98">
        <v>0</v>
      </c>
      <c r="U5532" s="99"/>
      <c r="V5532" s="99"/>
      <c r="W5532" s="99"/>
      <c r="X5532" s="99"/>
      <c r="Y5532" s="99"/>
      <c r="Z5532" s="99"/>
      <c r="AA5532" s="99"/>
      <c r="AB5532" s="99"/>
      <c r="AC5532" s="99"/>
      <c r="AD5532" s="99"/>
      <c r="AE5532" s="99"/>
      <c r="AF5532" s="99"/>
      <c r="AG5532" s="99"/>
      <c r="AH5532" s="99"/>
      <c r="AI5532" s="99"/>
      <c r="AJ5532" s="99"/>
      <c r="AK5532" s="99"/>
      <c r="AL5532" s="99"/>
      <c r="AM5532" s="99"/>
      <c r="AN5532" s="99"/>
      <c r="AO5532" s="99"/>
      <c r="AP5532" s="99"/>
      <c r="AQ5532" s="99"/>
      <c r="AR5532" s="99"/>
      <c r="AS5532" s="99"/>
      <c r="AT5532" s="99"/>
      <c r="AU5532" s="99"/>
      <c r="AV5532" s="99"/>
      <c r="AW5532" s="99"/>
      <c r="AX5532" s="99"/>
      <c r="AY5532" s="99"/>
      <c r="AZ5532" s="99"/>
      <c r="BA5532" s="99"/>
      <c r="BB5532" s="107">
        <v>45884</v>
      </c>
    </row>
    <row r="5533" spans="1:54" s="8" customFormat="1" ht="14.1" customHeight="1" x14ac:dyDescent="0.25">
      <c r="A5533" s="219" t="s">
        <v>12914</v>
      </c>
      <c r="B5533" s="220" t="s">
        <v>12745</v>
      </c>
      <c r="C5533" s="98" t="s">
        <v>12915</v>
      </c>
      <c r="D5533" s="98" t="s">
        <v>20025</v>
      </c>
      <c r="E5533" s="141">
        <v>1992</v>
      </c>
      <c r="F5533" s="141">
        <v>323</v>
      </c>
      <c r="G5533" s="98" t="s">
        <v>1</v>
      </c>
      <c r="H5533" s="98">
        <v>0</v>
      </c>
      <c r="I5533" s="98">
        <v>0</v>
      </c>
      <c r="J5533" s="98">
        <v>1</v>
      </c>
      <c r="K5533" s="98">
        <v>1</v>
      </c>
      <c r="L5533" s="98">
        <v>0</v>
      </c>
      <c r="M5533" s="98">
        <v>0</v>
      </c>
      <c r="N5533" s="98">
        <v>0</v>
      </c>
      <c r="O5533" s="98">
        <v>1</v>
      </c>
      <c r="P5533" s="98">
        <v>0</v>
      </c>
      <c r="Q5533" s="98">
        <v>0</v>
      </c>
      <c r="R5533" s="98">
        <v>1</v>
      </c>
      <c r="S5533" s="98">
        <v>0</v>
      </c>
      <c r="T5533" s="98">
        <v>0</v>
      </c>
      <c r="U5533" s="99"/>
      <c r="V5533" s="99"/>
      <c r="W5533" s="99"/>
      <c r="X5533" s="99"/>
      <c r="Y5533" s="99"/>
      <c r="Z5533" s="99"/>
      <c r="AA5533" s="99"/>
      <c r="AB5533" s="99"/>
      <c r="AC5533" s="99"/>
      <c r="AD5533" s="99"/>
      <c r="AE5533" s="99"/>
      <c r="AF5533" s="99"/>
      <c r="AG5533" s="99"/>
      <c r="AH5533" s="99"/>
      <c r="AI5533" s="99"/>
      <c r="AJ5533" s="99"/>
      <c r="AK5533" s="99"/>
      <c r="AL5533" s="99"/>
      <c r="AM5533" s="99"/>
      <c r="AN5533" s="99"/>
      <c r="AO5533" s="99"/>
      <c r="AP5533" s="99"/>
      <c r="AQ5533" s="99"/>
      <c r="AR5533" s="99"/>
      <c r="AS5533" s="99"/>
      <c r="AT5533" s="99"/>
      <c r="AU5533" s="99"/>
      <c r="AV5533" s="99"/>
      <c r="AW5533" s="99"/>
      <c r="AX5533" s="99"/>
      <c r="AY5533" s="99"/>
      <c r="AZ5533" s="99"/>
      <c r="BA5533" s="99"/>
      <c r="BB5533" s="107">
        <v>45884</v>
      </c>
    </row>
    <row r="5534" spans="1:54" s="8" customFormat="1" ht="14.1" customHeight="1" x14ac:dyDescent="0.25">
      <c r="A5534" s="219" t="s">
        <v>12916</v>
      </c>
      <c r="B5534" s="220" t="s">
        <v>12745</v>
      </c>
      <c r="C5534" s="98" t="s">
        <v>12917</v>
      </c>
      <c r="D5534" s="98" t="s">
        <v>20026</v>
      </c>
      <c r="E5534" s="141">
        <v>1998</v>
      </c>
      <c r="F5534" s="141">
        <v>333</v>
      </c>
      <c r="G5534" s="98" t="s">
        <v>1</v>
      </c>
      <c r="H5534" s="98">
        <v>0</v>
      </c>
      <c r="I5534" s="98">
        <v>0</v>
      </c>
      <c r="J5534" s="98">
        <v>1</v>
      </c>
      <c r="K5534" s="98">
        <v>1</v>
      </c>
      <c r="L5534" s="98">
        <v>0</v>
      </c>
      <c r="M5534" s="98">
        <v>1</v>
      </c>
      <c r="N5534" s="98">
        <v>0</v>
      </c>
      <c r="O5534" s="98">
        <v>0</v>
      </c>
      <c r="P5534" s="98">
        <v>0</v>
      </c>
      <c r="Q5534" s="98">
        <v>0</v>
      </c>
      <c r="R5534" s="98">
        <v>0</v>
      </c>
      <c r="S5534" s="98">
        <v>0</v>
      </c>
      <c r="T5534" s="98">
        <v>0</v>
      </c>
      <c r="U5534" s="99"/>
      <c r="V5534" s="99"/>
      <c r="W5534" s="99"/>
      <c r="X5534" s="99"/>
      <c r="Y5534" s="99"/>
      <c r="Z5534" s="99"/>
      <c r="AA5534" s="99"/>
      <c r="AB5534" s="99"/>
      <c r="AC5534" s="99"/>
      <c r="AD5534" s="99"/>
      <c r="AE5534" s="99"/>
      <c r="AF5534" s="99"/>
      <c r="AG5534" s="99"/>
      <c r="AH5534" s="99"/>
      <c r="AI5534" s="99"/>
      <c r="AJ5534" s="99"/>
      <c r="AK5534" s="99"/>
      <c r="AL5534" s="99"/>
      <c r="AM5534" s="99"/>
      <c r="AN5534" s="99"/>
      <c r="AO5534" s="99"/>
      <c r="AP5534" s="99"/>
      <c r="AQ5534" s="99"/>
      <c r="AR5534" s="99"/>
      <c r="AS5534" s="99"/>
      <c r="AT5534" s="99"/>
      <c r="AU5534" s="99"/>
      <c r="AV5534" s="99"/>
      <c r="AW5534" s="99"/>
      <c r="AX5534" s="99"/>
      <c r="AY5534" s="99"/>
      <c r="AZ5534" s="99"/>
      <c r="BA5534" s="99"/>
      <c r="BB5534" s="107">
        <v>45884</v>
      </c>
    </row>
    <row r="5535" spans="1:54" s="8" customFormat="1" ht="14.1" customHeight="1" x14ac:dyDescent="0.25">
      <c r="A5535" s="219" t="s">
        <v>12918</v>
      </c>
      <c r="B5535" s="220" t="s">
        <v>12745</v>
      </c>
      <c r="C5535" s="98" t="s">
        <v>12919</v>
      </c>
      <c r="D5535" s="98" t="s">
        <v>20027</v>
      </c>
      <c r="E5535" s="141">
        <v>1998</v>
      </c>
      <c r="F5535" s="141">
        <v>333</v>
      </c>
      <c r="G5535" s="98" t="s">
        <v>1</v>
      </c>
      <c r="H5535" s="98">
        <v>0</v>
      </c>
      <c r="I5535" s="98">
        <v>0</v>
      </c>
      <c r="J5535" s="98">
        <v>1</v>
      </c>
      <c r="K5535" s="98">
        <v>1</v>
      </c>
      <c r="L5535" s="98">
        <v>0</v>
      </c>
      <c r="M5535" s="98">
        <v>0</v>
      </c>
      <c r="N5535" s="98">
        <v>0</v>
      </c>
      <c r="O5535" s="98">
        <v>0</v>
      </c>
      <c r="P5535" s="98">
        <v>1</v>
      </c>
      <c r="Q5535" s="98">
        <v>0</v>
      </c>
      <c r="R5535" s="98">
        <v>0</v>
      </c>
      <c r="S5535" s="98">
        <v>0</v>
      </c>
      <c r="T5535" s="98">
        <v>0</v>
      </c>
      <c r="U5535" s="99"/>
      <c r="V5535" s="99"/>
      <c r="W5535" s="99"/>
      <c r="X5535" s="99"/>
      <c r="Y5535" s="99"/>
      <c r="Z5535" s="99"/>
      <c r="AA5535" s="99"/>
      <c r="AB5535" s="99"/>
      <c r="AC5535" s="99"/>
      <c r="AD5535" s="99"/>
      <c r="AE5535" s="99"/>
      <c r="AF5535" s="99"/>
      <c r="AG5535" s="99"/>
      <c r="AH5535" s="99"/>
      <c r="AI5535" s="99"/>
      <c r="AJ5535" s="99"/>
      <c r="AK5535" s="99"/>
      <c r="AL5535" s="99"/>
      <c r="AM5535" s="99"/>
      <c r="AN5535" s="99"/>
      <c r="AO5535" s="99"/>
      <c r="AP5535" s="99"/>
      <c r="AQ5535" s="99"/>
      <c r="AR5535" s="99"/>
      <c r="AS5535" s="99"/>
      <c r="AT5535" s="99"/>
      <c r="AU5535" s="99"/>
      <c r="AV5535" s="99"/>
      <c r="AW5535" s="99"/>
      <c r="AX5535" s="99"/>
      <c r="AY5535" s="99"/>
      <c r="AZ5535" s="99"/>
      <c r="BA5535" s="99"/>
      <c r="BB5535" s="107">
        <v>45884</v>
      </c>
    </row>
    <row r="5536" spans="1:54" s="8" customFormat="1" ht="14.1" customHeight="1" x14ac:dyDescent="0.25">
      <c r="A5536" s="219" t="s">
        <v>12920</v>
      </c>
      <c r="B5536" s="220" t="s">
        <v>12745</v>
      </c>
      <c r="C5536" s="98" t="s">
        <v>12921</v>
      </c>
      <c r="D5536" s="98" t="s">
        <v>20028</v>
      </c>
      <c r="E5536" s="141">
        <v>1983</v>
      </c>
      <c r="F5536" s="141">
        <v>336</v>
      </c>
      <c r="G5536" s="98" t="s">
        <v>1</v>
      </c>
      <c r="H5536" s="98">
        <v>0</v>
      </c>
      <c r="I5536" s="98">
        <v>0</v>
      </c>
      <c r="J5536" s="98">
        <v>1</v>
      </c>
      <c r="K5536" s="98">
        <v>0</v>
      </c>
      <c r="L5536" s="98">
        <v>1</v>
      </c>
      <c r="M5536" s="98">
        <v>0</v>
      </c>
      <c r="N5536" s="98">
        <v>0</v>
      </c>
      <c r="O5536" s="98">
        <v>1</v>
      </c>
      <c r="P5536" s="98">
        <v>0</v>
      </c>
      <c r="Q5536" s="98">
        <v>0</v>
      </c>
      <c r="R5536" s="98">
        <v>0</v>
      </c>
      <c r="S5536" s="98">
        <v>0</v>
      </c>
      <c r="T5536" s="98">
        <v>0</v>
      </c>
      <c r="U5536" s="99"/>
      <c r="V5536" s="99"/>
      <c r="W5536" s="99"/>
      <c r="X5536" s="99"/>
      <c r="Y5536" s="99"/>
      <c r="Z5536" s="99"/>
      <c r="AA5536" s="99"/>
      <c r="AB5536" s="99"/>
      <c r="AC5536" s="99"/>
      <c r="AD5536" s="99"/>
      <c r="AE5536" s="99"/>
      <c r="AF5536" s="99"/>
      <c r="AG5536" s="99"/>
      <c r="AH5536" s="99"/>
      <c r="AI5536" s="99"/>
      <c r="AJ5536" s="99"/>
      <c r="AK5536" s="99"/>
      <c r="AL5536" s="99"/>
      <c r="AM5536" s="99"/>
      <c r="AN5536" s="99"/>
      <c r="AO5536" s="99"/>
      <c r="AP5536" s="99"/>
      <c r="AQ5536" s="99"/>
      <c r="AR5536" s="99"/>
      <c r="AS5536" s="99"/>
      <c r="AT5536" s="99"/>
      <c r="AU5536" s="99"/>
      <c r="AV5536" s="99"/>
      <c r="AW5536" s="99"/>
      <c r="AX5536" s="99"/>
      <c r="AY5536" s="99"/>
      <c r="AZ5536" s="99"/>
      <c r="BA5536" s="99"/>
      <c r="BB5536" s="107">
        <v>45884</v>
      </c>
    </row>
    <row r="5537" spans="1:54" s="8" customFormat="1" ht="14.1" customHeight="1" x14ac:dyDescent="0.25">
      <c r="A5537" s="219" t="s">
        <v>12922</v>
      </c>
      <c r="B5537" s="220" t="s">
        <v>12745</v>
      </c>
      <c r="C5537" s="98" t="s">
        <v>12923</v>
      </c>
      <c r="D5537" s="98" t="s">
        <v>20029</v>
      </c>
      <c r="E5537" s="141">
        <v>1990</v>
      </c>
      <c r="F5537" s="141">
        <v>339</v>
      </c>
      <c r="G5537" s="98" t="s">
        <v>1</v>
      </c>
      <c r="H5537" s="98">
        <v>0</v>
      </c>
      <c r="I5537" s="98">
        <v>0</v>
      </c>
      <c r="J5537" s="98">
        <v>1</v>
      </c>
      <c r="K5537" s="98">
        <v>0</v>
      </c>
      <c r="L5537" s="98">
        <v>1</v>
      </c>
      <c r="M5537" s="98">
        <v>0</v>
      </c>
      <c r="N5537" s="98">
        <v>0</v>
      </c>
      <c r="O5537" s="98">
        <v>1</v>
      </c>
      <c r="P5537" s="98">
        <v>0</v>
      </c>
      <c r="Q5537" s="98">
        <v>0</v>
      </c>
      <c r="R5537" s="98">
        <v>0</v>
      </c>
      <c r="S5537" s="98">
        <v>0</v>
      </c>
      <c r="T5537" s="98">
        <v>0</v>
      </c>
      <c r="U5537" s="99"/>
      <c r="V5537" s="99"/>
      <c r="W5537" s="99"/>
      <c r="X5537" s="99"/>
      <c r="Y5537" s="99"/>
      <c r="Z5537" s="99"/>
      <c r="AA5537" s="99"/>
      <c r="AB5537" s="99"/>
      <c r="AC5537" s="99"/>
      <c r="AD5537" s="99"/>
      <c r="AE5537" s="99"/>
      <c r="AF5537" s="99"/>
      <c r="AG5537" s="99"/>
      <c r="AH5537" s="99"/>
      <c r="AI5537" s="99"/>
      <c r="AJ5537" s="99"/>
      <c r="AK5537" s="99"/>
      <c r="AL5537" s="99"/>
      <c r="AM5537" s="99"/>
      <c r="AN5537" s="99"/>
      <c r="AO5537" s="99"/>
      <c r="AP5537" s="99"/>
      <c r="AQ5537" s="99"/>
      <c r="AR5537" s="99"/>
      <c r="AS5537" s="99"/>
      <c r="AT5537" s="99"/>
      <c r="AU5537" s="99"/>
      <c r="AV5537" s="99"/>
      <c r="AW5537" s="99"/>
      <c r="AX5537" s="99"/>
      <c r="AY5537" s="99"/>
      <c r="AZ5537" s="99"/>
      <c r="BA5537" s="99"/>
      <c r="BB5537" s="107">
        <v>45884</v>
      </c>
    </row>
    <row r="5538" spans="1:54" s="8" customFormat="1" ht="14.1" customHeight="1" x14ac:dyDescent="0.25">
      <c r="A5538" s="219" t="s">
        <v>12924</v>
      </c>
      <c r="B5538" s="220" t="s">
        <v>12745</v>
      </c>
      <c r="C5538" s="98" t="s">
        <v>12925</v>
      </c>
      <c r="D5538" s="98" t="s">
        <v>20030</v>
      </c>
      <c r="E5538" s="141">
        <v>1979</v>
      </c>
      <c r="F5538" s="141">
        <v>341</v>
      </c>
      <c r="G5538" s="98" t="s">
        <v>1</v>
      </c>
      <c r="H5538" s="98">
        <v>0</v>
      </c>
      <c r="I5538" s="98">
        <v>0</v>
      </c>
      <c r="J5538" s="98">
        <v>1</v>
      </c>
      <c r="K5538" s="98">
        <v>0</v>
      </c>
      <c r="L5538" s="98">
        <v>1</v>
      </c>
      <c r="M5538" s="98">
        <v>0</v>
      </c>
      <c r="N5538" s="98">
        <v>0</v>
      </c>
      <c r="O5538" s="98">
        <v>0</v>
      </c>
      <c r="P5538" s="98">
        <v>0</v>
      </c>
      <c r="Q5538" s="98">
        <v>0</v>
      </c>
      <c r="R5538" s="98">
        <v>0</v>
      </c>
      <c r="S5538" s="98">
        <v>0</v>
      </c>
      <c r="T5538" s="98">
        <v>0</v>
      </c>
      <c r="U5538" s="99"/>
      <c r="V5538" s="99"/>
      <c r="W5538" s="99"/>
      <c r="X5538" s="99"/>
      <c r="Y5538" s="99"/>
      <c r="Z5538" s="99"/>
      <c r="AA5538" s="99"/>
      <c r="AB5538" s="99"/>
      <c r="AC5538" s="99"/>
      <c r="AD5538" s="99"/>
      <c r="AE5538" s="99"/>
      <c r="AF5538" s="99"/>
      <c r="AG5538" s="99"/>
      <c r="AH5538" s="99"/>
      <c r="AI5538" s="99"/>
      <c r="AJ5538" s="99"/>
      <c r="AK5538" s="99"/>
      <c r="AL5538" s="99"/>
      <c r="AM5538" s="99"/>
      <c r="AN5538" s="99"/>
      <c r="AO5538" s="99"/>
      <c r="AP5538" s="99"/>
      <c r="AQ5538" s="99"/>
      <c r="AR5538" s="99"/>
      <c r="AS5538" s="99"/>
      <c r="AT5538" s="99"/>
      <c r="AU5538" s="99"/>
      <c r="AV5538" s="99"/>
      <c r="AW5538" s="99"/>
      <c r="AX5538" s="99"/>
      <c r="AY5538" s="99"/>
      <c r="AZ5538" s="99"/>
      <c r="BA5538" s="99"/>
      <c r="BB5538" s="107">
        <v>45884</v>
      </c>
    </row>
    <row r="5539" spans="1:54" s="8" customFormat="1" ht="14.1" customHeight="1" x14ac:dyDescent="0.25">
      <c r="A5539" s="219" t="s">
        <v>12926</v>
      </c>
      <c r="B5539" s="220" t="s">
        <v>12745</v>
      </c>
      <c r="C5539" s="98" t="s">
        <v>12927</v>
      </c>
      <c r="D5539" s="98" t="s">
        <v>20031</v>
      </c>
      <c r="E5539" s="141">
        <v>1978</v>
      </c>
      <c r="F5539" s="141">
        <v>352</v>
      </c>
      <c r="G5539" s="98" t="s">
        <v>1</v>
      </c>
      <c r="H5539" s="98">
        <v>0</v>
      </c>
      <c r="I5539" s="98">
        <v>0</v>
      </c>
      <c r="J5539" s="98">
        <v>1</v>
      </c>
      <c r="K5539" s="98">
        <v>0</v>
      </c>
      <c r="L5539" s="98">
        <v>1</v>
      </c>
      <c r="M5539" s="98">
        <v>0</v>
      </c>
      <c r="N5539" s="98">
        <v>0</v>
      </c>
      <c r="O5539" s="98">
        <v>0</v>
      </c>
      <c r="P5539" s="98">
        <v>0</v>
      </c>
      <c r="Q5539" s="98">
        <v>0</v>
      </c>
      <c r="R5539" s="98">
        <v>0</v>
      </c>
      <c r="S5539" s="98">
        <v>0</v>
      </c>
      <c r="T5539" s="98">
        <v>0</v>
      </c>
      <c r="U5539" s="99"/>
      <c r="V5539" s="99"/>
      <c r="W5539" s="99"/>
      <c r="X5539" s="99"/>
      <c r="Y5539" s="99"/>
      <c r="Z5539" s="99"/>
      <c r="AA5539" s="99"/>
      <c r="AB5539" s="99"/>
      <c r="AC5539" s="99"/>
      <c r="AD5539" s="99"/>
      <c r="AE5539" s="99"/>
      <c r="AF5539" s="99"/>
      <c r="AG5539" s="99"/>
      <c r="AH5539" s="99"/>
      <c r="AI5539" s="99"/>
      <c r="AJ5539" s="99"/>
      <c r="AK5539" s="99"/>
      <c r="AL5539" s="99"/>
      <c r="AM5539" s="99"/>
      <c r="AN5539" s="99"/>
      <c r="AO5539" s="99"/>
      <c r="AP5539" s="99"/>
      <c r="AQ5539" s="99"/>
      <c r="AR5539" s="99"/>
      <c r="AS5539" s="99"/>
      <c r="AT5539" s="99"/>
      <c r="AU5539" s="99"/>
      <c r="AV5539" s="99"/>
      <c r="AW5539" s="99"/>
      <c r="AX5539" s="99"/>
      <c r="AY5539" s="99"/>
      <c r="AZ5539" s="99"/>
      <c r="BA5539" s="99"/>
      <c r="BB5539" s="107">
        <v>45884</v>
      </c>
    </row>
    <row r="5540" spans="1:54" s="8" customFormat="1" ht="14.1" customHeight="1" x14ac:dyDescent="0.25">
      <c r="A5540" s="219" t="s">
        <v>12928</v>
      </c>
      <c r="B5540" s="220" t="s">
        <v>12745</v>
      </c>
      <c r="C5540" s="98" t="s">
        <v>12929</v>
      </c>
      <c r="D5540" s="98" t="s">
        <v>20032</v>
      </c>
      <c r="E5540" s="141">
        <v>1996</v>
      </c>
      <c r="F5540" s="141">
        <v>360</v>
      </c>
      <c r="G5540" s="98" t="s">
        <v>1</v>
      </c>
      <c r="H5540" s="98">
        <v>0</v>
      </c>
      <c r="I5540" s="98">
        <v>0</v>
      </c>
      <c r="J5540" s="98">
        <v>1</v>
      </c>
      <c r="K5540" s="98">
        <v>0</v>
      </c>
      <c r="L5540" s="98">
        <v>0</v>
      </c>
      <c r="M5540" s="98">
        <v>1</v>
      </c>
      <c r="N5540" s="98">
        <v>0</v>
      </c>
      <c r="O5540" s="98">
        <v>0</v>
      </c>
      <c r="P5540" s="98">
        <v>0</v>
      </c>
      <c r="Q5540" s="98">
        <v>0</v>
      </c>
      <c r="R5540" s="98">
        <v>0</v>
      </c>
      <c r="S5540" s="98">
        <v>0</v>
      </c>
      <c r="T5540" s="98">
        <v>0</v>
      </c>
      <c r="U5540" s="99"/>
      <c r="V5540" s="99"/>
      <c r="W5540" s="99"/>
      <c r="X5540" s="99"/>
      <c r="Y5540" s="99"/>
      <c r="Z5540" s="99"/>
      <c r="AA5540" s="99"/>
      <c r="AB5540" s="99"/>
      <c r="AC5540" s="99"/>
      <c r="AD5540" s="99"/>
      <c r="AE5540" s="99"/>
      <c r="AF5540" s="99"/>
      <c r="AG5540" s="99"/>
      <c r="AH5540" s="99"/>
      <c r="AI5540" s="99"/>
      <c r="AJ5540" s="99"/>
      <c r="AK5540" s="99"/>
      <c r="AL5540" s="99"/>
      <c r="AM5540" s="99"/>
      <c r="AN5540" s="99"/>
      <c r="AO5540" s="99"/>
      <c r="AP5540" s="99"/>
      <c r="AQ5540" s="99"/>
      <c r="AR5540" s="99"/>
      <c r="AS5540" s="99"/>
      <c r="AT5540" s="99"/>
      <c r="AU5540" s="99"/>
      <c r="AV5540" s="99"/>
      <c r="AW5540" s="99"/>
      <c r="AX5540" s="99"/>
      <c r="AY5540" s="99"/>
      <c r="AZ5540" s="99"/>
      <c r="BA5540" s="99"/>
      <c r="BB5540" s="107">
        <v>45884</v>
      </c>
    </row>
    <row r="5541" spans="1:54" s="8" customFormat="1" ht="14.1" customHeight="1" x14ac:dyDescent="0.25">
      <c r="A5541" s="219" t="s">
        <v>12930</v>
      </c>
      <c r="B5541" s="220" t="s">
        <v>12745</v>
      </c>
      <c r="C5541" s="98" t="s">
        <v>12931</v>
      </c>
      <c r="D5541" s="98" t="s">
        <v>20033</v>
      </c>
      <c r="E5541" s="141">
        <v>1986</v>
      </c>
      <c r="F5541" s="141">
        <v>362</v>
      </c>
      <c r="G5541" s="98" t="s">
        <v>1</v>
      </c>
      <c r="H5541" s="98">
        <v>0</v>
      </c>
      <c r="I5541" s="98">
        <v>0</v>
      </c>
      <c r="J5541" s="98">
        <v>1</v>
      </c>
      <c r="K5541" s="98">
        <v>0</v>
      </c>
      <c r="L5541" s="98">
        <v>0</v>
      </c>
      <c r="M5541" s="98">
        <v>1</v>
      </c>
      <c r="N5541" s="98">
        <v>0</v>
      </c>
      <c r="O5541" s="98">
        <v>0</v>
      </c>
      <c r="P5541" s="98">
        <v>0</v>
      </c>
      <c r="Q5541" s="98">
        <v>0</v>
      </c>
      <c r="R5541" s="98">
        <v>0</v>
      </c>
      <c r="S5541" s="98">
        <v>0</v>
      </c>
      <c r="T5541" s="98">
        <v>0</v>
      </c>
      <c r="U5541" s="99"/>
      <c r="V5541" s="99"/>
      <c r="W5541" s="99"/>
      <c r="X5541" s="99"/>
      <c r="Y5541" s="99"/>
      <c r="Z5541" s="99"/>
      <c r="AA5541" s="99"/>
      <c r="AB5541" s="99"/>
      <c r="AC5541" s="99"/>
      <c r="AD5541" s="99"/>
      <c r="AE5541" s="99"/>
      <c r="AF5541" s="99"/>
      <c r="AG5541" s="99"/>
      <c r="AH5541" s="99"/>
      <c r="AI5541" s="99"/>
      <c r="AJ5541" s="99"/>
      <c r="AK5541" s="99"/>
      <c r="AL5541" s="99"/>
      <c r="AM5541" s="99"/>
      <c r="AN5541" s="99"/>
      <c r="AO5541" s="99"/>
      <c r="AP5541" s="99"/>
      <c r="AQ5541" s="99"/>
      <c r="AR5541" s="99"/>
      <c r="AS5541" s="99"/>
      <c r="AT5541" s="99"/>
      <c r="AU5541" s="99"/>
      <c r="AV5541" s="99"/>
      <c r="AW5541" s="99"/>
      <c r="AX5541" s="99"/>
      <c r="AY5541" s="99"/>
      <c r="AZ5541" s="99"/>
      <c r="BA5541" s="99"/>
      <c r="BB5541" s="107">
        <v>45884</v>
      </c>
    </row>
    <row r="5542" spans="1:54" s="8" customFormat="1" ht="14.1" customHeight="1" x14ac:dyDescent="0.25">
      <c r="A5542" s="219" t="s">
        <v>12932</v>
      </c>
      <c r="B5542" s="220" t="s">
        <v>12745</v>
      </c>
      <c r="C5542" s="98" t="s">
        <v>12933</v>
      </c>
      <c r="D5542" s="98" t="s">
        <v>20034</v>
      </c>
      <c r="E5542" s="141">
        <v>2007</v>
      </c>
      <c r="F5542" s="141">
        <v>366</v>
      </c>
      <c r="G5542" s="98" t="s">
        <v>1</v>
      </c>
      <c r="H5542" s="98">
        <v>0</v>
      </c>
      <c r="I5542" s="98">
        <v>0</v>
      </c>
      <c r="J5542" s="98">
        <v>1</v>
      </c>
      <c r="K5542" s="98">
        <v>1</v>
      </c>
      <c r="L5542" s="98">
        <v>0</v>
      </c>
      <c r="M5542" s="98">
        <v>1</v>
      </c>
      <c r="N5542" s="98">
        <v>0</v>
      </c>
      <c r="O5542" s="98">
        <v>0</v>
      </c>
      <c r="P5542" s="98">
        <v>0</v>
      </c>
      <c r="Q5542" s="98">
        <v>0</v>
      </c>
      <c r="R5542" s="98">
        <v>0</v>
      </c>
      <c r="S5542" s="98">
        <v>0</v>
      </c>
      <c r="T5542" s="98">
        <v>0</v>
      </c>
      <c r="U5542" s="99"/>
      <c r="V5542" s="99"/>
      <c r="W5542" s="99"/>
      <c r="X5542" s="99"/>
      <c r="Y5542" s="99"/>
      <c r="Z5542" s="99"/>
      <c r="AA5542" s="99"/>
      <c r="AB5542" s="99"/>
      <c r="AC5542" s="99"/>
      <c r="AD5542" s="99"/>
      <c r="AE5542" s="99"/>
      <c r="AF5542" s="99"/>
      <c r="AG5542" s="99"/>
      <c r="AH5542" s="99"/>
      <c r="AI5542" s="99"/>
      <c r="AJ5542" s="99"/>
      <c r="AK5542" s="99"/>
      <c r="AL5542" s="99"/>
      <c r="AM5542" s="99"/>
      <c r="AN5542" s="99"/>
      <c r="AO5542" s="99"/>
      <c r="AP5542" s="99"/>
      <c r="AQ5542" s="99"/>
      <c r="AR5542" s="99"/>
      <c r="AS5542" s="99"/>
      <c r="AT5542" s="99"/>
      <c r="AU5542" s="99"/>
      <c r="AV5542" s="99"/>
      <c r="AW5542" s="99"/>
      <c r="AX5542" s="99"/>
      <c r="AY5542" s="99"/>
      <c r="AZ5542" s="99"/>
      <c r="BA5542" s="99"/>
      <c r="BB5542" s="107">
        <v>45884</v>
      </c>
    </row>
    <row r="5543" spans="1:54" s="8" customFormat="1" ht="14.1" customHeight="1" x14ac:dyDescent="0.25">
      <c r="A5543" s="219" t="s">
        <v>12934</v>
      </c>
      <c r="B5543" s="220" t="s">
        <v>12745</v>
      </c>
      <c r="C5543" s="98" t="s">
        <v>12935</v>
      </c>
      <c r="D5543" s="98" t="s">
        <v>20035</v>
      </c>
      <c r="E5543" s="141">
        <v>1982</v>
      </c>
      <c r="F5543" s="141">
        <v>372</v>
      </c>
      <c r="G5543" s="98" t="s">
        <v>1</v>
      </c>
      <c r="H5543" s="98">
        <v>0</v>
      </c>
      <c r="I5543" s="98">
        <v>0</v>
      </c>
      <c r="J5543" s="98">
        <v>1</v>
      </c>
      <c r="K5543" s="98">
        <v>0</v>
      </c>
      <c r="L5543" s="98">
        <v>0</v>
      </c>
      <c r="M5543" s="98">
        <v>0</v>
      </c>
      <c r="N5543" s="98">
        <v>0</v>
      </c>
      <c r="O5543" s="98">
        <v>0</v>
      </c>
      <c r="P5543" s="98">
        <v>1</v>
      </c>
      <c r="Q5543" s="98">
        <v>0</v>
      </c>
      <c r="R5543" s="98">
        <v>0</v>
      </c>
      <c r="S5543" s="98">
        <v>0</v>
      </c>
      <c r="T5543" s="98">
        <v>0</v>
      </c>
      <c r="U5543" s="99"/>
      <c r="V5543" s="99"/>
      <c r="W5543" s="99"/>
      <c r="X5543" s="99"/>
      <c r="Y5543" s="99"/>
      <c r="Z5543" s="99"/>
      <c r="AA5543" s="99"/>
      <c r="AB5543" s="99"/>
      <c r="AC5543" s="99"/>
      <c r="AD5543" s="99"/>
      <c r="AE5543" s="99"/>
      <c r="AF5543" s="99"/>
      <c r="AG5543" s="99"/>
      <c r="AH5543" s="99"/>
      <c r="AI5543" s="99"/>
      <c r="AJ5543" s="99"/>
      <c r="AK5543" s="99"/>
      <c r="AL5543" s="99"/>
      <c r="AM5543" s="99"/>
      <c r="AN5543" s="99"/>
      <c r="AO5543" s="99"/>
      <c r="AP5543" s="99"/>
      <c r="AQ5543" s="99"/>
      <c r="AR5543" s="99"/>
      <c r="AS5543" s="99"/>
      <c r="AT5543" s="99"/>
      <c r="AU5543" s="99"/>
      <c r="AV5543" s="99"/>
      <c r="AW5543" s="99"/>
      <c r="AX5543" s="99"/>
      <c r="AY5543" s="99"/>
      <c r="AZ5543" s="99"/>
      <c r="BA5543" s="99"/>
      <c r="BB5543" s="107">
        <v>45884</v>
      </c>
    </row>
    <row r="5544" spans="1:54" s="8" customFormat="1" ht="14.1" customHeight="1" x14ac:dyDescent="0.25">
      <c r="A5544" s="219" t="s">
        <v>12936</v>
      </c>
      <c r="B5544" s="220" t="s">
        <v>12745</v>
      </c>
      <c r="C5544" s="98" t="s">
        <v>12937</v>
      </c>
      <c r="D5544" s="98" t="s">
        <v>20036</v>
      </c>
      <c r="E5544" s="141">
        <v>1990</v>
      </c>
      <c r="F5544" s="141">
        <v>374</v>
      </c>
      <c r="G5544" s="98" t="s">
        <v>1</v>
      </c>
      <c r="H5544" s="98">
        <v>0</v>
      </c>
      <c r="I5544" s="98">
        <v>0</v>
      </c>
      <c r="J5544" s="98">
        <v>0</v>
      </c>
      <c r="K5544" s="98">
        <v>1</v>
      </c>
      <c r="L5544" s="98">
        <v>0</v>
      </c>
      <c r="M5544" s="98">
        <v>0</v>
      </c>
      <c r="N5544" s="98">
        <v>0</v>
      </c>
      <c r="O5544" s="98">
        <v>0</v>
      </c>
      <c r="P5544" s="98">
        <v>0</v>
      </c>
      <c r="Q5544" s="98">
        <v>0</v>
      </c>
      <c r="R5544" s="98">
        <v>1</v>
      </c>
      <c r="S5544" s="98">
        <v>0</v>
      </c>
      <c r="T5544" s="98">
        <v>0</v>
      </c>
      <c r="U5544" s="99"/>
      <c r="V5544" s="99"/>
      <c r="W5544" s="99"/>
      <c r="X5544" s="99"/>
      <c r="Y5544" s="99"/>
      <c r="Z5544" s="99"/>
      <c r="AA5544" s="99"/>
      <c r="AB5544" s="99"/>
      <c r="AC5544" s="99"/>
      <c r="AD5544" s="99"/>
      <c r="AE5544" s="99"/>
      <c r="AF5544" s="99"/>
      <c r="AG5544" s="99"/>
      <c r="AH5544" s="99"/>
      <c r="AI5544" s="99"/>
      <c r="AJ5544" s="99"/>
      <c r="AK5544" s="99"/>
      <c r="AL5544" s="99"/>
      <c r="AM5544" s="99"/>
      <c r="AN5544" s="99"/>
      <c r="AO5544" s="99"/>
      <c r="AP5544" s="99"/>
      <c r="AQ5544" s="99"/>
      <c r="AR5544" s="99"/>
      <c r="AS5544" s="99"/>
      <c r="AT5544" s="99"/>
      <c r="AU5544" s="99"/>
      <c r="AV5544" s="99"/>
      <c r="AW5544" s="99"/>
      <c r="AX5544" s="99"/>
      <c r="AY5544" s="99"/>
      <c r="AZ5544" s="99"/>
      <c r="BA5544" s="99"/>
      <c r="BB5544" s="107">
        <v>45884</v>
      </c>
    </row>
    <row r="5545" spans="1:54" s="8" customFormat="1" ht="14.1" customHeight="1" x14ac:dyDescent="0.25">
      <c r="A5545" s="219" t="s">
        <v>12938</v>
      </c>
      <c r="B5545" s="220" t="s">
        <v>12745</v>
      </c>
      <c r="C5545" s="98" t="s">
        <v>12939</v>
      </c>
      <c r="D5545" s="98" t="s">
        <v>20037</v>
      </c>
      <c r="E5545" s="141">
        <v>1994</v>
      </c>
      <c r="F5545" s="141">
        <v>384</v>
      </c>
      <c r="G5545" s="98" t="s">
        <v>1</v>
      </c>
      <c r="H5545" s="98">
        <v>0</v>
      </c>
      <c r="I5545" s="98">
        <v>0</v>
      </c>
      <c r="J5545" s="98">
        <v>1</v>
      </c>
      <c r="K5545" s="98">
        <v>0</v>
      </c>
      <c r="L5545" s="98">
        <v>1</v>
      </c>
      <c r="M5545" s="98">
        <v>0</v>
      </c>
      <c r="N5545" s="98">
        <v>0</v>
      </c>
      <c r="O5545" s="98">
        <v>1</v>
      </c>
      <c r="P5545" s="98">
        <v>1</v>
      </c>
      <c r="Q5545" s="98">
        <v>0</v>
      </c>
      <c r="R5545" s="98">
        <v>0</v>
      </c>
      <c r="S5545" s="98">
        <v>0</v>
      </c>
      <c r="T5545" s="98">
        <v>0</v>
      </c>
      <c r="U5545" s="99"/>
      <c r="V5545" s="99"/>
      <c r="W5545" s="99"/>
      <c r="X5545" s="99"/>
      <c r="Y5545" s="99"/>
      <c r="Z5545" s="99"/>
      <c r="AA5545" s="99"/>
      <c r="AB5545" s="99"/>
      <c r="AC5545" s="99"/>
      <c r="AD5545" s="99"/>
      <c r="AE5545" s="99"/>
      <c r="AF5545" s="99"/>
      <c r="AG5545" s="99"/>
      <c r="AH5545" s="99"/>
      <c r="AI5545" s="99"/>
      <c r="AJ5545" s="99"/>
      <c r="AK5545" s="99"/>
      <c r="AL5545" s="99"/>
      <c r="AM5545" s="99"/>
      <c r="AN5545" s="99"/>
      <c r="AO5545" s="99"/>
      <c r="AP5545" s="99"/>
      <c r="AQ5545" s="99"/>
      <c r="AR5545" s="99"/>
      <c r="AS5545" s="99"/>
      <c r="AT5545" s="99"/>
      <c r="AU5545" s="99"/>
      <c r="AV5545" s="99"/>
      <c r="AW5545" s="99"/>
      <c r="AX5545" s="99"/>
      <c r="AY5545" s="99"/>
      <c r="AZ5545" s="99"/>
      <c r="BA5545" s="99"/>
      <c r="BB5545" s="107">
        <v>45884</v>
      </c>
    </row>
    <row r="5546" spans="1:54" s="8" customFormat="1" ht="14.1" customHeight="1" x14ac:dyDescent="0.25">
      <c r="A5546" s="219" t="s">
        <v>12940</v>
      </c>
      <c r="B5546" s="220" t="s">
        <v>12745</v>
      </c>
      <c r="C5546" s="98" t="s">
        <v>12941</v>
      </c>
      <c r="D5546" s="98" t="s">
        <v>20038</v>
      </c>
      <c r="E5546" s="141">
        <v>1980</v>
      </c>
      <c r="F5546" s="141">
        <v>384</v>
      </c>
      <c r="G5546" s="98" t="s">
        <v>1</v>
      </c>
      <c r="H5546" s="98">
        <v>0</v>
      </c>
      <c r="I5546" s="98">
        <v>0</v>
      </c>
      <c r="J5546" s="98">
        <v>1</v>
      </c>
      <c r="K5546" s="98">
        <v>0</v>
      </c>
      <c r="L5546" s="98">
        <v>0</v>
      </c>
      <c r="M5546" s="98">
        <v>0</v>
      </c>
      <c r="N5546" s="98">
        <v>0</v>
      </c>
      <c r="O5546" s="98">
        <v>1</v>
      </c>
      <c r="P5546" s="98">
        <v>0</v>
      </c>
      <c r="Q5546" s="98">
        <v>0</v>
      </c>
      <c r="R5546" s="98">
        <v>0</v>
      </c>
      <c r="S5546" s="98">
        <v>0</v>
      </c>
      <c r="T5546" s="98">
        <v>0</v>
      </c>
      <c r="U5546" s="99"/>
      <c r="V5546" s="99"/>
      <c r="W5546" s="99"/>
      <c r="X5546" s="99"/>
      <c r="Y5546" s="99"/>
      <c r="Z5546" s="99"/>
      <c r="AA5546" s="99"/>
      <c r="AB5546" s="99"/>
      <c r="AC5546" s="99"/>
      <c r="AD5546" s="99"/>
      <c r="AE5546" s="99"/>
      <c r="AF5546" s="99"/>
      <c r="AG5546" s="99"/>
      <c r="AH5546" s="99"/>
      <c r="AI5546" s="99"/>
      <c r="AJ5546" s="99"/>
      <c r="AK5546" s="99"/>
      <c r="AL5546" s="99"/>
      <c r="AM5546" s="99"/>
      <c r="AN5546" s="99"/>
      <c r="AO5546" s="99"/>
      <c r="AP5546" s="99"/>
      <c r="AQ5546" s="99"/>
      <c r="AR5546" s="99"/>
      <c r="AS5546" s="99"/>
      <c r="AT5546" s="99"/>
      <c r="AU5546" s="99"/>
      <c r="AV5546" s="99"/>
      <c r="AW5546" s="99"/>
      <c r="AX5546" s="99"/>
      <c r="AY5546" s="99"/>
      <c r="AZ5546" s="99"/>
      <c r="BA5546" s="99"/>
      <c r="BB5546" s="107">
        <v>45884</v>
      </c>
    </row>
    <row r="5547" spans="1:54" s="8" customFormat="1" ht="14.1" customHeight="1" x14ac:dyDescent="0.25">
      <c r="A5547" s="219" t="s">
        <v>12942</v>
      </c>
      <c r="B5547" s="220" t="s">
        <v>12745</v>
      </c>
      <c r="C5547" s="98" t="s">
        <v>12943</v>
      </c>
      <c r="D5547" s="98" t="s">
        <v>20039</v>
      </c>
      <c r="E5547" s="141">
        <v>2009</v>
      </c>
      <c r="F5547" s="141">
        <v>385</v>
      </c>
      <c r="G5547" s="98" t="s">
        <v>1</v>
      </c>
      <c r="H5547" s="98">
        <v>0</v>
      </c>
      <c r="I5547" s="98">
        <v>0</v>
      </c>
      <c r="J5547" s="98">
        <v>1</v>
      </c>
      <c r="K5547" s="98">
        <v>0</v>
      </c>
      <c r="L5547" s="98">
        <v>0</v>
      </c>
      <c r="M5547" s="98">
        <v>0</v>
      </c>
      <c r="N5547" s="98">
        <v>0</v>
      </c>
      <c r="O5547" s="98">
        <v>0</v>
      </c>
      <c r="P5547" s="98">
        <v>0</v>
      </c>
      <c r="Q5547" s="98">
        <v>0</v>
      </c>
      <c r="R5547" s="98">
        <v>0</v>
      </c>
      <c r="S5547" s="98">
        <v>0</v>
      </c>
      <c r="T5547" s="98">
        <v>0</v>
      </c>
      <c r="U5547" s="99"/>
      <c r="V5547" s="99"/>
      <c r="W5547" s="99"/>
      <c r="X5547" s="99"/>
      <c r="Y5547" s="99"/>
      <c r="Z5547" s="99"/>
      <c r="AA5547" s="99"/>
      <c r="AB5547" s="99"/>
      <c r="AC5547" s="99"/>
      <c r="AD5547" s="99"/>
      <c r="AE5547" s="99"/>
      <c r="AF5547" s="99"/>
      <c r="AG5547" s="99"/>
      <c r="AH5547" s="99"/>
      <c r="AI5547" s="99"/>
      <c r="AJ5547" s="99"/>
      <c r="AK5547" s="99"/>
      <c r="AL5547" s="99"/>
      <c r="AM5547" s="99"/>
      <c r="AN5547" s="99"/>
      <c r="AO5547" s="99"/>
      <c r="AP5547" s="99"/>
      <c r="AQ5547" s="99"/>
      <c r="AR5547" s="99"/>
      <c r="AS5547" s="99"/>
      <c r="AT5547" s="99"/>
      <c r="AU5547" s="99"/>
      <c r="AV5547" s="99"/>
      <c r="AW5547" s="99"/>
      <c r="AX5547" s="99"/>
      <c r="AY5547" s="99"/>
      <c r="AZ5547" s="99"/>
      <c r="BA5547" s="99"/>
      <c r="BB5547" s="107">
        <v>45884</v>
      </c>
    </row>
    <row r="5548" spans="1:54" s="8" customFormat="1" ht="14.1" customHeight="1" x14ac:dyDescent="0.25">
      <c r="A5548" s="219" t="s">
        <v>12944</v>
      </c>
      <c r="B5548" s="220" t="s">
        <v>12745</v>
      </c>
      <c r="C5548" s="98" t="s">
        <v>12945</v>
      </c>
      <c r="D5548" s="98" t="s">
        <v>20040</v>
      </c>
      <c r="E5548" s="141">
        <v>1978</v>
      </c>
      <c r="F5548" s="141">
        <v>385</v>
      </c>
      <c r="G5548" s="98" t="s">
        <v>1</v>
      </c>
      <c r="H5548" s="98">
        <v>0</v>
      </c>
      <c r="I5548" s="98">
        <v>0</v>
      </c>
      <c r="J5548" s="98">
        <v>1</v>
      </c>
      <c r="K5548" s="98">
        <v>0</v>
      </c>
      <c r="L5548" s="98">
        <v>1</v>
      </c>
      <c r="M5548" s="98">
        <v>0</v>
      </c>
      <c r="N5548" s="98">
        <v>0</v>
      </c>
      <c r="O5548" s="98">
        <v>1</v>
      </c>
      <c r="P5548" s="98">
        <v>0</v>
      </c>
      <c r="Q5548" s="98">
        <v>0</v>
      </c>
      <c r="R5548" s="98">
        <v>0</v>
      </c>
      <c r="S5548" s="98">
        <v>0</v>
      </c>
      <c r="T5548" s="98">
        <v>0</v>
      </c>
      <c r="U5548" s="99"/>
      <c r="V5548" s="99"/>
      <c r="W5548" s="99"/>
      <c r="X5548" s="99"/>
      <c r="Y5548" s="99"/>
      <c r="Z5548" s="99"/>
      <c r="AA5548" s="99"/>
      <c r="AB5548" s="99"/>
      <c r="AC5548" s="99"/>
      <c r="AD5548" s="99"/>
      <c r="AE5548" s="99"/>
      <c r="AF5548" s="99"/>
      <c r="AG5548" s="99"/>
      <c r="AH5548" s="99"/>
      <c r="AI5548" s="99"/>
      <c r="AJ5548" s="99"/>
      <c r="AK5548" s="99"/>
      <c r="AL5548" s="99"/>
      <c r="AM5548" s="99"/>
      <c r="AN5548" s="99"/>
      <c r="AO5548" s="99"/>
      <c r="AP5548" s="99"/>
      <c r="AQ5548" s="99"/>
      <c r="AR5548" s="99"/>
      <c r="AS5548" s="99"/>
      <c r="AT5548" s="99"/>
      <c r="AU5548" s="99"/>
      <c r="AV5548" s="99"/>
      <c r="AW5548" s="99"/>
      <c r="AX5548" s="99"/>
      <c r="AY5548" s="99"/>
      <c r="AZ5548" s="99"/>
      <c r="BA5548" s="98" t="s">
        <v>12857</v>
      </c>
      <c r="BB5548" s="107">
        <v>45884</v>
      </c>
    </row>
    <row r="5549" spans="1:54" s="8" customFormat="1" ht="14.1" customHeight="1" x14ac:dyDescent="0.25">
      <c r="A5549" s="219" t="s">
        <v>12946</v>
      </c>
      <c r="B5549" s="220" t="s">
        <v>12745</v>
      </c>
      <c r="C5549" s="98" t="s">
        <v>12947</v>
      </c>
      <c r="D5549" s="98" t="s">
        <v>20041</v>
      </c>
      <c r="E5549" s="141">
        <v>1996</v>
      </c>
      <c r="F5549" s="141">
        <v>390</v>
      </c>
      <c r="G5549" s="98" t="s">
        <v>1</v>
      </c>
      <c r="H5549" s="98">
        <v>0</v>
      </c>
      <c r="I5549" s="98">
        <v>0</v>
      </c>
      <c r="J5549" s="98">
        <v>1</v>
      </c>
      <c r="K5549" s="98">
        <v>0</v>
      </c>
      <c r="L5549" s="98">
        <v>1</v>
      </c>
      <c r="M5549" s="98">
        <v>0</v>
      </c>
      <c r="N5549" s="98">
        <v>0</v>
      </c>
      <c r="O5549" s="98">
        <v>1</v>
      </c>
      <c r="P5549" s="98">
        <v>1</v>
      </c>
      <c r="Q5549" s="98">
        <v>0</v>
      </c>
      <c r="R5549" s="98">
        <v>0</v>
      </c>
      <c r="S5549" s="98">
        <v>0</v>
      </c>
      <c r="T5549" s="98">
        <v>0</v>
      </c>
      <c r="U5549" s="99"/>
      <c r="V5549" s="99"/>
      <c r="W5549" s="99"/>
      <c r="X5549" s="99"/>
      <c r="Y5549" s="99"/>
      <c r="Z5549" s="99"/>
      <c r="AA5549" s="99"/>
      <c r="AB5549" s="99"/>
      <c r="AC5549" s="99"/>
      <c r="AD5549" s="99"/>
      <c r="AE5549" s="99"/>
      <c r="AF5549" s="99"/>
      <c r="AG5549" s="99"/>
      <c r="AH5549" s="99"/>
      <c r="AI5549" s="99"/>
      <c r="AJ5549" s="99"/>
      <c r="AK5549" s="99"/>
      <c r="AL5549" s="99"/>
      <c r="AM5549" s="99"/>
      <c r="AN5549" s="99"/>
      <c r="AO5549" s="99"/>
      <c r="AP5549" s="99"/>
      <c r="AQ5549" s="99"/>
      <c r="AR5549" s="99"/>
      <c r="AS5549" s="99"/>
      <c r="AT5549" s="99"/>
      <c r="AU5549" s="99"/>
      <c r="AV5549" s="99"/>
      <c r="AW5549" s="99"/>
      <c r="AX5549" s="99"/>
      <c r="AY5549" s="99"/>
      <c r="AZ5549" s="99"/>
      <c r="BA5549" s="99"/>
      <c r="BB5549" s="107">
        <v>45884</v>
      </c>
    </row>
    <row r="5550" spans="1:54" s="8" customFormat="1" ht="14.1" customHeight="1" x14ac:dyDescent="0.25">
      <c r="A5550" s="219" t="s">
        <v>12948</v>
      </c>
      <c r="B5550" s="220" t="s">
        <v>12745</v>
      </c>
      <c r="C5550" s="98" t="s">
        <v>12949</v>
      </c>
      <c r="D5550" s="98" t="s">
        <v>20042</v>
      </c>
      <c r="E5550" s="141">
        <v>2006</v>
      </c>
      <c r="F5550" s="141">
        <v>394</v>
      </c>
      <c r="G5550" s="98" t="s">
        <v>1</v>
      </c>
      <c r="H5550" s="98">
        <v>0</v>
      </c>
      <c r="I5550" s="98">
        <v>0</v>
      </c>
      <c r="J5550" s="98">
        <v>1</v>
      </c>
      <c r="K5550" s="98">
        <v>1</v>
      </c>
      <c r="L5550" s="98">
        <v>0</v>
      </c>
      <c r="M5550" s="98">
        <v>1</v>
      </c>
      <c r="N5550" s="98">
        <v>0</v>
      </c>
      <c r="O5550" s="98">
        <v>0</v>
      </c>
      <c r="P5550" s="98">
        <v>0</v>
      </c>
      <c r="Q5550" s="98">
        <v>0</v>
      </c>
      <c r="R5550" s="98">
        <v>0</v>
      </c>
      <c r="S5550" s="98">
        <v>0</v>
      </c>
      <c r="T5550" s="98">
        <v>0</v>
      </c>
      <c r="U5550" s="99"/>
      <c r="V5550" s="99"/>
      <c r="W5550" s="99"/>
      <c r="X5550" s="99"/>
      <c r="Y5550" s="99"/>
      <c r="Z5550" s="99"/>
      <c r="AA5550" s="99"/>
      <c r="AB5550" s="99"/>
      <c r="AC5550" s="99"/>
      <c r="AD5550" s="99"/>
      <c r="AE5550" s="99"/>
      <c r="AF5550" s="99"/>
      <c r="AG5550" s="99"/>
      <c r="AH5550" s="99"/>
      <c r="AI5550" s="99"/>
      <c r="AJ5550" s="99"/>
      <c r="AK5550" s="99"/>
      <c r="AL5550" s="99"/>
      <c r="AM5550" s="99"/>
      <c r="AN5550" s="99"/>
      <c r="AO5550" s="99"/>
      <c r="AP5550" s="99"/>
      <c r="AQ5550" s="99"/>
      <c r="AR5550" s="99"/>
      <c r="AS5550" s="99"/>
      <c r="AT5550" s="99"/>
      <c r="AU5550" s="99"/>
      <c r="AV5550" s="99"/>
      <c r="AW5550" s="99"/>
      <c r="AX5550" s="99"/>
      <c r="AY5550" s="99"/>
      <c r="AZ5550" s="99"/>
      <c r="BA5550" s="99"/>
      <c r="BB5550" s="107">
        <v>45884</v>
      </c>
    </row>
    <row r="5551" spans="1:54" s="8" customFormat="1" ht="14.1" customHeight="1" x14ac:dyDescent="0.25">
      <c r="A5551" s="219" t="s">
        <v>12950</v>
      </c>
      <c r="B5551" s="220" t="s">
        <v>12745</v>
      </c>
      <c r="C5551" s="98" t="s">
        <v>12951</v>
      </c>
      <c r="D5551" s="98" t="s">
        <v>20043</v>
      </c>
      <c r="E5551" s="141">
        <v>1988</v>
      </c>
      <c r="F5551" s="141">
        <v>393</v>
      </c>
      <c r="G5551" s="98" t="s">
        <v>1</v>
      </c>
      <c r="H5551" s="98">
        <v>0</v>
      </c>
      <c r="I5551" s="98">
        <v>0</v>
      </c>
      <c r="J5551" s="98">
        <v>1</v>
      </c>
      <c r="K5551" s="98">
        <v>0</v>
      </c>
      <c r="L5551" s="98">
        <v>1</v>
      </c>
      <c r="M5551" s="98">
        <v>0</v>
      </c>
      <c r="N5551" s="98">
        <v>0</v>
      </c>
      <c r="O5551" s="98">
        <v>1</v>
      </c>
      <c r="P5551" s="98">
        <v>0</v>
      </c>
      <c r="Q5551" s="98">
        <v>0</v>
      </c>
      <c r="R5551" s="98">
        <v>0</v>
      </c>
      <c r="S5551" s="98">
        <v>0</v>
      </c>
      <c r="T5551" s="98">
        <v>0</v>
      </c>
      <c r="U5551" s="99"/>
      <c r="V5551" s="99"/>
      <c r="W5551" s="99"/>
      <c r="X5551" s="99"/>
      <c r="Y5551" s="99"/>
      <c r="Z5551" s="99"/>
      <c r="AA5551" s="99"/>
      <c r="AB5551" s="99"/>
      <c r="AC5551" s="99"/>
      <c r="AD5551" s="99"/>
      <c r="AE5551" s="99"/>
      <c r="AF5551" s="99"/>
      <c r="AG5551" s="99"/>
      <c r="AH5551" s="99"/>
      <c r="AI5551" s="99"/>
      <c r="AJ5551" s="99"/>
      <c r="AK5551" s="99"/>
      <c r="AL5551" s="99"/>
      <c r="AM5551" s="99"/>
      <c r="AN5551" s="99"/>
      <c r="AO5551" s="99"/>
      <c r="AP5551" s="99"/>
      <c r="AQ5551" s="99"/>
      <c r="AR5551" s="99"/>
      <c r="AS5551" s="99"/>
      <c r="AT5551" s="99"/>
      <c r="AU5551" s="99"/>
      <c r="AV5551" s="99"/>
      <c r="AW5551" s="99"/>
      <c r="AX5551" s="99"/>
      <c r="AY5551" s="99"/>
      <c r="AZ5551" s="99"/>
      <c r="BA5551" s="99"/>
      <c r="BB5551" s="107">
        <v>45884</v>
      </c>
    </row>
    <row r="5552" spans="1:54" s="8" customFormat="1" ht="14.1" customHeight="1" x14ac:dyDescent="0.25">
      <c r="A5552" s="219" t="s">
        <v>12952</v>
      </c>
      <c r="B5552" s="220" t="s">
        <v>12745</v>
      </c>
      <c r="C5552" s="98" t="s">
        <v>12953</v>
      </c>
      <c r="D5552" s="98" t="s">
        <v>20044</v>
      </c>
      <c r="E5552" s="141">
        <v>1997</v>
      </c>
      <c r="F5552" s="141">
        <v>400</v>
      </c>
      <c r="G5552" s="98" t="s">
        <v>1</v>
      </c>
      <c r="H5552" s="98">
        <v>0</v>
      </c>
      <c r="I5552" s="98">
        <v>0</v>
      </c>
      <c r="J5552" s="98">
        <v>1</v>
      </c>
      <c r="K5552" s="98">
        <v>0</v>
      </c>
      <c r="L5552" s="98">
        <v>0</v>
      </c>
      <c r="M5552" s="98">
        <v>1</v>
      </c>
      <c r="N5552" s="98">
        <v>0</v>
      </c>
      <c r="O5552" s="98">
        <v>0</v>
      </c>
      <c r="P5552" s="98">
        <v>1</v>
      </c>
      <c r="Q5552" s="98">
        <v>0</v>
      </c>
      <c r="R5552" s="98">
        <v>0</v>
      </c>
      <c r="S5552" s="98">
        <v>0</v>
      </c>
      <c r="T5552" s="98">
        <v>0</v>
      </c>
      <c r="U5552" s="99"/>
      <c r="V5552" s="99"/>
      <c r="W5552" s="99"/>
      <c r="X5552" s="99"/>
      <c r="Y5552" s="99"/>
      <c r="Z5552" s="99"/>
      <c r="AA5552" s="99"/>
      <c r="AB5552" s="99"/>
      <c r="AC5552" s="99"/>
      <c r="AD5552" s="99"/>
      <c r="AE5552" s="99"/>
      <c r="AF5552" s="99"/>
      <c r="AG5552" s="99"/>
      <c r="AH5552" s="99"/>
      <c r="AI5552" s="99"/>
      <c r="AJ5552" s="99"/>
      <c r="AK5552" s="99"/>
      <c r="AL5552" s="99"/>
      <c r="AM5552" s="99"/>
      <c r="AN5552" s="99"/>
      <c r="AO5552" s="99"/>
      <c r="AP5552" s="99"/>
      <c r="AQ5552" s="99"/>
      <c r="AR5552" s="99"/>
      <c r="AS5552" s="99"/>
      <c r="AT5552" s="99"/>
      <c r="AU5552" s="99"/>
      <c r="AV5552" s="99"/>
      <c r="AW5552" s="99"/>
      <c r="AX5552" s="99"/>
      <c r="AY5552" s="99"/>
      <c r="AZ5552" s="99"/>
      <c r="BA5552" s="99"/>
      <c r="BB5552" s="107">
        <v>45884</v>
      </c>
    </row>
    <row r="5553" spans="1:54" s="8" customFormat="1" ht="14.1" customHeight="1" x14ac:dyDescent="0.25">
      <c r="A5553" s="219" t="s">
        <v>12954</v>
      </c>
      <c r="B5553" s="220" t="s">
        <v>12745</v>
      </c>
      <c r="C5553" s="98" t="s">
        <v>12955</v>
      </c>
      <c r="D5553" s="98" t="s">
        <v>20045</v>
      </c>
      <c r="E5553" s="141">
        <v>2008</v>
      </c>
      <c r="F5553" s="141">
        <v>409</v>
      </c>
      <c r="G5553" s="98" t="s">
        <v>1</v>
      </c>
      <c r="H5553" s="98">
        <v>0</v>
      </c>
      <c r="I5553" s="98">
        <v>0</v>
      </c>
      <c r="J5553" s="98">
        <v>1</v>
      </c>
      <c r="K5553" s="98">
        <v>1</v>
      </c>
      <c r="L5553" s="98">
        <v>0</v>
      </c>
      <c r="M5553" s="98">
        <v>1</v>
      </c>
      <c r="N5553" s="98">
        <v>0</v>
      </c>
      <c r="O5553" s="98">
        <v>0</v>
      </c>
      <c r="P5553" s="98">
        <v>0</v>
      </c>
      <c r="Q5553" s="98">
        <v>0</v>
      </c>
      <c r="R5553" s="98">
        <v>0</v>
      </c>
      <c r="S5553" s="98">
        <v>0</v>
      </c>
      <c r="T5553" s="98">
        <v>0</v>
      </c>
      <c r="U5553" s="99"/>
      <c r="V5553" s="99"/>
      <c r="W5553" s="99"/>
      <c r="X5553" s="99"/>
      <c r="Y5553" s="99"/>
      <c r="Z5553" s="99"/>
      <c r="AA5553" s="99"/>
      <c r="AB5553" s="99"/>
      <c r="AC5553" s="99"/>
      <c r="AD5553" s="99"/>
      <c r="AE5553" s="99"/>
      <c r="AF5553" s="99"/>
      <c r="AG5553" s="99"/>
      <c r="AH5553" s="99"/>
      <c r="AI5553" s="99"/>
      <c r="AJ5553" s="99"/>
      <c r="AK5553" s="99"/>
      <c r="AL5553" s="99"/>
      <c r="AM5553" s="99"/>
      <c r="AN5553" s="99"/>
      <c r="AO5553" s="99"/>
      <c r="AP5553" s="99"/>
      <c r="AQ5553" s="99"/>
      <c r="AR5553" s="99"/>
      <c r="AS5553" s="99"/>
      <c r="AT5553" s="99"/>
      <c r="AU5553" s="99"/>
      <c r="AV5553" s="99"/>
      <c r="AW5553" s="99"/>
      <c r="AX5553" s="99"/>
      <c r="AY5553" s="99"/>
      <c r="AZ5553" s="99"/>
      <c r="BA5553" s="99"/>
      <c r="BB5553" s="107">
        <v>45884</v>
      </c>
    </row>
    <row r="5554" spans="1:54" s="8" customFormat="1" ht="14.1" customHeight="1" x14ac:dyDescent="0.25">
      <c r="A5554" s="219" t="s">
        <v>12956</v>
      </c>
      <c r="B5554" s="220" t="s">
        <v>12745</v>
      </c>
      <c r="C5554" s="98" t="s">
        <v>12957</v>
      </c>
      <c r="D5554" s="98" t="s">
        <v>20046</v>
      </c>
      <c r="E5554" s="141">
        <v>1980</v>
      </c>
      <c r="F5554" s="141">
        <v>418</v>
      </c>
      <c r="G5554" s="98" t="s">
        <v>1</v>
      </c>
      <c r="H5554" s="98">
        <v>0</v>
      </c>
      <c r="I5554" s="98">
        <v>0</v>
      </c>
      <c r="J5554" s="98">
        <v>1</v>
      </c>
      <c r="K5554" s="98">
        <v>0</v>
      </c>
      <c r="L5554" s="98">
        <v>1</v>
      </c>
      <c r="M5554" s="98">
        <v>0</v>
      </c>
      <c r="N5554" s="98">
        <v>0</v>
      </c>
      <c r="O5554" s="98">
        <v>1</v>
      </c>
      <c r="P5554" s="98">
        <v>1</v>
      </c>
      <c r="Q5554" s="98">
        <v>0</v>
      </c>
      <c r="R5554" s="98">
        <v>0</v>
      </c>
      <c r="S5554" s="98">
        <v>0</v>
      </c>
      <c r="T5554" s="98">
        <v>0</v>
      </c>
      <c r="U5554" s="99"/>
      <c r="V5554" s="99"/>
      <c r="W5554" s="99"/>
      <c r="X5554" s="99"/>
      <c r="Y5554" s="99"/>
      <c r="Z5554" s="99"/>
      <c r="AA5554" s="99"/>
      <c r="AB5554" s="99"/>
      <c r="AC5554" s="99"/>
      <c r="AD5554" s="99"/>
      <c r="AE5554" s="99"/>
      <c r="AF5554" s="99"/>
      <c r="AG5554" s="99"/>
      <c r="AH5554" s="99"/>
      <c r="AI5554" s="99"/>
      <c r="AJ5554" s="99"/>
      <c r="AK5554" s="99"/>
      <c r="AL5554" s="99"/>
      <c r="AM5554" s="99"/>
      <c r="AN5554" s="99"/>
      <c r="AO5554" s="99"/>
      <c r="AP5554" s="99"/>
      <c r="AQ5554" s="99"/>
      <c r="AR5554" s="99"/>
      <c r="AS5554" s="99"/>
      <c r="AT5554" s="99"/>
      <c r="AU5554" s="99"/>
      <c r="AV5554" s="99"/>
      <c r="AW5554" s="99"/>
      <c r="AX5554" s="99"/>
      <c r="AY5554" s="99"/>
      <c r="AZ5554" s="99"/>
      <c r="BA5554" s="99"/>
      <c r="BB5554" s="107">
        <v>45884</v>
      </c>
    </row>
    <row r="5555" spans="1:54" s="8" customFormat="1" ht="14.1" customHeight="1" x14ac:dyDescent="0.25">
      <c r="A5555" s="219" t="s">
        <v>12958</v>
      </c>
      <c r="B5555" s="220" t="s">
        <v>12745</v>
      </c>
      <c r="C5555" s="98" t="s">
        <v>12959</v>
      </c>
      <c r="D5555" s="98" t="s">
        <v>20047</v>
      </c>
      <c r="E5555" s="141">
        <v>1985</v>
      </c>
      <c r="F5555" s="141">
        <v>458</v>
      </c>
      <c r="G5555" s="98" t="s">
        <v>1</v>
      </c>
      <c r="H5555" s="98">
        <v>0</v>
      </c>
      <c r="I5555" s="98">
        <v>0</v>
      </c>
      <c r="J5555" s="98">
        <v>1</v>
      </c>
      <c r="K5555" s="98">
        <v>0</v>
      </c>
      <c r="L5555" s="98">
        <v>1</v>
      </c>
      <c r="M5555" s="98">
        <v>1</v>
      </c>
      <c r="N5555" s="98">
        <v>0</v>
      </c>
      <c r="O5555" s="98">
        <v>0</v>
      </c>
      <c r="P5555" s="98">
        <v>0</v>
      </c>
      <c r="Q5555" s="98">
        <v>0</v>
      </c>
      <c r="R5555" s="98">
        <v>0</v>
      </c>
      <c r="S5555" s="98">
        <v>0</v>
      </c>
      <c r="T5555" s="98">
        <v>0</v>
      </c>
      <c r="U5555" s="99"/>
      <c r="V5555" s="99"/>
      <c r="W5555" s="99"/>
      <c r="X5555" s="99"/>
      <c r="Y5555" s="99"/>
      <c r="Z5555" s="99"/>
      <c r="AA5555" s="99"/>
      <c r="AB5555" s="99"/>
      <c r="AC5555" s="99"/>
      <c r="AD5555" s="99"/>
      <c r="AE5555" s="99"/>
      <c r="AF5555" s="99"/>
      <c r="AG5555" s="99"/>
      <c r="AH5555" s="99"/>
      <c r="AI5555" s="99"/>
      <c r="AJ5555" s="99"/>
      <c r="AK5555" s="99"/>
      <c r="AL5555" s="99"/>
      <c r="AM5555" s="99"/>
      <c r="AN5555" s="99"/>
      <c r="AO5555" s="99"/>
      <c r="AP5555" s="99"/>
      <c r="AQ5555" s="99"/>
      <c r="AR5555" s="99"/>
      <c r="AS5555" s="99"/>
      <c r="AT5555" s="99"/>
      <c r="AU5555" s="99"/>
      <c r="AV5555" s="99"/>
      <c r="AW5555" s="99"/>
      <c r="AX5555" s="99"/>
      <c r="AY5555" s="99"/>
      <c r="AZ5555" s="99"/>
      <c r="BA5555" s="99"/>
      <c r="BB5555" s="107">
        <v>45884</v>
      </c>
    </row>
    <row r="5556" spans="1:54" s="8" customFormat="1" ht="14.1" customHeight="1" x14ac:dyDescent="0.25">
      <c r="A5556" s="219" t="s">
        <v>12960</v>
      </c>
      <c r="B5556" s="220" t="s">
        <v>12745</v>
      </c>
      <c r="C5556" s="98" t="s">
        <v>12961</v>
      </c>
      <c r="D5556" s="98" t="s">
        <v>20048</v>
      </c>
      <c r="E5556" s="141">
        <v>1988</v>
      </c>
      <c r="F5556" s="141">
        <v>458</v>
      </c>
      <c r="G5556" s="98" t="s">
        <v>1</v>
      </c>
      <c r="H5556" s="98">
        <v>0</v>
      </c>
      <c r="I5556" s="98">
        <v>0</v>
      </c>
      <c r="J5556" s="98">
        <v>1</v>
      </c>
      <c r="K5556" s="98">
        <v>0</v>
      </c>
      <c r="L5556" s="98">
        <v>1</v>
      </c>
      <c r="M5556" s="98">
        <v>0</v>
      </c>
      <c r="N5556" s="98">
        <v>0</v>
      </c>
      <c r="O5556" s="98">
        <v>1</v>
      </c>
      <c r="P5556" s="98">
        <v>1</v>
      </c>
      <c r="Q5556" s="98">
        <v>0</v>
      </c>
      <c r="R5556" s="98">
        <v>0</v>
      </c>
      <c r="S5556" s="98">
        <v>0</v>
      </c>
      <c r="T5556" s="98">
        <v>0</v>
      </c>
      <c r="U5556" s="99"/>
      <c r="V5556" s="99"/>
      <c r="W5556" s="99"/>
      <c r="X5556" s="99"/>
      <c r="Y5556" s="99"/>
      <c r="Z5556" s="99"/>
      <c r="AA5556" s="99"/>
      <c r="AB5556" s="99"/>
      <c r="AC5556" s="99"/>
      <c r="AD5556" s="99"/>
      <c r="AE5556" s="99"/>
      <c r="AF5556" s="99"/>
      <c r="AG5556" s="99"/>
      <c r="AH5556" s="99"/>
      <c r="AI5556" s="99"/>
      <c r="AJ5556" s="99"/>
      <c r="AK5556" s="99"/>
      <c r="AL5556" s="99"/>
      <c r="AM5556" s="99"/>
      <c r="AN5556" s="99"/>
      <c r="AO5556" s="99"/>
      <c r="AP5556" s="99"/>
      <c r="AQ5556" s="99"/>
      <c r="AR5556" s="99"/>
      <c r="AS5556" s="99"/>
      <c r="AT5556" s="99"/>
      <c r="AU5556" s="99"/>
      <c r="AV5556" s="99"/>
      <c r="AW5556" s="99"/>
      <c r="AX5556" s="99"/>
      <c r="AY5556" s="99"/>
      <c r="AZ5556" s="99"/>
      <c r="BA5556" s="99"/>
      <c r="BB5556" s="107">
        <v>45884</v>
      </c>
    </row>
    <row r="5557" spans="1:54" s="8" customFormat="1" ht="14.1" customHeight="1" x14ac:dyDescent="0.25">
      <c r="A5557" s="219" t="s">
        <v>12962</v>
      </c>
      <c r="B5557" s="220" t="s">
        <v>12745</v>
      </c>
      <c r="C5557" s="98" t="s">
        <v>12963</v>
      </c>
      <c r="D5557" s="98" t="s">
        <v>20049</v>
      </c>
      <c r="E5557" s="141">
        <v>1987</v>
      </c>
      <c r="F5557" s="141">
        <v>460</v>
      </c>
      <c r="G5557" s="98" t="s">
        <v>1</v>
      </c>
      <c r="H5557" s="98">
        <v>0</v>
      </c>
      <c r="I5557" s="98">
        <v>0</v>
      </c>
      <c r="J5557" s="98">
        <v>1</v>
      </c>
      <c r="K5557" s="98">
        <v>0</v>
      </c>
      <c r="L5557" s="98">
        <v>0</v>
      </c>
      <c r="M5557" s="98">
        <v>0</v>
      </c>
      <c r="N5557" s="98">
        <v>0</v>
      </c>
      <c r="O5557" s="98">
        <v>0</v>
      </c>
      <c r="P5557" s="98">
        <v>0</v>
      </c>
      <c r="Q5557" s="98">
        <v>0</v>
      </c>
      <c r="R5557" s="98">
        <v>1</v>
      </c>
      <c r="S5557" s="98">
        <v>0</v>
      </c>
      <c r="T5557" s="98">
        <v>0</v>
      </c>
      <c r="U5557" s="99"/>
      <c r="V5557" s="99"/>
      <c r="W5557" s="99"/>
      <c r="X5557" s="99"/>
      <c r="Y5557" s="99"/>
      <c r="Z5557" s="99"/>
      <c r="AA5557" s="99"/>
      <c r="AB5557" s="99"/>
      <c r="AC5557" s="99"/>
      <c r="AD5557" s="99"/>
      <c r="AE5557" s="99"/>
      <c r="AF5557" s="99"/>
      <c r="AG5557" s="99"/>
      <c r="AH5557" s="99"/>
      <c r="AI5557" s="99"/>
      <c r="AJ5557" s="99"/>
      <c r="AK5557" s="99"/>
      <c r="AL5557" s="99"/>
      <c r="AM5557" s="99"/>
      <c r="AN5557" s="99"/>
      <c r="AO5557" s="99"/>
      <c r="AP5557" s="99"/>
      <c r="AQ5557" s="99"/>
      <c r="AR5557" s="99"/>
      <c r="AS5557" s="99"/>
      <c r="AT5557" s="99"/>
      <c r="AU5557" s="99"/>
      <c r="AV5557" s="99"/>
      <c r="AW5557" s="99"/>
      <c r="AX5557" s="99"/>
      <c r="AY5557" s="99"/>
      <c r="AZ5557" s="99"/>
      <c r="BA5557" s="99"/>
      <c r="BB5557" s="107">
        <v>45884</v>
      </c>
    </row>
    <row r="5558" spans="1:54" s="8" customFormat="1" ht="14.1" customHeight="1" x14ac:dyDescent="0.25">
      <c r="A5558" s="219" t="s">
        <v>12964</v>
      </c>
      <c r="B5558" s="220" t="s">
        <v>12745</v>
      </c>
      <c r="C5558" s="98" t="s">
        <v>12965</v>
      </c>
      <c r="D5558" s="98" t="s">
        <v>20050</v>
      </c>
      <c r="E5558" s="141">
        <v>1986</v>
      </c>
      <c r="F5558" s="141">
        <v>461</v>
      </c>
      <c r="G5558" s="98" t="s">
        <v>1</v>
      </c>
      <c r="H5558" s="98">
        <v>0</v>
      </c>
      <c r="I5558" s="98">
        <v>0</v>
      </c>
      <c r="J5558" s="98">
        <v>1</v>
      </c>
      <c r="K5558" s="98">
        <v>0</v>
      </c>
      <c r="L5558" s="98">
        <v>1</v>
      </c>
      <c r="M5558" s="98">
        <v>0</v>
      </c>
      <c r="N5558" s="98">
        <v>0</v>
      </c>
      <c r="O5558" s="98">
        <v>0</v>
      </c>
      <c r="P5558" s="98">
        <v>0</v>
      </c>
      <c r="Q5558" s="98">
        <v>0</v>
      </c>
      <c r="R5558" s="98">
        <v>0</v>
      </c>
      <c r="S5558" s="98">
        <v>0</v>
      </c>
      <c r="T5558" s="98">
        <v>0</v>
      </c>
      <c r="U5558" s="99"/>
      <c r="V5558" s="99"/>
      <c r="W5558" s="99"/>
      <c r="X5558" s="99"/>
      <c r="Y5558" s="99"/>
      <c r="Z5558" s="99"/>
      <c r="AA5558" s="99"/>
      <c r="AB5558" s="99"/>
      <c r="AC5558" s="99"/>
      <c r="AD5558" s="99"/>
      <c r="AE5558" s="99"/>
      <c r="AF5558" s="99"/>
      <c r="AG5558" s="99"/>
      <c r="AH5558" s="99"/>
      <c r="AI5558" s="99"/>
      <c r="AJ5558" s="99"/>
      <c r="AK5558" s="99"/>
      <c r="AL5558" s="99"/>
      <c r="AM5558" s="99"/>
      <c r="AN5558" s="99"/>
      <c r="AO5558" s="99"/>
      <c r="AP5558" s="99"/>
      <c r="AQ5558" s="99"/>
      <c r="AR5558" s="99"/>
      <c r="AS5558" s="99"/>
      <c r="AT5558" s="99"/>
      <c r="AU5558" s="99"/>
      <c r="AV5558" s="99"/>
      <c r="AW5558" s="99"/>
      <c r="AX5558" s="99"/>
      <c r="AY5558" s="99"/>
      <c r="AZ5558" s="99"/>
      <c r="BA5558" s="99"/>
      <c r="BB5558" s="107">
        <v>45884</v>
      </c>
    </row>
    <row r="5559" spans="1:54" s="8" customFormat="1" ht="14.1" customHeight="1" x14ac:dyDescent="0.25">
      <c r="A5559" s="219" t="s">
        <v>12966</v>
      </c>
      <c r="B5559" s="220" t="s">
        <v>12745</v>
      </c>
      <c r="C5559" s="98" t="s">
        <v>12967</v>
      </c>
      <c r="D5559" s="98" t="s">
        <v>20051</v>
      </c>
      <c r="E5559" s="141">
        <v>2007</v>
      </c>
      <c r="F5559" s="141">
        <v>477</v>
      </c>
      <c r="G5559" s="98" t="s">
        <v>1</v>
      </c>
      <c r="H5559" s="98">
        <v>0</v>
      </c>
      <c r="I5559" s="98">
        <v>0</v>
      </c>
      <c r="J5559" s="98">
        <v>1</v>
      </c>
      <c r="K5559" s="98">
        <v>1</v>
      </c>
      <c r="L5559" s="98">
        <v>0</v>
      </c>
      <c r="M5559" s="98">
        <v>0</v>
      </c>
      <c r="N5559" s="98">
        <v>0</v>
      </c>
      <c r="O5559" s="98">
        <v>0</v>
      </c>
      <c r="P5559" s="98">
        <v>1</v>
      </c>
      <c r="Q5559" s="98">
        <v>0</v>
      </c>
      <c r="R5559" s="98">
        <v>1</v>
      </c>
      <c r="S5559" s="98">
        <v>0</v>
      </c>
      <c r="T5559" s="98">
        <v>0</v>
      </c>
      <c r="U5559" s="99"/>
      <c r="V5559" s="99"/>
      <c r="W5559" s="99"/>
      <c r="X5559" s="99"/>
      <c r="Y5559" s="99"/>
      <c r="Z5559" s="99"/>
      <c r="AA5559" s="99"/>
      <c r="AB5559" s="99"/>
      <c r="AC5559" s="99"/>
      <c r="AD5559" s="99"/>
      <c r="AE5559" s="99"/>
      <c r="AF5559" s="99"/>
      <c r="AG5559" s="99"/>
      <c r="AH5559" s="99"/>
      <c r="AI5559" s="99"/>
      <c r="AJ5559" s="99"/>
      <c r="AK5559" s="99"/>
      <c r="AL5559" s="99"/>
      <c r="AM5559" s="99"/>
      <c r="AN5559" s="99"/>
      <c r="AO5559" s="99"/>
      <c r="AP5559" s="99"/>
      <c r="AQ5559" s="99"/>
      <c r="AR5559" s="99"/>
      <c r="AS5559" s="99"/>
      <c r="AT5559" s="99"/>
      <c r="AU5559" s="99"/>
      <c r="AV5559" s="99"/>
      <c r="AW5559" s="99"/>
      <c r="AX5559" s="99"/>
      <c r="AY5559" s="99"/>
      <c r="AZ5559" s="99"/>
      <c r="BA5559" s="99"/>
      <c r="BB5559" s="107">
        <v>45884</v>
      </c>
    </row>
    <row r="5560" spans="1:54" s="8" customFormat="1" ht="14.1" customHeight="1" x14ac:dyDescent="0.25">
      <c r="A5560" s="219" t="s">
        <v>12968</v>
      </c>
      <c r="B5560" s="220" t="s">
        <v>12745</v>
      </c>
      <c r="C5560" s="98" t="s">
        <v>12969</v>
      </c>
      <c r="D5560" s="98" t="s">
        <v>20052</v>
      </c>
      <c r="E5560" s="141">
        <v>2006</v>
      </c>
      <c r="F5560" s="141">
        <v>481</v>
      </c>
      <c r="G5560" s="98" t="s">
        <v>1</v>
      </c>
      <c r="H5560" s="98">
        <v>0</v>
      </c>
      <c r="I5560" s="98">
        <v>0</v>
      </c>
      <c r="J5560" s="98">
        <v>1</v>
      </c>
      <c r="K5560" s="98">
        <v>1</v>
      </c>
      <c r="L5560" s="98">
        <v>1</v>
      </c>
      <c r="M5560" s="98">
        <v>1</v>
      </c>
      <c r="N5560" s="98">
        <v>0</v>
      </c>
      <c r="O5560" s="98">
        <v>0</v>
      </c>
      <c r="P5560" s="98">
        <v>0</v>
      </c>
      <c r="Q5560" s="98">
        <v>0</v>
      </c>
      <c r="R5560" s="98">
        <v>0</v>
      </c>
      <c r="S5560" s="98">
        <v>0</v>
      </c>
      <c r="T5560" s="98">
        <v>0</v>
      </c>
      <c r="U5560" s="99"/>
      <c r="V5560" s="99"/>
      <c r="W5560" s="99"/>
      <c r="X5560" s="99"/>
      <c r="Y5560" s="99"/>
      <c r="Z5560" s="99"/>
      <c r="AA5560" s="99"/>
      <c r="AB5560" s="99"/>
      <c r="AC5560" s="99"/>
      <c r="AD5560" s="99"/>
      <c r="AE5560" s="99"/>
      <c r="AF5560" s="99"/>
      <c r="AG5560" s="99"/>
      <c r="AH5560" s="99"/>
      <c r="AI5560" s="99"/>
      <c r="AJ5560" s="99"/>
      <c r="AK5560" s="99"/>
      <c r="AL5560" s="99"/>
      <c r="AM5560" s="99"/>
      <c r="AN5560" s="99"/>
      <c r="AO5560" s="99"/>
      <c r="AP5560" s="99"/>
      <c r="AQ5560" s="99"/>
      <c r="AR5560" s="99"/>
      <c r="AS5560" s="99"/>
      <c r="AT5560" s="99"/>
      <c r="AU5560" s="99"/>
      <c r="AV5560" s="99"/>
      <c r="AW5560" s="99"/>
      <c r="AX5560" s="99"/>
      <c r="AY5560" s="99"/>
      <c r="AZ5560" s="99"/>
      <c r="BA5560" s="99"/>
      <c r="BB5560" s="107">
        <v>45884</v>
      </c>
    </row>
    <row r="5561" spans="1:54" s="8" customFormat="1" ht="14.1" customHeight="1" x14ac:dyDescent="0.25">
      <c r="A5561" s="219" t="s">
        <v>12970</v>
      </c>
      <c r="B5561" s="220" t="s">
        <v>12745</v>
      </c>
      <c r="C5561" s="98" t="s">
        <v>12971</v>
      </c>
      <c r="D5561" s="98" t="s">
        <v>20053</v>
      </c>
      <c r="E5561" s="141">
        <v>1984</v>
      </c>
      <c r="F5561" s="141">
        <v>489</v>
      </c>
      <c r="G5561" s="98" t="s">
        <v>1</v>
      </c>
      <c r="H5561" s="98">
        <v>0</v>
      </c>
      <c r="I5561" s="98">
        <v>0</v>
      </c>
      <c r="J5561" s="98">
        <v>1</v>
      </c>
      <c r="K5561" s="98">
        <v>0</v>
      </c>
      <c r="L5561" s="98">
        <v>1</v>
      </c>
      <c r="M5561" s="98">
        <v>0</v>
      </c>
      <c r="N5561" s="98">
        <v>0</v>
      </c>
      <c r="O5561" s="98">
        <v>0</v>
      </c>
      <c r="P5561" s="98">
        <v>1</v>
      </c>
      <c r="Q5561" s="98">
        <v>0</v>
      </c>
      <c r="R5561" s="98">
        <v>0</v>
      </c>
      <c r="S5561" s="98">
        <v>0</v>
      </c>
      <c r="T5561" s="98">
        <v>0</v>
      </c>
      <c r="U5561" s="99"/>
      <c r="V5561" s="99"/>
      <c r="W5561" s="99"/>
      <c r="X5561" s="99"/>
      <c r="Y5561" s="99"/>
      <c r="Z5561" s="99"/>
      <c r="AA5561" s="99"/>
      <c r="AB5561" s="99"/>
      <c r="AC5561" s="99"/>
      <c r="AD5561" s="99"/>
      <c r="AE5561" s="99"/>
      <c r="AF5561" s="99"/>
      <c r="AG5561" s="99"/>
      <c r="AH5561" s="99"/>
      <c r="AI5561" s="99"/>
      <c r="AJ5561" s="99"/>
      <c r="AK5561" s="99"/>
      <c r="AL5561" s="99"/>
      <c r="AM5561" s="99"/>
      <c r="AN5561" s="99"/>
      <c r="AO5561" s="99"/>
      <c r="AP5561" s="99"/>
      <c r="AQ5561" s="99"/>
      <c r="AR5561" s="99"/>
      <c r="AS5561" s="99"/>
      <c r="AT5561" s="99"/>
      <c r="AU5561" s="99"/>
      <c r="AV5561" s="99"/>
      <c r="AW5561" s="99"/>
      <c r="AX5561" s="99"/>
      <c r="AY5561" s="99"/>
      <c r="AZ5561" s="99"/>
      <c r="BA5561" s="99"/>
      <c r="BB5561" s="107">
        <v>45884</v>
      </c>
    </row>
    <row r="5562" spans="1:54" s="8" customFormat="1" ht="14.1" customHeight="1" x14ac:dyDescent="0.25">
      <c r="A5562" s="219" t="s">
        <v>12972</v>
      </c>
      <c r="B5562" s="220" t="s">
        <v>12745</v>
      </c>
      <c r="C5562" s="98" t="s">
        <v>12973</v>
      </c>
      <c r="D5562" s="98" t="s">
        <v>20054</v>
      </c>
      <c r="E5562" s="141">
        <v>2006</v>
      </c>
      <c r="F5562" s="141">
        <v>492</v>
      </c>
      <c r="G5562" s="98" t="s">
        <v>1</v>
      </c>
      <c r="H5562" s="98">
        <v>0</v>
      </c>
      <c r="I5562" s="98">
        <v>0</v>
      </c>
      <c r="J5562" s="98">
        <v>1</v>
      </c>
      <c r="K5562" s="98">
        <v>1</v>
      </c>
      <c r="L5562" s="98">
        <v>0</v>
      </c>
      <c r="M5562" s="98">
        <v>0</v>
      </c>
      <c r="N5562" s="98">
        <v>0</v>
      </c>
      <c r="O5562" s="98">
        <v>0</v>
      </c>
      <c r="P5562" s="98">
        <v>1</v>
      </c>
      <c r="Q5562" s="98">
        <v>1</v>
      </c>
      <c r="R5562" s="98">
        <v>0</v>
      </c>
      <c r="S5562" s="98">
        <v>0</v>
      </c>
      <c r="T5562" s="98">
        <v>0</v>
      </c>
      <c r="U5562" s="99"/>
      <c r="V5562" s="99"/>
      <c r="W5562" s="99"/>
      <c r="X5562" s="99"/>
      <c r="Y5562" s="99"/>
      <c r="Z5562" s="99"/>
      <c r="AA5562" s="99"/>
      <c r="AB5562" s="99"/>
      <c r="AC5562" s="99"/>
      <c r="AD5562" s="99"/>
      <c r="AE5562" s="99"/>
      <c r="AF5562" s="99"/>
      <c r="AG5562" s="99"/>
      <c r="AH5562" s="99"/>
      <c r="AI5562" s="99"/>
      <c r="AJ5562" s="99"/>
      <c r="AK5562" s="99"/>
      <c r="AL5562" s="99"/>
      <c r="AM5562" s="99"/>
      <c r="AN5562" s="99"/>
      <c r="AO5562" s="99"/>
      <c r="AP5562" s="99"/>
      <c r="AQ5562" s="99"/>
      <c r="AR5562" s="99"/>
      <c r="AS5562" s="99"/>
      <c r="AT5562" s="99"/>
      <c r="AU5562" s="99"/>
      <c r="AV5562" s="99"/>
      <c r="AW5562" s="99"/>
      <c r="AX5562" s="99"/>
      <c r="AY5562" s="99"/>
      <c r="AZ5562" s="99"/>
      <c r="BA5562" s="99"/>
      <c r="BB5562" s="107">
        <v>45884</v>
      </c>
    </row>
    <row r="5563" spans="1:54" s="8" customFormat="1" ht="14.1" customHeight="1" x14ac:dyDescent="0.25">
      <c r="A5563" s="219" t="s">
        <v>12974</v>
      </c>
      <c r="B5563" s="220" t="s">
        <v>12745</v>
      </c>
      <c r="C5563" s="98" t="s">
        <v>12975</v>
      </c>
      <c r="D5563" s="98" t="s">
        <v>20055</v>
      </c>
      <c r="E5563" s="141">
        <v>1983</v>
      </c>
      <c r="F5563" s="141">
        <v>494</v>
      </c>
      <c r="G5563" s="98" t="s">
        <v>1</v>
      </c>
      <c r="H5563" s="98">
        <v>0</v>
      </c>
      <c r="I5563" s="98">
        <v>0</v>
      </c>
      <c r="J5563" s="98">
        <v>1</v>
      </c>
      <c r="K5563" s="98">
        <v>1</v>
      </c>
      <c r="L5563" s="98">
        <v>0</v>
      </c>
      <c r="M5563" s="98">
        <v>1</v>
      </c>
      <c r="N5563" s="98">
        <v>0</v>
      </c>
      <c r="O5563" s="98">
        <v>0</v>
      </c>
      <c r="P5563" s="98">
        <v>0</v>
      </c>
      <c r="Q5563" s="98">
        <v>0</v>
      </c>
      <c r="R5563" s="98">
        <v>1</v>
      </c>
      <c r="S5563" s="98">
        <v>0</v>
      </c>
      <c r="T5563" s="98">
        <v>0</v>
      </c>
      <c r="U5563" s="99"/>
      <c r="V5563" s="99"/>
      <c r="W5563" s="99"/>
      <c r="X5563" s="99"/>
      <c r="Y5563" s="99"/>
      <c r="Z5563" s="99"/>
      <c r="AA5563" s="99"/>
      <c r="AB5563" s="99"/>
      <c r="AC5563" s="99"/>
      <c r="AD5563" s="99"/>
      <c r="AE5563" s="99"/>
      <c r="AF5563" s="99"/>
      <c r="AG5563" s="99"/>
      <c r="AH5563" s="99"/>
      <c r="AI5563" s="99"/>
      <c r="AJ5563" s="99"/>
      <c r="AK5563" s="99"/>
      <c r="AL5563" s="99"/>
      <c r="AM5563" s="99"/>
      <c r="AN5563" s="99"/>
      <c r="AO5563" s="99"/>
      <c r="AP5563" s="99"/>
      <c r="AQ5563" s="99"/>
      <c r="AR5563" s="99"/>
      <c r="AS5563" s="99"/>
      <c r="AT5563" s="99"/>
      <c r="AU5563" s="99"/>
      <c r="AV5563" s="99"/>
      <c r="AW5563" s="99"/>
      <c r="AX5563" s="99"/>
      <c r="AY5563" s="99"/>
      <c r="AZ5563" s="99"/>
      <c r="BA5563" s="99"/>
      <c r="BB5563" s="107">
        <v>45884</v>
      </c>
    </row>
    <row r="5564" spans="1:54" s="8" customFormat="1" ht="14.1" customHeight="1" x14ac:dyDescent="0.25">
      <c r="A5564" s="219" t="s">
        <v>12976</v>
      </c>
      <c r="B5564" s="220" t="s">
        <v>12745</v>
      </c>
      <c r="C5564" s="98" t="s">
        <v>12977</v>
      </c>
      <c r="D5564" s="98" t="s">
        <v>20056</v>
      </c>
      <c r="E5564" s="141">
        <v>1998</v>
      </c>
      <c r="F5564" s="141">
        <v>503</v>
      </c>
      <c r="G5564" s="98" t="s">
        <v>1</v>
      </c>
      <c r="H5564" s="98">
        <v>0</v>
      </c>
      <c r="I5564" s="98">
        <v>0</v>
      </c>
      <c r="J5564" s="98">
        <v>1</v>
      </c>
      <c r="K5564" s="98">
        <v>0</v>
      </c>
      <c r="L5564" s="98">
        <v>0</v>
      </c>
      <c r="M5564" s="98">
        <v>0</v>
      </c>
      <c r="N5564" s="98">
        <v>0</v>
      </c>
      <c r="O5564" s="98">
        <v>0</v>
      </c>
      <c r="P5564" s="98">
        <v>0</v>
      </c>
      <c r="Q5564" s="98">
        <v>0</v>
      </c>
      <c r="R5564" s="98">
        <v>0</v>
      </c>
      <c r="S5564" s="98">
        <v>0</v>
      </c>
      <c r="T5564" s="98">
        <v>0</v>
      </c>
      <c r="U5564" s="99"/>
      <c r="V5564" s="99"/>
      <c r="W5564" s="99"/>
      <c r="X5564" s="99"/>
      <c r="Y5564" s="99"/>
      <c r="Z5564" s="99"/>
      <c r="AA5564" s="99"/>
      <c r="AB5564" s="99"/>
      <c r="AC5564" s="99"/>
      <c r="AD5564" s="99"/>
      <c r="AE5564" s="99"/>
      <c r="AF5564" s="99"/>
      <c r="AG5564" s="99"/>
      <c r="AH5564" s="99"/>
      <c r="AI5564" s="99"/>
      <c r="AJ5564" s="99"/>
      <c r="AK5564" s="99"/>
      <c r="AL5564" s="99"/>
      <c r="AM5564" s="99"/>
      <c r="AN5564" s="99"/>
      <c r="AO5564" s="99"/>
      <c r="AP5564" s="99"/>
      <c r="AQ5564" s="99"/>
      <c r="AR5564" s="99"/>
      <c r="AS5564" s="99"/>
      <c r="AT5564" s="99"/>
      <c r="AU5564" s="99"/>
      <c r="AV5564" s="99"/>
      <c r="AW5564" s="99"/>
      <c r="AX5564" s="99"/>
      <c r="AY5564" s="99"/>
      <c r="AZ5564" s="99"/>
      <c r="BA5564" s="99"/>
      <c r="BB5564" s="107">
        <v>45884</v>
      </c>
    </row>
    <row r="5565" spans="1:54" s="8" customFormat="1" ht="14.1" customHeight="1" x14ac:dyDescent="0.25">
      <c r="A5565" s="219" t="s">
        <v>12978</v>
      </c>
      <c r="B5565" s="220" t="s">
        <v>12745</v>
      </c>
      <c r="C5565" s="98" t="s">
        <v>12979</v>
      </c>
      <c r="D5565" s="98" t="s">
        <v>20057</v>
      </c>
      <c r="E5565" s="141">
        <v>2002</v>
      </c>
      <c r="F5565" s="141">
        <v>513</v>
      </c>
      <c r="G5565" s="98" t="s">
        <v>1</v>
      </c>
      <c r="H5565" s="98">
        <v>0</v>
      </c>
      <c r="I5565" s="98">
        <v>0</v>
      </c>
      <c r="J5565" s="98">
        <v>1</v>
      </c>
      <c r="K5565" s="98">
        <v>1</v>
      </c>
      <c r="L5565" s="98">
        <v>0</v>
      </c>
      <c r="M5565" s="98">
        <v>1</v>
      </c>
      <c r="N5565" s="98">
        <v>0</v>
      </c>
      <c r="O5565" s="98">
        <v>0</v>
      </c>
      <c r="P5565" s="98">
        <v>0</v>
      </c>
      <c r="Q5565" s="98">
        <v>0</v>
      </c>
      <c r="R5565" s="98">
        <v>0</v>
      </c>
      <c r="S5565" s="98">
        <v>0</v>
      </c>
      <c r="T5565" s="98">
        <v>0</v>
      </c>
      <c r="U5565" s="99"/>
      <c r="V5565" s="99"/>
      <c r="W5565" s="99"/>
      <c r="X5565" s="99"/>
      <c r="Y5565" s="99"/>
      <c r="Z5565" s="99"/>
      <c r="AA5565" s="99"/>
      <c r="AB5565" s="99"/>
      <c r="AC5565" s="99"/>
      <c r="AD5565" s="99"/>
      <c r="AE5565" s="99"/>
      <c r="AF5565" s="99"/>
      <c r="AG5565" s="99"/>
      <c r="AH5565" s="99"/>
      <c r="AI5565" s="99"/>
      <c r="AJ5565" s="99"/>
      <c r="AK5565" s="99"/>
      <c r="AL5565" s="99"/>
      <c r="AM5565" s="99"/>
      <c r="AN5565" s="99"/>
      <c r="AO5565" s="99"/>
      <c r="AP5565" s="99"/>
      <c r="AQ5565" s="99"/>
      <c r="AR5565" s="99"/>
      <c r="AS5565" s="99"/>
      <c r="AT5565" s="99"/>
      <c r="AU5565" s="99"/>
      <c r="AV5565" s="99"/>
      <c r="AW5565" s="99"/>
      <c r="AX5565" s="99"/>
      <c r="AY5565" s="99"/>
      <c r="AZ5565" s="99"/>
      <c r="BA5565" s="99"/>
      <c r="BB5565" s="107">
        <v>45884</v>
      </c>
    </row>
    <row r="5566" spans="1:54" s="8" customFormat="1" ht="14.1" customHeight="1" x14ac:dyDescent="0.25">
      <c r="A5566" s="219" t="s">
        <v>12980</v>
      </c>
      <c r="B5566" s="220" t="s">
        <v>12745</v>
      </c>
      <c r="C5566" s="98" t="s">
        <v>12981</v>
      </c>
      <c r="D5566" s="98" t="s">
        <v>20058</v>
      </c>
      <c r="E5566" s="141">
        <v>1979</v>
      </c>
      <c r="F5566" s="141">
        <v>529</v>
      </c>
      <c r="G5566" s="98" t="s">
        <v>1</v>
      </c>
      <c r="H5566" s="98">
        <v>0</v>
      </c>
      <c r="I5566" s="98">
        <v>0</v>
      </c>
      <c r="J5566" s="98">
        <v>0</v>
      </c>
      <c r="K5566" s="98">
        <v>0</v>
      </c>
      <c r="L5566" s="98">
        <v>0</v>
      </c>
      <c r="M5566" s="98">
        <v>0</v>
      </c>
      <c r="N5566" s="98">
        <v>0</v>
      </c>
      <c r="O5566" s="98">
        <v>0</v>
      </c>
      <c r="P5566" s="98">
        <v>0</v>
      </c>
      <c r="Q5566" s="98">
        <v>0</v>
      </c>
      <c r="R5566" s="98">
        <v>0</v>
      </c>
      <c r="S5566" s="98">
        <v>0</v>
      </c>
      <c r="T5566" s="98">
        <v>0</v>
      </c>
      <c r="U5566" s="99"/>
      <c r="V5566" s="99"/>
      <c r="W5566" s="99"/>
      <c r="X5566" s="99"/>
      <c r="Y5566" s="99"/>
      <c r="Z5566" s="99"/>
      <c r="AA5566" s="99"/>
      <c r="AB5566" s="99"/>
      <c r="AC5566" s="99"/>
      <c r="AD5566" s="99"/>
      <c r="AE5566" s="99"/>
      <c r="AF5566" s="99"/>
      <c r="AG5566" s="99"/>
      <c r="AH5566" s="99"/>
      <c r="AI5566" s="99"/>
      <c r="AJ5566" s="99"/>
      <c r="AK5566" s="99"/>
      <c r="AL5566" s="99"/>
      <c r="AM5566" s="99"/>
      <c r="AN5566" s="99"/>
      <c r="AO5566" s="99"/>
      <c r="AP5566" s="99"/>
      <c r="AQ5566" s="99"/>
      <c r="AR5566" s="99"/>
      <c r="AS5566" s="99"/>
      <c r="AT5566" s="99"/>
      <c r="AU5566" s="99"/>
      <c r="AV5566" s="99"/>
      <c r="AW5566" s="99"/>
      <c r="AX5566" s="99"/>
      <c r="AY5566" s="99"/>
      <c r="AZ5566" s="99"/>
      <c r="BA5566" s="99"/>
      <c r="BB5566" s="107">
        <v>45884</v>
      </c>
    </row>
    <row r="5567" spans="1:54" s="8" customFormat="1" ht="14.1" customHeight="1" x14ac:dyDescent="0.25">
      <c r="A5567" s="219" t="s">
        <v>12982</v>
      </c>
      <c r="B5567" s="220" t="s">
        <v>12745</v>
      </c>
      <c r="C5567" s="98" t="s">
        <v>12983</v>
      </c>
      <c r="D5567" s="98" t="s">
        <v>20059</v>
      </c>
      <c r="E5567" s="141">
        <v>1982</v>
      </c>
      <c r="F5567" s="141">
        <v>536</v>
      </c>
      <c r="G5567" s="98" t="s">
        <v>1</v>
      </c>
      <c r="H5567" s="98">
        <v>0</v>
      </c>
      <c r="I5567" s="98">
        <v>0</v>
      </c>
      <c r="J5567" s="98">
        <v>1</v>
      </c>
      <c r="K5567" s="98">
        <v>0</v>
      </c>
      <c r="L5567" s="98">
        <v>0</v>
      </c>
      <c r="M5567" s="98">
        <v>0</v>
      </c>
      <c r="N5567" s="98">
        <v>0</v>
      </c>
      <c r="O5567" s="98">
        <v>0</v>
      </c>
      <c r="P5567" s="98">
        <v>0</v>
      </c>
      <c r="Q5567" s="98">
        <v>0</v>
      </c>
      <c r="R5567" s="98">
        <v>0</v>
      </c>
      <c r="S5567" s="98">
        <v>0</v>
      </c>
      <c r="T5567" s="98">
        <v>0</v>
      </c>
      <c r="U5567" s="99"/>
      <c r="V5567" s="99"/>
      <c r="W5567" s="99"/>
      <c r="X5567" s="99"/>
      <c r="Y5567" s="99"/>
      <c r="Z5567" s="99"/>
      <c r="AA5567" s="99"/>
      <c r="AB5567" s="99"/>
      <c r="AC5567" s="99"/>
      <c r="AD5567" s="99"/>
      <c r="AE5567" s="99"/>
      <c r="AF5567" s="99"/>
      <c r="AG5567" s="99"/>
      <c r="AH5567" s="99"/>
      <c r="AI5567" s="99"/>
      <c r="AJ5567" s="99"/>
      <c r="AK5567" s="99"/>
      <c r="AL5567" s="99"/>
      <c r="AM5567" s="99"/>
      <c r="AN5567" s="99"/>
      <c r="AO5567" s="99"/>
      <c r="AP5567" s="99"/>
      <c r="AQ5567" s="99"/>
      <c r="AR5567" s="99"/>
      <c r="AS5567" s="99"/>
      <c r="AT5567" s="99"/>
      <c r="AU5567" s="99"/>
      <c r="AV5567" s="99"/>
      <c r="AW5567" s="99"/>
      <c r="AX5567" s="99"/>
      <c r="AY5567" s="99"/>
      <c r="AZ5567" s="99"/>
      <c r="BA5567" s="98" t="s">
        <v>21970</v>
      </c>
      <c r="BB5567" s="107">
        <v>45884</v>
      </c>
    </row>
    <row r="5568" spans="1:54" s="8" customFormat="1" ht="14.1" customHeight="1" x14ac:dyDescent="0.25">
      <c r="A5568" s="219" t="s">
        <v>12984</v>
      </c>
      <c r="B5568" s="220" t="s">
        <v>12745</v>
      </c>
      <c r="C5568" s="98" t="s">
        <v>12985</v>
      </c>
      <c r="D5568" s="98" t="s">
        <v>20060</v>
      </c>
      <c r="E5568" s="141">
        <v>1992</v>
      </c>
      <c r="F5568" s="141">
        <v>553</v>
      </c>
      <c r="G5568" s="98" t="s">
        <v>1</v>
      </c>
      <c r="H5568" s="98">
        <v>0</v>
      </c>
      <c r="I5568" s="98">
        <v>0</v>
      </c>
      <c r="J5568" s="98">
        <v>1</v>
      </c>
      <c r="K5568" s="98">
        <v>0</v>
      </c>
      <c r="L5568" s="98">
        <v>1</v>
      </c>
      <c r="M5568" s="98">
        <v>0</v>
      </c>
      <c r="N5568" s="98">
        <v>0</v>
      </c>
      <c r="O5568" s="98">
        <v>0</v>
      </c>
      <c r="P5568" s="98">
        <v>1</v>
      </c>
      <c r="Q5568" s="98">
        <v>0</v>
      </c>
      <c r="R5568" s="98">
        <v>0</v>
      </c>
      <c r="S5568" s="98">
        <v>0</v>
      </c>
      <c r="T5568" s="98">
        <v>0</v>
      </c>
      <c r="U5568" s="99"/>
      <c r="V5568" s="99"/>
      <c r="W5568" s="99"/>
      <c r="X5568" s="99"/>
      <c r="Y5568" s="99"/>
      <c r="Z5568" s="99"/>
      <c r="AA5568" s="99"/>
      <c r="AB5568" s="99"/>
      <c r="AC5568" s="99"/>
      <c r="AD5568" s="99"/>
      <c r="AE5568" s="99"/>
      <c r="AF5568" s="99"/>
      <c r="AG5568" s="99"/>
      <c r="AH5568" s="99"/>
      <c r="AI5568" s="99"/>
      <c r="AJ5568" s="99"/>
      <c r="AK5568" s="99"/>
      <c r="AL5568" s="99"/>
      <c r="AM5568" s="99"/>
      <c r="AN5568" s="99"/>
      <c r="AO5568" s="99"/>
      <c r="AP5568" s="99"/>
      <c r="AQ5568" s="99"/>
      <c r="AR5568" s="99"/>
      <c r="AS5568" s="99"/>
      <c r="AT5568" s="99"/>
      <c r="AU5568" s="99"/>
      <c r="AV5568" s="99"/>
      <c r="AW5568" s="99"/>
      <c r="AX5568" s="99"/>
      <c r="AY5568" s="99"/>
      <c r="AZ5568" s="99"/>
      <c r="BA5568" s="99"/>
      <c r="BB5568" s="107">
        <v>45884</v>
      </c>
    </row>
    <row r="5569" spans="1:54" s="8" customFormat="1" ht="14.1" customHeight="1" x14ac:dyDescent="0.25">
      <c r="A5569" s="219" t="s">
        <v>12986</v>
      </c>
      <c r="B5569" s="220" t="s">
        <v>12745</v>
      </c>
      <c r="C5569" s="98" t="s">
        <v>12987</v>
      </c>
      <c r="D5569" s="98" t="s">
        <v>20061</v>
      </c>
      <c r="E5569" s="141">
        <v>1994</v>
      </c>
      <c r="F5569" s="141">
        <v>569</v>
      </c>
      <c r="G5569" s="98" t="s">
        <v>1</v>
      </c>
      <c r="H5569" s="98">
        <v>0</v>
      </c>
      <c r="I5569" s="98">
        <v>0</v>
      </c>
      <c r="J5569" s="98">
        <v>1</v>
      </c>
      <c r="K5569" s="98">
        <v>0</v>
      </c>
      <c r="L5569" s="98">
        <v>0</v>
      </c>
      <c r="M5569" s="98">
        <v>0</v>
      </c>
      <c r="N5569" s="98">
        <v>1</v>
      </c>
      <c r="O5569" s="98">
        <v>0</v>
      </c>
      <c r="P5569" s="98">
        <v>0</v>
      </c>
      <c r="Q5569" s="98">
        <v>0</v>
      </c>
      <c r="R5569" s="98">
        <v>0</v>
      </c>
      <c r="S5569" s="98">
        <v>0</v>
      </c>
      <c r="T5569" s="98">
        <v>0</v>
      </c>
      <c r="U5569" s="99"/>
      <c r="V5569" s="99"/>
      <c r="W5569" s="99"/>
      <c r="X5569" s="99"/>
      <c r="Y5569" s="99"/>
      <c r="Z5569" s="99"/>
      <c r="AA5569" s="99"/>
      <c r="AB5569" s="99"/>
      <c r="AC5569" s="99"/>
      <c r="AD5569" s="99"/>
      <c r="AE5569" s="99"/>
      <c r="AF5569" s="99"/>
      <c r="AG5569" s="99"/>
      <c r="AH5569" s="99"/>
      <c r="AI5569" s="99"/>
      <c r="AJ5569" s="99"/>
      <c r="AK5569" s="99"/>
      <c r="AL5569" s="99"/>
      <c r="AM5569" s="99"/>
      <c r="AN5569" s="99"/>
      <c r="AO5569" s="99"/>
      <c r="AP5569" s="99"/>
      <c r="AQ5569" s="99"/>
      <c r="AR5569" s="99"/>
      <c r="AS5569" s="99"/>
      <c r="AT5569" s="99"/>
      <c r="AU5569" s="99"/>
      <c r="AV5569" s="99"/>
      <c r="AW5569" s="99"/>
      <c r="AX5569" s="99"/>
      <c r="AY5569" s="99"/>
      <c r="AZ5569" s="99"/>
      <c r="BA5569" s="99"/>
      <c r="BB5569" s="107">
        <v>45884</v>
      </c>
    </row>
    <row r="5570" spans="1:54" s="8" customFormat="1" ht="14.1" customHeight="1" x14ac:dyDescent="0.25">
      <c r="A5570" s="219" t="s">
        <v>12988</v>
      </c>
      <c r="B5570" s="220" t="s">
        <v>12745</v>
      </c>
      <c r="C5570" s="98" t="s">
        <v>12989</v>
      </c>
      <c r="D5570" s="98" t="s">
        <v>20062</v>
      </c>
      <c r="E5570" s="141">
        <v>1978</v>
      </c>
      <c r="F5570" s="141">
        <v>570</v>
      </c>
      <c r="G5570" s="98" t="s">
        <v>1</v>
      </c>
      <c r="H5570" s="98">
        <v>0</v>
      </c>
      <c r="I5570" s="98">
        <v>0</v>
      </c>
      <c r="J5570" s="98">
        <v>1</v>
      </c>
      <c r="K5570" s="98">
        <v>0</v>
      </c>
      <c r="L5570" s="98">
        <v>1</v>
      </c>
      <c r="M5570" s="98">
        <v>0</v>
      </c>
      <c r="N5570" s="98">
        <v>0</v>
      </c>
      <c r="O5570" s="98">
        <v>1</v>
      </c>
      <c r="P5570" s="98">
        <v>1</v>
      </c>
      <c r="Q5570" s="98">
        <v>0</v>
      </c>
      <c r="R5570" s="98">
        <v>0</v>
      </c>
      <c r="S5570" s="98">
        <v>0</v>
      </c>
      <c r="T5570" s="98">
        <v>0</v>
      </c>
      <c r="U5570" s="99"/>
      <c r="V5570" s="99"/>
      <c r="W5570" s="99"/>
      <c r="X5570" s="99"/>
      <c r="Y5570" s="99"/>
      <c r="Z5570" s="99"/>
      <c r="AA5570" s="99"/>
      <c r="AB5570" s="99"/>
      <c r="AC5570" s="99"/>
      <c r="AD5570" s="99"/>
      <c r="AE5570" s="99"/>
      <c r="AF5570" s="99"/>
      <c r="AG5570" s="99"/>
      <c r="AH5570" s="99"/>
      <c r="AI5570" s="99"/>
      <c r="AJ5570" s="99"/>
      <c r="AK5570" s="99"/>
      <c r="AL5570" s="99"/>
      <c r="AM5570" s="99"/>
      <c r="AN5570" s="99"/>
      <c r="AO5570" s="99"/>
      <c r="AP5570" s="99"/>
      <c r="AQ5570" s="99"/>
      <c r="AR5570" s="99"/>
      <c r="AS5570" s="99"/>
      <c r="AT5570" s="99"/>
      <c r="AU5570" s="99"/>
      <c r="AV5570" s="99"/>
      <c r="AW5570" s="99"/>
      <c r="AX5570" s="99"/>
      <c r="AY5570" s="99"/>
      <c r="AZ5570" s="99"/>
      <c r="BA5570" s="98" t="s">
        <v>12857</v>
      </c>
      <c r="BB5570" s="107">
        <v>45884</v>
      </c>
    </row>
    <row r="5571" spans="1:54" s="8" customFormat="1" ht="14.1" customHeight="1" x14ac:dyDescent="0.25">
      <c r="A5571" s="219" t="s">
        <v>12990</v>
      </c>
      <c r="B5571" s="220" t="s">
        <v>12745</v>
      </c>
      <c r="C5571" s="98" t="s">
        <v>12991</v>
      </c>
      <c r="D5571" s="98" t="s">
        <v>20063</v>
      </c>
      <c r="E5571" s="141">
        <v>1997</v>
      </c>
      <c r="F5571" s="141">
        <v>570</v>
      </c>
      <c r="G5571" s="98" t="s">
        <v>1</v>
      </c>
      <c r="H5571" s="98">
        <v>0</v>
      </c>
      <c r="I5571" s="98">
        <v>0</v>
      </c>
      <c r="J5571" s="98">
        <v>1</v>
      </c>
      <c r="K5571" s="98">
        <v>0</v>
      </c>
      <c r="L5571" s="98">
        <v>1</v>
      </c>
      <c r="M5571" s="98">
        <v>1</v>
      </c>
      <c r="N5571" s="98">
        <v>0</v>
      </c>
      <c r="O5571" s="98">
        <v>0</v>
      </c>
      <c r="P5571" s="98">
        <v>0</v>
      </c>
      <c r="Q5571" s="98">
        <v>0</v>
      </c>
      <c r="R5571" s="98">
        <v>0</v>
      </c>
      <c r="S5571" s="98">
        <v>0</v>
      </c>
      <c r="T5571" s="98">
        <v>0</v>
      </c>
      <c r="U5571" s="99"/>
      <c r="V5571" s="99"/>
      <c r="W5571" s="99"/>
      <c r="X5571" s="99"/>
      <c r="Y5571" s="99"/>
      <c r="Z5571" s="99"/>
      <c r="AA5571" s="99"/>
      <c r="AB5571" s="99"/>
      <c r="AC5571" s="99"/>
      <c r="AD5571" s="99"/>
      <c r="AE5571" s="99"/>
      <c r="AF5571" s="99"/>
      <c r="AG5571" s="99"/>
      <c r="AH5571" s="99"/>
      <c r="AI5571" s="99"/>
      <c r="AJ5571" s="99"/>
      <c r="AK5571" s="99"/>
      <c r="AL5571" s="99"/>
      <c r="AM5571" s="99"/>
      <c r="AN5571" s="99"/>
      <c r="AO5571" s="99"/>
      <c r="AP5571" s="99"/>
      <c r="AQ5571" s="99"/>
      <c r="AR5571" s="99"/>
      <c r="AS5571" s="99"/>
      <c r="AT5571" s="99"/>
      <c r="AU5571" s="99"/>
      <c r="AV5571" s="99"/>
      <c r="AW5571" s="99"/>
      <c r="AX5571" s="99"/>
      <c r="AY5571" s="99"/>
      <c r="AZ5571" s="99"/>
      <c r="BA5571" s="99"/>
      <c r="BB5571" s="107">
        <v>45884</v>
      </c>
    </row>
    <row r="5572" spans="1:54" s="8" customFormat="1" ht="14.1" customHeight="1" x14ac:dyDescent="0.25">
      <c r="A5572" s="219" t="s">
        <v>12992</v>
      </c>
      <c r="B5572" s="220" t="s">
        <v>12745</v>
      </c>
      <c r="C5572" s="98" t="s">
        <v>12993</v>
      </c>
      <c r="D5572" s="98" t="s">
        <v>20064</v>
      </c>
      <c r="E5572" s="141">
        <v>1978</v>
      </c>
      <c r="F5572" s="141">
        <v>573</v>
      </c>
      <c r="G5572" s="98" t="s">
        <v>1</v>
      </c>
      <c r="H5572" s="98">
        <v>0</v>
      </c>
      <c r="I5572" s="98">
        <v>0</v>
      </c>
      <c r="J5572" s="98">
        <v>1</v>
      </c>
      <c r="K5572" s="98">
        <v>0</v>
      </c>
      <c r="L5572" s="98">
        <v>1</v>
      </c>
      <c r="M5572" s="98">
        <v>0</v>
      </c>
      <c r="N5572" s="98">
        <v>0</v>
      </c>
      <c r="O5572" s="98">
        <v>0</v>
      </c>
      <c r="P5572" s="98">
        <v>1</v>
      </c>
      <c r="Q5572" s="98">
        <v>0</v>
      </c>
      <c r="R5572" s="98">
        <v>0</v>
      </c>
      <c r="S5572" s="98">
        <v>0</v>
      </c>
      <c r="T5572" s="98">
        <v>0</v>
      </c>
      <c r="U5572" s="99"/>
      <c r="V5572" s="99"/>
      <c r="W5572" s="99"/>
      <c r="X5572" s="99"/>
      <c r="Y5572" s="99"/>
      <c r="Z5572" s="99"/>
      <c r="AA5572" s="99"/>
      <c r="AB5572" s="99"/>
      <c r="AC5572" s="99"/>
      <c r="AD5572" s="99"/>
      <c r="AE5572" s="99"/>
      <c r="AF5572" s="99"/>
      <c r="AG5572" s="99"/>
      <c r="AH5572" s="99"/>
      <c r="AI5572" s="99"/>
      <c r="AJ5572" s="99"/>
      <c r="AK5572" s="99"/>
      <c r="AL5572" s="99"/>
      <c r="AM5572" s="99"/>
      <c r="AN5572" s="99"/>
      <c r="AO5572" s="99"/>
      <c r="AP5572" s="99"/>
      <c r="AQ5572" s="99"/>
      <c r="AR5572" s="99"/>
      <c r="AS5572" s="99"/>
      <c r="AT5572" s="99"/>
      <c r="AU5572" s="99"/>
      <c r="AV5572" s="99"/>
      <c r="AW5572" s="99"/>
      <c r="AX5572" s="99"/>
      <c r="AY5572" s="99"/>
      <c r="AZ5572" s="99"/>
      <c r="BA5572" s="99"/>
      <c r="BB5572" s="107">
        <v>45884</v>
      </c>
    </row>
    <row r="5573" spans="1:54" s="8" customFormat="1" ht="14.1" customHeight="1" x14ac:dyDescent="0.25">
      <c r="A5573" s="219" t="s">
        <v>12994</v>
      </c>
      <c r="B5573" s="220" t="s">
        <v>12745</v>
      </c>
      <c r="C5573" s="98" t="s">
        <v>12995</v>
      </c>
      <c r="D5573" s="98" t="s">
        <v>20065</v>
      </c>
      <c r="E5573" s="141">
        <v>1978</v>
      </c>
      <c r="F5573" s="141">
        <v>592</v>
      </c>
      <c r="G5573" s="98" t="s">
        <v>1</v>
      </c>
      <c r="H5573" s="98">
        <v>0</v>
      </c>
      <c r="I5573" s="98">
        <v>0</v>
      </c>
      <c r="J5573" s="98">
        <v>1</v>
      </c>
      <c r="K5573" s="98">
        <v>1</v>
      </c>
      <c r="L5573" s="98">
        <v>1</v>
      </c>
      <c r="M5573" s="98">
        <v>0</v>
      </c>
      <c r="N5573" s="98">
        <v>0</v>
      </c>
      <c r="O5573" s="98">
        <v>0</v>
      </c>
      <c r="P5573" s="98">
        <v>0</v>
      </c>
      <c r="Q5573" s="98">
        <v>0</v>
      </c>
      <c r="R5573" s="98">
        <v>1</v>
      </c>
      <c r="S5573" s="98">
        <v>0</v>
      </c>
      <c r="T5573" s="98">
        <v>0</v>
      </c>
      <c r="U5573" s="99"/>
      <c r="V5573" s="99"/>
      <c r="W5573" s="99"/>
      <c r="X5573" s="99"/>
      <c r="Y5573" s="99"/>
      <c r="Z5573" s="99"/>
      <c r="AA5573" s="99"/>
      <c r="AB5573" s="99"/>
      <c r="AC5573" s="99"/>
      <c r="AD5573" s="99"/>
      <c r="AE5573" s="99"/>
      <c r="AF5573" s="99"/>
      <c r="AG5573" s="99"/>
      <c r="AH5573" s="99"/>
      <c r="AI5573" s="99"/>
      <c r="AJ5573" s="99"/>
      <c r="AK5573" s="99"/>
      <c r="AL5573" s="99"/>
      <c r="AM5573" s="99"/>
      <c r="AN5573" s="99"/>
      <c r="AO5573" s="99"/>
      <c r="AP5573" s="99"/>
      <c r="AQ5573" s="99"/>
      <c r="AR5573" s="99"/>
      <c r="AS5573" s="99"/>
      <c r="AT5573" s="99"/>
      <c r="AU5573" s="99"/>
      <c r="AV5573" s="99"/>
      <c r="AW5573" s="99"/>
      <c r="AX5573" s="99"/>
      <c r="AY5573" s="99"/>
      <c r="AZ5573" s="99"/>
      <c r="BA5573" s="99"/>
      <c r="BB5573" s="107">
        <v>45884</v>
      </c>
    </row>
    <row r="5574" spans="1:54" s="8" customFormat="1" ht="14.1" customHeight="1" x14ac:dyDescent="0.25">
      <c r="A5574" s="219" t="s">
        <v>12996</v>
      </c>
      <c r="B5574" s="220" t="s">
        <v>12745</v>
      </c>
      <c r="C5574" s="98" t="s">
        <v>12997</v>
      </c>
      <c r="D5574" s="98" t="s">
        <v>20066</v>
      </c>
      <c r="E5574" s="141">
        <v>1982</v>
      </c>
      <c r="F5574" s="141">
        <v>602</v>
      </c>
      <c r="G5574" s="98" t="s">
        <v>1</v>
      </c>
      <c r="H5574" s="98">
        <v>0</v>
      </c>
      <c r="I5574" s="98">
        <v>0</v>
      </c>
      <c r="J5574" s="98">
        <v>1</v>
      </c>
      <c r="K5574" s="98">
        <v>0</v>
      </c>
      <c r="L5574" s="98">
        <v>1</v>
      </c>
      <c r="M5574" s="98">
        <v>0</v>
      </c>
      <c r="N5574" s="98">
        <v>0</v>
      </c>
      <c r="O5574" s="98">
        <v>1</v>
      </c>
      <c r="P5574" s="98">
        <v>0</v>
      </c>
      <c r="Q5574" s="98">
        <v>0</v>
      </c>
      <c r="R5574" s="98">
        <v>0</v>
      </c>
      <c r="S5574" s="98">
        <v>0</v>
      </c>
      <c r="T5574" s="98">
        <v>0</v>
      </c>
      <c r="U5574" s="99"/>
      <c r="V5574" s="99"/>
      <c r="W5574" s="99"/>
      <c r="X5574" s="99"/>
      <c r="Y5574" s="99"/>
      <c r="Z5574" s="99"/>
      <c r="AA5574" s="99"/>
      <c r="AB5574" s="99"/>
      <c r="AC5574" s="99"/>
      <c r="AD5574" s="99"/>
      <c r="AE5574" s="99"/>
      <c r="AF5574" s="99"/>
      <c r="AG5574" s="99"/>
      <c r="AH5574" s="99"/>
      <c r="AI5574" s="99"/>
      <c r="AJ5574" s="99"/>
      <c r="AK5574" s="99"/>
      <c r="AL5574" s="99"/>
      <c r="AM5574" s="99"/>
      <c r="AN5574" s="99"/>
      <c r="AO5574" s="99"/>
      <c r="AP5574" s="99"/>
      <c r="AQ5574" s="99"/>
      <c r="AR5574" s="99"/>
      <c r="AS5574" s="99"/>
      <c r="AT5574" s="99"/>
      <c r="AU5574" s="99"/>
      <c r="AV5574" s="99"/>
      <c r="AW5574" s="99"/>
      <c r="AX5574" s="99"/>
      <c r="AY5574" s="99"/>
      <c r="AZ5574" s="99"/>
      <c r="BA5574" s="99"/>
      <c r="BB5574" s="107">
        <v>45884</v>
      </c>
    </row>
    <row r="5575" spans="1:54" s="8" customFormat="1" ht="14.1" customHeight="1" x14ac:dyDescent="0.25">
      <c r="A5575" s="219" t="s">
        <v>12998</v>
      </c>
      <c r="B5575" s="220" t="s">
        <v>12745</v>
      </c>
      <c r="C5575" s="98" t="s">
        <v>12999</v>
      </c>
      <c r="D5575" s="98" t="s">
        <v>20067</v>
      </c>
      <c r="E5575" s="141">
        <v>2000</v>
      </c>
      <c r="F5575" s="141">
        <v>606</v>
      </c>
      <c r="G5575" s="98" t="s">
        <v>1</v>
      </c>
      <c r="H5575" s="98">
        <v>0</v>
      </c>
      <c r="I5575" s="98">
        <v>0</v>
      </c>
      <c r="J5575" s="98">
        <v>1</v>
      </c>
      <c r="K5575" s="98">
        <v>1</v>
      </c>
      <c r="L5575" s="98">
        <v>0</v>
      </c>
      <c r="M5575" s="98">
        <v>1</v>
      </c>
      <c r="N5575" s="98">
        <v>0</v>
      </c>
      <c r="O5575" s="98">
        <v>0</v>
      </c>
      <c r="P5575" s="98">
        <v>0</v>
      </c>
      <c r="Q5575" s="98">
        <v>0</v>
      </c>
      <c r="R5575" s="98">
        <v>0</v>
      </c>
      <c r="S5575" s="98">
        <v>0</v>
      </c>
      <c r="T5575" s="98">
        <v>0</v>
      </c>
      <c r="U5575" s="99"/>
      <c r="V5575" s="99"/>
      <c r="W5575" s="99"/>
      <c r="X5575" s="99"/>
      <c r="Y5575" s="99"/>
      <c r="Z5575" s="99"/>
      <c r="AA5575" s="99"/>
      <c r="AB5575" s="99"/>
      <c r="AC5575" s="99"/>
      <c r="AD5575" s="99"/>
      <c r="AE5575" s="99"/>
      <c r="AF5575" s="99"/>
      <c r="AG5575" s="99"/>
      <c r="AH5575" s="99"/>
      <c r="AI5575" s="99"/>
      <c r="AJ5575" s="99"/>
      <c r="AK5575" s="99"/>
      <c r="AL5575" s="99"/>
      <c r="AM5575" s="99"/>
      <c r="AN5575" s="99"/>
      <c r="AO5575" s="99"/>
      <c r="AP5575" s="99"/>
      <c r="AQ5575" s="99"/>
      <c r="AR5575" s="99"/>
      <c r="AS5575" s="99"/>
      <c r="AT5575" s="99"/>
      <c r="AU5575" s="99"/>
      <c r="AV5575" s="99"/>
      <c r="AW5575" s="99"/>
      <c r="AX5575" s="99"/>
      <c r="AY5575" s="99"/>
      <c r="AZ5575" s="99"/>
      <c r="BA5575" s="99"/>
      <c r="BB5575" s="107">
        <v>45884</v>
      </c>
    </row>
    <row r="5576" spans="1:54" s="8" customFormat="1" ht="14.1" customHeight="1" x14ac:dyDescent="0.25">
      <c r="A5576" s="219" t="s">
        <v>13000</v>
      </c>
      <c r="B5576" s="220" t="s">
        <v>12745</v>
      </c>
      <c r="C5576" s="98" t="s">
        <v>13001</v>
      </c>
      <c r="D5576" s="98" t="s">
        <v>20068</v>
      </c>
      <c r="E5576" s="141">
        <v>1976</v>
      </c>
      <c r="F5576" s="141">
        <v>611</v>
      </c>
      <c r="G5576" s="98" t="s">
        <v>1</v>
      </c>
      <c r="H5576" s="98">
        <v>0</v>
      </c>
      <c r="I5576" s="98">
        <v>0</v>
      </c>
      <c r="J5576" s="98">
        <v>1</v>
      </c>
      <c r="K5576" s="98">
        <v>1</v>
      </c>
      <c r="L5576" s="98">
        <v>1</v>
      </c>
      <c r="M5576" s="98">
        <v>0</v>
      </c>
      <c r="N5576" s="98">
        <v>0</v>
      </c>
      <c r="O5576" s="98">
        <v>1</v>
      </c>
      <c r="P5576" s="98">
        <v>1</v>
      </c>
      <c r="Q5576" s="98">
        <v>1</v>
      </c>
      <c r="R5576" s="98">
        <v>1</v>
      </c>
      <c r="S5576" s="98">
        <v>0</v>
      </c>
      <c r="T5576" s="98">
        <v>0</v>
      </c>
      <c r="U5576" s="99"/>
      <c r="V5576" s="99"/>
      <c r="W5576" s="99"/>
      <c r="X5576" s="99"/>
      <c r="Y5576" s="99"/>
      <c r="Z5576" s="99"/>
      <c r="AA5576" s="99"/>
      <c r="AB5576" s="99"/>
      <c r="AC5576" s="99"/>
      <c r="AD5576" s="99"/>
      <c r="AE5576" s="99"/>
      <c r="AF5576" s="99"/>
      <c r="AG5576" s="99"/>
      <c r="AH5576" s="99"/>
      <c r="AI5576" s="99"/>
      <c r="AJ5576" s="99"/>
      <c r="AK5576" s="99"/>
      <c r="AL5576" s="99"/>
      <c r="AM5576" s="99"/>
      <c r="AN5576" s="99"/>
      <c r="AO5576" s="99"/>
      <c r="AP5576" s="99"/>
      <c r="AQ5576" s="99"/>
      <c r="AR5576" s="99"/>
      <c r="AS5576" s="99"/>
      <c r="AT5576" s="99"/>
      <c r="AU5576" s="99"/>
      <c r="AV5576" s="99"/>
      <c r="AW5576" s="99"/>
      <c r="AX5576" s="99"/>
      <c r="AY5576" s="99"/>
      <c r="AZ5576" s="99"/>
      <c r="BA5576" s="99"/>
      <c r="BB5576" s="107">
        <v>45884</v>
      </c>
    </row>
    <row r="5577" spans="1:54" s="8" customFormat="1" ht="14.1" customHeight="1" x14ac:dyDescent="0.25">
      <c r="A5577" s="219" t="s">
        <v>13002</v>
      </c>
      <c r="B5577" s="220" t="s">
        <v>12745</v>
      </c>
      <c r="C5577" s="98" t="s">
        <v>13003</v>
      </c>
      <c r="D5577" s="98" t="s">
        <v>20069</v>
      </c>
      <c r="E5577" s="141">
        <v>1981</v>
      </c>
      <c r="F5577" s="141">
        <v>614</v>
      </c>
      <c r="G5577" s="98" t="s">
        <v>1</v>
      </c>
      <c r="H5577" s="98">
        <v>0</v>
      </c>
      <c r="I5577" s="98">
        <v>0</v>
      </c>
      <c r="J5577" s="98">
        <v>1</v>
      </c>
      <c r="K5577" s="98">
        <v>0</v>
      </c>
      <c r="L5577" s="98">
        <v>0</v>
      </c>
      <c r="M5577" s="98">
        <v>0</v>
      </c>
      <c r="N5577" s="98">
        <v>0</v>
      </c>
      <c r="O5577" s="98">
        <v>1</v>
      </c>
      <c r="P5577" s="98">
        <v>0</v>
      </c>
      <c r="Q5577" s="98">
        <v>0</v>
      </c>
      <c r="R5577" s="98">
        <v>0</v>
      </c>
      <c r="S5577" s="98">
        <v>0</v>
      </c>
      <c r="T5577" s="98">
        <v>0</v>
      </c>
      <c r="U5577" s="99"/>
      <c r="V5577" s="99"/>
      <c r="W5577" s="99"/>
      <c r="X5577" s="99"/>
      <c r="Y5577" s="99"/>
      <c r="Z5577" s="99"/>
      <c r="AA5577" s="99"/>
      <c r="AB5577" s="99"/>
      <c r="AC5577" s="99"/>
      <c r="AD5577" s="99"/>
      <c r="AE5577" s="99"/>
      <c r="AF5577" s="99"/>
      <c r="AG5577" s="99"/>
      <c r="AH5577" s="99"/>
      <c r="AI5577" s="99"/>
      <c r="AJ5577" s="99"/>
      <c r="AK5577" s="99"/>
      <c r="AL5577" s="99"/>
      <c r="AM5577" s="99"/>
      <c r="AN5577" s="99"/>
      <c r="AO5577" s="99"/>
      <c r="AP5577" s="99"/>
      <c r="AQ5577" s="99"/>
      <c r="AR5577" s="99"/>
      <c r="AS5577" s="99"/>
      <c r="AT5577" s="99"/>
      <c r="AU5577" s="99"/>
      <c r="AV5577" s="99"/>
      <c r="AW5577" s="99"/>
      <c r="AX5577" s="99"/>
      <c r="AY5577" s="99"/>
      <c r="AZ5577" s="99"/>
      <c r="BA5577" s="99"/>
      <c r="BB5577" s="107">
        <v>45884</v>
      </c>
    </row>
    <row r="5578" spans="1:54" s="8" customFormat="1" ht="14.1" customHeight="1" x14ac:dyDescent="0.25">
      <c r="A5578" s="219" t="s">
        <v>13004</v>
      </c>
      <c r="B5578" s="220" t="s">
        <v>12745</v>
      </c>
      <c r="C5578" s="98" t="s">
        <v>13005</v>
      </c>
      <c r="D5578" s="98" t="s">
        <v>20070</v>
      </c>
      <c r="E5578" s="141">
        <v>1978</v>
      </c>
      <c r="F5578" s="141">
        <v>619</v>
      </c>
      <c r="G5578" s="98" t="s">
        <v>1</v>
      </c>
      <c r="H5578" s="98">
        <v>0</v>
      </c>
      <c r="I5578" s="98">
        <v>0</v>
      </c>
      <c r="J5578" s="98">
        <v>1</v>
      </c>
      <c r="K5578" s="98">
        <v>0</v>
      </c>
      <c r="L5578" s="98">
        <v>0</v>
      </c>
      <c r="M5578" s="98">
        <v>0</v>
      </c>
      <c r="N5578" s="98">
        <v>0</v>
      </c>
      <c r="O5578" s="98">
        <v>0</v>
      </c>
      <c r="P5578" s="98">
        <v>0</v>
      </c>
      <c r="Q5578" s="98">
        <v>0</v>
      </c>
      <c r="R5578" s="98">
        <v>1</v>
      </c>
      <c r="S5578" s="98">
        <v>0</v>
      </c>
      <c r="T5578" s="98">
        <v>0</v>
      </c>
      <c r="U5578" s="99"/>
      <c r="V5578" s="99"/>
      <c r="W5578" s="99"/>
      <c r="X5578" s="99"/>
      <c r="Y5578" s="99"/>
      <c r="Z5578" s="99"/>
      <c r="AA5578" s="99"/>
      <c r="AB5578" s="99"/>
      <c r="AC5578" s="99"/>
      <c r="AD5578" s="99"/>
      <c r="AE5578" s="99"/>
      <c r="AF5578" s="99"/>
      <c r="AG5578" s="99"/>
      <c r="AH5578" s="99"/>
      <c r="AI5578" s="99"/>
      <c r="AJ5578" s="99"/>
      <c r="AK5578" s="99"/>
      <c r="AL5578" s="99"/>
      <c r="AM5578" s="99"/>
      <c r="AN5578" s="99"/>
      <c r="AO5578" s="99"/>
      <c r="AP5578" s="99"/>
      <c r="AQ5578" s="99"/>
      <c r="AR5578" s="99"/>
      <c r="AS5578" s="99"/>
      <c r="AT5578" s="99"/>
      <c r="AU5578" s="99"/>
      <c r="AV5578" s="99"/>
      <c r="AW5578" s="99"/>
      <c r="AX5578" s="99"/>
      <c r="AY5578" s="99"/>
      <c r="AZ5578" s="99"/>
      <c r="BA5578" s="99"/>
      <c r="BB5578" s="107">
        <v>45884</v>
      </c>
    </row>
    <row r="5579" spans="1:54" s="8" customFormat="1" ht="14.1" customHeight="1" x14ac:dyDescent="0.25">
      <c r="A5579" s="219" t="s">
        <v>13006</v>
      </c>
      <c r="B5579" s="220" t="s">
        <v>12745</v>
      </c>
      <c r="C5579" s="98" t="s">
        <v>21971</v>
      </c>
      <c r="D5579" s="98" t="s">
        <v>20071</v>
      </c>
      <c r="E5579" s="141">
        <v>1986</v>
      </c>
      <c r="F5579" s="141">
        <v>620</v>
      </c>
      <c r="G5579" s="98" t="s">
        <v>1</v>
      </c>
      <c r="H5579" s="98">
        <v>0</v>
      </c>
      <c r="I5579" s="98">
        <v>0</v>
      </c>
      <c r="J5579" s="98">
        <v>1</v>
      </c>
      <c r="K5579" s="98">
        <v>0</v>
      </c>
      <c r="L5579" s="98">
        <v>1</v>
      </c>
      <c r="M5579" s="98">
        <v>0</v>
      </c>
      <c r="N5579" s="98">
        <v>0</v>
      </c>
      <c r="O5579" s="98">
        <v>1</v>
      </c>
      <c r="P5579" s="98">
        <v>1</v>
      </c>
      <c r="Q5579" s="98">
        <v>0</v>
      </c>
      <c r="R5579" s="98">
        <v>0</v>
      </c>
      <c r="S5579" s="98">
        <v>0</v>
      </c>
      <c r="T5579" s="98">
        <v>0</v>
      </c>
      <c r="U5579" s="99"/>
      <c r="V5579" s="99"/>
      <c r="W5579" s="99"/>
      <c r="X5579" s="99"/>
      <c r="Y5579" s="99"/>
      <c r="Z5579" s="99"/>
      <c r="AA5579" s="99"/>
      <c r="AB5579" s="99"/>
      <c r="AC5579" s="99"/>
      <c r="AD5579" s="99"/>
      <c r="AE5579" s="99"/>
      <c r="AF5579" s="99"/>
      <c r="AG5579" s="99"/>
      <c r="AH5579" s="99"/>
      <c r="AI5579" s="99"/>
      <c r="AJ5579" s="99"/>
      <c r="AK5579" s="99"/>
      <c r="AL5579" s="99"/>
      <c r="AM5579" s="99"/>
      <c r="AN5579" s="99"/>
      <c r="AO5579" s="99"/>
      <c r="AP5579" s="99"/>
      <c r="AQ5579" s="99"/>
      <c r="AR5579" s="99"/>
      <c r="AS5579" s="99"/>
      <c r="AT5579" s="99"/>
      <c r="AU5579" s="99"/>
      <c r="AV5579" s="99"/>
      <c r="AW5579" s="99"/>
      <c r="AX5579" s="99"/>
      <c r="AY5579" s="99"/>
      <c r="AZ5579" s="99"/>
      <c r="BA5579" s="99"/>
      <c r="BB5579" s="107">
        <v>45884</v>
      </c>
    </row>
    <row r="5580" spans="1:54" s="8" customFormat="1" ht="14.1" customHeight="1" x14ac:dyDescent="0.25">
      <c r="A5580" s="219" t="s">
        <v>13007</v>
      </c>
      <c r="B5580" s="220" t="s">
        <v>12745</v>
      </c>
      <c r="C5580" s="98" t="s">
        <v>13008</v>
      </c>
      <c r="D5580" s="98" t="s">
        <v>20072</v>
      </c>
      <c r="E5580" s="141">
        <v>2003</v>
      </c>
      <c r="F5580" s="141">
        <v>621</v>
      </c>
      <c r="G5580" s="98" t="s">
        <v>1</v>
      </c>
      <c r="H5580" s="98">
        <v>0</v>
      </c>
      <c r="I5580" s="98">
        <v>0</v>
      </c>
      <c r="J5580" s="98">
        <v>1</v>
      </c>
      <c r="K5580" s="98">
        <v>0</v>
      </c>
      <c r="L5580" s="98">
        <v>0</v>
      </c>
      <c r="M5580" s="98">
        <v>1</v>
      </c>
      <c r="N5580" s="98">
        <v>0</v>
      </c>
      <c r="O5580" s="98">
        <v>0</v>
      </c>
      <c r="P5580" s="98">
        <v>0</v>
      </c>
      <c r="Q5580" s="98">
        <v>0</v>
      </c>
      <c r="R5580" s="98">
        <v>0</v>
      </c>
      <c r="S5580" s="98">
        <v>0</v>
      </c>
      <c r="T5580" s="98">
        <v>0</v>
      </c>
      <c r="U5580" s="99"/>
      <c r="V5580" s="99"/>
      <c r="W5580" s="99"/>
      <c r="X5580" s="99"/>
      <c r="Y5580" s="99"/>
      <c r="Z5580" s="99"/>
      <c r="AA5580" s="99"/>
      <c r="AB5580" s="99"/>
      <c r="AC5580" s="99"/>
      <c r="AD5580" s="99"/>
      <c r="AE5580" s="99"/>
      <c r="AF5580" s="99"/>
      <c r="AG5580" s="99"/>
      <c r="AH5580" s="99"/>
      <c r="AI5580" s="99"/>
      <c r="AJ5580" s="99"/>
      <c r="AK5580" s="99"/>
      <c r="AL5580" s="99"/>
      <c r="AM5580" s="99"/>
      <c r="AN5580" s="99"/>
      <c r="AO5580" s="99"/>
      <c r="AP5580" s="99"/>
      <c r="AQ5580" s="99"/>
      <c r="AR5580" s="99"/>
      <c r="AS5580" s="99"/>
      <c r="AT5580" s="99"/>
      <c r="AU5580" s="99"/>
      <c r="AV5580" s="99"/>
      <c r="AW5580" s="99"/>
      <c r="AX5580" s="99"/>
      <c r="AY5580" s="99"/>
      <c r="AZ5580" s="99"/>
      <c r="BA5580" s="99"/>
      <c r="BB5580" s="107">
        <v>45884</v>
      </c>
    </row>
    <row r="5581" spans="1:54" s="8" customFormat="1" ht="14.1" customHeight="1" x14ac:dyDescent="0.25">
      <c r="A5581" s="219" t="s">
        <v>13009</v>
      </c>
      <c r="B5581" s="220" t="s">
        <v>12745</v>
      </c>
      <c r="C5581" s="98" t="s">
        <v>13010</v>
      </c>
      <c r="D5581" s="98" t="s">
        <v>20073</v>
      </c>
      <c r="E5581" s="141">
        <v>1988</v>
      </c>
      <c r="F5581" s="141">
        <v>628</v>
      </c>
      <c r="G5581" s="98" t="s">
        <v>1</v>
      </c>
      <c r="H5581" s="98">
        <v>0</v>
      </c>
      <c r="I5581" s="98">
        <v>0</v>
      </c>
      <c r="J5581" s="98">
        <v>1</v>
      </c>
      <c r="K5581" s="98">
        <v>0</v>
      </c>
      <c r="L5581" s="98">
        <v>1</v>
      </c>
      <c r="M5581" s="98">
        <v>0</v>
      </c>
      <c r="N5581" s="98">
        <v>0</v>
      </c>
      <c r="O5581" s="98">
        <v>0</v>
      </c>
      <c r="P5581" s="98">
        <v>1</v>
      </c>
      <c r="Q5581" s="98">
        <v>0</v>
      </c>
      <c r="R5581" s="98">
        <v>1</v>
      </c>
      <c r="S5581" s="98">
        <v>0</v>
      </c>
      <c r="T5581" s="98">
        <v>0</v>
      </c>
      <c r="U5581" s="99"/>
      <c r="V5581" s="99"/>
      <c r="W5581" s="99"/>
      <c r="X5581" s="99"/>
      <c r="Y5581" s="99"/>
      <c r="Z5581" s="99"/>
      <c r="AA5581" s="99"/>
      <c r="AB5581" s="99"/>
      <c r="AC5581" s="99"/>
      <c r="AD5581" s="99"/>
      <c r="AE5581" s="99"/>
      <c r="AF5581" s="99"/>
      <c r="AG5581" s="99"/>
      <c r="AH5581" s="99"/>
      <c r="AI5581" s="99"/>
      <c r="AJ5581" s="99"/>
      <c r="AK5581" s="99"/>
      <c r="AL5581" s="99"/>
      <c r="AM5581" s="99"/>
      <c r="AN5581" s="99"/>
      <c r="AO5581" s="99"/>
      <c r="AP5581" s="99"/>
      <c r="AQ5581" s="99"/>
      <c r="AR5581" s="99"/>
      <c r="AS5581" s="99"/>
      <c r="AT5581" s="99"/>
      <c r="AU5581" s="99"/>
      <c r="AV5581" s="99"/>
      <c r="AW5581" s="99"/>
      <c r="AX5581" s="99"/>
      <c r="AY5581" s="99"/>
      <c r="AZ5581" s="99"/>
      <c r="BA5581" s="99"/>
      <c r="BB5581" s="107">
        <v>45884</v>
      </c>
    </row>
    <row r="5582" spans="1:54" s="8" customFormat="1" ht="14.1" customHeight="1" x14ac:dyDescent="0.25">
      <c r="A5582" s="219" t="s">
        <v>13011</v>
      </c>
      <c r="B5582" s="220" t="s">
        <v>12745</v>
      </c>
      <c r="C5582" s="98" t="s">
        <v>13012</v>
      </c>
      <c r="D5582" s="98" t="s">
        <v>20074</v>
      </c>
      <c r="E5582" s="141">
        <v>1979</v>
      </c>
      <c r="F5582" s="141">
        <v>640</v>
      </c>
      <c r="G5582" s="98" t="s">
        <v>1</v>
      </c>
      <c r="H5582" s="98">
        <v>0</v>
      </c>
      <c r="I5582" s="98">
        <v>0</v>
      </c>
      <c r="J5582" s="98">
        <v>1</v>
      </c>
      <c r="K5582" s="98">
        <v>0</v>
      </c>
      <c r="L5582" s="98">
        <v>0</v>
      </c>
      <c r="M5582" s="98">
        <v>0</v>
      </c>
      <c r="N5582" s="98">
        <v>0</v>
      </c>
      <c r="O5582" s="98">
        <v>0</v>
      </c>
      <c r="P5582" s="98">
        <v>0</v>
      </c>
      <c r="Q5582" s="98">
        <v>0</v>
      </c>
      <c r="R5582" s="98">
        <v>0</v>
      </c>
      <c r="S5582" s="98">
        <v>0</v>
      </c>
      <c r="T5582" s="98">
        <v>0</v>
      </c>
      <c r="U5582" s="99"/>
      <c r="V5582" s="99"/>
      <c r="W5582" s="99"/>
      <c r="X5582" s="99"/>
      <c r="Y5582" s="99"/>
      <c r="Z5582" s="99"/>
      <c r="AA5582" s="99"/>
      <c r="AB5582" s="99"/>
      <c r="AC5582" s="99"/>
      <c r="AD5582" s="99"/>
      <c r="AE5582" s="99"/>
      <c r="AF5582" s="99"/>
      <c r="AG5582" s="99"/>
      <c r="AH5582" s="99"/>
      <c r="AI5582" s="99"/>
      <c r="AJ5582" s="99"/>
      <c r="AK5582" s="99"/>
      <c r="AL5582" s="99"/>
      <c r="AM5582" s="99"/>
      <c r="AN5582" s="99"/>
      <c r="AO5582" s="99"/>
      <c r="AP5582" s="99"/>
      <c r="AQ5582" s="99"/>
      <c r="AR5582" s="99"/>
      <c r="AS5582" s="99"/>
      <c r="AT5582" s="99"/>
      <c r="AU5582" s="99"/>
      <c r="AV5582" s="99"/>
      <c r="AW5582" s="99"/>
      <c r="AX5582" s="99"/>
      <c r="AY5582" s="99"/>
      <c r="AZ5582" s="99"/>
      <c r="BA5582" s="99"/>
      <c r="BB5582" s="107">
        <v>45884</v>
      </c>
    </row>
    <row r="5583" spans="1:54" s="8" customFormat="1" ht="14.1" customHeight="1" x14ac:dyDescent="0.25">
      <c r="A5583" s="219" t="s">
        <v>13013</v>
      </c>
      <c r="B5583" s="220" t="s">
        <v>12745</v>
      </c>
      <c r="C5583" s="98" t="s">
        <v>13014</v>
      </c>
      <c r="D5583" s="98" t="s">
        <v>20075</v>
      </c>
      <c r="E5583" s="141">
        <v>1979</v>
      </c>
      <c r="F5583" s="141">
        <v>653</v>
      </c>
      <c r="G5583" s="98" t="s">
        <v>1</v>
      </c>
      <c r="H5583" s="98">
        <v>0</v>
      </c>
      <c r="I5583" s="98">
        <v>0</v>
      </c>
      <c r="J5583" s="98">
        <v>1</v>
      </c>
      <c r="K5583" s="98">
        <v>0</v>
      </c>
      <c r="L5583" s="98">
        <v>1</v>
      </c>
      <c r="M5583" s="98">
        <v>0</v>
      </c>
      <c r="N5583" s="98">
        <v>0</v>
      </c>
      <c r="O5583" s="98">
        <v>1</v>
      </c>
      <c r="P5583" s="98">
        <v>1</v>
      </c>
      <c r="Q5583" s="98">
        <v>0</v>
      </c>
      <c r="R5583" s="98">
        <v>1</v>
      </c>
      <c r="S5583" s="98">
        <v>0</v>
      </c>
      <c r="T5583" s="98">
        <v>0</v>
      </c>
      <c r="U5583" s="99"/>
      <c r="V5583" s="99"/>
      <c r="W5583" s="99"/>
      <c r="X5583" s="99"/>
      <c r="Y5583" s="99"/>
      <c r="Z5583" s="99"/>
      <c r="AA5583" s="99"/>
      <c r="AB5583" s="99"/>
      <c r="AC5583" s="99"/>
      <c r="AD5583" s="99"/>
      <c r="AE5583" s="99"/>
      <c r="AF5583" s="99"/>
      <c r="AG5583" s="99"/>
      <c r="AH5583" s="99"/>
      <c r="AI5583" s="99"/>
      <c r="AJ5583" s="99"/>
      <c r="AK5583" s="99"/>
      <c r="AL5583" s="99"/>
      <c r="AM5583" s="99"/>
      <c r="AN5583" s="99"/>
      <c r="AO5583" s="99"/>
      <c r="AP5583" s="99"/>
      <c r="AQ5583" s="99"/>
      <c r="AR5583" s="99"/>
      <c r="AS5583" s="99"/>
      <c r="AT5583" s="99"/>
      <c r="AU5583" s="99"/>
      <c r="AV5583" s="99"/>
      <c r="AW5583" s="99"/>
      <c r="AX5583" s="99"/>
      <c r="AY5583" s="99"/>
      <c r="AZ5583" s="99"/>
      <c r="BA5583" s="99"/>
      <c r="BB5583" s="107">
        <v>45884</v>
      </c>
    </row>
    <row r="5584" spans="1:54" s="8" customFormat="1" ht="14.1" customHeight="1" x14ac:dyDescent="0.25">
      <c r="A5584" s="219" t="s">
        <v>13015</v>
      </c>
      <c r="B5584" s="220" t="s">
        <v>12745</v>
      </c>
      <c r="C5584" s="98" t="s">
        <v>13016</v>
      </c>
      <c r="D5584" s="98" t="s">
        <v>20076</v>
      </c>
      <c r="E5584" s="141">
        <v>1976</v>
      </c>
      <c r="F5584" s="141">
        <v>659</v>
      </c>
      <c r="G5584" s="98" t="s">
        <v>1</v>
      </c>
      <c r="H5584" s="98">
        <v>0</v>
      </c>
      <c r="I5584" s="98">
        <v>0</v>
      </c>
      <c r="J5584" s="98">
        <v>1</v>
      </c>
      <c r="K5584" s="98">
        <v>0</v>
      </c>
      <c r="L5584" s="98">
        <v>1</v>
      </c>
      <c r="M5584" s="98">
        <v>0</v>
      </c>
      <c r="N5584" s="98">
        <v>0</v>
      </c>
      <c r="O5584" s="98">
        <v>1</v>
      </c>
      <c r="P5584" s="98">
        <v>0</v>
      </c>
      <c r="Q5584" s="98">
        <v>0</v>
      </c>
      <c r="R5584" s="98">
        <v>0</v>
      </c>
      <c r="S5584" s="98">
        <v>0</v>
      </c>
      <c r="T5584" s="98">
        <v>0</v>
      </c>
      <c r="U5584" s="99"/>
      <c r="V5584" s="99"/>
      <c r="W5584" s="99"/>
      <c r="X5584" s="99"/>
      <c r="Y5584" s="99"/>
      <c r="Z5584" s="99"/>
      <c r="AA5584" s="99"/>
      <c r="AB5584" s="99"/>
      <c r="AC5584" s="99"/>
      <c r="AD5584" s="99"/>
      <c r="AE5584" s="99"/>
      <c r="AF5584" s="99"/>
      <c r="AG5584" s="99"/>
      <c r="AH5584" s="99"/>
      <c r="AI5584" s="99"/>
      <c r="AJ5584" s="99"/>
      <c r="AK5584" s="99"/>
      <c r="AL5584" s="99"/>
      <c r="AM5584" s="99"/>
      <c r="AN5584" s="99"/>
      <c r="AO5584" s="99"/>
      <c r="AP5584" s="99"/>
      <c r="AQ5584" s="99"/>
      <c r="AR5584" s="99"/>
      <c r="AS5584" s="99"/>
      <c r="AT5584" s="99"/>
      <c r="AU5584" s="99"/>
      <c r="AV5584" s="99"/>
      <c r="AW5584" s="99"/>
      <c r="AX5584" s="99"/>
      <c r="AY5584" s="99"/>
      <c r="AZ5584" s="99"/>
      <c r="BA5584" s="99"/>
      <c r="BB5584" s="107">
        <v>45884</v>
      </c>
    </row>
    <row r="5585" spans="1:54" s="8" customFormat="1" ht="14.1" customHeight="1" x14ac:dyDescent="0.25">
      <c r="A5585" s="219" t="s">
        <v>13017</v>
      </c>
      <c r="B5585" s="220" t="s">
        <v>12745</v>
      </c>
      <c r="C5585" s="98" t="s">
        <v>13018</v>
      </c>
      <c r="D5585" s="98" t="s">
        <v>20077</v>
      </c>
      <c r="E5585" s="141">
        <v>1979</v>
      </c>
      <c r="F5585" s="141">
        <v>685</v>
      </c>
      <c r="G5585" s="98" t="s">
        <v>1</v>
      </c>
      <c r="H5585" s="98">
        <v>0</v>
      </c>
      <c r="I5585" s="98">
        <v>0</v>
      </c>
      <c r="J5585" s="98">
        <v>1</v>
      </c>
      <c r="K5585" s="98">
        <v>1</v>
      </c>
      <c r="L5585" s="98">
        <v>0</v>
      </c>
      <c r="M5585" s="98">
        <v>0</v>
      </c>
      <c r="N5585" s="98">
        <v>0</v>
      </c>
      <c r="O5585" s="98">
        <v>1</v>
      </c>
      <c r="P5585" s="98">
        <v>0</v>
      </c>
      <c r="Q5585" s="98">
        <v>0</v>
      </c>
      <c r="R5585" s="98">
        <v>0</v>
      </c>
      <c r="S5585" s="98">
        <v>0</v>
      </c>
      <c r="T5585" s="98">
        <v>0</v>
      </c>
      <c r="U5585" s="99"/>
      <c r="V5585" s="99"/>
      <c r="W5585" s="99"/>
      <c r="X5585" s="99"/>
      <c r="Y5585" s="99"/>
      <c r="Z5585" s="99"/>
      <c r="AA5585" s="99"/>
      <c r="AB5585" s="99"/>
      <c r="AC5585" s="99"/>
      <c r="AD5585" s="99"/>
      <c r="AE5585" s="99"/>
      <c r="AF5585" s="99"/>
      <c r="AG5585" s="99"/>
      <c r="AH5585" s="99"/>
      <c r="AI5585" s="99"/>
      <c r="AJ5585" s="99"/>
      <c r="AK5585" s="99"/>
      <c r="AL5585" s="99"/>
      <c r="AM5585" s="99"/>
      <c r="AN5585" s="99"/>
      <c r="AO5585" s="99"/>
      <c r="AP5585" s="99"/>
      <c r="AQ5585" s="99"/>
      <c r="AR5585" s="99"/>
      <c r="AS5585" s="99"/>
      <c r="AT5585" s="99"/>
      <c r="AU5585" s="99"/>
      <c r="AV5585" s="99"/>
      <c r="AW5585" s="99"/>
      <c r="AX5585" s="99"/>
      <c r="AY5585" s="99"/>
      <c r="AZ5585" s="99"/>
      <c r="BA5585" s="99"/>
      <c r="BB5585" s="107">
        <v>45884</v>
      </c>
    </row>
    <row r="5586" spans="1:54" s="8" customFormat="1" ht="14.1" customHeight="1" x14ac:dyDescent="0.25">
      <c r="A5586" s="219" t="s">
        <v>13019</v>
      </c>
      <c r="B5586" s="220" t="s">
        <v>12745</v>
      </c>
      <c r="C5586" s="98" t="s">
        <v>13020</v>
      </c>
      <c r="D5586" s="98" t="s">
        <v>20078</v>
      </c>
      <c r="E5586" s="141">
        <v>1976</v>
      </c>
      <c r="F5586" s="141">
        <v>686</v>
      </c>
      <c r="G5586" s="98" t="s">
        <v>1</v>
      </c>
      <c r="H5586" s="98">
        <v>0</v>
      </c>
      <c r="I5586" s="98">
        <v>0</v>
      </c>
      <c r="J5586" s="98">
        <v>1</v>
      </c>
      <c r="K5586" s="98">
        <v>0</v>
      </c>
      <c r="L5586" s="98">
        <v>1</v>
      </c>
      <c r="M5586" s="98">
        <v>0</v>
      </c>
      <c r="N5586" s="98">
        <v>0</v>
      </c>
      <c r="O5586" s="98">
        <v>0</v>
      </c>
      <c r="P5586" s="98">
        <v>0</v>
      </c>
      <c r="Q5586" s="98">
        <v>0</v>
      </c>
      <c r="R5586" s="98">
        <v>0</v>
      </c>
      <c r="S5586" s="98">
        <v>0</v>
      </c>
      <c r="T5586" s="98">
        <v>0</v>
      </c>
      <c r="U5586" s="99"/>
      <c r="V5586" s="99"/>
      <c r="W5586" s="99"/>
      <c r="X5586" s="99"/>
      <c r="Y5586" s="99"/>
      <c r="Z5586" s="99"/>
      <c r="AA5586" s="99"/>
      <c r="AB5586" s="99"/>
      <c r="AC5586" s="99"/>
      <c r="AD5586" s="99"/>
      <c r="AE5586" s="99"/>
      <c r="AF5586" s="99"/>
      <c r="AG5586" s="99"/>
      <c r="AH5586" s="99"/>
      <c r="AI5586" s="99"/>
      <c r="AJ5586" s="99"/>
      <c r="AK5586" s="99"/>
      <c r="AL5586" s="99"/>
      <c r="AM5586" s="99"/>
      <c r="AN5586" s="99"/>
      <c r="AO5586" s="99"/>
      <c r="AP5586" s="99"/>
      <c r="AQ5586" s="99"/>
      <c r="AR5586" s="99"/>
      <c r="AS5586" s="99"/>
      <c r="AT5586" s="99"/>
      <c r="AU5586" s="99"/>
      <c r="AV5586" s="99"/>
      <c r="AW5586" s="99"/>
      <c r="AX5586" s="99"/>
      <c r="AY5586" s="99"/>
      <c r="AZ5586" s="99"/>
      <c r="BA5586" s="99"/>
      <c r="BB5586" s="107">
        <v>45884</v>
      </c>
    </row>
    <row r="5587" spans="1:54" s="8" customFormat="1" ht="14.1" customHeight="1" x14ac:dyDescent="0.25">
      <c r="A5587" s="219" t="s">
        <v>13021</v>
      </c>
      <c r="B5587" s="220" t="s">
        <v>12745</v>
      </c>
      <c r="C5587" s="98" t="s">
        <v>13022</v>
      </c>
      <c r="D5587" s="98" t="s">
        <v>20079</v>
      </c>
      <c r="E5587" s="141">
        <v>1982</v>
      </c>
      <c r="F5587" s="141">
        <v>696</v>
      </c>
      <c r="G5587" s="98" t="s">
        <v>1</v>
      </c>
      <c r="H5587" s="98">
        <v>0</v>
      </c>
      <c r="I5587" s="98">
        <v>0</v>
      </c>
      <c r="J5587" s="98">
        <v>1</v>
      </c>
      <c r="K5587" s="98">
        <v>0</v>
      </c>
      <c r="L5587" s="98">
        <v>1</v>
      </c>
      <c r="M5587" s="98">
        <v>0</v>
      </c>
      <c r="N5587" s="98">
        <v>1</v>
      </c>
      <c r="O5587" s="98">
        <v>1</v>
      </c>
      <c r="P5587" s="98">
        <v>0</v>
      </c>
      <c r="Q5587" s="98">
        <v>0</v>
      </c>
      <c r="R5587" s="98">
        <v>0</v>
      </c>
      <c r="S5587" s="98">
        <v>0</v>
      </c>
      <c r="T5587" s="98">
        <v>0</v>
      </c>
      <c r="U5587" s="99"/>
      <c r="V5587" s="99"/>
      <c r="W5587" s="99"/>
      <c r="X5587" s="99"/>
      <c r="Y5587" s="99"/>
      <c r="Z5587" s="99"/>
      <c r="AA5587" s="99"/>
      <c r="AB5587" s="99"/>
      <c r="AC5587" s="99"/>
      <c r="AD5587" s="99"/>
      <c r="AE5587" s="99"/>
      <c r="AF5587" s="99"/>
      <c r="AG5587" s="99"/>
      <c r="AH5587" s="99"/>
      <c r="AI5587" s="99"/>
      <c r="AJ5587" s="99"/>
      <c r="AK5587" s="99"/>
      <c r="AL5587" s="99"/>
      <c r="AM5587" s="99"/>
      <c r="AN5587" s="99"/>
      <c r="AO5587" s="99"/>
      <c r="AP5587" s="99"/>
      <c r="AQ5587" s="99"/>
      <c r="AR5587" s="99"/>
      <c r="AS5587" s="99"/>
      <c r="AT5587" s="99"/>
      <c r="AU5587" s="99"/>
      <c r="AV5587" s="99"/>
      <c r="AW5587" s="99"/>
      <c r="AX5587" s="99"/>
      <c r="AY5587" s="99"/>
      <c r="AZ5587" s="99"/>
      <c r="BA5587" s="99"/>
      <c r="BB5587" s="107">
        <v>45884</v>
      </c>
    </row>
    <row r="5588" spans="1:54" s="8" customFormat="1" ht="14.1" customHeight="1" x14ac:dyDescent="0.25">
      <c r="A5588" s="219" t="s">
        <v>13023</v>
      </c>
      <c r="B5588" s="220" t="s">
        <v>12745</v>
      </c>
      <c r="C5588" s="98" t="s">
        <v>13024</v>
      </c>
      <c r="D5588" s="98" t="s">
        <v>20080</v>
      </c>
      <c r="E5588" s="141">
        <v>1978</v>
      </c>
      <c r="F5588" s="141">
        <v>708</v>
      </c>
      <c r="G5588" s="98" t="s">
        <v>1</v>
      </c>
      <c r="H5588" s="98">
        <v>0</v>
      </c>
      <c r="I5588" s="98">
        <v>0</v>
      </c>
      <c r="J5588" s="98">
        <v>1</v>
      </c>
      <c r="K5588" s="98">
        <v>1</v>
      </c>
      <c r="L5588" s="98">
        <v>1</v>
      </c>
      <c r="M5588" s="98">
        <v>1</v>
      </c>
      <c r="N5588" s="98">
        <v>0</v>
      </c>
      <c r="O5588" s="98">
        <v>1</v>
      </c>
      <c r="P5588" s="98">
        <v>0</v>
      </c>
      <c r="Q5588" s="98">
        <v>0</v>
      </c>
      <c r="R5588" s="98">
        <v>1</v>
      </c>
      <c r="S5588" s="98">
        <v>0</v>
      </c>
      <c r="T5588" s="98">
        <v>0</v>
      </c>
      <c r="U5588" s="99"/>
      <c r="V5588" s="99"/>
      <c r="W5588" s="99"/>
      <c r="X5588" s="99"/>
      <c r="Y5588" s="99"/>
      <c r="Z5588" s="99"/>
      <c r="AA5588" s="99"/>
      <c r="AB5588" s="99"/>
      <c r="AC5588" s="99"/>
      <c r="AD5588" s="99"/>
      <c r="AE5588" s="99"/>
      <c r="AF5588" s="99"/>
      <c r="AG5588" s="99"/>
      <c r="AH5588" s="99"/>
      <c r="AI5588" s="99"/>
      <c r="AJ5588" s="99"/>
      <c r="AK5588" s="99"/>
      <c r="AL5588" s="99"/>
      <c r="AM5588" s="99"/>
      <c r="AN5588" s="99"/>
      <c r="AO5588" s="99"/>
      <c r="AP5588" s="99"/>
      <c r="AQ5588" s="99"/>
      <c r="AR5588" s="99"/>
      <c r="AS5588" s="99"/>
      <c r="AT5588" s="99"/>
      <c r="AU5588" s="99"/>
      <c r="AV5588" s="99"/>
      <c r="AW5588" s="99"/>
      <c r="AX5588" s="99"/>
      <c r="AY5588" s="99"/>
      <c r="AZ5588" s="99"/>
      <c r="BA5588" s="98" t="s">
        <v>8819</v>
      </c>
      <c r="BB5588" s="107">
        <v>45884</v>
      </c>
    </row>
    <row r="5589" spans="1:54" s="8" customFormat="1" ht="14.1" customHeight="1" x14ac:dyDescent="0.25">
      <c r="A5589" s="219" t="s">
        <v>13025</v>
      </c>
      <c r="B5589" s="220" t="s">
        <v>12745</v>
      </c>
      <c r="C5589" s="98" t="s">
        <v>13026</v>
      </c>
      <c r="D5589" s="98" t="s">
        <v>20081</v>
      </c>
      <c r="E5589" s="141">
        <v>1978</v>
      </c>
      <c r="F5589" s="141">
        <v>725</v>
      </c>
      <c r="G5589" s="98" t="s">
        <v>1</v>
      </c>
      <c r="H5589" s="98">
        <v>0</v>
      </c>
      <c r="I5589" s="98">
        <v>0</v>
      </c>
      <c r="J5589" s="98">
        <v>1</v>
      </c>
      <c r="K5589" s="98">
        <v>0</v>
      </c>
      <c r="L5589" s="98">
        <v>0</v>
      </c>
      <c r="M5589" s="98">
        <v>0</v>
      </c>
      <c r="N5589" s="98">
        <v>0</v>
      </c>
      <c r="O5589" s="98">
        <v>1</v>
      </c>
      <c r="P5589" s="98">
        <v>1</v>
      </c>
      <c r="Q5589" s="98">
        <v>0</v>
      </c>
      <c r="R5589" s="98">
        <v>0</v>
      </c>
      <c r="S5589" s="98">
        <v>0</v>
      </c>
      <c r="T5589" s="98">
        <v>0</v>
      </c>
      <c r="U5589" s="99"/>
      <c r="V5589" s="99"/>
      <c r="W5589" s="99"/>
      <c r="X5589" s="99"/>
      <c r="Y5589" s="99"/>
      <c r="Z5589" s="99"/>
      <c r="AA5589" s="99"/>
      <c r="AB5589" s="99"/>
      <c r="AC5589" s="99"/>
      <c r="AD5589" s="99"/>
      <c r="AE5589" s="99"/>
      <c r="AF5589" s="99"/>
      <c r="AG5589" s="99"/>
      <c r="AH5589" s="99"/>
      <c r="AI5589" s="99"/>
      <c r="AJ5589" s="99"/>
      <c r="AK5589" s="99"/>
      <c r="AL5589" s="99"/>
      <c r="AM5589" s="99"/>
      <c r="AN5589" s="99"/>
      <c r="AO5589" s="99"/>
      <c r="AP5589" s="99"/>
      <c r="AQ5589" s="99"/>
      <c r="AR5589" s="99"/>
      <c r="AS5589" s="99"/>
      <c r="AT5589" s="99"/>
      <c r="AU5589" s="99"/>
      <c r="AV5589" s="99"/>
      <c r="AW5589" s="99"/>
      <c r="AX5589" s="99"/>
      <c r="AY5589" s="99"/>
      <c r="AZ5589" s="99"/>
      <c r="BA5589" s="99"/>
      <c r="BB5589" s="107">
        <v>45884</v>
      </c>
    </row>
    <row r="5590" spans="1:54" s="8" customFormat="1" ht="14.1" customHeight="1" x14ac:dyDescent="0.25">
      <c r="A5590" s="219" t="s">
        <v>13027</v>
      </c>
      <c r="B5590" s="220" t="s">
        <v>12745</v>
      </c>
      <c r="C5590" s="98" t="s">
        <v>13028</v>
      </c>
      <c r="D5590" s="98" t="s">
        <v>20082</v>
      </c>
      <c r="E5590" s="141">
        <v>1979</v>
      </c>
      <c r="F5590" s="141">
        <v>738</v>
      </c>
      <c r="G5590" s="98" t="s">
        <v>1</v>
      </c>
      <c r="H5590" s="98">
        <v>0</v>
      </c>
      <c r="I5590" s="98">
        <v>0</v>
      </c>
      <c r="J5590" s="98">
        <v>1</v>
      </c>
      <c r="K5590" s="98">
        <v>0</v>
      </c>
      <c r="L5590" s="98">
        <v>0</v>
      </c>
      <c r="M5590" s="98">
        <v>1</v>
      </c>
      <c r="N5590" s="98">
        <v>1</v>
      </c>
      <c r="O5590" s="98">
        <v>0</v>
      </c>
      <c r="P5590" s="98">
        <v>0</v>
      </c>
      <c r="Q5590" s="98">
        <v>0</v>
      </c>
      <c r="R5590" s="98">
        <v>0</v>
      </c>
      <c r="S5590" s="98">
        <v>0</v>
      </c>
      <c r="T5590" s="98">
        <v>0</v>
      </c>
      <c r="U5590" s="99"/>
      <c r="V5590" s="99"/>
      <c r="W5590" s="99"/>
      <c r="X5590" s="99"/>
      <c r="Y5590" s="99"/>
      <c r="Z5590" s="99"/>
      <c r="AA5590" s="99"/>
      <c r="AB5590" s="99"/>
      <c r="AC5590" s="99"/>
      <c r="AD5590" s="99"/>
      <c r="AE5590" s="99"/>
      <c r="AF5590" s="99"/>
      <c r="AG5590" s="99"/>
      <c r="AH5590" s="99"/>
      <c r="AI5590" s="99"/>
      <c r="AJ5590" s="99"/>
      <c r="AK5590" s="99"/>
      <c r="AL5590" s="99"/>
      <c r="AM5590" s="99"/>
      <c r="AN5590" s="99"/>
      <c r="AO5590" s="99"/>
      <c r="AP5590" s="99"/>
      <c r="AQ5590" s="99"/>
      <c r="AR5590" s="99"/>
      <c r="AS5590" s="99"/>
      <c r="AT5590" s="99"/>
      <c r="AU5590" s="99"/>
      <c r="AV5590" s="99"/>
      <c r="AW5590" s="99"/>
      <c r="AX5590" s="99"/>
      <c r="AY5590" s="99"/>
      <c r="AZ5590" s="99"/>
      <c r="BA5590" s="99"/>
      <c r="BB5590" s="107">
        <v>45884</v>
      </c>
    </row>
    <row r="5591" spans="1:54" s="8" customFormat="1" ht="14.1" customHeight="1" x14ac:dyDescent="0.25">
      <c r="A5591" s="219" t="s">
        <v>13029</v>
      </c>
      <c r="B5591" s="220" t="s">
        <v>12745</v>
      </c>
      <c r="C5591" s="98" t="s">
        <v>13030</v>
      </c>
      <c r="D5591" s="98" t="s">
        <v>20083</v>
      </c>
      <c r="E5591" s="141">
        <v>1989</v>
      </c>
      <c r="F5591" s="141">
        <v>743</v>
      </c>
      <c r="G5591" s="98" t="s">
        <v>1</v>
      </c>
      <c r="H5591" s="98">
        <v>0</v>
      </c>
      <c r="I5591" s="98">
        <v>0</v>
      </c>
      <c r="J5591" s="98">
        <v>1</v>
      </c>
      <c r="K5591" s="98">
        <v>0</v>
      </c>
      <c r="L5591" s="98">
        <v>1</v>
      </c>
      <c r="M5591" s="98">
        <v>0</v>
      </c>
      <c r="N5591" s="98">
        <v>0</v>
      </c>
      <c r="O5591" s="98">
        <v>0</v>
      </c>
      <c r="P5591" s="98">
        <v>1</v>
      </c>
      <c r="Q5591" s="98">
        <v>0</v>
      </c>
      <c r="R5591" s="98">
        <v>1</v>
      </c>
      <c r="S5591" s="98">
        <v>0</v>
      </c>
      <c r="T5591" s="98">
        <v>0</v>
      </c>
      <c r="U5591" s="99"/>
      <c r="V5591" s="99"/>
      <c r="W5591" s="99"/>
      <c r="X5591" s="99"/>
      <c r="Y5591" s="99"/>
      <c r="Z5591" s="99"/>
      <c r="AA5591" s="99"/>
      <c r="AB5591" s="99"/>
      <c r="AC5591" s="99"/>
      <c r="AD5591" s="99"/>
      <c r="AE5591" s="99"/>
      <c r="AF5591" s="99"/>
      <c r="AG5591" s="99"/>
      <c r="AH5591" s="99"/>
      <c r="AI5591" s="99"/>
      <c r="AJ5591" s="99"/>
      <c r="AK5591" s="99"/>
      <c r="AL5591" s="99"/>
      <c r="AM5591" s="99"/>
      <c r="AN5591" s="99"/>
      <c r="AO5591" s="99"/>
      <c r="AP5591" s="99"/>
      <c r="AQ5591" s="99"/>
      <c r="AR5591" s="99"/>
      <c r="AS5591" s="99"/>
      <c r="AT5591" s="99"/>
      <c r="AU5591" s="99"/>
      <c r="AV5591" s="99"/>
      <c r="AW5591" s="99"/>
      <c r="AX5591" s="99"/>
      <c r="AY5591" s="99"/>
      <c r="AZ5591" s="99"/>
      <c r="BA5591" s="99"/>
      <c r="BB5591" s="107">
        <v>45884</v>
      </c>
    </row>
    <row r="5592" spans="1:54" s="100" customFormat="1" ht="14.1" customHeight="1" x14ac:dyDescent="0.25">
      <c r="A5592" s="219" t="s">
        <v>13031</v>
      </c>
      <c r="B5592" s="220" t="s">
        <v>12745</v>
      </c>
      <c r="C5592" s="98" t="s">
        <v>13032</v>
      </c>
      <c r="D5592" s="98" t="s">
        <v>20084</v>
      </c>
      <c r="E5592" s="141">
        <v>1989</v>
      </c>
      <c r="F5592" s="141">
        <v>746</v>
      </c>
      <c r="G5592" s="98" t="s">
        <v>1</v>
      </c>
      <c r="H5592" s="98">
        <v>0</v>
      </c>
      <c r="I5592" s="98">
        <v>0</v>
      </c>
      <c r="J5592" s="98">
        <v>1</v>
      </c>
      <c r="K5592" s="98">
        <v>1</v>
      </c>
      <c r="L5592" s="98">
        <v>1</v>
      </c>
      <c r="M5592" s="98">
        <v>1</v>
      </c>
      <c r="N5592" s="98">
        <v>0</v>
      </c>
      <c r="O5592" s="98">
        <v>0</v>
      </c>
      <c r="P5592" s="98">
        <v>0</v>
      </c>
      <c r="Q5592" s="98">
        <v>0</v>
      </c>
      <c r="R5592" s="98">
        <v>0</v>
      </c>
      <c r="S5592" s="98">
        <v>0</v>
      </c>
      <c r="T5592" s="98">
        <v>0</v>
      </c>
      <c r="U5592" s="99"/>
      <c r="V5592" s="99"/>
      <c r="W5592" s="99"/>
      <c r="X5592" s="99"/>
      <c r="Y5592" s="99"/>
      <c r="Z5592" s="99"/>
      <c r="AA5592" s="99"/>
      <c r="AB5592" s="99"/>
      <c r="AC5592" s="99"/>
      <c r="AD5592" s="99"/>
      <c r="AE5592" s="99"/>
      <c r="AF5592" s="99"/>
      <c r="AG5592" s="99"/>
      <c r="AH5592" s="99"/>
      <c r="AI5592" s="99"/>
      <c r="AJ5592" s="99"/>
      <c r="AK5592" s="99"/>
      <c r="AL5592" s="99"/>
      <c r="AM5592" s="99"/>
      <c r="AN5592" s="99"/>
      <c r="AO5592" s="99"/>
      <c r="AP5592" s="99"/>
      <c r="AQ5592" s="99"/>
      <c r="AR5592" s="99"/>
      <c r="AS5592" s="99"/>
      <c r="AT5592" s="99"/>
      <c r="AU5592" s="99"/>
      <c r="AV5592" s="99"/>
      <c r="AW5592" s="99"/>
      <c r="AX5592" s="99"/>
      <c r="AY5592" s="99"/>
      <c r="AZ5592" s="99"/>
      <c r="BA5592" s="99"/>
      <c r="BB5592" s="107">
        <v>45884</v>
      </c>
    </row>
    <row r="5593" spans="1:54" s="8" customFormat="1" ht="14.1" customHeight="1" x14ac:dyDescent="0.25">
      <c r="A5593" s="219" t="s">
        <v>13033</v>
      </c>
      <c r="B5593" s="220" t="s">
        <v>12745</v>
      </c>
      <c r="C5593" s="98" t="s">
        <v>13034</v>
      </c>
      <c r="D5593" s="98" t="s">
        <v>20085</v>
      </c>
      <c r="E5593" s="141">
        <v>1981</v>
      </c>
      <c r="F5593" s="141">
        <v>753</v>
      </c>
      <c r="G5593" s="98" t="s">
        <v>1</v>
      </c>
      <c r="H5593" s="98">
        <v>0</v>
      </c>
      <c r="I5593" s="98">
        <v>0</v>
      </c>
      <c r="J5593" s="98">
        <v>1</v>
      </c>
      <c r="K5593" s="98">
        <v>0</v>
      </c>
      <c r="L5593" s="98">
        <v>1</v>
      </c>
      <c r="M5593" s="98">
        <v>0</v>
      </c>
      <c r="N5593" s="98">
        <v>0</v>
      </c>
      <c r="O5593" s="98">
        <v>1</v>
      </c>
      <c r="P5593" s="98">
        <v>1</v>
      </c>
      <c r="Q5593" s="98">
        <v>0</v>
      </c>
      <c r="R5593" s="98">
        <v>1</v>
      </c>
      <c r="S5593" s="98">
        <v>0</v>
      </c>
      <c r="T5593" s="98">
        <v>0</v>
      </c>
      <c r="U5593" s="99"/>
      <c r="V5593" s="99"/>
      <c r="W5593" s="99"/>
      <c r="X5593" s="99"/>
      <c r="Y5593" s="99"/>
      <c r="Z5593" s="99"/>
      <c r="AA5593" s="99"/>
      <c r="AB5593" s="99"/>
      <c r="AC5593" s="99"/>
      <c r="AD5593" s="99"/>
      <c r="AE5593" s="99"/>
      <c r="AF5593" s="99"/>
      <c r="AG5593" s="99"/>
      <c r="AH5593" s="99"/>
      <c r="AI5593" s="99"/>
      <c r="AJ5593" s="99"/>
      <c r="AK5593" s="99"/>
      <c r="AL5593" s="99"/>
      <c r="AM5593" s="99"/>
      <c r="AN5593" s="99"/>
      <c r="AO5593" s="99"/>
      <c r="AP5593" s="99"/>
      <c r="AQ5593" s="99"/>
      <c r="AR5593" s="99"/>
      <c r="AS5593" s="99"/>
      <c r="AT5593" s="99"/>
      <c r="AU5593" s="99"/>
      <c r="AV5593" s="99"/>
      <c r="AW5593" s="99"/>
      <c r="AX5593" s="99"/>
      <c r="AY5593" s="99"/>
      <c r="AZ5593" s="99"/>
      <c r="BA5593" s="99"/>
      <c r="BB5593" s="107">
        <v>45884</v>
      </c>
    </row>
    <row r="5594" spans="1:54" s="8" customFormat="1" ht="14.1" customHeight="1" x14ac:dyDescent="0.25">
      <c r="A5594" s="219" t="s">
        <v>13035</v>
      </c>
      <c r="B5594" s="220" t="s">
        <v>12745</v>
      </c>
      <c r="C5594" s="98" t="s">
        <v>13036</v>
      </c>
      <c r="D5594" s="98" t="s">
        <v>20086</v>
      </c>
      <c r="E5594" s="141">
        <v>1989</v>
      </c>
      <c r="F5594" s="141">
        <v>760</v>
      </c>
      <c r="G5594" s="98" t="s">
        <v>1</v>
      </c>
      <c r="H5594" s="98">
        <v>0</v>
      </c>
      <c r="I5594" s="98">
        <v>0</v>
      </c>
      <c r="J5594" s="98">
        <v>1</v>
      </c>
      <c r="K5594" s="98">
        <v>0</v>
      </c>
      <c r="L5594" s="98">
        <v>1</v>
      </c>
      <c r="M5594" s="98">
        <v>0</v>
      </c>
      <c r="N5594" s="98">
        <v>0</v>
      </c>
      <c r="O5594" s="98">
        <v>0</v>
      </c>
      <c r="P5594" s="98">
        <v>0</v>
      </c>
      <c r="Q5594" s="98">
        <v>0</v>
      </c>
      <c r="R5594" s="98">
        <v>0</v>
      </c>
      <c r="S5594" s="98">
        <v>0</v>
      </c>
      <c r="T5594" s="98">
        <v>0</v>
      </c>
      <c r="U5594" s="99"/>
      <c r="V5594" s="99"/>
      <c r="W5594" s="99"/>
      <c r="X5594" s="99"/>
      <c r="Y5594" s="99"/>
      <c r="Z5594" s="99"/>
      <c r="AA5594" s="99"/>
      <c r="AB5594" s="99"/>
      <c r="AC5594" s="99"/>
      <c r="AD5594" s="99"/>
      <c r="AE5594" s="99"/>
      <c r="AF5594" s="99"/>
      <c r="AG5594" s="99"/>
      <c r="AH5594" s="99"/>
      <c r="AI5594" s="99"/>
      <c r="AJ5594" s="99"/>
      <c r="AK5594" s="99"/>
      <c r="AL5594" s="99"/>
      <c r="AM5594" s="99"/>
      <c r="AN5594" s="99"/>
      <c r="AO5594" s="99"/>
      <c r="AP5594" s="99"/>
      <c r="AQ5594" s="99"/>
      <c r="AR5594" s="99"/>
      <c r="AS5594" s="99"/>
      <c r="AT5594" s="99"/>
      <c r="AU5594" s="99"/>
      <c r="AV5594" s="99"/>
      <c r="AW5594" s="99"/>
      <c r="AX5594" s="99"/>
      <c r="AY5594" s="99"/>
      <c r="AZ5594" s="99"/>
      <c r="BA5594" s="99"/>
      <c r="BB5594" s="107">
        <v>45884</v>
      </c>
    </row>
    <row r="5595" spans="1:54" s="8" customFormat="1" ht="14.1" customHeight="1" x14ac:dyDescent="0.25">
      <c r="A5595" s="219" t="s">
        <v>13037</v>
      </c>
      <c r="B5595" s="220" t="s">
        <v>12745</v>
      </c>
      <c r="C5595" s="98" t="s">
        <v>13038</v>
      </c>
      <c r="D5595" s="98" t="s">
        <v>20087</v>
      </c>
      <c r="E5595" s="141">
        <v>1979</v>
      </c>
      <c r="F5595" s="141">
        <v>765</v>
      </c>
      <c r="G5595" s="98" t="s">
        <v>1</v>
      </c>
      <c r="H5595" s="98">
        <v>0</v>
      </c>
      <c r="I5595" s="98">
        <v>0</v>
      </c>
      <c r="J5595" s="98">
        <v>0</v>
      </c>
      <c r="K5595" s="98">
        <v>0</v>
      </c>
      <c r="L5595" s="98">
        <v>1</v>
      </c>
      <c r="M5595" s="98">
        <v>0</v>
      </c>
      <c r="N5595" s="98">
        <v>0</v>
      </c>
      <c r="O5595" s="98">
        <v>0</v>
      </c>
      <c r="P5595" s="98">
        <v>0</v>
      </c>
      <c r="Q5595" s="98">
        <v>0</v>
      </c>
      <c r="R5595" s="98">
        <v>1</v>
      </c>
      <c r="S5595" s="98">
        <v>0</v>
      </c>
      <c r="T5595" s="98">
        <v>0</v>
      </c>
      <c r="U5595" s="99"/>
      <c r="V5595" s="99"/>
      <c r="W5595" s="99"/>
      <c r="X5595" s="99"/>
      <c r="Y5595" s="99"/>
      <c r="Z5595" s="99"/>
      <c r="AA5595" s="99"/>
      <c r="AB5595" s="99"/>
      <c r="AC5595" s="99"/>
      <c r="AD5595" s="99"/>
      <c r="AE5595" s="99"/>
      <c r="AF5595" s="99"/>
      <c r="AG5595" s="99"/>
      <c r="AH5595" s="99"/>
      <c r="AI5595" s="99"/>
      <c r="AJ5595" s="99"/>
      <c r="AK5595" s="99"/>
      <c r="AL5595" s="99"/>
      <c r="AM5595" s="99"/>
      <c r="AN5595" s="99"/>
      <c r="AO5595" s="99"/>
      <c r="AP5595" s="99"/>
      <c r="AQ5595" s="99"/>
      <c r="AR5595" s="99"/>
      <c r="AS5595" s="99"/>
      <c r="AT5595" s="99"/>
      <c r="AU5595" s="99"/>
      <c r="AV5595" s="99"/>
      <c r="AW5595" s="99"/>
      <c r="AX5595" s="99"/>
      <c r="AY5595" s="99"/>
      <c r="AZ5595" s="99"/>
      <c r="BA5595" s="99"/>
      <c r="BB5595" s="107">
        <v>45884</v>
      </c>
    </row>
    <row r="5596" spans="1:54" s="8" customFormat="1" ht="14.1" customHeight="1" x14ac:dyDescent="0.25">
      <c r="A5596" s="219" t="s">
        <v>13039</v>
      </c>
      <c r="B5596" s="220" t="s">
        <v>12745</v>
      </c>
      <c r="C5596" s="98" t="s">
        <v>13040</v>
      </c>
      <c r="D5596" s="98" t="s">
        <v>20088</v>
      </c>
      <c r="E5596" s="141">
        <v>1978</v>
      </c>
      <c r="F5596" s="141">
        <v>765</v>
      </c>
      <c r="G5596" s="98" t="s">
        <v>1</v>
      </c>
      <c r="H5596" s="98">
        <v>0</v>
      </c>
      <c r="I5596" s="98">
        <v>0</v>
      </c>
      <c r="J5596" s="98">
        <v>1</v>
      </c>
      <c r="K5596" s="98">
        <v>1</v>
      </c>
      <c r="L5596" s="98">
        <v>0</v>
      </c>
      <c r="M5596" s="98">
        <v>0</v>
      </c>
      <c r="N5596" s="98">
        <v>0</v>
      </c>
      <c r="O5596" s="98">
        <v>1</v>
      </c>
      <c r="P5596" s="98">
        <v>0</v>
      </c>
      <c r="Q5596" s="98">
        <v>0</v>
      </c>
      <c r="R5596" s="98">
        <v>0</v>
      </c>
      <c r="S5596" s="98">
        <v>0</v>
      </c>
      <c r="T5596" s="98">
        <v>0</v>
      </c>
      <c r="U5596" s="99"/>
      <c r="V5596" s="99"/>
      <c r="W5596" s="99"/>
      <c r="X5596" s="99"/>
      <c r="Y5596" s="99"/>
      <c r="Z5596" s="99"/>
      <c r="AA5596" s="99"/>
      <c r="AB5596" s="99"/>
      <c r="AC5596" s="99"/>
      <c r="AD5596" s="99"/>
      <c r="AE5596" s="99"/>
      <c r="AF5596" s="99"/>
      <c r="AG5596" s="99"/>
      <c r="AH5596" s="99"/>
      <c r="AI5596" s="99"/>
      <c r="AJ5596" s="99"/>
      <c r="AK5596" s="99"/>
      <c r="AL5596" s="99"/>
      <c r="AM5596" s="99"/>
      <c r="AN5596" s="99"/>
      <c r="AO5596" s="99"/>
      <c r="AP5596" s="99"/>
      <c r="AQ5596" s="99"/>
      <c r="AR5596" s="99"/>
      <c r="AS5596" s="99"/>
      <c r="AT5596" s="99"/>
      <c r="AU5596" s="99"/>
      <c r="AV5596" s="99"/>
      <c r="AW5596" s="99"/>
      <c r="AX5596" s="99"/>
      <c r="AY5596" s="99"/>
      <c r="AZ5596" s="99"/>
      <c r="BA5596" s="99"/>
      <c r="BB5596" s="107">
        <v>45884</v>
      </c>
    </row>
    <row r="5597" spans="1:54" s="8" customFormat="1" ht="14.1" customHeight="1" x14ac:dyDescent="0.25">
      <c r="A5597" s="219" t="s">
        <v>13041</v>
      </c>
      <c r="B5597" s="220" t="s">
        <v>12745</v>
      </c>
      <c r="C5597" s="98" t="s">
        <v>13042</v>
      </c>
      <c r="D5597" s="98" t="s">
        <v>20089</v>
      </c>
      <c r="E5597" s="141">
        <v>1982</v>
      </c>
      <c r="F5597" s="141">
        <v>775</v>
      </c>
      <c r="G5597" s="98" t="s">
        <v>1</v>
      </c>
      <c r="H5597" s="98">
        <v>0</v>
      </c>
      <c r="I5597" s="98">
        <v>0</v>
      </c>
      <c r="J5597" s="98">
        <v>1</v>
      </c>
      <c r="K5597" s="98">
        <v>0</v>
      </c>
      <c r="L5597" s="98">
        <v>0</v>
      </c>
      <c r="M5597" s="98">
        <v>0</v>
      </c>
      <c r="N5597" s="98">
        <v>0</v>
      </c>
      <c r="O5597" s="98">
        <v>1</v>
      </c>
      <c r="P5597" s="98">
        <v>0</v>
      </c>
      <c r="Q5597" s="98">
        <v>0</v>
      </c>
      <c r="R5597" s="98">
        <v>0</v>
      </c>
      <c r="S5597" s="98">
        <v>0</v>
      </c>
      <c r="T5597" s="98">
        <v>0</v>
      </c>
      <c r="U5597" s="99"/>
      <c r="V5597" s="99"/>
      <c r="W5597" s="99"/>
      <c r="X5597" s="99"/>
      <c r="Y5597" s="99"/>
      <c r="Z5597" s="99"/>
      <c r="AA5597" s="99"/>
      <c r="AB5597" s="99"/>
      <c r="AC5597" s="99"/>
      <c r="AD5597" s="99"/>
      <c r="AE5597" s="99"/>
      <c r="AF5597" s="99"/>
      <c r="AG5597" s="99"/>
      <c r="AH5597" s="99"/>
      <c r="AI5597" s="99"/>
      <c r="AJ5597" s="99"/>
      <c r="AK5597" s="99"/>
      <c r="AL5597" s="99"/>
      <c r="AM5597" s="99"/>
      <c r="AN5597" s="99"/>
      <c r="AO5597" s="99"/>
      <c r="AP5597" s="99"/>
      <c r="AQ5597" s="99"/>
      <c r="AR5597" s="99"/>
      <c r="AS5597" s="99"/>
      <c r="AT5597" s="99"/>
      <c r="AU5597" s="99"/>
      <c r="AV5597" s="99"/>
      <c r="AW5597" s="99"/>
      <c r="AX5597" s="99"/>
      <c r="AY5597" s="99"/>
      <c r="AZ5597" s="99"/>
      <c r="BA5597" s="99"/>
      <c r="BB5597" s="107">
        <v>45884</v>
      </c>
    </row>
    <row r="5598" spans="1:54" s="8" customFormat="1" ht="14.1" customHeight="1" x14ac:dyDescent="0.25">
      <c r="A5598" s="219" t="s">
        <v>13043</v>
      </c>
      <c r="B5598" s="220" t="s">
        <v>12745</v>
      </c>
      <c r="C5598" s="98" t="s">
        <v>13044</v>
      </c>
      <c r="D5598" s="98" t="s">
        <v>20090</v>
      </c>
      <c r="E5598" s="141">
        <v>1998</v>
      </c>
      <c r="F5598" s="141">
        <v>776</v>
      </c>
      <c r="G5598" s="98" t="s">
        <v>1</v>
      </c>
      <c r="H5598" s="98">
        <v>0</v>
      </c>
      <c r="I5598" s="98">
        <v>0</v>
      </c>
      <c r="J5598" s="98">
        <v>1</v>
      </c>
      <c r="K5598" s="98">
        <v>0</v>
      </c>
      <c r="L5598" s="98">
        <v>1</v>
      </c>
      <c r="M5598" s="98">
        <v>1</v>
      </c>
      <c r="N5598" s="98">
        <v>0</v>
      </c>
      <c r="O5598" s="98">
        <v>0</v>
      </c>
      <c r="P5598" s="98">
        <v>0</v>
      </c>
      <c r="Q5598" s="98">
        <v>0</v>
      </c>
      <c r="R5598" s="98">
        <v>0</v>
      </c>
      <c r="S5598" s="98">
        <v>0</v>
      </c>
      <c r="T5598" s="98">
        <v>0</v>
      </c>
      <c r="U5598" s="99"/>
      <c r="V5598" s="99"/>
      <c r="W5598" s="99"/>
      <c r="X5598" s="99"/>
      <c r="Y5598" s="99"/>
      <c r="Z5598" s="99"/>
      <c r="AA5598" s="99"/>
      <c r="AB5598" s="99"/>
      <c r="AC5598" s="99"/>
      <c r="AD5598" s="99"/>
      <c r="AE5598" s="99"/>
      <c r="AF5598" s="99"/>
      <c r="AG5598" s="99"/>
      <c r="AH5598" s="99"/>
      <c r="AI5598" s="99"/>
      <c r="AJ5598" s="99"/>
      <c r="AK5598" s="99"/>
      <c r="AL5598" s="99"/>
      <c r="AM5598" s="99"/>
      <c r="AN5598" s="99"/>
      <c r="AO5598" s="99"/>
      <c r="AP5598" s="99"/>
      <c r="AQ5598" s="99"/>
      <c r="AR5598" s="99"/>
      <c r="AS5598" s="99"/>
      <c r="AT5598" s="99"/>
      <c r="AU5598" s="99"/>
      <c r="AV5598" s="99"/>
      <c r="AW5598" s="99"/>
      <c r="AX5598" s="99"/>
      <c r="AY5598" s="99"/>
      <c r="AZ5598" s="99"/>
      <c r="BA5598" s="99"/>
      <c r="BB5598" s="107">
        <v>45884</v>
      </c>
    </row>
    <row r="5599" spans="1:54" s="8" customFormat="1" ht="14.1" customHeight="1" x14ac:dyDescent="0.25">
      <c r="A5599" s="219" t="s">
        <v>13045</v>
      </c>
      <c r="B5599" s="220" t="s">
        <v>12745</v>
      </c>
      <c r="C5599" s="98" t="s">
        <v>13046</v>
      </c>
      <c r="D5599" s="98" t="s">
        <v>20091</v>
      </c>
      <c r="E5599" s="141">
        <v>1982</v>
      </c>
      <c r="F5599" s="141">
        <v>781</v>
      </c>
      <c r="G5599" s="98" t="s">
        <v>1</v>
      </c>
      <c r="H5599" s="98">
        <v>0</v>
      </c>
      <c r="I5599" s="98">
        <v>0</v>
      </c>
      <c r="J5599" s="98">
        <v>1</v>
      </c>
      <c r="K5599" s="98">
        <v>0</v>
      </c>
      <c r="L5599" s="98">
        <v>1</v>
      </c>
      <c r="M5599" s="98">
        <v>0</v>
      </c>
      <c r="N5599" s="98">
        <v>0</v>
      </c>
      <c r="O5599" s="98">
        <v>1</v>
      </c>
      <c r="P5599" s="98">
        <v>1</v>
      </c>
      <c r="Q5599" s="98">
        <v>1</v>
      </c>
      <c r="R5599" s="98">
        <v>1</v>
      </c>
      <c r="S5599" s="98">
        <v>0</v>
      </c>
      <c r="T5599" s="98">
        <v>0</v>
      </c>
      <c r="U5599" s="99"/>
      <c r="V5599" s="99"/>
      <c r="W5599" s="99"/>
      <c r="X5599" s="99"/>
      <c r="Y5599" s="99"/>
      <c r="Z5599" s="99"/>
      <c r="AA5599" s="99"/>
      <c r="AB5599" s="99"/>
      <c r="AC5599" s="99"/>
      <c r="AD5599" s="99"/>
      <c r="AE5599" s="99"/>
      <c r="AF5599" s="99"/>
      <c r="AG5599" s="99"/>
      <c r="AH5599" s="99"/>
      <c r="AI5599" s="99"/>
      <c r="AJ5599" s="99"/>
      <c r="AK5599" s="99"/>
      <c r="AL5599" s="99"/>
      <c r="AM5599" s="99"/>
      <c r="AN5599" s="99"/>
      <c r="AO5599" s="99"/>
      <c r="AP5599" s="99"/>
      <c r="AQ5599" s="99"/>
      <c r="AR5599" s="99"/>
      <c r="AS5599" s="99"/>
      <c r="AT5599" s="99"/>
      <c r="AU5599" s="99"/>
      <c r="AV5599" s="99"/>
      <c r="AW5599" s="99"/>
      <c r="AX5599" s="99"/>
      <c r="AY5599" s="99"/>
      <c r="AZ5599" s="99"/>
      <c r="BA5599" s="99"/>
      <c r="BB5599" s="107">
        <v>45884</v>
      </c>
    </row>
    <row r="5600" spans="1:54" s="8" customFormat="1" ht="14.1" customHeight="1" x14ac:dyDescent="0.25">
      <c r="A5600" s="219" t="s">
        <v>13047</v>
      </c>
      <c r="B5600" s="220" t="s">
        <v>12745</v>
      </c>
      <c r="C5600" s="98" t="s">
        <v>13048</v>
      </c>
      <c r="D5600" s="98" t="s">
        <v>20092</v>
      </c>
      <c r="E5600" s="141">
        <v>1978</v>
      </c>
      <c r="F5600" s="141">
        <v>811</v>
      </c>
      <c r="G5600" s="98" t="s">
        <v>1</v>
      </c>
      <c r="H5600" s="98">
        <v>0</v>
      </c>
      <c r="I5600" s="98">
        <v>0</v>
      </c>
      <c r="J5600" s="98">
        <v>1</v>
      </c>
      <c r="K5600" s="98">
        <v>0</v>
      </c>
      <c r="L5600" s="98">
        <v>1</v>
      </c>
      <c r="M5600" s="98">
        <v>0</v>
      </c>
      <c r="N5600" s="98">
        <v>0</v>
      </c>
      <c r="O5600" s="98">
        <v>1</v>
      </c>
      <c r="P5600" s="98">
        <v>0</v>
      </c>
      <c r="Q5600" s="98">
        <v>1</v>
      </c>
      <c r="R5600" s="98">
        <v>0</v>
      </c>
      <c r="S5600" s="98">
        <v>0</v>
      </c>
      <c r="T5600" s="98">
        <v>0</v>
      </c>
      <c r="U5600" s="99"/>
      <c r="V5600" s="99"/>
      <c r="W5600" s="99"/>
      <c r="X5600" s="99"/>
      <c r="Y5600" s="99"/>
      <c r="Z5600" s="99"/>
      <c r="AA5600" s="99"/>
      <c r="AB5600" s="99"/>
      <c r="AC5600" s="99"/>
      <c r="AD5600" s="99"/>
      <c r="AE5600" s="99"/>
      <c r="AF5600" s="99"/>
      <c r="AG5600" s="99"/>
      <c r="AH5600" s="99"/>
      <c r="AI5600" s="99"/>
      <c r="AJ5600" s="99"/>
      <c r="AK5600" s="99"/>
      <c r="AL5600" s="99"/>
      <c r="AM5600" s="99"/>
      <c r="AN5600" s="99"/>
      <c r="AO5600" s="99"/>
      <c r="AP5600" s="99"/>
      <c r="AQ5600" s="99"/>
      <c r="AR5600" s="99"/>
      <c r="AS5600" s="99"/>
      <c r="AT5600" s="99"/>
      <c r="AU5600" s="99"/>
      <c r="AV5600" s="99"/>
      <c r="AW5600" s="99"/>
      <c r="AX5600" s="99"/>
      <c r="AY5600" s="99"/>
      <c r="AZ5600" s="99"/>
      <c r="BA5600" s="99"/>
      <c r="BB5600" s="107">
        <v>45884</v>
      </c>
    </row>
    <row r="5601" spans="1:54" s="8" customFormat="1" ht="14.1" customHeight="1" x14ac:dyDescent="0.25">
      <c r="A5601" s="219" t="s">
        <v>13049</v>
      </c>
      <c r="B5601" s="220" t="s">
        <v>12745</v>
      </c>
      <c r="C5601" s="98" t="s">
        <v>13050</v>
      </c>
      <c r="D5601" s="98" t="s">
        <v>20093</v>
      </c>
      <c r="E5601" s="141">
        <v>1976</v>
      </c>
      <c r="F5601" s="141">
        <v>812</v>
      </c>
      <c r="G5601" s="98" t="s">
        <v>1</v>
      </c>
      <c r="H5601" s="98">
        <v>0</v>
      </c>
      <c r="I5601" s="98">
        <v>0</v>
      </c>
      <c r="J5601" s="98">
        <v>1</v>
      </c>
      <c r="K5601" s="98">
        <v>0</v>
      </c>
      <c r="L5601" s="98">
        <v>1</v>
      </c>
      <c r="M5601" s="98">
        <v>0</v>
      </c>
      <c r="N5601" s="98">
        <v>0</v>
      </c>
      <c r="O5601" s="98">
        <v>1</v>
      </c>
      <c r="P5601" s="98">
        <v>0</v>
      </c>
      <c r="Q5601" s="98">
        <v>0</v>
      </c>
      <c r="R5601" s="98">
        <v>1</v>
      </c>
      <c r="S5601" s="98">
        <v>1</v>
      </c>
      <c r="T5601" s="98">
        <v>0</v>
      </c>
      <c r="U5601" s="99"/>
      <c r="V5601" s="99"/>
      <c r="W5601" s="99"/>
      <c r="X5601" s="99"/>
      <c r="Y5601" s="99"/>
      <c r="Z5601" s="99"/>
      <c r="AA5601" s="99"/>
      <c r="AB5601" s="99"/>
      <c r="AC5601" s="99"/>
      <c r="AD5601" s="99"/>
      <c r="AE5601" s="99"/>
      <c r="AF5601" s="99"/>
      <c r="AG5601" s="99"/>
      <c r="AH5601" s="99"/>
      <c r="AI5601" s="99"/>
      <c r="AJ5601" s="99"/>
      <c r="AK5601" s="99"/>
      <c r="AL5601" s="99"/>
      <c r="AM5601" s="99"/>
      <c r="AN5601" s="99"/>
      <c r="AO5601" s="99"/>
      <c r="AP5601" s="99"/>
      <c r="AQ5601" s="99"/>
      <c r="AR5601" s="99"/>
      <c r="AS5601" s="99"/>
      <c r="AT5601" s="99"/>
      <c r="AU5601" s="99"/>
      <c r="AV5601" s="99"/>
      <c r="AW5601" s="99"/>
      <c r="AX5601" s="99"/>
      <c r="AY5601" s="99"/>
      <c r="AZ5601" s="99"/>
      <c r="BA5601" s="99"/>
      <c r="BB5601" s="107">
        <v>45884</v>
      </c>
    </row>
    <row r="5602" spans="1:54" s="8" customFormat="1" ht="14.1" customHeight="1" x14ac:dyDescent="0.25">
      <c r="A5602" s="219" t="s">
        <v>13051</v>
      </c>
      <c r="B5602" s="220" t="s">
        <v>12745</v>
      </c>
      <c r="C5602" s="98" t="s">
        <v>13052</v>
      </c>
      <c r="D5602" s="98" t="s">
        <v>20094</v>
      </c>
      <c r="E5602" s="141">
        <v>1986</v>
      </c>
      <c r="F5602" s="141">
        <v>824</v>
      </c>
      <c r="G5602" s="98" t="s">
        <v>1</v>
      </c>
      <c r="H5602" s="98">
        <v>0</v>
      </c>
      <c r="I5602" s="98">
        <v>0</v>
      </c>
      <c r="J5602" s="98">
        <v>1</v>
      </c>
      <c r="K5602" s="98">
        <v>0</v>
      </c>
      <c r="L5602" s="98">
        <v>1</v>
      </c>
      <c r="M5602" s="98">
        <v>0</v>
      </c>
      <c r="N5602" s="98">
        <v>0</v>
      </c>
      <c r="O5602" s="98">
        <v>0</v>
      </c>
      <c r="P5602" s="98">
        <v>0</v>
      </c>
      <c r="Q5602" s="98">
        <v>0</v>
      </c>
      <c r="R5602" s="98">
        <v>0</v>
      </c>
      <c r="S5602" s="98">
        <v>0</v>
      </c>
      <c r="T5602" s="98">
        <v>0</v>
      </c>
      <c r="U5602" s="99"/>
      <c r="V5602" s="99"/>
      <c r="W5602" s="99"/>
      <c r="X5602" s="99"/>
      <c r="Y5602" s="99"/>
      <c r="Z5602" s="99"/>
      <c r="AA5602" s="99"/>
      <c r="AB5602" s="99"/>
      <c r="AC5602" s="99"/>
      <c r="AD5602" s="99"/>
      <c r="AE5602" s="99"/>
      <c r="AF5602" s="99"/>
      <c r="AG5602" s="99"/>
      <c r="AH5602" s="99"/>
      <c r="AI5602" s="99"/>
      <c r="AJ5602" s="99"/>
      <c r="AK5602" s="99"/>
      <c r="AL5602" s="99"/>
      <c r="AM5602" s="99"/>
      <c r="AN5602" s="99"/>
      <c r="AO5602" s="99"/>
      <c r="AP5602" s="99"/>
      <c r="AQ5602" s="99"/>
      <c r="AR5602" s="99"/>
      <c r="AS5602" s="99"/>
      <c r="AT5602" s="99"/>
      <c r="AU5602" s="99"/>
      <c r="AV5602" s="99"/>
      <c r="AW5602" s="99"/>
      <c r="AX5602" s="99"/>
      <c r="AY5602" s="99"/>
      <c r="AZ5602" s="99"/>
      <c r="BA5602" s="99"/>
      <c r="BB5602" s="107">
        <v>45884</v>
      </c>
    </row>
    <row r="5603" spans="1:54" s="8" customFormat="1" ht="14.1" customHeight="1" x14ac:dyDescent="0.25">
      <c r="A5603" s="219" t="s">
        <v>13053</v>
      </c>
      <c r="B5603" s="220" t="s">
        <v>12745</v>
      </c>
      <c r="C5603" s="98" t="s">
        <v>13054</v>
      </c>
      <c r="D5603" s="98" t="s">
        <v>20095</v>
      </c>
      <c r="E5603" s="141">
        <v>2006</v>
      </c>
      <c r="F5603" s="141">
        <v>826</v>
      </c>
      <c r="G5603" s="98" t="s">
        <v>1</v>
      </c>
      <c r="H5603" s="98">
        <v>0</v>
      </c>
      <c r="I5603" s="98">
        <v>0</v>
      </c>
      <c r="J5603" s="98">
        <v>1</v>
      </c>
      <c r="K5603" s="98">
        <v>1</v>
      </c>
      <c r="L5603" s="98">
        <v>0</v>
      </c>
      <c r="M5603" s="98">
        <v>1</v>
      </c>
      <c r="N5603" s="98">
        <v>0</v>
      </c>
      <c r="O5603" s="98">
        <v>0</v>
      </c>
      <c r="P5603" s="98">
        <v>0</v>
      </c>
      <c r="Q5603" s="98">
        <v>0</v>
      </c>
      <c r="R5603" s="98">
        <v>0</v>
      </c>
      <c r="S5603" s="98">
        <v>0</v>
      </c>
      <c r="T5603" s="98">
        <v>0</v>
      </c>
      <c r="U5603" s="99"/>
      <c r="V5603" s="99"/>
      <c r="W5603" s="99"/>
      <c r="X5603" s="99"/>
      <c r="Y5603" s="99"/>
      <c r="Z5603" s="99"/>
      <c r="AA5603" s="99"/>
      <c r="AB5603" s="99"/>
      <c r="AC5603" s="99"/>
      <c r="AD5603" s="99"/>
      <c r="AE5603" s="99"/>
      <c r="AF5603" s="99"/>
      <c r="AG5603" s="99"/>
      <c r="AH5603" s="99"/>
      <c r="AI5603" s="99"/>
      <c r="AJ5603" s="99"/>
      <c r="AK5603" s="99"/>
      <c r="AL5603" s="99"/>
      <c r="AM5603" s="99"/>
      <c r="AN5603" s="99"/>
      <c r="AO5603" s="99"/>
      <c r="AP5603" s="99"/>
      <c r="AQ5603" s="99"/>
      <c r="AR5603" s="99"/>
      <c r="AS5603" s="99"/>
      <c r="AT5603" s="99"/>
      <c r="AU5603" s="99"/>
      <c r="AV5603" s="99"/>
      <c r="AW5603" s="99"/>
      <c r="AX5603" s="99"/>
      <c r="AY5603" s="99"/>
      <c r="AZ5603" s="99"/>
      <c r="BA5603" s="99"/>
      <c r="BB5603" s="107">
        <v>45884</v>
      </c>
    </row>
    <row r="5604" spans="1:54" s="8" customFormat="1" ht="14.1" customHeight="1" x14ac:dyDescent="0.25">
      <c r="A5604" s="219" t="s">
        <v>13055</v>
      </c>
      <c r="B5604" s="220" t="s">
        <v>12745</v>
      </c>
      <c r="C5604" s="98" t="s">
        <v>13056</v>
      </c>
      <c r="D5604" s="98" t="s">
        <v>20096</v>
      </c>
      <c r="E5604" s="141">
        <v>1986</v>
      </c>
      <c r="F5604" s="141">
        <v>852</v>
      </c>
      <c r="G5604" s="98" t="s">
        <v>1</v>
      </c>
      <c r="H5604" s="98">
        <v>0</v>
      </c>
      <c r="I5604" s="98">
        <v>0</v>
      </c>
      <c r="J5604" s="98">
        <v>1</v>
      </c>
      <c r="K5604" s="98">
        <v>0</v>
      </c>
      <c r="L5604" s="98">
        <v>1</v>
      </c>
      <c r="M5604" s="98">
        <v>0</v>
      </c>
      <c r="N5604" s="98">
        <v>0</v>
      </c>
      <c r="O5604" s="98">
        <v>0</v>
      </c>
      <c r="P5604" s="98">
        <v>1</v>
      </c>
      <c r="Q5604" s="98">
        <v>0</v>
      </c>
      <c r="R5604" s="98">
        <v>1</v>
      </c>
      <c r="S5604" s="98">
        <v>0</v>
      </c>
      <c r="T5604" s="98">
        <v>0</v>
      </c>
      <c r="U5604" s="99"/>
      <c r="V5604" s="99"/>
      <c r="W5604" s="99"/>
      <c r="X5604" s="99"/>
      <c r="Y5604" s="99"/>
      <c r="Z5604" s="99"/>
      <c r="AA5604" s="99"/>
      <c r="AB5604" s="99"/>
      <c r="AC5604" s="99"/>
      <c r="AD5604" s="99"/>
      <c r="AE5604" s="99"/>
      <c r="AF5604" s="99"/>
      <c r="AG5604" s="99"/>
      <c r="AH5604" s="99"/>
      <c r="AI5604" s="99"/>
      <c r="AJ5604" s="99"/>
      <c r="AK5604" s="99"/>
      <c r="AL5604" s="99"/>
      <c r="AM5604" s="99"/>
      <c r="AN5604" s="99"/>
      <c r="AO5604" s="99"/>
      <c r="AP5604" s="99"/>
      <c r="AQ5604" s="99"/>
      <c r="AR5604" s="99"/>
      <c r="AS5604" s="99"/>
      <c r="AT5604" s="99"/>
      <c r="AU5604" s="99"/>
      <c r="AV5604" s="99"/>
      <c r="AW5604" s="99"/>
      <c r="AX5604" s="99"/>
      <c r="AY5604" s="99"/>
      <c r="AZ5604" s="99"/>
      <c r="BA5604" s="98" t="s">
        <v>12753</v>
      </c>
      <c r="BB5604" s="107">
        <v>45884</v>
      </c>
    </row>
    <row r="5605" spans="1:54" s="8" customFormat="1" ht="14.1" customHeight="1" x14ac:dyDescent="0.25">
      <c r="A5605" s="219" t="s">
        <v>13057</v>
      </c>
      <c r="B5605" s="220" t="s">
        <v>12745</v>
      </c>
      <c r="C5605" s="98" t="s">
        <v>13058</v>
      </c>
      <c r="D5605" s="98" t="s">
        <v>20097</v>
      </c>
      <c r="E5605" s="141">
        <v>1976</v>
      </c>
      <c r="F5605" s="141">
        <v>864</v>
      </c>
      <c r="G5605" s="98" t="s">
        <v>1</v>
      </c>
      <c r="H5605" s="98">
        <v>0</v>
      </c>
      <c r="I5605" s="98">
        <v>0</v>
      </c>
      <c r="J5605" s="98">
        <v>1</v>
      </c>
      <c r="K5605" s="98">
        <v>0</v>
      </c>
      <c r="L5605" s="98">
        <v>0</v>
      </c>
      <c r="M5605" s="98">
        <v>0</v>
      </c>
      <c r="N5605" s="98">
        <v>0</v>
      </c>
      <c r="O5605" s="98">
        <v>1</v>
      </c>
      <c r="P5605" s="98">
        <v>1</v>
      </c>
      <c r="Q5605" s="98">
        <v>0</v>
      </c>
      <c r="R5605" s="98">
        <v>1</v>
      </c>
      <c r="S5605" s="98">
        <v>0</v>
      </c>
      <c r="T5605" s="98">
        <v>0</v>
      </c>
      <c r="U5605" s="99"/>
      <c r="V5605" s="99"/>
      <c r="W5605" s="99"/>
      <c r="X5605" s="99"/>
      <c r="Y5605" s="99"/>
      <c r="Z5605" s="99"/>
      <c r="AA5605" s="99"/>
      <c r="AB5605" s="99"/>
      <c r="AC5605" s="99"/>
      <c r="AD5605" s="99"/>
      <c r="AE5605" s="99"/>
      <c r="AF5605" s="99"/>
      <c r="AG5605" s="99"/>
      <c r="AH5605" s="99"/>
      <c r="AI5605" s="99"/>
      <c r="AJ5605" s="99"/>
      <c r="AK5605" s="99"/>
      <c r="AL5605" s="99"/>
      <c r="AM5605" s="99"/>
      <c r="AN5605" s="99"/>
      <c r="AO5605" s="99"/>
      <c r="AP5605" s="99"/>
      <c r="AQ5605" s="99"/>
      <c r="AR5605" s="99"/>
      <c r="AS5605" s="99"/>
      <c r="AT5605" s="99"/>
      <c r="AU5605" s="99"/>
      <c r="AV5605" s="99"/>
      <c r="AW5605" s="99"/>
      <c r="AX5605" s="99"/>
      <c r="AY5605" s="99"/>
      <c r="AZ5605" s="99"/>
      <c r="BA5605" s="99"/>
      <c r="BB5605" s="107">
        <v>45884</v>
      </c>
    </row>
    <row r="5606" spans="1:54" s="8" customFormat="1" ht="14.1" customHeight="1" x14ac:dyDescent="0.25">
      <c r="A5606" s="219" t="s">
        <v>13059</v>
      </c>
      <c r="B5606" s="220" t="s">
        <v>12745</v>
      </c>
      <c r="C5606" s="98" t="s">
        <v>13060</v>
      </c>
      <c r="D5606" s="98" t="s">
        <v>20098</v>
      </c>
      <c r="E5606" s="141">
        <v>1978</v>
      </c>
      <c r="F5606" s="141">
        <v>883</v>
      </c>
      <c r="G5606" s="98" t="s">
        <v>1</v>
      </c>
      <c r="H5606" s="98">
        <v>0</v>
      </c>
      <c r="I5606" s="98">
        <v>0</v>
      </c>
      <c r="J5606" s="98">
        <v>1</v>
      </c>
      <c r="K5606" s="98">
        <v>0</v>
      </c>
      <c r="L5606" s="98">
        <v>0</v>
      </c>
      <c r="M5606" s="98">
        <v>0</v>
      </c>
      <c r="N5606" s="98">
        <v>0</v>
      </c>
      <c r="O5606" s="98">
        <v>0</v>
      </c>
      <c r="P5606" s="98">
        <v>0</v>
      </c>
      <c r="Q5606" s="98">
        <v>0</v>
      </c>
      <c r="R5606" s="98">
        <v>0</v>
      </c>
      <c r="S5606" s="98">
        <v>0</v>
      </c>
      <c r="T5606" s="98">
        <v>0</v>
      </c>
      <c r="U5606" s="99"/>
      <c r="V5606" s="99"/>
      <c r="W5606" s="99"/>
      <c r="X5606" s="99"/>
      <c r="Y5606" s="99"/>
      <c r="Z5606" s="99"/>
      <c r="AA5606" s="99"/>
      <c r="AB5606" s="99"/>
      <c r="AC5606" s="99"/>
      <c r="AD5606" s="99"/>
      <c r="AE5606" s="99"/>
      <c r="AF5606" s="99"/>
      <c r="AG5606" s="99"/>
      <c r="AH5606" s="99"/>
      <c r="AI5606" s="99"/>
      <c r="AJ5606" s="99"/>
      <c r="AK5606" s="99"/>
      <c r="AL5606" s="99"/>
      <c r="AM5606" s="99"/>
      <c r="AN5606" s="99"/>
      <c r="AO5606" s="99"/>
      <c r="AP5606" s="99"/>
      <c r="AQ5606" s="99"/>
      <c r="AR5606" s="99"/>
      <c r="AS5606" s="99"/>
      <c r="AT5606" s="99"/>
      <c r="AU5606" s="99"/>
      <c r="AV5606" s="99"/>
      <c r="AW5606" s="99"/>
      <c r="AX5606" s="99"/>
      <c r="AY5606" s="99"/>
      <c r="AZ5606" s="99"/>
      <c r="BA5606" s="99"/>
      <c r="BB5606" s="107">
        <v>45884</v>
      </c>
    </row>
    <row r="5607" spans="1:54" s="8" customFormat="1" ht="14.1" customHeight="1" x14ac:dyDescent="0.25">
      <c r="A5607" s="219" t="s">
        <v>13061</v>
      </c>
      <c r="B5607" s="220" t="s">
        <v>12745</v>
      </c>
      <c r="C5607" s="98" t="s">
        <v>13062</v>
      </c>
      <c r="D5607" s="98" t="s">
        <v>20099</v>
      </c>
      <c r="E5607" s="141">
        <v>1979</v>
      </c>
      <c r="F5607" s="141">
        <v>895</v>
      </c>
      <c r="G5607" s="98" t="s">
        <v>1</v>
      </c>
      <c r="H5607" s="98">
        <v>0</v>
      </c>
      <c r="I5607" s="98">
        <v>0</v>
      </c>
      <c r="J5607" s="98">
        <v>1</v>
      </c>
      <c r="K5607" s="98">
        <v>0</v>
      </c>
      <c r="L5607" s="98">
        <v>0</v>
      </c>
      <c r="M5607" s="98">
        <v>0</v>
      </c>
      <c r="N5607" s="98">
        <v>0</v>
      </c>
      <c r="O5607" s="98">
        <v>1</v>
      </c>
      <c r="P5607" s="98">
        <v>0</v>
      </c>
      <c r="Q5607" s="98">
        <v>0</v>
      </c>
      <c r="R5607" s="98">
        <v>0</v>
      </c>
      <c r="S5607" s="98">
        <v>0</v>
      </c>
      <c r="T5607" s="98">
        <v>0</v>
      </c>
      <c r="U5607" s="99"/>
      <c r="V5607" s="99"/>
      <c r="W5607" s="99"/>
      <c r="X5607" s="99"/>
      <c r="Y5607" s="99"/>
      <c r="Z5607" s="99"/>
      <c r="AA5607" s="99"/>
      <c r="AB5607" s="99"/>
      <c r="AC5607" s="99"/>
      <c r="AD5607" s="99"/>
      <c r="AE5607" s="99"/>
      <c r="AF5607" s="99"/>
      <c r="AG5607" s="99"/>
      <c r="AH5607" s="99"/>
      <c r="AI5607" s="99"/>
      <c r="AJ5607" s="99"/>
      <c r="AK5607" s="99"/>
      <c r="AL5607" s="99"/>
      <c r="AM5607" s="99"/>
      <c r="AN5607" s="99"/>
      <c r="AO5607" s="99"/>
      <c r="AP5607" s="99"/>
      <c r="AQ5607" s="99"/>
      <c r="AR5607" s="99"/>
      <c r="AS5607" s="99"/>
      <c r="AT5607" s="99"/>
      <c r="AU5607" s="99"/>
      <c r="AV5607" s="99"/>
      <c r="AW5607" s="99"/>
      <c r="AX5607" s="99"/>
      <c r="AY5607" s="99"/>
      <c r="AZ5607" s="99"/>
      <c r="BA5607" s="99"/>
      <c r="BB5607" s="107">
        <v>45884</v>
      </c>
    </row>
    <row r="5608" spans="1:54" s="8" customFormat="1" ht="14.1" customHeight="1" x14ac:dyDescent="0.25">
      <c r="A5608" s="219" t="s">
        <v>13063</v>
      </c>
      <c r="B5608" s="220" t="s">
        <v>12745</v>
      </c>
      <c r="C5608" s="98" t="s">
        <v>13064</v>
      </c>
      <c r="D5608" s="98" t="s">
        <v>20100</v>
      </c>
      <c r="E5608" s="141">
        <v>2008</v>
      </c>
      <c r="F5608" s="141">
        <v>931</v>
      </c>
      <c r="G5608" s="98" t="s">
        <v>1</v>
      </c>
      <c r="H5608" s="98">
        <v>0</v>
      </c>
      <c r="I5608" s="98">
        <v>0</v>
      </c>
      <c r="J5608" s="98">
        <v>1</v>
      </c>
      <c r="K5608" s="98">
        <v>0</v>
      </c>
      <c r="L5608" s="98">
        <v>0</v>
      </c>
      <c r="M5608" s="98">
        <v>0</v>
      </c>
      <c r="N5608" s="98">
        <v>0</v>
      </c>
      <c r="O5608" s="98">
        <v>0</v>
      </c>
      <c r="P5608" s="98">
        <v>0</v>
      </c>
      <c r="Q5608" s="98">
        <v>0</v>
      </c>
      <c r="R5608" s="98">
        <v>0</v>
      </c>
      <c r="S5608" s="98">
        <v>0</v>
      </c>
      <c r="T5608" s="98">
        <v>0</v>
      </c>
      <c r="U5608" s="99"/>
      <c r="V5608" s="99"/>
      <c r="W5608" s="99"/>
      <c r="X5608" s="99"/>
      <c r="Y5608" s="99"/>
      <c r="Z5608" s="99"/>
      <c r="AA5608" s="99"/>
      <c r="AB5608" s="99"/>
      <c r="AC5608" s="99"/>
      <c r="AD5608" s="99"/>
      <c r="AE5608" s="99"/>
      <c r="AF5608" s="99"/>
      <c r="AG5608" s="99"/>
      <c r="AH5608" s="99"/>
      <c r="AI5608" s="99"/>
      <c r="AJ5608" s="99"/>
      <c r="AK5608" s="99"/>
      <c r="AL5608" s="99"/>
      <c r="AM5608" s="99"/>
      <c r="AN5608" s="99"/>
      <c r="AO5608" s="99"/>
      <c r="AP5608" s="99"/>
      <c r="AQ5608" s="99"/>
      <c r="AR5608" s="99"/>
      <c r="AS5608" s="99"/>
      <c r="AT5608" s="99"/>
      <c r="AU5608" s="99"/>
      <c r="AV5608" s="99"/>
      <c r="AW5608" s="99"/>
      <c r="AX5608" s="99"/>
      <c r="AY5608" s="99"/>
      <c r="AZ5608" s="99"/>
      <c r="BA5608" s="99"/>
      <c r="BB5608" s="107">
        <v>45884</v>
      </c>
    </row>
    <row r="5609" spans="1:54" s="8" customFormat="1" ht="14.1" customHeight="1" x14ac:dyDescent="0.25">
      <c r="A5609" s="219" t="s">
        <v>13065</v>
      </c>
      <c r="B5609" s="220" t="s">
        <v>12745</v>
      </c>
      <c r="C5609" s="98" t="s">
        <v>13066</v>
      </c>
      <c r="D5609" s="98" t="s">
        <v>20101</v>
      </c>
      <c r="E5609" s="141">
        <v>1976</v>
      </c>
      <c r="F5609" s="141">
        <v>970</v>
      </c>
      <c r="G5609" s="98" t="s">
        <v>1</v>
      </c>
      <c r="H5609" s="98">
        <v>0</v>
      </c>
      <c r="I5609" s="98">
        <v>0</v>
      </c>
      <c r="J5609" s="98">
        <v>1</v>
      </c>
      <c r="K5609" s="98">
        <v>0</v>
      </c>
      <c r="L5609" s="98">
        <v>0</v>
      </c>
      <c r="M5609" s="98">
        <v>1</v>
      </c>
      <c r="N5609" s="98">
        <v>0</v>
      </c>
      <c r="O5609" s="98">
        <v>1</v>
      </c>
      <c r="P5609" s="98">
        <v>0</v>
      </c>
      <c r="Q5609" s="98">
        <v>0</v>
      </c>
      <c r="R5609" s="98">
        <v>1</v>
      </c>
      <c r="S5609" s="98">
        <v>0</v>
      </c>
      <c r="T5609" s="98">
        <v>0</v>
      </c>
      <c r="U5609" s="99"/>
      <c r="V5609" s="99"/>
      <c r="W5609" s="99"/>
      <c r="X5609" s="99"/>
      <c r="Y5609" s="99"/>
      <c r="Z5609" s="99"/>
      <c r="AA5609" s="99"/>
      <c r="AB5609" s="99"/>
      <c r="AC5609" s="99"/>
      <c r="AD5609" s="99"/>
      <c r="AE5609" s="99"/>
      <c r="AF5609" s="99"/>
      <c r="AG5609" s="99"/>
      <c r="AH5609" s="99"/>
      <c r="AI5609" s="99"/>
      <c r="AJ5609" s="99"/>
      <c r="AK5609" s="99"/>
      <c r="AL5609" s="99"/>
      <c r="AM5609" s="99"/>
      <c r="AN5609" s="99"/>
      <c r="AO5609" s="99"/>
      <c r="AP5609" s="99"/>
      <c r="AQ5609" s="99"/>
      <c r="AR5609" s="99"/>
      <c r="AS5609" s="99"/>
      <c r="AT5609" s="99"/>
      <c r="AU5609" s="99"/>
      <c r="AV5609" s="99"/>
      <c r="AW5609" s="99"/>
      <c r="AX5609" s="99"/>
      <c r="AY5609" s="99"/>
      <c r="AZ5609" s="99"/>
      <c r="BA5609" s="98" t="s">
        <v>12848</v>
      </c>
      <c r="BB5609" s="107">
        <v>45884</v>
      </c>
    </row>
    <row r="5610" spans="1:54" s="8" customFormat="1" ht="14.1" customHeight="1" x14ac:dyDescent="0.25">
      <c r="A5610" s="219" t="s">
        <v>13067</v>
      </c>
      <c r="B5610" s="220" t="s">
        <v>12745</v>
      </c>
      <c r="C5610" s="98" t="s">
        <v>13068</v>
      </c>
      <c r="D5610" s="98" t="s">
        <v>20102</v>
      </c>
      <c r="E5610" s="141">
        <v>1978</v>
      </c>
      <c r="F5610" s="141">
        <v>993</v>
      </c>
      <c r="G5610" s="98" t="s">
        <v>1</v>
      </c>
      <c r="H5610" s="98">
        <v>0</v>
      </c>
      <c r="I5610" s="98">
        <v>0</v>
      </c>
      <c r="J5610" s="98">
        <v>1</v>
      </c>
      <c r="K5610" s="98">
        <v>0</v>
      </c>
      <c r="L5610" s="98">
        <v>1</v>
      </c>
      <c r="M5610" s="98">
        <v>0</v>
      </c>
      <c r="N5610" s="98">
        <v>0</v>
      </c>
      <c r="O5610" s="98">
        <v>1</v>
      </c>
      <c r="P5610" s="98">
        <v>1</v>
      </c>
      <c r="Q5610" s="98">
        <v>0</v>
      </c>
      <c r="R5610" s="98">
        <v>1</v>
      </c>
      <c r="S5610" s="98">
        <v>0</v>
      </c>
      <c r="T5610" s="98">
        <v>0</v>
      </c>
      <c r="U5610" s="99"/>
      <c r="V5610" s="99"/>
      <c r="W5610" s="99"/>
      <c r="X5610" s="99"/>
      <c r="Y5610" s="99"/>
      <c r="Z5610" s="99"/>
      <c r="AA5610" s="99"/>
      <c r="AB5610" s="99"/>
      <c r="AC5610" s="99"/>
      <c r="AD5610" s="99"/>
      <c r="AE5610" s="99"/>
      <c r="AF5610" s="99"/>
      <c r="AG5610" s="99"/>
      <c r="AH5610" s="99"/>
      <c r="AI5610" s="99"/>
      <c r="AJ5610" s="99"/>
      <c r="AK5610" s="99"/>
      <c r="AL5610" s="99"/>
      <c r="AM5610" s="99"/>
      <c r="AN5610" s="99"/>
      <c r="AO5610" s="99"/>
      <c r="AP5610" s="99"/>
      <c r="AQ5610" s="99"/>
      <c r="AR5610" s="99"/>
      <c r="AS5610" s="99"/>
      <c r="AT5610" s="99"/>
      <c r="AU5610" s="99"/>
      <c r="AV5610" s="99"/>
      <c r="AW5610" s="99"/>
      <c r="AX5610" s="99"/>
      <c r="AY5610" s="99"/>
      <c r="AZ5610" s="99"/>
      <c r="BA5610" s="98" t="s">
        <v>13069</v>
      </c>
      <c r="BB5610" s="107">
        <v>45884</v>
      </c>
    </row>
    <row r="5611" spans="1:54" s="8" customFormat="1" ht="14.1" customHeight="1" x14ac:dyDescent="0.25">
      <c r="A5611" s="219" t="s">
        <v>13070</v>
      </c>
      <c r="B5611" s="220" t="s">
        <v>12745</v>
      </c>
      <c r="C5611" s="98" t="s">
        <v>13071</v>
      </c>
      <c r="D5611" s="98" t="s">
        <v>20103</v>
      </c>
      <c r="E5611" s="141">
        <v>1986</v>
      </c>
      <c r="F5611" s="141">
        <v>1009</v>
      </c>
      <c r="G5611" s="98" t="s">
        <v>1</v>
      </c>
      <c r="H5611" s="98">
        <v>0</v>
      </c>
      <c r="I5611" s="98">
        <v>0</v>
      </c>
      <c r="J5611" s="98">
        <v>1</v>
      </c>
      <c r="K5611" s="98">
        <v>0</v>
      </c>
      <c r="L5611" s="98">
        <v>1</v>
      </c>
      <c r="M5611" s="98">
        <v>1</v>
      </c>
      <c r="N5611" s="98">
        <v>0</v>
      </c>
      <c r="O5611" s="98">
        <v>0</v>
      </c>
      <c r="P5611" s="98">
        <v>0</v>
      </c>
      <c r="Q5611" s="98">
        <v>0</v>
      </c>
      <c r="R5611" s="98">
        <v>0</v>
      </c>
      <c r="S5611" s="98">
        <v>0</v>
      </c>
      <c r="T5611" s="98">
        <v>0</v>
      </c>
      <c r="U5611" s="99"/>
      <c r="V5611" s="99"/>
      <c r="W5611" s="99"/>
      <c r="X5611" s="99"/>
      <c r="Y5611" s="99"/>
      <c r="Z5611" s="99"/>
      <c r="AA5611" s="99"/>
      <c r="AB5611" s="99"/>
      <c r="AC5611" s="99"/>
      <c r="AD5611" s="99"/>
      <c r="AE5611" s="99"/>
      <c r="AF5611" s="99"/>
      <c r="AG5611" s="99"/>
      <c r="AH5611" s="99"/>
      <c r="AI5611" s="99"/>
      <c r="AJ5611" s="99"/>
      <c r="AK5611" s="99"/>
      <c r="AL5611" s="99"/>
      <c r="AM5611" s="99"/>
      <c r="AN5611" s="99"/>
      <c r="AO5611" s="99"/>
      <c r="AP5611" s="99"/>
      <c r="AQ5611" s="99"/>
      <c r="AR5611" s="99"/>
      <c r="AS5611" s="99"/>
      <c r="AT5611" s="99"/>
      <c r="AU5611" s="99"/>
      <c r="AV5611" s="99"/>
      <c r="AW5611" s="99"/>
      <c r="AX5611" s="99"/>
      <c r="AY5611" s="99"/>
      <c r="AZ5611" s="99"/>
      <c r="BA5611" s="99"/>
      <c r="BB5611" s="107">
        <v>45884</v>
      </c>
    </row>
    <row r="5612" spans="1:54" s="8" customFormat="1" ht="14.1" customHeight="1" x14ac:dyDescent="0.25">
      <c r="A5612" s="219" t="s">
        <v>13072</v>
      </c>
      <c r="B5612" s="220" t="s">
        <v>12745</v>
      </c>
      <c r="C5612" s="98" t="s">
        <v>13073</v>
      </c>
      <c r="D5612" s="98" t="s">
        <v>20104</v>
      </c>
      <c r="E5612" s="141">
        <v>1994</v>
      </c>
      <c r="F5612" s="141">
        <v>1010</v>
      </c>
      <c r="G5612" s="98" t="s">
        <v>1</v>
      </c>
      <c r="H5612" s="98">
        <v>0</v>
      </c>
      <c r="I5612" s="98">
        <v>0</v>
      </c>
      <c r="J5612" s="98">
        <v>1</v>
      </c>
      <c r="K5612" s="98">
        <v>1</v>
      </c>
      <c r="L5612" s="98">
        <v>1</v>
      </c>
      <c r="M5612" s="98">
        <v>0</v>
      </c>
      <c r="N5612" s="98">
        <v>1</v>
      </c>
      <c r="O5612" s="98">
        <v>0</v>
      </c>
      <c r="P5612" s="98">
        <v>1</v>
      </c>
      <c r="Q5612" s="98">
        <v>0</v>
      </c>
      <c r="R5612" s="98">
        <v>0</v>
      </c>
      <c r="S5612" s="98">
        <v>0</v>
      </c>
      <c r="T5612" s="98">
        <v>0</v>
      </c>
      <c r="U5612" s="99"/>
      <c r="V5612" s="99"/>
      <c r="W5612" s="99"/>
      <c r="X5612" s="99"/>
      <c r="Y5612" s="99"/>
      <c r="Z5612" s="99"/>
      <c r="AA5612" s="99"/>
      <c r="AB5612" s="99"/>
      <c r="AC5612" s="99"/>
      <c r="AD5612" s="99"/>
      <c r="AE5612" s="99"/>
      <c r="AF5612" s="99"/>
      <c r="AG5612" s="99"/>
      <c r="AH5612" s="99"/>
      <c r="AI5612" s="99"/>
      <c r="AJ5612" s="99"/>
      <c r="AK5612" s="99"/>
      <c r="AL5612" s="99"/>
      <c r="AM5612" s="99"/>
      <c r="AN5612" s="99"/>
      <c r="AO5612" s="99"/>
      <c r="AP5612" s="99"/>
      <c r="AQ5612" s="99"/>
      <c r="AR5612" s="99"/>
      <c r="AS5612" s="99"/>
      <c r="AT5612" s="99"/>
      <c r="AU5612" s="99"/>
      <c r="AV5612" s="99"/>
      <c r="AW5612" s="99"/>
      <c r="AX5612" s="99"/>
      <c r="AY5612" s="99"/>
      <c r="AZ5612" s="99"/>
      <c r="BA5612" s="99"/>
      <c r="BB5612" s="107">
        <v>45884</v>
      </c>
    </row>
    <row r="5613" spans="1:54" s="8" customFormat="1" ht="14.1" customHeight="1" x14ac:dyDescent="0.25">
      <c r="A5613" s="219" t="s">
        <v>13074</v>
      </c>
      <c r="B5613" s="220" t="s">
        <v>12745</v>
      </c>
      <c r="C5613" s="98" t="s">
        <v>13075</v>
      </c>
      <c r="D5613" s="98" t="s">
        <v>20105</v>
      </c>
      <c r="E5613" s="141">
        <v>1981</v>
      </c>
      <c r="F5613" s="141">
        <v>1032</v>
      </c>
      <c r="G5613" s="98" t="s">
        <v>1</v>
      </c>
      <c r="H5613" s="98">
        <v>0</v>
      </c>
      <c r="I5613" s="98">
        <v>0</v>
      </c>
      <c r="J5613" s="98">
        <v>1</v>
      </c>
      <c r="K5613" s="98">
        <v>0</v>
      </c>
      <c r="L5613" s="98">
        <v>0</v>
      </c>
      <c r="M5613" s="98">
        <v>0</v>
      </c>
      <c r="N5613" s="98">
        <v>0</v>
      </c>
      <c r="O5613" s="98">
        <v>0</v>
      </c>
      <c r="P5613" s="98">
        <v>0</v>
      </c>
      <c r="Q5613" s="98">
        <v>0</v>
      </c>
      <c r="R5613" s="98">
        <v>0</v>
      </c>
      <c r="S5613" s="98">
        <v>0</v>
      </c>
      <c r="T5613" s="98">
        <v>0</v>
      </c>
      <c r="U5613" s="99"/>
      <c r="V5613" s="99"/>
      <c r="W5613" s="99"/>
      <c r="X5613" s="99"/>
      <c r="Y5613" s="99"/>
      <c r="Z5613" s="99"/>
      <c r="AA5613" s="99"/>
      <c r="AB5613" s="99"/>
      <c r="AC5613" s="99"/>
      <c r="AD5613" s="99"/>
      <c r="AE5613" s="99"/>
      <c r="AF5613" s="99"/>
      <c r="AG5613" s="99"/>
      <c r="AH5613" s="99"/>
      <c r="AI5613" s="99"/>
      <c r="AJ5613" s="99"/>
      <c r="AK5613" s="99"/>
      <c r="AL5613" s="99"/>
      <c r="AM5613" s="99"/>
      <c r="AN5613" s="99"/>
      <c r="AO5613" s="99"/>
      <c r="AP5613" s="99"/>
      <c r="AQ5613" s="99"/>
      <c r="AR5613" s="99"/>
      <c r="AS5613" s="99"/>
      <c r="AT5613" s="99"/>
      <c r="AU5613" s="99"/>
      <c r="AV5613" s="99"/>
      <c r="AW5613" s="99"/>
      <c r="AX5613" s="99"/>
      <c r="AY5613" s="99"/>
      <c r="AZ5613" s="99"/>
      <c r="BA5613" s="99"/>
      <c r="BB5613" s="107">
        <v>45884</v>
      </c>
    </row>
    <row r="5614" spans="1:54" s="8" customFormat="1" ht="14.1" customHeight="1" x14ac:dyDescent="0.25">
      <c r="A5614" s="219" t="s">
        <v>13076</v>
      </c>
      <c r="B5614" s="220" t="s">
        <v>12745</v>
      </c>
      <c r="C5614" s="98" t="s">
        <v>13077</v>
      </c>
      <c r="D5614" s="98" t="s">
        <v>20106</v>
      </c>
      <c r="E5614" s="141">
        <v>1976</v>
      </c>
      <c r="F5614" s="141">
        <v>1033</v>
      </c>
      <c r="G5614" s="98" t="s">
        <v>1</v>
      </c>
      <c r="H5614" s="98">
        <v>0</v>
      </c>
      <c r="I5614" s="98">
        <v>0</v>
      </c>
      <c r="J5614" s="98">
        <v>1</v>
      </c>
      <c r="K5614" s="98">
        <v>1</v>
      </c>
      <c r="L5614" s="98">
        <v>1</v>
      </c>
      <c r="M5614" s="98">
        <v>1</v>
      </c>
      <c r="N5614" s="98">
        <v>0</v>
      </c>
      <c r="O5614" s="98">
        <v>0</v>
      </c>
      <c r="P5614" s="98">
        <v>0</v>
      </c>
      <c r="Q5614" s="98">
        <v>0</v>
      </c>
      <c r="R5614" s="98">
        <v>0</v>
      </c>
      <c r="S5614" s="98">
        <v>0</v>
      </c>
      <c r="T5614" s="98">
        <v>0</v>
      </c>
      <c r="U5614" s="99"/>
      <c r="V5614" s="99"/>
      <c r="W5614" s="99"/>
      <c r="X5614" s="99"/>
      <c r="Y5614" s="99"/>
      <c r="Z5614" s="99"/>
      <c r="AA5614" s="99"/>
      <c r="AB5614" s="99"/>
      <c r="AC5614" s="99"/>
      <c r="AD5614" s="99"/>
      <c r="AE5614" s="99"/>
      <c r="AF5614" s="99"/>
      <c r="AG5614" s="99"/>
      <c r="AH5614" s="99"/>
      <c r="AI5614" s="99"/>
      <c r="AJ5614" s="99"/>
      <c r="AK5614" s="99"/>
      <c r="AL5614" s="99"/>
      <c r="AM5614" s="99"/>
      <c r="AN5614" s="99"/>
      <c r="AO5614" s="99"/>
      <c r="AP5614" s="99"/>
      <c r="AQ5614" s="99"/>
      <c r="AR5614" s="99"/>
      <c r="AS5614" s="99"/>
      <c r="AT5614" s="99"/>
      <c r="AU5614" s="99"/>
      <c r="AV5614" s="99"/>
      <c r="AW5614" s="99"/>
      <c r="AX5614" s="99"/>
      <c r="AY5614" s="99"/>
      <c r="AZ5614" s="99"/>
      <c r="BA5614" s="99"/>
      <c r="BB5614" s="107">
        <v>45884</v>
      </c>
    </row>
    <row r="5615" spans="1:54" s="8" customFormat="1" ht="14.1" customHeight="1" x14ac:dyDescent="0.25">
      <c r="A5615" s="219" t="s">
        <v>13078</v>
      </c>
      <c r="B5615" s="220" t="s">
        <v>12745</v>
      </c>
      <c r="C5615" s="98" t="s">
        <v>13079</v>
      </c>
      <c r="D5615" s="98" t="s">
        <v>20107</v>
      </c>
      <c r="E5615" s="141">
        <v>1984</v>
      </c>
      <c r="F5615" s="141">
        <v>1100</v>
      </c>
      <c r="G5615" s="98" t="s">
        <v>1</v>
      </c>
      <c r="H5615" s="98">
        <v>0</v>
      </c>
      <c r="I5615" s="98">
        <v>0</v>
      </c>
      <c r="J5615" s="98">
        <v>1</v>
      </c>
      <c r="K5615" s="98">
        <v>0</v>
      </c>
      <c r="L5615" s="98">
        <v>1</v>
      </c>
      <c r="M5615" s="98">
        <v>0</v>
      </c>
      <c r="N5615" s="98">
        <v>0</v>
      </c>
      <c r="O5615" s="98">
        <v>1</v>
      </c>
      <c r="P5615" s="98">
        <v>1</v>
      </c>
      <c r="Q5615" s="98">
        <v>0</v>
      </c>
      <c r="R5615" s="98">
        <v>1</v>
      </c>
      <c r="S5615" s="98">
        <v>0</v>
      </c>
      <c r="T5615" s="98">
        <v>0</v>
      </c>
      <c r="U5615" s="99"/>
      <c r="V5615" s="99"/>
      <c r="W5615" s="99"/>
      <c r="X5615" s="99"/>
      <c r="Y5615" s="99"/>
      <c r="Z5615" s="99"/>
      <c r="AA5615" s="99"/>
      <c r="AB5615" s="99"/>
      <c r="AC5615" s="99"/>
      <c r="AD5615" s="99"/>
      <c r="AE5615" s="99"/>
      <c r="AF5615" s="99"/>
      <c r="AG5615" s="99"/>
      <c r="AH5615" s="99"/>
      <c r="AI5615" s="99"/>
      <c r="AJ5615" s="99"/>
      <c r="AK5615" s="99"/>
      <c r="AL5615" s="99"/>
      <c r="AM5615" s="99"/>
      <c r="AN5615" s="99"/>
      <c r="AO5615" s="99"/>
      <c r="AP5615" s="99"/>
      <c r="AQ5615" s="99"/>
      <c r="AR5615" s="99"/>
      <c r="AS5615" s="99"/>
      <c r="AT5615" s="99"/>
      <c r="AU5615" s="99"/>
      <c r="AV5615" s="99"/>
      <c r="AW5615" s="99"/>
      <c r="AX5615" s="99"/>
      <c r="AY5615" s="99"/>
      <c r="AZ5615" s="99"/>
      <c r="BA5615" s="99"/>
      <c r="BB5615" s="107">
        <v>45884</v>
      </c>
    </row>
    <row r="5616" spans="1:54" s="8" customFormat="1" ht="14.1" customHeight="1" x14ac:dyDescent="0.25">
      <c r="A5616" s="219" t="s">
        <v>13080</v>
      </c>
      <c r="B5616" s="220" t="s">
        <v>12745</v>
      </c>
      <c r="C5616" s="98" t="s">
        <v>13081</v>
      </c>
      <c r="D5616" s="98" t="s">
        <v>20108</v>
      </c>
      <c r="E5616" s="141">
        <v>1979</v>
      </c>
      <c r="F5616" s="141">
        <v>1107</v>
      </c>
      <c r="G5616" s="98" t="s">
        <v>1</v>
      </c>
      <c r="H5616" s="98">
        <v>0</v>
      </c>
      <c r="I5616" s="98">
        <v>0</v>
      </c>
      <c r="J5616" s="98">
        <v>1</v>
      </c>
      <c r="K5616" s="98">
        <v>0</v>
      </c>
      <c r="L5616" s="98">
        <v>0</v>
      </c>
      <c r="M5616" s="98">
        <v>0</v>
      </c>
      <c r="N5616" s="98">
        <v>0</v>
      </c>
      <c r="O5616" s="98">
        <v>0</v>
      </c>
      <c r="P5616" s="98">
        <v>1</v>
      </c>
      <c r="Q5616" s="98">
        <v>0</v>
      </c>
      <c r="R5616" s="98">
        <v>1</v>
      </c>
      <c r="S5616" s="98">
        <v>0</v>
      </c>
      <c r="T5616" s="98">
        <v>0</v>
      </c>
      <c r="U5616" s="99"/>
      <c r="V5616" s="99"/>
      <c r="W5616" s="99"/>
      <c r="X5616" s="99"/>
      <c r="Y5616" s="99"/>
      <c r="Z5616" s="99"/>
      <c r="AA5616" s="99"/>
      <c r="AB5616" s="99"/>
      <c r="AC5616" s="99"/>
      <c r="AD5616" s="99"/>
      <c r="AE5616" s="99"/>
      <c r="AF5616" s="99"/>
      <c r="AG5616" s="99"/>
      <c r="AH5616" s="99"/>
      <c r="AI5616" s="99"/>
      <c r="AJ5616" s="99"/>
      <c r="AK5616" s="99"/>
      <c r="AL5616" s="99"/>
      <c r="AM5616" s="99"/>
      <c r="AN5616" s="99"/>
      <c r="AO5616" s="99"/>
      <c r="AP5616" s="99"/>
      <c r="AQ5616" s="99"/>
      <c r="AR5616" s="99"/>
      <c r="AS5616" s="99"/>
      <c r="AT5616" s="99"/>
      <c r="AU5616" s="99"/>
      <c r="AV5616" s="99"/>
      <c r="AW5616" s="99"/>
      <c r="AX5616" s="99"/>
      <c r="AY5616" s="99"/>
      <c r="AZ5616" s="99"/>
      <c r="BA5616" s="99"/>
      <c r="BB5616" s="107">
        <v>45884</v>
      </c>
    </row>
    <row r="5617" spans="1:54" s="8" customFormat="1" ht="14.1" customHeight="1" x14ac:dyDescent="0.25">
      <c r="A5617" s="219" t="s">
        <v>13082</v>
      </c>
      <c r="B5617" s="220" t="s">
        <v>12745</v>
      </c>
      <c r="C5617" s="98" t="s">
        <v>13083</v>
      </c>
      <c r="D5617" s="98" t="s">
        <v>20109</v>
      </c>
      <c r="E5617" s="141">
        <v>1992</v>
      </c>
      <c r="F5617" s="141">
        <v>1140</v>
      </c>
      <c r="G5617" s="98" t="s">
        <v>1</v>
      </c>
      <c r="H5617" s="98">
        <v>0</v>
      </c>
      <c r="I5617" s="98">
        <v>0</v>
      </c>
      <c r="J5617" s="98">
        <v>1</v>
      </c>
      <c r="K5617" s="98">
        <v>0</v>
      </c>
      <c r="L5617" s="98">
        <v>1</v>
      </c>
      <c r="M5617" s="98">
        <v>0</v>
      </c>
      <c r="N5617" s="98">
        <v>0</v>
      </c>
      <c r="O5617" s="98">
        <v>0</v>
      </c>
      <c r="P5617" s="98">
        <v>0</v>
      </c>
      <c r="Q5617" s="98">
        <v>0</v>
      </c>
      <c r="R5617" s="98">
        <v>0</v>
      </c>
      <c r="S5617" s="98">
        <v>0</v>
      </c>
      <c r="T5617" s="98">
        <v>0</v>
      </c>
      <c r="U5617" s="99"/>
      <c r="V5617" s="99"/>
      <c r="W5617" s="99"/>
      <c r="X5617" s="99"/>
      <c r="Y5617" s="99"/>
      <c r="Z5617" s="99"/>
      <c r="AA5617" s="99"/>
      <c r="AB5617" s="99"/>
      <c r="AC5617" s="99"/>
      <c r="AD5617" s="99"/>
      <c r="AE5617" s="99"/>
      <c r="AF5617" s="99"/>
      <c r="AG5617" s="99"/>
      <c r="AH5617" s="99"/>
      <c r="AI5617" s="99"/>
      <c r="AJ5617" s="99"/>
      <c r="AK5617" s="99"/>
      <c r="AL5617" s="99"/>
      <c r="AM5617" s="99"/>
      <c r="AN5617" s="99"/>
      <c r="AO5617" s="99"/>
      <c r="AP5617" s="99"/>
      <c r="AQ5617" s="99"/>
      <c r="AR5617" s="99"/>
      <c r="AS5617" s="99"/>
      <c r="AT5617" s="99"/>
      <c r="AU5617" s="99"/>
      <c r="AV5617" s="99"/>
      <c r="AW5617" s="99"/>
      <c r="AX5617" s="99"/>
      <c r="AY5617" s="99"/>
      <c r="AZ5617" s="99"/>
      <c r="BA5617" s="99"/>
      <c r="BB5617" s="107">
        <v>45884</v>
      </c>
    </row>
    <row r="5618" spans="1:54" s="8" customFormat="1" ht="14.1" customHeight="1" x14ac:dyDescent="0.25">
      <c r="A5618" s="219" t="s">
        <v>13084</v>
      </c>
      <c r="B5618" s="220" t="s">
        <v>12745</v>
      </c>
      <c r="C5618" s="98" t="s">
        <v>13085</v>
      </c>
      <c r="D5618" s="98" t="s">
        <v>20110</v>
      </c>
      <c r="E5618" s="141">
        <v>1976</v>
      </c>
      <c r="F5618" s="141">
        <v>1140</v>
      </c>
      <c r="G5618" s="98" t="s">
        <v>1</v>
      </c>
      <c r="H5618" s="98">
        <v>0</v>
      </c>
      <c r="I5618" s="98">
        <v>0</v>
      </c>
      <c r="J5618" s="98">
        <v>1</v>
      </c>
      <c r="K5618" s="98">
        <v>0</v>
      </c>
      <c r="L5618" s="98">
        <v>1</v>
      </c>
      <c r="M5618" s="98">
        <v>0</v>
      </c>
      <c r="N5618" s="98">
        <v>0</v>
      </c>
      <c r="O5618" s="98">
        <v>1</v>
      </c>
      <c r="P5618" s="98">
        <v>1</v>
      </c>
      <c r="Q5618" s="98">
        <v>0</v>
      </c>
      <c r="R5618" s="98">
        <v>1</v>
      </c>
      <c r="S5618" s="98">
        <v>0</v>
      </c>
      <c r="T5618" s="98">
        <v>0</v>
      </c>
      <c r="U5618" s="99"/>
      <c r="V5618" s="99"/>
      <c r="W5618" s="99"/>
      <c r="X5618" s="99"/>
      <c r="Y5618" s="99"/>
      <c r="Z5618" s="99"/>
      <c r="AA5618" s="99"/>
      <c r="AB5618" s="99"/>
      <c r="AC5618" s="99"/>
      <c r="AD5618" s="99"/>
      <c r="AE5618" s="99"/>
      <c r="AF5618" s="99"/>
      <c r="AG5618" s="99"/>
      <c r="AH5618" s="99"/>
      <c r="AI5618" s="99"/>
      <c r="AJ5618" s="99"/>
      <c r="AK5618" s="99"/>
      <c r="AL5618" s="99"/>
      <c r="AM5618" s="99"/>
      <c r="AN5618" s="99"/>
      <c r="AO5618" s="99"/>
      <c r="AP5618" s="99"/>
      <c r="AQ5618" s="99"/>
      <c r="AR5618" s="99"/>
      <c r="AS5618" s="99"/>
      <c r="AT5618" s="99"/>
      <c r="AU5618" s="99"/>
      <c r="AV5618" s="99"/>
      <c r="AW5618" s="99"/>
      <c r="AX5618" s="99"/>
      <c r="AY5618" s="99"/>
      <c r="AZ5618" s="99"/>
      <c r="BA5618" s="98" t="s">
        <v>8819</v>
      </c>
      <c r="BB5618" s="107">
        <v>45884</v>
      </c>
    </row>
    <row r="5619" spans="1:54" s="8" customFormat="1" ht="14.1" customHeight="1" x14ac:dyDescent="0.25">
      <c r="A5619" s="219" t="s">
        <v>13086</v>
      </c>
      <c r="B5619" s="220" t="s">
        <v>12745</v>
      </c>
      <c r="C5619" s="98" t="s">
        <v>13087</v>
      </c>
      <c r="D5619" s="98" t="s">
        <v>20111</v>
      </c>
      <c r="E5619" s="141">
        <v>2007</v>
      </c>
      <c r="F5619" s="141">
        <v>1153</v>
      </c>
      <c r="G5619" s="98" t="s">
        <v>1</v>
      </c>
      <c r="H5619" s="98">
        <v>0</v>
      </c>
      <c r="I5619" s="98">
        <v>0</v>
      </c>
      <c r="J5619" s="98">
        <v>1</v>
      </c>
      <c r="K5619" s="98">
        <v>1</v>
      </c>
      <c r="L5619" s="98">
        <v>0</v>
      </c>
      <c r="M5619" s="98">
        <v>1</v>
      </c>
      <c r="N5619" s="98">
        <v>0</v>
      </c>
      <c r="O5619" s="98">
        <v>0</v>
      </c>
      <c r="P5619" s="98">
        <v>0</v>
      </c>
      <c r="Q5619" s="98">
        <v>0</v>
      </c>
      <c r="R5619" s="98">
        <v>0</v>
      </c>
      <c r="S5619" s="98">
        <v>0</v>
      </c>
      <c r="T5619" s="98">
        <v>0</v>
      </c>
      <c r="U5619" s="99"/>
      <c r="V5619" s="99"/>
      <c r="W5619" s="99"/>
      <c r="X5619" s="99"/>
      <c r="Y5619" s="99"/>
      <c r="Z5619" s="99"/>
      <c r="AA5619" s="99"/>
      <c r="AB5619" s="99"/>
      <c r="AC5619" s="99"/>
      <c r="AD5619" s="99"/>
      <c r="AE5619" s="99"/>
      <c r="AF5619" s="99"/>
      <c r="AG5619" s="99"/>
      <c r="AH5619" s="99"/>
      <c r="AI5619" s="99"/>
      <c r="AJ5619" s="99"/>
      <c r="AK5619" s="99"/>
      <c r="AL5619" s="99"/>
      <c r="AM5619" s="99"/>
      <c r="AN5619" s="99"/>
      <c r="AO5619" s="99"/>
      <c r="AP5619" s="99"/>
      <c r="AQ5619" s="99"/>
      <c r="AR5619" s="99"/>
      <c r="AS5619" s="99"/>
      <c r="AT5619" s="99"/>
      <c r="AU5619" s="99"/>
      <c r="AV5619" s="99"/>
      <c r="AW5619" s="99"/>
      <c r="AX5619" s="99"/>
      <c r="AY5619" s="99"/>
      <c r="AZ5619" s="99"/>
      <c r="BA5619" s="99"/>
      <c r="BB5619" s="107">
        <v>45884</v>
      </c>
    </row>
    <row r="5620" spans="1:54" s="8" customFormat="1" ht="14.1" customHeight="1" x14ac:dyDescent="0.25">
      <c r="A5620" s="219" t="s">
        <v>13088</v>
      </c>
      <c r="B5620" s="220" t="s">
        <v>12745</v>
      </c>
      <c r="C5620" s="98" t="s">
        <v>13089</v>
      </c>
      <c r="D5620" s="98" t="s">
        <v>20112</v>
      </c>
      <c r="E5620" s="141">
        <v>1976</v>
      </c>
      <c r="F5620" s="141">
        <v>1178</v>
      </c>
      <c r="G5620" s="98" t="s">
        <v>1</v>
      </c>
      <c r="H5620" s="98">
        <v>0</v>
      </c>
      <c r="I5620" s="98">
        <v>0</v>
      </c>
      <c r="J5620" s="98">
        <v>1</v>
      </c>
      <c r="K5620" s="98">
        <v>0</v>
      </c>
      <c r="L5620" s="98">
        <v>1</v>
      </c>
      <c r="M5620" s="98">
        <v>0</v>
      </c>
      <c r="N5620" s="98">
        <v>0</v>
      </c>
      <c r="O5620" s="98">
        <v>1</v>
      </c>
      <c r="P5620" s="98">
        <v>0</v>
      </c>
      <c r="Q5620" s="98">
        <v>0</v>
      </c>
      <c r="R5620" s="98">
        <v>1</v>
      </c>
      <c r="S5620" s="98">
        <v>1</v>
      </c>
      <c r="T5620" s="98">
        <v>0</v>
      </c>
      <c r="U5620" s="99"/>
      <c r="V5620" s="99"/>
      <c r="W5620" s="99"/>
      <c r="X5620" s="99"/>
      <c r="Y5620" s="99"/>
      <c r="Z5620" s="99"/>
      <c r="AA5620" s="99"/>
      <c r="AB5620" s="99"/>
      <c r="AC5620" s="99"/>
      <c r="AD5620" s="99"/>
      <c r="AE5620" s="99"/>
      <c r="AF5620" s="99"/>
      <c r="AG5620" s="99"/>
      <c r="AH5620" s="99"/>
      <c r="AI5620" s="99"/>
      <c r="AJ5620" s="99"/>
      <c r="AK5620" s="99"/>
      <c r="AL5620" s="99"/>
      <c r="AM5620" s="99"/>
      <c r="AN5620" s="99"/>
      <c r="AO5620" s="99"/>
      <c r="AP5620" s="99"/>
      <c r="AQ5620" s="99"/>
      <c r="AR5620" s="99"/>
      <c r="AS5620" s="99"/>
      <c r="AT5620" s="99"/>
      <c r="AU5620" s="99"/>
      <c r="AV5620" s="99"/>
      <c r="AW5620" s="99"/>
      <c r="AX5620" s="99"/>
      <c r="AY5620" s="99"/>
      <c r="AZ5620" s="99"/>
      <c r="BA5620" s="99"/>
      <c r="BB5620" s="107">
        <v>45884</v>
      </c>
    </row>
    <row r="5621" spans="1:54" s="8" customFormat="1" ht="14.1" customHeight="1" x14ac:dyDescent="0.25">
      <c r="A5621" s="219" t="s">
        <v>13090</v>
      </c>
      <c r="B5621" s="220" t="s">
        <v>12745</v>
      </c>
      <c r="C5621" s="98" t="s">
        <v>13091</v>
      </c>
      <c r="D5621" s="98" t="s">
        <v>20113</v>
      </c>
      <c r="E5621" s="141">
        <v>1981</v>
      </c>
      <c r="F5621" s="141">
        <v>1207</v>
      </c>
      <c r="G5621" s="98" t="s">
        <v>1</v>
      </c>
      <c r="H5621" s="98">
        <v>0</v>
      </c>
      <c r="I5621" s="98">
        <v>0</v>
      </c>
      <c r="J5621" s="98">
        <v>1</v>
      </c>
      <c r="K5621" s="98">
        <v>0</v>
      </c>
      <c r="L5621" s="98">
        <v>0</v>
      </c>
      <c r="M5621" s="98">
        <v>0</v>
      </c>
      <c r="N5621" s="98">
        <v>0</v>
      </c>
      <c r="O5621" s="98">
        <v>0</v>
      </c>
      <c r="P5621" s="98">
        <v>0</v>
      </c>
      <c r="Q5621" s="98">
        <v>0</v>
      </c>
      <c r="R5621" s="98">
        <v>0</v>
      </c>
      <c r="S5621" s="98">
        <v>0</v>
      </c>
      <c r="T5621" s="98">
        <v>0</v>
      </c>
      <c r="U5621" s="99"/>
      <c r="V5621" s="99"/>
      <c r="W5621" s="99"/>
      <c r="X5621" s="99"/>
      <c r="Y5621" s="99"/>
      <c r="Z5621" s="99"/>
      <c r="AA5621" s="99"/>
      <c r="AB5621" s="99"/>
      <c r="AC5621" s="99"/>
      <c r="AD5621" s="99"/>
      <c r="AE5621" s="99"/>
      <c r="AF5621" s="99"/>
      <c r="AG5621" s="99"/>
      <c r="AH5621" s="99"/>
      <c r="AI5621" s="99"/>
      <c r="AJ5621" s="99"/>
      <c r="AK5621" s="99"/>
      <c r="AL5621" s="99"/>
      <c r="AM5621" s="99"/>
      <c r="AN5621" s="99"/>
      <c r="AO5621" s="99"/>
      <c r="AP5621" s="99"/>
      <c r="AQ5621" s="99"/>
      <c r="AR5621" s="99"/>
      <c r="AS5621" s="99"/>
      <c r="AT5621" s="99"/>
      <c r="AU5621" s="99"/>
      <c r="AV5621" s="99"/>
      <c r="AW5621" s="99"/>
      <c r="AX5621" s="99"/>
      <c r="AY5621" s="99"/>
      <c r="AZ5621" s="99"/>
      <c r="BA5621" s="99"/>
      <c r="BB5621" s="107">
        <v>45884</v>
      </c>
    </row>
    <row r="5622" spans="1:54" s="8" customFormat="1" ht="14.1" customHeight="1" x14ac:dyDescent="0.25">
      <c r="A5622" s="219" t="s">
        <v>13092</v>
      </c>
      <c r="B5622" s="220" t="s">
        <v>12745</v>
      </c>
      <c r="C5622" s="98" t="s">
        <v>13093</v>
      </c>
      <c r="D5622" s="98" t="s">
        <v>20114</v>
      </c>
      <c r="E5622" s="141">
        <v>1983</v>
      </c>
      <c r="F5622" s="141">
        <v>1210</v>
      </c>
      <c r="G5622" s="98" t="s">
        <v>1</v>
      </c>
      <c r="H5622" s="98">
        <v>0</v>
      </c>
      <c r="I5622" s="98">
        <v>0</v>
      </c>
      <c r="J5622" s="98">
        <v>1</v>
      </c>
      <c r="K5622" s="98">
        <v>0</v>
      </c>
      <c r="L5622" s="98">
        <v>1</v>
      </c>
      <c r="M5622" s="98">
        <v>0</v>
      </c>
      <c r="N5622" s="98">
        <v>0</v>
      </c>
      <c r="O5622" s="98">
        <v>0</v>
      </c>
      <c r="P5622" s="98">
        <v>1</v>
      </c>
      <c r="Q5622" s="98">
        <v>0</v>
      </c>
      <c r="R5622" s="98">
        <v>1</v>
      </c>
      <c r="S5622" s="98">
        <v>0</v>
      </c>
      <c r="T5622" s="98">
        <v>0</v>
      </c>
      <c r="U5622" s="99"/>
      <c r="V5622" s="99"/>
      <c r="W5622" s="99"/>
      <c r="X5622" s="99"/>
      <c r="Y5622" s="99"/>
      <c r="Z5622" s="99"/>
      <c r="AA5622" s="99"/>
      <c r="AB5622" s="99"/>
      <c r="AC5622" s="99"/>
      <c r="AD5622" s="99"/>
      <c r="AE5622" s="99"/>
      <c r="AF5622" s="99"/>
      <c r="AG5622" s="99"/>
      <c r="AH5622" s="99"/>
      <c r="AI5622" s="99"/>
      <c r="AJ5622" s="99"/>
      <c r="AK5622" s="99"/>
      <c r="AL5622" s="99"/>
      <c r="AM5622" s="99"/>
      <c r="AN5622" s="99"/>
      <c r="AO5622" s="99"/>
      <c r="AP5622" s="99"/>
      <c r="AQ5622" s="99"/>
      <c r="AR5622" s="99"/>
      <c r="AS5622" s="99"/>
      <c r="AT5622" s="99"/>
      <c r="AU5622" s="99"/>
      <c r="AV5622" s="99"/>
      <c r="AW5622" s="99"/>
      <c r="AX5622" s="99"/>
      <c r="AY5622" s="99"/>
      <c r="AZ5622" s="99"/>
      <c r="BA5622" s="99"/>
      <c r="BB5622" s="107">
        <v>45884</v>
      </c>
    </row>
    <row r="5623" spans="1:54" s="8" customFormat="1" ht="14.1" customHeight="1" x14ac:dyDescent="0.25">
      <c r="A5623" s="219" t="s">
        <v>13094</v>
      </c>
      <c r="B5623" s="220" t="s">
        <v>12745</v>
      </c>
      <c r="C5623" s="98" t="s">
        <v>2077</v>
      </c>
      <c r="D5623" s="98" t="s">
        <v>20115</v>
      </c>
      <c r="E5623" s="141">
        <v>1976</v>
      </c>
      <c r="F5623" s="141">
        <v>1214</v>
      </c>
      <c r="G5623" s="98" t="s">
        <v>1</v>
      </c>
      <c r="H5623" s="98">
        <v>0</v>
      </c>
      <c r="I5623" s="98">
        <v>0</v>
      </c>
      <c r="J5623" s="98">
        <v>1</v>
      </c>
      <c r="K5623" s="98">
        <v>0</v>
      </c>
      <c r="L5623" s="98">
        <v>1</v>
      </c>
      <c r="M5623" s="98">
        <v>0</v>
      </c>
      <c r="N5623" s="98">
        <v>0</v>
      </c>
      <c r="O5623" s="98">
        <v>1</v>
      </c>
      <c r="P5623" s="98">
        <v>1</v>
      </c>
      <c r="Q5623" s="98">
        <v>0</v>
      </c>
      <c r="R5623" s="98">
        <v>1</v>
      </c>
      <c r="S5623" s="98">
        <v>0</v>
      </c>
      <c r="T5623" s="98">
        <v>0</v>
      </c>
      <c r="U5623" s="99"/>
      <c r="V5623" s="99"/>
      <c r="W5623" s="99"/>
      <c r="X5623" s="99"/>
      <c r="Y5623" s="99"/>
      <c r="Z5623" s="99"/>
      <c r="AA5623" s="99"/>
      <c r="AB5623" s="99"/>
      <c r="AC5623" s="99"/>
      <c r="AD5623" s="99"/>
      <c r="AE5623" s="99"/>
      <c r="AF5623" s="99"/>
      <c r="AG5623" s="99"/>
      <c r="AH5623" s="99"/>
      <c r="AI5623" s="99"/>
      <c r="AJ5623" s="99"/>
      <c r="AK5623" s="99"/>
      <c r="AL5623" s="99"/>
      <c r="AM5623" s="99"/>
      <c r="AN5623" s="99"/>
      <c r="AO5623" s="99"/>
      <c r="AP5623" s="99"/>
      <c r="AQ5623" s="99"/>
      <c r="AR5623" s="99"/>
      <c r="AS5623" s="99"/>
      <c r="AT5623" s="99"/>
      <c r="AU5623" s="99"/>
      <c r="AV5623" s="99"/>
      <c r="AW5623" s="99"/>
      <c r="AX5623" s="99"/>
      <c r="AY5623" s="99"/>
      <c r="AZ5623" s="99"/>
      <c r="BA5623" s="99"/>
      <c r="BB5623" s="107">
        <v>45884</v>
      </c>
    </row>
    <row r="5624" spans="1:54" s="8" customFormat="1" ht="14.1" customHeight="1" x14ac:dyDescent="0.25">
      <c r="A5624" s="219" t="s">
        <v>13095</v>
      </c>
      <c r="B5624" s="220" t="s">
        <v>12745</v>
      </c>
      <c r="C5624" s="98" t="s">
        <v>5498</v>
      </c>
      <c r="D5624" s="98" t="s">
        <v>20116</v>
      </c>
      <c r="E5624" s="141">
        <v>1978</v>
      </c>
      <c r="F5624" s="141">
        <v>1230</v>
      </c>
      <c r="G5624" s="98" t="s">
        <v>1</v>
      </c>
      <c r="H5624" s="98">
        <v>0</v>
      </c>
      <c r="I5624" s="98">
        <v>0</v>
      </c>
      <c r="J5624" s="98">
        <v>1</v>
      </c>
      <c r="K5624" s="98">
        <v>0</v>
      </c>
      <c r="L5624" s="98">
        <v>1</v>
      </c>
      <c r="M5624" s="98">
        <v>1</v>
      </c>
      <c r="N5624" s="98">
        <v>0</v>
      </c>
      <c r="O5624" s="98">
        <v>0</v>
      </c>
      <c r="P5624" s="98">
        <v>0</v>
      </c>
      <c r="Q5624" s="98">
        <v>1</v>
      </c>
      <c r="R5624" s="98">
        <v>0</v>
      </c>
      <c r="S5624" s="98">
        <v>0</v>
      </c>
      <c r="T5624" s="98">
        <v>0</v>
      </c>
      <c r="U5624" s="99"/>
      <c r="V5624" s="99"/>
      <c r="W5624" s="99"/>
      <c r="X5624" s="99"/>
      <c r="Y5624" s="99"/>
      <c r="Z5624" s="99"/>
      <c r="AA5624" s="99"/>
      <c r="AB5624" s="99"/>
      <c r="AC5624" s="99"/>
      <c r="AD5624" s="99"/>
      <c r="AE5624" s="99"/>
      <c r="AF5624" s="99"/>
      <c r="AG5624" s="99"/>
      <c r="AH5624" s="99"/>
      <c r="AI5624" s="99"/>
      <c r="AJ5624" s="99"/>
      <c r="AK5624" s="99"/>
      <c r="AL5624" s="99"/>
      <c r="AM5624" s="99"/>
      <c r="AN5624" s="99"/>
      <c r="AO5624" s="99"/>
      <c r="AP5624" s="99"/>
      <c r="AQ5624" s="99"/>
      <c r="AR5624" s="99"/>
      <c r="AS5624" s="99"/>
      <c r="AT5624" s="99"/>
      <c r="AU5624" s="99"/>
      <c r="AV5624" s="99"/>
      <c r="AW5624" s="99"/>
      <c r="AX5624" s="99"/>
      <c r="AY5624" s="99"/>
      <c r="AZ5624" s="99"/>
      <c r="BA5624" s="98" t="s">
        <v>9271</v>
      </c>
      <c r="BB5624" s="107">
        <v>45884</v>
      </c>
    </row>
    <row r="5625" spans="1:54" s="8" customFormat="1" ht="14.1" customHeight="1" x14ac:dyDescent="0.25">
      <c r="A5625" s="219" t="s">
        <v>13096</v>
      </c>
      <c r="B5625" s="220" t="s">
        <v>12745</v>
      </c>
      <c r="C5625" s="98" t="s">
        <v>13097</v>
      </c>
      <c r="D5625" s="98" t="s">
        <v>20117</v>
      </c>
      <c r="E5625" s="141">
        <v>1978</v>
      </c>
      <c r="F5625" s="141">
        <v>1238</v>
      </c>
      <c r="G5625" s="98" t="s">
        <v>1</v>
      </c>
      <c r="H5625" s="98">
        <v>0</v>
      </c>
      <c r="I5625" s="98">
        <v>0</v>
      </c>
      <c r="J5625" s="98">
        <v>1</v>
      </c>
      <c r="K5625" s="98">
        <v>0</v>
      </c>
      <c r="L5625" s="98">
        <v>1</v>
      </c>
      <c r="M5625" s="98">
        <v>0</v>
      </c>
      <c r="N5625" s="98">
        <v>0</v>
      </c>
      <c r="O5625" s="98">
        <v>1</v>
      </c>
      <c r="P5625" s="98">
        <v>1</v>
      </c>
      <c r="Q5625" s="98">
        <v>0</v>
      </c>
      <c r="R5625" s="98">
        <v>1</v>
      </c>
      <c r="S5625" s="98">
        <v>0</v>
      </c>
      <c r="T5625" s="98">
        <v>0</v>
      </c>
      <c r="U5625" s="99"/>
      <c r="V5625" s="99"/>
      <c r="W5625" s="99"/>
      <c r="X5625" s="99"/>
      <c r="Y5625" s="99"/>
      <c r="Z5625" s="99"/>
      <c r="AA5625" s="99"/>
      <c r="AB5625" s="99"/>
      <c r="AC5625" s="99"/>
      <c r="AD5625" s="99"/>
      <c r="AE5625" s="99"/>
      <c r="AF5625" s="99"/>
      <c r="AG5625" s="99"/>
      <c r="AH5625" s="99"/>
      <c r="AI5625" s="99"/>
      <c r="AJ5625" s="99"/>
      <c r="AK5625" s="99"/>
      <c r="AL5625" s="99"/>
      <c r="AM5625" s="99"/>
      <c r="AN5625" s="99"/>
      <c r="AO5625" s="99"/>
      <c r="AP5625" s="99"/>
      <c r="AQ5625" s="99"/>
      <c r="AR5625" s="99"/>
      <c r="AS5625" s="99"/>
      <c r="AT5625" s="99"/>
      <c r="AU5625" s="99"/>
      <c r="AV5625" s="99"/>
      <c r="AW5625" s="99"/>
      <c r="AX5625" s="99"/>
      <c r="AY5625" s="99"/>
      <c r="AZ5625" s="99"/>
      <c r="BA5625" s="99"/>
      <c r="BB5625" s="107">
        <v>45884</v>
      </c>
    </row>
    <row r="5626" spans="1:54" s="8" customFormat="1" ht="14.1" customHeight="1" x14ac:dyDescent="0.25">
      <c r="A5626" s="219" t="s">
        <v>13098</v>
      </c>
      <c r="B5626" s="220" t="s">
        <v>12745</v>
      </c>
      <c r="C5626" s="98" t="s">
        <v>13099</v>
      </c>
      <c r="D5626" s="98" t="s">
        <v>20118</v>
      </c>
      <c r="E5626" s="141">
        <v>1978</v>
      </c>
      <c r="F5626" s="141">
        <v>1239</v>
      </c>
      <c r="G5626" s="98" t="s">
        <v>1</v>
      </c>
      <c r="H5626" s="98">
        <v>0</v>
      </c>
      <c r="I5626" s="98">
        <v>0</v>
      </c>
      <c r="J5626" s="98">
        <v>1</v>
      </c>
      <c r="K5626" s="98">
        <v>0</v>
      </c>
      <c r="L5626" s="98">
        <v>1</v>
      </c>
      <c r="M5626" s="98">
        <v>0</v>
      </c>
      <c r="N5626" s="98">
        <v>1</v>
      </c>
      <c r="O5626" s="98">
        <v>0</v>
      </c>
      <c r="P5626" s="98">
        <v>1</v>
      </c>
      <c r="Q5626" s="98">
        <v>0</v>
      </c>
      <c r="R5626" s="98">
        <v>1</v>
      </c>
      <c r="S5626" s="98">
        <v>0</v>
      </c>
      <c r="T5626" s="98">
        <v>0</v>
      </c>
      <c r="U5626" s="99"/>
      <c r="V5626" s="99"/>
      <c r="W5626" s="99"/>
      <c r="X5626" s="99"/>
      <c r="Y5626" s="99"/>
      <c r="Z5626" s="99"/>
      <c r="AA5626" s="99"/>
      <c r="AB5626" s="99"/>
      <c r="AC5626" s="99"/>
      <c r="AD5626" s="99"/>
      <c r="AE5626" s="99"/>
      <c r="AF5626" s="99"/>
      <c r="AG5626" s="99"/>
      <c r="AH5626" s="99"/>
      <c r="AI5626" s="99"/>
      <c r="AJ5626" s="99"/>
      <c r="AK5626" s="99"/>
      <c r="AL5626" s="99"/>
      <c r="AM5626" s="99"/>
      <c r="AN5626" s="99"/>
      <c r="AO5626" s="99"/>
      <c r="AP5626" s="99"/>
      <c r="AQ5626" s="99"/>
      <c r="AR5626" s="99"/>
      <c r="AS5626" s="99"/>
      <c r="AT5626" s="99"/>
      <c r="AU5626" s="99"/>
      <c r="AV5626" s="99"/>
      <c r="AW5626" s="99"/>
      <c r="AX5626" s="99"/>
      <c r="AY5626" s="99"/>
      <c r="AZ5626" s="99"/>
      <c r="BA5626" s="99"/>
      <c r="BB5626" s="107">
        <v>45884</v>
      </c>
    </row>
    <row r="5627" spans="1:54" s="8" customFormat="1" ht="14.1" customHeight="1" x14ac:dyDescent="0.25">
      <c r="A5627" s="219" t="s">
        <v>13100</v>
      </c>
      <c r="B5627" s="220" t="s">
        <v>12745</v>
      </c>
      <c r="C5627" s="98" t="s">
        <v>13101</v>
      </c>
      <c r="D5627" s="98" t="s">
        <v>20119</v>
      </c>
      <c r="E5627" s="141">
        <v>1976</v>
      </c>
      <c r="F5627" s="141">
        <v>1242</v>
      </c>
      <c r="G5627" s="98" t="s">
        <v>1</v>
      </c>
      <c r="H5627" s="98">
        <v>0</v>
      </c>
      <c r="I5627" s="98">
        <v>0</v>
      </c>
      <c r="J5627" s="98">
        <v>1</v>
      </c>
      <c r="K5627" s="98">
        <v>0</v>
      </c>
      <c r="L5627" s="98">
        <v>0</v>
      </c>
      <c r="M5627" s="98">
        <v>0</v>
      </c>
      <c r="N5627" s="98">
        <v>1</v>
      </c>
      <c r="O5627" s="98">
        <v>1</v>
      </c>
      <c r="P5627" s="98">
        <v>0</v>
      </c>
      <c r="Q5627" s="98">
        <v>0</v>
      </c>
      <c r="R5627" s="98">
        <v>0</v>
      </c>
      <c r="S5627" s="98">
        <v>0</v>
      </c>
      <c r="T5627" s="98">
        <v>0</v>
      </c>
      <c r="U5627" s="99"/>
      <c r="V5627" s="99"/>
      <c r="W5627" s="99"/>
      <c r="X5627" s="99"/>
      <c r="Y5627" s="99"/>
      <c r="Z5627" s="99"/>
      <c r="AA5627" s="99"/>
      <c r="AB5627" s="99"/>
      <c r="AC5627" s="99"/>
      <c r="AD5627" s="99"/>
      <c r="AE5627" s="99"/>
      <c r="AF5627" s="99"/>
      <c r="AG5627" s="99"/>
      <c r="AH5627" s="99"/>
      <c r="AI5627" s="99"/>
      <c r="AJ5627" s="99"/>
      <c r="AK5627" s="99"/>
      <c r="AL5627" s="99"/>
      <c r="AM5627" s="99"/>
      <c r="AN5627" s="99"/>
      <c r="AO5627" s="99"/>
      <c r="AP5627" s="99"/>
      <c r="AQ5627" s="99"/>
      <c r="AR5627" s="99"/>
      <c r="AS5627" s="99"/>
      <c r="AT5627" s="99"/>
      <c r="AU5627" s="99"/>
      <c r="AV5627" s="99"/>
      <c r="AW5627" s="99"/>
      <c r="AX5627" s="99"/>
      <c r="AY5627" s="99"/>
      <c r="AZ5627" s="99"/>
      <c r="BA5627" s="99"/>
      <c r="BB5627" s="107">
        <v>45884</v>
      </c>
    </row>
    <row r="5628" spans="1:54" s="8" customFormat="1" ht="14.1" customHeight="1" x14ac:dyDescent="0.25">
      <c r="A5628" s="219" t="s">
        <v>13102</v>
      </c>
      <c r="B5628" s="220" t="s">
        <v>12745</v>
      </c>
      <c r="C5628" s="98" t="s">
        <v>13103</v>
      </c>
      <c r="D5628" s="98" t="s">
        <v>20120</v>
      </c>
      <c r="E5628" s="141">
        <v>1978</v>
      </c>
      <c r="F5628" s="141">
        <v>1269</v>
      </c>
      <c r="G5628" s="98" t="s">
        <v>1</v>
      </c>
      <c r="H5628" s="98">
        <v>0</v>
      </c>
      <c r="I5628" s="98">
        <v>0</v>
      </c>
      <c r="J5628" s="98">
        <v>1</v>
      </c>
      <c r="K5628" s="98">
        <v>0</v>
      </c>
      <c r="L5628" s="98">
        <v>1</v>
      </c>
      <c r="M5628" s="98">
        <v>0</v>
      </c>
      <c r="N5628" s="98">
        <v>0</v>
      </c>
      <c r="O5628" s="98">
        <v>1</v>
      </c>
      <c r="P5628" s="98">
        <v>1</v>
      </c>
      <c r="Q5628" s="98">
        <v>0</v>
      </c>
      <c r="R5628" s="98">
        <v>0</v>
      </c>
      <c r="S5628" s="98">
        <v>0</v>
      </c>
      <c r="T5628" s="98">
        <v>0</v>
      </c>
      <c r="U5628" s="99"/>
      <c r="V5628" s="99"/>
      <c r="W5628" s="99"/>
      <c r="X5628" s="99"/>
      <c r="Y5628" s="99"/>
      <c r="Z5628" s="99"/>
      <c r="AA5628" s="99"/>
      <c r="AB5628" s="99"/>
      <c r="AC5628" s="99"/>
      <c r="AD5628" s="99"/>
      <c r="AE5628" s="99"/>
      <c r="AF5628" s="99"/>
      <c r="AG5628" s="99"/>
      <c r="AH5628" s="99"/>
      <c r="AI5628" s="99"/>
      <c r="AJ5628" s="99"/>
      <c r="AK5628" s="99"/>
      <c r="AL5628" s="99"/>
      <c r="AM5628" s="99"/>
      <c r="AN5628" s="99"/>
      <c r="AO5628" s="99"/>
      <c r="AP5628" s="99"/>
      <c r="AQ5628" s="99"/>
      <c r="AR5628" s="99"/>
      <c r="AS5628" s="99"/>
      <c r="AT5628" s="99"/>
      <c r="AU5628" s="99"/>
      <c r="AV5628" s="99"/>
      <c r="AW5628" s="99"/>
      <c r="AX5628" s="99"/>
      <c r="AY5628" s="99"/>
      <c r="AZ5628" s="99"/>
      <c r="BA5628" s="99"/>
      <c r="BB5628" s="107">
        <v>45884</v>
      </c>
    </row>
    <row r="5629" spans="1:54" s="8" customFormat="1" ht="14.1" customHeight="1" x14ac:dyDescent="0.25">
      <c r="A5629" s="219" t="s">
        <v>13104</v>
      </c>
      <c r="B5629" s="220" t="s">
        <v>12745</v>
      </c>
      <c r="C5629" s="98" t="s">
        <v>13105</v>
      </c>
      <c r="D5629" s="98" t="s">
        <v>20121</v>
      </c>
      <c r="E5629" s="141">
        <v>1979</v>
      </c>
      <c r="F5629" s="141">
        <v>1307</v>
      </c>
      <c r="G5629" s="98" t="s">
        <v>1</v>
      </c>
      <c r="H5629" s="98">
        <v>0</v>
      </c>
      <c r="I5629" s="98">
        <v>0</v>
      </c>
      <c r="J5629" s="98">
        <v>1</v>
      </c>
      <c r="K5629" s="98">
        <v>1</v>
      </c>
      <c r="L5629" s="98">
        <v>1</v>
      </c>
      <c r="M5629" s="98">
        <v>0</v>
      </c>
      <c r="N5629" s="98">
        <v>0</v>
      </c>
      <c r="O5629" s="98">
        <v>1</v>
      </c>
      <c r="P5629" s="98">
        <v>1</v>
      </c>
      <c r="Q5629" s="98">
        <v>0</v>
      </c>
      <c r="R5629" s="98">
        <v>0</v>
      </c>
      <c r="S5629" s="98">
        <v>0</v>
      </c>
      <c r="T5629" s="98">
        <v>0</v>
      </c>
      <c r="U5629" s="99"/>
      <c r="V5629" s="99"/>
      <c r="W5629" s="99"/>
      <c r="X5629" s="99"/>
      <c r="Y5629" s="99"/>
      <c r="Z5629" s="99"/>
      <c r="AA5629" s="98">
        <v>1</v>
      </c>
      <c r="AB5629" s="99"/>
      <c r="AC5629" s="99"/>
      <c r="AD5629" s="99"/>
      <c r="AE5629" s="99"/>
      <c r="AF5629" s="99"/>
      <c r="AG5629" s="99"/>
      <c r="AH5629" s="99"/>
      <c r="AI5629" s="99"/>
      <c r="AJ5629" s="99"/>
      <c r="AK5629" s="99"/>
      <c r="AL5629" s="99"/>
      <c r="AM5629" s="99"/>
      <c r="AN5629" s="99"/>
      <c r="AO5629" s="99"/>
      <c r="AP5629" s="99"/>
      <c r="AQ5629" s="99"/>
      <c r="AR5629" s="99"/>
      <c r="AS5629" s="99"/>
      <c r="AT5629" s="99"/>
      <c r="AU5629" s="99"/>
      <c r="AV5629" s="99"/>
      <c r="AW5629" s="99"/>
      <c r="AX5629" s="99"/>
      <c r="AY5629" s="99"/>
      <c r="AZ5629" s="99"/>
      <c r="BA5629" s="99"/>
      <c r="BB5629" s="107">
        <v>45884</v>
      </c>
    </row>
    <row r="5630" spans="1:54" s="8" customFormat="1" ht="14.1" customHeight="1" x14ac:dyDescent="0.25">
      <c r="A5630" s="219" t="s">
        <v>13106</v>
      </c>
      <c r="B5630" s="220" t="s">
        <v>12745</v>
      </c>
      <c r="C5630" s="98" t="s">
        <v>13107</v>
      </c>
      <c r="D5630" s="98" t="s">
        <v>20122</v>
      </c>
      <c r="E5630" s="141">
        <v>2000</v>
      </c>
      <c r="F5630" s="141">
        <v>1312</v>
      </c>
      <c r="G5630" s="98" t="s">
        <v>1</v>
      </c>
      <c r="H5630" s="98">
        <v>0</v>
      </c>
      <c r="I5630" s="98">
        <v>0</v>
      </c>
      <c r="J5630" s="98">
        <v>1</v>
      </c>
      <c r="K5630" s="98">
        <v>0</v>
      </c>
      <c r="L5630" s="98">
        <v>1</v>
      </c>
      <c r="M5630" s="98">
        <v>0</v>
      </c>
      <c r="N5630" s="98">
        <v>0</v>
      </c>
      <c r="O5630" s="98">
        <v>1</v>
      </c>
      <c r="P5630" s="98">
        <v>1</v>
      </c>
      <c r="Q5630" s="98">
        <v>0</v>
      </c>
      <c r="R5630" s="98">
        <v>0</v>
      </c>
      <c r="S5630" s="98">
        <v>0</v>
      </c>
      <c r="T5630" s="98">
        <v>0</v>
      </c>
      <c r="U5630" s="99"/>
      <c r="V5630" s="99"/>
      <c r="W5630" s="99"/>
      <c r="X5630" s="99"/>
      <c r="Y5630" s="99"/>
      <c r="Z5630" s="99"/>
      <c r="AA5630" s="99"/>
      <c r="AB5630" s="99"/>
      <c r="AC5630" s="99"/>
      <c r="AD5630" s="99"/>
      <c r="AE5630" s="99"/>
      <c r="AF5630" s="99"/>
      <c r="AG5630" s="99"/>
      <c r="AH5630" s="99"/>
      <c r="AI5630" s="99"/>
      <c r="AJ5630" s="99"/>
      <c r="AK5630" s="99"/>
      <c r="AL5630" s="99"/>
      <c r="AM5630" s="99"/>
      <c r="AN5630" s="99"/>
      <c r="AO5630" s="99"/>
      <c r="AP5630" s="99"/>
      <c r="AQ5630" s="99"/>
      <c r="AR5630" s="99"/>
      <c r="AS5630" s="99"/>
      <c r="AT5630" s="99"/>
      <c r="AU5630" s="99"/>
      <c r="AV5630" s="99"/>
      <c r="AW5630" s="99"/>
      <c r="AX5630" s="99"/>
      <c r="AY5630" s="99"/>
      <c r="AZ5630" s="99"/>
      <c r="BA5630" s="99"/>
      <c r="BB5630" s="107">
        <v>45884</v>
      </c>
    </row>
    <row r="5631" spans="1:54" s="8" customFormat="1" ht="14.1" customHeight="1" x14ac:dyDescent="0.25">
      <c r="A5631" s="219" t="s">
        <v>13108</v>
      </c>
      <c r="B5631" s="220" t="s">
        <v>12745</v>
      </c>
      <c r="C5631" s="98" t="s">
        <v>13109</v>
      </c>
      <c r="D5631" s="98" t="s">
        <v>20123</v>
      </c>
      <c r="E5631" s="141">
        <v>1979</v>
      </c>
      <c r="F5631" s="141">
        <v>1324</v>
      </c>
      <c r="G5631" s="98" t="s">
        <v>1</v>
      </c>
      <c r="H5631" s="98">
        <v>0</v>
      </c>
      <c r="I5631" s="98">
        <v>0</v>
      </c>
      <c r="J5631" s="98">
        <v>1</v>
      </c>
      <c r="K5631" s="98">
        <v>0</v>
      </c>
      <c r="L5631" s="98">
        <v>0</v>
      </c>
      <c r="M5631" s="98">
        <v>0</v>
      </c>
      <c r="N5631" s="98">
        <v>0</v>
      </c>
      <c r="O5631" s="98">
        <v>0</v>
      </c>
      <c r="P5631" s="98">
        <v>0</v>
      </c>
      <c r="Q5631" s="98">
        <v>0</v>
      </c>
      <c r="R5631" s="98">
        <v>0</v>
      </c>
      <c r="S5631" s="98">
        <v>0</v>
      </c>
      <c r="T5631" s="98">
        <v>0</v>
      </c>
      <c r="U5631" s="99"/>
      <c r="V5631" s="99"/>
      <c r="W5631" s="99"/>
      <c r="X5631" s="99"/>
      <c r="Y5631" s="99"/>
      <c r="Z5631" s="99"/>
      <c r="AA5631" s="99"/>
      <c r="AB5631" s="99"/>
      <c r="AC5631" s="99"/>
      <c r="AD5631" s="99"/>
      <c r="AE5631" s="99"/>
      <c r="AF5631" s="99"/>
      <c r="AG5631" s="99"/>
      <c r="AH5631" s="99"/>
      <c r="AI5631" s="99"/>
      <c r="AJ5631" s="99"/>
      <c r="AK5631" s="99"/>
      <c r="AL5631" s="99"/>
      <c r="AM5631" s="99"/>
      <c r="AN5631" s="99"/>
      <c r="AO5631" s="99"/>
      <c r="AP5631" s="99"/>
      <c r="AQ5631" s="99"/>
      <c r="AR5631" s="99"/>
      <c r="AS5631" s="99"/>
      <c r="AT5631" s="99"/>
      <c r="AU5631" s="99"/>
      <c r="AV5631" s="99"/>
      <c r="AW5631" s="99"/>
      <c r="AX5631" s="99"/>
      <c r="AY5631" s="99"/>
      <c r="AZ5631" s="99"/>
      <c r="BA5631" s="98" t="s">
        <v>13110</v>
      </c>
      <c r="BB5631" s="107">
        <v>45884</v>
      </c>
    </row>
    <row r="5632" spans="1:54" s="8" customFormat="1" ht="14.1" customHeight="1" x14ac:dyDescent="0.25">
      <c r="A5632" s="219" t="s">
        <v>13111</v>
      </c>
      <c r="B5632" s="220" t="s">
        <v>12745</v>
      </c>
      <c r="C5632" s="98" t="s">
        <v>13112</v>
      </c>
      <c r="D5632" s="98" t="s">
        <v>20124</v>
      </c>
      <c r="E5632" s="141">
        <v>1981</v>
      </c>
      <c r="F5632" s="141">
        <v>1333</v>
      </c>
      <c r="G5632" s="98" t="s">
        <v>1</v>
      </c>
      <c r="H5632" s="98">
        <v>0</v>
      </c>
      <c r="I5632" s="98">
        <v>0</v>
      </c>
      <c r="J5632" s="98">
        <v>1</v>
      </c>
      <c r="K5632" s="98">
        <v>0</v>
      </c>
      <c r="L5632" s="98">
        <v>1</v>
      </c>
      <c r="M5632" s="98">
        <v>0</v>
      </c>
      <c r="N5632" s="98">
        <v>1</v>
      </c>
      <c r="O5632" s="98">
        <v>0</v>
      </c>
      <c r="P5632" s="98">
        <v>0</v>
      </c>
      <c r="Q5632" s="98">
        <v>0</v>
      </c>
      <c r="R5632" s="98">
        <v>0</v>
      </c>
      <c r="S5632" s="98">
        <v>0</v>
      </c>
      <c r="T5632" s="98">
        <v>0</v>
      </c>
      <c r="U5632" s="99"/>
      <c r="V5632" s="99"/>
      <c r="W5632" s="99"/>
      <c r="X5632" s="99"/>
      <c r="Y5632" s="99"/>
      <c r="Z5632" s="99"/>
      <c r="AA5632" s="99"/>
      <c r="AB5632" s="99"/>
      <c r="AC5632" s="99"/>
      <c r="AD5632" s="99"/>
      <c r="AE5632" s="99"/>
      <c r="AF5632" s="99"/>
      <c r="AG5632" s="99"/>
      <c r="AH5632" s="99"/>
      <c r="AI5632" s="99"/>
      <c r="AJ5632" s="99"/>
      <c r="AK5632" s="99"/>
      <c r="AL5632" s="99"/>
      <c r="AM5632" s="99"/>
      <c r="AN5632" s="99"/>
      <c r="AO5632" s="99"/>
      <c r="AP5632" s="99"/>
      <c r="AQ5632" s="99"/>
      <c r="AR5632" s="99"/>
      <c r="AS5632" s="99"/>
      <c r="AT5632" s="99"/>
      <c r="AU5632" s="99"/>
      <c r="AV5632" s="99"/>
      <c r="AW5632" s="99"/>
      <c r="AX5632" s="99"/>
      <c r="AY5632" s="99"/>
      <c r="AZ5632" s="99"/>
      <c r="BA5632" s="98" t="s">
        <v>8819</v>
      </c>
      <c r="BB5632" s="107">
        <v>45884</v>
      </c>
    </row>
    <row r="5633" spans="1:54" s="8" customFormat="1" ht="14.1" customHeight="1" x14ac:dyDescent="0.25">
      <c r="A5633" s="219" t="s">
        <v>13113</v>
      </c>
      <c r="B5633" s="220" t="s">
        <v>12745</v>
      </c>
      <c r="C5633" s="98" t="s">
        <v>13114</v>
      </c>
      <c r="D5633" s="98" t="s">
        <v>20125</v>
      </c>
      <c r="E5633" s="141">
        <v>1992</v>
      </c>
      <c r="F5633" s="141">
        <v>1340</v>
      </c>
      <c r="G5633" s="98" t="s">
        <v>1</v>
      </c>
      <c r="H5633" s="98">
        <v>0</v>
      </c>
      <c r="I5633" s="98">
        <v>0</v>
      </c>
      <c r="J5633" s="98">
        <v>1</v>
      </c>
      <c r="K5633" s="98">
        <v>1</v>
      </c>
      <c r="L5633" s="98">
        <v>1</v>
      </c>
      <c r="M5633" s="98">
        <v>0</v>
      </c>
      <c r="N5633" s="98">
        <v>0</v>
      </c>
      <c r="O5633" s="98">
        <v>1</v>
      </c>
      <c r="P5633" s="98">
        <v>1</v>
      </c>
      <c r="Q5633" s="98">
        <v>0</v>
      </c>
      <c r="R5633" s="98">
        <v>0</v>
      </c>
      <c r="S5633" s="98">
        <v>0</v>
      </c>
      <c r="T5633" s="98">
        <v>0</v>
      </c>
      <c r="U5633" s="99"/>
      <c r="V5633" s="99"/>
      <c r="W5633" s="99"/>
      <c r="X5633" s="99"/>
      <c r="Y5633" s="99"/>
      <c r="Z5633" s="99"/>
      <c r="AA5633" s="99"/>
      <c r="AB5633" s="99"/>
      <c r="AC5633" s="99"/>
      <c r="AD5633" s="99"/>
      <c r="AE5633" s="99"/>
      <c r="AF5633" s="99"/>
      <c r="AG5633" s="99"/>
      <c r="AH5633" s="99"/>
      <c r="AI5633" s="99"/>
      <c r="AJ5633" s="99"/>
      <c r="AK5633" s="99"/>
      <c r="AL5633" s="99"/>
      <c r="AM5633" s="99"/>
      <c r="AN5633" s="99"/>
      <c r="AO5633" s="99"/>
      <c r="AP5633" s="99"/>
      <c r="AQ5633" s="99"/>
      <c r="AR5633" s="99"/>
      <c r="AS5633" s="99"/>
      <c r="AT5633" s="99"/>
      <c r="AU5633" s="99"/>
      <c r="AV5633" s="99"/>
      <c r="AW5633" s="99"/>
      <c r="AX5633" s="99"/>
      <c r="AY5633" s="99"/>
      <c r="AZ5633" s="99"/>
      <c r="BA5633" s="99"/>
      <c r="BB5633" s="107">
        <v>45884</v>
      </c>
    </row>
    <row r="5634" spans="1:54" s="8" customFormat="1" ht="14.1" customHeight="1" x14ac:dyDescent="0.25">
      <c r="A5634" s="219" t="s">
        <v>13115</v>
      </c>
      <c r="B5634" s="220" t="s">
        <v>12745</v>
      </c>
      <c r="C5634" s="98" t="s">
        <v>22237</v>
      </c>
      <c r="D5634" s="98" t="s">
        <v>20126</v>
      </c>
      <c r="E5634" s="141">
        <v>1976</v>
      </c>
      <c r="F5634" s="141">
        <v>1344</v>
      </c>
      <c r="G5634" s="98" t="s">
        <v>1</v>
      </c>
      <c r="H5634" s="98">
        <v>0</v>
      </c>
      <c r="I5634" s="98">
        <v>0</v>
      </c>
      <c r="J5634" s="98">
        <v>1</v>
      </c>
      <c r="K5634" s="98">
        <v>0</v>
      </c>
      <c r="L5634" s="98">
        <v>1</v>
      </c>
      <c r="M5634" s="98">
        <v>0</v>
      </c>
      <c r="N5634" s="98">
        <v>0</v>
      </c>
      <c r="O5634" s="98">
        <v>1</v>
      </c>
      <c r="P5634" s="98">
        <v>1</v>
      </c>
      <c r="Q5634" s="98">
        <v>0</v>
      </c>
      <c r="R5634" s="98">
        <v>0</v>
      </c>
      <c r="S5634" s="98">
        <v>0</v>
      </c>
      <c r="T5634" s="98">
        <v>0</v>
      </c>
      <c r="U5634" s="99"/>
      <c r="V5634" s="99"/>
      <c r="W5634" s="99"/>
      <c r="X5634" s="99"/>
      <c r="Y5634" s="99"/>
      <c r="Z5634" s="99"/>
      <c r="AA5634" s="99"/>
      <c r="AB5634" s="99"/>
      <c r="AC5634" s="99"/>
      <c r="AD5634" s="99"/>
      <c r="AE5634" s="99"/>
      <c r="AF5634" s="99"/>
      <c r="AG5634" s="99"/>
      <c r="AH5634" s="99"/>
      <c r="AI5634" s="99"/>
      <c r="AJ5634" s="99"/>
      <c r="AK5634" s="99"/>
      <c r="AL5634" s="99"/>
      <c r="AM5634" s="99"/>
      <c r="AN5634" s="99"/>
      <c r="AO5634" s="99"/>
      <c r="AP5634" s="99"/>
      <c r="AQ5634" s="99"/>
      <c r="AR5634" s="99"/>
      <c r="AS5634" s="99"/>
      <c r="AT5634" s="99"/>
      <c r="AU5634" s="99"/>
      <c r="AV5634" s="99"/>
      <c r="AW5634" s="99"/>
      <c r="AX5634" s="99"/>
      <c r="AY5634" s="99"/>
      <c r="AZ5634" s="99"/>
      <c r="BA5634" s="99"/>
      <c r="BB5634" s="107">
        <v>45884</v>
      </c>
    </row>
    <row r="5635" spans="1:54" s="8" customFormat="1" ht="14.1" customHeight="1" x14ac:dyDescent="0.25">
      <c r="A5635" s="219" t="s">
        <v>13116</v>
      </c>
      <c r="B5635" s="220" t="s">
        <v>12745</v>
      </c>
      <c r="C5635" s="98" t="s">
        <v>13117</v>
      </c>
      <c r="D5635" s="98" t="s">
        <v>20127</v>
      </c>
      <c r="E5635" s="141">
        <v>1980</v>
      </c>
      <c r="F5635" s="141">
        <v>1347</v>
      </c>
      <c r="G5635" s="98" t="s">
        <v>1</v>
      </c>
      <c r="H5635" s="98">
        <v>0</v>
      </c>
      <c r="I5635" s="98">
        <v>0</v>
      </c>
      <c r="J5635" s="98">
        <v>1</v>
      </c>
      <c r="K5635" s="98">
        <v>0</v>
      </c>
      <c r="L5635" s="98">
        <v>1</v>
      </c>
      <c r="M5635" s="98">
        <v>0</v>
      </c>
      <c r="N5635" s="98">
        <v>0</v>
      </c>
      <c r="O5635" s="98">
        <v>1</v>
      </c>
      <c r="P5635" s="98">
        <v>1</v>
      </c>
      <c r="Q5635" s="98">
        <v>0</v>
      </c>
      <c r="R5635" s="98">
        <v>1</v>
      </c>
      <c r="S5635" s="98">
        <v>0</v>
      </c>
      <c r="T5635" s="98">
        <v>0</v>
      </c>
      <c r="U5635" s="99"/>
      <c r="V5635" s="99"/>
      <c r="W5635" s="99"/>
      <c r="X5635" s="99"/>
      <c r="Y5635" s="99"/>
      <c r="Z5635" s="99"/>
      <c r="AA5635" s="99"/>
      <c r="AB5635" s="99"/>
      <c r="AC5635" s="99"/>
      <c r="AD5635" s="99"/>
      <c r="AE5635" s="99"/>
      <c r="AF5635" s="99"/>
      <c r="AG5635" s="99"/>
      <c r="AH5635" s="99"/>
      <c r="AI5635" s="99"/>
      <c r="AJ5635" s="99"/>
      <c r="AK5635" s="99"/>
      <c r="AL5635" s="99"/>
      <c r="AM5635" s="99"/>
      <c r="AN5635" s="99"/>
      <c r="AO5635" s="99"/>
      <c r="AP5635" s="99"/>
      <c r="AQ5635" s="99"/>
      <c r="AR5635" s="99"/>
      <c r="AS5635" s="99"/>
      <c r="AT5635" s="99"/>
      <c r="AU5635" s="99"/>
      <c r="AV5635" s="99"/>
      <c r="AW5635" s="99"/>
      <c r="AX5635" s="99"/>
      <c r="AY5635" s="99"/>
      <c r="AZ5635" s="99"/>
      <c r="BA5635" s="99"/>
      <c r="BB5635" s="107">
        <v>45884</v>
      </c>
    </row>
    <row r="5636" spans="1:54" s="8" customFormat="1" ht="14.1" customHeight="1" x14ac:dyDescent="0.25">
      <c r="A5636" s="219" t="s">
        <v>13118</v>
      </c>
      <c r="B5636" s="220" t="s">
        <v>12745</v>
      </c>
      <c r="C5636" s="98" t="s">
        <v>13119</v>
      </c>
      <c r="D5636" s="98" t="s">
        <v>20128</v>
      </c>
      <c r="E5636" s="141">
        <v>1978</v>
      </c>
      <c r="F5636" s="141">
        <v>1400</v>
      </c>
      <c r="G5636" s="98" t="s">
        <v>1</v>
      </c>
      <c r="H5636" s="98">
        <v>0</v>
      </c>
      <c r="I5636" s="98">
        <v>0</v>
      </c>
      <c r="J5636" s="98">
        <v>1</v>
      </c>
      <c r="K5636" s="98">
        <v>0</v>
      </c>
      <c r="L5636" s="98">
        <v>1</v>
      </c>
      <c r="M5636" s="98">
        <v>0</v>
      </c>
      <c r="N5636" s="98">
        <v>0</v>
      </c>
      <c r="O5636" s="98">
        <v>1</v>
      </c>
      <c r="P5636" s="98">
        <v>1</v>
      </c>
      <c r="Q5636" s="98">
        <v>0</v>
      </c>
      <c r="R5636" s="98">
        <v>1</v>
      </c>
      <c r="S5636" s="98">
        <v>0</v>
      </c>
      <c r="T5636" s="98">
        <v>0</v>
      </c>
      <c r="U5636" s="99"/>
      <c r="V5636" s="99"/>
      <c r="W5636" s="99"/>
      <c r="X5636" s="99"/>
      <c r="Y5636" s="99"/>
      <c r="Z5636" s="99"/>
      <c r="AA5636" s="99"/>
      <c r="AB5636" s="99"/>
      <c r="AC5636" s="99"/>
      <c r="AD5636" s="99"/>
      <c r="AE5636" s="99"/>
      <c r="AF5636" s="99"/>
      <c r="AG5636" s="99"/>
      <c r="AH5636" s="99"/>
      <c r="AI5636" s="99"/>
      <c r="AJ5636" s="99"/>
      <c r="AK5636" s="99"/>
      <c r="AL5636" s="99"/>
      <c r="AM5636" s="99"/>
      <c r="AN5636" s="99"/>
      <c r="AO5636" s="99"/>
      <c r="AP5636" s="99"/>
      <c r="AQ5636" s="99"/>
      <c r="AR5636" s="99"/>
      <c r="AS5636" s="99"/>
      <c r="AT5636" s="99"/>
      <c r="AU5636" s="99"/>
      <c r="AV5636" s="99"/>
      <c r="AW5636" s="99"/>
      <c r="AX5636" s="99"/>
      <c r="AY5636" s="99"/>
      <c r="AZ5636" s="99"/>
      <c r="BA5636" s="99"/>
      <c r="BB5636" s="107">
        <v>45884</v>
      </c>
    </row>
    <row r="5637" spans="1:54" s="8" customFormat="1" ht="14.1" customHeight="1" x14ac:dyDescent="0.25">
      <c r="A5637" s="219" t="s">
        <v>13120</v>
      </c>
      <c r="B5637" s="220" t="s">
        <v>12745</v>
      </c>
      <c r="C5637" s="98" t="s">
        <v>13121</v>
      </c>
      <c r="D5637" s="98" t="s">
        <v>20129</v>
      </c>
      <c r="E5637" s="141">
        <v>1976</v>
      </c>
      <c r="F5637" s="141">
        <v>1422</v>
      </c>
      <c r="G5637" s="98" t="s">
        <v>1</v>
      </c>
      <c r="H5637" s="98">
        <v>0</v>
      </c>
      <c r="I5637" s="98">
        <v>0</v>
      </c>
      <c r="J5637" s="98">
        <v>1</v>
      </c>
      <c r="K5637" s="98">
        <v>0</v>
      </c>
      <c r="L5637" s="98">
        <v>1</v>
      </c>
      <c r="M5637" s="98">
        <v>0</v>
      </c>
      <c r="N5637" s="98">
        <v>0</v>
      </c>
      <c r="O5637" s="98">
        <v>1</v>
      </c>
      <c r="P5637" s="98">
        <v>1</v>
      </c>
      <c r="Q5637" s="98">
        <v>0</v>
      </c>
      <c r="R5637" s="98">
        <v>0</v>
      </c>
      <c r="S5637" s="98">
        <v>0</v>
      </c>
      <c r="T5637" s="98">
        <v>0</v>
      </c>
      <c r="U5637" s="99"/>
      <c r="V5637" s="99"/>
      <c r="W5637" s="99"/>
      <c r="X5637" s="99"/>
      <c r="Y5637" s="99"/>
      <c r="Z5637" s="99"/>
      <c r="AA5637" s="99"/>
      <c r="AB5637" s="99"/>
      <c r="AC5637" s="99"/>
      <c r="AD5637" s="99"/>
      <c r="AE5637" s="99"/>
      <c r="AF5637" s="99"/>
      <c r="AG5637" s="99"/>
      <c r="AH5637" s="99"/>
      <c r="AI5637" s="99"/>
      <c r="AJ5637" s="99"/>
      <c r="AK5637" s="99"/>
      <c r="AL5637" s="99"/>
      <c r="AM5637" s="99"/>
      <c r="AN5637" s="99"/>
      <c r="AO5637" s="99"/>
      <c r="AP5637" s="99"/>
      <c r="AQ5637" s="99"/>
      <c r="AR5637" s="99"/>
      <c r="AS5637" s="99"/>
      <c r="AT5637" s="99"/>
      <c r="AU5637" s="99"/>
      <c r="AV5637" s="99"/>
      <c r="AW5637" s="99"/>
      <c r="AX5637" s="99"/>
      <c r="AY5637" s="99"/>
      <c r="AZ5637" s="99"/>
      <c r="BA5637" s="99"/>
      <c r="BB5637" s="107">
        <v>45884</v>
      </c>
    </row>
    <row r="5638" spans="1:54" s="8" customFormat="1" ht="14.1" customHeight="1" x14ac:dyDescent="0.25">
      <c r="A5638" s="219" t="s">
        <v>13122</v>
      </c>
      <c r="B5638" s="220" t="s">
        <v>12745</v>
      </c>
      <c r="C5638" s="98" t="s">
        <v>13123</v>
      </c>
      <c r="D5638" s="98" t="s">
        <v>20130</v>
      </c>
      <c r="E5638" s="141">
        <v>1978</v>
      </c>
      <c r="F5638" s="141">
        <v>1467</v>
      </c>
      <c r="G5638" s="98" t="s">
        <v>1</v>
      </c>
      <c r="H5638" s="98">
        <v>0</v>
      </c>
      <c r="I5638" s="98">
        <v>0</v>
      </c>
      <c r="J5638" s="98">
        <v>1</v>
      </c>
      <c r="K5638" s="98">
        <v>0</v>
      </c>
      <c r="L5638" s="98">
        <v>1</v>
      </c>
      <c r="M5638" s="98">
        <v>0</v>
      </c>
      <c r="N5638" s="98">
        <v>0</v>
      </c>
      <c r="O5638" s="98">
        <v>1</v>
      </c>
      <c r="P5638" s="98">
        <v>1</v>
      </c>
      <c r="Q5638" s="98">
        <v>0</v>
      </c>
      <c r="R5638" s="98">
        <v>1</v>
      </c>
      <c r="S5638" s="98">
        <v>0</v>
      </c>
      <c r="T5638" s="98">
        <v>0</v>
      </c>
      <c r="U5638" s="99"/>
      <c r="V5638" s="99"/>
      <c r="W5638" s="99"/>
      <c r="X5638" s="99"/>
      <c r="Y5638" s="99"/>
      <c r="Z5638" s="99"/>
      <c r="AA5638" s="99"/>
      <c r="AB5638" s="99"/>
      <c r="AC5638" s="99"/>
      <c r="AD5638" s="99"/>
      <c r="AE5638" s="99"/>
      <c r="AF5638" s="99"/>
      <c r="AG5638" s="99"/>
      <c r="AH5638" s="99"/>
      <c r="AI5638" s="99"/>
      <c r="AJ5638" s="99"/>
      <c r="AK5638" s="99"/>
      <c r="AL5638" s="99"/>
      <c r="AM5638" s="99"/>
      <c r="AN5638" s="99"/>
      <c r="AO5638" s="99"/>
      <c r="AP5638" s="99"/>
      <c r="AQ5638" s="99"/>
      <c r="AR5638" s="99"/>
      <c r="AS5638" s="99"/>
      <c r="AT5638" s="99"/>
      <c r="AU5638" s="99"/>
      <c r="AV5638" s="99"/>
      <c r="AW5638" s="99"/>
      <c r="AX5638" s="99"/>
      <c r="AY5638" s="99"/>
      <c r="AZ5638" s="99"/>
      <c r="BA5638" s="99"/>
      <c r="BB5638" s="107">
        <v>45884</v>
      </c>
    </row>
    <row r="5639" spans="1:54" s="8" customFormat="1" ht="14.1" customHeight="1" x14ac:dyDescent="0.25">
      <c r="A5639" s="219" t="s">
        <v>13124</v>
      </c>
      <c r="B5639" s="220" t="s">
        <v>12745</v>
      </c>
      <c r="C5639" s="98" t="s">
        <v>13125</v>
      </c>
      <c r="D5639" s="98" t="s">
        <v>20131</v>
      </c>
      <c r="E5639" s="141">
        <v>1978</v>
      </c>
      <c r="F5639" s="141">
        <v>1613</v>
      </c>
      <c r="G5639" s="98" t="s">
        <v>1</v>
      </c>
      <c r="H5639" s="98">
        <v>0</v>
      </c>
      <c r="I5639" s="98">
        <v>0</v>
      </c>
      <c r="J5639" s="98">
        <v>1</v>
      </c>
      <c r="K5639" s="98">
        <v>0</v>
      </c>
      <c r="L5639" s="98">
        <v>0</v>
      </c>
      <c r="M5639" s="98">
        <v>0</v>
      </c>
      <c r="N5639" s="98">
        <v>0</v>
      </c>
      <c r="O5639" s="98">
        <v>1</v>
      </c>
      <c r="P5639" s="98">
        <v>1</v>
      </c>
      <c r="Q5639" s="98">
        <v>0</v>
      </c>
      <c r="R5639" s="98">
        <v>0</v>
      </c>
      <c r="S5639" s="98">
        <v>0</v>
      </c>
      <c r="T5639" s="98">
        <v>0</v>
      </c>
      <c r="U5639" s="99"/>
      <c r="V5639" s="99"/>
      <c r="W5639" s="99"/>
      <c r="X5639" s="99"/>
      <c r="Y5639" s="99"/>
      <c r="Z5639" s="99"/>
      <c r="AA5639" s="99"/>
      <c r="AB5639" s="99"/>
      <c r="AC5639" s="99"/>
      <c r="AD5639" s="99"/>
      <c r="AE5639" s="99"/>
      <c r="AF5639" s="99"/>
      <c r="AG5639" s="99"/>
      <c r="AH5639" s="99"/>
      <c r="AI5639" s="99"/>
      <c r="AJ5639" s="99"/>
      <c r="AK5639" s="99"/>
      <c r="AL5639" s="99"/>
      <c r="AM5639" s="99"/>
      <c r="AN5639" s="99"/>
      <c r="AO5639" s="99"/>
      <c r="AP5639" s="99"/>
      <c r="AQ5639" s="99"/>
      <c r="AR5639" s="99"/>
      <c r="AS5639" s="99"/>
      <c r="AT5639" s="99"/>
      <c r="AU5639" s="99"/>
      <c r="AV5639" s="99"/>
      <c r="AW5639" s="99"/>
      <c r="AX5639" s="99"/>
      <c r="AY5639" s="99"/>
      <c r="AZ5639" s="99"/>
      <c r="BA5639" s="98" t="s">
        <v>8819</v>
      </c>
      <c r="BB5639" s="107">
        <v>45884</v>
      </c>
    </row>
    <row r="5640" spans="1:54" s="8" customFormat="1" ht="14.1" customHeight="1" x14ac:dyDescent="0.25">
      <c r="A5640" s="219" t="s">
        <v>13126</v>
      </c>
      <c r="B5640" s="220" t="s">
        <v>12745</v>
      </c>
      <c r="C5640" s="98" t="s">
        <v>13127</v>
      </c>
      <c r="D5640" s="98" t="s">
        <v>20132</v>
      </c>
      <c r="E5640" s="141">
        <v>1980</v>
      </c>
      <c r="F5640" s="141">
        <v>1618</v>
      </c>
      <c r="G5640" s="98" t="s">
        <v>1</v>
      </c>
      <c r="H5640" s="98">
        <v>0</v>
      </c>
      <c r="I5640" s="98">
        <v>0</v>
      </c>
      <c r="J5640" s="98">
        <v>1</v>
      </c>
      <c r="K5640" s="98">
        <v>0</v>
      </c>
      <c r="L5640" s="98">
        <v>1</v>
      </c>
      <c r="M5640" s="98">
        <v>0</v>
      </c>
      <c r="N5640" s="98">
        <v>0</v>
      </c>
      <c r="O5640" s="98">
        <v>1</v>
      </c>
      <c r="P5640" s="98">
        <v>1</v>
      </c>
      <c r="Q5640" s="98">
        <v>1</v>
      </c>
      <c r="R5640" s="98">
        <v>1</v>
      </c>
      <c r="S5640" s="98">
        <v>0</v>
      </c>
      <c r="T5640" s="98">
        <v>0</v>
      </c>
      <c r="U5640" s="99"/>
      <c r="V5640" s="99"/>
      <c r="W5640" s="99"/>
      <c r="X5640" s="99"/>
      <c r="Y5640" s="99"/>
      <c r="Z5640" s="99"/>
      <c r="AA5640" s="99"/>
      <c r="AB5640" s="99"/>
      <c r="AC5640" s="99"/>
      <c r="AD5640" s="99"/>
      <c r="AE5640" s="99"/>
      <c r="AF5640" s="99"/>
      <c r="AG5640" s="99"/>
      <c r="AH5640" s="99"/>
      <c r="AI5640" s="99"/>
      <c r="AJ5640" s="99"/>
      <c r="AK5640" s="99"/>
      <c r="AL5640" s="99"/>
      <c r="AM5640" s="99"/>
      <c r="AN5640" s="99"/>
      <c r="AO5640" s="99"/>
      <c r="AP5640" s="99"/>
      <c r="AQ5640" s="99"/>
      <c r="AR5640" s="99"/>
      <c r="AS5640" s="99"/>
      <c r="AT5640" s="99"/>
      <c r="AU5640" s="99"/>
      <c r="AV5640" s="99"/>
      <c r="AW5640" s="99"/>
      <c r="AX5640" s="99"/>
      <c r="AY5640" s="99"/>
      <c r="AZ5640" s="99"/>
      <c r="BA5640" s="99"/>
      <c r="BB5640" s="107">
        <v>45884</v>
      </c>
    </row>
    <row r="5641" spans="1:54" s="8" customFormat="1" ht="14.1" customHeight="1" x14ac:dyDescent="0.25">
      <c r="A5641" s="219" t="s">
        <v>13128</v>
      </c>
      <c r="B5641" s="220" t="s">
        <v>12745</v>
      </c>
      <c r="C5641" s="98" t="s">
        <v>13129</v>
      </c>
      <c r="D5641" s="98" t="s">
        <v>20133</v>
      </c>
      <c r="E5641" s="141">
        <v>1976</v>
      </c>
      <c r="F5641" s="141">
        <v>1657</v>
      </c>
      <c r="G5641" s="98" t="s">
        <v>1</v>
      </c>
      <c r="H5641" s="98">
        <v>0</v>
      </c>
      <c r="I5641" s="98">
        <v>0</v>
      </c>
      <c r="J5641" s="98">
        <v>1</v>
      </c>
      <c r="K5641" s="98">
        <v>0</v>
      </c>
      <c r="L5641" s="98">
        <v>0</v>
      </c>
      <c r="M5641" s="98">
        <v>1</v>
      </c>
      <c r="N5641" s="98">
        <v>0</v>
      </c>
      <c r="O5641" s="98">
        <v>0</v>
      </c>
      <c r="P5641" s="98">
        <v>0</v>
      </c>
      <c r="Q5641" s="98">
        <v>0</v>
      </c>
      <c r="R5641" s="98">
        <v>0</v>
      </c>
      <c r="S5641" s="98">
        <v>0</v>
      </c>
      <c r="T5641" s="98">
        <v>0</v>
      </c>
      <c r="U5641" s="99"/>
      <c r="V5641" s="99"/>
      <c r="W5641" s="99"/>
      <c r="X5641" s="99"/>
      <c r="Y5641" s="99"/>
      <c r="Z5641" s="99"/>
      <c r="AA5641" s="99"/>
      <c r="AB5641" s="99"/>
      <c r="AC5641" s="99"/>
      <c r="AD5641" s="99"/>
      <c r="AE5641" s="99"/>
      <c r="AF5641" s="99"/>
      <c r="AG5641" s="99"/>
      <c r="AH5641" s="99"/>
      <c r="AI5641" s="99"/>
      <c r="AJ5641" s="99"/>
      <c r="AK5641" s="99"/>
      <c r="AL5641" s="99"/>
      <c r="AM5641" s="99"/>
      <c r="AN5641" s="99"/>
      <c r="AO5641" s="99"/>
      <c r="AP5641" s="99"/>
      <c r="AQ5641" s="99"/>
      <c r="AR5641" s="99"/>
      <c r="AS5641" s="99"/>
      <c r="AT5641" s="99"/>
      <c r="AU5641" s="99"/>
      <c r="AV5641" s="99"/>
      <c r="AW5641" s="99"/>
      <c r="AX5641" s="99"/>
      <c r="AY5641" s="99"/>
      <c r="AZ5641" s="99"/>
      <c r="BA5641" s="99"/>
      <c r="BB5641" s="107">
        <v>45884</v>
      </c>
    </row>
    <row r="5642" spans="1:54" s="8" customFormat="1" ht="14.1" customHeight="1" x14ac:dyDescent="0.25">
      <c r="A5642" s="219" t="s">
        <v>13130</v>
      </c>
      <c r="B5642" s="220" t="s">
        <v>12745</v>
      </c>
      <c r="C5642" s="98" t="s">
        <v>13131</v>
      </c>
      <c r="D5642" s="98" t="s">
        <v>20134</v>
      </c>
      <c r="E5642" s="141">
        <v>1976</v>
      </c>
      <c r="F5642" s="141">
        <v>1678</v>
      </c>
      <c r="G5642" s="98" t="s">
        <v>1</v>
      </c>
      <c r="H5642" s="98">
        <v>0</v>
      </c>
      <c r="I5642" s="98">
        <v>0</v>
      </c>
      <c r="J5642" s="98">
        <v>1</v>
      </c>
      <c r="K5642" s="98">
        <v>0</v>
      </c>
      <c r="L5642" s="98">
        <v>0</v>
      </c>
      <c r="M5642" s="98">
        <v>0</v>
      </c>
      <c r="N5642" s="98">
        <v>0</v>
      </c>
      <c r="O5642" s="98">
        <v>1</v>
      </c>
      <c r="P5642" s="98">
        <v>0</v>
      </c>
      <c r="Q5642" s="98">
        <v>0</v>
      </c>
      <c r="R5642" s="98">
        <v>1</v>
      </c>
      <c r="S5642" s="98">
        <v>1</v>
      </c>
      <c r="T5642" s="98">
        <v>0</v>
      </c>
      <c r="U5642" s="99"/>
      <c r="V5642" s="99"/>
      <c r="W5642" s="99"/>
      <c r="X5642" s="99"/>
      <c r="Y5642" s="99"/>
      <c r="Z5642" s="99"/>
      <c r="AA5642" s="99"/>
      <c r="AB5642" s="99"/>
      <c r="AC5642" s="99"/>
      <c r="AD5642" s="99"/>
      <c r="AE5642" s="99"/>
      <c r="AF5642" s="99"/>
      <c r="AG5642" s="99"/>
      <c r="AH5642" s="99"/>
      <c r="AI5642" s="99"/>
      <c r="AJ5642" s="99"/>
      <c r="AK5642" s="99"/>
      <c r="AL5642" s="99"/>
      <c r="AM5642" s="99"/>
      <c r="AN5642" s="99"/>
      <c r="AO5642" s="99"/>
      <c r="AP5642" s="99"/>
      <c r="AQ5642" s="99"/>
      <c r="AR5642" s="99"/>
      <c r="AS5642" s="99"/>
      <c r="AT5642" s="99"/>
      <c r="AU5642" s="99"/>
      <c r="AV5642" s="99"/>
      <c r="AW5642" s="99"/>
      <c r="AX5642" s="99"/>
      <c r="AY5642" s="99"/>
      <c r="AZ5642" s="99"/>
      <c r="BA5642" s="99"/>
      <c r="BB5642" s="107">
        <v>45884</v>
      </c>
    </row>
    <row r="5643" spans="1:54" s="8" customFormat="1" ht="14.1" customHeight="1" x14ac:dyDescent="0.25">
      <c r="A5643" s="219" t="s">
        <v>13132</v>
      </c>
      <c r="B5643" s="220" t="s">
        <v>12745</v>
      </c>
      <c r="C5643" s="98" t="s">
        <v>13133</v>
      </c>
      <c r="D5643" s="98" t="s">
        <v>20135</v>
      </c>
      <c r="E5643" s="141">
        <v>1978</v>
      </c>
      <c r="F5643" s="141">
        <v>1677</v>
      </c>
      <c r="G5643" s="98" t="s">
        <v>1</v>
      </c>
      <c r="H5643" s="98">
        <v>0</v>
      </c>
      <c r="I5643" s="98">
        <v>0</v>
      </c>
      <c r="J5643" s="98">
        <v>1</v>
      </c>
      <c r="K5643" s="98">
        <v>0</v>
      </c>
      <c r="L5643" s="98">
        <v>0</v>
      </c>
      <c r="M5643" s="98">
        <v>0</v>
      </c>
      <c r="N5643" s="98">
        <v>0</v>
      </c>
      <c r="O5643" s="98">
        <v>1</v>
      </c>
      <c r="P5643" s="98">
        <v>0</v>
      </c>
      <c r="Q5643" s="98">
        <v>0</v>
      </c>
      <c r="R5643" s="98">
        <v>0</v>
      </c>
      <c r="S5643" s="98">
        <v>0</v>
      </c>
      <c r="T5643" s="98">
        <v>0</v>
      </c>
      <c r="U5643" s="99"/>
      <c r="V5643" s="99"/>
      <c r="W5643" s="99"/>
      <c r="X5643" s="99"/>
      <c r="Y5643" s="99"/>
      <c r="Z5643" s="99"/>
      <c r="AA5643" s="99"/>
      <c r="AB5643" s="99"/>
      <c r="AC5643" s="99"/>
      <c r="AD5643" s="99"/>
      <c r="AE5643" s="99"/>
      <c r="AF5643" s="99"/>
      <c r="AG5643" s="99"/>
      <c r="AH5643" s="99"/>
      <c r="AI5643" s="99"/>
      <c r="AJ5643" s="99"/>
      <c r="AK5643" s="99"/>
      <c r="AL5643" s="99"/>
      <c r="AM5643" s="99"/>
      <c r="AN5643" s="99"/>
      <c r="AO5643" s="99"/>
      <c r="AP5643" s="99"/>
      <c r="AQ5643" s="99"/>
      <c r="AR5643" s="99"/>
      <c r="AS5643" s="99"/>
      <c r="AT5643" s="99"/>
      <c r="AU5643" s="99"/>
      <c r="AV5643" s="99"/>
      <c r="AW5643" s="99"/>
      <c r="AX5643" s="99"/>
      <c r="AY5643" s="99"/>
      <c r="AZ5643" s="99"/>
      <c r="BA5643" s="99"/>
      <c r="BB5643" s="107">
        <v>45884</v>
      </c>
    </row>
    <row r="5644" spans="1:54" s="8" customFormat="1" ht="14.1" customHeight="1" x14ac:dyDescent="0.25">
      <c r="A5644" s="219" t="s">
        <v>13134</v>
      </c>
      <c r="B5644" s="220" t="s">
        <v>12745</v>
      </c>
      <c r="C5644" s="98" t="s">
        <v>13135</v>
      </c>
      <c r="D5644" s="98" t="s">
        <v>20136</v>
      </c>
      <c r="E5644" s="141">
        <v>1978</v>
      </c>
      <c r="F5644" s="141">
        <v>1704</v>
      </c>
      <c r="G5644" s="98" t="s">
        <v>1</v>
      </c>
      <c r="H5644" s="98">
        <v>0</v>
      </c>
      <c r="I5644" s="98">
        <v>0</v>
      </c>
      <c r="J5644" s="98">
        <v>1</v>
      </c>
      <c r="K5644" s="98">
        <v>0</v>
      </c>
      <c r="L5644" s="98">
        <v>1</v>
      </c>
      <c r="M5644" s="98">
        <v>0</v>
      </c>
      <c r="N5644" s="98">
        <v>0</v>
      </c>
      <c r="O5644" s="98">
        <v>1</v>
      </c>
      <c r="P5644" s="98">
        <v>1</v>
      </c>
      <c r="Q5644" s="98">
        <v>0</v>
      </c>
      <c r="R5644" s="98">
        <v>1</v>
      </c>
      <c r="S5644" s="98">
        <v>0</v>
      </c>
      <c r="T5644" s="98">
        <v>0</v>
      </c>
      <c r="U5644" s="99"/>
      <c r="V5644" s="99"/>
      <c r="W5644" s="99"/>
      <c r="X5644" s="99"/>
      <c r="Y5644" s="99"/>
      <c r="Z5644" s="99"/>
      <c r="AA5644" s="99"/>
      <c r="AB5644" s="99"/>
      <c r="AC5644" s="99"/>
      <c r="AD5644" s="99"/>
      <c r="AE5644" s="99"/>
      <c r="AF5644" s="99"/>
      <c r="AG5644" s="99"/>
      <c r="AH5644" s="99"/>
      <c r="AI5644" s="99"/>
      <c r="AJ5644" s="99"/>
      <c r="AK5644" s="99"/>
      <c r="AL5644" s="99"/>
      <c r="AM5644" s="99"/>
      <c r="AN5644" s="99"/>
      <c r="AO5644" s="99"/>
      <c r="AP5644" s="99"/>
      <c r="AQ5644" s="99"/>
      <c r="AR5644" s="99"/>
      <c r="AS5644" s="99"/>
      <c r="AT5644" s="99"/>
      <c r="AU5644" s="99"/>
      <c r="AV5644" s="99"/>
      <c r="AW5644" s="99"/>
      <c r="AX5644" s="99"/>
      <c r="AY5644" s="99"/>
      <c r="AZ5644" s="99"/>
      <c r="BA5644" s="99"/>
      <c r="BB5644" s="107">
        <v>45884</v>
      </c>
    </row>
    <row r="5645" spans="1:54" s="8" customFormat="1" ht="14.1" customHeight="1" x14ac:dyDescent="0.25">
      <c r="A5645" s="219" t="s">
        <v>13136</v>
      </c>
      <c r="B5645" s="220" t="s">
        <v>12745</v>
      </c>
      <c r="C5645" s="98" t="s">
        <v>13137</v>
      </c>
      <c r="D5645" s="98" t="s">
        <v>20137</v>
      </c>
      <c r="E5645" s="141">
        <v>1976</v>
      </c>
      <c r="F5645" s="141">
        <v>1711</v>
      </c>
      <c r="G5645" s="98" t="s">
        <v>1</v>
      </c>
      <c r="H5645" s="98">
        <v>0</v>
      </c>
      <c r="I5645" s="98">
        <v>0</v>
      </c>
      <c r="J5645" s="98">
        <v>1</v>
      </c>
      <c r="K5645" s="98">
        <v>0</v>
      </c>
      <c r="L5645" s="98">
        <v>0</v>
      </c>
      <c r="M5645" s="98">
        <v>0</v>
      </c>
      <c r="N5645" s="98">
        <v>0</v>
      </c>
      <c r="O5645" s="98">
        <v>0</v>
      </c>
      <c r="P5645" s="98">
        <v>0</v>
      </c>
      <c r="Q5645" s="98">
        <v>0</v>
      </c>
      <c r="R5645" s="98">
        <v>0</v>
      </c>
      <c r="S5645" s="98">
        <v>0</v>
      </c>
      <c r="T5645" s="98">
        <v>0</v>
      </c>
      <c r="U5645" s="99"/>
      <c r="V5645" s="99"/>
      <c r="W5645" s="99"/>
      <c r="X5645" s="99"/>
      <c r="Y5645" s="99"/>
      <c r="Z5645" s="99"/>
      <c r="AA5645" s="99"/>
      <c r="AB5645" s="99"/>
      <c r="AC5645" s="99"/>
      <c r="AD5645" s="99"/>
      <c r="AE5645" s="99"/>
      <c r="AF5645" s="99"/>
      <c r="AG5645" s="99"/>
      <c r="AH5645" s="99"/>
      <c r="AI5645" s="99"/>
      <c r="AJ5645" s="99"/>
      <c r="AK5645" s="99"/>
      <c r="AL5645" s="99"/>
      <c r="AM5645" s="99"/>
      <c r="AN5645" s="99"/>
      <c r="AO5645" s="99"/>
      <c r="AP5645" s="99"/>
      <c r="AQ5645" s="99"/>
      <c r="AR5645" s="99"/>
      <c r="AS5645" s="99"/>
      <c r="AT5645" s="99"/>
      <c r="AU5645" s="99"/>
      <c r="AV5645" s="99"/>
      <c r="AW5645" s="99"/>
      <c r="AX5645" s="99"/>
      <c r="AY5645" s="99"/>
      <c r="AZ5645" s="99"/>
      <c r="BA5645" s="99"/>
      <c r="BB5645" s="107">
        <v>45884</v>
      </c>
    </row>
    <row r="5646" spans="1:54" s="8" customFormat="1" ht="14.1" customHeight="1" x14ac:dyDescent="0.25">
      <c r="A5646" s="219" t="s">
        <v>13138</v>
      </c>
      <c r="B5646" s="220" t="s">
        <v>12745</v>
      </c>
      <c r="C5646" s="98" t="s">
        <v>13139</v>
      </c>
      <c r="D5646" s="98" t="s">
        <v>20138</v>
      </c>
      <c r="E5646" s="141">
        <v>2001</v>
      </c>
      <c r="F5646" s="141">
        <v>1728</v>
      </c>
      <c r="G5646" s="98" t="s">
        <v>1</v>
      </c>
      <c r="H5646" s="98">
        <v>0</v>
      </c>
      <c r="I5646" s="98">
        <v>0</v>
      </c>
      <c r="J5646" s="98">
        <v>1</v>
      </c>
      <c r="K5646" s="98">
        <v>0</v>
      </c>
      <c r="L5646" s="98">
        <v>1</v>
      </c>
      <c r="M5646" s="98">
        <v>0</v>
      </c>
      <c r="N5646" s="98">
        <v>0</v>
      </c>
      <c r="O5646" s="98">
        <v>0</v>
      </c>
      <c r="P5646" s="98">
        <v>1</v>
      </c>
      <c r="Q5646" s="98">
        <v>0</v>
      </c>
      <c r="R5646" s="98">
        <v>1</v>
      </c>
      <c r="S5646" s="98">
        <v>0</v>
      </c>
      <c r="T5646" s="98">
        <v>0</v>
      </c>
      <c r="U5646" s="99"/>
      <c r="V5646" s="99"/>
      <c r="W5646" s="99"/>
      <c r="X5646" s="99"/>
      <c r="Y5646" s="99"/>
      <c r="Z5646" s="99"/>
      <c r="AA5646" s="99"/>
      <c r="AB5646" s="99"/>
      <c r="AC5646" s="99"/>
      <c r="AD5646" s="99"/>
      <c r="AE5646" s="99"/>
      <c r="AF5646" s="99"/>
      <c r="AG5646" s="99"/>
      <c r="AH5646" s="99"/>
      <c r="AI5646" s="99"/>
      <c r="AJ5646" s="99"/>
      <c r="AK5646" s="99"/>
      <c r="AL5646" s="99"/>
      <c r="AM5646" s="99"/>
      <c r="AN5646" s="99"/>
      <c r="AO5646" s="99"/>
      <c r="AP5646" s="99"/>
      <c r="AQ5646" s="99"/>
      <c r="AR5646" s="99"/>
      <c r="AS5646" s="99"/>
      <c r="AT5646" s="99"/>
      <c r="AU5646" s="99"/>
      <c r="AV5646" s="99"/>
      <c r="AW5646" s="99"/>
      <c r="AX5646" s="99"/>
      <c r="AY5646" s="99"/>
      <c r="AZ5646" s="99"/>
      <c r="BA5646" s="99"/>
      <c r="BB5646" s="107">
        <v>45884</v>
      </c>
    </row>
    <row r="5647" spans="1:54" s="8" customFormat="1" ht="14.1" customHeight="1" x14ac:dyDescent="0.25">
      <c r="A5647" s="219" t="s">
        <v>13140</v>
      </c>
      <c r="B5647" s="220" t="s">
        <v>12745</v>
      </c>
      <c r="C5647" s="98" t="s">
        <v>13141</v>
      </c>
      <c r="D5647" s="98" t="s">
        <v>20139</v>
      </c>
      <c r="E5647" s="141">
        <v>1976</v>
      </c>
      <c r="F5647" s="141">
        <v>1775</v>
      </c>
      <c r="G5647" s="98" t="s">
        <v>1</v>
      </c>
      <c r="H5647" s="98">
        <v>0</v>
      </c>
      <c r="I5647" s="98">
        <v>0</v>
      </c>
      <c r="J5647" s="98">
        <v>1</v>
      </c>
      <c r="K5647" s="98">
        <v>0</v>
      </c>
      <c r="L5647" s="98">
        <v>1</v>
      </c>
      <c r="M5647" s="98">
        <v>0</v>
      </c>
      <c r="N5647" s="98">
        <v>0</v>
      </c>
      <c r="O5647" s="98">
        <v>1</v>
      </c>
      <c r="P5647" s="98">
        <v>1</v>
      </c>
      <c r="Q5647" s="98">
        <v>0</v>
      </c>
      <c r="R5647" s="98">
        <v>0</v>
      </c>
      <c r="S5647" s="98">
        <v>0</v>
      </c>
      <c r="T5647" s="98">
        <v>0</v>
      </c>
      <c r="U5647" s="99"/>
      <c r="V5647" s="99"/>
      <c r="W5647" s="99"/>
      <c r="X5647" s="99"/>
      <c r="Y5647" s="99"/>
      <c r="Z5647" s="99"/>
      <c r="AA5647" s="99"/>
      <c r="AB5647" s="99"/>
      <c r="AC5647" s="99"/>
      <c r="AD5647" s="99"/>
      <c r="AE5647" s="99"/>
      <c r="AF5647" s="99"/>
      <c r="AG5647" s="99"/>
      <c r="AH5647" s="99"/>
      <c r="AI5647" s="99"/>
      <c r="AJ5647" s="99"/>
      <c r="AK5647" s="99"/>
      <c r="AL5647" s="99"/>
      <c r="AM5647" s="99"/>
      <c r="AN5647" s="99"/>
      <c r="AO5647" s="99"/>
      <c r="AP5647" s="99"/>
      <c r="AQ5647" s="99"/>
      <c r="AR5647" s="99"/>
      <c r="AS5647" s="99"/>
      <c r="AT5647" s="99"/>
      <c r="AU5647" s="99"/>
      <c r="AV5647" s="99"/>
      <c r="AW5647" s="99"/>
      <c r="AX5647" s="99"/>
      <c r="AY5647" s="99"/>
      <c r="AZ5647" s="99"/>
      <c r="BA5647" s="99"/>
      <c r="BB5647" s="107">
        <v>45884</v>
      </c>
    </row>
    <row r="5648" spans="1:54" s="8" customFormat="1" ht="14.1" customHeight="1" x14ac:dyDescent="0.25">
      <c r="A5648" s="219" t="s">
        <v>13142</v>
      </c>
      <c r="B5648" s="220" t="s">
        <v>12745</v>
      </c>
      <c r="C5648" s="98" t="s">
        <v>13143</v>
      </c>
      <c r="D5648" s="98" t="s">
        <v>20140</v>
      </c>
      <c r="E5648" s="141">
        <v>2004</v>
      </c>
      <c r="F5648" s="141">
        <v>1796</v>
      </c>
      <c r="G5648" s="98" t="s">
        <v>1</v>
      </c>
      <c r="H5648" s="98">
        <v>0</v>
      </c>
      <c r="I5648" s="98">
        <v>0</v>
      </c>
      <c r="J5648" s="98">
        <v>1</v>
      </c>
      <c r="K5648" s="98">
        <v>0</v>
      </c>
      <c r="L5648" s="98">
        <v>1</v>
      </c>
      <c r="M5648" s="98">
        <v>1</v>
      </c>
      <c r="N5648" s="98">
        <v>0</v>
      </c>
      <c r="O5648" s="98">
        <v>0</v>
      </c>
      <c r="P5648" s="98">
        <v>0</v>
      </c>
      <c r="Q5648" s="98">
        <v>0</v>
      </c>
      <c r="R5648" s="98">
        <v>0</v>
      </c>
      <c r="S5648" s="98">
        <v>0</v>
      </c>
      <c r="T5648" s="98">
        <v>0</v>
      </c>
      <c r="U5648" s="99"/>
      <c r="V5648" s="99"/>
      <c r="W5648" s="99"/>
      <c r="X5648" s="99"/>
      <c r="Y5648" s="99"/>
      <c r="Z5648" s="99"/>
      <c r="AA5648" s="99"/>
      <c r="AB5648" s="99"/>
      <c r="AC5648" s="99"/>
      <c r="AD5648" s="99"/>
      <c r="AE5648" s="99"/>
      <c r="AF5648" s="99"/>
      <c r="AG5648" s="99"/>
      <c r="AH5648" s="99"/>
      <c r="AI5648" s="99"/>
      <c r="AJ5648" s="99"/>
      <c r="AK5648" s="99"/>
      <c r="AL5648" s="99"/>
      <c r="AM5648" s="99"/>
      <c r="AN5648" s="99"/>
      <c r="AO5648" s="99"/>
      <c r="AP5648" s="99"/>
      <c r="AQ5648" s="99"/>
      <c r="AR5648" s="99"/>
      <c r="AS5648" s="99"/>
      <c r="AT5648" s="99"/>
      <c r="AU5648" s="99"/>
      <c r="AV5648" s="99"/>
      <c r="AW5648" s="99"/>
      <c r="AX5648" s="99"/>
      <c r="AY5648" s="99"/>
      <c r="AZ5648" s="99"/>
      <c r="BA5648" s="99"/>
      <c r="BB5648" s="107">
        <v>45884</v>
      </c>
    </row>
    <row r="5649" spans="1:54" s="8" customFormat="1" ht="14.1" customHeight="1" x14ac:dyDescent="0.25">
      <c r="A5649" s="219" t="s">
        <v>13144</v>
      </c>
      <c r="B5649" s="220" t="s">
        <v>12745</v>
      </c>
      <c r="C5649" s="98" t="s">
        <v>13145</v>
      </c>
      <c r="D5649" s="98" t="s">
        <v>20141</v>
      </c>
      <c r="E5649" s="141">
        <v>1987</v>
      </c>
      <c r="F5649" s="141">
        <v>1890</v>
      </c>
      <c r="G5649" s="98" t="s">
        <v>1</v>
      </c>
      <c r="H5649" s="98">
        <v>0</v>
      </c>
      <c r="I5649" s="98">
        <v>0</v>
      </c>
      <c r="J5649" s="98">
        <v>1</v>
      </c>
      <c r="K5649" s="98">
        <v>1</v>
      </c>
      <c r="L5649" s="98">
        <v>1</v>
      </c>
      <c r="M5649" s="98">
        <v>1</v>
      </c>
      <c r="N5649" s="98">
        <v>0</v>
      </c>
      <c r="O5649" s="98">
        <v>0</v>
      </c>
      <c r="P5649" s="98">
        <v>0</v>
      </c>
      <c r="Q5649" s="98">
        <v>0</v>
      </c>
      <c r="R5649" s="98">
        <v>1</v>
      </c>
      <c r="S5649" s="98">
        <v>0</v>
      </c>
      <c r="T5649" s="98">
        <v>0</v>
      </c>
      <c r="U5649" s="99"/>
      <c r="V5649" s="99"/>
      <c r="W5649" s="99"/>
      <c r="X5649" s="99"/>
      <c r="Y5649" s="99"/>
      <c r="Z5649" s="99"/>
      <c r="AA5649" s="99"/>
      <c r="AB5649" s="99"/>
      <c r="AC5649" s="99"/>
      <c r="AD5649" s="99"/>
      <c r="AE5649" s="99"/>
      <c r="AF5649" s="99"/>
      <c r="AG5649" s="99"/>
      <c r="AH5649" s="99"/>
      <c r="AI5649" s="99"/>
      <c r="AJ5649" s="99"/>
      <c r="AK5649" s="99"/>
      <c r="AL5649" s="99"/>
      <c r="AM5649" s="99"/>
      <c r="AN5649" s="99"/>
      <c r="AO5649" s="99"/>
      <c r="AP5649" s="99"/>
      <c r="AQ5649" s="99"/>
      <c r="AR5649" s="99"/>
      <c r="AS5649" s="99"/>
      <c r="AT5649" s="99"/>
      <c r="AU5649" s="99"/>
      <c r="AV5649" s="99"/>
      <c r="AW5649" s="99"/>
      <c r="AX5649" s="99"/>
      <c r="AY5649" s="99"/>
      <c r="AZ5649" s="99"/>
      <c r="BA5649" s="99"/>
      <c r="BB5649" s="107">
        <v>45884</v>
      </c>
    </row>
    <row r="5650" spans="1:54" s="8" customFormat="1" ht="14.1" customHeight="1" x14ac:dyDescent="0.25">
      <c r="A5650" s="219" t="s">
        <v>13146</v>
      </c>
      <c r="B5650" s="220" t="s">
        <v>12745</v>
      </c>
      <c r="C5650" s="98" t="s">
        <v>13147</v>
      </c>
      <c r="D5650" s="98" t="s">
        <v>20142</v>
      </c>
      <c r="E5650" s="141">
        <v>2003</v>
      </c>
      <c r="F5650" s="141">
        <v>1960</v>
      </c>
      <c r="G5650" s="98" t="s">
        <v>1</v>
      </c>
      <c r="H5650" s="98">
        <v>0</v>
      </c>
      <c r="I5650" s="98">
        <v>0</v>
      </c>
      <c r="J5650" s="98">
        <v>1</v>
      </c>
      <c r="K5650" s="98">
        <v>1</v>
      </c>
      <c r="L5650" s="98">
        <v>1</v>
      </c>
      <c r="M5650" s="98">
        <v>1</v>
      </c>
      <c r="N5650" s="98">
        <v>0</v>
      </c>
      <c r="O5650" s="98">
        <v>0</v>
      </c>
      <c r="P5650" s="98">
        <v>0</v>
      </c>
      <c r="Q5650" s="98">
        <v>0</v>
      </c>
      <c r="R5650" s="98">
        <v>0</v>
      </c>
      <c r="S5650" s="98">
        <v>0</v>
      </c>
      <c r="T5650" s="98">
        <v>0</v>
      </c>
      <c r="U5650" s="99"/>
      <c r="V5650" s="99"/>
      <c r="W5650" s="99"/>
      <c r="X5650" s="99"/>
      <c r="Y5650" s="99"/>
      <c r="Z5650" s="99"/>
      <c r="AA5650" s="99"/>
      <c r="AB5650" s="99"/>
      <c r="AC5650" s="99"/>
      <c r="AD5650" s="99"/>
      <c r="AE5650" s="99"/>
      <c r="AF5650" s="99"/>
      <c r="AG5650" s="99"/>
      <c r="AH5650" s="99"/>
      <c r="AI5650" s="99"/>
      <c r="AJ5650" s="99"/>
      <c r="AK5650" s="99"/>
      <c r="AL5650" s="99"/>
      <c r="AM5650" s="99"/>
      <c r="AN5650" s="99"/>
      <c r="AO5650" s="99"/>
      <c r="AP5650" s="99"/>
      <c r="AQ5650" s="99"/>
      <c r="AR5650" s="99"/>
      <c r="AS5650" s="99"/>
      <c r="AT5650" s="99"/>
      <c r="AU5650" s="99"/>
      <c r="AV5650" s="99"/>
      <c r="AW5650" s="99"/>
      <c r="AX5650" s="99"/>
      <c r="AY5650" s="99"/>
      <c r="AZ5650" s="99"/>
      <c r="BA5650" s="99"/>
      <c r="BB5650" s="107">
        <v>45884</v>
      </c>
    </row>
    <row r="5651" spans="1:54" s="8" customFormat="1" ht="14.1" customHeight="1" x14ac:dyDescent="0.25">
      <c r="A5651" s="219" t="s">
        <v>13148</v>
      </c>
      <c r="B5651" s="220" t="s">
        <v>12745</v>
      </c>
      <c r="C5651" s="98" t="s">
        <v>13149</v>
      </c>
      <c r="D5651" s="98" t="s">
        <v>20143</v>
      </c>
      <c r="E5651" s="141">
        <v>1995</v>
      </c>
      <c r="F5651" s="141">
        <v>2105</v>
      </c>
      <c r="G5651" s="98" t="s">
        <v>1</v>
      </c>
      <c r="H5651" s="98">
        <v>0</v>
      </c>
      <c r="I5651" s="98">
        <v>0</v>
      </c>
      <c r="J5651" s="98">
        <v>1</v>
      </c>
      <c r="K5651" s="98">
        <v>1</v>
      </c>
      <c r="L5651" s="98">
        <v>1</v>
      </c>
      <c r="M5651" s="98">
        <v>0</v>
      </c>
      <c r="N5651" s="98">
        <v>0</v>
      </c>
      <c r="O5651" s="98">
        <v>0</v>
      </c>
      <c r="P5651" s="98">
        <v>1</v>
      </c>
      <c r="Q5651" s="98">
        <v>0</v>
      </c>
      <c r="R5651" s="98">
        <v>1</v>
      </c>
      <c r="S5651" s="98">
        <v>0</v>
      </c>
      <c r="T5651" s="98">
        <v>0</v>
      </c>
      <c r="U5651" s="99"/>
      <c r="V5651" s="99"/>
      <c r="W5651" s="99"/>
      <c r="X5651" s="99"/>
      <c r="Y5651" s="99"/>
      <c r="Z5651" s="99"/>
      <c r="AA5651" s="99"/>
      <c r="AB5651" s="99"/>
      <c r="AC5651" s="99"/>
      <c r="AD5651" s="99"/>
      <c r="AE5651" s="99"/>
      <c r="AF5651" s="99"/>
      <c r="AG5651" s="99"/>
      <c r="AH5651" s="99"/>
      <c r="AI5651" s="99"/>
      <c r="AJ5651" s="99"/>
      <c r="AK5651" s="99"/>
      <c r="AL5651" s="99"/>
      <c r="AM5651" s="99"/>
      <c r="AN5651" s="99"/>
      <c r="AO5651" s="99"/>
      <c r="AP5651" s="99"/>
      <c r="AQ5651" s="99"/>
      <c r="AR5651" s="99"/>
      <c r="AS5651" s="99"/>
      <c r="AT5651" s="99"/>
      <c r="AU5651" s="99"/>
      <c r="AV5651" s="99"/>
      <c r="AW5651" s="99"/>
      <c r="AX5651" s="99"/>
      <c r="AY5651" s="99"/>
      <c r="AZ5651" s="99"/>
      <c r="BA5651" s="99"/>
      <c r="BB5651" s="107">
        <v>45884</v>
      </c>
    </row>
    <row r="5652" spans="1:54" s="8" customFormat="1" ht="14.1" customHeight="1" x14ac:dyDescent="0.25">
      <c r="A5652" s="219" t="s">
        <v>13150</v>
      </c>
      <c r="B5652" s="220" t="s">
        <v>12745</v>
      </c>
      <c r="C5652" s="98" t="s">
        <v>13151</v>
      </c>
      <c r="D5652" s="98" t="s">
        <v>20144</v>
      </c>
      <c r="E5652" s="141">
        <v>1999</v>
      </c>
      <c r="F5652" s="141">
        <v>2115</v>
      </c>
      <c r="G5652" s="98" t="s">
        <v>1</v>
      </c>
      <c r="H5652" s="98">
        <v>0</v>
      </c>
      <c r="I5652" s="98">
        <v>0</v>
      </c>
      <c r="J5652" s="98">
        <v>1</v>
      </c>
      <c r="K5652" s="98">
        <v>0</v>
      </c>
      <c r="L5652" s="98">
        <v>0</v>
      </c>
      <c r="M5652" s="98">
        <v>1</v>
      </c>
      <c r="N5652" s="98">
        <v>0</v>
      </c>
      <c r="O5652" s="98">
        <v>0</v>
      </c>
      <c r="P5652" s="98">
        <v>0</v>
      </c>
      <c r="Q5652" s="98">
        <v>0</v>
      </c>
      <c r="R5652" s="98">
        <v>0</v>
      </c>
      <c r="S5652" s="98">
        <v>0</v>
      </c>
      <c r="T5652" s="98">
        <v>0</v>
      </c>
      <c r="U5652" s="99"/>
      <c r="V5652" s="99"/>
      <c r="W5652" s="99"/>
      <c r="X5652" s="99"/>
      <c r="Y5652" s="99"/>
      <c r="Z5652" s="99"/>
      <c r="AA5652" s="99"/>
      <c r="AB5652" s="99"/>
      <c r="AC5652" s="99"/>
      <c r="AD5652" s="99"/>
      <c r="AE5652" s="99"/>
      <c r="AF5652" s="99"/>
      <c r="AG5652" s="99"/>
      <c r="AH5652" s="99"/>
      <c r="AI5652" s="99"/>
      <c r="AJ5652" s="99"/>
      <c r="AK5652" s="99"/>
      <c r="AL5652" s="99"/>
      <c r="AM5652" s="99"/>
      <c r="AN5652" s="99"/>
      <c r="AO5652" s="99"/>
      <c r="AP5652" s="99"/>
      <c r="AQ5652" s="99"/>
      <c r="AR5652" s="99"/>
      <c r="AS5652" s="99"/>
      <c r="AT5652" s="99"/>
      <c r="AU5652" s="99"/>
      <c r="AV5652" s="99"/>
      <c r="AW5652" s="99"/>
      <c r="AX5652" s="99"/>
      <c r="AY5652" s="99"/>
      <c r="AZ5652" s="99"/>
      <c r="BA5652" s="99"/>
      <c r="BB5652" s="107">
        <v>45884</v>
      </c>
    </row>
    <row r="5653" spans="1:54" s="8" customFormat="1" ht="14.1" customHeight="1" x14ac:dyDescent="0.25">
      <c r="A5653" s="219" t="s">
        <v>13152</v>
      </c>
      <c r="B5653" s="220" t="s">
        <v>12745</v>
      </c>
      <c r="C5653" s="98" t="s">
        <v>13153</v>
      </c>
      <c r="D5653" s="98" t="s">
        <v>20145</v>
      </c>
      <c r="E5653" s="141">
        <v>1976</v>
      </c>
      <c r="F5653" s="141">
        <v>2353</v>
      </c>
      <c r="G5653" s="98" t="s">
        <v>1</v>
      </c>
      <c r="H5653" s="98">
        <v>0</v>
      </c>
      <c r="I5653" s="98">
        <v>0</v>
      </c>
      <c r="J5653" s="98">
        <v>1</v>
      </c>
      <c r="K5653" s="98">
        <v>0</v>
      </c>
      <c r="L5653" s="98">
        <v>1</v>
      </c>
      <c r="M5653" s="98">
        <v>0</v>
      </c>
      <c r="N5653" s="98">
        <v>0</v>
      </c>
      <c r="O5653" s="98">
        <v>1</v>
      </c>
      <c r="P5653" s="98">
        <v>1</v>
      </c>
      <c r="Q5653" s="98">
        <v>1</v>
      </c>
      <c r="R5653" s="98">
        <v>1</v>
      </c>
      <c r="S5653" s="98">
        <v>1</v>
      </c>
      <c r="T5653" s="98">
        <v>0</v>
      </c>
      <c r="U5653" s="99"/>
      <c r="V5653" s="99"/>
      <c r="W5653" s="99"/>
      <c r="X5653" s="99"/>
      <c r="Y5653" s="99"/>
      <c r="Z5653" s="99"/>
      <c r="AA5653" s="99"/>
      <c r="AB5653" s="99"/>
      <c r="AC5653" s="99"/>
      <c r="AD5653" s="99"/>
      <c r="AE5653" s="99"/>
      <c r="AF5653" s="99"/>
      <c r="AG5653" s="99"/>
      <c r="AH5653" s="99"/>
      <c r="AI5653" s="99"/>
      <c r="AJ5653" s="99"/>
      <c r="AK5653" s="99"/>
      <c r="AL5653" s="99"/>
      <c r="AM5653" s="99"/>
      <c r="AN5653" s="99"/>
      <c r="AO5653" s="99"/>
      <c r="AP5653" s="99"/>
      <c r="AQ5653" s="99"/>
      <c r="AR5653" s="99"/>
      <c r="AS5653" s="99"/>
      <c r="AT5653" s="99"/>
      <c r="AU5653" s="99"/>
      <c r="AV5653" s="99"/>
      <c r="AW5653" s="99"/>
      <c r="AX5653" s="99"/>
      <c r="AY5653" s="99"/>
      <c r="AZ5653" s="99"/>
      <c r="BA5653" s="99"/>
      <c r="BB5653" s="107">
        <v>45884</v>
      </c>
    </row>
    <row r="5654" spans="1:54" s="8" customFormat="1" ht="14.1" customHeight="1" x14ac:dyDescent="0.25">
      <c r="A5654" s="219" t="s">
        <v>13154</v>
      </c>
      <c r="B5654" s="220" t="s">
        <v>12745</v>
      </c>
      <c r="C5654" s="98" t="s">
        <v>13155</v>
      </c>
      <c r="D5654" s="98" t="s">
        <v>20146</v>
      </c>
      <c r="E5654" s="141">
        <v>1993</v>
      </c>
      <c r="F5654" s="141">
        <v>2358</v>
      </c>
      <c r="G5654" s="98" t="s">
        <v>1</v>
      </c>
      <c r="H5654" s="98">
        <v>0</v>
      </c>
      <c r="I5654" s="98">
        <v>0</v>
      </c>
      <c r="J5654" s="98">
        <v>1</v>
      </c>
      <c r="K5654" s="98">
        <v>0</v>
      </c>
      <c r="L5654" s="98">
        <v>1</v>
      </c>
      <c r="M5654" s="98">
        <v>1</v>
      </c>
      <c r="N5654" s="98">
        <v>0</v>
      </c>
      <c r="O5654" s="98">
        <v>0</v>
      </c>
      <c r="P5654" s="98">
        <v>0</v>
      </c>
      <c r="Q5654" s="98">
        <v>0</v>
      </c>
      <c r="R5654" s="98">
        <v>0</v>
      </c>
      <c r="S5654" s="98">
        <v>0</v>
      </c>
      <c r="T5654" s="98">
        <v>0</v>
      </c>
      <c r="U5654" s="99"/>
      <c r="V5654" s="99"/>
      <c r="W5654" s="99"/>
      <c r="X5654" s="99"/>
      <c r="Y5654" s="99"/>
      <c r="Z5654" s="99"/>
      <c r="AA5654" s="99"/>
      <c r="AB5654" s="99"/>
      <c r="AC5654" s="99"/>
      <c r="AD5654" s="99"/>
      <c r="AE5654" s="99"/>
      <c r="AF5654" s="99"/>
      <c r="AG5654" s="99"/>
      <c r="AH5654" s="99"/>
      <c r="AI5654" s="99"/>
      <c r="AJ5654" s="99"/>
      <c r="AK5654" s="99"/>
      <c r="AL5654" s="99"/>
      <c r="AM5654" s="99"/>
      <c r="AN5654" s="99"/>
      <c r="AO5654" s="99"/>
      <c r="AP5654" s="99"/>
      <c r="AQ5654" s="99"/>
      <c r="AR5654" s="99"/>
      <c r="AS5654" s="99"/>
      <c r="AT5654" s="99"/>
      <c r="AU5654" s="99"/>
      <c r="AV5654" s="99"/>
      <c r="AW5654" s="99"/>
      <c r="AX5654" s="99"/>
      <c r="AY5654" s="99"/>
      <c r="AZ5654" s="99"/>
      <c r="BA5654" s="99"/>
      <c r="BB5654" s="107">
        <v>45884</v>
      </c>
    </row>
    <row r="5655" spans="1:54" s="8" customFormat="1" ht="14.1" customHeight="1" x14ac:dyDescent="0.25">
      <c r="A5655" s="219" t="s">
        <v>13156</v>
      </c>
      <c r="B5655" s="220" t="s">
        <v>12745</v>
      </c>
      <c r="C5655" s="98" t="s">
        <v>13157</v>
      </c>
      <c r="D5655" s="98" t="s">
        <v>20147</v>
      </c>
      <c r="E5655" s="141">
        <v>1998</v>
      </c>
      <c r="F5655" s="141">
        <v>2366</v>
      </c>
      <c r="G5655" s="98" t="s">
        <v>1</v>
      </c>
      <c r="H5655" s="98">
        <v>0</v>
      </c>
      <c r="I5655" s="98">
        <v>0</v>
      </c>
      <c r="J5655" s="98">
        <v>1</v>
      </c>
      <c r="K5655" s="98">
        <v>0</v>
      </c>
      <c r="L5655" s="98">
        <v>1</v>
      </c>
      <c r="M5655" s="98">
        <v>1</v>
      </c>
      <c r="N5655" s="98">
        <v>0</v>
      </c>
      <c r="O5655" s="98">
        <v>0</v>
      </c>
      <c r="P5655" s="98">
        <v>0</v>
      </c>
      <c r="Q5655" s="98">
        <v>0</v>
      </c>
      <c r="R5655" s="98">
        <v>0</v>
      </c>
      <c r="S5655" s="98">
        <v>0</v>
      </c>
      <c r="T5655" s="98">
        <v>0</v>
      </c>
      <c r="U5655" s="99"/>
      <c r="V5655" s="99"/>
      <c r="W5655" s="99"/>
      <c r="X5655" s="99"/>
      <c r="Y5655" s="99"/>
      <c r="Z5655" s="99"/>
      <c r="AA5655" s="99"/>
      <c r="AB5655" s="99"/>
      <c r="AC5655" s="99"/>
      <c r="AD5655" s="99"/>
      <c r="AE5655" s="99"/>
      <c r="AF5655" s="99"/>
      <c r="AG5655" s="99"/>
      <c r="AH5655" s="99"/>
      <c r="AI5655" s="99"/>
      <c r="AJ5655" s="99"/>
      <c r="AK5655" s="99"/>
      <c r="AL5655" s="99"/>
      <c r="AM5655" s="99"/>
      <c r="AN5655" s="99"/>
      <c r="AO5655" s="99"/>
      <c r="AP5655" s="99"/>
      <c r="AQ5655" s="99"/>
      <c r="AR5655" s="99"/>
      <c r="AS5655" s="99"/>
      <c r="AT5655" s="99"/>
      <c r="AU5655" s="99"/>
      <c r="AV5655" s="99"/>
      <c r="AW5655" s="99"/>
      <c r="AX5655" s="99"/>
      <c r="AY5655" s="99"/>
      <c r="AZ5655" s="99"/>
      <c r="BA5655" s="98" t="s">
        <v>8819</v>
      </c>
      <c r="BB5655" s="107">
        <v>45884</v>
      </c>
    </row>
    <row r="5656" spans="1:54" s="8" customFormat="1" ht="14.1" customHeight="1" x14ac:dyDescent="0.25">
      <c r="A5656" s="219" t="s">
        <v>13158</v>
      </c>
      <c r="B5656" s="220" t="s">
        <v>12745</v>
      </c>
      <c r="C5656" s="98" t="s">
        <v>13159</v>
      </c>
      <c r="D5656" s="98" t="s">
        <v>20148</v>
      </c>
      <c r="E5656" s="141">
        <v>1979</v>
      </c>
      <c r="F5656" s="141">
        <v>2367</v>
      </c>
      <c r="G5656" s="98" t="s">
        <v>1</v>
      </c>
      <c r="H5656" s="98">
        <v>0</v>
      </c>
      <c r="I5656" s="98">
        <v>0</v>
      </c>
      <c r="J5656" s="98">
        <v>1</v>
      </c>
      <c r="K5656" s="98">
        <v>0</v>
      </c>
      <c r="L5656" s="98">
        <v>0</v>
      </c>
      <c r="M5656" s="98">
        <v>0</v>
      </c>
      <c r="N5656" s="98">
        <v>0</v>
      </c>
      <c r="O5656" s="98">
        <v>0</v>
      </c>
      <c r="P5656" s="98">
        <v>0</v>
      </c>
      <c r="Q5656" s="98">
        <v>0</v>
      </c>
      <c r="R5656" s="98">
        <v>0</v>
      </c>
      <c r="S5656" s="98">
        <v>0</v>
      </c>
      <c r="T5656" s="98">
        <v>0</v>
      </c>
      <c r="U5656" s="99"/>
      <c r="V5656" s="99"/>
      <c r="W5656" s="99"/>
      <c r="X5656" s="99"/>
      <c r="Y5656" s="99"/>
      <c r="Z5656" s="99"/>
      <c r="AA5656" s="99"/>
      <c r="AB5656" s="99"/>
      <c r="AC5656" s="99"/>
      <c r="AD5656" s="99"/>
      <c r="AE5656" s="99"/>
      <c r="AF5656" s="99"/>
      <c r="AG5656" s="99"/>
      <c r="AH5656" s="99"/>
      <c r="AI5656" s="99"/>
      <c r="AJ5656" s="99"/>
      <c r="AK5656" s="99"/>
      <c r="AL5656" s="99"/>
      <c r="AM5656" s="99"/>
      <c r="AN5656" s="99"/>
      <c r="AO5656" s="99"/>
      <c r="AP5656" s="99"/>
      <c r="AQ5656" s="99"/>
      <c r="AR5656" s="99"/>
      <c r="AS5656" s="99"/>
      <c r="AT5656" s="99"/>
      <c r="AU5656" s="99"/>
      <c r="AV5656" s="99"/>
      <c r="AW5656" s="99"/>
      <c r="AX5656" s="99"/>
      <c r="AY5656" s="99"/>
      <c r="AZ5656" s="99"/>
      <c r="BA5656" s="99"/>
      <c r="BB5656" s="107">
        <v>45884</v>
      </c>
    </row>
    <row r="5657" spans="1:54" s="8" customFormat="1" ht="14.1" customHeight="1" x14ac:dyDescent="0.25">
      <c r="A5657" s="219" t="s">
        <v>13160</v>
      </c>
      <c r="B5657" s="220" t="s">
        <v>12745</v>
      </c>
      <c r="C5657" s="98" t="s">
        <v>13161</v>
      </c>
      <c r="D5657" s="98" t="s">
        <v>20149</v>
      </c>
      <c r="E5657" s="141">
        <v>1978</v>
      </c>
      <c r="F5657" s="141">
        <v>2369</v>
      </c>
      <c r="G5657" s="98" t="s">
        <v>1</v>
      </c>
      <c r="H5657" s="98">
        <v>1</v>
      </c>
      <c r="I5657" s="98">
        <v>0</v>
      </c>
      <c r="J5657" s="98">
        <v>1</v>
      </c>
      <c r="K5657" s="98">
        <v>0</v>
      </c>
      <c r="L5657" s="98">
        <v>1</v>
      </c>
      <c r="M5657" s="98">
        <v>0</v>
      </c>
      <c r="N5657" s="98">
        <v>0</v>
      </c>
      <c r="O5657" s="98">
        <v>1</v>
      </c>
      <c r="P5657" s="98">
        <v>1</v>
      </c>
      <c r="Q5657" s="98">
        <v>0</v>
      </c>
      <c r="R5657" s="98">
        <v>0</v>
      </c>
      <c r="S5657" s="98">
        <v>0</v>
      </c>
      <c r="T5657" s="98">
        <v>0</v>
      </c>
      <c r="U5657" s="99"/>
      <c r="V5657" s="99"/>
      <c r="W5657" s="99"/>
      <c r="X5657" s="99"/>
      <c r="Y5657" s="99"/>
      <c r="Z5657" s="99"/>
      <c r="AA5657" s="99"/>
      <c r="AB5657" s="99"/>
      <c r="AC5657" s="99"/>
      <c r="AD5657" s="99"/>
      <c r="AE5657" s="99"/>
      <c r="AF5657" s="99"/>
      <c r="AG5657" s="99"/>
      <c r="AH5657" s="99"/>
      <c r="AI5657" s="99"/>
      <c r="AJ5657" s="99"/>
      <c r="AK5657" s="99"/>
      <c r="AL5657" s="99"/>
      <c r="AM5657" s="99"/>
      <c r="AN5657" s="99"/>
      <c r="AO5657" s="99"/>
      <c r="AP5657" s="99"/>
      <c r="AQ5657" s="99"/>
      <c r="AR5657" s="99"/>
      <c r="AS5657" s="99"/>
      <c r="AT5657" s="99"/>
      <c r="AU5657" s="99"/>
      <c r="AV5657" s="99"/>
      <c r="AW5657" s="99"/>
      <c r="AX5657" s="99"/>
      <c r="AY5657" s="99"/>
      <c r="AZ5657" s="99"/>
      <c r="BA5657" s="98" t="s">
        <v>8819</v>
      </c>
      <c r="BB5657" s="107">
        <v>45884</v>
      </c>
    </row>
    <row r="5658" spans="1:54" s="8" customFormat="1" ht="14.1" customHeight="1" x14ac:dyDescent="0.25">
      <c r="A5658" s="219" t="s">
        <v>13162</v>
      </c>
      <c r="B5658" s="220" t="s">
        <v>12745</v>
      </c>
      <c r="C5658" s="98" t="s">
        <v>3140</v>
      </c>
      <c r="D5658" s="98" t="s">
        <v>20150</v>
      </c>
      <c r="E5658" s="141">
        <v>1978</v>
      </c>
      <c r="F5658" s="141">
        <v>2427</v>
      </c>
      <c r="G5658" s="98" t="s">
        <v>1</v>
      </c>
      <c r="H5658" s="98">
        <v>0</v>
      </c>
      <c r="I5658" s="98">
        <v>0</v>
      </c>
      <c r="J5658" s="98">
        <v>0</v>
      </c>
      <c r="K5658" s="98">
        <v>0</v>
      </c>
      <c r="L5658" s="98">
        <v>0</v>
      </c>
      <c r="M5658" s="98">
        <v>0</v>
      </c>
      <c r="N5658" s="98">
        <v>0</v>
      </c>
      <c r="O5658" s="98">
        <v>1</v>
      </c>
      <c r="P5658" s="98">
        <v>0</v>
      </c>
      <c r="Q5658" s="98">
        <v>0</v>
      </c>
      <c r="R5658" s="98">
        <v>0</v>
      </c>
      <c r="S5658" s="98">
        <v>0</v>
      </c>
      <c r="T5658" s="98">
        <v>0</v>
      </c>
      <c r="U5658" s="99"/>
      <c r="V5658" s="99"/>
      <c r="W5658" s="99"/>
      <c r="X5658" s="99"/>
      <c r="Y5658" s="99"/>
      <c r="Z5658" s="99"/>
      <c r="AA5658" s="99"/>
      <c r="AB5658" s="99"/>
      <c r="AC5658" s="99"/>
      <c r="AD5658" s="99"/>
      <c r="AE5658" s="99"/>
      <c r="AF5658" s="99"/>
      <c r="AG5658" s="99"/>
      <c r="AH5658" s="99"/>
      <c r="AI5658" s="99"/>
      <c r="AJ5658" s="99"/>
      <c r="AK5658" s="99"/>
      <c r="AL5658" s="99"/>
      <c r="AM5658" s="99"/>
      <c r="AN5658" s="99"/>
      <c r="AO5658" s="99"/>
      <c r="AP5658" s="99"/>
      <c r="AQ5658" s="99"/>
      <c r="AR5658" s="99"/>
      <c r="AS5658" s="99"/>
      <c r="AT5658" s="99"/>
      <c r="AU5658" s="99"/>
      <c r="AV5658" s="99"/>
      <c r="AW5658" s="99"/>
      <c r="AX5658" s="99"/>
      <c r="AY5658" s="99"/>
      <c r="AZ5658" s="99"/>
      <c r="BA5658" s="99"/>
      <c r="BB5658" s="107">
        <v>45884</v>
      </c>
    </row>
    <row r="5659" spans="1:54" s="8" customFormat="1" ht="14.1" customHeight="1" x14ac:dyDescent="0.25">
      <c r="A5659" s="219" t="s">
        <v>13163</v>
      </c>
      <c r="B5659" s="220" t="s">
        <v>12745</v>
      </c>
      <c r="C5659" s="98" t="s">
        <v>13164</v>
      </c>
      <c r="D5659" s="98" t="s">
        <v>20151</v>
      </c>
      <c r="E5659" s="141">
        <v>1979</v>
      </c>
      <c r="F5659" s="141">
        <v>2561</v>
      </c>
      <c r="G5659" s="98" t="s">
        <v>1</v>
      </c>
      <c r="H5659" s="98">
        <v>0</v>
      </c>
      <c r="I5659" s="98">
        <v>0</v>
      </c>
      <c r="J5659" s="98">
        <v>0</v>
      </c>
      <c r="K5659" s="98">
        <v>0</v>
      </c>
      <c r="L5659" s="98">
        <v>0</v>
      </c>
      <c r="M5659" s="98">
        <v>1</v>
      </c>
      <c r="N5659" s="98">
        <v>0</v>
      </c>
      <c r="O5659" s="98">
        <v>0</v>
      </c>
      <c r="P5659" s="98">
        <v>0</v>
      </c>
      <c r="Q5659" s="98">
        <v>0</v>
      </c>
      <c r="R5659" s="98">
        <v>0</v>
      </c>
      <c r="S5659" s="98">
        <v>0</v>
      </c>
      <c r="T5659" s="98">
        <v>0</v>
      </c>
      <c r="U5659" s="99"/>
      <c r="V5659" s="99"/>
      <c r="W5659" s="99"/>
      <c r="X5659" s="99"/>
      <c r="Y5659" s="99"/>
      <c r="Z5659" s="99"/>
      <c r="AA5659" s="99"/>
      <c r="AB5659" s="99"/>
      <c r="AC5659" s="99"/>
      <c r="AD5659" s="99"/>
      <c r="AE5659" s="99"/>
      <c r="AF5659" s="99"/>
      <c r="AG5659" s="99"/>
      <c r="AH5659" s="99"/>
      <c r="AI5659" s="99"/>
      <c r="AJ5659" s="99"/>
      <c r="AK5659" s="99"/>
      <c r="AL5659" s="99"/>
      <c r="AM5659" s="99"/>
      <c r="AN5659" s="99"/>
      <c r="AO5659" s="99"/>
      <c r="AP5659" s="99"/>
      <c r="AQ5659" s="99"/>
      <c r="AR5659" s="99"/>
      <c r="AS5659" s="99"/>
      <c r="AT5659" s="99"/>
      <c r="AU5659" s="99"/>
      <c r="AV5659" s="99"/>
      <c r="AW5659" s="99"/>
      <c r="AX5659" s="99"/>
      <c r="AY5659" s="99"/>
      <c r="AZ5659" s="99"/>
      <c r="BA5659" s="99"/>
      <c r="BB5659" s="107">
        <v>45884</v>
      </c>
    </row>
    <row r="5660" spans="1:54" s="8" customFormat="1" ht="14.1" customHeight="1" x14ac:dyDescent="0.25">
      <c r="A5660" s="219" t="s">
        <v>13165</v>
      </c>
      <c r="B5660" s="220" t="s">
        <v>12745</v>
      </c>
      <c r="C5660" s="98" t="s">
        <v>13166</v>
      </c>
      <c r="D5660" s="98" t="s">
        <v>20152</v>
      </c>
      <c r="E5660" s="141">
        <v>1981</v>
      </c>
      <c r="F5660" s="141">
        <v>2625</v>
      </c>
      <c r="G5660" s="98" t="s">
        <v>1</v>
      </c>
      <c r="H5660" s="98">
        <v>0</v>
      </c>
      <c r="I5660" s="98">
        <v>0</v>
      </c>
      <c r="J5660" s="98">
        <v>1</v>
      </c>
      <c r="K5660" s="98">
        <v>0</v>
      </c>
      <c r="L5660" s="98">
        <v>0</v>
      </c>
      <c r="M5660" s="98">
        <v>0</v>
      </c>
      <c r="N5660" s="98">
        <v>0</v>
      </c>
      <c r="O5660" s="98">
        <v>1</v>
      </c>
      <c r="P5660" s="98">
        <v>1</v>
      </c>
      <c r="Q5660" s="98">
        <v>0</v>
      </c>
      <c r="R5660" s="98">
        <v>0</v>
      </c>
      <c r="S5660" s="98">
        <v>0</v>
      </c>
      <c r="T5660" s="98">
        <v>0</v>
      </c>
      <c r="U5660" s="99"/>
      <c r="V5660" s="99"/>
      <c r="W5660" s="99"/>
      <c r="X5660" s="99"/>
      <c r="Y5660" s="99"/>
      <c r="Z5660" s="99"/>
      <c r="AA5660" s="99"/>
      <c r="AB5660" s="99"/>
      <c r="AC5660" s="99"/>
      <c r="AD5660" s="99"/>
      <c r="AE5660" s="99"/>
      <c r="AF5660" s="99"/>
      <c r="AG5660" s="99"/>
      <c r="AH5660" s="99"/>
      <c r="AI5660" s="99"/>
      <c r="AJ5660" s="99"/>
      <c r="AK5660" s="99"/>
      <c r="AL5660" s="99"/>
      <c r="AM5660" s="99"/>
      <c r="AN5660" s="99"/>
      <c r="AO5660" s="99"/>
      <c r="AP5660" s="99"/>
      <c r="AQ5660" s="99"/>
      <c r="AR5660" s="99"/>
      <c r="AS5660" s="99"/>
      <c r="AT5660" s="99"/>
      <c r="AU5660" s="99"/>
      <c r="AV5660" s="99"/>
      <c r="AW5660" s="99"/>
      <c r="AX5660" s="99"/>
      <c r="AY5660" s="99"/>
      <c r="AZ5660" s="99"/>
      <c r="BA5660" s="99"/>
      <c r="BB5660" s="107">
        <v>45884</v>
      </c>
    </row>
    <row r="5661" spans="1:54" s="8" customFormat="1" ht="14.1" customHeight="1" x14ac:dyDescent="0.25">
      <c r="A5661" s="219" t="s">
        <v>13167</v>
      </c>
      <c r="B5661" s="220" t="s">
        <v>12745</v>
      </c>
      <c r="C5661" s="98" t="s">
        <v>13168</v>
      </c>
      <c r="D5661" s="98" t="s">
        <v>20153</v>
      </c>
      <c r="E5661" s="141">
        <v>1983</v>
      </c>
      <c r="F5661" s="141">
        <v>2649</v>
      </c>
      <c r="G5661" s="98" t="s">
        <v>1</v>
      </c>
      <c r="H5661" s="98">
        <v>0</v>
      </c>
      <c r="I5661" s="98">
        <v>0</v>
      </c>
      <c r="J5661" s="98">
        <v>1</v>
      </c>
      <c r="K5661" s="98">
        <v>0</v>
      </c>
      <c r="L5661" s="98">
        <v>0</v>
      </c>
      <c r="M5661" s="98">
        <v>0</v>
      </c>
      <c r="N5661" s="98">
        <v>0</v>
      </c>
      <c r="O5661" s="98">
        <v>1</v>
      </c>
      <c r="P5661" s="98">
        <v>0</v>
      </c>
      <c r="Q5661" s="98">
        <v>0</v>
      </c>
      <c r="R5661" s="98">
        <v>1</v>
      </c>
      <c r="S5661" s="98">
        <v>0</v>
      </c>
      <c r="T5661" s="98">
        <v>0</v>
      </c>
      <c r="U5661" s="99"/>
      <c r="V5661" s="99"/>
      <c r="W5661" s="99"/>
      <c r="X5661" s="99"/>
      <c r="Y5661" s="99"/>
      <c r="Z5661" s="99"/>
      <c r="AA5661" s="99"/>
      <c r="AB5661" s="99"/>
      <c r="AC5661" s="99"/>
      <c r="AD5661" s="99"/>
      <c r="AE5661" s="99"/>
      <c r="AF5661" s="99"/>
      <c r="AG5661" s="99"/>
      <c r="AH5661" s="99"/>
      <c r="AI5661" s="99"/>
      <c r="AJ5661" s="99"/>
      <c r="AK5661" s="99"/>
      <c r="AL5661" s="99"/>
      <c r="AM5661" s="99"/>
      <c r="AN5661" s="99"/>
      <c r="AO5661" s="99"/>
      <c r="AP5661" s="99"/>
      <c r="AQ5661" s="99"/>
      <c r="AR5661" s="99"/>
      <c r="AS5661" s="99"/>
      <c r="AT5661" s="99"/>
      <c r="AU5661" s="99"/>
      <c r="AV5661" s="99"/>
      <c r="AW5661" s="99"/>
      <c r="AX5661" s="99"/>
      <c r="AY5661" s="99"/>
      <c r="AZ5661" s="99"/>
      <c r="BA5661" s="99"/>
      <c r="BB5661" s="107">
        <v>45884</v>
      </c>
    </row>
    <row r="5662" spans="1:54" s="8" customFormat="1" ht="14.1" customHeight="1" x14ac:dyDescent="0.25">
      <c r="A5662" s="219" t="s">
        <v>13169</v>
      </c>
      <c r="B5662" s="220" t="s">
        <v>12745</v>
      </c>
      <c r="C5662" s="98" t="s">
        <v>13170</v>
      </c>
      <c r="D5662" s="98" t="s">
        <v>20154</v>
      </c>
      <c r="E5662" s="141">
        <v>1980</v>
      </c>
      <c r="F5662" s="141">
        <v>3380</v>
      </c>
      <c r="G5662" s="98" t="s">
        <v>1</v>
      </c>
      <c r="H5662" s="98">
        <v>0</v>
      </c>
      <c r="I5662" s="98">
        <v>0</v>
      </c>
      <c r="J5662" s="98">
        <v>1</v>
      </c>
      <c r="K5662" s="98">
        <v>0</v>
      </c>
      <c r="L5662" s="98">
        <v>0</v>
      </c>
      <c r="M5662" s="98">
        <v>0</v>
      </c>
      <c r="N5662" s="98">
        <v>1</v>
      </c>
      <c r="O5662" s="98">
        <v>0</v>
      </c>
      <c r="P5662" s="98">
        <v>1</v>
      </c>
      <c r="Q5662" s="98">
        <v>0</v>
      </c>
      <c r="R5662" s="98">
        <v>0</v>
      </c>
      <c r="S5662" s="98">
        <v>0</v>
      </c>
      <c r="T5662" s="98">
        <v>0</v>
      </c>
      <c r="U5662" s="99"/>
      <c r="V5662" s="99"/>
      <c r="W5662" s="99"/>
      <c r="X5662" s="99"/>
      <c r="Y5662" s="99"/>
      <c r="Z5662" s="99"/>
      <c r="AA5662" s="99"/>
      <c r="AB5662" s="99"/>
      <c r="AC5662" s="99"/>
      <c r="AD5662" s="99"/>
      <c r="AE5662" s="99"/>
      <c r="AF5662" s="99"/>
      <c r="AG5662" s="99"/>
      <c r="AH5662" s="99"/>
      <c r="AI5662" s="99"/>
      <c r="AJ5662" s="99"/>
      <c r="AK5662" s="99"/>
      <c r="AL5662" s="99"/>
      <c r="AM5662" s="99"/>
      <c r="AN5662" s="99"/>
      <c r="AO5662" s="99"/>
      <c r="AP5662" s="99"/>
      <c r="AQ5662" s="99"/>
      <c r="AR5662" s="99"/>
      <c r="AS5662" s="99"/>
      <c r="AT5662" s="99"/>
      <c r="AU5662" s="99"/>
      <c r="AV5662" s="99"/>
      <c r="AW5662" s="99"/>
      <c r="AX5662" s="99"/>
      <c r="AY5662" s="99"/>
      <c r="AZ5662" s="99"/>
      <c r="BA5662" s="98" t="s">
        <v>8819</v>
      </c>
      <c r="BB5662" s="107">
        <v>45884</v>
      </c>
    </row>
    <row r="5663" spans="1:54" s="8" customFormat="1" ht="14.1" customHeight="1" x14ac:dyDescent="0.25">
      <c r="A5663" s="219" t="s">
        <v>13171</v>
      </c>
      <c r="B5663" s="220" t="s">
        <v>12745</v>
      </c>
      <c r="C5663" s="98" t="s">
        <v>13172</v>
      </c>
      <c r="D5663" s="98" t="s">
        <v>20155</v>
      </c>
      <c r="E5663" s="141">
        <v>1982</v>
      </c>
      <c r="F5663" s="141">
        <v>3432</v>
      </c>
      <c r="G5663" s="98" t="s">
        <v>1</v>
      </c>
      <c r="H5663" s="98">
        <v>0</v>
      </c>
      <c r="I5663" s="98">
        <v>0</v>
      </c>
      <c r="J5663" s="98">
        <v>1</v>
      </c>
      <c r="K5663" s="98">
        <v>1</v>
      </c>
      <c r="L5663" s="98">
        <v>0</v>
      </c>
      <c r="M5663" s="98">
        <v>0</v>
      </c>
      <c r="N5663" s="98">
        <v>0</v>
      </c>
      <c r="O5663" s="98">
        <v>1</v>
      </c>
      <c r="P5663" s="98">
        <v>1</v>
      </c>
      <c r="Q5663" s="98">
        <v>0</v>
      </c>
      <c r="R5663" s="98">
        <v>1</v>
      </c>
      <c r="S5663" s="98">
        <v>0</v>
      </c>
      <c r="T5663" s="98">
        <v>0</v>
      </c>
      <c r="U5663" s="99"/>
      <c r="V5663" s="99"/>
      <c r="W5663" s="99"/>
      <c r="X5663" s="99"/>
      <c r="Y5663" s="99"/>
      <c r="Z5663" s="99"/>
      <c r="AA5663" s="99"/>
      <c r="AB5663" s="99"/>
      <c r="AC5663" s="99"/>
      <c r="AD5663" s="99"/>
      <c r="AE5663" s="99"/>
      <c r="AF5663" s="99"/>
      <c r="AG5663" s="99"/>
      <c r="AH5663" s="99"/>
      <c r="AI5663" s="99"/>
      <c r="AJ5663" s="99"/>
      <c r="AK5663" s="99"/>
      <c r="AL5663" s="99"/>
      <c r="AM5663" s="99"/>
      <c r="AN5663" s="99"/>
      <c r="AO5663" s="99"/>
      <c r="AP5663" s="99"/>
      <c r="AQ5663" s="99"/>
      <c r="AR5663" s="99"/>
      <c r="AS5663" s="99"/>
      <c r="AT5663" s="99"/>
      <c r="AU5663" s="99"/>
      <c r="AV5663" s="99"/>
      <c r="AW5663" s="99"/>
      <c r="AX5663" s="99"/>
      <c r="AY5663" s="99"/>
      <c r="AZ5663" s="99"/>
      <c r="BA5663" s="98" t="s">
        <v>13173</v>
      </c>
      <c r="BB5663" s="107">
        <v>45884</v>
      </c>
    </row>
    <row r="5664" spans="1:54" s="8" customFormat="1" ht="14.1" customHeight="1" x14ac:dyDescent="0.25">
      <c r="A5664" s="219" t="s">
        <v>13174</v>
      </c>
      <c r="B5664" s="220" t="s">
        <v>12745</v>
      </c>
      <c r="C5664" s="98" t="s">
        <v>13175</v>
      </c>
      <c r="D5664" s="98" t="s">
        <v>20156</v>
      </c>
      <c r="E5664" s="141">
        <v>1979</v>
      </c>
      <c r="F5664" s="141">
        <v>3581</v>
      </c>
      <c r="G5664" s="98" t="s">
        <v>1</v>
      </c>
      <c r="H5664" s="98">
        <v>0</v>
      </c>
      <c r="I5664" s="98">
        <v>0</v>
      </c>
      <c r="J5664" s="98">
        <v>1</v>
      </c>
      <c r="K5664" s="98">
        <v>1</v>
      </c>
      <c r="L5664" s="98">
        <v>1</v>
      </c>
      <c r="M5664" s="98">
        <v>0</v>
      </c>
      <c r="N5664" s="98">
        <v>0</v>
      </c>
      <c r="O5664" s="98">
        <v>1</v>
      </c>
      <c r="P5664" s="98">
        <v>1</v>
      </c>
      <c r="Q5664" s="98">
        <v>1</v>
      </c>
      <c r="R5664" s="98">
        <v>1</v>
      </c>
      <c r="S5664" s="98">
        <v>0</v>
      </c>
      <c r="T5664" s="98">
        <v>0</v>
      </c>
      <c r="U5664" s="99"/>
      <c r="V5664" s="99"/>
      <c r="W5664" s="99"/>
      <c r="X5664" s="99"/>
      <c r="Y5664" s="99"/>
      <c r="Z5664" s="99"/>
      <c r="AA5664" s="99"/>
      <c r="AB5664" s="99"/>
      <c r="AC5664" s="99"/>
      <c r="AD5664" s="99"/>
      <c r="AE5664" s="99"/>
      <c r="AF5664" s="99"/>
      <c r="AG5664" s="99"/>
      <c r="AH5664" s="99"/>
      <c r="AI5664" s="99"/>
      <c r="AJ5664" s="99"/>
      <c r="AK5664" s="99"/>
      <c r="AL5664" s="99"/>
      <c r="AM5664" s="99"/>
      <c r="AN5664" s="99"/>
      <c r="AO5664" s="99"/>
      <c r="AP5664" s="99"/>
      <c r="AQ5664" s="99"/>
      <c r="AR5664" s="99"/>
      <c r="AS5664" s="99"/>
      <c r="AT5664" s="99"/>
      <c r="AU5664" s="99"/>
      <c r="AV5664" s="99"/>
      <c r="AW5664" s="99"/>
      <c r="AX5664" s="99"/>
      <c r="AY5664" s="99"/>
      <c r="AZ5664" s="99"/>
      <c r="BA5664" s="99"/>
      <c r="BB5664" s="107">
        <v>45884</v>
      </c>
    </row>
    <row r="5665" spans="1:54" s="8" customFormat="1" ht="14.1" customHeight="1" x14ac:dyDescent="0.25">
      <c r="A5665" s="219" t="s">
        <v>13176</v>
      </c>
      <c r="B5665" s="220" t="s">
        <v>12745</v>
      </c>
      <c r="C5665" s="98" t="s">
        <v>13177</v>
      </c>
      <c r="D5665" s="98" t="s">
        <v>20157</v>
      </c>
      <c r="E5665" s="141">
        <v>1976</v>
      </c>
      <c r="F5665" s="141">
        <v>3660</v>
      </c>
      <c r="G5665" s="98" t="s">
        <v>1</v>
      </c>
      <c r="H5665" s="98">
        <v>0</v>
      </c>
      <c r="I5665" s="98">
        <v>0</v>
      </c>
      <c r="J5665" s="98">
        <v>1</v>
      </c>
      <c r="K5665" s="98">
        <v>0</v>
      </c>
      <c r="L5665" s="98">
        <v>1</v>
      </c>
      <c r="M5665" s="98">
        <v>0</v>
      </c>
      <c r="N5665" s="98">
        <v>0</v>
      </c>
      <c r="O5665" s="98">
        <v>0</v>
      </c>
      <c r="P5665" s="98">
        <v>0</v>
      </c>
      <c r="Q5665" s="98">
        <v>0</v>
      </c>
      <c r="R5665" s="98">
        <v>1</v>
      </c>
      <c r="S5665" s="98">
        <v>0</v>
      </c>
      <c r="T5665" s="98">
        <v>0</v>
      </c>
      <c r="U5665" s="99"/>
      <c r="V5665" s="99"/>
      <c r="W5665" s="99"/>
      <c r="X5665" s="99"/>
      <c r="Y5665" s="99"/>
      <c r="Z5665" s="99"/>
      <c r="AA5665" s="99"/>
      <c r="AB5665" s="99"/>
      <c r="AC5665" s="99"/>
      <c r="AD5665" s="99"/>
      <c r="AE5665" s="99"/>
      <c r="AF5665" s="99"/>
      <c r="AG5665" s="99"/>
      <c r="AH5665" s="99"/>
      <c r="AI5665" s="99"/>
      <c r="AJ5665" s="99"/>
      <c r="AK5665" s="99"/>
      <c r="AL5665" s="99"/>
      <c r="AM5665" s="99"/>
      <c r="AN5665" s="99"/>
      <c r="AO5665" s="99"/>
      <c r="AP5665" s="99"/>
      <c r="AQ5665" s="99"/>
      <c r="AR5665" s="99"/>
      <c r="AS5665" s="99"/>
      <c r="AT5665" s="99"/>
      <c r="AU5665" s="99"/>
      <c r="AV5665" s="99"/>
      <c r="AW5665" s="99"/>
      <c r="AX5665" s="99"/>
      <c r="AY5665" s="99"/>
      <c r="AZ5665" s="99"/>
      <c r="BA5665" s="99"/>
      <c r="BB5665" s="107">
        <v>45884</v>
      </c>
    </row>
    <row r="5666" spans="1:54" s="8" customFormat="1" ht="14.1" customHeight="1" x14ac:dyDescent="0.25">
      <c r="A5666" s="219" t="s">
        <v>13178</v>
      </c>
      <c r="B5666" s="220" t="s">
        <v>12745</v>
      </c>
      <c r="C5666" s="98" t="s">
        <v>13179</v>
      </c>
      <c r="D5666" s="98" t="s">
        <v>20158</v>
      </c>
      <c r="E5666" s="141">
        <v>1981</v>
      </c>
      <c r="F5666" s="141">
        <v>4220</v>
      </c>
      <c r="G5666" s="98" t="s">
        <v>1</v>
      </c>
      <c r="H5666" s="98">
        <v>0</v>
      </c>
      <c r="I5666" s="98">
        <v>0</v>
      </c>
      <c r="J5666" s="98">
        <v>1</v>
      </c>
      <c r="K5666" s="98">
        <v>0</v>
      </c>
      <c r="L5666" s="98">
        <v>1</v>
      </c>
      <c r="M5666" s="98">
        <v>0</v>
      </c>
      <c r="N5666" s="98">
        <v>0</v>
      </c>
      <c r="O5666" s="98">
        <v>1</v>
      </c>
      <c r="P5666" s="98">
        <v>1</v>
      </c>
      <c r="Q5666" s="98">
        <v>0</v>
      </c>
      <c r="R5666" s="98">
        <v>0</v>
      </c>
      <c r="S5666" s="98">
        <v>0</v>
      </c>
      <c r="T5666" s="98">
        <v>0</v>
      </c>
      <c r="U5666" s="99"/>
      <c r="V5666" s="99"/>
      <c r="W5666" s="99"/>
      <c r="X5666" s="99"/>
      <c r="Y5666" s="99"/>
      <c r="Z5666" s="99"/>
      <c r="AA5666" s="99"/>
      <c r="AB5666" s="99"/>
      <c r="AC5666" s="99"/>
      <c r="AD5666" s="99"/>
      <c r="AE5666" s="99"/>
      <c r="AF5666" s="99"/>
      <c r="AG5666" s="99"/>
      <c r="AH5666" s="99"/>
      <c r="AI5666" s="99"/>
      <c r="AJ5666" s="99"/>
      <c r="AK5666" s="99"/>
      <c r="AL5666" s="99"/>
      <c r="AM5666" s="99"/>
      <c r="AN5666" s="99"/>
      <c r="AO5666" s="99"/>
      <c r="AP5666" s="99"/>
      <c r="AQ5666" s="99"/>
      <c r="AR5666" s="99"/>
      <c r="AS5666" s="99"/>
      <c r="AT5666" s="99"/>
      <c r="AU5666" s="99"/>
      <c r="AV5666" s="99"/>
      <c r="AW5666" s="99"/>
      <c r="AX5666" s="99"/>
      <c r="AY5666" s="99"/>
      <c r="AZ5666" s="99"/>
      <c r="BA5666" s="99"/>
      <c r="BB5666" s="107">
        <v>45884</v>
      </c>
    </row>
    <row r="5667" spans="1:54" s="8" customFormat="1" ht="14.1" customHeight="1" x14ac:dyDescent="0.25">
      <c r="A5667" s="219" t="s">
        <v>13180</v>
      </c>
      <c r="B5667" s="220" t="s">
        <v>12745</v>
      </c>
      <c r="C5667" s="98" t="s">
        <v>13181</v>
      </c>
      <c r="D5667" s="98" t="s">
        <v>20159</v>
      </c>
      <c r="E5667" s="141">
        <v>1976</v>
      </c>
      <c r="F5667" s="141">
        <v>5190</v>
      </c>
      <c r="G5667" s="98" t="s">
        <v>1</v>
      </c>
      <c r="H5667" s="98">
        <v>0</v>
      </c>
      <c r="I5667" s="98">
        <v>0</v>
      </c>
      <c r="J5667" s="98">
        <v>1</v>
      </c>
      <c r="K5667" s="98">
        <v>0</v>
      </c>
      <c r="L5667" s="98">
        <v>1</v>
      </c>
      <c r="M5667" s="98">
        <v>0</v>
      </c>
      <c r="N5667" s="98">
        <v>1</v>
      </c>
      <c r="O5667" s="98">
        <v>0</v>
      </c>
      <c r="P5667" s="98">
        <v>0</v>
      </c>
      <c r="Q5667" s="98">
        <v>0</v>
      </c>
      <c r="R5667" s="98">
        <v>1</v>
      </c>
      <c r="S5667" s="98">
        <v>0</v>
      </c>
      <c r="T5667" s="98">
        <v>0</v>
      </c>
      <c r="U5667" s="99"/>
      <c r="V5667" s="99"/>
      <c r="W5667" s="99"/>
      <c r="X5667" s="99"/>
      <c r="Y5667" s="99"/>
      <c r="Z5667" s="99"/>
      <c r="AA5667" s="99"/>
      <c r="AB5667" s="99"/>
      <c r="AC5667" s="99"/>
      <c r="AD5667" s="99"/>
      <c r="AE5667" s="99"/>
      <c r="AF5667" s="99"/>
      <c r="AG5667" s="99"/>
      <c r="AH5667" s="99"/>
      <c r="AI5667" s="99"/>
      <c r="AJ5667" s="99"/>
      <c r="AK5667" s="99"/>
      <c r="AL5667" s="99"/>
      <c r="AM5667" s="99"/>
      <c r="AN5667" s="99"/>
      <c r="AO5667" s="99"/>
      <c r="AP5667" s="99"/>
      <c r="AQ5667" s="99"/>
      <c r="AR5667" s="99"/>
      <c r="AS5667" s="99"/>
      <c r="AT5667" s="99"/>
      <c r="AU5667" s="99"/>
      <c r="AV5667" s="99"/>
      <c r="AW5667" s="99"/>
      <c r="AX5667" s="99"/>
      <c r="AY5667" s="99"/>
      <c r="AZ5667" s="99"/>
      <c r="BA5667" s="99"/>
      <c r="BB5667" s="107">
        <v>45884</v>
      </c>
    </row>
    <row r="5668" spans="1:54" s="8" customFormat="1" ht="14.1" customHeight="1" x14ac:dyDescent="0.25">
      <c r="A5668" s="219" t="s">
        <v>13182</v>
      </c>
      <c r="B5668" s="220" t="s">
        <v>12745</v>
      </c>
      <c r="C5668" s="98" t="s">
        <v>13183</v>
      </c>
      <c r="D5668" s="98" t="s">
        <v>20160</v>
      </c>
      <c r="E5668" s="141">
        <v>1991</v>
      </c>
      <c r="F5668" s="141">
        <v>5282</v>
      </c>
      <c r="G5668" s="98" t="s">
        <v>1</v>
      </c>
      <c r="H5668" s="98">
        <v>0</v>
      </c>
      <c r="I5668" s="98">
        <v>0</v>
      </c>
      <c r="J5668" s="98">
        <v>1</v>
      </c>
      <c r="K5668" s="98">
        <v>1</v>
      </c>
      <c r="L5668" s="98">
        <v>1</v>
      </c>
      <c r="M5668" s="98">
        <v>1</v>
      </c>
      <c r="N5668" s="98">
        <v>1</v>
      </c>
      <c r="O5668" s="98">
        <v>0</v>
      </c>
      <c r="P5668" s="98">
        <v>0</v>
      </c>
      <c r="Q5668" s="98">
        <v>0</v>
      </c>
      <c r="R5668" s="98">
        <v>0</v>
      </c>
      <c r="S5668" s="98">
        <v>0</v>
      </c>
      <c r="T5668" s="98">
        <v>0</v>
      </c>
      <c r="U5668" s="99"/>
      <c r="V5668" s="99"/>
      <c r="W5668" s="99"/>
      <c r="X5668" s="99"/>
      <c r="Y5668" s="99"/>
      <c r="Z5668" s="99"/>
      <c r="AA5668" s="99"/>
      <c r="AB5668" s="99"/>
      <c r="AC5668" s="99"/>
      <c r="AD5668" s="99"/>
      <c r="AE5668" s="99"/>
      <c r="AF5668" s="99"/>
      <c r="AG5668" s="99"/>
      <c r="AH5668" s="99"/>
      <c r="AI5668" s="99"/>
      <c r="AJ5668" s="99"/>
      <c r="AK5668" s="99"/>
      <c r="AL5668" s="99"/>
      <c r="AM5668" s="99"/>
      <c r="AN5668" s="99"/>
      <c r="AO5668" s="99"/>
      <c r="AP5668" s="99"/>
      <c r="AQ5668" s="99"/>
      <c r="AR5668" s="99"/>
      <c r="AS5668" s="99"/>
      <c r="AT5668" s="99"/>
      <c r="AU5668" s="99"/>
      <c r="AV5668" s="99"/>
      <c r="AW5668" s="99"/>
      <c r="AX5668" s="99"/>
      <c r="AY5668" s="99"/>
      <c r="AZ5668" s="99"/>
      <c r="BA5668" s="99"/>
      <c r="BB5668" s="107">
        <v>45884</v>
      </c>
    </row>
    <row r="5669" spans="1:54" s="8" customFormat="1" ht="14.1" customHeight="1" x14ac:dyDescent="0.25">
      <c r="A5669" s="219" t="s">
        <v>13184</v>
      </c>
      <c r="B5669" s="220" t="s">
        <v>12745</v>
      </c>
      <c r="C5669" s="98" t="s">
        <v>13185</v>
      </c>
      <c r="D5669" s="98" t="s">
        <v>20161</v>
      </c>
      <c r="E5669" s="141">
        <v>1982</v>
      </c>
      <c r="F5669" s="141">
        <v>6011</v>
      </c>
      <c r="G5669" s="98" t="s">
        <v>1</v>
      </c>
      <c r="H5669" s="98">
        <v>0</v>
      </c>
      <c r="I5669" s="98">
        <v>0</v>
      </c>
      <c r="J5669" s="98">
        <v>1</v>
      </c>
      <c r="K5669" s="98">
        <v>0</v>
      </c>
      <c r="L5669" s="98">
        <v>0</v>
      </c>
      <c r="M5669" s="98">
        <v>0</v>
      </c>
      <c r="N5669" s="98">
        <v>0</v>
      </c>
      <c r="O5669" s="98">
        <v>1</v>
      </c>
      <c r="P5669" s="98">
        <v>0</v>
      </c>
      <c r="Q5669" s="98">
        <v>1</v>
      </c>
      <c r="R5669" s="98">
        <v>0</v>
      </c>
      <c r="S5669" s="98">
        <v>0</v>
      </c>
      <c r="T5669" s="98">
        <v>0</v>
      </c>
      <c r="U5669" s="99"/>
      <c r="V5669" s="99"/>
      <c r="W5669" s="99"/>
      <c r="X5669" s="99"/>
      <c r="Y5669" s="99"/>
      <c r="Z5669" s="99"/>
      <c r="AA5669" s="99"/>
      <c r="AB5669" s="99"/>
      <c r="AC5669" s="99"/>
      <c r="AD5669" s="99"/>
      <c r="AE5669" s="99"/>
      <c r="AF5669" s="99"/>
      <c r="AG5669" s="99"/>
      <c r="AH5669" s="99"/>
      <c r="AI5669" s="99"/>
      <c r="AJ5669" s="99"/>
      <c r="AK5669" s="99"/>
      <c r="AL5669" s="99"/>
      <c r="AM5669" s="99"/>
      <c r="AN5669" s="99"/>
      <c r="AO5669" s="99"/>
      <c r="AP5669" s="99"/>
      <c r="AQ5669" s="99"/>
      <c r="AR5669" s="99"/>
      <c r="AS5669" s="99"/>
      <c r="AT5669" s="99"/>
      <c r="AU5669" s="99"/>
      <c r="AV5669" s="99"/>
      <c r="AW5669" s="99"/>
      <c r="AX5669" s="99"/>
      <c r="AY5669" s="99"/>
      <c r="AZ5669" s="99"/>
      <c r="BA5669" s="99"/>
      <c r="BB5669" s="107">
        <v>45884</v>
      </c>
    </row>
    <row r="5670" spans="1:54" s="8" customFormat="1" ht="14.1" customHeight="1" x14ac:dyDescent="0.25">
      <c r="A5670" s="219" t="s">
        <v>13186</v>
      </c>
      <c r="B5670" s="220" t="s">
        <v>12745</v>
      </c>
      <c r="C5670" s="98" t="s">
        <v>13187</v>
      </c>
      <c r="D5670" s="98" t="s">
        <v>20162</v>
      </c>
      <c r="E5670" s="141">
        <v>1976</v>
      </c>
      <c r="F5670" s="141">
        <v>6172</v>
      </c>
      <c r="G5670" s="98" t="s">
        <v>1</v>
      </c>
      <c r="H5670" s="98">
        <v>0</v>
      </c>
      <c r="I5670" s="98">
        <v>0</v>
      </c>
      <c r="J5670" s="98">
        <v>1</v>
      </c>
      <c r="K5670" s="98">
        <v>0</v>
      </c>
      <c r="L5670" s="98">
        <v>1</v>
      </c>
      <c r="M5670" s="98">
        <v>0</v>
      </c>
      <c r="N5670" s="98">
        <v>0</v>
      </c>
      <c r="O5670" s="98">
        <v>1</v>
      </c>
      <c r="P5670" s="98">
        <v>0</v>
      </c>
      <c r="Q5670" s="98">
        <v>1</v>
      </c>
      <c r="R5670" s="98">
        <v>0</v>
      </c>
      <c r="S5670" s="98">
        <v>0</v>
      </c>
      <c r="T5670" s="98">
        <v>0</v>
      </c>
      <c r="U5670" s="99"/>
      <c r="V5670" s="99"/>
      <c r="W5670" s="99"/>
      <c r="X5670" s="99"/>
      <c r="Y5670" s="99"/>
      <c r="Z5670" s="99"/>
      <c r="AA5670" s="99"/>
      <c r="AB5670" s="99"/>
      <c r="AC5670" s="99"/>
      <c r="AD5670" s="99"/>
      <c r="AE5670" s="99"/>
      <c r="AF5670" s="99"/>
      <c r="AG5670" s="99"/>
      <c r="AH5670" s="99"/>
      <c r="AI5670" s="99"/>
      <c r="AJ5670" s="99"/>
      <c r="AK5670" s="99"/>
      <c r="AL5670" s="99"/>
      <c r="AM5670" s="99"/>
      <c r="AN5670" s="99"/>
      <c r="AO5670" s="99"/>
      <c r="AP5670" s="99"/>
      <c r="AQ5670" s="99"/>
      <c r="AR5670" s="99"/>
      <c r="AS5670" s="99"/>
      <c r="AT5670" s="99"/>
      <c r="AU5670" s="99"/>
      <c r="AV5670" s="99"/>
      <c r="AW5670" s="99"/>
      <c r="AX5670" s="99"/>
      <c r="AY5670" s="99"/>
      <c r="AZ5670" s="99"/>
      <c r="BA5670" s="99"/>
      <c r="BB5670" s="107">
        <v>45884</v>
      </c>
    </row>
    <row r="5671" spans="1:54" s="8" customFormat="1" ht="14.1" customHeight="1" x14ac:dyDescent="0.25">
      <c r="A5671" s="219" t="s">
        <v>13188</v>
      </c>
      <c r="B5671" s="220" t="s">
        <v>12745</v>
      </c>
      <c r="C5671" s="98" t="s">
        <v>13189</v>
      </c>
      <c r="D5671" s="98" t="s">
        <v>20163</v>
      </c>
      <c r="E5671" s="141">
        <v>1970</v>
      </c>
      <c r="F5671" s="141">
        <v>100</v>
      </c>
      <c r="G5671" s="98" t="s">
        <v>12</v>
      </c>
      <c r="H5671" s="98">
        <v>0</v>
      </c>
      <c r="I5671" s="98">
        <v>0</v>
      </c>
      <c r="J5671" s="98">
        <v>0</v>
      </c>
      <c r="K5671" s="98">
        <v>0</v>
      </c>
      <c r="L5671" s="98">
        <v>0</v>
      </c>
      <c r="M5671" s="98">
        <v>0</v>
      </c>
      <c r="N5671" s="98">
        <v>0</v>
      </c>
      <c r="O5671" s="98">
        <v>0</v>
      </c>
      <c r="P5671" s="98">
        <v>0</v>
      </c>
      <c r="Q5671" s="98">
        <v>0</v>
      </c>
      <c r="R5671" s="98">
        <v>1</v>
      </c>
      <c r="S5671" s="98">
        <v>0</v>
      </c>
      <c r="T5671" s="98">
        <v>0</v>
      </c>
      <c r="U5671" s="99"/>
      <c r="V5671" s="99"/>
      <c r="W5671" s="99"/>
      <c r="X5671" s="99"/>
      <c r="Y5671" s="99"/>
      <c r="Z5671" s="99"/>
      <c r="AA5671" s="99"/>
      <c r="AB5671" s="99"/>
      <c r="AC5671" s="99"/>
      <c r="AD5671" s="99"/>
      <c r="AE5671" s="99"/>
      <c r="AF5671" s="99"/>
      <c r="AG5671" s="99"/>
      <c r="AH5671" s="99"/>
      <c r="AI5671" s="99"/>
      <c r="AJ5671" s="99"/>
      <c r="AK5671" s="99"/>
      <c r="AL5671" s="99"/>
      <c r="AM5671" s="99"/>
      <c r="AN5671" s="99"/>
      <c r="AO5671" s="99"/>
      <c r="AP5671" s="99"/>
      <c r="AQ5671" s="99"/>
      <c r="AR5671" s="99"/>
      <c r="AS5671" s="99"/>
      <c r="AT5671" s="99"/>
      <c r="AU5671" s="99"/>
      <c r="AV5671" s="99"/>
      <c r="AW5671" s="99"/>
      <c r="AX5671" s="99"/>
      <c r="AY5671" s="99"/>
      <c r="AZ5671" s="99"/>
      <c r="BA5671" s="99"/>
      <c r="BB5671" s="107">
        <v>45884</v>
      </c>
    </row>
    <row r="5672" spans="1:54" s="8" customFormat="1" ht="14.1" customHeight="1" x14ac:dyDescent="0.25">
      <c r="A5672" s="219" t="s">
        <v>13190</v>
      </c>
      <c r="B5672" s="220" t="s">
        <v>12745</v>
      </c>
      <c r="C5672" s="98" t="s">
        <v>13191</v>
      </c>
      <c r="D5672" s="98" t="s">
        <v>20164</v>
      </c>
      <c r="E5672" s="141">
        <v>1968</v>
      </c>
      <c r="F5672" s="141">
        <v>138</v>
      </c>
      <c r="G5672" s="98" t="s">
        <v>12</v>
      </c>
      <c r="H5672" s="98">
        <v>0</v>
      </c>
      <c r="I5672" s="98">
        <v>0</v>
      </c>
      <c r="J5672" s="98">
        <v>0</v>
      </c>
      <c r="K5672" s="98">
        <v>0</v>
      </c>
      <c r="L5672" s="98">
        <v>0</v>
      </c>
      <c r="M5672" s="98">
        <v>0</v>
      </c>
      <c r="N5672" s="98">
        <v>0</v>
      </c>
      <c r="O5672" s="98">
        <v>0</v>
      </c>
      <c r="P5672" s="98">
        <v>1</v>
      </c>
      <c r="Q5672" s="98">
        <v>0</v>
      </c>
      <c r="R5672" s="98">
        <v>0</v>
      </c>
      <c r="S5672" s="98">
        <v>1</v>
      </c>
      <c r="T5672" s="98">
        <v>0</v>
      </c>
      <c r="U5672" s="99"/>
      <c r="V5672" s="99"/>
      <c r="W5672" s="99"/>
      <c r="X5672" s="99"/>
      <c r="Y5672" s="99"/>
      <c r="Z5672" s="99"/>
      <c r="AA5672" s="99"/>
      <c r="AB5672" s="99"/>
      <c r="AC5672" s="99"/>
      <c r="AD5672" s="99"/>
      <c r="AE5672" s="99"/>
      <c r="AF5672" s="99"/>
      <c r="AG5672" s="99"/>
      <c r="AH5672" s="99"/>
      <c r="AI5672" s="99"/>
      <c r="AJ5672" s="99"/>
      <c r="AK5672" s="99"/>
      <c r="AL5672" s="99"/>
      <c r="AM5672" s="99"/>
      <c r="AN5672" s="99"/>
      <c r="AO5672" s="99"/>
      <c r="AP5672" s="99"/>
      <c r="AQ5672" s="99"/>
      <c r="AR5672" s="99"/>
      <c r="AS5672" s="99"/>
      <c r="AT5672" s="99"/>
      <c r="AU5672" s="99"/>
      <c r="AV5672" s="99"/>
      <c r="AW5672" s="99"/>
      <c r="AX5672" s="99"/>
      <c r="AY5672" s="99"/>
      <c r="AZ5672" s="99"/>
      <c r="BA5672" s="99"/>
      <c r="BB5672" s="107">
        <v>45884</v>
      </c>
    </row>
    <row r="5673" spans="1:54" s="8" customFormat="1" ht="14.1" customHeight="1" x14ac:dyDescent="0.25">
      <c r="A5673" s="219" t="s">
        <v>13192</v>
      </c>
      <c r="B5673" s="220" t="s">
        <v>12745</v>
      </c>
      <c r="C5673" s="98" t="s">
        <v>13193</v>
      </c>
      <c r="D5673" s="98" t="s">
        <v>20165</v>
      </c>
      <c r="E5673" s="141">
        <v>1973</v>
      </c>
      <c r="F5673" s="141">
        <v>418</v>
      </c>
      <c r="G5673" s="98" t="s">
        <v>12</v>
      </c>
      <c r="H5673" s="98">
        <v>0</v>
      </c>
      <c r="I5673" s="98">
        <v>0</v>
      </c>
      <c r="J5673" s="98">
        <v>1</v>
      </c>
      <c r="K5673" s="98">
        <v>0</v>
      </c>
      <c r="L5673" s="98">
        <v>1</v>
      </c>
      <c r="M5673" s="98">
        <v>0</v>
      </c>
      <c r="N5673" s="98">
        <v>0</v>
      </c>
      <c r="O5673" s="98">
        <v>0</v>
      </c>
      <c r="P5673" s="98">
        <v>1</v>
      </c>
      <c r="Q5673" s="98">
        <v>0</v>
      </c>
      <c r="R5673" s="98">
        <v>0</v>
      </c>
      <c r="S5673" s="98">
        <v>0</v>
      </c>
      <c r="T5673" s="98">
        <v>0</v>
      </c>
      <c r="U5673" s="99"/>
      <c r="V5673" s="99"/>
      <c r="W5673" s="99"/>
      <c r="X5673" s="99"/>
      <c r="Y5673" s="99"/>
      <c r="Z5673" s="99"/>
      <c r="AA5673" s="99"/>
      <c r="AB5673" s="99"/>
      <c r="AC5673" s="99"/>
      <c r="AD5673" s="99"/>
      <c r="AE5673" s="99"/>
      <c r="AF5673" s="99"/>
      <c r="AG5673" s="99"/>
      <c r="AH5673" s="99"/>
      <c r="AI5673" s="99"/>
      <c r="AJ5673" s="99"/>
      <c r="AK5673" s="99"/>
      <c r="AL5673" s="99"/>
      <c r="AM5673" s="99"/>
      <c r="AN5673" s="99"/>
      <c r="AO5673" s="99"/>
      <c r="AP5673" s="99"/>
      <c r="AQ5673" s="99"/>
      <c r="AR5673" s="99"/>
      <c r="AS5673" s="99"/>
      <c r="AT5673" s="99"/>
      <c r="AU5673" s="99"/>
      <c r="AV5673" s="99"/>
      <c r="AW5673" s="99"/>
      <c r="AX5673" s="99"/>
      <c r="AY5673" s="99"/>
      <c r="AZ5673" s="99"/>
      <c r="BA5673" s="99"/>
      <c r="BB5673" s="107">
        <v>45884</v>
      </c>
    </row>
    <row r="5674" spans="1:54" s="8" customFormat="1" ht="14.1" customHeight="1" x14ac:dyDescent="0.25">
      <c r="A5674" s="219" t="s">
        <v>13194</v>
      </c>
      <c r="B5674" s="220" t="s">
        <v>12745</v>
      </c>
      <c r="C5674" s="98" t="s">
        <v>13195</v>
      </c>
      <c r="D5674" s="98" t="s">
        <v>20166</v>
      </c>
      <c r="E5674" s="141">
        <v>2014</v>
      </c>
      <c r="F5674" s="141">
        <v>204</v>
      </c>
      <c r="G5674" s="98" t="s">
        <v>1</v>
      </c>
      <c r="H5674" s="98">
        <v>0</v>
      </c>
      <c r="I5674" s="98">
        <v>0</v>
      </c>
      <c r="J5674" s="98">
        <v>1</v>
      </c>
      <c r="K5674" s="98">
        <v>1</v>
      </c>
      <c r="L5674" s="98">
        <v>0</v>
      </c>
      <c r="M5674" s="98">
        <v>0</v>
      </c>
      <c r="N5674" s="98">
        <v>0</v>
      </c>
      <c r="O5674" s="98">
        <v>0</v>
      </c>
      <c r="P5674" s="98">
        <v>0</v>
      </c>
      <c r="Q5674" s="98">
        <v>0</v>
      </c>
      <c r="R5674" s="98">
        <v>0</v>
      </c>
      <c r="S5674" s="98">
        <v>0</v>
      </c>
      <c r="T5674" s="98">
        <v>0</v>
      </c>
      <c r="U5674" s="99"/>
      <c r="V5674" s="99"/>
      <c r="W5674" s="99"/>
      <c r="X5674" s="99"/>
      <c r="Y5674" s="99"/>
      <c r="Z5674" s="99"/>
      <c r="AA5674" s="99"/>
      <c r="AB5674" s="99"/>
      <c r="AC5674" s="99"/>
      <c r="AD5674" s="99"/>
      <c r="AE5674" s="99"/>
      <c r="AF5674" s="99"/>
      <c r="AG5674" s="99"/>
      <c r="AH5674" s="99"/>
      <c r="AI5674" s="99"/>
      <c r="AJ5674" s="99"/>
      <c r="AK5674" s="99"/>
      <c r="AL5674" s="99"/>
      <c r="AM5674" s="99"/>
      <c r="AN5674" s="99"/>
      <c r="AO5674" s="99"/>
      <c r="AP5674" s="99"/>
      <c r="AQ5674" s="99"/>
      <c r="AR5674" s="99"/>
      <c r="AS5674" s="99"/>
      <c r="AT5674" s="99"/>
      <c r="AU5674" s="99"/>
      <c r="AV5674" s="99"/>
      <c r="AW5674" s="99"/>
      <c r="AX5674" s="99"/>
      <c r="AY5674" s="99"/>
      <c r="AZ5674" s="99"/>
      <c r="BA5674" s="99"/>
      <c r="BB5674" s="107">
        <v>45884</v>
      </c>
    </row>
    <row r="5675" spans="1:54" s="8" customFormat="1" ht="14.1" customHeight="1" x14ac:dyDescent="0.25">
      <c r="A5675" s="219" t="s">
        <v>13196</v>
      </c>
      <c r="B5675" s="220" t="s">
        <v>12745</v>
      </c>
      <c r="C5675" s="98" t="s">
        <v>13197</v>
      </c>
      <c r="D5675" s="98" t="s">
        <v>20167</v>
      </c>
      <c r="E5675" s="141">
        <v>1966</v>
      </c>
      <c r="F5675" s="141">
        <v>519</v>
      </c>
      <c r="G5675" s="98" t="s">
        <v>12</v>
      </c>
      <c r="H5675" s="98">
        <v>0</v>
      </c>
      <c r="I5675" s="98">
        <v>0</v>
      </c>
      <c r="J5675" s="98">
        <v>1</v>
      </c>
      <c r="K5675" s="98">
        <v>1</v>
      </c>
      <c r="L5675" s="98">
        <v>1</v>
      </c>
      <c r="M5675" s="98">
        <v>1</v>
      </c>
      <c r="N5675" s="98">
        <v>0</v>
      </c>
      <c r="O5675" s="98">
        <v>1</v>
      </c>
      <c r="P5675" s="98">
        <v>0</v>
      </c>
      <c r="Q5675" s="98">
        <v>0</v>
      </c>
      <c r="R5675" s="98">
        <v>0</v>
      </c>
      <c r="S5675" s="98">
        <v>0</v>
      </c>
      <c r="T5675" s="98">
        <v>0</v>
      </c>
      <c r="U5675" s="99"/>
      <c r="V5675" s="99"/>
      <c r="W5675" s="99"/>
      <c r="X5675" s="99"/>
      <c r="Y5675" s="99"/>
      <c r="Z5675" s="99"/>
      <c r="AA5675" s="99"/>
      <c r="AB5675" s="99"/>
      <c r="AC5675" s="99"/>
      <c r="AD5675" s="99"/>
      <c r="AE5675" s="99"/>
      <c r="AF5675" s="99"/>
      <c r="AG5675" s="99"/>
      <c r="AH5675" s="99"/>
      <c r="AI5675" s="99"/>
      <c r="AJ5675" s="99"/>
      <c r="AK5675" s="99"/>
      <c r="AL5675" s="99"/>
      <c r="AM5675" s="99"/>
      <c r="AN5675" s="99"/>
      <c r="AO5675" s="99"/>
      <c r="AP5675" s="99"/>
      <c r="AQ5675" s="99"/>
      <c r="AR5675" s="99"/>
      <c r="AS5675" s="99"/>
      <c r="AT5675" s="99"/>
      <c r="AU5675" s="99"/>
      <c r="AV5675" s="99"/>
      <c r="AW5675" s="99"/>
      <c r="AX5675" s="99"/>
      <c r="AY5675" s="99"/>
      <c r="AZ5675" s="99"/>
      <c r="BA5675" s="98" t="s">
        <v>8819</v>
      </c>
      <c r="BB5675" s="107">
        <v>45884</v>
      </c>
    </row>
    <row r="5676" spans="1:54" s="8" customFormat="1" ht="14.1" customHeight="1" x14ac:dyDescent="0.25">
      <c r="A5676" s="219" t="s">
        <v>13198</v>
      </c>
      <c r="B5676" s="220" t="s">
        <v>12745</v>
      </c>
      <c r="C5676" s="98" t="s">
        <v>13199</v>
      </c>
      <c r="D5676" s="98" t="s">
        <v>20168</v>
      </c>
      <c r="E5676" s="141">
        <v>1968</v>
      </c>
      <c r="F5676" s="141">
        <v>300</v>
      </c>
      <c r="G5676" s="98" t="s">
        <v>12</v>
      </c>
      <c r="H5676" s="98">
        <v>0</v>
      </c>
      <c r="I5676" s="98">
        <v>0</v>
      </c>
      <c r="J5676" s="98">
        <v>0</v>
      </c>
      <c r="K5676" s="98">
        <v>1</v>
      </c>
      <c r="L5676" s="98">
        <v>0</v>
      </c>
      <c r="M5676" s="98">
        <v>0</v>
      </c>
      <c r="N5676" s="98">
        <v>0</v>
      </c>
      <c r="O5676" s="98">
        <v>0</v>
      </c>
      <c r="P5676" s="98">
        <v>0</v>
      </c>
      <c r="Q5676" s="98">
        <v>0</v>
      </c>
      <c r="R5676" s="98">
        <v>0</v>
      </c>
      <c r="S5676" s="98">
        <v>0</v>
      </c>
      <c r="T5676" s="98">
        <v>0</v>
      </c>
      <c r="U5676" s="99"/>
      <c r="V5676" s="99"/>
      <c r="W5676" s="99"/>
      <c r="X5676" s="99"/>
      <c r="Y5676" s="99"/>
      <c r="Z5676" s="99"/>
      <c r="AA5676" s="99"/>
      <c r="AB5676" s="99"/>
      <c r="AC5676" s="99"/>
      <c r="AD5676" s="99"/>
      <c r="AE5676" s="99"/>
      <c r="AF5676" s="99"/>
      <c r="AG5676" s="99"/>
      <c r="AH5676" s="99"/>
      <c r="AI5676" s="99"/>
      <c r="AJ5676" s="99"/>
      <c r="AK5676" s="99"/>
      <c r="AL5676" s="99"/>
      <c r="AM5676" s="99"/>
      <c r="AN5676" s="99"/>
      <c r="AO5676" s="99"/>
      <c r="AP5676" s="99"/>
      <c r="AQ5676" s="99"/>
      <c r="AR5676" s="99"/>
      <c r="AS5676" s="99"/>
      <c r="AT5676" s="99"/>
      <c r="AU5676" s="99"/>
      <c r="AV5676" s="99"/>
      <c r="AW5676" s="99"/>
      <c r="AX5676" s="99"/>
      <c r="AY5676" s="99"/>
      <c r="AZ5676" s="99"/>
      <c r="BA5676" s="99"/>
      <c r="BB5676" s="107">
        <v>45884</v>
      </c>
    </row>
    <row r="5677" spans="1:54" s="8" customFormat="1" ht="14.1" customHeight="1" x14ac:dyDescent="0.25">
      <c r="A5677" s="219" t="s">
        <v>13200</v>
      </c>
      <c r="B5677" s="220" t="s">
        <v>12745</v>
      </c>
      <c r="C5677" s="98" t="s">
        <v>13201</v>
      </c>
      <c r="D5677" s="98" t="s">
        <v>20169</v>
      </c>
      <c r="E5677" s="141">
        <v>1968</v>
      </c>
      <c r="F5677" s="141">
        <v>342</v>
      </c>
      <c r="G5677" s="98" t="s">
        <v>12</v>
      </c>
      <c r="H5677" s="98">
        <v>0</v>
      </c>
      <c r="I5677" s="98">
        <v>0</v>
      </c>
      <c r="J5677" s="98">
        <v>0</v>
      </c>
      <c r="K5677" s="98">
        <v>0</v>
      </c>
      <c r="L5677" s="98">
        <v>1</v>
      </c>
      <c r="M5677" s="98">
        <v>0</v>
      </c>
      <c r="N5677" s="98">
        <v>0</v>
      </c>
      <c r="O5677" s="98">
        <v>1</v>
      </c>
      <c r="P5677" s="98">
        <v>1</v>
      </c>
      <c r="Q5677" s="98">
        <v>0</v>
      </c>
      <c r="R5677" s="98">
        <v>1</v>
      </c>
      <c r="S5677" s="98">
        <v>0</v>
      </c>
      <c r="T5677" s="98">
        <v>0</v>
      </c>
      <c r="U5677" s="99"/>
      <c r="V5677" s="99"/>
      <c r="W5677" s="99"/>
      <c r="X5677" s="99"/>
      <c r="Y5677" s="99"/>
      <c r="Z5677" s="99"/>
      <c r="AA5677" s="99"/>
      <c r="AB5677" s="99"/>
      <c r="AC5677" s="99"/>
      <c r="AD5677" s="99"/>
      <c r="AE5677" s="99"/>
      <c r="AF5677" s="99"/>
      <c r="AG5677" s="99"/>
      <c r="AH5677" s="99"/>
      <c r="AI5677" s="99"/>
      <c r="AJ5677" s="99"/>
      <c r="AK5677" s="99"/>
      <c r="AL5677" s="99"/>
      <c r="AM5677" s="99"/>
      <c r="AN5677" s="99"/>
      <c r="AO5677" s="99"/>
      <c r="AP5677" s="99"/>
      <c r="AQ5677" s="99"/>
      <c r="AR5677" s="99"/>
      <c r="AS5677" s="99"/>
      <c r="AT5677" s="99"/>
      <c r="AU5677" s="99"/>
      <c r="AV5677" s="99"/>
      <c r="AW5677" s="99"/>
      <c r="AX5677" s="99"/>
      <c r="AY5677" s="99"/>
      <c r="AZ5677" s="99"/>
      <c r="BA5677" s="99"/>
      <c r="BB5677" s="107">
        <v>45884</v>
      </c>
    </row>
    <row r="5678" spans="1:54" s="8" customFormat="1" ht="14.1" customHeight="1" x14ac:dyDescent="0.25">
      <c r="A5678" s="219" t="s">
        <v>13202</v>
      </c>
      <c r="B5678" s="220" t="s">
        <v>12745</v>
      </c>
      <c r="C5678" s="98" t="s">
        <v>13203</v>
      </c>
      <c r="D5678" s="98" t="s">
        <v>20169</v>
      </c>
      <c r="E5678" s="141">
        <v>1974</v>
      </c>
      <c r="F5678" s="141">
        <v>885</v>
      </c>
      <c r="G5678" s="98" t="s">
        <v>12</v>
      </c>
      <c r="H5678" s="98">
        <v>0</v>
      </c>
      <c r="I5678" s="98">
        <v>0</v>
      </c>
      <c r="J5678" s="98">
        <v>0</v>
      </c>
      <c r="K5678" s="98">
        <v>0</v>
      </c>
      <c r="L5678" s="98">
        <v>0</v>
      </c>
      <c r="M5678" s="98">
        <v>0</v>
      </c>
      <c r="N5678" s="98">
        <v>0</v>
      </c>
      <c r="O5678" s="98">
        <v>0</v>
      </c>
      <c r="P5678" s="98">
        <v>0</v>
      </c>
      <c r="Q5678" s="98">
        <v>0</v>
      </c>
      <c r="R5678" s="98">
        <v>0</v>
      </c>
      <c r="S5678" s="98">
        <v>0</v>
      </c>
      <c r="T5678" s="98">
        <v>0</v>
      </c>
      <c r="U5678" s="99"/>
      <c r="V5678" s="99"/>
      <c r="W5678" s="99"/>
      <c r="X5678" s="99"/>
      <c r="Y5678" s="99"/>
      <c r="Z5678" s="99"/>
      <c r="AA5678" s="99"/>
      <c r="AB5678" s="99"/>
      <c r="AC5678" s="99"/>
      <c r="AD5678" s="99"/>
      <c r="AE5678" s="99"/>
      <c r="AF5678" s="99"/>
      <c r="AG5678" s="99"/>
      <c r="AH5678" s="99"/>
      <c r="AI5678" s="99"/>
      <c r="AJ5678" s="99"/>
      <c r="AK5678" s="99"/>
      <c r="AL5678" s="99"/>
      <c r="AM5678" s="99"/>
      <c r="AN5678" s="99"/>
      <c r="AO5678" s="99"/>
      <c r="AP5678" s="99"/>
      <c r="AQ5678" s="99"/>
      <c r="AR5678" s="99"/>
      <c r="AS5678" s="99"/>
      <c r="AT5678" s="99"/>
      <c r="AU5678" s="99"/>
      <c r="AV5678" s="99"/>
      <c r="AW5678" s="99"/>
      <c r="AX5678" s="99"/>
      <c r="AY5678" s="99"/>
      <c r="AZ5678" s="99"/>
      <c r="BA5678" s="99"/>
      <c r="BB5678" s="107">
        <v>45884</v>
      </c>
    </row>
    <row r="5679" spans="1:54" s="8" customFormat="1" ht="14.1" customHeight="1" x14ac:dyDescent="0.25">
      <c r="A5679" s="219" t="s">
        <v>13204</v>
      </c>
      <c r="B5679" s="220" t="s">
        <v>12745</v>
      </c>
      <c r="C5679" s="98" t="s">
        <v>13205</v>
      </c>
      <c r="D5679" s="98" t="s">
        <v>20170</v>
      </c>
      <c r="E5679" s="141">
        <v>2004</v>
      </c>
      <c r="F5679" s="141">
        <v>774</v>
      </c>
      <c r="G5679" s="98" t="s">
        <v>12</v>
      </c>
      <c r="H5679" s="98">
        <v>0</v>
      </c>
      <c r="I5679" s="98">
        <v>0</v>
      </c>
      <c r="J5679" s="98">
        <v>1</v>
      </c>
      <c r="K5679" s="98">
        <v>0</v>
      </c>
      <c r="L5679" s="98">
        <v>0</v>
      </c>
      <c r="M5679" s="98">
        <v>0</v>
      </c>
      <c r="N5679" s="98">
        <v>0</v>
      </c>
      <c r="O5679" s="98">
        <v>0</v>
      </c>
      <c r="P5679" s="98">
        <v>0</v>
      </c>
      <c r="Q5679" s="98">
        <v>0</v>
      </c>
      <c r="R5679" s="98">
        <v>0</v>
      </c>
      <c r="S5679" s="98">
        <v>0</v>
      </c>
      <c r="T5679" s="98">
        <v>0</v>
      </c>
      <c r="U5679" s="99"/>
      <c r="V5679" s="99"/>
      <c r="W5679" s="99"/>
      <c r="X5679" s="99"/>
      <c r="Y5679" s="99"/>
      <c r="Z5679" s="99"/>
      <c r="AA5679" s="99"/>
      <c r="AB5679" s="99"/>
      <c r="AC5679" s="99"/>
      <c r="AD5679" s="99"/>
      <c r="AE5679" s="99"/>
      <c r="AF5679" s="99"/>
      <c r="AG5679" s="99"/>
      <c r="AH5679" s="99"/>
      <c r="AI5679" s="99"/>
      <c r="AJ5679" s="99"/>
      <c r="AK5679" s="99"/>
      <c r="AL5679" s="99"/>
      <c r="AM5679" s="99"/>
      <c r="AN5679" s="99"/>
      <c r="AO5679" s="99"/>
      <c r="AP5679" s="99"/>
      <c r="AQ5679" s="99"/>
      <c r="AR5679" s="99"/>
      <c r="AS5679" s="99"/>
      <c r="AT5679" s="99"/>
      <c r="AU5679" s="99"/>
      <c r="AV5679" s="99"/>
      <c r="AW5679" s="99"/>
      <c r="AX5679" s="99"/>
      <c r="AY5679" s="99"/>
      <c r="AZ5679" s="99"/>
      <c r="BA5679" s="99"/>
      <c r="BB5679" s="107">
        <v>45884</v>
      </c>
    </row>
    <row r="5680" spans="1:54" s="8" customFormat="1" ht="14.1" customHeight="1" x14ac:dyDescent="0.25">
      <c r="A5680" s="219" t="s">
        <v>13206</v>
      </c>
      <c r="B5680" s="220" t="s">
        <v>12745</v>
      </c>
      <c r="C5680" s="98" t="s">
        <v>13207</v>
      </c>
      <c r="D5680" s="98" t="s">
        <v>20171</v>
      </c>
      <c r="E5680" s="141">
        <v>1979</v>
      </c>
      <c r="F5680" s="141">
        <v>1000</v>
      </c>
      <c r="G5680" s="98" t="s">
        <v>12</v>
      </c>
      <c r="H5680" s="98">
        <v>0</v>
      </c>
      <c r="I5680" s="98">
        <v>0</v>
      </c>
      <c r="J5680" s="98">
        <v>0</v>
      </c>
      <c r="K5680" s="98">
        <v>0</v>
      </c>
      <c r="L5680" s="98">
        <v>0</v>
      </c>
      <c r="M5680" s="98">
        <v>0</v>
      </c>
      <c r="N5680" s="98">
        <v>0</v>
      </c>
      <c r="O5680" s="98">
        <v>0</v>
      </c>
      <c r="P5680" s="98">
        <v>0</v>
      </c>
      <c r="Q5680" s="98">
        <v>0</v>
      </c>
      <c r="R5680" s="98">
        <v>0</v>
      </c>
      <c r="S5680" s="98">
        <v>0</v>
      </c>
      <c r="T5680" s="98">
        <v>0</v>
      </c>
      <c r="U5680" s="99"/>
      <c r="V5680" s="99"/>
      <c r="W5680" s="99"/>
      <c r="X5680" s="99"/>
      <c r="Y5680" s="99"/>
      <c r="Z5680" s="99"/>
      <c r="AA5680" s="99"/>
      <c r="AB5680" s="99"/>
      <c r="AC5680" s="99"/>
      <c r="AD5680" s="99"/>
      <c r="AE5680" s="99"/>
      <c r="AF5680" s="99"/>
      <c r="AG5680" s="99"/>
      <c r="AH5680" s="99"/>
      <c r="AI5680" s="99"/>
      <c r="AJ5680" s="99"/>
      <c r="AK5680" s="99"/>
      <c r="AL5680" s="99"/>
      <c r="AM5680" s="99"/>
      <c r="AN5680" s="99"/>
      <c r="AO5680" s="99"/>
      <c r="AP5680" s="99"/>
      <c r="AQ5680" s="99"/>
      <c r="AR5680" s="99"/>
      <c r="AS5680" s="99"/>
      <c r="AT5680" s="99"/>
      <c r="AU5680" s="99"/>
      <c r="AV5680" s="99"/>
      <c r="AW5680" s="99"/>
      <c r="AX5680" s="99"/>
      <c r="AY5680" s="99"/>
      <c r="AZ5680" s="99"/>
      <c r="BA5680" s="99"/>
      <c r="BB5680" s="107">
        <v>45884</v>
      </c>
    </row>
    <row r="5681" spans="1:54" s="8" customFormat="1" ht="14.1" customHeight="1" x14ac:dyDescent="0.25">
      <c r="A5681" s="219" t="s">
        <v>13208</v>
      </c>
      <c r="B5681" s="220" t="s">
        <v>12745</v>
      </c>
      <c r="C5681" s="98" t="s">
        <v>13209</v>
      </c>
      <c r="D5681" s="98" t="s">
        <v>20172</v>
      </c>
      <c r="E5681" s="141">
        <v>1970</v>
      </c>
      <c r="F5681" s="141">
        <v>554</v>
      </c>
      <c r="G5681" s="98" t="s">
        <v>12</v>
      </c>
      <c r="H5681" s="98">
        <v>0</v>
      </c>
      <c r="I5681" s="98">
        <v>0</v>
      </c>
      <c r="J5681" s="98">
        <v>1</v>
      </c>
      <c r="K5681" s="98">
        <v>0</v>
      </c>
      <c r="L5681" s="98">
        <v>1</v>
      </c>
      <c r="M5681" s="98">
        <v>0</v>
      </c>
      <c r="N5681" s="98">
        <v>0</v>
      </c>
      <c r="O5681" s="98">
        <v>1</v>
      </c>
      <c r="P5681" s="98">
        <v>1</v>
      </c>
      <c r="Q5681" s="98">
        <v>0</v>
      </c>
      <c r="R5681" s="98">
        <v>0</v>
      </c>
      <c r="S5681" s="98">
        <v>0</v>
      </c>
      <c r="T5681" s="98">
        <v>0</v>
      </c>
      <c r="U5681" s="99"/>
      <c r="V5681" s="99"/>
      <c r="W5681" s="99"/>
      <c r="X5681" s="99"/>
      <c r="Y5681" s="99"/>
      <c r="Z5681" s="99"/>
      <c r="AA5681" s="99"/>
      <c r="AB5681" s="99"/>
      <c r="AC5681" s="99"/>
      <c r="AD5681" s="99"/>
      <c r="AE5681" s="99"/>
      <c r="AF5681" s="99"/>
      <c r="AG5681" s="99"/>
      <c r="AH5681" s="99"/>
      <c r="AI5681" s="99"/>
      <c r="AJ5681" s="99"/>
      <c r="AK5681" s="99"/>
      <c r="AL5681" s="99"/>
      <c r="AM5681" s="99"/>
      <c r="AN5681" s="99"/>
      <c r="AO5681" s="99"/>
      <c r="AP5681" s="99"/>
      <c r="AQ5681" s="99"/>
      <c r="AR5681" s="99"/>
      <c r="AS5681" s="99"/>
      <c r="AT5681" s="99"/>
      <c r="AU5681" s="99"/>
      <c r="AV5681" s="99"/>
      <c r="AW5681" s="99"/>
      <c r="AX5681" s="99"/>
      <c r="AY5681" s="99"/>
      <c r="AZ5681" s="99"/>
      <c r="BA5681" s="99"/>
      <c r="BB5681" s="107">
        <v>45884</v>
      </c>
    </row>
    <row r="5682" spans="1:54" s="8" customFormat="1" ht="14.1" customHeight="1" x14ac:dyDescent="0.25">
      <c r="A5682" s="219" t="s">
        <v>13210</v>
      </c>
      <c r="B5682" s="220" t="s">
        <v>12745</v>
      </c>
      <c r="C5682" s="98" t="s">
        <v>13211</v>
      </c>
      <c r="D5682" s="98" t="s">
        <v>20173</v>
      </c>
      <c r="E5682" s="141">
        <v>1981</v>
      </c>
      <c r="F5682" s="141">
        <v>560</v>
      </c>
      <c r="G5682" s="98" t="s">
        <v>12</v>
      </c>
      <c r="H5682" s="98">
        <v>0</v>
      </c>
      <c r="I5682" s="98">
        <v>0</v>
      </c>
      <c r="J5682" s="98">
        <v>0</v>
      </c>
      <c r="K5682" s="98">
        <v>0</v>
      </c>
      <c r="L5682" s="98">
        <v>1</v>
      </c>
      <c r="M5682" s="98">
        <v>0</v>
      </c>
      <c r="N5682" s="98">
        <v>0</v>
      </c>
      <c r="O5682" s="98">
        <v>0</v>
      </c>
      <c r="P5682" s="98">
        <v>0</v>
      </c>
      <c r="Q5682" s="98">
        <v>0</v>
      </c>
      <c r="R5682" s="98">
        <v>1</v>
      </c>
      <c r="S5682" s="98">
        <v>0</v>
      </c>
      <c r="T5682" s="98">
        <v>0</v>
      </c>
      <c r="U5682" s="99"/>
      <c r="V5682" s="99"/>
      <c r="W5682" s="99"/>
      <c r="X5682" s="99"/>
      <c r="Y5682" s="99"/>
      <c r="Z5682" s="99"/>
      <c r="AA5682" s="99"/>
      <c r="AB5682" s="99"/>
      <c r="AC5682" s="99"/>
      <c r="AD5682" s="99"/>
      <c r="AE5682" s="99"/>
      <c r="AF5682" s="99"/>
      <c r="AG5682" s="99"/>
      <c r="AH5682" s="99"/>
      <c r="AI5682" s="99"/>
      <c r="AJ5682" s="99"/>
      <c r="AK5682" s="99"/>
      <c r="AL5682" s="99"/>
      <c r="AM5682" s="99"/>
      <c r="AN5682" s="99"/>
      <c r="AO5682" s="99"/>
      <c r="AP5682" s="99"/>
      <c r="AQ5682" s="99"/>
      <c r="AR5682" s="99"/>
      <c r="AS5682" s="99"/>
      <c r="AT5682" s="99"/>
      <c r="AU5682" s="99"/>
      <c r="AV5682" s="99"/>
      <c r="AW5682" s="99"/>
      <c r="AX5682" s="99"/>
      <c r="AY5682" s="99"/>
      <c r="AZ5682" s="99"/>
      <c r="BA5682" s="99"/>
      <c r="BB5682" s="107">
        <v>45884</v>
      </c>
    </row>
    <row r="5683" spans="1:54" s="8" customFormat="1" ht="14.1" customHeight="1" x14ac:dyDescent="0.25">
      <c r="A5683" s="219" t="s">
        <v>13212</v>
      </c>
      <c r="B5683" s="220" t="s">
        <v>12745</v>
      </c>
      <c r="C5683" s="98" t="s">
        <v>13213</v>
      </c>
      <c r="D5683" s="98" t="s">
        <v>20174</v>
      </c>
      <c r="E5683" s="141">
        <v>1972</v>
      </c>
      <c r="F5683" s="141">
        <v>3323</v>
      </c>
      <c r="G5683" s="98" t="s">
        <v>12</v>
      </c>
      <c r="H5683" s="98">
        <v>1</v>
      </c>
      <c r="I5683" s="98">
        <v>0</v>
      </c>
      <c r="J5683" s="98">
        <v>1</v>
      </c>
      <c r="K5683" s="98">
        <v>0</v>
      </c>
      <c r="L5683" s="98">
        <v>0</v>
      </c>
      <c r="M5683" s="98">
        <v>0</v>
      </c>
      <c r="N5683" s="98">
        <v>0</v>
      </c>
      <c r="O5683" s="98">
        <v>0</v>
      </c>
      <c r="P5683" s="98">
        <v>0</v>
      </c>
      <c r="Q5683" s="98">
        <v>0</v>
      </c>
      <c r="R5683" s="98">
        <v>0</v>
      </c>
      <c r="S5683" s="98">
        <v>0</v>
      </c>
      <c r="T5683" s="98">
        <v>0</v>
      </c>
      <c r="U5683" s="99"/>
      <c r="V5683" s="99"/>
      <c r="W5683" s="99"/>
      <c r="X5683" s="99"/>
      <c r="Y5683" s="99"/>
      <c r="Z5683" s="99"/>
      <c r="AA5683" s="99"/>
      <c r="AB5683" s="99"/>
      <c r="AC5683" s="99"/>
      <c r="AD5683" s="99"/>
      <c r="AE5683" s="99"/>
      <c r="AF5683" s="99"/>
      <c r="AG5683" s="99"/>
      <c r="AH5683" s="99"/>
      <c r="AI5683" s="99"/>
      <c r="AJ5683" s="99"/>
      <c r="AK5683" s="99"/>
      <c r="AL5683" s="99"/>
      <c r="AM5683" s="99"/>
      <c r="AN5683" s="99"/>
      <c r="AO5683" s="99"/>
      <c r="AP5683" s="99"/>
      <c r="AQ5683" s="99"/>
      <c r="AR5683" s="99"/>
      <c r="AS5683" s="99"/>
      <c r="AT5683" s="99"/>
      <c r="AU5683" s="99"/>
      <c r="AV5683" s="99"/>
      <c r="AW5683" s="99"/>
      <c r="AX5683" s="99"/>
      <c r="AY5683" s="99"/>
      <c r="AZ5683" s="99"/>
      <c r="BA5683" s="99"/>
      <c r="BB5683" s="107">
        <v>45884</v>
      </c>
    </row>
    <row r="5684" spans="1:54" s="8" customFormat="1" ht="14.1" customHeight="1" x14ac:dyDescent="0.25">
      <c r="A5684" s="219" t="s">
        <v>13214</v>
      </c>
      <c r="B5684" s="220" t="s">
        <v>12745</v>
      </c>
      <c r="C5684" s="98" t="s">
        <v>13215</v>
      </c>
      <c r="D5684" s="98" t="s">
        <v>20175</v>
      </c>
      <c r="E5684" s="141">
        <v>1980</v>
      </c>
      <c r="F5684" s="141">
        <v>2517</v>
      </c>
      <c r="G5684" s="98" t="s">
        <v>12</v>
      </c>
      <c r="H5684" s="98">
        <v>1</v>
      </c>
      <c r="I5684" s="98">
        <v>0</v>
      </c>
      <c r="J5684" s="98">
        <v>1</v>
      </c>
      <c r="K5684" s="98">
        <v>0</v>
      </c>
      <c r="L5684" s="98">
        <v>0</v>
      </c>
      <c r="M5684" s="98">
        <v>0</v>
      </c>
      <c r="N5684" s="98">
        <v>0</v>
      </c>
      <c r="O5684" s="98">
        <v>0</v>
      </c>
      <c r="P5684" s="98">
        <v>0</v>
      </c>
      <c r="Q5684" s="98">
        <v>0</v>
      </c>
      <c r="R5684" s="98">
        <v>0</v>
      </c>
      <c r="S5684" s="98">
        <v>0</v>
      </c>
      <c r="T5684" s="98">
        <v>0</v>
      </c>
      <c r="U5684" s="99"/>
      <c r="V5684" s="99"/>
      <c r="W5684" s="99"/>
      <c r="X5684" s="99"/>
      <c r="Y5684" s="99"/>
      <c r="Z5684" s="99"/>
      <c r="AA5684" s="98">
        <v>1</v>
      </c>
      <c r="AB5684" s="99"/>
      <c r="AC5684" s="99"/>
      <c r="AD5684" s="99"/>
      <c r="AE5684" s="99"/>
      <c r="AF5684" s="99"/>
      <c r="AG5684" s="99"/>
      <c r="AH5684" s="99"/>
      <c r="AI5684" s="99"/>
      <c r="AJ5684" s="99"/>
      <c r="AK5684" s="99"/>
      <c r="AL5684" s="99"/>
      <c r="AM5684" s="99"/>
      <c r="AN5684" s="99"/>
      <c r="AO5684" s="99"/>
      <c r="AP5684" s="99"/>
      <c r="AQ5684" s="99"/>
      <c r="AR5684" s="99"/>
      <c r="AS5684" s="99"/>
      <c r="AT5684" s="99"/>
      <c r="AU5684" s="99"/>
      <c r="AV5684" s="99"/>
      <c r="AW5684" s="99"/>
      <c r="AX5684" s="99"/>
      <c r="AY5684" s="99"/>
      <c r="AZ5684" s="99"/>
      <c r="BA5684" s="99"/>
      <c r="BB5684" s="107">
        <v>45884</v>
      </c>
    </row>
    <row r="5685" spans="1:54" s="8" customFormat="1" ht="14.1" customHeight="1" x14ac:dyDescent="0.25">
      <c r="A5685" s="219" t="s">
        <v>13216</v>
      </c>
      <c r="B5685" s="220" t="s">
        <v>12745</v>
      </c>
      <c r="C5685" s="98" t="s">
        <v>13217</v>
      </c>
      <c r="D5685" s="98" t="s">
        <v>20176</v>
      </c>
      <c r="E5685" s="141">
        <v>2012</v>
      </c>
      <c r="F5685" s="141">
        <v>224</v>
      </c>
      <c r="G5685" s="98" t="s">
        <v>1</v>
      </c>
      <c r="H5685" s="98">
        <v>0</v>
      </c>
      <c r="I5685" s="98">
        <v>0</v>
      </c>
      <c r="J5685" s="98">
        <v>1</v>
      </c>
      <c r="K5685" s="98">
        <v>0</v>
      </c>
      <c r="L5685" s="98">
        <v>0</v>
      </c>
      <c r="M5685" s="98">
        <v>0</v>
      </c>
      <c r="N5685" s="98">
        <v>0</v>
      </c>
      <c r="O5685" s="98">
        <v>0</v>
      </c>
      <c r="P5685" s="98">
        <v>1</v>
      </c>
      <c r="Q5685" s="98">
        <v>0</v>
      </c>
      <c r="R5685" s="98">
        <v>0</v>
      </c>
      <c r="S5685" s="98">
        <v>0</v>
      </c>
      <c r="T5685" s="98">
        <v>0</v>
      </c>
      <c r="U5685" s="99"/>
      <c r="V5685" s="99"/>
      <c r="W5685" s="99"/>
      <c r="X5685" s="99"/>
      <c r="Y5685" s="99"/>
      <c r="Z5685" s="99"/>
      <c r="AA5685" s="99"/>
      <c r="AB5685" s="99"/>
      <c r="AC5685" s="99"/>
      <c r="AD5685" s="99"/>
      <c r="AE5685" s="99"/>
      <c r="AF5685" s="99"/>
      <c r="AG5685" s="99"/>
      <c r="AH5685" s="99"/>
      <c r="AI5685" s="99"/>
      <c r="AJ5685" s="99"/>
      <c r="AK5685" s="99"/>
      <c r="AL5685" s="99"/>
      <c r="AM5685" s="99"/>
      <c r="AN5685" s="99"/>
      <c r="AO5685" s="99"/>
      <c r="AP5685" s="99"/>
      <c r="AQ5685" s="99"/>
      <c r="AR5685" s="99"/>
      <c r="AS5685" s="99"/>
      <c r="AT5685" s="99"/>
      <c r="AU5685" s="99"/>
      <c r="AV5685" s="99"/>
      <c r="AW5685" s="99"/>
      <c r="AX5685" s="99"/>
      <c r="AY5685" s="99"/>
      <c r="AZ5685" s="99"/>
      <c r="BA5685" s="99"/>
      <c r="BB5685" s="107">
        <v>45884</v>
      </c>
    </row>
    <row r="5686" spans="1:54" s="8" customFormat="1" ht="14.1" customHeight="1" x14ac:dyDescent="0.25">
      <c r="A5686" s="219" t="s">
        <v>13218</v>
      </c>
      <c r="B5686" s="220" t="s">
        <v>12745</v>
      </c>
      <c r="C5686" s="98" t="s">
        <v>13219</v>
      </c>
      <c r="D5686" s="98" t="s">
        <v>20177</v>
      </c>
      <c r="E5686" s="141">
        <v>1974</v>
      </c>
      <c r="F5686" s="141">
        <v>87</v>
      </c>
      <c r="G5686" s="98" t="s">
        <v>12</v>
      </c>
      <c r="H5686" s="98">
        <v>0</v>
      </c>
      <c r="I5686" s="98">
        <v>0</v>
      </c>
      <c r="J5686" s="98">
        <v>1</v>
      </c>
      <c r="K5686" s="98">
        <v>1</v>
      </c>
      <c r="L5686" s="98">
        <v>0</v>
      </c>
      <c r="M5686" s="98">
        <v>0</v>
      </c>
      <c r="N5686" s="98">
        <v>0</v>
      </c>
      <c r="O5686" s="98">
        <v>0</v>
      </c>
      <c r="P5686" s="98">
        <v>1</v>
      </c>
      <c r="Q5686" s="98">
        <v>0</v>
      </c>
      <c r="R5686" s="98">
        <v>0</v>
      </c>
      <c r="S5686" s="98">
        <v>0</v>
      </c>
      <c r="T5686" s="98">
        <v>0</v>
      </c>
      <c r="U5686" s="99"/>
      <c r="V5686" s="99"/>
      <c r="W5686" s="99"/>
      <c r="X5686" s="99"/>
      <c r="Y5686" s="99"/>
      <c r="Z5686" s="99"/>
      <c r="AA5686" s="99"/>
      <c r="AB5686" s="99"/>
      <c r="AC5686" s="99"/>
      <c r="AD5686" s="99"/>
      <c r="AE5686" s="99"/>
      <c r="AF5686" s="99"/>
      <c r="AG5686" s="99"/>
      <c r="AH5686" s="99"/>
      <c r="AI5686" s="99"/>
      <c r="AJ5686" s="99"/>
      <c r="AK5686" s="99"/>
      <c r="AL5686" s="99"/>
      <c r="AM5686" s="99"/>
      <c r="AN5686" s="99"/>
      <c r="AO5686" s="99"/>
      <c r="AP5686" s="99"/>
      <c r="AQ5686" s="99"/>
      <c r="AR5686" s="99"/>
      <c r="AS5686" s="99"/>
      <c r="AT5686" s="99"/>
      <c r="AU5686" s="99"/>
      <c r="AV5686" s="99"/>
      <c r="AW5686" s="99"/>
      <c r="AX5686" s="99"/>
      <c r="AY5686" s="99"/>
      <c r="AZ5686" s="99"/>
      <c r="BA5686" s="99"/>
      <c r="BB5686" s="107">
        <v>45884</v>
      </c>
    </row>
    <row r="5687" spans="1:54" s="8" customFormat="1" ht="14.1" customHeight="1" x14ac:dyDescent="0.25">
      <c r="A5687" s="219" t="s">
        <v>13220</v>
      </c>
      <c r="B5687" s="220" t="s">
        <v>12745</v>
      </c>
      <c r="C5687" s="98" t="s">
        <v>13221</v>
      </c>
      <c r="D5687" s="98" t="s">
        <v>20178</v>
      </c>
      <c r="E5687" s="141">
        <v>1971</v>
      </c>
      <c r="F5687" s="141">
        <v>651</v>
      </c>
      <c r="G5687" s="98" t="s">
        <v>12</v>
      </c>
      <c r="H5687" s="98">
        <v>0</v>
      </c>
      <c r="I5687" s="98">
        <v>0</v>
      </c>
      <c r="J5687" s="98">
        <v>1</v>
      </c>
      <c r="K5687" s="98">
        <v>0</v>
      </c>
      <c r="L5687" s="98">
        <v>1</v>
      </c>
      <c r="M5687" s="98">
        <v>0</v>
      </c>
      <c r="N5687" s="98">
        <v>0</v>
      </c>
      <c r="O5687" s="98">
        <v>1</v>
      </c>
      <c r="P5687" s="98">
        <v>1</v>
      </c>
      <c r="Q5687" s="98">
        <v>1</v>
      </c>
      <c r="R5687" s="98">
        <v>1</v>
      </c>
      <c r="S5687" s="98">
        <v>0</v>
      </c>
      <c r="T5687" s="98">
        <v>0</v>
      </c>
      <c r="U5687" s="99"/>
      <c r="V5687" s="99"/>
      <c r="W5687" s="99"/>
      <c r="X5687" s="99"/>
      <c r="Y5687" s="99"/>
      <c r="Z5687" s="99"/>
      <c r="AA5687" s="99"/>
      <c r="AB5687" s="99"/>
      <c r="AC5687" s="99"/>
      <c r="AD5687" s="99"/>
      <c r="AE5687" s="99"/>
      <c r="AF5687" s="99"/>
      <c r="AG5687" s="99"/>
      <c r="AH5687" s="99"/>
      <c r="AI5687" s="99"/>
      <c r="AJ5687" s="99"/>
      <c r="AK5687" s="99"/>
      <c r="AL5687" s="99"/>
      <c r="AM5687" s="99"/>
      <c r="AN5687" s="99"/>
      <c r="AO5687" s="99"/>
      <c r="AP5687" s="99"/>
      <c r="AQ5687" s="99"/>
      <c r="AR5687" s="99"/>
      <c r="AS5687" s="99"/>
      <c r="AT5687" s="99"/>
      <c r="AU5687" s="99"/>
      <c r="AV5687" s="99"/>
      <c r="AW5687" s="99"/>
      <c r="AX5687" s="99"/>
      <c r="AY5687" s="99"/>
      <c r="AZ5687" s="99"/>
      <c r="BA5687" s="99"/>
      <c r="BB5687" s="107">
        <v>45884</v>
      </c>
    </row>
    <row r="5688" spans="1:54" s="8" customFormat="1" ht="14.1" customHeight="1" x14ac:dyDescent="0.25">
      <c r="A5688" s="219" t="s">
        <v>13222</v>
      </c>
      <c r="B5688" s="220" t="s">
        <v>12745</v>
      </c>
      <c r="C5688" s="98" t="s">
        <v>13223</v>
      </c>
      <c r="D5688" s="98" t="s">
        <v>20179</v>
      </c>
      <c r="E5688" s="141">
        <v>1972</v>
      </c>
      <c r="F5688" s="141">
        <v>552</v>
      </c>
      <c r="G5688" s="98" t="s">
        <v>12</v>
      </c>
      <c r="H5688" s="98">
        <v>0</v>
      </c>
      <c r="I5688" s="98">
        <v>0</v>
      </c>
      <c r="J5688" s="98">
        <v>0</v>
      </c>
      <c r="K5688" s="98">
        <v>0</v>
      </c>
      <c r="L5688" s="98">
        <v>0</v>
      </c>
      <c r="M5688" s="98">
        <v>0</v>
      </c>
      <c r="N5688" s="98">
        <v>0</v>
      </c>
      <c r="O5688" s="98">
        <v>0</v>
      </c>
      <c r="P5688" s="98">
        <v>0</v>
      </c>
      <c r="Q5688" s="98">
        <v>0</v>
      </c>
      <c r="R5688" s="98">
        <v>1</v>
      </c>
      <c r="S5688" s="98">
        <v>1</v>
      </c>
      <c r="T5688" s="98">
        <v>0</v>
      </c>
      <c r="U5688" s="99"/>
      <c r="V5688" s="99"/>
      <c r="W5688" s="99"/>
      <c r="X5688" s="99"/>
      <c r="Y5688" s="99"/>
      <c r="Z5688" s="99"/>
      <c r="AA5688" s="99"/>
      <c r="AB5688" s="99"/>
      <c r="AC5688" s="99"/>
      <c r="AD5688" s="99"/>
      <c r="AE5688" s="99"/>
      <c r="AF5688" s="99"/>
      <c r="AG5688" s="99"/>
      <c r="AH5688" s="99"/>
      <c r="AI5688" s="99"/>
      <c r="AJ5688" s="99"/>
      <c r="AK5688" s="99"/>
      <c r="AL5688" s="99"/>
      <c r="AM5688" s="99"/>
      <c r="AN5688" s="99"/>
      <c r="AO5688" s="99"/>
      <c r="AP5688" s="99"/>
      <c r="AQ5688" s="99"/>
      <c r="AR5688" s="99"/>
      <c r="AS5688" s="99"/>
      <c r="AT5688" s="99"/>
      <c r="AU5688" s="99"/>
      <c r="AV5688" s="99"/>
      <c r="AW5688" s="99"/>
      <c r="AX5688" s="99"/>
      <c r="AY5688" s="99"/>
      <c r="AZ5688" s="99"/>
      <c r="BA5688" s="99"/>
      <c r="BB5688" s="107">
        <v>45884</v>
      </c>
    </row>
    <row r="5689" spans="1:54" s="8" customFormat="1" ht="14.1" customHeight="1" x14ac:dyDescent="0.25">
      <c r="A5689" s="219" t="s">
        <v>13224</v>
      </c>
      <c r="B5689" s="220" t="s">
        <v>12745</v>
      </c>
      <c r="C5689" s="98" t="s">
        <v>13225</v>
      </c>
      <c r="D5689" s="98" t="s">
        <v>20180</v>
      </c>
      <c r="E5689" s="141">
        <v>1954</v>
      </c>
      <c r="F5689" s="141">
        <v>1989</v>
      </c>
      <c r="G5689" s="98" t="s">
        <v>12</v>
      </c>
      <c r="H5689" s="98">
        <v>0</v>
      </c>
      <c r="I5689" s="98">
        <v>0</v>
      </c>
      <c r="J5689" s="98">
        <v>1</v>
      </c>
      <c r="K5689" s="98">
        <v>0</v>
      </c>
      <c r="L5689" s="98">
        <v>0</v>
      </c>
      <c r="M5689" s="98">
        <v>0</v>
      </c>
      <c r="N5689" s="98">
        <v>0</v>
      </c>
      <c r="O5689" s="98">
        <v>0</v>
      </c>
      <c r="P5689" s="98">
        <v>0</v>
      </c>
      <c r="Q5689" s="98">
        <v>0</v>
      </c>
      <c r="R5689" s="98">
        <v>0</v>
      </c>
      <c r="S5689" s="98">
        <v>0</v>
      </c>
      <c r="T5689" s="98">
        <v>0</v>
      </c>
      <c r="U5689" s="99"/>
      <c r="V5689" s="99"/>
      <c r="W5689" s="99"/>
      <c r="X5689" s="99"/>
      <c r="Y5689" s="99"/>
      <c r="Z5689" s="99"/>
      <c r="AA5689" s="99"/>
      <c r="AB5689" s="99"/>
      <c r="AC5689" s="99"/>
      <c r="AD5689" s="99"/>
      <c r="AE5689" s="99"/>
      <c r="AF5689" s="99"/>
      <c r="AG5689" s="99"/>
      <c r="AH5689" s="99"/>
      <c r="AI5689" s="99"/>
      <c r="AJ5689" s="99"/>
      <c r="AK5689" s="99"/>
      <c r="AL5689" s="99"/>
      <c r="AM5689" s="99"/>
      <c r="AN5689" s="99"/>
      <c r="AO5689" s="99"/>
      <c r="AP5689" s="99"/>
      <c r="AQ5689" s="99"/>
      <c r="AR5689" s="99"/>
      <c r="AS5689" s="99"/>
      <c r="AT5689" s="99"/>
      <c r="AU5689" s="99"/>
      <c r="AV5689" s="99"/>
      <c r="AW5689" s="99"/>
      <c r="AX5689" s="99"/>
      <c r="AY5689" s="99"/>
      <c r="AZ5689" s="99"/>
      <c r="BA5689" s="99"/>
      <c r="BB5689" s="107">
        <v>45884</v>
      </c>
    </row>
    <row r="5690" spans="1:54" s="8" customFormat="1" ht="14.1" customHeight="1" x14ac:dyDescent="0.25">
      <c r="A5690" s="219" t="s">
        <v>13226</v>
      </c>
      <c r="B5690" s="220" t="s">
        <v>12745</v>
      </c>
      <c r="C5690" s="98" t="s">
        <v>13227</v>
      </c>
      <c r="D5690" s="98" t="s">
        <v>20181</v>
      </c>
      <c r="E5690" s="141">
        <v>2011</v>
      </c>
      <c r="F5690" s="141">
        <v>885</v>
      </c>
      <c r="G5690" s="98" t="s">
        <v>1</v>
      </c>
      <c r="H5690" s="98">
        <v>0</v>
      </c>
      <c r="I5690" s="98">
        <v>0</v>
      </c>
      <c r="J5690" s="98">
        <v>1</v>
      </c>
      <c r="K5690" s="98">
        <v>0</v>
      </c>
      <c r="L5690" s="98">
        <v>1</v>
      </c>
      <c r="M5690" s="98">
        <v>0</v>
      </c>
      <c r="N5690" s="98">
        <v>0</v>
      </c>
      <c r="O5690" s="98">
        <v>0</v>
      </c>
      <c r="P5690" s="98">
        <v>0</v>
      </c>
      <c r="Q5690" s="98">
        <v>0</v>
      </c>
      <c r="R5690" s="98">
        <v>0</v>
      </c>
      <c r="S5690" s="98">
        <v>0</v>
      </c>
      <c r="T5690" s="98">
        <v>0</v>
      </c>
      <c r="U5690" s="99"/>
      <c r="V5690" s="99"/>
      <c r="W5690" s="99"/>
      <c r="X5690" s="99"/>
      <c r="Y5690" s="99"/>
      <c r="Z5690" s="99"/>
      <c r="AA5690" s="99"/>
      <c r="AB5690" s="99"/>
      <c r="AC5690" s="99"/>
      <c r="AD5690" s="99"/>
      <c r="AE5690" s="99"/>
      <c r="AF5690" s="99"/>
      <c r="AG5690" s="99"/>
      <c r="AH5690" s="99"/>
      <c r="AI5690" s="99"/>
      <c r="AJ5690" s="99"/>
      <c r="AK5690" s="99"/>
      <c r="AL5690" s="99"/>
      <c r="AM5690" s="99"/>
      <c r="AN5690" s="99"/>
      <c r="AO5690" s="99"/>
      <c r="AP5690" s="99"/>
      <c r="AQ5690" s="99"/>
      <c r="AR5690" s="99"/>
      <c r="AS5690" s="99"/>
      <c r="AT5690" s="99"/>
      <c r="AU5690" s="99"/>
      <c r="AV5690" s="99"/>
      <c r="AW5690" s="99"/>
      <c r="AX5690" s="99"/>
      <c r="AY5690" s="99"/>
      <c r="AZ5690" s="99"/>
      <c r="BA5690" s="99"/>
      <c r="BB5690" s="107">
        <v>45884</v>
      </c>
    </row>
    <row r="5691" spans="1:54" s="8" customFormat="1" ht="14.1" customHeight="1" x14ac:dyDescent="0.25">
      <c r="A5691" s="219" t="s">
        <v>13228</v>
      </c>
      <c r="B5691" s="220" t="s">
        <v>12745</v>
      </c>
      <c r="C5691" s="98" t="s">
        <v>13229</v>
      </c>
      <c r="D5691" s="98" t="s">
        <v>20182</v>
      </c>
      <c r="E5691" s="141">
        <v>1971</v>
      </c>
      <c r="F5691" s="141">
        <v>4986</v>
      </c>
      <c r="G5691" s="98" t="s">
        <v>12</v>
      </c>
      <c r="H5691" s="98">
        <v>0</v>
      </c>
      <c r="I5691" s="98">
        <v>0</v>
      </c>
      <c r="J5691" s="98">
        <v>1</v>
      </c>
      <c r="K5691" s="98">
        <v>0</v>
      </c>
      <c r="L5691" s="98">
        <v>0</v>
      </c>
      <c r="M5691" s="98">
        <v>0</v>
      </c>
      <c r="N5691" s="98">
        <v>0</v>
      </c>
      <c r="O5691" s="98">
        <v>1</v>
      </c>
      <c r="P5691" s="98">
        <v>1</v>
      </c>
      <c r="Q5691" s="98">
        <v>0</v>
      </c>
      <c r="R5691" s="98">
        <v>0</v>
      </c>
      <c r="S5691" s="98">
        <v>1</v>
      </c>
      <c r="T5691" s="98">
        <v>0</v>
      </c>
      <c r="U5691" s="99"/>
      <c r="V5691" s="99"/>
      <c r="W5691" s="99"/>
      <c r="X5691" s="99"/>
      <c r="Y5691" s="99"/>
      <c r="Z5691" s="99"/>
      <c r="AA5691" s="99"/>
      <c r="AB5691" s="99"/>
      <c r="AC5691" s="99"/>
      <c r="AD5691" s="99"/>
      <c r="AE5691" s="99"/>
      <c r="AF5691" s="99"/>
      <c r="AG5691" s="99"/>
      <c r="AH5691" s="99"/>
      <c r="AI5691" s="99"/>
      <c r="AJ5691" s="99"/>
      <c r="AK5691" s="99"/>
      <c r="AL5691" s="99"/>
      <c r="AM5691" s="99"/>
      <c r="AN5691" s="99"/>
      <c r="AO5691" s="99"/>
      <c r="AP5691" s="99"/>
      <c r="AQ5691" s="99"/>
      <c r="AR5691" s="99"/>
      <c r="AS5691" s="99"/>
      <c r="AT5691" s="99"/>
      <c r="AU5691" s="99"/>
      <c r="AV5691" s="99"/>
      <c r="AW5691" s="99"/>
      <c r="AX5691" s="99"/>
      <c r="AY5691" s="99"/>
      <c r="AZ5691" s="99"/>
      <c r="BA5691" s="99"/>
      <c r="BB5691" s="107">
        <v>45884</v>
      </c>
    </row>
    <row r="5692" spans="1:54" s="8" customFormat="1" ht="14.1" customHeight="1" x14ac:dyDescent="0.25">
      <c r="A5692" s="219" t="s">
        <v>13230</v>
      </c>
      <c r="B5692" s="220" t="s">
        <v>12745</v>
      </c>
      <c r="C5692" s="98" t="s">
        <v>13231</v>
      </c>
      <c r="D5692" s="98" t="s">
        <v>20183</v>
      </c>
      <c r="E5692" s="141">
        <v>1971</v>
      </c>
      <c r="F5692" s="141">
        <v>2699</v>
      </c>
      <c r="G5692" s="98" t="s">
        <v>12</v>
      </c>
      <c r="H5692" s="98">
        <v>0</v>
      </c>
      <c r="I5692" s="98">
        <v>0</v>
      </c>
      <c r="J5692" s="98">
        <v>1</v>
      </c>
      <c r="K5692" s="98">
        <v>1</v>
      </c>
      <c r="L5692" s="98">
        <v>1</v>
      </c>
      <c r="M5692" s="98">
        <v>1</v>
      </c>
      <c r="N5692" s="98">
        <v>0</v>
      </c>
      <c r="O5692" s="98">
        <v>1</v>
      </c>
      <c r="P5692" s="98">
        <v>1</v>
      </c>
      <c r="Q5692" s="98">
        <v>0</v>
      </c>
      <c r="R5692" s="98">
        <v>1</v>
      </c>
      <c r="S5692" s="98">
        <v>0</v>
      </c>
      <c r="T5692" s="98">
        <v>0</v>
      </c>
      <c r="U5692" s="99"/>
      <c r="V5692" s="99"/>
      <c r="W5692" s="99"/>
      <c r="X5692" s="99"/>
      <c r="Y5692" s="99"/>
      <c r="Z5692" s="99"/>
      <c r="AA5692" s="99"/>
      <c r="AB5692" s="99"/>
      <c r="AC5692" s="99"/>
      <c r="AD5692" s="99"/>
      <c r="AE5692" s="99"/>
      <c r="AF5692" s="99"/>
      <c r="AG5692" s="99"/>
      <c r="AH5692" s="99"/>
      <c r="AI5692" s="99"/>
      <c r="AJ5692" s="99"/>
      <c r="AK5692" s="99"/>
      <c r="AL5692" s="99"/>
      <c r="AM5692" s="99"/>
      <c r="AN5692" s="99"/>
      <c r="AO5692" s="99"/>
      <c r="AP5692" s="99"/>
      <c r="AQ5692" s="99"/>
      <c r="AR5692" s="99"/>
      <c r="AS5692" s="99"/>
      <c r="AT5692" s="99"/>
      <c r="AU5692" s="99"/>
      <c r="AV5692" s="99"/>
      <c r="AW5692" s="99"/>
      <c r="AX5692" s="99"/>
      <c r="AY5692" s="99"/>
      <c r="AZ5692" s="99"/>
      <c r="BA5692" s="98" t="s">
        <v>8819</v>
      </c>
      <c r="BB5692" s="107">
        <v>45884</v>
      </c>
    </row>
    <row r="5693" spans="1:54" s="8" customFormat="1" ht="14.1" customHeight="1" x14ac:dyDescent="0.25">
      <c r="A5693" s="219" t="s">
        <v>13232</v>
      </c>
      <c r="B5693" s="220" t="s">
        <v>12745</v>
      </c>
      <c r="C5693" s="98" t="s">
        <v>13233</v>
      </c>
      <c r="D5693" s="98" t="s">
        <v>20184</v>
      </c>
      <c r="E5693" s="141">
        <v>1971</v>
      </c>
      <c r="F5693" s="141">
        <v>3832</v>
      </c>
      <c r="G5693" s="98" t="s">
        <v>12</v>
      </c>
      <c r="H5693" s="98">
        <v>0</v>
      </c>
      <c r="I5693" s="98">
        <v>0</v>
      </c>
      <c r="J5693" s="98">
        <v>1</v>
      </c>
      <c r="K5693" s="98">
        <v>1</v>
      </c>
      <c r="L5693" s="98">
        <v>0</v>
      </c>
      <c r="M5693" s="98">
        <v>0</v>
      </c>
      <c r="N5693" s="98">
        <v>0</v>
      </c>
      <c r="O5693" s="98">
        <v>0</v>
      </c>
      <c r="P5693" s="98">
        <v>0</v>
      </c>
      <c r="Q5693" s="98">
        <v>0</v>
      </c>
      <c r="R5693" s="98">
        <v>0</v>
      </c>
      <c r="S5693" s="98">
        <v>1</v>
      </c>
      <c r="T5693" s="98">
        <v>0</v>
      </c>
      <c r="U5693" s="99"/>
      <c r="V5693" s="99"/>
      <c r="W5693" s="99"/>
      <c r="X5693" s="99"/>
      <c r="Y5693" s="99"/>
      <c r="Z5693" s="99"/>
      <c r="AA5693" s="99"/>
      <c r="AB5693" s="99"/>
      <c r="AC5693" s="99"/>
      <c r="AD5693" s="99"/>
      <c r="AE5693" s="99"/>
      <c r="AF5693" s="99"/>
      <c r="AG5693" s="99"/>
      <c r="AH5693" s="99"/>
      <c r="AI5693" s="99"/>
      <c r="AJ5693" s="99"/>
      <c r="AK5693" s="99"/>
      <c r="AL5693" s="99"/>
      <c r="AM5693" s="99"/>
      <c r="AN5693" s="99"/>
      <c r="AO5693" s="99"/>
      <c r="AP5693" s="99"/>
      <c r="AQ5693" s="99"/>
      <c r="AR5693" s="99"/>
      <c r="AS5693" s="99"/>
      <c r="AT5693" s="99"/>
      <c r="AU5693" s="99"/>
      <c r="AV5693" s="99"/>
      <c r="AW5693" s="99"/>
      <c r="AX5693" s="99"/>
      <c r="AY5693" s="99"/>
      <c r="AZ5693" s="99"/>
      <c r="BA5693" s="99"/>
      <c r="BB5693" s="107">
        <v>45884</v>
      </c>
    </row>
    <row r="5694" spans="1:54" s="8" customFormat="1" ht="14.1" customHeight="1" x14ac:dyDescent="0.25">
      <c r="A5694" s="219" t="s">
        <v>13234</v>
      </c>
      <c r="B5694" s="220" t="s">
        <v>12745</v>
      </c>
      <c r="C5694" s="98" t="s">
        <v>13235</v>
      </c>
      <c r="D5694" s="98" t="s">
        <v>20185</v>
      </c>
      <c r="E5694" s="141">
        <v>1971</v>
      </c>
      <c r="F5694" s="141">
        <v>1500</v>
      </c>
      <c r="G5694" s="98" t="s">
        <v>12</v>
      </c>
      <c r="H5694" s="98">
        <v>0</v>
      </c>
      <c r="I5694" s="98">
        <v>0</v>
      </c>
      <c r="J5694" s="98">
        <v>1</v>
      </c>
      <c r="K5694" s="98">
        <v>0</v>
      </c>
      <c r="L5694" s="98">
        <v>1</v>
      </c>
      <c r="M5694" s="98">
        <v>1</v>
      </c>
      <c r="N5694" s="98">
        <v>0</v>
      </c>
      <c r="O5694" s="98">
        <v>0</v>
      </c>
      <c r="P5694" s="98">
        <v>0</v>
      </c>
      <c r="Q5694" s="98">
        <v>0</v>
      </c>
      <c r="R5694" s="98">
        <v>1</v>
      </c>
      <c r="S5694" s="98">
        <v>0</v>
      </c>
      <c r="T5694" s="98">
        <v>0</v>
      </c>
      <c r="U5694" s="99"/>
      <c r="V5694" s="99"/>
      <c r="W5694" s="99"/>
      <c r="X5694" s="99"/>
      <c r="Y5694" s="99"/>
      <c r="Z5694" s="99"/>
      <c r="AA5694" s="99"/>
      <c r="AB5694" s="99"/>
      <c r="AC5694" s="99"/>
      <c r="AD5694" s="99"/>
      <c r="AE5694" s="99"/>
      <c r="AF5694" s="99"/>
      <c r="AG5694" s="99"/>
      <c r="AH5694" s="99"/>
      <c r="AI5694" s="99"/>
      <c r="AJ5694" s="99"/>
      <c r="AK5694" s="99"/>
      <c r="AL5694" s="99"/>
      <c r="AM5694" s="99"/>
      <c r="AN5694" s="99"/>
      <c r="AO5694" s="99"/>
      <c r="AP5694" s="99"/>
      <c r="AQ5694" s="99"/>
      <c r="AR5694" s="99"/>
      <c r="AS5694" s="99"/>
      <c r="AT5694" s="99"/>
      <c r="AU5694" s="99"/>
      <c r="AV5694" s="99"/>
      <c r="AW5694" s="99"/>
      <c r="AX5694" s="99"/>
      <c r="AY5694" s="99"/>
      <c r="AZ5694" s="99"/>
      <c r="BA5694" s="99"/>
      <c r="BB5694" s="107">
        <v>45884</v>
      </c>
    </row>
    <row r="5695" spans="1:54" s="8" customFormat="1" ht="14.1" customHeight="1" x14ac:dyDescent="0.25">
      <c r="A5695" s="219" t="s">
        <v>13236</v>
      </c>
      <c r="B5695" s="220" t="s">
        <v>12745</v>
      </c>
      <c r="C5695" s="98" t="s">
        <v>13237</v>
      </c>
      <c r="D5695" s="98" t="s">
        <v>20186</v>
      </c>
      <c r="E5695" s="141">
        <v>2011</v>
      </c>
      <c r="F5695" s="141">
        <v>188</v>
      </c>
      <c r="G5695" s="98" t="s">
        <v>1</v>
      </c>
      <c r="H5695" s="98">
        <v>0</v>
      </c>
      <c r="I5695" s="98">
        <v>0</v>
      </c>
      <c r="J5695" s="98">
        <v>1</v>
      </c>
      <c r="K5695" s="98">
        <v>0</v>
      </c>
      <c r="L5695" s="98">
        <v>0</v>
      </c>
      <c r="M5695" s="98">
        <v>0</v>
      </c>
      <c r="N5695" s="98">
        <v>0</v>
      </c>
      <c r="O5695" s="98">
        <v>0</v>
      </c>
      <c r="P5695" s="98">
        <v>0</v>
      </c>
      <c r="Q5695" s="98">
        <v>0</v>
      </c>
      <c r="R5695" s="98">
        <v>0</v>
      </c>
      <c r="S5695" s="98">
        <v>0</v>
      </c>
      <c r="T5695" s="98">
        <v>0</v>
      </c>
      <c r="U5695" s="99"/>
      <c r="V5695" s="99"/>
      <c r="W5695" s="99"/>
      <c r="X5695" s="99"/>
      <c r="Y5695" s="99"/>
      <c r="Z5695" s="99"/>
      <c r="AA5695" s="99"/>
      <c r="AB5695" s="99"/>
      <c r="AC5695" s="99"/>
      <c r="AD5695" s="99"/>
      <c r="AE5695" s="99"/>
      <c r="AF5695" s="99"/>
      <c r="AG5695" s="99"/>
      <c r="AH5695" s="99"/>
      <c r="AI5695" s="99"/>
      <c r="AJ5695" s="99"/>
      <c r="AK5695" s="99"/>
      <c r="AL5695" s="99"/>
      <c r="AM5695" s="99"/>
      <c r="AN5695" s="99"/>
      <c r="AO5695" s="99"/>
      <c r="AP5695" s="99"/>
      <c r="AQ5695" s="99"/>
      <c r="AR5695" s="99"/>
      <c r="AS5695" s="99"/>
      <c r="AT5695" s="99"/>
      <c r="AU5695" s="99"/>
      <c r="AV5695" s="99"/>
      <c r="AW5695" s="99"/>
      <c r="AX5695" s="99"/>
      <c r="AY5695" s="99"/>
      <c r="AZ5695" s="99"/>
      <c r="BA5695" s="99"/>
      <c r="BB5695" s="107">
        <v>45884</v>
      </c>
    </row>
    <row r="5696" spans="1:54" s="8" customFormat="1" ht="14.1" customHeight="1" x14ac:dyDescent="0.25">
      <c r="A5696" s="219" t="s">
        <v>13238</v>
      </c>
      <c r="B5696" s="220" t="s">
        <v>12745</v>
      </c>
      <c r="C5696" s="98" t="s">
        <v>13239</v>
      </c>
      <c r="D5696" s="98" t="s">
        <v>20187</v>
      </c>
      <c r="E5696" s="141">
        <v>2010</v>
      </c>
      <c r="F5696" s="141">
        <v>2462</v>
      </c>
      <c r="G5696" s="98" t="s">
        <v>1</v>
      </c>
      <c r="H5696" s="98">
        <v>0</v>
      </c>
      <c r="I5696" s="98">
        <v>0</v>
      </c>
      <c r="J5696" s="98">
        <v>1</v>
      </c>
      <c r="K5696" s="98">
        <v>0</v>
      </c>
      <c r="L5696" s="98">
        <v>0</v>
      </c>
      <c r="M5696" s="98">
        <v>1</v>
      </c>
      <c r="N5696" s="98">
        <v>0</v>
      </c>
      <c r="O5696" s="98">
        <v>0</v>
      </c>
      <c r="P5696" s="98">
        <v>0</v>
      </c>
      <c r="Q5696" s="98">
        <v>0</v>
      </c>
      <c r="R5696" s="98">
        <v>0</v>
      </c>
      <c r="S5696" s="98">
        <v>0</v>
      </c>
      <c r="T5696" s="98">
        <v>0</v>
      </c>
      <c r="U5696" s="99"/>
      <c r="V5696" s="99"/>
      <c r="W5696" s="99"/>
      <c r="X5696" s="99"/>
      <c r="Y5696" s="99"/>
      <c r="Z5696" s="99"/>
      <c r="AA5696" s="99"/>
      <c r="AB5696" s="99"/>
      <c r="AC5696" s="99"/>
      <c r="AD5696" s="99"/>
      <c r="AE5696" s="99"/>
      <c r="AF5696" s="99"/>
      <c r="AG5696" s="99"/>
      <c r="AH5696" s="99"/>
      <c r="AI5696" s="99"/>
      <c r="AJ5696" s="99"/>
      <c r="AK5696" s="99"/>
      <c r="AL5696" s="99"/>
      <c r="AM5696" s="99"/>
      <c r="AN5696" s="99"/>
      <c r="AO5696" s="99"/>
      <c r="AP5696" s="99"/>
      <c r="AQ5696" s="99"/>
      <c r="AR5696" s="99"/>
      <c r="AS5696" s="99"/>
      <c r="AT5696" s="99"/>
      <c r="AU5696" s="99"/>
      <c r="AV5696" s="99"/>
      <c r="AW5696" s="99"/>
      <c r="AX5696" s="99"/>
      <c r="AY5696" s="99"/>
      <c r="AZ5696" s="99"/>
      <c r="BA5696" s="99"/>
      <c r="BB5696" s="107">
        <v>45884</v>
      </c>
    </row>
    <row r="5697" spans="1:54" s="8" customFormat="1" ht="14.1" customHeight="1" x14ac:dyDescent="0.25">
      <c r="A5697" s="219" t="s">
        <v>13240</v>
      </c>
      <c r="B5697" s="220" t="s">
        <v>12745</v>
      </c>
      <c r="C5697" s="98" t="s">
        <v>13241</v>
      </c>
      <c r="D5697" s="98" t="s">
        <v>20188</v>
      </c>
      <c r="E5697" s="141">
        <v>1971</v>
      </c>
      <c r="F5697" s="141">
        <v>368</v>
      </c>
      <c r="G5697" s="98" t="s">
        <v>12</v>
      </c>
      <c r="H5697" s="98">
        <v>0</v>
      </c>
      <c r="I5697" s="98">
        <v>0</v>
      </c>
      <c r="J5697" s="98">
        <v>0</v>
      </c>
      <c r="K5697" s="98">
        <v>0</v>
      </c>
      <c r="L5697" s="98">
        <v>0</v>
      </c>
      <c r="M5697" s="98">
        <v>0</v>
      </c>
      <c r="N5697" s="98">
        <v>0</v>
      </c>
      <c r="O5697" s="98">
        <v>1</v>
      </c>
      <c r="P5697" s="98">
        <v>0</v>
      </c>
      <c r="Q5697" s="98">
        <v>0</v>
      </c>
      <c r="R5697" s="98">
        <v>0</v>
      </c>
      <c r="S5697" s="98">
        <v>0</v>
      </c>
      <c r="T5697" s="98">
        <v>0</v>
      </c>
      <c r="U5697" s="99"/>
      <c r="V5697" s="99"/>
      <c r="W5697" s="99"/>
      <c r="X5697" s="99"/>
      <c r="Y5697" s="99"/>
      <c r="Z5697" s="99"/>
      <c r="AA5697" s="99"/>
      <c r="AB5697" s="99"/>
      <c r="AC5697" s="99"/>
      <c r="AD5697" s="99"/>
      <c r="AE5697" s="99"/>
      <c r="AF5697" s="99"/>
      <c r="AG5697" s="99"/>
      <c r="AH5697" s="99"/>
      <c r="AI5697" s="99"/>
      <c r="AJ5697" s="99"/>
      <c r="AK5697" s="99"/>
      <c r="AL5697" s="99"/>
      <c r="AM5697" s="99"/>
      <c r="AN5697" s="99"/>
      <c r="AO5697" s="99"/>
      <c r="AP5697" s="99"/>
      <c r="AQ5697" s="99"/>
      <c r="AR5697" s="99"/>
      <c r="AS5697" s="99"/>
      <c r="AT5697" s="99"/>
      <c r="AU5697" s="99"/>
      <c r="AV5697" s="99"/>
      <c r="AW5697" s="99"/>
      <c r="AX5697" s="99"/>
      <c r="AY5697" s="99"/>
      <c r="AZ5697" s="99"/>
      <c r="BA5697" s="99"/>
      <c r="BB5697" s="107">
        <v>45884</v>
      </c>
    </row>
    <row r="5698" spans="1:54" s="8" customFormat="1" ht="14.1" customHeight="1" x14ac:dyDescent="0.25">
      <c r="A5698" s="219" t="s">
        <v>13242</v>
      </c>
      <c r="B5698" s="220" t="s">
        <v>12745</v>
      </c>
      <c r="C5698" s="98" t="s">
        <v>13243</v>
      </c>
      <c r="D5698" s="98" t="s">
        <v>20189</v>
      </c>
      <c r="E5698" s="141">
        <v>1974</v>
      </c>
      <c r="F5698" s="141">
        <v>437</v>
      </c>
      <c r="G5698" s="98" t="s">
        <v>12</v>
      </c>
      <c r="H5698" s="98">
        <v>0</v>
      </c>
      <c r="I5698" s="98">
        <v>0</v>
      </c>
      <c r="J5698" s="98">
        <v>1</v>
      </c>
      <c r="K5698" s="98">
        <v>0</v>
      </c>
      <c r="L5698" s="98">
        <v>0</v>
      </c>
      <c r="M5698" s="98">
        <v>0</v>
      </c>
      <c r="N5698" s="98">
        <v>0</v>
      </c>
      <c r="O5698" s="98">
        <v>1</v>
      </c>
      <c r="P5698" s="98">
        <v>0</v>
      </c>
      <c r="Q5698" s="98">
        <v>0</v>
      </c>
      <c r="R5698" s="98">
        <v>0</v>
      </c>
      <c r="S5698" s="98">
        <v>1</v>
      </c>
      <c r="T5698" s="98">
        <v>0</v>
      </c>
      <c r="U5698" s="99"/>
      <c r="V5698" s="99"/>
      <c r="W5698" s="99"/>
      <c r="X5698" s="99"/>
      <c r="Y5698" s="99"/>
      <c r="Z5698" s="99"/>
      <c r="AA5698" s="99"/>
      <c r="AB5698" s="99"/>
      <c r="AC5698" s="99"/>
      <c r="AD5698" s="99"/>
      <c r="AE5698" s="99"/>
      <c r="AF5698" s="99"/>
      <c r="AG5698" s="99"/>
      <c r="AH5698" s="99"/>
      <c r="AI5698" s="99"/>
      <c r="AJ5698" s="99"/>
      <c r="AK5698" s="99"/>
      <c r="AL5698" s="99"/>
      <c r="AM5698" s="99"/>
      <c r="AN5698" s="99"/>
      <c r="AO5698" s="99"/>
      <c r="AP5698" s="99"/>
      <c r="AQ5698" s="99"/>
      <c r="AR5698" s="99"/>
      <c r="AS5698" s="99"/>
      <c r="AT5698" s="99"/>
      <c r="AU5698" s="99"/>
      <c r="AV5698" s="99"/>
      <c r="AW5698" s="99"/>
      <c r="AX5698" s="99"/>
      <c r="AY5698" s="99"/>
      <c r="AZ5698" s="99"/>
      <c r="BA5698" s="99"/>
      <c r="BB5698" s="107">
        <v>45884</v>
      </c>
    </row>
    <row r="5699" spans="1:54" s="8" customFormat="1" ht="14.1" customHeight="1" x14ac:dyDescent="0.25">
      <c r="A5699" s="219" t="s">
        <v>13244</v>
      </c>
      <c r="B5699" s="220" t="s">
        <v>12745</v>
      </c>
      <c r="C5699" s="98" t="s">
        <v>13245</v>
      </c>
      <c r="D5699" s="98" t="s">
        <v>20190</v>
      </c>
      <c r="E5699" s="141">
        <v>1973</v>
      </c>
      <c r="F5699" s="141">
        <v>210</v>
      </c>
      <c r="G5699" s="98" t="s">
        <v>12</v>
      </c>
      <c r="H5699" s="98">
        <v>0</v>
      </c>
      <c r="I5699" s="98">
        <v>0</v>
      </c>
      <c r="J5699" s="98">
        <v>0</v>
      </c>
      <c r="K5699" s="98">
        <v>0</v>
      </c>
      <c r="L5699" s="98">
        <v>0</v>
      </c>
      <c r="M5699" s="98">
        <v>1</v>
      </c>
      <c r="N5699" s="98">
        <v>0</v>
      </c>
      <c r="O5699" s="98">
        <v>0</v>
      </c>
      <c r="P5699" s="98">
        <v>0</v>
      </c>
      <c r="Q5699" s="98">
        <v>1</v>
      </c>
      <c r="R5699" s="98">
        <v>0</v>
      </c>
      <c r="S5699" s="98">
        <v>0</v>
      </c>
      <c r="T5699" s="98">
        <v>0</v>
      </c>
      <c r="U5699" s="99"/>
      <c r="V5699" s="99"/>
      <c r="W5699" s="99"/>
      <c r="X5699" s="99"/>
      <c r="Y5699" s="99"/>
      <c r="Z5699" s="99"/>
      <c r="AA5699" s="99"/>
      <c r="AB5699" s="99"/>
      <c r="AC5699" s="99"/>
      <c r="AD5699" s="99"/>
      <c r="AE5699" s="99"/>
      <c r="AF5699" s="99"/>
      <c r="AG5699" s="99"/>
      <c r="AH5699" s="99"/>
      <c r="AI5699" s="99"/>
      <c r="AJ5699" s="99"/>
      <c r="AK5699" s="99"/>
      <c r="AL5699" s="99"/>
      <c r="AM5699" s="99"/>
      <c r="AN5699" s="99"/>
      <c r="AO5699" s="99"/>
      <c r="AP5699" s="99"/>
      <c r="AQ5699" s="99"/>
      <c r="AR5699" s="99"/>
      <c r="AS5699" s="99"/>
      <c r="AT5699" s="99"/>
      <c r="AU5699" s="99"/>
      <c r="AV5699" s="99"/>
      <c r="AW5699" s="99"/>
      <c r="AX5699" s="99"/>
      <c r="AY5699" s="99"/>
      <c r="AZ5699" s="99"/>
      <c r="BA5699" s="98" t="s">
        <v>8819</v>
      </c>
      <c r="BB5699" s="107">
        <v>45884</v>
      </c>
    </row>
    <row r="5700" spans="1:54" s="8" customFormat="1" ht="14.1" customHeight="1" x14ac:dyDescent="0.25">
      <c r="A5700" s="219" t="s">
        <v>13246</v>
      </c>
      <c r="B5700" s="220" t="s">
        <v>12745</v>
      </c>
      <c r="C5700" s="98" t="s">
        <v>13247</v>
      </c>
      <c r="D5700" s="98" t="s">
        <v>20191</v>
      </c>
      <c r="E5700" s="141">
        <v>1972</v>
      </c>
      <c r="F5700" s="141">
        <v>1605</v>
      </c>
      <c r="G5700" s="98" t="s">
        <v>12</v>
      </c>
      <c r="H5700" s="98">
        <v>0</v>
      </c>
      <c r="I5700" s="98">
        <v>0</v>
      </c>
      <c r="J5700" s="98">
        <v>0</v>
      </c>
      <c r="K5700" s="98">
        <v>0</v>
      </c>
      <c r="L5700" s="98">
        <v>0</v>
      </c>
      <c r="M5700" s="98">
        <v>0</v>
      </c>
      <c r="N5700" s="98">
        <v>0</v>
      </c>
      <c r="O5700" s="98">
        <v>0</v>
      </c>
      <c r="P5700" s="98">
        <v>0</v>
      </c>
      <c r="Q5700" s="98">
        <v>0</v>
      </c>
      <c r="R5700" s="98">
        <v>0</v>
      </c>
      <c r="S5700" s="98">
        <v>0</v>
      </c>
      <c r="T5700" s="98">
        <v>0</v>
      </c>
      <c r="U5700" s="99"/>
      <c r="V5700" s="99"/>
      <c r="W5700" s="99"/>
      <c r="X5700" s="99"/>
      <c r="Y5700" s="99"/>
      <c r="Z5700" s="99"/>
      <c r="AA5700" s="99"/>
      <c r="AB5700" s="99"/>
      <c r="AC5700" s="99"/>
      <c r="AD5700" s="99"/>
      <c r="AE5700" s="99"/>
      <c r="AF5700" s="99"/>
      <c r="AG5700" s="99"/>
      <c r="AH5700" s="99"/>
      <c r="AI5700" s="99"/>
      <c r="AJ5700" s="99"/>
      <c r="AK5700" s="99"/>
      <c r="AL5700" s="99"/>
      <c r="AM5700" s="99"/>
      <c r="AN5700" s="99"/>
      <c r="AO5700" s="99"/>
      <c r="AP5700" s="99"/>
      <c r="AQ5700" s="99"/>
      <c r="AR5700" s="99"/>
      <c r="AS5700" s="99"/>
      <c r="AT5700" s="99"/>
      <c r="AU5700" s="99"/>
      <c r="AV5700" s="99"/>
      <c r="AW5700" s="99"/>
      <c r="AX5700" s="99"/>
      <c r="AY5700" s="99"/>
      <c r="AZ5700" s="99"/>
      <c r="BA5700" s="99"/>
      <c r="BB5700" s="107">
        <v>45884</v>
      </c>
    </row>
    <row r="5701" spans="1:54" s="8" customFormat="1" ht="14.1" customHeight="1" x14ac:dyDescent="0.25">
      <c r="A5701" s="219" t="s">
        <v>13248</v>
      </c>
      <c r="B5701" s="220" t="s">
        <v>12745</v>
      </c>
      <c r="C5701" s="98" t="s">
        <v>13249</v>
      </c>
      <c r="D5701" s="98" t="s">
        <v>20192</v>
      </c>
      <c r="E5701" s="141">
        <v>1973</v>
      </c>
      <c r="F5701" s="141">
        <v>557</v>
      </c>
      <c r="G5701" s="98" t="s">
        <v>12</v>
      </c>
      <c r="H5701" s="98">
        <v>0</v>
      </c>
      <c r="I5701" s="98">
        <v>0</v>
      </c>
      <c r="J5701" s="98">
        <v>1</v>
      </c>
      <c r="K5701" s="98">
        <v>1</v>
      </c>
      <c r="L5701" s="98">
        <v>0</v>
      </c>
      <c r="M5701" s="98">
        <v>0</v>
      </c>
      <c r="N5701" s="98">
        <v>0</v>
      </c>
      <c r="O5701" s="98">
        <v>1</v>
      </c>
      <c r="P5701" s="98">
        <v>1</v>
      </c>
      <c r="Q5701" s="98">
        <v>0</v>
      </c>
      <c r="R5701" s="98">
        <v>1</v>
      </c>
      <c r="S5701" s="98">
        <v>0</v>
      </c>
      <c r="T5701" s="98">
        <v>0</v>
      </c>
      <c r="U5701" s="99"/>
      <c r="V5701" s="99"/>
      <c r="W5701" s="99"/>
      <c r="X5701" s="99"/>
      <c r="Y5701" s="99"/>
      <c r="Z5701" s="99"/>
      <c r="AA5701" s="99"/>
      <c r="AB5701" s="99"/>
      <c r="AC5701" s="99"/>
      <c r="AD5701" s="99"/>
      <c r="AE5701" s="99"/>
      <c r="AF5701" s="99"/>
      <c r="AG5701" s="99"/>
      <c r="AH5701" s="99"/>
      <c r="AI5701" s="99"/>
      <c r="AJ5701" s="99"/>
      <c r="AK5701" s="99"/>
      <c r="AL5701" s="99"/>
      <c r="AM5701" s="99"/>
      <c r="AN5701" s="99"/>
      <c r="AO5701" s="99"/>
      <c r="AP5701" s="99"/>
      <c r="AQ5701" s="99"/>
      <c r="AR5701" s="99"/>
      <c r="AS5701" s="99"/>
      <c r="AT5701" s="99"/>
      <c r="AU5701" s="99"/>
      <c r="AV5701" s="99"/>
      <c r="AW5701" s="99"/>
      <c r="AX5701" s="99"/>
      <c r="AY5701" s="99"/>
      <c r="AZ5701" s="99"/>
      <c r="BA5701" s="99"/>
      <c r="BB5701" s="107">
        <v>45884</v>
      </c>
    </row>
    <row r="5702" spans="1:54" s="8" customFormat="1" ht="14.1" customHeight="1" x14ac:dyDescent="0.25">
      <c r="A5702" s="219" t="s">
        <v>13250</v>
      </c>
      <c r="B5702" s="220" t="s">
        <v>12745</v>
      </c>
      <c r="C5702" s="98" t="s">
        <v>13251</v>
      </c>
      <c r="D5702" s="98" t="s">
        <v>20193</v>
      </c>
      <c r="E5702" s="141">
        <v>1973</v>
      </c>
      <c r="F5702" s="141">
        <v>1702</v>
      </c>
      <c r="G5702" s="98" t="s">
        <v>12</v>
      </c>
      <c r="H5702" s="98">
        <v>0</v>
      </c>
      <c r="I5702" s="98">
        <v>0</v>
      </c>
      <c r="J5702" s="98">
        <v>0</v>
      </c>
      <c r="K5702" s="98">
        <v>0</v>
      </c>
      <c r="L5702" s="98">
        <v>0</v>
      </c>
      <c r="M5702" s="98">
        <v>0</v>
      </c>
      <c r="N5702" s="98">
        <v>0</v>
      </c>
      <c r="O5702" s="98">
        <v>0</v>
      </c>
      <c r="P5702" s="98">
        <v>0</v>
      </c>
      <c r="Q5702" s="98">
        <v>0</v>
      </c>
      <c r="R5702" s="98">
        <v>0</v>
      </c>
      <c r="S5702" s="98">
        <v>0</v>
      </c>
      <c r="T5702" s="98">
        <v>0</v>
      </c>
      <c r="U5702" s="99"/>
      <c r="V5702" s="99"/>
      <c r="W5702" s="99"/>
      <c r="X5702" s="99"/>
      <c r="Y5702" s="99"/>
      <c r="Z5702" s="99"/>
      <c r="AA5702" s="99"/>
      <c r="AB5702" s="99"/>
      <c r="AC5702" s="99"/>
      <c r="AD5702" s="99"/>
      <c r="AE5702" s="99"/>
      <c r="AF5702" s="99"/>
      <c r="AG5702" s="99"/>
      <c r="AH5702" s="99"/>
      <c r="AI5702" s="99"/>
      <c r="AJ5702" s="99"/>
      <c r="AK5702" s="99"/>
      <c r="AL5702" s="99"/>
      <c r="AM5702" s="99"/>
      <c r="AN5702" s="99"/>
      <c r="AO5702" s="99"/>
      <c r="AP5702" s="99"/>
      <c r="AQ5702" s="99"/>
      <c r="AR5702" s="99"/>
      <c r="AS5702" s="99"/>
      <c r="AT5702" s="99"/>
      <c r="AU5702" s="99"/>
      <c r="AV5702" s="99"/>
      <c r="AW5702" s="99"/>
      <c r="AX5702" s="99"/>
      <c r="AY5702" s="99"/>
      <c r="AZ5702" s="99"/>
      <c r="BA5702" s="99"/>
      <c r="BB5702" s="107">
        <v>45884</v>
      </c>
    </row>
    <row r="5703" spans="1:54" s="8" customFormat="1" ht="14.1" customHeight="1" x14ac:dyDescent="0.25">
      <c r="A5703" s="219" t="s">
        <v>13252</v>
      </c>
      <c r="B5703" s="220" t="s">
        <v>12745</v>
      </c>
      <c r="C5703" s="98" t="s">
        <v>13253</v>
      </c>
      <c r="D5703" s="98" t="s">
        <v>20194</v>
      </c>
      <c r="E5703" s="141">
        <v>2015</v>
      </c>
      <c r="F5703" s="141">
        <v>246</v>
      </c>
      <c r="G5703" s="98" t="s">
        <v>1</v>
      </c>
      <c r="H5703" s="98">
        <v>0</v>
      </c>
      <c r="I5703" s="98">
        <v>0</v>
      </c>
      <c r="J5703" s="98">
        <v>1</v>
      </c>
      <c r="K5703" s="98">
        <v>1</v>
      </c>
      <c r="L5703" s="98">
        <v>0</v>
      </c>
      <c r="M5703" s="98">
        <v>0</v>
      </c>
      <c r="N5703" s="98">
        <v>0</v>
      </c>
      <c r="O5703" s="98">
        <v>0</v>
      </c>
      <c r="P5703" s="98">
        <v>0</v>
      </c>
      <c r="Q5703" s="98">
        <v>0</v>
      </c>
      <c r="R5703" s="98">
        <v>0</v>
      </c>
      <c r="S5703" s="98">
        <v>0</v>
      </c>
      <c r="T5703" s="98">
        <v>0</v>
      </c>
      <c r="U5703" s="99"/>
      <c r="V5703" s="99"/>
      <c r="W5703" s="99"/>
      <c r="X5703" s="99"/>
      <c r="Y5703" s="99"/>
      <c r="Z5703" s="99"/>
      <c r="AA5703" s="99"/>
      <c r="AB5703" s="99"/>
      <c r="AC5703" s="99"/>
      <c r="AD5703" s="99"/>
      <c r="AE5703" s="99"/>
      <c r="AF5703" s="99"/>
      <c r="AG5703" s="99"/>
      <c r="AH5703" s="99"/>
      <c r="AI5703" s="99"/>
      <c r="AJ5703" s="99"/>
      <c r="AK5703" s="99"/>
      <c r="AL5703" s="99"/>
      <c r="AM5703" s="99"/>
      <c r="AN5703" s="99"/>
      <c r="AO5703" s="99"/>
      <c r="AP5703" s="99"/>
      <c r="AQ5703" s="99"/>
      <c r="AR5703" s="99"/>
      <c r="AS5703" s="99"/>
      <c r="AT5703" s="99"/>
      <c r="AU5703" s="99"/>
      <c r="AV5703" s="99"/>
      <c r="AW5703" s="99"/>
      <c r="AX5703" s="99"/>
      <c r="AY5703" s="99"/>
      <c r="AZ5703" s="99"/>
      <c r="BA5703" s="99"/>
      <c r="BB5703" s="107">
        <v>45884</v>
      </c>
    </row>
    <row r="5704" spans="1:54" s="8" customFormat="1" ht="14.1" customHeight="1" x14ac:dyDescent="0.25">
      <c r="A5704" s="219" t="s">
        <v>13254</v>
      </c>
      <c r="B5704" s="220" t="s">
        <v>12745</v>
      </c>
      <c r="C5704" s="98" t="s">
        <v>13255</v>
      </c>
      <c r="D5704" s="98" t="s">
        <v>20195</v>
      </c>
      <c r="E5704" s="141">
        <v>2015</v>
      </c>
      <c r="F5704" s="141">
        <v>316</v>
      </c>
      <c r="G5704" s="98" t="s">
        <v>1</v>
      </c>
      <c r="H5704" s="98">
        <v>0</v>
      </c>
      <c r="I5704" s="98">
        <v>0</v>
      </c>
      <c r="J5704" s="98">
        <v>1</v>
      </c>
      <c r="K5704" s="98">
        <v>1</v>
      </c>
      <c r="L5704" s="98">
        <v>0</v>
      </c>
      <c r="M5704" s="98">
        <v>0</v>
      </c>
      <c r="N5704" s="98">
        <v>0</v>
      </c>
      <c r="O5704" s="98">
        <v>0</v>
      </c>
      <c r="P5704" s="98">
        <v>0</v>
      </c>
      <c r="Q5704" s="98">
        <v>0</v>
      </c>
      <c r="R5704" s="98">
        <v>0</v>
      </c>
      <c r="S5704" s="98">
        <v>0</v>
      </c>
      <c r="T5704" s="98">
        <v>0</v>
      </c>
      <c r="U5704" s="99"/>
      <c r="V5704" s="99"/>
      <c r="W5704" s="99"/>
      <c r="X5704" s="99"/>
      <c r="Y5704" s="99"/>
      <c r="Z5704" s="99"/>
      <c r="AA5704" s="99"/>
      <c r="AB5704" s="99"/>
      <c r="AC5704" s="99"/>
      <c r="AD5704" s="99"/>
      <c r="AE5704" s="99"/>
      <c r="AF5704" s="99"/>
      <c r="AG5704" s="99"/>
      <c r="AH5704" s="99"/>
      <c r="AI5704" s="99"/>
      <c r="AJ5704" s="99"/>
      <c r="AK5704" s="99"/>
      <c r="AL5704" s="99"/>
      <c r="AM5704" s="99"/>
      <c r="AN5704" s="99"/>
      <c r="AO5704" s="99"/>
      <c r="AP5704" s="99"/>
      <c r="AQ5704" s="99"/>
      <c r="AR5704" s="99"/>
      <c r="AS5704" s="99"/>
      <c r="AT5704" s="99"/>
      <c r="AU5704" s="99"/>
      <c r="AV5704" s="99"/>
      <c r="AW5704" s="99"/>
      <c r="AX5704" s="99"/>
      <c r="AY5704" s="99"/>
      <c r="AZ5704" s="99"/>
      <c r="BA5704" s="99"/>
      <c r="BB5704" s="107">
        <v>45884</v>
      </c>
    </row>
    <row r="5705" spans="1:54" s="8" customFormat="1" ht="14.1" customHeight="1" x14ac:dyDescent="0.25">
      <c r="A5705" s="219" t="s">
        <v>13256</v>
      </c>
      <c r="B5705" s="220" t="s">
        <v>12745</v>
      </c>
      <c r="C5705" s="98" t="s">
        <v>13257</v>
      </c>
      <c r="D5705" s="98" t="s">
        <v>20196</v>
      </c>
      <c r="E5705" s="141">
        <v>2016</v>
      </c>
      <c r="F5705" s="141">
        <v>1780</v>
      </c>
      <c r="G5705" s="98" t="s">
        <v>1</v>
      </c>
      <c r="H5705" s="98">
        <v>0</v>
      </c>
      <c r="I5705" s="98">
        <v>0</v>
      </c>
      <c r="J5705" s="98">
        <v>1</v>
      </c>
      <c r="K5705" s="98">
        <v>1</v>
      </c>
      <c r="L5705" s="98">
        <v>0</v>
      </c>
      <c r="M5705" s="98">
        <v>1</v>
      </c>
      <c r="N5705" s="98">
        <v>0</v>
      </c>
      <c r="O5705" s="98">
        <v>1</v>
      </c>
      <c r="P5705" s="98">
        <v>0</v>
      </c>
      <c r="Q5705" s="98">
        <v>0</v>
      </c>
      <c r="R5705" s="98">
        <v>0</v>
      </c>
      <c r="S5705" s="98">
        <v>0</v>
      </c>
      <c r="T5705" s="98">
        <v>0</v>
      </c>
      <c r="U5705" s="99"/>
      <c r="V5705" s="99"/>
      <c r="W5705" s="99"/>
      <c r="X5705" s="99"/>
      <c r="Y5705" s="99"/>
      <c r="Z5705" s="99"/>
      <c r="AA5705" s="99"/>
      <c r="AB5705" s="99"/>
      <c r="AC5705" s="99"/>
      <c r="AD5705" s="99"/>
      <c r="AE5705" s="99"/>
      <c r="AF5705" s="99"/>
      <c r="AG5705" s="99"/>
      <c r="AH5705" s="99"/>
      <c r="AI5705" s="99"/>
      <c r="AJ5705" s="99"/>
      <c r="AK5705" s="99"/>
      <c r="AL5705" s="99"/>
      <c r="AM5705" s="99"/>
      <c r="AN5705" s="99"/>
      <c r="AO5705" s="99"/>
      <c r="AP5705" s="99"/>
      <c r="AQ5705" s="99"/>
      <c r="AR5705" s="99"/>
      <c r="AS5705" s="99"/>
      <c r="AT5705" s="99"/>
      <c r="AU5705" s="99"/>
      <c r="AV5705" s="99"/>
      <c r="AW5705" s="99"/>
      <c r="AX5705" s="99"/>
      <c r="AY5705" s="99"/>
      <c r="AZ5705" s="99"/>
      <c r="BA5705" s="99"/>
      <c r="BB5705" s="107">
        <v>45884</v>
      </c>
    </row>
    <row r="5706" spans="1:54" s="8" customFormat="1" ht="14.1" customHeight="1" x14ac:dyDescent="0.25">
      <c r="A5706" s="219" t="s">
        <v>13260</v>
      </c>
      <c r="B5706" s="220" t="s">
        <v>12745</v>
      </c>
      <c r="C5706" s="98" t="s">
        <v>22219</v>
      </c>
      <c r="D5706" s="98" t="s">
        <v>13261</v>
      </c>
      <c r="E5706" s="141">
        <v>2002</v>
      </c>
      <c r="F5706" s="141">
        <v>25200</v>
      </c>
      <c r="G5706" s="98" t="s">
        <v>6</v>
      </c>
      <c r="H5706" s="98">
        <v>1</v>
      </c>
      <c r="I5706" s="98">
        <v>1</v>
      </c>
      <c r="J5706" s="98">
        <v>1</v>
      </c>
      <c r="K5706" s="98">
        <v>0</v>
      </c>
      <c r="L5706" s="98">
        <v>1</v>
      </c>
      <c r="M5706" s="98">
        <v>1</v>
      </c>
      <c r="N5706" s="98">
        <v>0</v>
      </c>
      <c r="O5706" s="98">
        <v>1</v>
      </c>
      <c r="P5706" s="98">
        <v>1</v>
      </c>
      <c r="Q5706" s="98">
        <v>0</v>
      </c>
      <c r="R5706" s="98">
        <v>1</v>
      </c>
      <c r="S5706" s="98">
        <v>0</v>
      </c>
      <c r="T5706" s="98">
        <v>0</v>
      </c>
      <c r="U5706" s="98">
        <v>0</v>
      </c>
      <c r="V5706" s="98">
        <v>0</v>
      </c>
      <c r="W5706" s="98">
        <v>0</v>
      </c>
      <c r="X5706" s="98">
        <v>0</v>
      </c>
      <c r="Y5706" s="98">
        <v>0</v>
      </c>
      <c r="Z5706" s="98">
        <v>0</v>
      </c>
      <c r="AA5706" s="98">
        <v>1</v>
      </c>
      <c r="AB5706" s="98">
        <v>0</v>
      </c>
      <c r="AC5706" s="98">
        <v>0</v>
      </c>
      <c r="AD5706" s="98">
        <v>0</v>
      </c>
      <c r="AE5706" s="98">
        <v>0</v>
      </c>
      <c r="AF5706" s="98">
        <v>0</v>
      </c>
      <c r="AG5706" s="98">
        <v>0</v>
      </c>
      <c r="AH5706" s="98">
        <v>0</v>
      </c>
      <c r="AI5706" s="98">
        <v>0</v>
      </c>
      <c r="AJ5706" s="98">
        <v>0</v>
      </c>
      <c r="AK5706" s="98">
        <v>0</v>
      </c>
      <c r="AL5706" s="98">
        <v>0</v>
      </c>
      <c r="AM5706" s="98">
        <v>0</v>
      </c>
      <c r="AN5706" s="98">
        <v>0</v>
      </c>
      <c r="AO5706" s="98">
        <v>1</v>
      </c>
      <c r="AP5706" s="98">
        <v>0</v>
      </c>
      <c r="AQ5706" s="98">
        <v>0</v>
      </c>
      <c r="AR5706" s="98">
        <v>0</v>
      </c>
      <c r="AS5706" s="98">
        <v>0</v>
      </c>
      <c r="AT5706" s="129" t="s">
        <v>174</v>
      </c>
      <c r="AU5706" s="98">
        <v>0</v>
      </c>
      <c r="AV5706" s="98">
        <v>0</v>
      </c>
      <c r="AW5706" s="98">
        <v>0</v>
      </c>
      <c r="AX5706" s="98" t="s">
        <v>19733</v>
      </c>
      <c r="AY5706" s="98" t="s">
        <v>13259</v>
      </c>
      <c r="AZ5706" s="98"/>
      <c r="BA5706" s="98"/>
      <c r="BB5706" s="107">
        <v>45884</v>
      </c>
    </row>
    <row r="5707" spans="1:54" s="8" customFormat="1" ht="14.1" customHeight="1" x14ac:dyDescent="0.25">
      <c r="A5707" s="219" t="s">
        <v>13263</v>
      </c>
      <c r="B5707" s="220" t="s">
        <v>12745</v>
      </c>
      <c r="C5707" s="98" t="s">
        <v>22220</v>
      </c>
      <c r="D5707" s="98" t="s">
        <v>20197</v>
      </c>
      <c r="E5707" s="141">
        <v>1990</v>
      </c>
      <c r="F5707" s="141">
        <v>21400</v>
      </c>
      <c r="G5707" s="98" t="s">
        <v>6</v>
      </c>
      <c r="H5707" s="98">
        <v>1</v>
      </c>
      <c r="I5707" s="98">
        <v>0</v>
      </c>
      <c r="J5707" s="98">
        <v>1</v>
      </c>
      <c r="K5707" s="98">
        <v>0</v>
      </c>
      <c r="L5707" s="98">
        <v>0</v>
      </c>
      <c r="M5707" s="98">
        <v>0</v>
      </c>
      <c r="N5707" s="98">
        <v>0</v>
      </c>
      <c r="O5707" s="98">
        <v>0</v>
      </c>
      <c r="P5707" s="98">
        <v>0</v>
      </c>
      <c r="Q5707" s="98">
        <v>0</v>
      </c>
      <c r="R5707" s="98">
        <v>0</v>
      </c>
      <c r="S5707" s="98">
        <v>0</v>
      </c>
      <c r="T5707" s="98">
        <v>0</v>
      </c>
      <c r="U5707" s="98">
        <v>0</v>
      </c>
      <c r="V5707" s="98">
        <v>0</v>
      </c>
      <c r="W5707" s="98">
        <v>0</v>
      </c>
      <c r="X5707" s="98">
        <v>0</v>
      </c>
      <c r="Y5707" s="98">
        <v>0</v>
      </c>
      <c r="Z5707" s="98">
        <v>0</v>
      </c>
      <c r="AA5707" s="98">
        <v>0</v>
      </c>
      <c r="AB5707" s="98">
        <v>0</v>
      </c>
      <c r="AC5707" s="98">
        <v>0</v>
      </c>
      <c r="AD5707" s="98">
        <v>0</v>
      </c>
      <c r="AE5707" s="98">
        <v>0</v>
      </c>
      <c r="AF5707" s="98">
        <v>0</v>
      </c>
      <c r="AG5707" s="98">
        <v>0</v>
      </c>
      <c r="AH5707" s="98">
        <v>0</v>
      </c>
      <c r="AI5707" s="98">
        <v>0</v>
      </c>
      <c r="AJ5707" s="98">
        <v>0</v>
      </c>
      <c r="AK5707" s="98">
        <v>0</v>
      </c>
      <c r="AL5707" s="98">
        <v>0</v>
      </c>
      <c r="AM5707" s="98">
        <v>0</v>
      </c>
      <c r="AN5707" s="98">
        <v>0</v>
      </c>
      <c r="AO5707" s="98">
        <v>1</v>
      </c>
      <c r="AP5707" s="98">
        <v>0</v>
      </c>
      <c r="AQ5707" s="98">
        <v>0</v>
      </c>
      <c r="AR5707" s="98">
        <v>0</v>
      </c>
      <c r="AS5707" s="98">
        <v>0</v>
      </c>
      <c r="AT5707" s="129" t="s">
        <v>174</v>
      </c>
      <c r="AU5707" s="98">
        <v>0</v>
      </c>
      <c r="AV5707" s="98">
        <v>0</v>
      </c>
      <c r="AW5707" s="98">
        <v>0</v>
      </c>
      <c r="AX5707" s="98" t="s">
        <v>13262</v>
      </c>
      <c r="AY5707" s="98" t="s">
        <v>13259</v>
      </c>
      <c r="AZ5707" s="98"/>
      <c r="BA5707" s="98"/>
      <c r="BB5707" s="107">
        <v>45884</v>
      </c>
    </row>
    <row r="5708" spans="1:54" s="8" customFormat="1" ht="14.1" customHeight="1" x14ac:dyDescent="0.25">
      <c r="A5708" s="219" t="s">
        <v>13264</v>
      </c>
      <c r="B5708" s="220" t="s">
        <v>12745</v>
      </c>
      <c r="C5708" s="98" t="s">
        <v>22221</v>
      </c>
      <c r="D5708" s="98" t="s">
        <v>13265</v>
      </c>
      <c r="E5708" s="141">
        <v>1982</v>
      </c>
      <c r="F5708" s="141">
        <v>23200</v>
      </c>
      <c r="G5708" s="98" t="s">
        <v>6</v>
      </c>
      <c r="H5708" s="98">
        <v>0</v>
      </c>
      <c r="I5708" s="98">
        <v>0</v>
      </c>
      <c r="J5708" s="98">
        <v>1</v>
      </c>
      <c r="K5708" s="98">
        <v>0</v>
      </c>
      <c r="L5708" s="98">
        <v>0</v>
      </c>
      <c r="M5708" s="98">
        <v>0</v>
      </c>
      <c r="N5708" s="98">
        <v>0</v>
      </c>
      <c r="O5708" s="98">
        <v>0</v>
      </c>
      <c r="P5708" s="98">
        <v>0</v>
      </c>
      <c r="Q5708" s="98">
        <v>0</v>
      </c>
      <c r="R5708" s="98">
        <v>0</v>
      </c>
      <c r="S5708" s="98">
        <v>0</v>
      </c>
      <c r="T5708" s="98">
        <v>0</v>
      </c>
      <c r="U5708" s="98">
        <v>0</v>
      </c>
      <c r="V5708" s="98">
        <v>0</v>
      </c>
      <c r="W5708" s="98">
        <v>0</v>
      </c>
      <c r="X5708" s="98">
        <v>0</v>
      </c>
      <c r="Y5708" s="98">
        <v>0</v>
      </c>
      <c r="Z5708" s="98">
        <v>0</v>
      </c>
      <c r="AA5708" s="98">
        <v>0</v>
      </c>
      <c r="AB5708" s="98">
        <v>0</v>
      </c>
      <c r="AC5708" s="98">
        <v>0</v>
      </c>
      <c r="AD5708" s="98">
        <v>0</v>
      </c>
      <c r="AE5708" s="98">
        <v>0</v>
      </c>
      <c r="AF5708" s="98">
        <v>0</v>
      </c>
      <c r="AG5708" s="98">
        <v>0</v>
      </c>
      <c r="AH5708" s="98">
        <v>0</v>
      </c>
      <c r="AI5708" s="98">
        <v>0</v>
      </c>
      <c r="AJ5708" s="98">
        <v>0</v>
      </c>
      <c r="AK5708" s="98">
        <v>0</v>
      </c>
      <c r="AL5708" s="98">
        <v>0</v>
      </c>
      <c r="AM5708" s="98">
        <v>0</v>
      </c>
      <c r="AN5708" s="98">
        <v>0</v>
      </c>
      <c r="AO5708" s="98">
        <v>1</v>
      </c>
      <c r="AP5708" s="98">
        <v>0</v>
      </c>
      <c r="AQ5708" s="98">
        <v>0</v>
      </c>
      <c r="AR5708" s="98">
        <v>0</v>
      </c>
      <c r="AS5708" s="98">
        <v>0</v>
      </c>
      <c r="AT5708" s="129" t="s">
        <v>174</v>
      </c>
      <c r="AU5708" s="98">
        <v>1</v>
      </c>
      <c r="AV5708" s="98">
        <v>1</v>
      </c>
      <c r="AW5708" s="98">
        <v>0</v>
      </c>
      <c r="AX5708" s="98" t="s">
        <v>19734</v>
      </c>
      <c r="AY5708" s="98" t="s">
        <v>13259</v>
      </c>
      <c r="AZ5708" s="98"/>
      <c r="BA5708" s="98"/>
      <c r="BB5708" s="107">
        <v>45884</v>
      </c>
    </row>
    <row r="5709" spans="1:54" s="8" customFormat="1" ht="14.1" customHeight="1" x14ac:dyDescent="0.25">
      <c r="A5709" s="219" t="s">
        <v>13266</v>
      </c>
      <c r="B5709" s="220" t="s">
        <v>12745</v>
      </c>
      <c r="C5709" s="98" t="s">
        <v>13267</v>
      </c>
      <c r="D5709" s="98" t="s">
        <v>20198</v>
      </c>
      <c r="E5709" s="141">
        <v>2015</v>
      </c>
      <c r="F5709" s="141">
        <v>479886</v>
      </c>
      <c r="G5709" s="98" t="s">
        <v>9</v>
      </c>
      <c r="H5709" s="98">
        <v>1</v>
      </c>
      <c r="I5709" s="98">
        <v>1</v>
      </c>
      <c r="J5709" s="98">
        <v>1</v>
      </c>
      <c r="K5709" s="98">
        <v>0</v>
      </c>
      <c r="L5709" s="98">
        <v>0</v>
      </c>
      <c r="M5709" s="98">
        <v>0</v>
      </c>
      <c r="N5709" s="98">
        <v>0</v>
      </c>
      <c r="O5709" s="98">
        <v>0</v>
      </c>
      <c r="P5709" s="98">
        <v>0</v>
      </c>
      <c r="Q5709" s="98">
        <v>0</v>
      </c>
      <c r="R5709" s="98">
        <v>0</v>
      </c>
      <c r="S5709" s="98">
        <v>0</v>
      </c>
      <c r="T5709" s="98">
        <v>0</v>
      </c>
      <c r="U5709" s="98">
        <v>0</v>
      </c>
      <c r="V5709" s="98">
        <v>0</v>
      </c>
      <c r="W5709" s="98">
        <v>0</v>
      </c>
      <c r="X5709" s="98">
        <v>0</v>
      </c>
      <c r="Y5709" s="98">
        <v>0</v>
      </c>
      <c r="Z5709" s="98">
        <v>0</v>
      </c>
      <c r="AA5709" s="98">
        <v>0</v>
      </c>
      <c r="AB5709" s="98">
        <v>0</v>
      </c>
      <c r="AC5709" s="98">
        <v>0</v>
      </c>
      <c r="AD5709" s="98">
        <v>0</v>
      </c>
      <c r="AE5709" s="98">
        <v>0</v>
      </c>
      <c r="AF5709" s="98">
        <v>0</v>
      </c>
      <c r="AG5709" s="98">
        <v>0</v>
      </c>
      <c r="AH5709" s="98">
        <v>0</v>
      </c>
      <c r="AI5709" s="98">
        <v>0</v>
      </c>
      <c r="AJ5709" s="98">
        <v>0</v>
      </c>
      <c r="AK5709" s="98">
        <v>0</v>
      </c>
      <c r="AL5709" s="98">
        <v>0</v>
      </c>
      <c r="AM5709" s="98">
        <v>0</v>
      </c>
      <c r="AN5709" s="98">
        <v>0</v>
      </c>
      <c r="AO5709" s="98">
        <v>0</v>
      </c>
      <c r="AP5709" s="98">
        <v>0</v>
      </c>
      <c r="AQ5709" s="98">
        <v>0</v>
      </c>
      <c r="AR5709" s="98">
        <v>0</v>
      </c>
      <c r="AS5709" s="98">
        <v>0</v>
      </c>
      <c r="AT5709" s="129" t="s">
        <v>174</v>
      </c>
      <c r="AU5709" s="98">
        <v>0</v>
      </c>
      <c r="AV5709" s="98">
        <v>0</v>
      </c>
      <c r="AW5709" s="98">
        <v>0</v>
      </c>
      <c r="AX5709" s="98" t="s">
        <v>13258</v>
      </c>
      <c r="AY5709" s="98" t="s">
        <v>13259</v>
      </c>
      <c r="AZ5709" s="98"/>
      <c r="BA5709" s="98"/>
      <c r="BB5709" s="107">
        <v>45884</v>
      </c>
    </row>
    <row r="5710" spans="1:54" s="8" customFormat="1" ht="14.1" customHeight="1" x14ac:dyDescent="0.25">
      <c r="A5710" s="219" t="s">
        <v>13268</v>
      </c>
      <c r="B5710" s="220" t="s">
        <v>12745</v>
      </c>
      <c r="C5710" s="98" t="s">
        <v>13269</v>
      </c>
      <c r="D5710" s="98" t="s">
        <v>20199</v>
      </c>
      <c r="E5710" s="141">
        <v>1988</v>
      </c>
      <c r="F5710" s="141">
        <v>10517</v>
      </c>
      <c r="G5710" s="98" t="s">
        <v>1</v>
      </c>
      <c r="H5710" s="98">
        <v>0</v>
      </c>
      <c r="I5710" s="98">
        <v>0</v>
      </c>
      <c r="J5710" s="98">
        <v>0</v>
      </c>
      <c r="K5710" s="98">
        <v>0</v>
      </c>
      <c r="L5710" s="98">
        <v>0</v>
      </c>
      <c r="M5710" s="98">
        <v>0</v>
      </c>
      <c r="N5710" s="98">
        <v>0</v>
      </c>
      <c r="O5710" s="98">
        <v>0</v>
      </c>
      <c r="P5710" s="98">
        <v>0</v>
      </c>
      <c r="Q5710" s="98">
        <v>0</v>
      </c>
      <c r="R5710" s="98">
        <v>0</v>
      </c>
      <c r="S5710" s="98">
        <v>0</v>
      </c>
      <c r="T5710" s="98">
        <v>0</v>
      </c>
      <c r="U5710" s="99"/>
      <c r="V5710" s="99"/>
      <c r="W5710" s="99"/>
      <c r="X5710" s="99"/>
      <c r="Y5710" s="99"/>
      <c r="Z5710" s="99"/>
      <c r="AA5710" s="99"/>
      <c r="AB5710" s="99"/>
      <c r="AC5710" s="99"/>
      <c r="AD5710" s="99"/>
      <c r="AE5710" s="99"/>
      <c r="AF5710" s="99"/>
      <c r="AG5710" s="99"/>
      <c r="AH5710" s="99"/>
      <c r="AI5710" s="99"/>
      <c r="AJ5710" s="99"/>
      <c r="AK5710" s="99"/>
      <c r="AL5710" s="99"/>
      <c r="AM5710" s="99"/>
      <c r="AN5710" s="99"/>
      <c r="AO5710" s="99"/>
      <c r="AP5710" s="99"/>
      <c r="AQ5710" s="99"/>
      <c r="AR5710" s="99"/>
      <c r="AS5710" s="99"/>
      <c r="AT5710" s="99"/>
      <c r="AU5710" s="99"/>
      <c r="AV5710" s="99"/>
      <c r="AW5710" s="99"/>
      <c r="AX5710" s="99"/>
      <c r="AY5710" s="99"/>
      <c r="AZ5710" s="99"/>
      <c r="BA5710" s="98" t="s">
        <v>13270</v>
      </c>
      <c r="BB5710" s="107">
        <v>45884</v>
      </c>
    </row>
    <row r="5711" spans="1:54" s="8" customFormat="1" ht="14.1" customHeight="1" x14ac:dyDescent="0.25">
      <c r="A5711" s="219" t="s">
        <v>13271</v>
      </c>
      <c r="B5711" s="220" t="s">
        <v>12745</v>
      </c>
      <c r="C5711" s="98" t="s">
        <v>13272</v>
      </c>
      <c r="D5711" s="98" t="s">
        <v>20200</v>
      </c>
      <c r="E5711" s="141">
        <v>1983</v>
      </c>
      <c r="F5711" s="141">
        <v>11466</v>
      </c>
      <c r="G5711" s="98" t="s">
        <v>1</v>
      </c>
      <c r="H5711" s="98">
        <v>0</v>
      </c>
      <c r="I5711" s="98">
        <v>0</v>
      </c>
      <c r="J5711" s="98">
        <v>1</v>
      </c>
      <c r="K5711" s="98">
        <v>0</v>
      </c>
      <c r="L5711" s="98">
        <v>0</v>
      </c>
      <c r="M5711" s="98">
        <v>0</v>
      </c>
      <c r="N5711" s="98">
        <v>0</v>
      </c>
      <c r="O5711" s="98">
        <v>0</v>
      </c>
      <c r="P5711" s="98">
        <v>0</v>
      </c>
      <c r="Q5711" s="98">
        <v>0</v>
      </c>
      <c r="R5711" s="98">
        <v>0</v>
      </c>
      <c r="S5711" s="98">
        <v>0</v>
      </c>
      <c r="T5711" s="98">
        <v>0</v>
      </c>
      <c r="U5711" s="99"/>
      <c r="V5711" s="99"/>
      <c r="W5711" s="99"/>
      <c r="X5711" s="99"/>
      <c r="Y5711" s="99"/>
      <c r="Z5711" s="99"/>
      <c r="AA5711" s="99"/>
      <c r="AB5711" s="99"/>
      <c r="AC5711" s="99"/>
      <c r="AD5711" s="99"/>
      <c r="AE5711" s="99"/>
      <c r="AF5711" s="99"/>
      <c r="AG5711" s="99"/>
      <c r="AH5711" s="99"/>
      <c r="AI5711" s="99"/>
      <c r="AJ5711" s="99"/>
      <c r="AK5711" s="99"/>
      <c r="AL5711" s="99"/>
      <c r="AM5711" s="99"/>
      <c r="AN5711" s="99"/>
      <c r="AO5711" s="99"/>
      <c r="AP5711" s="99"/>
      <c r="AQ5711" s="99"/>
      <c r="AR5711" s="99"/>
      <c r="AS5711" s="99"/>
      <c r="AT5711" s="99"/>
      <c r="AU5711" s="99"/>
      <c r="AV5711" s="99"/>
      <c r="AW5711" s="99"/>
      <c r="AX5711" s="99"/>
      <c r="AY5711" s="99"/>
      <c r="AZ5711" s="99"/>
      <c r="BA5711" s="99"/>
      <c r="BB5711" s="107">
        <v>45884</v>
      </c>
    </row>
    <row r="5712" spans="1:54" s="8" customFormat="1" ht="14.1" customHeight="1" x14ac:dyDescent="0.25">
      <c r="A5712" s="219" t="s">
        <v>13273</v>
      </c>
      <c r="B5712" s="220" t="s">
        <v>12745</v>
      </c>
      <c r="C5712" s="98" t="s">
        <v>13274</v>
      </c>
      <c r="D5712" s="98" t="s">
        <v>13275</v>
      </c>
      <c r="E5712" s="141">
        <v>1977</v>
      </c>
      <c r="F5712" s="141">
        <v>59000</v>
      </c>
      <c r="G5712" s="98" t="s">
        <v>7</v>
      </c>
      <c r="H5712" s="98">
        <v>1</v>
      </c>
      <c r="I5712" s="98">
        <v>1</v>
      </c>
      <c r="J5712" s="98">
        <v>1</v>
      </c>
      <c r="K5712" s="98">
        <v>0</v>
      </c>
      <c r="L5712" s="98">
        <v>0</v>
      </c>
      <c r="M5712" s="98">
        <v>0</v>
      </c>
      <c r="N5712" s="98">
        <v>0</v>
      </c>
      <c r="O5712" s="98">
        <v>0</v>
      </c>
      <c r="P5712" s="98">
        <v>0</v>
      </c>
      <c r="Q5712" s="98">
        <v>0</v>
      </c>
      <c r="R5712" s="98">
        <v>0</v>
      </c>
      <c r="S5712" s="98">
        <v>0</v>
      </c>
      <c r="T5712" s="98">
        <v>0</v>
      </c>
      <c r="U5712" s="98">
        <v>0</v>
      </c>
      <c r="V5712" s="98">
        <v>0</v>
      </c>
      <c r="W5712" s="98">
        <v>0</v>
      </c>
      <c r="X5712" s="98">
        <v>0</v>
      </c>
      <c r="Y5712" s="98">
        <v>0</v>
      </c>
      <c r="Z5712" s="98">
        <v>1</v>
      </c>
      <c r="AA5712" s="98">
        <v>0</v>
      </c>
      <c r="AB5712" s="98">
        <v>1</v>
      </c>
      <c r="AC5712" s="98">
        <v>0</v>
      </c>
      <c r="AD5712" s="98">
        <v>0</v>
      </c>
      <c r="AE5712" s="98">
        <v>0</v>
      </c>
      <c r="AF5712" s="98">
        <v>0</v>
      </c>
      <c r="AG5712" s="98">
        <v>0</v>
      </c>
      <c r="AH5712" s="98">
        <v>0</v>
      </c>
      <c r="AI5712" s="98">
        <v>0</v>
      </c>
      <c r="AJ5712" s="98">
        <v>0</v>
      </c>
      <c r="AK5712" s="98">
        <v>0</v>
      </c>
      <c r="AL5712" s="98">
        <v>0</v>
      </c>
      <c r="AM5712" s="98">
        <v>0</v>
      </c>
      <c r="AN5712" s="98">
        <v>0</v>
      </c>
      <c r="AO5712" s="98">
        <v>1</v>
      </c>
      <c r="AP5712" s="98">
        <v>0</v>
      </c>
      <c r="AQ5712" s="98">
        <v>0</v>
      </c>
      <c r="AR5712" s="98">
        <v>0</v>
      </c>
      <c r="AS5712" s="98">
        <v>0</v>
      </c>
      <c r="AT5712" s="98">
        <v>1</v>
      </c>
      <c r="AU5712" s="98">
        <v>1</v>
      </c>
      <c r="AV5712" s="98">
        <v>0</v>
      </c>
      <c r="AW5712" s="98">
        <v>0</v>
      </c>
      <c r="AX5712" s="98" t="s">
        <v>13276</v>
      </c>
      <c r="AY5712" s="98" t="s">
        <v>13277</v>
      </c>
      <c r="AZ5712" s="98"/>
      <c r="BA5712" s="98"/>
      <c r="BB5712" s="107">
        <v>45884</v>
      </c>
    </row>
    <row r="5713" spans="1:54" s="8" customFormat="1" ht="14.1" customHeight="1" x14ac:dyDescent="0.25">
      <c r="A5713" s="219" t="s">
        <v>13278</v>
      </c>
      <c r="B5713" s="220" t="s">
        <v>12745</v>
      </c>
      <c r="C5713" s="98" t="s">
        <v>13279</v>
      </c>
      <c r="D5713" s="98" t="s">
        <v>13280</v>
      </c>
      <c r="E5713" s="141">
        <v>2009</v>
      </c>
      <c r="F5713" s="141">
        <v>66000</v>
      </c>
      <c r="G5713" s="98" t="s">
        <v>10</v>
      </c>
      <c r="H5713" s="98">
        <v>1</v>
      </c>
      <c r="I5713" s="98">
        <v>1</v>
      </c>
      <c r="J5713" s="98">
        <v>1</v>
      </c>
      <c r="K5713" s="98">
        <v>0</v>
      </c>
      <c r="L5713" s="98">
        <v>0</v>
      </c>
      <c r="M5713" s="98">
        <v>0</v>
      </c>
      <c r="N5713" s="98">
        <v>0</v>
      </c>
      <c r="O5713" s="98">
        <v>0</v>
      </c>
      <c r="P5713" s="98">
        <v>0</v>
      </c>
      <c r="Q5713" s="98">
        <v>0</v>
      </c>
      <c r="R5713" s="98">
        <v>0</v>
      </c>
      <c r="S5713" s="98">
        <v>0</v>
      </c>
      <c r="T5713" s="98">
        <v>0</v>
      </c>
      <c r="U5713" s="98">
        <v>0</v>
      </c>
      <c r="V5713" s="98">
        <v>0</v>
      </c>
      <c r="W5713" s="98">
        <v>0</v>
      </c>
      <c r="X5713" s="98">
        <v>0</v>
      </c>
      <c r="Y5713" s="98">
        <v>0</v>
      </c>
      <c r="Z5713" s="98">
        <v>0</v>
      </c>
      <c r="AA5713" s="98">
        <v>0</v>
      </c>
      <c r="AB5713" s="98">
        <v>0</v>
      </c>
      <c r="AC5713" s="98">
        <v>0</v>
      </c>
      <c r="AD5713" s="98">
        <v>0</v>
      </c>
      <c r="AE5713" s="98">
        <v>0</v>
      </c>
      <c r="AF5713" s="98">
        <v>0</v>
      </c>
      <c r="AG5713" s="98">
        <v>0</v>
      </c>
      <c r="AH5713" s="98">
        <v>0</v>
      </c>
      <c r="AI5713" s="98">
        <v>0</v>
      </c>
      <c r="AJ5713" s="98">
        <v>0</v>
      </c>
      <c r="AK5713" s="98">
        <v>0</v>
      </c>
      <c r="AL5713" s="98">
        <v>0</v>
      </c>
      <c r="AM5713" s="98">
        <v>0</v>
      </c>
      <c r="AN5713" s="98">
        <v>0</v>
      </c>
      <c r="AO5713" s="98">
        <v>1</v>
      </c>
      <c r="AP5713" s="98">
        <v>0</v>
      </c>
      <c r="AQ5713" s="98">
        <v>0</v>
      </c>
      <c r="AR5713" s="98">
        <v>0</v>
      </c>
      <c r="AS5713" s="98">
        <v>0</v>
      </c>
      <c r="AT5713" s="129" t="s">
        <v>174</v>
      </c>
      <c r="AU5713" s="98">
        <v>1</v>
      </c>
      <c r="AV5713" s="98">
        <v>0</v>
      </c>
      <c r="AW5713" s="98">
        <v>0</v>
      </c>
      <c r="AX5713" s="98" t="s">
        <v>13281</v>
      </c>
      <c r="AY5713" s="98" t="s">
        <v>13282</v>
      </c>
      <c r="AZ5713" s="98"/>
      <c r="BA5713" s="98"/>
      <c r="BB5713" s="107">
        <v>45884</v>
      </c>
    </row>
    <row r="5714" spans="1:54" s="8" customFormat="1" ht="14.1" customHeight="1" x14ac:dyDescent="0.25">
      <c r="A5714" s="219" t="s">
        <v>13283</v>
      </c>
      <c r="B5714" s="220" t="s">
        <v>12745</v>
      </c>
      <c r="C5714" s="98" t="s">
        <v>13284</v>
      </c>
      <c r="D5714" s="98" t="s">
        <v>13285</v>
      </c>
      <c r="E5714" s="141">
        <v>2007</v>
      </c>
      <c r="F5714" s="141">
        <v>69000</v>
      </c>
      <c r="G5714" s="98" t="s">
        <v>10</v>
      </c>
      <c r="H5714" s="98">
        <v>0</v>
      </c>
      <c r="I5714" s="98">
        <v>0</v>
      </c>
      <c r="J5714" s="98">
        <v>1</v>
      </c>
      <c r="K5714" s="98">
        <v>0</v>
      </c>
      <c r="L5714" s="98">
        <v>0</v>
      </c>
      <c r="M5714" s="98">
        <v>0</v>
      </c>
      <c r="N5714" s="98">
        <v>0</v>
      </c>
      <c r="O5714" s="98">
        <v>0</v>
      </c>
      <c r="P5714" s="98">
        <v>0</v>
      </c>
      <c r="Q5714" s="98">
        <v>0</v>
      </c>
      <c r="R5714" s="98">
        <v>0</v>
      </c>
      <c r="S5714" s="98">
        <v>0</v>
      </c>
      <c r="T5714" s="98">
        <v>0</v>
      </c>
      <c r="U5714" s="98">
        <v>0</v>
      </c>
      <c r="V5714" s="98">
        <v>0</v>
      </c>
      <c r="W5714" s="98">
        <v>0</v>
      </c>
      <c r="X5714" s="98">
        <v>0</v>
      </c>
      <c r="Y5714" s="98">
        <v>0</v>
      </c>
      <c r="Z5714" s="98">
        <v>0</v>
      </c>
      <c r="AA5714" s="98">
        <v>0</v>
      </c>
      <c r="AB5714" s="98">
        <v>0</v>
      </c>
      <c r="AC5714" s="98">
        <v>0</v>
      </c>
      <c r="AD5714" s="98">
        <v>0</v>
      </c>
      <c r="AE5714" s="98">
        <v>0</v>
      </c>
      <c r="AF5714" s="98">
        <v>0</v>
      </c>
      <c r="AG5714" s="98">
        <v>0</v>
      </c>
      <c r="AH5714" s="98">
        <v>0</v>
      </c>
      <c r="AI5714" s="98">
        <v>0</v>
      </c>
      <c r="AJ5714" s="98">
        <v>0</v>
      </c>
      <c r="AK5714" s="98">
        <v>0</v>
      </c>
      <c r="AL5714" s="98">
        <v>0</v>
      </c>
      <c r="AM5714" s="98">
        <v>0</v>
      </c>
      <c r="AN5714" s="98">
        <v>0</v>
      </c>
      <c r="AO5714" s="98">
        <v>0</v>
      </c>
      <c r="AP5714" s="98">
        <v>0</v>
      </c>
      <c r="AQ5714" s="98">
        <v>0</v>
      </c>
      <c r="AR5714" s="98">
        <v>0</v>
      </c>
      <c r="AS5714" s="98">
        <v>0</v>
      </c>
      <c r="AT5714" s="129" t="s">
        <v>174</v>
      </c>
      <c r="AU5714" s="98">
        <v>0</v>
      </c>
      <c r="AV5714" s="98">
        <v>0</v>
      </c>
      <c r="AW5714" s="98">
        <v>0</v>
      </c>
      <c r="AX5714" s="98" t="s">
        <v>13262</v>
      </c>
      <c r="AY5714" s="98" t="s">
        <v>13259</v>
      </c>
      <c r="AZ5714" s="98"/>
      <c r="BA5714" s="98"/>
      <c r="BB5714" s="107">
        <v>45884</v>
      </c>
    </row>
    <row r="5715" spans="1:54" s="8" customFormat="1" ht="14.1" customHeight="1" x14ac:dyDescent="0.25">
      <c r="A5715" s="219" t="s">
        <v>13286</v>
      </c>
      <c r="B5715" s="220" t="s">
        <v>12745</v>
      </c>
      <c r="C5715" s="98" t="s">
        <v>13287</v>
      </c>
      <c r="D5715" s="98" t="s">
        <v>20201</v>
      </c>
      <c r="E5715" s="141">
        <v>1966</v>
      </c>
      <c r="F5715" s="141">
        <v>95000</v>
      </c>
      <c r="G5715" s="98" t="s">
        <v>7</v>
      </c>
      <c r="H5715" s="98">
        <v>1</v>
      </c>
      <c r="I5715" s="98">
        <v>1</v>
      </c>
      <c r="J5715" s="98">
        <v>1</v>
      </c>
      <c r="K5715" s="98">
        <v>0</v>
      </c>
      <c r="L5715" s="98">
        <v>0</v>
      </c>
      <c r="M5715" s="98">
        <v>0</v>
      </c>
      <c r="N5715" s="98">
        <v>0</v>
      </c>
      <c r="O5715" s="98">
        <v>0</v>
      </c>
      <c r="P5715" s="98">
        <v>0</v>
      </c>
      <c r="Q5715" s="98">
        <v>0</v>
      </c>
      <c r="R5715" s="98">
        <v>0</v>
      </c>
      <c r="S5715" s="98">
        <v>0</v>
      </c>
      <c r="T5715" s="98">
        <v>0</v>
      </c>
      <c r="U5715" s="98">
        <v>0</v>
      </c>
      <c r="V5715" s="98">
        <v>0</v>
      </c>
      <c r="W5715" s="98">
        <v>0</v>
      </c>
      <c r="X5715" s="98">
        <v>0</v>
      </c>
      <c r="Y5715" s="98">
        <v>0</v>
      </c>
      <c r="Z5715" s="98">
        <v>0</v>
      </c>
      <c r="AA5715" s="98">
        <v>0</v>
      </c>
      <c r="AB5715" s="98">
        <v>0</v>
      </c>
      <c r="AC5715" s="98">
        <v>0</v>
      </c>
      <c r="AD5715" s="98">
        <v>0</v>
      </c>
      <c r="AE5715" s="98">
        <v>0</v>
      </c>
      <c r="AF5715" s="98">
        <v>0</v>
      </c>
      <c r="AG5715" s="98">
        <v>0</v>
      </c>
      <c r="AH5715" s="98">
        <v>0</v>
      </c>
      <c r="AI5715" s="98">
        <v>0</v>
      </c>
      <c r="AJ5715" s="98">
        <v>0</v>
      </c>
      <c r="AK5715" s="98">
        <v>0</v>
      </c>
      <c r="AL5715" s="98">
        <v>0</v>
      </c>
      <c r="AM5715" s="98">
        <v>0</v>
      </c>
      <c r="AN5715" s="98">
        <v>0</v>
      </c>
      <c r="AO5715" s="98">
        <v>1</v>
      </c>
      <c r="AP5715" s="98">
        <v>0</v>
      </c>
      <c r="AQ5715" s="98">
        <v>0</v>
      </c>
      <c r="AR5715" s="98">
        <v>0</v>
      </c>
      <c r="AS5715" s="98">
        <v>0</v>
      </c>
      <c r="AT5715" s="98">
        <v>1</v>
      </c>
      <c r="AU5715" s="98">
        <v>0</v>
      </c>
      <c r="AV5715" s="98">
        <v>0</v>
      </c>
      <c r="AW5715" s="98">
        <v>0</v>
      </c>
      <c r="AX5715" s="98" t="s">
        <v>13262</v>
      </c>
      <c r="AY5715" s="98" t="s">
        <v>13259</v>
      </c>
      <c r="AZ5715" s="98"/>
      <c r="BA5715" s="98"/>
      <c r="BB5715" s="107">
        <v>45884</v>
      </c>
    </row>
    <row r="5716" spans="1:54" s="8" customFormat="1" ht="14.1" customHeight="1" x14ac:dyDescent="0.25">
      <c r="A5716" s="219" t="s">
        <v>13288</v>
      </c>
      <c r="B5716" s="220" t="s">
        <v>12745</v>
      </c>
      <c r="C5716" s="98" t="s">
        <v>13289</v>
      </c>
      <c r="D5716" s="98" t="s">
        <v>20202</v>
      </c>
      <c r="E5716" s="141">
        <v>1982</v>
      </c>
      <c r="F5716" s="141">
        <v>129000</v>
      </c>
      <c r="G5716" s="98" t="s">
        <v>10</v>
      </c>
      <c r="H5716" s="98">
        <v>1</v>
      </c>
      <c r="I5716" s="98">
        <v>0</v>
      </c>
      <c r="J5716" s="98">
        <v>0</v>
      </c>
      <c r="K5716" s="98">
        <v>0</v>
      </c>
      <c r="L5716" s="98">
        <v>0</v>
      </c>
      <c r="M5716" s="98">
        <v>0</v>
      </c>
      <c r="N5716" s="98">
        <v>0</v>
      </c>
      <c r="O5716" s="98">
        <v>0</v>
      </c>
      <c r="P5716" s="98">
        <v>0</v>
      </c>
      <c r="Q5716" s="98">
        <v>0</v>
      </c>
      <c r="R5716" s="98">
        <v>0</v>
      </c>
      <c r="S5716" s="98">
        <v>0</v>
      </c>
      <c r="T5716" s="98">
        <v>0</v>
      </c>
      <c r="U5716" s="98">
        <v>0</v>
      </c>
      <c r="V5716" s="98">
        <v>0</v>
      </c>
      <c r="W5716" s="98">
        <v>0</v>
      </c>
      <c r="X5716" s="98">
        <v>0</v>
      </c>
      <c r="Y5716" s="98">
        <v>0</v>
      </c>
      <c r="Z5716" s="98">
        <v>0</v>
      </c>
      <c r="AA5716" s="98">
        <v>0</v>
      </c>
      <c r="AB5716" s="98">
        <v>0</v>
      </c>
      <c r="AC5716" s="98">
        <v>0</v>
      </c>
      <c r="AD5716" s="98">
        <v>0</v>
      </c>
      <c r="AE5716" s="98">
        <v>0</v>
      </c>
      <c r="AF5716" s="98">
        <v>0</v>
      </c>
      <c r="AG5716" s="98">
        <v>0</v>
      </c>
      <c r="AH5716" s="98">
        <v>0</v>
      </c>
      <c r="AI5716" s="98">
        <v>0</v>
      </c>
      <c r="AJ5716" s="98">
        <v>0</v>
      </c>
      <c r="AK5716" s="98">
        <v>0</v>
      </c>
      <c r="AL5716" s="98">
        <v>0</v>
      </c>
      <c r="AM5716" s="98">
        <v>0</v>
      </c>
      <c r="AN5716" s="98">
        <v>0</v>
      </c>
      <c r="AO5716" s="98">
        <v>1</v>
      </c>
      <c r="AP5716" s="98">
        <v>0</v>
      </c>
      <c r="AQ5716" s="98">
        <v>0</v>
      </c>
      <c r="AR5716" s="98">
        <v>0</v>
      </c>
      <c r="AS5716" s="98">
        <v>0</v>
      </c>
      <c r="AT5716" s="129" t="s">
        <v>174</v>
      </c>
      <c r="AU5716" s="98">
        <v>0</v>
      </c>
      <c r="AV5716" s="98">
        <v>0</v>
      </c>
      <c r="AW5716" s="98">
        <v>0</v>
      </c>
      <c r="AX5716" s="98" t="s">
        <v>13281</v>
      </c>
      <c r="AY5716" s="98" t="s">
        <v>13282</v>
      </c>
      <c r="AZ5716" s="98"/>
      <c r="BA5716" s="98"/>
      <c r="BB5716" s="107">
        <v>45884</v>
      </c>
    </row>
    <row r="5717" spans="1:54" s="8" customFormat="1" ht="14.1" customHeight="1" x14ac:dyDescent="0.25">
      <c r="A5717" s="219" t="s">
        <v>13290</v>
      </c>
      <c r="B5717" s="220" t="s">
        <v>12745</v>
      </c>
      <c r="C5717" s="98" t="s">
        <v>13291</v>
      </c>
      <c r="D5717" s="98" t="s">
        <v>21974</v>
      </c>
      <c r="E5717" s="141">
        <v>1997</v>
      </c>
      <c r="F5717" s="141">
        <v>246000</v>
      </c>
      <c r="G5717" s="98" t="s">
        <v>10</v>
      </c>
      <c r="H5717" s="98">
        <v>1</v>
      </c>
      <c r="I5717" s="98">
        <v>1</v>
      </c>
      <c r="J5717" s="98">
        <v>1</v>
      </c>
      <c r="K5717" s="98">
        <v>0</v>
      </c>
      <c r="L5717" s="98">
        <v>0</v>
      </c>
      <c r="M5717" s="98">
        <v>0</v>
      </c>
      <c r="N5717" s="98">
        <v>0</v>
      </c>
      <c r="O5717" s="98">
        <v>0</v>
      </c>
      <c r="P5717" s="98">
        <v>0</v>
      </c>
      <c r="Q5717" s="98">
        <v>0</v>
      </c>
      <c r="R5717" s="98">
        <v>0</v>
      </c>
      <c r="S5717" s="98">
        <v>0</v>
      </c>
      <c r="T5717" s="98">
        <v>0</v>
      </c>
      <c r="U5717" s="98">
        <v>0</v>
      </c>
      <c r="V5717" s="98">
        <v>0</v>
      </c>
      <c r="W5717" s="98">
        <v>0</v>
      </c>
      <c r="X5717" s="98">
        <v>0</v>
      </c>
      <c r="Y5717" s="98">
        <v>0</v>
      </c>
      <c r="Z5717" s="98">
        <v>0</v>
      </c>
      <c r="AA5717" s="98">
        <v>0</v>
      </c>
      <c r="AB5717" s="98">
        <v>0</v>
      </c>
      <c r="AC5717" s="98">
        <v>0</v>
      </c>
      <c r="AD5717" s="98">
        <v>0</v>
      </c>
      <c r="AE5717" s="98">
        <v>0</v>
      </c>
      <c r="AF5717" s="98">
        <v>0</v>
      </c>
      <c r="AG5717" s="98">
        <v>0</v>
      </c>
      <c r="AH5717" s="98">
        <v>0</v>
      </c>
      <c r="AI5717" s="98">
        <v>0</v>
      </c>
      <c r="AJ5717" s="98">
        <v>0</v>
      </c>
      <c r="AK5717" s="98">
        <v>0</v>
      </c>
      <c r="AL5717" s="98">
        <v>0</v>
      </c>
      <c r="AM5717" s="98">
        <v>0</v>
      </c>
      <c r="AN5717" s="98">
        <v>0</v>
      </c>
      <c r="AO5717" s="98">
        <v>1</v>
      </c>
      <c r="AP5717" s="98">
        <v>0</v>
      </c>
      <c r="AQ5717" s="98">
        <v>0</v>
      </c>
      <c r="AR5717" s="98">
        <v>0</v>
      </c>
      <c r="AS5717" s="98">
        <v>0</v>
      </c>
      <c r="AT5717" s="98">
        <v>1</v>
      </c>
      <c r="AU5717" s="98">
        <v>1</v>
      </c>
      <c r="AV5717" s="98">
        <v>0</v>
      </c>
      <c r="AW5717" s="98">
        <v>0</v>
      </c>
      <c r="AX5717" s="98" t="s">
        <v>22222</v>
      </c>
      <c r="AY5717" s="98" t="s">
        <v>13259</v>
      </c>
      <c r="AZ5717" s="98"/>
      <c r="BA5717" s="98"/>
      <c r="BB5717" s="107">
        <v>45884</v>
      </c>
    </row>
    <row r="5718" spans="1:54" s="8" customFormat="1" ht="14.1" customHeight="1" x14ac:dyDescent="0.25">
      <c r="A5718" s="219" t="s">
        <v>21972</v>
      </c>
      <c r="B5718" s="220" t="s">
        <v>13292</v>
      </c>
      <c r="C5718" s="98" t="s">
        <v>5863</v>
      </c>
      <c r="D5718" s="98" t="s">
        <v>20203</v>
      </c>
      <c r="E5718" s="141" t="s">
        <v>174</v>
      </c>
      <c r="F5718" s="141">
        <v>965</v>
      </c>
      <c r="G5718" s="98" t="s">
        <v>1</v>
      </c>
      <c r="H5718" s="98">
        <v>0</v>
      </c>
      <c r="I5718" s="98">
        <v>0</v>
      </c>
      <c r="J5718" s="98">
        <v>1</v>
      </c>
      <c r="K5718" s="98">
        <v>0</v>
      </c>
      <c r="L5718" s="98">
        <v>1</v>
      </c>
      <c r="M5718" s="98">
        <v>0</v>
      </c>
      <c r="N5718" s="98">
        <v>0</v>
      </c>
      <c r="O5718" s="98">
        <v>1</v>
      </c>
      <c r="P5718" s="98">
        <v>1</v>
      </c>
      <c r="Q5718" s="98">
        <v>0</v>
      </c>
      <c r="R5718" s="98">
        <v>1</v>
      </c>
      <c r="S5718" s="98">
        <v>1</v>
      </c>
      <c r="T5718" s="98">
        <v>0</v>
      </c>
      <c r="U5718" s="99"/>
      <c r="V5718" s="99"/>
      <c r="W5718" s="99"/>
      <c r="X5718" s="99"/>
      <c r="Y5718" s="99"/>
      <c r="Z5718" s="99"/>
      <c r="AA5718" s="99"/>
      <c r="AB5718" s="99"/>
      <c r="AC5718" s="99"/>
      <c r="AD5718" s="99"/>
      <c r="AE5718" s="99"/>
      <c r="AF5718" s="99"/>
      <c r="AG5718" s="99"/>
      <c r="AH5718" s="99"/>
      <c r="AI5718" s="99"/>
      <c r="AJ5718" s="99"/>
      <c r="AK5718" s="99"/>
      <c r="AL5718" s="99"/>
      <c r="AM5718" s="99"/>
      <c r="AN5718" s="99"/>
      <c r="AO5718" s="99"/>
      <c r="AP5718" s="99"/>
      <c r="AQ5718" s="99"/>
      <c r="AR5718" s="99"/>
      <c r="AS5718" s="99"/>
      <c r="AT5718" s="99"/>
      <c r="AU5718" s="99"/>
      <c r="AV5718" s="99"/>
      <c r="AW5718" s="99"/>
      <c r="AX5718" s="99"/>
      <c r="AY5718" s="99"/>
      <c r="AZ5718" s="99"/>
      <c r="BA5718" s="99"/>
      <c r="BB5718" s="107">
        <v>45884</v>
      </c>
    </row>
    <row r="5719" spans="1:54" s="8" customFormat="1" ht="14.1" customHeight="1" x14ac:dyDescent="0.25">
      <c r="A5719" s="219" t="s">
        <v>13293</v>
      </c>
      <c r="B5719" s="220" t="s">
        <v>13292</v>
      </c>
      <c r="C5719" s="98" t="s">
        <v>13294</v>
      </c>
      <c r="D5719" s="98" t="s">
        <v>20204</v>
      </c>
      <c r="E5719" s="141">
        <v>2015</v>
      </c>
      <c r="F5719" s="141">
        <v>9200</v>
      </c>
      <c r="G5719" s="98" t="s">
        <v>3</v>
      </c>
      <c r="H5719" s="98">
        <v>1</v>
      </c>
      <c r="I5719" s="98">
        <v>1</v>
      </c>
      <c r="J5719" s="98">
        <v>1</v>
      </c>
      <c r="K5719" s="98">
        <v>0</v>
      </c>
      <c r="L5719" s="98">
        <v>1</v>
      </c>
      <c r="M5719" s="98">
        <v>1</v>
      </c>
      <c r="N5719" s="98">
        <v>0</v>
      </c>
      <c r="O5719" s="98">
        <v>0</v>
      </c>
      <c r="P5719" s="98">
        <v>0</v>
      </c>
      <c r="Q5719" s="98">
        <v>0</v>
      </c>
      <c r="R5719" s="98">
        <v>0</v>
      </c>
      <c r="S5719" s="98">
        <v>0</v>
      </c>
      <c r="T5719" s="98">
        <v>0</v>
      </c>
      <c r="U5719" s="98">
        <v>0</v>
      </c>
      <c r="V5719" s="98">
        <v>0</v>
      </c>
      <c r="W5719" s="98">
        <v>0</v>
      </c>
      <c r="X5719" s="98">
        <v>0</v>
      </c>
      <c r="Y5719" s="98">
        <v>0</v>
      </c>
      <c r="Z5719" s="98">
        <v>0</v>
      </c>
      <c r="AA5719" s="98">
        <v>0</v>
      </c>
      <c r="AB5719" s="98">
        <v>0</v>
      </c>
      <c r="AC5719" s="98">
        <v>0</v>
      </c>
      <c r="AD5719" s="98">
        <v>0</v>
      </c>
      <c r="AE5719" s="98">
        <v>0</v>
      </c>
      <c r="AF5719" s="98">
        <v>0</v>
      </c>
      <c r="AG5719" s="98">
        <v>0</v>
      </c>
      <c r="AH5719" s="98">
        <v>0</v>
      </c>
      <c r="AI5719" s="98">
        <v>0</v>
      </c>
      <c r="AJ5719" s="98">
        <v>0</v>
      </c>
      <c r="AK5719" s="98">
        <v>0</v>
      </c>
      <c r="AL5719" s="98">
        <v>0</v>
      </c>
      <c r="AM5719" s="98">
        <v>0</v>
      </c>
      <c r="AN5719" s="98">
        <v>0</v>
      </c>
      <c r="AO5719" s="98">
        <v>0</v>
      </c>
      <c r="AP5719" s="98">
        <v>0</v>
      </c>
      <c r="AQ5719" s="98">
        <v>0</v>
      </c>
      <c r="AR5719" s="98">
        <v>0</v>
      </c>
      <c r="AS5719" s="98">
        <v>0</v>
      </c>
      <c r="AT5719" s="129" t="s">
        <v>174</v>
      </c>
      <c r="AU5719" s="98">
        <v>0</v>
      </c>
      <c r="AV5719" s="98">
        <v>0</v>
      </c>
      <c r="AW5719" s="98">
        <v>0</v>
      </c>
      <c r="AX5719" s="98" t="s">
        <v>13262</v>
      </c>
      <c r="AY5719" s="98" t="s">
        <v>13259</v>
      </c>
      <c r="AZ5719" s="98"/>
      <c r="BA5719" s="98"/>
      <c r="BB5719" s="107">
        <v>45884</v>
      </c>
    </row>
    <row r="5720" spans="1:54" s="8" customFormat="1" ht="14.1" customHeight="1" x14ac:dyDescent="0.25">
      <c r="A5720" s="219" t="s">
        <v>13295</v>
      </c>
      <c r="B5720" s="220" t="s">
        <v>13292</v>
      </c>
      <c r="C5720" s="98" t="s">
        <v>13296</v>
      </c>
      <c r="D5720" s="98" t="s">
        <v>20205</v>
      </c>
      <c r="E5720" s="141">
        <v>2014</v>
      </c>
      <c r="F5720" s="141">
        <v>13526</v>
      </c>
      <c r="G5720" s="98" t="s">
        <v>8</v>
      </c>
      <c r="H5720" s="98">
        <v>0</v>
      </c>
      <c r="I5720" s="98">
        <v>0</v>
      </c>
      <c r="J5720" s="98">
        <v>0</v>
      </c>
      <c r="K5720" s="98">
        <v>0</v>
      </c>
      <c r="L5720" s="98">
        <v>0</v>
      </c>
      <c r="M5720" s="98">
        <v>0</v>
      </c>
      <c r="N5720" s="98">
        <v>0</v>
      </c>
      <c r="O5720" s="98">
        <v>0</v>
      </c>
      <c r="P5720" s="98">
        <v>0</v>
      </c>
      <c r="Q5720" s="98">
        <v>0</v>
      </c>
      <c r="R5720" s="98">
        <v>0</v>
      </c>
      <c r="S5720" s="98">
        <v>0</v>
      </c>
      <c r="T5720" s="98">
        <v>0</v>
      </c>
      <c r="U5720" s="98">
        <v>0</v>
      </c>
      <c r="V5720" s="98">
        <v>0</v>
      </c>
      <c r="W5720" s="98">
        <v>0</v>
      </c>
      <c r="X5720" s="98">
        <v>0</v>
      </c>
      <c r="Y5720" s="98">
        <v>0</v>
      </c>
      <c r="Z5720" s="98">
        <v>0</v>
      </c>
      <c r="AA5720" s="98">
        <v>0</v>
      </c>
      <c r="AB5720" s="98">
        <v>0</v>
      </c>
      <c r="AC5720" s="98">
        <v>0</v>
      </c>
      <c r="AD5720" s="98">
        <v>0</v>
      </c>
      <c r="AE5720" s="98">
        <v>0</v>
      </c>
      <c r="AF5720" s="98">
        <v>0</v>
      </c>
      <c r="AG5720" s="98">
        <v>0</v>
      </c>
      <c r="AH5720" s="98">
        <v>0</v>
      </c>
      <c r="AI5720" s="98">
        <v>0</v>
      </c>
      <c r="AJ5720" s="98">
        <v>0</v>
      </c>
      <c r="AK5720" s="98">
        <v>0</v>
      </c>
      <c r="AL5720" s="98">
        <v>0</v>
      </c>
      <c r="AM5720" s="98">
        <v>0</v>
      </c>
      <c r="AN5720" s="98">
        <v>0</v>
      </c>
      <c r="AO5720" s="98">
        <v>0</v>
      </c>
      <c r="AP5720" s="98">
        <v>0</v>
      </c>
      <c r="AQ5720" s="98">
        <v>0</v>
      </c>
      <c r="AR5720" s="98">
        <v>0</v>
      </c>
      <c r="AS5720" s="98">
        <v>0</v>
      </c>
      <c r="AT5720" s="129" t="s">
        <v>174</v>
      </c>
      <c r="AU5720" s="98">
        <v>0</v>
      </c>
      <c r="AV5720" s="98">
        <v>0</v>
      </c>
      <c r="AW5720" s="98">
        <v>0</v>
      </c>
      <c r="AX5720" s="98" t="s">
        <v>13262</v>
      </c>
      <c r="AY5720" s="98" t="s">
        <v>13259</v>
      </c>
      <c r="AZ5720" s="98"/>
      <c r="BA5720" s="98"/>
      <c r="BB5720" s="107">
        <v>45884</v>
      </c>
    </row>
    <row r="5721" spans="1:54" s="8" customFormat="1" ht="14.1" customHeight="1" x14ac:dyDescent="0.25">
      <c r="A5721" s="219" t="s">
        <v>13297</v>
      </c>
      <c r="B5721" s="220" t="s">
        <v>13292</v>
      </c>
      <c r="C5721" s="98" t="s">
        <v>13298</v>
      </c>
      <c r="D5721" s="98" t="s">
        <v>20206</v>
      </c>
      <c r="E5721" s="141">
        <v>1984</v>
      </c>
      <c r="F5721" s="141">
        <v>61</v>
      </c>
      <c r="G5721" s="98" t="s">
        <v>8</v>
      </c>
      <c r="H5721" s="98">
        <v>0</v>
      </c>
      <c r="I5721" s="98">
        <v>0</v>
      </c>
      <c r="J5721" s="98">
        <v>0</v>
      </c>
      <c r="K5721" s="98">
        <v>0</v>
      </c>
      <c r="L5721" s="98">
        <v>0</v>
      </c>
      <c r="M5721" s="98">
        <v>0</v>
      </c>
      <c r="N5721" s="98">
        <v>0</v>
      </c>
      <c r="O5721" s="98">
        <v>0</v>
      </c>
      <c r="P5721" s="98">
        <v>0</v>
      </c>
      <c r="Q5721" s="98">
        <v>0</v>
      </c>
      <c r="R5721" s="98">
        <v>0</v>
      </c>
      <c r="S5721" s="98">
        <v>0</v>
      </c>
      <c r="T5721" s="98">
        <v>0</v>
      </c>
      <c r="U5721" s="98">
        <v>0</v>
      </c>
      <c r="V5721" s="98">
        <v>0</v>
      </c>
      <c r="W5721" s="98">
        <v>0</v>
      </c>
      <c r="X5721" s="98">
        <v>0</v>
      </c>
      <c r="Y5721" s="98">
        <v>0</v>
      </c>
      <c r="Z5721" s="98">
        <v>0</v>
      </c>
      <c r="AA5721" s="98">
        <v>0</v>
      </c>
      <c r="AB5721" s="98">
        <v>0</v>
      </c>
      <c r="AC5721" s="98">
        <v>0</v>
      </c>
      <c r="AD5721" s="98">
        <v>0</v>
      </c>
      <c r="AE5721" s="98">
        <v>0</v>
      </c>
      <c r="AF5721" s="98">
        <v>0</v>
      </c>
      <c r="AG5721" s="98">
        <v>0</v>
      </c>
      <c r="AH5721" s="98">
        <v>0</v>
      </c>
      <c r="AI5721" s="98">
        <v>0</v>
      </c>
      <c r="AJ5721" s="98">
        <v>0</v>
      </c>
      <c r="AK5721" s="98">
        <v>0</v>
      </c>
      <c r="AL5721" s="98">
        <v>0</v>
      </c>
      <c r="AM5721" s="98">
        <v>0</v>
      </c>
      <c r="AN5721" s="98">
        <v>0</v>
      </c>
      <c r="AO5721" s="98">
        <v>0</v>
      </c>
      <c r="AP5721" s="98">
        <v>0</v>
      </c>
      <c r="AQ5721" s="98">
        <v>0</v>
      </c>
      <c r="AR5721" s="98">
        <v>0</v>
      </c>
      <c r="AS5721" s="98">
        <v>0</v>
      </c>
      <c r="AT5721" s="129" t="s">
        <v>174</v>
      </c>
      <c r="AU5721" s="98">
        <v>0</v>
      </c>
      <c r="AV5721" s="98">
        <v>0</v>
      </c>
      <c r="AW5721" s="98">
        <v>0</v>
      </c>
      <c r="AX5721" s="98" t="s">
        <v>13262</v>
      </c>
      <c r="AY5721" s="98" t="s">
        <v>13259</v>
      </c>
      <c r="AZ5721" s="98"/>
      <c r="BA5721" s="98"/>
      <c r="BB5721" s="107">
        <v>45884</v>
      </c>
    </row>
    <row r="5722" spans="1:54" s="8" customFormat="1" ht="14.1" customHeight="1" x14ac:dyDescent="0.25">
      <c r="A5722" s="219" t="s">
        <v>13299</v>
      </c>
      <c r="B5722" s="220" t="s">
        <v>13292</v>
      </c>
      <c r="C5722" s="98" t="s">
        <v>13300</v>
      </c>
      <c r="D5722" s="98" t="s">
        <v>20207</v>
      </c>
      <c r="E5722" s="141">
        <v>1984</v>
      </c>
      <c r="F5722" s="141">
        <v>222</v>
      </c>
      <c r="G5722" s="98" t="s">
        <v>8</v>
      </c>
      <c r="H5722" s="98">
        <v>0</v>
      </c>
      <c r="I5722" s="98">
        <v>0</v>
      </c>
      <c r="J5722" s="98">
        <v>0</v>
      </c>
      <c r="K5722" s="98">
        <v>0</v>
      </c>
      <c r="L5722" s="98">
        <v>0</v>
      </c>
      <c r="M5722" s="98">
        <v>0</v>
      </c>
      <c r="N5722" s="98">
        <v>0</v>
      </c>
      <c r="O5722" s="98">
        <v>0</v>
      </c>
      <c r="P5722" s="98">
        <v>0</v>
      </c>
      <c r="Q5722" s="98">
        <v>0</v>
      </c>
      <c r="R5722" s="98">
        <v>0</v>
      </c>
      <c r="S5722" s="98">
        <v>0</v>
      </c>
      <c r="T5722" s="98">
        <v>0</v>
      </c>
      <c r="U5722" s="98">
        <v>0</v>
      </c>
      <c r="V5722" s="98">
        <v>0</v>
      </c>
      <c r="W5722" s="98">
        <v>0</v>
      </c>
      <c r="X5722" s="98">
        <v>0</v>
      </c>
      <c r="Y5722" s="98">
        <v>0</v>
      </c>
      <c r="Z5722" s="98">
        <v>0</v>
      </c>
      <c r="AA5722" s="98">
        <v>0</v>
      </c>
      <c r="AB5722" s="98">
        <v>0</v>
      </c>
      <c r="AC5722" s="98">
        <v>0</v>
      </c>
      <c r="AD5722" s="98">
        <v>0</v>
      </c>
      <c r="AE5722" s="98">
        <v>0</v>
      </c>
      <c r="AF5722" s="98">
        <v>0</v>
      </c>
      <c r="AG5722" s="98">
        <v>0</v>
      </c>
      <c r="AH5722" s="98">
        <v>0</v>
      </c>
      <c r="AI5722" s="98">
        <v>0</v>
      </c>
      <c r="AJ5722" s="98">
        <v>0</v>
      </c>
      <c r="AK5722" s="98">
        <v>0</v>
      </c>
      <c r="AL5722" s="98">
        <v>0</v>
      </c>
      <c r="AM5722" s="98">
        <v>0</v>
      </c>
      <c r="AN5722" s="98">
        <v>0</v>
      </c>
      <c r="AO5722" s="98">
        <v>0</v>
      </c>
      <c r="AP5722" s="98">
        <v>0</v>
      </c>
      <c r="AQ5722" s="98">
        <v>0</v>
      </c>
      <c r="AR5722" s="98">
        <v>0</v>
      </c>
      <c r="AS5722" s="98">
        <v>0</v>
      </c>
      <c r="AT5722" s="129" t="s">
        <v>174</v>
      </c>
      <c r="AU5722" s="98">
        <v>0</v>
      </c>
      <c r="AV5722" s="98">
        <v>0</v>
      </c>
      <c r="AW5722" s="98">
        <v>0</v>
      </c>
      <c r="AX5722" s="98" t="s">
        <v>13262</v>
      </c>
      <c r="AY5722" s="98" t="s">
        <v>13259</v>
      </c>
      <c r="AZ5722" s="98"/>
      <c r="BA5722" s="98"/>
      <c r="BB5722" s="107">
        <v>45884</v>
      </c>
    </row>
    <row r="5723" spans="1:54" s="8" customFormat="1" ht="14.1" customHeight="1" x14ac:dyDescent="0.25">
      <c r="A5723" s="219" t="s">
        <v>13301</v>
      </c>
      <c r="B5723" s="220" t="s">
        <v>13292</v>
      </c>
      <c r="C5723" s="98" t="s">
        <v>13302</v>
      </c>
      <c r="D5723" s="98" t="s">
        <v>20208</v>
      </c>
      <c r="E5723" s="141">
        <v>1991</v>
      </c>
      <c r="F5723" s="141">
        <v>42414</v>
      </c>
      <c r="G5723" s="98" t="s">
        <v>8</v>
      </c>
      <c r="H5723" s="98">
        <v>1</v>
      </c>
      <c r="I5723" s="98">
        <v>0</v>
      </c>
      <c r="J5723" s="98">
        <v>1</v>
      </c>
      <c r="K5723" s="98">
        <v>0</v>
      </c>
      <c r="L5723" s="98">
        <v>0</v>
      </c>
      <c r="M5723" s="98">
        <v>0</v>
      </c>
      <c r="N5723" s="98">
        <v>0</v>
      </c>
      <c r="O5723" s="98">
        <v>0</v>
      </c>
      <c r="P5723" s="98">
        <v>0</v>
      </c>
      <c r="Q5723" s="98">
        <v>0</v>
      </c>
      <c r="R5723" s="98">
        <v>0</v>
      </c>
      <c r="S5723" s="98">
        <v>0</v>
      </c>
      <c r="T5723" s="98">
        <v>0</v>
      </c>
      <c r="U5723" s="98">
        <v>0</v>
      </c>
      <c r="V5723" s="98">
        <v>0</v>
      </c>
      <c r="W5723" s="98">
        <v>0</v>
      </c>
      <c r="X5723" s="98">
        <v>0</v>
      </c>
      <c r="Y5723" s="98">
        <v>0</v>
      </c>
      <c r="Z5723" s="98">
        <v>0</v>
      </c>
      <c r="AA5723" s="98">
        <v>0</v>
      </c>
      <c r="AB5723" s="98">
        <v>0</v>
      </c>
      <c r="AC5723" s="98">
        <v>0</v>
      </c>
      <c r="AD5723" s="98">
        <v>0</v>
      </c>
      <c r="AE5723" s="98">
        <v>0</v>
      </c>
      <c r="AF5723" s="98">
        <v>0</v>
      </c>
      <c r="AG5723" s="98">
        <v>0</v>
      </c>
      <c r="AH5723" s="98">
        <v>0</v>
      </c>
      <c r="AI5723" s="98">
        <v>0</v>
      </c>
      <c r="AJ5723" s="98">
        <v>0</v>
      </c>
      <c r="AK5723" s="98">
        <v>0</v>
      </c>
      <c r="AL5723" s="98">
        <v>0</v>
      </c>
      <c r="AM5723" s="98">
        <v>0</v>
      </c>
      <c r="AN5723" s="98">
        <v>0</v>
      </c>
      <c r="AO5723" s="98">
        <v>0</v>
      </c>
      <c r="AP5723" s="98">
        <v>0</v>
      </c>
      <c r="AQ5723" s="98">
        <v>0</v>
      </c>
      <c r="AR5723" s="98">
        <v>0</v>
      </c>
      <c r="AS5723" s="98">
        <v>0</v>
      </c>
      <c r="AT5723" s="129" t="s">
        <v>174</v>
      </c>
      <c r="AU5723" s="98">
        <v>0</v>
      </c>
      <c r="AV5723" s="98">
        <v>0</v>
      </c>
      <c r="AW5723" s="98">
        <v>0</v>
      </c>
      <c r="AX5723" s="98" t="s">
        <v>13262</v>
      </c>
      <c r="AY5723" s="98" t="s">
        <v>13259</v>
      </c>
      <c r="AZ5723" s="98"/>
      <c r="BA5723" s="98"/>
      <c r="BB5723" s="107">
        <v>45884</v>
      </c>
    </row>
    <row r="5724" spans="1:54" s="8" customFormat="1" ht="14.1" customHeight="1" x14ac:dyDescent="0.25">
      <c r="A5724" s="219" t="s">
        <v>13303</v>
      </c>
      <c r="B5724" s="220" t="s">
        <v>13292</v>
      </c>
      <c r="C5724" s="98" t="s">
        <v>13304</v>
      </c>
      <c r="D5724" s="98" t="s">
        <v>20209</v>
      </c>
      <c r="E5724" s="141">
        <v>1984</v>
      </c>
      <c r="F5724" s="141">
        <v>9497</v>
      </c>
      <c r="G5724" s="98" t="s">
        <v>8</v>
      </c>
      <c r="H5724" s="98">
        <v>0</v>
      </c>
      <c r="I5724" s="98">
        <v>0</v>
      </c>
      <c r="J5724" s="98">
        <v>0</v>
      </c>
      <c r="K5724" s="98">
        <v>0</v>
      </c>
      <c r="L5724" s="98">
        <v>0</v>
      </c>
      <c r="M5724" s="98">
        <v>0</v>
      </c>
      <c r="N5724" s="98">
        <v>0</v>
      </c>
      <c r="O5724" s="98">
        <v>0</v>
      </c>
      <c r="P5724" s="98">
        <v>0</v>
      </c>
      <c r="Q5724" s="98">
        <v>0</v>
      </c>
      <c r="R5724" s="98">
        <v>0</v>
      </c>
      <c r="S5724" s="98">
        <v>0</v>
      </c>
      <c r="T5724" s="98">
        <v>0</v>
      </c>
      <c r="U5724" s="98">
        <v>0</v>
      </c>
      <c r="V5724" s="98">
        <v>0</v>
      </c>
      <c r="W5724" s="98">
        <v>0</v>
      </c>
      <c r="X5724" s="98">
        <v>0</v>
      </c>
      <c r="Y5724" s="98">
        <v>0</v>
      </c>
      <c r="Z5724" s="98">
        <v>0</v>
      </c>
      <c r="AA5724" s="98">
        <v>0</v>
      </c>
      <c r="AB5724" s="98">
        <v>0</v>
      </c>
      <c r="AC5724" s="98">
        <v>0</v>
      </c>
      <c r="AD5724" s="98">
        <v>0</v>
      </c>
      <c r="AE5724" s="98">
        <v>0</v>
      </c>
      <c r="AF5724" s="98">
        <v>0</v>
      </c>
      <c r="AG5724" s="98">
        <v>0</v>
      </c>
      <c r="AH5724" s="98">
        <v>0</v>
      </c>
      <c r="AI5724" s="98">
        <v>0</v>
      </c>
      <c r="AJ5724" s="98">
        <v>0</v>
      </c>
      <c r="AK5724" s="98">
        <v>0</v>
      </c>
      <c r="AL5724" s="98">
        <v>0</v>
      </c>
      <c r="AM5724" s="98">
        <v>0</v>
      </c>
      <c r="AN5724" s="98">
        <v>0</v>
      </c>
      <c r="AO5724" s="98">
        <v>0</v>
      </c>
      <c r="AP5724" s="98">
        <v>0</v>
      </c>
      <c r="AQ5724" s="98">
        <v>0</v>
      </c>
      <c r="AR5724" s="98">
        <v>0</v>
      </c>
      <c r="AS5724" s="98">
        <v>0</v>
      </c>
      <c r="AT5724" s="129" t="s">
        <v>174</v>
      </c>
      <c r="AU5724" s="98">
        <v>0</v>
      </c>
      <c r="AV5724" s="98">
        <v>0</v>
      </c>
      <c r="AW5724" s="98">
        <v>0</v>
      </c>
      <c r="AX5724" s="98" t="s">
        <v>13262</v>
      </c>
      <c r="AY5724" s="98" t="s">
        <v>13259</v>
      </c>
      <c r="AZ5724" s="98"/>
      <c r="BA5724" s="98"/>
      <c r="BB5724" s="107">
        <v>45884</v>
      </c>
    </row>
    <row r="5725" spans="1:54" s="8" customFormat="1" ht="14.1" customHeight="1" x14ac:dyDescent="0.25">
      <c r="A5725" s="219" t="s">
        <v>13305</v>
      </c>
      <c r="B5725" s="220" t="s">
        <v>13292</v>
      </c>
      <c r="C5725" s="98" t="s">
        <v>13306</v>
      </c>
      <c r="D5725" s="98" t="s">
        <v>20210</v>
      </c>
      <c r="E5725" s="141">
        <v>1984</v>
      </c>
      <c r="F5725" s="141">
        <v>81</v>
      </c>
      <c r="G5725" s="98" t="s">
        <v>8</v>
      </c>
      <c r="H5725" s="98">
        <v>0</v>
      </c>
      <c r="I5725" s="98">
        <v>0</v>
      </c>
      <c r="J5725" s="98">
        <v>0</v>
      </c>
      <c r="K5725" s="98">
        <v>0</v>
      </c>
      <c r="L5725" s="98">
        <v>0</v>
      </c>
      <c r="M5725" s="98">
        <v>0</v>
      </c>
      <c r="N5725" s="98">
        <v>0</v>
      </c>
      <c r="O5725" s="98">
        <v>0</v>
      </c>
      <c r="P5725" s="98">
        <v>0</v>
      </c>
      <c r="Q5725" s="98">
        <v>0</v>
      </c>
      <c r="R5725" s="98">
        <v>0</v>
      </c>
      <c r="S5725" s="98">
        <v>0</v>
      </c>
      <c r="T5725" s="98">
        <v>0</v>
      </c>
      <c r="U5725" s="98">
        <v>0</v>
      </c>
      <c r="V5725" s="98">
        <v>0</v>
      </c>
      <c r="W5725" s="98">
        <v>0</v>
      </c>
      <c r="X5725" s="98">
        <v>0</v>
      </c>
      <c r="Y5725" s="98">
        <v>0</v>
      </c>
      <c r="Z5725" s="98">
        <v>0</v>
      </c>
      <c r="AA5725" s="98">
        <v>0</v>
      </c>
      <c r="AB5725" s="98">
        <v>0</v>
      </c>
      <c r="AC5725" s="98">
        <v>0</v>
      </c>
      <c r="AD5725" s="98">
        <v>0</v>
      </c>
      <c r="AE5725" s="98">
        <v>0</v>
      </c>
      <c r="AF5725" s="98">
        <v>0</v>
      </c>
      <c r="AG5725" s="98">
        <v>0</v>
      </c>
      <c r="AH5725" s="98">
        <v>0</v>
      </c>
      <c r="AI5725" s="98">
        <v>0</v>
      </c>
      <c r="AJ5725" s="98">
        <v>0</v>
      </c>
      <c r="AK5725" s="98">
        <v>0</v>
      </c>
      <c r="AL5725" s="98">
        <v>0</v>
      </c>
      <c r="AM5725" s="98">
        <v>0</v>
      </c>
      <c r="AN5725" s="98">
        <v>0</v>
      </c>
      <c r="AO5725" s="98">
        <v>0</v>
      </c>
      <c r="AP5725" s="98">
        <v>0</v>
      </c>
      <c r="AQ5725" s="98">
        <v>0</v>
      </c>
      <c r="AR5725" s="98">
        <v>0</v>
      </c>
      <c r="AS5725" s="98">
        <v>0</v>
      </c>
      <c r="AT5725" s="129" t="s">
        <v>174</v>
      </c>
      <c r="AU5725" s="98">
        <v>0</v>
      </c>
      <c r="AV5725" s="98">
        <v>0</v>
      </c>
      <c r="AW5725" s="98">
        <v>0</v>
      </c>
      <c r="AX5725" s="98" t="s">
        <v>13262</v>
      </c>
      <c r="AY5725" s="98" t="s">
        <v>13259</v>
      </c>
      <c r="AZ5725" s="98"/>
      <c r="BA5725" s="98"/>
      <c r="BB5725" s="107">
        <v>45884</v>
      </c>
    </row>
    <row r="5726" spans="1:54" s="8" customFormat="1" ht="14.1" customHeight="1" x14ac:dyDescent="0.25">
      <c r="A5726" s="219" t="s">
        <v>13307</v>
      </c>
      <c r="B5726" s="220" t="s">
        <v>13292</v>
      </c>
      <c r="C5726" s="98" t="s">
        <v>13308</v>
      </c>
      <c r="D5726" s="98" t="s">
        <v>20211</v>
      </c>
      <c r="E5726" s="141">
        <v>2016</v>
      </c>
      <c r="F5726" s="141">
        <v>4705</v>
      </c>
      <c r="G5726" s="98" t="s">
        <v>3</v>
      </c>
      <c r="H5726" s="98">
        <v>0</v>
      </c>
      <c r="I5726" s="98">
        <v>0</v>
      </c>
      <c r="J5726" s="98">
        <v>1</v>
      </c>
      <c r="K5726" s="98">
        <v>1</v>
      </c>
      <c r="L5726" s="98">
        <v>1</v>
      </c>
      <c r="M5726" s="98">
        <v>1</v>
      </c>
      <c r="N5726" s="98">
        <v>0</v>
      </c>
      <c r="O5726" s="98">
        <v>0</v>
      </c>
      <c r="P5726" s="98">
        <v>0</v>
      </c>
      <c r="Q5726" s="98">
        <v>0</v>
      </c>
      <c r="R5726" s="98">
        <v>0</v>
      </c>
      <c r="S5726" s="98">
        <v>0</v>
      </c>
      <c r="T5726" s="98">
        <v>0</v>
      </c>
      <c r="U5726" s="98">
        <v>0</v>
      </c>
      <c r="V5726" s="98">
        <v>0</v>
      </c>
      <c r="W5726" s="98">
        <v>0</v>
      </c>
      <c r="X5726" s="98">
        <v>0</v>
      </c>
      <c r="Y5726" s="98">
        <v>0</v>
      </c>
      <c r="Z5726" s="98">
        <v>0</v>
      </c>
      <c r="AA5726" s="98">
        <v>0</v>
      </c>
      <c r="AB5726" s="98">
        <v>0</v>
      </c>
      <c r="AC5726" s="98">
        <v>0</v>
      </c>
      <c r="AD5726" s="98">
        <v>0</v>
      </c>
      <c r="AE5726" s="98">
        <v>0</v>
      </c>
      <c r="AF5726" s="98">
        <v>0</v>
      </c>
      <c r="AG5726" s="98">
        <v>0</v>
      </c>
      <c r="AH5726" s="98">
        <v>0</v>
      </c>
      <c r="AI5726" s="98">
        <v>0</v>
      </c>
      <c r="AJ5726" s="98">
        <v>0</v>
      </c>
      <c r="AK5726" s="98">
        <v>0</v>
      </c>
      <c r="AL5726" s="98">
        <v>0</v>
      </c>
      <c r="AM5726" s="98">
        <v>0</v>
      </c>
      <c r="AN5726" s="98">
        <v>0</v>
      </c>
      <c r="AO5726" s="98">
        <v>0</v>
      </c>
      <c r="AP5726" s="98">
        <v>0</v>
      </c>
      <c r="AQ5726" s="98">
        <v>0</v>
      </c>
      <c r="AR5726" s="98">
        <v>0</v>
      </c>
      <c r="AS5726" s="98">
        <v>0</v>
      </c>
      <c r="AT5726" s="129" t="s">
        <v>174</v>
      </c>
      <c r="AU5726" s="98">
        <v>0</v>
      </c>
      <c r="AV5726" s="98">
        <v>0</v>
      </c>
      <c r="AW5726" s="98">
        <v>0</v>
      </c>
      <c r="AX5726" s="98" t="s">
        <v>13262</v>
      </c>
      <c r="AY5726" s="98" t="s">
        <v>13259</v>
      </c>
      <c r="AZ5726" s="98"/>
      <c r="BA5726" s="98"/>
      <c r="BB5726" s="107">
        <v>45884</v>
      </c>
    </row>
    <row r="5727" spans="1:54" s="8" customFormat="1" ht="14.1" customHeight="1" x14ac:dyDescent="0.25">
      <c r="A5727" s="219" t="s">
        <v>19857</v>
      </c>
      <c r="B5727" s="220" t="s">
        <v>12745</v>
      </c>
      <c r="C5727" s="98" t="s">
        <v>19856</v>
      </c>
      <c r="D5727" s="98" t="s">
        <v>20212</v>
      </c>
      <c r="E5727" s="141">
        <v>2017</v>
      </c>
      <c r="F5727" s="141">
        <v>3000</v>
      </c>
      <c r="G5727" s="98" t="s">
        <v>8</v>
      </c>
      <c r="H5727" s="98">
        <v>0</v>
      </c>
      <c r="I5727" s="98">
        <v>0</v>
      </c>
      <c r="J5727" s="98">
        <v>1</v>
      </c>
      <c r="K5727" s="98">
        <v>0</v>
      </c>
      <c r="L5727" s="98">
        <v>0</v>
      </c>
      <c r="M5727" s="98">
        <v>0</v>
      </c>
      <c r="N5727" s="98">
        <v>0</v>
      </c>
      <c r="O5727" s="98">
        <v>0</v>
      </c>
      <c r="P5727" s="98">
        <v>0</v>
      </c>
      <c r="Q5727" s="98">
        <v>0</v>
      </c>
      <c r="R5727" s="98">
        <v>0</v>
      </c>
      <c r="S5727" s="98">
        <v>0</v>
      </c>
      <c r="T5727" s="98">
        <v>0</v>
      </c>
      <c r="U5727" s="98">
        <v>0</v>
      </c>
      <c r="V5727" s="98">
        <v>0</v>
      </c>
      <c r="W5727" s="98">
        <v>0</v>
      </c>
      <c r="X5727" s="98">
        <v>0</v>
      </c>
      <c r="Y5727" s="98">
        <v>0</v>
      </c>
      <c r="Z5727" s="98">
        <v>0</v>
      </c>
      <c r="AA5727" s="98">
        <v>0</v>
      </c>
      <c r="AB5727" s="98">
        <v>0</v>
      </c>
      <c r="AC5727" s="98">
        <v>0</v>
      </c>
      <c r="AD5727" s="98">
        <v>0</v>
      </c>
      <c r="AE5727" s="98">
        <v>0</v>
      </c>
      <c r="AF5727" s="98">
        <v>0</v>
      </c>
      <c r="AG5727" s="98">
        <v>0</v>
      </c>
      <c r="AH5727" s="98">
        <v>0</v>
      </c>
      <c r="AI5727" s="98">
        <v>0</v>
      </c>
      <c r="AJ5727" s="98">
        <v>0</v>
      </c>
      <c r="AK5727" s="98">
        <v>0</v>
      </c>
      <c r="AL5727" s="98">
        <v>0</v>
      </c>
      <c r="AM5727" s="98">
        <v>0</v>
      </c>
      <c r="AN5727" s="98">
        <v>0</v>
      </c>
      <c r="AO5727" s="98">
        <v>0</v>
      </c>
      <c r="AP5727" s="98">
        <v>0</v>
      </c>
      <c r="AQ5727" s="98">
        <v>0</v>
      </c>
      <c r="AR5727" s="98">
        <v>0</v>
      </c>
      <c r="AS5727" s="98">
        <v>0</v>
      </c>
      <c r="AT5727" s="129" t="s">
        <v>400</v>
      </c>
      <c r="AU5727" s="98">
        <v>0</v>
      </c>
      <c r="AV5727" s="98">
        <v>0</v>
      </c>
      <c r="AW5727" s="98">
        <v>0</v>
      </c>
      <c r="AX5727" s="98" t="s">
        <v>13262</v>
      </c>
      <c r="AY5727" s="98" t="s">
        <v>13259</v>
      </c>
      <c r="AZ5727" s="98"/>
      <c r="BA5727" s="98"/>
      <c r="BB5727" s="107">
        <v>45884</v>
      </c>
    </row>
    <row r="5728" spans="1:54" s="8" customFormat="1" ht="14.1" customHeight="1" x14ac:dyDescent="0.25">
      <c r="A5728" s="219" t="s">
        <v>20529</v>
      </c>
      <c r="B5728" s="220" t="s">
        <v>12745</v>
      </c>
      <c r="C5728" s="98" t="s">
        <v>20523</v>
      </c>
      <c r="D5728" s="98" t="s">
        <v>20524</v>
      </c>
      <c r="E5728" s="141">
        <v>2018</v>
      </c>
      <c r="F5728" s="141">
        <v>606</v>
      </c>
      <c r="G5728" s="98" t="s">
        <v>1</v>
      </c>
      <c r="H5728" s="98">
        <v>0</v>
      </c>
      <c r="I5728" s="98">
        <v>0</v>
      </c>
      <c r="J5728" s="98">
        <v>1</v>
      </c>
      <c r="K5728" s="98">
        <v>0</v>
      </c>
      <c r="L5728" s="98">
        <v>0</v>
      </c>
      <c r="M5728" s="98">
        <v>0</v>
      </c>
      <c r="N5728" s="98">
        <v>1</v>
      </c>
      <c r="O5728" s="98">
        <v>0</v>
      </c>
      <c r="P5728" s="98">
        <v>0</v>
      </c>
      <c r="Q5728" s="98">
        <v>0</v>
      </c>
      <c r="R5728" s="98">
        <v>0</v>
      </c>
      <c r="S5728" s="98">
        <v>0</v>
      </c>
      <c r="T5728" s="98">
        <v>0</v>
      </c>
      <c r="U5728" s="99"/>
      <c r="V5728" s="99"/>
      <c r="W5728" s="99"/>
      <c r="X5728" s="99"/>
      <c r="Y5728" s="99"/>
      <c r="Z5728" s="99"/>
      <c r="AA5728" s="99"/>
      <c r="AB5728" s="99"/>
      <c r="AC5728" s="99"/>
      <c r="AD5728" s="99"/>
      <c r="AE5728" s="99"/>
      <c r="AF5728" s="99"/>
      <c r="AG5728" s="99"/>
      <c r="AH5728" s="99"/>
      <c r="AI5728" s="99"/>
      <c r="AJ5728" s="99"/>
      <c r="AK5728" s="99"/>
      <c r="AL5728" s="99"/>
      <c r="AM5728" s="99"/>
      <c r="AN5728" s="99"/>
      <c r="AO5728" s="99"/>
      <c r="AP5728" s="99"/>
      <c r="AQ5728" s="99"/>
      <c r="AR5728" s="99"/>
      <c r="AS5728" s="99"/>
      <c r="AT5728" s="99"/>
      <c r="AU5728" s="99"/>
      <c r="AV5728" s="99"/>
      <c r="AW5728" s="99"/>
      <c r="AX5728" s="99"/>
      <c r="AY5728" s="99"/>
      <c r="AZ5728" s="99"/>
      <c r="BA5728" s="99"/>
      <c r="BB5728" s="107">
        <v>45884</v>
      </c>
    </row>
    <row r="5729" spans="1:54" s="8" customFormat="1" ht="14.1" customHeight="1" x14ac:dyDescent="0.25">
      <c r="A5729" s="219" t="s">
        <v>20530</v>
      </c>
      <c r="B5729" s="220" t="s">
        <v>12745</v>
      </c>
      <c r="C5729" s="98" t="s">
        <v>20525</v>
      </c>
      <c r="D5729" s="98" t="s">
        <v>20526</v>
      </c>
      <c r="E5729" s="141">
        <v>2020</v>
      </c>
      <c r="F5729" s="141">
        <v>1561</v>
      </c>
      <c r="G5729" s="98" t="s">
        <v>1</v>
      </c>
      <c r="H5729" s="98">
        <v>0</v>
      </c>
      <c r="I5729" s="98">
        <v>0</v>
      </c>
      <c r="J5729" s="98">
        <v>1</v>
      </c>
      <c r="K5729" s="98">
        <v>0</v>
      </c>
      <c r="L5729" s="98">
        <v>0</v>
      </c>
      <c r="M5729" s="98">
        <v>0</v>
      </c>
      <c r="N5729" s="98">
        <v>1</v>
      </c>
      <c r="O5729" s="98">
        <v>1</v>
      </c>
      <c r="P5729" s="98">
        <v>0</v>
      </c>
      <c r="Q5729" s="98">
        <v>0</v>
      </c>
      <c r="R5729" s="98">
        <v>0</v>
      </c>
      <c r="S5729" s="98">
        <v>0</v>
      </c>
      <c r="T5729" s="98">
        <v>0</v>
      </c>
      <c r="U5729" s="99"/>
      <c r="V5729" s="99"/>
      <c r="W5729" s="99"/>
      <c r="X5729" s="99"/>
      <c r="Y5729" s="99"/>
      <c r="Z5729" s="99"/>
      <c r="AA5729" s="99"/>
      <c r="AB5729" s="99"/>
      <c r="AC5729" s="99"/>
      <c r="AD5729" s="99"/>
      <c r="AE5729" s="99"/>
      <c r="AF5729" s="99"/>
      <c r="AG5729" s="99"/>
      <c r="AH5729" s="99"/>
      <c r="AI5729" s="99"/>
      <c r="AJ5729" s="99"/>
      <c r="AK5729" s="99"/>
      <c r="AL5729" s="99"/>
      <c r="AM5729" s="99"/>
      <c r="AN5729" s="99"/>
      <c r="AO5729" s="99"/>
      <c r="AP5729" s="99"/>
      <c r="AQ5729" s="99"/>
      <c r="AR5729" s="99"/>
      <c r="AS5729" s="99"/>
      <c r="AT5729" s="148"/>
      <c r="AU5729" s="99"/>
      <c r="AV5729" s="99"/>
      <c r="AW5729" s="99"/>
      <c r="AX5729" s="99"/>
      <c r="AY5729" s="99"/>
      <c r="AZ5729" s="99"/>
      <c r="BA5729" s="99"/>
      <c r="BB5729" s="107">
        <v>45884</v>
      </c>
    </row>
    <row r="5730" spans="1:54" s="8" customFormat="1" ht="14.1" customHeight="1" x14ac:dyDescent="0.25">
      <c r="A5730" s="219" t="s">
        <v>20531</v>
      </c>
      <c r="B5730" s="220" t="s">
        <v>12745</v>
      </c>
      <c r="C5730" s="98" t="s">
        <v>20527</v>
      </c>
      <c r="D5730" s="98" t="s">
        <v>20528</v>
      </c>
      <c r="E5730" s="141">
        <v>2020</v>
      </c>
      <c r="F5730" s="141">
        <v>1690</v>
      </c>
      <c r="G5730" s="98" t="s">
        <v>12</v>
      </c>
      <c r="H5730" s="98">
        <v>0</v>
      </c>
      <c r="I5730" s="98">
        <v>0</v>
      </c>
      <c r="J5730" s="98">
        <v>1</v>
      </c>
      <c r="K5730" s="98">
        <v>0</v>
      </c>
      <c r="L5730" s="98">
        <v>0</v>
      </c>
      <c r="M5730" s="98">
        <v>0</v>
      </c>
      <c r="N5730" s="98">
        <v>0</v>
      </c>
      <c r="O5730" s="98">
        <v>0</v>
      </c>
      <c r="P5730" s="98">
        <v>0</v>
      </c>
      <c r="Q5730" s="98">
        <v>0</v>
      </c>
      <c r="R5730" s="98">
        <v>0</v>
      </c>
      <c r="S5730" s="98">
        <v>0</v>
      </c>
      <c r="T5730" s="98">
        <v>0</v>
      </c>
      <c r="U5730" s="98">
        <v>0</v>
      </c>
      <c r="V5730" s="98">
        <v>0</v>
      </c>
      <c r="W5730" s="98">
        <v>0</v>
      </c>
      <c r="X5730" s="98">
        <v>0</v>
      </c>
      <c r="Y5730" s="98">
        <v>0</v>
      </c>
      <c r="Z5730" s="98">
        <v>0</v>
      </c>
      <c r="AA5730" s="98">
        <v>0</v>
      </c>
      <c r="AB5730" s="98">
        <v>0</v>
      </c>
      <c r="AC5730" s="98">
        <v>0</v>
      </c>
      <c r="AD5730" s="98">
        <v>0</v>
      </c>
      <c r="AE5730" s="98">
        <v>0</v>
      </c>
      <c r="AF5730" s="98">
        <v>0</v>
      </c>
      <c r="AG5730" s="98">
        <v>0</v>
      </c>
      <c r="AH5730" s="98">
        <v>0</v>
      </c>
      <c r="AI5730" s="98">
        <v>0</v>
      </c>
      <c r="AJ5730" s="98">
        <v>0</v>
      </c>
      <c r="AK5730" s="98">
        <v>0</v>
      </c>
      <c r="AL5730" s="98">
        <v>0</v>
      </c>
      <c r="AM5730" s="98">
        <v>0</v>
      </c>
      <c r="AN5730" s="98">
        <v>0</v>
      </c>
      <c r="AO5730" s="98">
        <v>0</v>
      </c>
      <c r="AP5730" s="98">
        <v>0</v>
      </c>
      <c r="AQ5730" s="98">
        <v>0</v>
      </c>
      <c r="AR5730" s="98">
        <v>0</v>
      </c>
      <c r="AS5730" s="98">
        <v>0</v>
      </c>
      <c r="AT5730" s="129" t="s">
        <v>400</v>
      </c>
      <c r="AU5730" s="98">
        <v>0</v>
      </c>
      <c r="AV5730" s="98">
        <v>0</v>
      </c>
      <c r="AW5730" s="98">
        <v>0</v>
      </c>
      <c r="AX5730" s="98" t="s">
        <v>13262</v>
      </c>
      <c r="AY5730" s="98" t="s">
        <v>13259</v>
      </c>
      <c r="AZ5730" s="98"/>
      <c r="BA5730" s="98"/>
      <c r="BB5730" s="107">
        <v>45884</v>
      </c>
    </row>
    <row r="5731" spans="1:54" s="8" customFormat="1" ht="13.2" customHeight="1" x14ac:dyDescent="0.25">
      <c r="A5731" s="219" t="s">
        <v>21513</v>
      </c>
      <c r="B5731" s="220" t="s">
        <v>12745</v>
      </c>
      <c r="C5731" s="98" t="s">
        <v>21511</v>
      </c>
      <c r="D5731" s="98" t="s">
        <v>21512</v>
      </c>
      <c r="E5731" s="141">
        <v>2020</v>
      </c>
      <c r="F5731" s="141">
        <v>264841</v>
      </c>
      <c r="G5731" s="98" t="s">
        <v>10</v>
      </c>
      <c r="H5731" s="98">
        <v>1</v>
      </c>
      <c r="I5731" s="98">
        <v>1</v>
      </c>
      <c r="J5731" s="98">
        <v>1</v>
      </c>
      <c r="K5731" s="98">
        <v>0</v>
      </c>
      <c r="L5731" s="98">
        <v>0</v>
      </c>
      <c r="M5731" s="98">
        <v>0</v>
      </c>
      <c r="N5731" s="98">
        <v>0</v>
      </c>
      <c r="O5731" s="98">
        <v>0</v>
      </c>
      <c r="P5731" s="98">
        <v>0</v>
      </c>
      <c r="Q5731" s="98">
        <v>0</v>
      </c>
      <c r="R5731" s="98">
        <v>0</v>
      </c>
      <c r="S5731" s="98">
        <v>0</v>
      </c>
      <c r="T5731" s="98">
        <v>0</v>
      </c>
      <c r="U5731" s="98">
        <v>0</v>
      </c>
      <c r="V5731" s="98">
        <v>0</v>
      </c>
      <c r="W5731" s="98">
        <v>0</v>
      </c>
      <c r="X5731" s="98">
        <v>0</v>
      </c>
      <c r="Y5731" s="98">
        <v>0</v>
      </c>
      <c r="Z5731" s="98">
        <v>0</v>
      </c>
      <c r="AA5731" s="98">
        <v>0</v>
      </c>
      <c r="AB5731" s="98">
        <v>0</v>
      </c>
      <c r="AC5731" s="98">
        <v>0</v>
      </c>
      <c r="AD5731" s="98">
        <v>0</v>
      </c>
      <c r="AE5731" s="98">
        <v>0</v>
      </c>
      <c r="AF5731" s="98">
        <v>0</v>
      </c>
      <c r="AG5731" s="98">
        <v>0</v>
      </c>
      <c r="AH5731" s="98">
        <v>0</v>
      </c>
      <c r="AI5731" s="98">
        <v>0</v>
      </c>
      <c r="AJ5731" s="98">
        <v>0</v>
      </c>
      <c r="AK5731" s="98">
        <v>0</v>
      </c>
      <c r="AL5731" s="98">
        <v>0</v>
      </c>
      <c r="AM5731" s="98">
        <v>0</v>
      </c>
      <c r="AN5731" s="98">
        <v>0</v>
      </c>
      <c r="AO5731" s="98">
        <v>0</v>
      </c>
      <c r="AP5731" s="98">
        <v>0</v>
      </c>
      <c r="AQ5731" s="98">
        <v>0</v>
      </c>
      <c r="AR5731" s="98">
        <v>0</v>
      </c>
      <c r="AS5731" s="98">
        <v>0</v>
      </c>
      <c r="AT5731" s="141">
        <v>0</v>
      </c>
      <c r="AU5731" s="98">
        <v>0</v>
      </c>
      <c r="AV5731" s="98">
        <v>0</v>
      </c>
      <c r="AW5731" s="98">
        <v>0</v>
      </c>
      <c r="AX5731" s="98" t="s">
        <v>13262</v>
      </c>
      <c r="AY5731" s="98" t="s">
        <v>13259</v>
      </c>
      <c r="AZ5731" s="98"/>
      <c r="BA5731" s="98"/>
      <c r="BB5731" s="107">
        <v>45884</v>
      </c>
    </row>
    <row r="5732" spans="1:54" s="8" customFormat="1" ht="13.2" customHeight="1" x14ac:dyDescent="0.25">
      <c r="A5732" s="219" t="s">
        <v>21977</v>
      </c>
      <c r="B5732" s="220" t="s">
        <v>12745</v>
      </c>
      <c r="C5732" s="98" t="s">
        <v>21975</v>
      </c>
      <c r="D5732" s="98" t="s">
        <v>21976</v>
      </c>
      <c r="E5732" s="141">
        <v>2022</v>
      </c>
      <c r="F5732" s="141">
        <v>3070</v>
      </c>
      <c r="G5732" s="98" t="s">
        <v>21798</v>
      </c>
      <c r="H5732" s="98">
        <v>0</v>
      </c>
      <c r="I5732" s="98">
        <v>0</v>
      </c>
      <c r="J5732" s="98">
        <v>0</v>
      </c>
      <c r="K5732" s="98">
        <v>0</v>
      </c>
      <c r="L5732" s="98">
        <v>0</v>
      </c>
      <c r="M5732" s="98">
        <v>0</v>
      </c>
      <c r="N5732" s="98">
        <v>0</v>
      </c>
      <c r="O5732" s="98">
        <v>0</v>
      </c>
      <c r="P5732" s="98">
        <v>0</v>
      </c>
      <c r="Q5732" s="98">
        <v>0</v>
      </c>
      <c r="R5732" s="98">
        <v>0</v>
      </c>
      <c r="S5732" s="98">
        <v>0</v>
      </c>
      <c r="T5732" s="98">
        <v>0</v>
      </c>
      <c r="U5732" s="98">
        <v>0</v>
      </c>
      <c r="V5732" s="98">
        <v>0</v>
      </c>
      <c r="W5732" s="98">
        <v>0</v>
      </c>
      <c r="X5732" s="98">
        <v>0</v>
      </c>
      <c r="Y5732" s="98">
        <v>0</v>
      </c>
      <c r="Z5732" s="98">
        <v>0</v>
      </c>
      <c r="AA5732" s="98">
        <v>0</v>
      </c>
      <c r="AB5732" s="98">
        <v>0</v>
      </c>
      <c r="AC5732" s="98">
        <v>0</v>
      </c>
      <c r="AD5732" s="98">
        <v>0</v>
      </c>
      <c r="AE5732" s="98">
        <v>0</v>
      </c>
      <c r="AF5732" s="98">
        <v>0</v>
      </c>
      <c r="AG5732" s="98">
        <v>0</v>
      </c>
      <c r="AH5732" s="98">
        <v>0</v>
      </c>
      <c r="AI5732" s="98">
        <v>0</v>
      </c>
      <c r="AJ5732" s="98">
        <v>0</v>
      </c>
      <c r="AK5732" s="98">
        <v>0</v>
      </c>
      <c r="AL5732" s="98">
        <v>0</v>
      </c>
      <c r="AM5732" s="98">
        <v>0</v>
      </c>
      <c r="AN5732" s="98">
        <v>0</v>
      </c>
      <c r="AO5732" s="98">
        <v>0</v>
      </c>
      <c r="AP5732" s="98">
        <v>0</v>
      </c>
      <c r="AQ5732" s="98">
        <v>0</v>
      </c>
      <c r="AR5732" s="98">
        <v>0</v>
      </c>
      <c r="AS5732" s="98">
        <v>0</v>
      </c>
      <c r="AT5732" s="98">
        <v>0</v>
      </c>
      <c r="AU5732" s="98">
        <v>0</v>
      </c>
      <c r="AV5732" s="98">
        <v>0</v>
      </c>
      <c r="AW5732" s="98">
        <v>0</v>
      </c>
      <c r="AX5732" s="98" t="s">
        <v>13262</v>
      </c>
      <c r="AY5732" s="98" t="s">
        <v>13259</v>
      </c>
      <c r="AZ5732" s="98"/>
      <c r="BA5732" s="98"/>
      <c r="BB5732" s="107">
        <v>45884</v>
      </c>
    </row>
    <row r="5733" spans="1:54" s="101" customFormat="1" ht="13.2" customHeight="1" x14ac:dyDescent="0.25">
      <c r="A5733" s="219" t="s">
        <v>24192</v>
      </c>
      <c r="B5733" s="220" t="s">
        <v>12745</v>
      </c>
      <c r="C5733" s="98" t="s">
        <v>24190</v>
      </c>
      <c r="D5733" s="98" t="s">
        <v>24191</v>
      </c>
      <c r="E5733" s="141">
        <v>2023</v>
      </c>
      <c r="F5733" s="141">
        <v>243</v>
      </c>
      <c r="G5733" s="98" t="s">
        <v>1</v>
      </c>
      <c r="H5733" s="98">
        <v>0</v>
      </c>
      <c r="I5733" s="98">
        <v>0</v>
      </c>
      <c r="J5733" s="98">
        <v>1</v>
      </c>
      <c r="K5733" s="98">
        <v>0</v>
      </c>
      <c r="L5733" s="98">
        <v>0</v>
      </c>
      <c r="M5733" s="98">
        <v>0</v>
      </c>
      <c r="N5733" s="98">
        <v>1</v>
      </c>
      <c r="O5733" s="98">
        <v>0</v>
      </c>
      <c r="P5733" s="98">
        <v>0</v>
      </c>
      <c r="Q5733" s="98">
        <v>0</v>
      </c>
      <c r="R5733" s="98">
        <v>0</v>
      </c>
      <c r="S5733" s="98">
        <v>0</v>
      </c>
      <c r="T5733" s="98">
        <v>0</v>
      </c>
      <c r="U5733" s="98">
        <v>0</v>
      </c>
      <c r="V5733" s="98">
        <v>0</v>
      </c>
      <c r="W5733" s="98">
        <v>0</v>
      </c>
      <c r="X5733" s="98">
        <v>0</v>
      </c>
      <c r="Y5733" s="98">
        <v>0</v>
      </c>
      <c r="Z5733" s="98">
        <v>0</v>
      </c>
      <c r="AA5733" s="98">
        <v>0</v>
      </c>
      <c r="AB5733" s="98">
        <v>0</v>
      </c>
      <c r="AC5733" s="98">
        <v>0</v>
      </c>
      <c r="AD5733" s="98">
        <v>0</v>
      </c>
      <c r="AE5733" s="98">
        <v>0</v>
      </c>
      <c r="AF5733" s="98">
        <v>0</v>
      </c>
      <c r="AG5733" s="98">
        <v>0</v>
      </c>
      <c r="AH5733" s="98">
        <v>0</v>
      </c>
      <c r="AI5733" s="98">
        <v>0</v>
      </c>
      <c r="AJ5733" s="98">
        <v>0</v>
      </c>
      <c r="AK5733" s="98">
        <v>0</v>
      </c>
      <c r="AL5733" s="98">
        <v>0</v>
      </c>
      <c r="AM5733" s="98">
        <v>0</v>
      </c>
      <c r="AN5733" s="98">
        <v>0</v>
      </c>
      <c r="AO5733" s="98">
        <v>0</v>
      </c>
      <c r="AP5733" s="98">
        <v>0</v>
      </c>
      <c r="AQ5733" s="98">
        <v>0</v>
      </c>
      <c r="AR5733" s="98">
        <v>0</v>
      </c>
      <c r="AS5733" s="98">
        <v>0</v>
      </c>
      <c r="AT5733" s="98">
        <v>0</v>
      </c>
      <c r="AU5733" s="98">
        <v>0</v>
      </c>
      <c r="AV5733" s="98">
        <v>0</v>
      </c>
      <c r="AW5733" s="98">
        <v>0</v>
      </c>
      <c r="AX5733" s="98" t="s">
        <v>13262</v>
      </c>
      <c r="AY5733" s="98" t="s">
        <v>13259</v>
      </c>
      <c r="AZ5733" s="98"/>
      <c r="BA5733" s="98"/>
      <c r="BB5733" s="107">
        <v>45884</v>
      </c>
    </row>
    <row r="5734" spans="1:54" s="101" customFormat="1" ht="13.2" customHeight="1" x14ac:dyDescent="0.25">
      <c r="A5734" s="259" t="s">
        <v>24641</v>
      </c>
      <c r="B5734" s="241" t="s">
        <v>12745</v>
      </c>
      <c r="C5734" s="223" t="s">
        <v>24642</v>
      </c>
      <c r="D5734" s="223" t="s">
        <v>24643</v>
      </c>
      <c r="E5734" s="222">
        <v>2025</v>
      </c>
      <c r="F5734" s="260">
        <v>414.22</v>
      </c>
      <c r="G5734" s="223" t="s">
        <v>1</v>
      </c>
      <c r="H5734" s="223">
        <v>0</v>
      </c>
      <c r="I5734" s="223">
        <v>0</v>
      </c>
      <c r="J5734" s="223">
        <v>1</v>
      </c>
      <c r="K5734" s="223">
        <v>0</v>
      </c>
      <c r="L5734" s="223">
        <v>0</v>
      </c>
      <c r="M5734" s="223">
        <v>1</v>
      </c>
      <c r="N5734" s="223">
        <v>0</v>
      </c>
      <c r="O5734" s="223">
        <v>0</v>
      </c>
      <c r="P5734" s="223">
        <v>0</v>
      </c>
      <c r="Q5734" s="223">
        <v>0</v>
      </c>
      <c r="R5734" s="223">
        <v>0</v>
      </c>
      <c r="S5734" s="223">
        <v>0</v>
      </c>
      <c r="T5734" s="223">
        <v>0</v>
      </c>
      <c r="U5734" s="223">
        <v>0</v>
      </c>
      <c r="V5734" s="223">
        <v>0</v>
      </c>
      <c r="W5734" s="223">
        <v>0</v>
      </c>
      <c r="X5734" s="223">
        <v>0</v>
      </c>
      <c r="Y5734" s="223">
        <v>0</v>
      </c>
      <c r="Z5734" s="223">
        <v>0</v>
      </c>
      <c r="AA5734" s="223">
        <v>0</v>
      </c>
      <c r="AB5734" s="223">
        <v>0</v>
      </c>
      <c r="AC5734" s="223">
        <v>0</v>
      </c>
      <c r="AD5734" s="223">
        <v>0</v>
      </c>
      <c r="AE5734" s="223">
        <v>0</v>
      </c>
      <c r="AF5734" s="223">
        <v>0</v>
      </c>
      <c r="AG5734" s="223">
        <v>0</v>
      </c>
      <c r="AH5734" s="223">
        <v>0</v>
      </c>
      <c r="AI5734" s="223">
        <v>0</v>
      </c>
      <c r="AJ5734" s="223">
        <v>0</v>
      </c>
      <c r="AK5734" s="223">
        <v>0</v>
      </c>
      <c r="AL5734" s="223">
        <v>0</v>
      </c>
      <c r="AM5734" s="223">
        <v>0</v>
      </c>
      <c r="AN5734" s="223">
        <v>0</v>
      </c>
      <c r="AO5734" s="223">
        <v>0</v>
      </c>
      <c r="AP5734" s="223">
        <v>0</v>
      </c>
      <c r="AQ5734" s="223">
        <v>0</v>
      </c>
      <c r="AR5734" s="223">
        <v>0</v>
      </c>
      <c r="AS5734" s="223">
        <v>0</v>
      </c>
      <c r="AT5734" s="223">
        <v>0</v>
      </c>
      <c r="AU5734" s="223">
        <v>0</v>
      </c>
      <c r="AV5734" s="223">
        <v>0</v>
      </c>
      <c r="AW5734" s="223">
        <v>0</v>
      </c>
      <c r="AX5734" s="223" t="s">
        <v>13262</v>
      </c>
      <c r="AY5734" s="223" t="s">
        <v>13259</v>
      </c>
      <c r="AZ5734" s="223"/>
      <c r="BA5734" s="223"/>
      <c r="BB5734" s="107">
        <v>45884</v>
      </c>
    </row>
    <row r="5735" spans="1:54" s="101" customFormat="1" ht="13.2" customHeight="1" x14ac:dyDescent="0.25">
      <c r="A5735" s="259" t="s">
        <v>24644</v>
      </c>
      <c r="B5735" s="241" t="s">
        <v>12745</v>
      </c>
      <c r="C5735" s="223" t="s">
        <v>24645</v>
      </c>
      <c r="D5735" s="223" t="s">
        <v>24646</v>
      </c>
      <c r="E5735" s="222">
        <v>2025</v>
      </c>
      <c r="F5735" s="222">
        <v>552</v>
      </c>
      <c r="G5735" s="223" t="s">
        <v>1</v>
      </c>
      <c r="H5735" s="223">
        <v>0</v>
      </c>
      <c r="I5735" s="223">
        <v>0</v>
      </c>
      <c r="J5735" s="223">
        <v>1</v>
      </c>
      <c r="K5735" s="223">
        <v>0</v>
      </c>
      <c r="L5735" s="223">
        <v>0</v>
      </c>
      <c r="M5735" s="223">
        <v>0</v>
      </c>
      <c r="N5735" s="223">
        <v>0</v>
      </c>
      <c r="O5735" s="223">
        <v>1</v>
      </c>
      <c r="P5735" s="223">
        <v>0</v>
      </c>
      <c r="Q5735" s="223">
        <v>1</v>
      </c>
      <c r="R5735" s="223">
        <v>1</v>
      </c>
      <c r="S5735" s="223">
        <v>0</v>
      </c>
      <c r="T5735" s="223">
        <v>0</v>
      </c>
      <c r="U5735" s="223">
        <v>0</v>
      </c>
      <c r="V5735" s="223">
        <v>0</v>
      </c>
      <c r="W5735" s="223">
        <v>0</v>
      </c>
      <c r="X5735" s="223">
        <v>0</v>
      </c>
      <c r="Y5735" s="223">
        <v>0</v>
      </c>
      <c r="Z5735" s="223">
        <v>0</v>
      </c>
      <c r="AA5735" s="223">
        <v>0</v>
      </c>
      <c r="AB5735" s="223">
        <v>0</v>
      </c>
      <c r="AC5735" s="223">
        <v>0</v>
      </c>
      <c r="AD5735" s="223">
        <v>0</v>
      </c>
      <c r="AE5735" s="223">
        <v>0</v>
      </c>
      <c r="AF5735" s="223">
        <v>0</v>
      </c>
      <c r="AG5735" s="223">
        <v>0</v>
      </c>
      <c r="AH5735" s="223">
        <v>0</v>
      </c>
      <c r="AI5735" s="223">
        <v>0</v>
      </c>
      <c r="AJ5735" s="223">
        <v>0</v>
      </c>
      <c r="AK5735" s="223">
        <v>0</v>
      </c>
      <c r="AL5735" s="223">
        <v>0</v>
      </c>
      <c r="AM5735" s="223">
        <v>0</v>
      </c>
      <c r="AN5735" s="223">
        <v>0</v>
      </c>
      <c r="AO5735" s="223">
        <v>0</v>
      </c>
      <c r="AP5735" s="223">
        <v>0</v>
      </c>
      <c r="AQ5735" s="223">
        <v>0</v>
      </c>
      <c r="AR5735" s="223">
        <v>0</v>
      </c>
      <c r="AS5735" s="223">
        <v>0</v>
      </c>
      <c r="AT5735" s="223">
        <v>0</v>
      </c>
      <c r="AU5735" s="223">
        <v>0</v>
      </c>
      <c r="AV5735" s="223">
        <v>0</v>
      </c>
      <c r="AW5735" s="223">
        <v>0</v>
      </c>
      <c r="AX5735" s="223" t="s">
        <v>13262</v>
      </c>
      <c r="AY5735" s="223" t="s">
        <v>13259</v>
      </c>
      <c r="AZ5735" s="223"/>
      <c r="BA5735" s="223"/>
      <c r="BB5735" s="107">
        <v>45884</v>
      </c>
    </row>
    <row r="5736" spans="1:54" s="8" customFormat="1" ht="13.95" customHeight="1" x14ac:dyDescent="0.25">
      <c r="A5736" s="219" t="s">
        <v>13309</v>
      </c>
      <c r="B5736" s="220" t="s">
        <v>13310</v>
      </c>
      <c r="C5736" s="98" t="s">
        <v>13311</v>
      </c>
      <c r="D5736" s="144" t="s">
        <v>13312</v>
      </c>
      <c r="E5736" s="141">
        <v>1992</v>
      </c>
      <c r="F5736" s="141">
        <v>48</v>
      </c>
      <c r="G5736" s="144" t="s">
        <v>1</v>
      </c>
      <c r="H5736" s="98">
        <v>0</v>
      </c>
      <c r="I5736" s="98">
        <v>0</v>
      </c>
      <c r="J5736" s="98">
        <v>0</v>
      </c>
      <c r="K5736" s="149" t="s">
        <v>400</v>
      </c>
      <c r="L5736" s="149" t="s">
        <v>400</v>
      </c>
      <c r="M5736" s="149" t="s">
        <v>400</v>
      </c>
      <c r="N5736" s="149" t="s">
        <v>400</v>
      </c>
      <c r="O5736" s="149" t="s">
        <v>400</v>
      </c>
      <c r="P5736" s="149" t="s">
        <v>400</v>
      </c>
      <c r="Q5736" s="149" t="s">
        <v>400</v>
      </c>
      <c r="R5736" s="149" t="s">
        <v>400</v>
      </c>
      <c r="S5736" s="149" t="s">
        <v>400</v>
      </c>
      <c r="T5736" s="149" t="s">
        <v>400</v>
      </c>
      <c r="U5736" s="99"/>
      <c r="V5736" s="99"/>
      <c r="W5736" s="99"/>
      <c r="X5736" s="99"/>
      <c r="Y5736" s="99"/>
      <c r="Z5736" s="99"/>
      <c r="AA5736" s="99"/>
      <c r="AB5736" s="99"/>
      <c r="AC5736" s="99"/>
      <c r="AD5736" s="99"/>
      <c r="AE5736" s="99"/>
      <c r="AF5736" s="99"/>
      <c r="AG5736" s="99"/>
      <c r="AH5736" s="99"/>
      <c r="AI5736" s="99"/>
      <c r="AJ5736" s="99"/>
      <c r="AK5736" s="99"/>
      <c r="AL5736" s="99"/>
      <c r="AM5736" s="99"/>
      <c r="AN5736" s="99"/>
      <c r="AO5736" s="99"/>
      <c r="AP5736" s="99"/>
      <c r="AQ5736" s="99"/>
      <c r="AR5736" s="99"/>
      <c r="AS5736" s="99"/>
      <c r="AT5736" s="99"/>
      <c r="AU5736" s="99"/>
      <c r="AV5736" s="99"/>
      <c r="AW5736" s="99"/>
      <c r="AX5736" s="99"/>
      <c r="AY5736" s="99"/>
      <c r="AZ5736" s="99"/>
      <c r="BA5736" s="99"/>
      <c r="BB5736" s="107">
        <v>45884</v>
      </c>
    </row>
    <row r="5737" spans="1:54" s="8" customFormat="1" ht="13.95" customHeight="1" x14ac:dyDescent="0.25">
      <c r="A5737" s="219" t="s">
        <v>13313</v>
      </c>
      <c r="B5737" s="220" t="s">
        <v>13310</v>
      </c>
      <c r="C5737" s="98" t="s">
        <v>13314</v>
      </c>
      <c r="D5737" s="144" t="s">
        <v>13315</v>
      </c>
      <c r="E5737" s="141">
        <v>1971</v>
      </c>
      <c r="F5737" s="141">
        <v>146</v>
      </c>
      <c r="G5737" s="144" t="s">
        <v>1</v>
      </c>
      <c r="H5737" s="98">
        <v>0</v>
      </c>
      <c r="I5737" s="98">
        <v>0</v>
      </c>
      <c r="J5737" s="98">
        <v>0</v>
      </c>
      <c r="K5737" s="149" t="s">
        <v>400</v>
      </c>
      <c r="L5737" s="149" t="s">
        <v>400</v>
      </c>
      <c r="M5737" s="149" t="s">
        <v>400</v>
      </c>
      <c r="N5737" s="149" t="s">
        <v>400</v>
      </c>
      <c r="O5737" s="149" t="s">
        <v>400</v>
      </c>
      <c r="P5737" s="149" t="s">
        <v>400</v>
      </c>
      <c r="Q5737" s="149" t="s">
        <v>400</v>
      </c>
      <c r="R5737" s="149" t="s">
        <v>400</v>
      </c>
      <c r="S5737" s="149" t="s">
        <v>400</v>
      </c>
      <c r="T5737" s="149" t="s">
        <v>400</v>
      </c>
      <c r="U5737" s="99"/>
      <c r="V5737" s="99"/>
      <c r="W5737" s="99"/>
      <c r="X5737" s="99"/>
      <c r="Y5737" s="99"/>
      <c r="Z5737" s="99"/>
      <c r="AA5737" s="99"/>
      <c r="AB5737" s="99"/>
      <c r="AC5737" s="99"/>
      <c r="AD5737" s="99"/>
      <c r="AE5737" s="99"/>
      <c r="AF5737" s="99"/>
      <c r="AG5737" s="99"/>
      <c r="AH5737" s="99"/>
      <c r="AI5737" s="99"/>
      <c r="AJ5737" s="99"/>
      <c r="AK5737" s="99"/>
      <c r="AL5737" s="99"/>
      <c r="AM5737" s="99"/>
      <c r="AN5737" s="99"/>
      <c r="AO5737" s="99"/>
      <c r="AP5737" s="99"/>
      <c r="AQ5737" s="99"/>
      <c r="AR5737" s="99"/>
      <c r="AS5737" s="99"/>
      <c r="AT5737" s="99"/>
      <c r="AU5737" s="99"/>
      <c r="AV5737" s="99"/>
      <c r="AW5737" s="99"/>
      <c r="AX5737" s="99"/>
      <c r="AY5737" s="99"/>
      <c r="AZ5737" s="99"/>
      <c r="BA5737" s="99"/>
      <c r="BB5737" s="107">
        <v>45884</v>
      </c>
    </row>
    <row r="5738" spans="1:54" s="8" customFormat="1" ht="13.95" customHeight="1" x14ac:dyDescent="0.25">
      <c r="A5738" s="219" t="s">
        <v>13316</v>
      </c>
      <c r="B5738" s="220" t="s">
        <v>13310</v>
      </c>
      <c r="C5738" s="98" t="s">
        <v>8661</v>
      </c>
      <c r="D5738" s="144" t="s">
        <v>13317</v>
      </c>
      <c r="E5738" s="141">
        <v>1987</v>
      </c>
      <c r="F5738" s="141">
        <v>150</v>
      </c>
      <c r="G5738" s="144" t="s">
        <v>1</v>
      </c>
      <c r="H5738" s="98">
        <v>0</v>
      </c>
      <c r="I5738" s="98">
        <v>0</v>
      </c>
      <c r="J5738" s="98">
        <v>1</v>
      </c>
      <c r="K5738" s="149" t="s">
        <v>400</v>
      </c>
      <c r="L5738" s="149" t="s">
        <v>400</v>
      </c>
      <c r="M5738" s="149" t="s">
        <v>400</v>
      </c>
      <c r="N5738" s="149" t="s">
        <v>400</v>
      </c>
      <c r="O5738" s="149" t="s">
        <v>400</v>
      </c>
      <c r="P5738" s="149" t="s">
        <v>400</v>
      </c>
      <c r="Q5738" s="149" t="s">
        <v>400</v>
      </c>
      <c r="R5738" s="149" t="s">
        <v>400</v>
      </c>
      <c r="S5738" s="149" t="s">
        <v>400</v>
      </c>
      <c r="T5738" s="149" t="s">
        <v>400</v>
      </c>
      <c r="U5738" s="99"/>
      <c r="V5738" s="99"/>
      <c r="W5738" s="99"/>
      <c r="X5738" s="99"/>
      <c r="Y5738" s="99"/>
      <c r="Z5738" s="99"/>
      <c r="AA5738" s="99"/>
      <c r="AB5738" s="99"/>
      <c r="AC5738" s="99"/>
      <c r="AD5738" s="99"/>
      <c r="AE5738" s="99"/>
      <c r="AF5738" s="99"/>
      <c r="AG5738" s="99"/>
      <c r="AH5738" s="99"/>
      <c r="AI5738" s="99"/>
      <c r="AJ5738" s="99"/>
      <c r="AK5738" s="99"/>
      <c r="AL5738" s="99"/>
      <c r="AM5738" s="99"/>
      <c r="AN5738" s="99"/>
      <c r="AO5738" s="99"/>
      <c r="AP5738" s="99"/>
      <c r="AQ5738" s="99"/>
      <c r="AR5738" s="99"/>
      <c r="AS5738" s="99"/>
      <c r="AT5738" s="99"/>
      <c r="AU5738" s="99"/>
      <c r="AV5738" s="99"/>
      <c r="AW5738" s="99"/>
      <c r="AX5738" s="99"/>
      <c r="AY5738" s="99"/>
      <c r="AZ5738" s="99"/>
      <c r="BA5738" s="99"/>
      <c r="BB5738" s="107">
        <v>45884</v>
      </c>
    </row>
    <row r="5739" spans="1:54" s="8" customFormat="1" ht="13.95" customHeight="1" x14ac:dyDescent="0.25">
      <c r="A5739" s="219" t="s">
        <v>13318</v>
      </c>
      <c r="B5739" s="220" t="s">
        <v>13310</v>
      </c>
      <c r="C5739" s="98" t="s">
        <v>13319</v>
      </c>
      <c r="D5739" s="144" t="s">
        <v>13320</v>
      </c>
      <c r="E5739" s="141">
        <v>2004</v>
      </c>
      <c r="F5739" s="141">
        <v>155</v>
      </c>
      <c r="G5739" s="144" t="s">
        <v>1</v>
      </c>
      <c r="H5739" s="98">
        <v>0</v>
      </c>
      <c r="I5739" s="98">
        <v>0</v>
      </c>
      <c r="J5739" s="98">
        <v>1</v>
      </c>
      <c r="K5739" s="149" t="s">
        <v>400</v>
      </c>
      <c r="L5739" s="149" t="s">
        <v>400</v>
      </c>
      <c r="M5739" s="149" t="s">
        <v>400</v>
      </c>
      <c r="N5739" s="149" t="s">
        <v>400</v>
      </c>
      <c r="O5739" s="149" t="s">
        <v>400</v>
      </c>
      <c r="P5739" s="149" t="s">
        <v>400</v>
      </c>
      <c r="Q5739" s="149" t="s">
        <v>400</v>
      </c>
      <c r="R5739" s="149" t="s">
        <v>400</v>
      </c>
      <c r="S5739" s="149" t="s">
        <v>400</v>
      </c>
      <c r="T5739" s="149" t="s">
        <v>400</v>
      </c>
      <c r="U5739" s="99"/>
      <c r="V5739" s="99"/>
      <c r="W5739" s="99"/>
      <c r="X5739" s="99"/>
      <c r="Y5739" s="99"/>
      <c r="Z5739" s="99"/>
      <c r="AA5739" s="99"/>
      <c r="AB5739" s="99"/>
      <c r="AC5739" s="99"/>
      <c r="AD5739" s="99"/>
      <c r="AE5739" s="99"/>
      <c r="AF5739" s="99"/>
      <c r="AG5739" s="99"/>
      <c r="AH5739" s="99"/>
      <c r="AI5739" s="99"/>
      <c r="AJ5739" s="99"/>
      <c r="AK5739" s="99"/>
      <c r="AL5739" s="99"/>
      <c r="AM5739" s="99"/>
      <c r="AN5739" s="99"/>
      <c r="AO5739" s="99"/>
      <c r="AP5739" s="99"/>
      <c r="AQ5739" s="99"/>
      <c r="AR5739" s="99"/>
      <c r="AS5739" s="99"/>
      <c r="AT5739" s="99"/>
      <c r="AU5739" s="99"/>
      <c r="AV5739" s="99"/>
      <c r="AW5739" s="99"/>
      <c r="AX5739" s="99"/>
      <c r="AY5739" s="99"/>
      <c r="AZ5739" s="99"/>
      <c r="BA5739" s="99"/>
      <c r="BB5739" s="107">
        <v>45884</v>
      </c>
    </row>
    <row r="5740" spans="1:54" s="8" customFormat="1" ht="13.95" customHeight="1" x14ac:dyDescent="0.25">
      <c r="A5740" s="219" t="s">
        <v>13321</v>
      </c>
      <c r="B5740" s="220" t="s">
        <v>13310</v>
      </c>
      <c r="C5740" s="98" t="s">
        <v>13322</v>
      </c>
      <c r="D5740" s="144" t="s">
        <v>13323</v>
      </c>
      <c r="E5740" s="141">
        <v>1995</v>
      </c>
      <c r="F5740" s="141">
        <v>159</v>
      </c>
      <c r="G5740" s="144" t="s">
        <v>1</v>
      </c>
      <c r="H5740" s="98">
        <v>0</v>
      </c>
      <c r="I5740" s="98">
        <v>0</v>
      </c>
      <c r="J5740" s="98">
        <v>1</v>
      </c>
      <c r="K5740" s="149" t="s">
        <v>400</v>
      </c>
      <c r="L5740" s="149" t="s">
        <v>400</v>
      </c>
      <c r="M5740" s="149" t="s">
        <v>400</v>
      </c>
      <c r="N5740" s="149" t="s">
        <v>400</v>
      </c>
      <c r="O5740" s="149" t="s">
        <v>400</v>
      </c>
      <c r="P5740" s="149" t="s">
        <v>400</v>
      </c>
      <c r="Q5740" s="149" t="s">
        <v>400</v>
      </c>
      <c r="R5740" s="149" t="s">
        <v>400</v>
      </c>
      <c r="S5740" s="149" t="s">
        <v>400</v>
      </c>
      <c r="T5740" s="149" t="s">
        <v>400</v>
      </c>
      <c r="U5740" s="99"/>
      <c r="V5740" s="99"/>
      <c r="W5740" s="99"/>
      <c r="X5740" s="99"/>
      <c r="Y5740" s="99"/>
      <c r="Z5740" s="99"/>
      <c r="AA5740" s="99"/>
      <c r="AB5740" s="99"/>
      <c r="AC5740" s="99"/>
      <c r="AD5740" s="99"/>
      <c r="AE5740" s="99"/>
      <c r="AF5740" s="99"/>
      <c r="AG5740" s="99"/>
      <c r="AH5740" s="99"/>
      <c r="AI5740" s="99"/>
      <c r="AJ5740" s="99"/>
      <c r="AK5740" s="99"/>
      <c r="AL5740" s="99"/>
      <c r="AM5740" s="99"/>
      <c r="AN5740" s="99"/>
      <c r="AO5740" s="99"/>
      <c r="AP5740" s="99"/>
      <c r="AQ5740" s="99"/>
      <c r="AR5740" s="99"/>
      <c r="AS5740" s="99"/>
      <c r="AT5740" s="99"/>
      <c r="AU5740" s="99"/>
      <c r="AV5740" s="99"/>
      <c r="AW5740" s="99"/>
      <c r="AX5740" s="99"/>
      <c r="AY5740" s="99"/>
      <c r="AZ5740" s="99"/>
      <c r="BA5740" s="99"/>
      <c r="BB5740" s="107">
        <v>45884</v>
      </c>
    </row>
    <row r="5741" spans="1:54" s="8" customFormat="1" ht="13.95" customHeight="1" x14ac:dyDescent="0.25">
      <c r="A5741" s="219" t="s">
        <v>13324</v>
      </c>
      <c r="B5741" s="220" t="s">
        <v>13310</v>
      </c>
      <c r="C5741" s="98" t="s">
        <v>344</v>
      </c>
      <c r="D5741" s="144" t="s">
        <v>13325</v>
      </c>
      <c r="E5741" s="141">
        <v>1979</v>
      </c>
      <c r="F5741" s="141">
        <v>1475</v>
      </c>
      <c r="G5741" s="144" t="s">
        <v>1</v>
      </c>
      <c r="H5741" s="98">
        <v>0</v>
      </c>
      <c r="I5741" s="98">
        <v>0</v>
      </c>
      <c r="J5741" s="98">
        <v>1</v>
      </c>
      <c r="K5741" s="149" t="s">
        <v>400</v>
      </c>
      <c r="L5741" s="149" t="s">
        <v>400</v>
      </c>
      <c r="M5741" s="149" t="s">
        <v>400</v>
      </c>
      <c r="N5741" s="149" t="s">
        <v>400</v>
      </c>
      <c r="O5741" s="149" t="s">
        <v>400</v>
      </c>
      <c r="P5741" s="149" t="s">
        <v>400</v>
      </c>
      <c r="Q5741" s="149" t="s">
        <v>400</v>
      </c>
      <c r="R5741" s="149" t="s">
        <v>400</v>
      </c>
      <c r="S5741" s="149" t="s">
        <v>400</v>
      </c>
      <c r="T5741" s="149" t="s">
        <v>400</v>
      </c>
      <c r="U5741" s="99"/>
      <c r="V5741" s="99"/>
      <c r="W5741" s="99"/>
      <c r="X5741" s="99"/>
      <c r="Y5741" s="99"/>
      <c r="Z5741" s="99"/>
      <c r="AA5741" s="99"/>
      <c r="AB5741" s="99"/>
      <c r="AC5741" s="99"/>
      <c r="AD5741" s="99"/>
      <c r="AE5741" s="99"/>
      <c r="AF5741" s="99"/>
      <c r="AG5741" s="99"/>
      <c r="AH5741" s="99"/>
      <c r="AI5741" s="99"/>
      <c r="AJ5741" s="99"/>
      <c r="AK5741" s="99"/>
      <c r="AL5741" s="99"/>
      <c r="AM5741" s="99"/>
      <c r="AN5741" s="99"/>
      <c r="AO5741" s="99"/>
      <c r="AP5741" s="99"/>
      <c r="AQ5741" s="99"/>
      <c r="AR5741" s="99"/>
      <c r="AS5741" s="99"/>
      <c r="AT5741" s="99"/>
      <c r="AU5741" s="99"/>
      <c r="AV5741" s="99"/>
      <c r="AW5741" s="99"/>
      <c r="AX5741" s="99"/>
      <c r="AY5741" s="99"/>
      <c r="AZ5741" s="99"/>
      <c r="BA5741" s="99"/>
      <c r="BB5741" s="107">
        <v>45884</v>
      </c>
    </row>
    <row r="5742" spans="1:54" s="8" customFormat="1" ht="13.95" customHeight="1" x14ac:dyDescent="0.25">
      <c r="A5742" s="219" t="s">
        <v>13326</v>
      </c>
      <c r="B5742" s="220" t="s">
        <v>13310</v>
      </c>
      <c r="C5742" s="98" t="s">
        <v>13327</v>
      </c>
      <c r="D5742" s="144" t="s">
        <v>13328</v>
      </c>
      <c r="E5742" s="141">
        <v>1978</v>
      </c>
      <c r="F5742" s="141">
        <v>176</v>
      </c>
      <c r="G5742" s="144" t="s">
        <v>1</v>
      </c>
      <c r="H5742" s="98">
        <v>0</v>
      </c>
      <c r="I5742" s="98">
        <v>0</v>
      </c>
      <c r="J5742" s="98">
        <v>0</v>
      </c>
      <c r="K5742" s="149" t="s">
        <v>400</v>
      </c>
      <c r="L5742" s="149" t="s">
        <v>400</v>
      </c>
      <c r="M5742" s="149" t="s">
        <v>400</v>
      </c>
      <c r="N5742" s="149" t="s">
        <v>400</v>
      </c>
      <c r="O5742" s="149" t="s">
        <v>400</v>
      </c>
      <c r="P5742" s="149" t="s">
        <v>400</v>
      </c>
      <c r="Q5742" s="149" t="s">
        <v>400</v>
      </c>
      <c r="R5742" s="149" t="s">
        <v>400</v>
      </c>
      <c r="S5742" s="149" t="s">
        <v>400</v>
      </c>
      <c r="T5742" s="149" t="s">
        <v>400</v>
      </c>
      <c r="U5742" s="99"/>
      <c r="V5742" s="99"/>
      <c r="W5742" s="99"/>
      <c r="X5742" s="99"/>
      <c r="Y5742" s="99"/>
      <c r="Z5742" s="99"/>
      <c r="AA5742" s="99"/>
      <c r="AB5742" s="99"/>
      <c r="AC5742" s="99"/>
      <c r="AD5742" s="99"/>
      <c r="AE5742" s="99"/>
      <c r="AF5742" s="99"/>
      <c r="AG5742" s="99"/>
      <c r="AH5742" s="99"/>
      <c r="AI5742" s="99"/>
      <c r="AJ5742" s="99"/>
      <c r="AK5742" s="99"/>
      <c r="AL5742" s="99"/>
      <c r="AM5742" s="99"/>
      <c r="AN5742" s="99"/>
      <c r="AO5742" s="99"/>
      <c r="AP5742" s="99"/>
      <c r="AQ5742" s="99"/>
      <c r="AR5742" s="99"/>
      <c r="AS5742" s="99"/>
      <c r="AT5742" s="99"/>
      <c r="AU5742" s="99"/>
      <c r="AV5742" s="99"/>
      <c r="AW5742" s="99"/>
      <c r="AX5742" s="99"/>
      <c r="AY5742" s="99"/>
      <c r="AZ5742" s="99"/>
      <c r="BA5742" s="99"/>
      <c r="BB5742" s="107">
        <v>45884</v>
      </c>
    </row>
    <row r="5743" spans="1:54" s="8" customFormat="1" ht="13.95" customHeight="1" x14ac:dyDescent="0.25">
      <c r="A5743" s="219" t="s">
        <v>13329</v>
      </c>
      <c r="B5743" s="220" t="s">
        <v>13310</v>
      </c>
      <c r="C5743" s="98" t="s">
        <v>13330</v>
      </c>
      <c r="D5743" s="144" t="s">
        <v>13331</v>
      </c>
      <c r="E5743" s="141">
        <v>1997</v>
      </c>
      <c r="F5743" s="141">
        <v>187</v>
      </c>
      <c r="G5743" s="144" t="s">
        <v>1</v>
      </c>
      <c r="H5743" s="98">
        <v>0</v>
      </c>
      <c r="I5743" s="98">
        <v>0</v>
      </c>
      <c r="J5743" s="98">
        <v>1</v>
      </c>
      <c r="K5743" s="149" t="s">
        <v>400</v>
      </c>
      <c r="L5743" s="149" t="s">
        <v>400</v>
      </c>
      <c r="M5743" s="149" t="s">
        <v>400</v>
      </c>
      <c r="N5743" s="149" t="s">
        <v>400</v>
      </c>
      <c r="O5743" s="149" t="s">
        <v>400</v>
      </c>
      <c r="P5743" s="149" t="s">
        <v>400</v>
      </c>
      <c r="Q5743" s="149" t="s">
        <v>400</v>
      </c>
      <c r="R5743" s="149" t="s">
        <v>400</v>
      </c>
      <c r="S5743" s="149" t="s">
        <v>400</v>
      </c>
      <c r="T5743" s="149" t="s">
        <v>400</v>
      </c>
      <c r="U5743" s="99"/>
      <c r="V5743" s="99"/>
      <c r="W5743" s="99"/>
      <c r="X5743" s="99"/>
      <c r="Y5743" s="99"/>
      <c r="Z5743" s="99"/>
      <c r="AA5743" s="99"/>
      <c r="AB5743" s="99"/>
      <c r="AC5743" s="99"/>
      <c r="AD5743" s="99"/>
      <c r="AE5743" s="99"/>
      <c r="AF5743" s="99"/>
      <c r="AG5743" s="99"/>
      <c r="AH5743" s="99"/>
      <c r="AI5743" s="99"/>
      <c r="AJ5743" s="99"/>
      <c r="AK5743" s="99"/>
      <c r="AL5743" s="99"/>
      <c r="AM5743" s="99"/>
      <c r="AN5743" s="99"/>
      <c r="AO5743" s="99"/>
      <c r="AP5743" s="99"/>
      <c r="AQ5743" s="99"/>
      <c r="AR5743" s="99"/>
      <c r="AS5743" s="99"/>
      <c r="AT5743" s="99"/>
      <c r="AU5743" s="99"/>
      <c r="AV5743" s="99"/>
      <c r="AW5743" s="99"/>
      <c r="AX5743" s="99"/>
      <c r="AY5743" s="99"/>
      <c r="AZ5743" s="99"/>
      <c r="BA5743" s="99"/>
      <c r="BB5743" s="107">
        <v>45884</v>
      </c>
    </row>
    <row r="5744" spans="1:54" s="8" customFormat="1" ht="13.95" customHeight="1" x14ac:dyDescent="0.25">
      <c r="A5744" s="219" t="s">
        <v>13332</v>
      </c>
      <c r="B5744" s="220" t="s">
        <v>13310</v>
      </c>
      <c r="C5744" s="98" t="s">
        <v>9067</v>
      </c>
      <c r="D5744" s="144" t="s">
        <v>13333</v>
      </c>
      <c r="E5744" s="141">
        <v>1963</v>
      </c>
      <c r="F5744" s="141">
        <v>189</v>
      </c>
      <c r="G5744" s="144" t="s">
        <v>1</v>
      </c>
      <c r="H5744" s="98">
        <v>0</v>
      </c>
      <c r="I5744" s="98">
        <v>0</v>
      </c>
      <c r="J5744" s="98">
        <v>0</v>
      </c>
      <c r="K5744" s="149" t="s">
        <v>400</v>
      </c>
      <c r="L5744" s="149" t="s">
        <v>400</v>
      </c>
      <c r="M5744" s="149" t="s">
        <v>400</v>
      </c>
      <c r="N5744" s="149" t="s">
        <v>400</v>
      </c>
      <c r="O5744" s="149" t="s">
        <v>400</v>
      </c>
      <c r="P5744" s="149" t="s">
        <v>400</v>
      </c>
      <c r="Q5744" s="149" t="s">
        <v>400</v>
      </c>
      <c r="R5744" s="149" t="s">
        <v>400</v>
      </c>
      <c r="S5744" s="149" t="s">
        <v>400</v>
      </c>
      <c r="T5744" s="149" t="s">
        <v>400</v>
      </c>
      <c r="U5744" s="99"/>
      <c r="V5744" s="99"/>
      <c r="W5744" s="99"/>
      <c r="X5744" s="99"/>
      <c r="Y5744" s="99"/>
      <c r="Z5744" s="99"/>
      <c r="AA5744" s="99"/>
      <c r="AB5744" s="99"/>
      <c r="AC5744" s="99"/>
      <c r="AD5744" s="99"/>
      <c r="AE5744" s="99"/>
      <c r="AF5744" s="99"/>
      <c r="AG5744" s="99"/>
      <c r="AH5744" s="99"/>
      <c r="AI5744" s="99"/>
      <c r="AJ5744" s="99"/>
      <c r="AK5744" s="99"/>
      <c r="AL5744" s="99"/>
      <c r="AM5744" s="99"/>
      <c r="AN5744" s="99"/>
      <c r="AO5744" s="99"/>
      <c r="AP5744" s="99"/>
      <c r="AQ5744" s="99"/>
      <c r="AR5744" s="99"/>
      <c r="AS5744" s="99"/>
      <c r="AT5744" s="99"/>
      <c r="AU5744" s="99"/>
      <c r="AV5744" s="99"/>
      <c r="AW5744" s="99"/>
      <c r="AX5744" s="99"/>
      <c r="AY5744" s="99"/>
      <c r="AZ5744" s="99"/>
      <c r="BA5744" s="99"/>
      <c r="BB5744" s="107">
        <v>45884</v>
      </c>
    </row>
    <row r="5745" spans="1:54" s="8" customFormat="1" ht="13.95" customHeight="1" x14ac:dyDescent="0.25">
      <c r="A5745" s="219" t="s">
        <v>13334</v>
      </c>
      <c r="B5745" s="220" t="s">
        <v>13310</v>
      </c>
      <c r="C5745" s="98" t="s">
        <v>13335</v>
      </c>
      <c r="D5745" s="144" t="s">
        <v>13336</v>
      </c>
      <c r="E5745" s="141">
        <v>1996</v>
      </c>
      <c r="F5745" s="141">
        <v>189</v>
      </c>
      <c r="G5745" s="144" t="s">
        <v>1</v>
      </c>
      <c r="H5745" s="98">
        <v>0</v>
      </c>
      <c r="I5745" s="98">
        <v>0</v>
      </c>
      <c r="J5745" s="98">
        <v>1</v>
      </c>
      <c r="K5745" s="149" t="s">
        <v>400</v>
      </c>
      <c r="L5745" s="149" t="s">
        <v>400</v>
      </c>
      <c r="M5745" s="149" t="s">
        <v>400</v>
      </c>
      <c r="N5745" s="149" t="s">
        <v>400</v>
      </c>
      <c r="O5745" s="149" t="s">
        <v>400</v>
      </c>
      <c r="P5745" s="149" t="s">
        <v>400</v>
      </c>
      <c r="Q5745" s="149" t="s">
        <v>400</v>
      </c>
      <c r="R5745" s="149" t="s">
        <v>400</v>
      </c>
      <c r="S5745" s="149" t="s">
        <v>400</v>
      </c>
      <c r="T5745" s="149" t="s">
        <v>400</v>
      </c>
      <c r="U5745" s="99"/>
      <c r="V5745" s="99"/>
      <c r="W5745" s="99"/>
      <c r="X5745" s="99"/>
      <c r="Y5745" s="99"/>
      <c r="Z5745" s="99"/>
      <c r="AA5745" s="99"/>
      <c r="AB5745" s="99"/>
      <c r="AC5745" s="99"/>
      <c r="AD5745" s="99"/>
      <c r="AE5745" s="99"/>
      <c r="AF5745" s="99"/>
      <c r="AG5745" s="99"/>
      <c r="AH5745" s="99"/>
      <c r="AI5745" s="99"/>
      <c r="AJ5745" s="99"/>
      <c r="AK5745" s="99"/>
      <c r="AL5745" s="99"/>
      <c r="AM5745" s="99"/>
      <c r="AN5745" s="99"/>
      <c r="AO5745" s="99"/>
      <c r="AP5745" s="99"/>
      <c r="AQ5745" s="99"/>
      <c r="AR5745" s="99"/>
      <c r="AS5745" s="99"/>
      <c r="AT5745" s="99"/>
      <c r="AU5745" s="99"/>
      <c r="AV5745" s="99"/>
      <c r="AW5745" s="99"/>
      <c r="AX5745" s="99"/>
      <c r="AY5745" s="99"/>
      <c r="AZ5745" s="99"/>
      <c r="BA5745" s="99"/>
      <c r="BB5745" s="107">
        <v>45884</v>
      </c>
    </row>
    <row r="5746" spans="1:54" s="8" customFormat="1" ht="13.95" customHeight="1" x14ac:dyDescent="0.25">
      <c r="A5746" s="219" t="s">
        <v>13337</v>
      </c>
      <c r="B5746" s="220" t="s">
        <v>13310</v>
      </c>
      <c r="C5746" s="98" t="s">
        <v>13338</v>
      </c>
      <c r="D5746" s="144" t="s">
        <v>13339</v>
      </c>
      <c r="E5746" s="141">
        <v>1995</v>
      </c>
      <c r="F5746" s="141">
        <v>197</v>
      </c>
      <c r="G5746" s="144" t="s">
        <v>1</v>
      </c>
      <c r="H5746" s="98">
        <v>0</v>
      </c>
      <c r="I5746" s="98">
        <v>0</v>
      </c>
      <c r="J5746" s="98">
        <v>1</v>
      </c>
      <c r="K5746" s="149" t="s">
        <v>400</v>
      </c>
      <c r="L5746" s="149" t="s">
        <v>400</v>
      </c>
      <c r="M5746" s="149" t="s">
        <v>400</v>
      </c>
      <c r="N5746" s="149" t="s">
        <v>400</v>
      </c>
      <c r="O5746" s="149" t="s">
        <v>400</v>
      </c>
      <c r="P5746" s="149" t="s">
        <v>400</v>
      </c>
      <c r="Q5746" s="149" t="s">
        <v>400</v>
      </c>
      <c r="R5746" s="149" t="s">
        <v>400</v>
      </c>
      <c r="S5746" s="149" t="s">
        <v>400</v>
      </c>
      <c r="T5746" s="149" t="s">
        <v>400</v>
      </c>
      <c r="U5746" s="99"/>
      <c r="V5746" s="99"/>
      <c r="W5746" s="99"/>
      <c r="X5746" s="99"/>
      <c r="Y5746" s="99"/>
      <c r="Z5746" s="99"/>
      <c r="AA5746" s="99"/>
      <c r="AB5746" s="99"/>
      <c r="AC5746" s="99"/>
      <c r="AD5746" s="99"/>
      <c r="AE5746" s="99"/>
      <c r="AF5746" s="99"/>
      <c r="AG5746" s="99"/>
      <c r="AH5746" s="99"/>
      <c r="AI5746" s="99"/>
      <c r="AJ5746" s="99"/>
      <c r="AK5746" s="99"/>
      <c r="AL5746" s="99"/>
      <c r="AM5746" s="99"/>
      <c r="AN5746" s="99"/>
      <c r="AO5746" s="99"/>
      <c r="AP5746" s="99"/>
      <c r="AQ5746" s="99"/>
      <c r="AR5746" s="99"/>
      <c r="AS5746" s="99"/>
      <c r="AT5746" s="99"/>
      <c r="AU5746" s="99"/>
      <c r="AV5746" s="99"/>
      <c r="AW5746" s="99"/>
      <c r="AX5746" s="99"/>
      <c r="AY5746" s="99"/>
      <c r="AZ5746" s="99"/>
      <c r="BA5746" s="99"/>
      <c r="BB5746" s="107">
        <v>45884</v>
      </c>
    </row>
    <row r="5747" spans="1:54" s="8" customFormat="1" ht="13.95" customHeight="1" x14ac:dyDescent="0.25">
      <c r="A5747" s="219" t="s">
        <v>13340</v>
      </c>
      <c r="B5747" s="220" t="s">
        <v>13310</v>
      </c>
      <c r="C5747" s="98" t="s">
        <v>13341</v>
      </c>
      <c r="D5747" s="144" t="s">
        <v>13342</v>
      </c>
      <c r="E5747" s="141">
        <v>1988</v>
      </c>
      <c r="F5747" s="141">
        <v>200</v>
      </c>
      <c r="G5747" s="144" t="s">
        <v>1</v>
      </c>
      <c r="H5747" s="98">
        <v>0</v>
      </c>
      <c r="I5747" s="98">
        <v>0</v>
      </c>
      <c r="J5747" s="98">
        <v>0</v>
      </c>
      <c r="K5747" s="149" t="s">
        <v>400</v>
      </c>
      <c r="L5747" s="149" t="s">
        <v>400</v>
      </c>
      <c r="M5747" s="149" t="s">
        <v>400</v>
      </c>
      <c r="N5747" s="149" t="s">
        <v>400</v>
      </c>
      <c r="O5747" s="149" t="s">
        <v>400</v>
      </c>
      <c r="P5747" s="149" t="s">
        <v>400</v>
      </c>
      <c r="Q5747" s="149" t="s">
        <v>400</v>
      </c>
      <c r="R5747" s="149" t="s">
        <v>400</v>
      </c>
      <c r="S5747" s="149" t="s">
        <v>400</v>
      </c>
      <c r="T5747" s="149" t="s">
        <v>400</v>
      </c>
      <c r="U5747" s="99"/>
      <c r="V5747" s="99"/>
      <c r="W5747" s="99"/>
      <c r="X5747" s="99"/>
      <c r="Y5747" s="99"/>
      <c r="Z5747" s="99"/>
      <c r="AA5747" s="99"/>
      <c r="AB5747" s="99"/>
      <c r="AC5747" s="99"/>
      <c r="AD5747" s="99"/>
      <c r="AE5747" s="99"/>
      <c r="AF5747" s="99"/>
      <c r="AG5747" s="99"/>
      <c r="AH5747" s="99"/>
      <c r="AI5747" s="99"/>
      <c r="AJ5747" s="99"/>
      <c r="AK5747" s="99"/>
      <c r="AL5747" s="99"/>
      <c r="AM5747" s="99"/>
      <c r="AN5747" s="99"/>
      <c r="AO5747" s="99"/>
      <c r="AP5747" s="99"/>
      <c r="AQ5747" s="99"/>
      <c r="AR5747" s="99"/>
      <c r="AS5747" s="99"/>
      <c r="AT5747" s="99"/>
      <c r="AU5747" s="99"/>
      <c r="AV5747" s="99"/>
      <c r="AW5747" s="99"/>
      <c r="AX5747" s="99"/>
      <c r="AY5747" s="99"/>
      <c r="AZ5747" s="99"/>
      <c r="BA5747" s="99"/>
      <c r="BB5747" s="107">
        <v>45884</v>
      </c>
    </row>
    <row r="5748" spans="1:54" s="8" customFormat="1" ht="13.95" customHeight="1" x14ac:dyDescent="0.25">
      <c r="A5748" s="219" t="s">
        <v>13343</v>
      </c>
      <c r="B5748" s="220" t="s">
        <v>13310</v>
      </c>
      <c r="C5748" s="98" t="s">
        <v>13344</v>
      </c>
      <c r="D5748" s="144" t="s">
        <v>13345</v>
      </c>
      <c r="E5748" s="141">
        <v>2002</v>
      </c>
      <c r="F5748" s="141">
        <v>201</v>
      </c>
      <c r="G5748" s="144" t="s">
        <v>1</v>
      </c>
      <c r="H5748" s="98">
        <v>0</v>
      </c>
      <c r="I5748" s="98">
        <v>0</v>
      </c>
      <c r="J5748" s="98">
        <v>0</v>
      </c>
      <c r="K5748" s="149" t="s">
        <v>400</v>
      </c>
      <c r="L5748" s="149" t="s">
        <v>400</v>
      </c>
      <c r="M5748" s="149" t="s">
        <v>400</v>
      </c>
      <c r="N5748" s="149" t="s">
        <v>400</v>
      </c>
      <c r="O5748" s="149" t="s">
        <v>400</v>
      </c>
      <c r="P5748" s="149" t="s">
        <v>400</v>
      </c>
      <c r="Q5748" s="149" t="s">
        <v>400</v>
      </c>
      <c r="R5748" s="149" t="s">
        <v>400</v>
      </c>
      <c r="S5748" s="149" t="s">
        <v>400</v>
      </c>
      <c r="T5748" s="149" t="s">
        <v>400</v>
      </c>
      <c r="U5748" s="99"/>
      <c r="V5748" s="99"/>
      <c r="W5748" s="99"/>
      <c r="X5748" s="99"/>
      <c r="Y5748" s="99"/>
      <c r="Z5748" s="99"/>
      <c r="AA5748" s="99"/>
      <c r="AB5748" s="99"/>
      <c r="AC5748" s="99"/>
      <c r="AD5748" s="99"/>
      <c r="AE5748" s="99"/>
      <c r="AF5748" s="99"/>
      <c r="AG5748" s="99"/>
      <c r="AH5748" s="99"/>
      <c r="AI5748" s="99"/>
      <c r="AJ5748" s="99"/>
      <c r="AK5748" s="99"/>
      <c r="AL5748" s="99"/>
      <c r="AM5748" s="99"/>
      <c r="AN5748" s="99"/>
      <c r="AO5748" s="99"/>
      <c r="AP5748" s="99"/>
      <c r="AQ5748" s="99"/>
      <c r="AR5748" s="99"/>
      <c r="AS5748" s="99"/>
      <c r="AT5748" s="99"/>
      <c r="AU5748" s="99"/>
      <c r="AV5748" s="99"/>
      <c r="AW5748" s="99"/>
      <c r="AX5748" s="99"/>
      <c r="AY5748" s="99"/>
      <c r="AZ5748" s="99"/>
      <c r="BA5748" s="99"/>
      <c r="BB5748" s="107">
        <v>45884</v>
      </c>
    </row>
    <row r="5749" spans="1:54" s="8" customFormat="1" ht="13.95" customHeight="1" x14ac:dyDescent="0.25">
      <c r="A5749" s="219" t="s">
        <v>13346</v>
      </c>
      <c r="B5749" s="220" t="s">
        <v>13310</v>
      </c>
      <c r="C5749" s="98" t="s">
        <v>13347</v>
      </c>
      <c r="D5749" s="144" t="s">
        <v>13348</v>
      </c>
      <c r="E5749" s="141">
        <v>1973</v>
      </c>
      <c r="F5749" s="141">
        <v>203</v>
      </c>
      <c r="G5749" s="144" t="s">
        <v>1</v>
      </c>
      <c r="H5749" s="98">
        <v>0</v>
      </c>
      <c r="I5749" s="98">
        <v>0</v>
      </c>
      <c r="J5749" s="98">
        <v>0</v>
      </c>
      <c r="K5749" s="149" t="s">
        <v>400</v>
      </c>
      <c r="L5749" s="149" t="s">
        <v>400</v>
      </c>
      <c r="M5749" s="149" t="s">
        <v>400</v>
      </c>
      <c r="N5749" s="149" t="s">
        <v>400</v>
      </c>
      <c r="O5749" s="149" t="s">
        <v>400</v>
      </c>
      <c r="P5749" s="149" t="s">
        <v>400</v>
      </c>
      <c r="Q5749" s="149" t="s">
        <v>400</v>
      </c>
      <c r="R5749" s="149" t="s">
        <v>400</v>
      </c>
      <c r="S5749" s="149" t="s">
        <v>400</v>
      </c>
      <c r="T5749" s="149" t="s">
        <v>400</v>
      </c>
      <c r="U5749" s="99"/>
      <c r="V5749" s="99"/>
      <c r="W5749" s="99"/>
      <c r="X5749" s="99"/>
      <c r="Y5749" s="99"/>
      <c r="Z5749" s="99"/>
      <c r="AA5749" s="99"/>
      <c r="AB5749" s="99"/>
      <c r="AC5749" s="99"/>
      <c r="AD5749" s="99"/>
      <c r="AE5749" s="99"/>
      <c r="AF5749" s="99"/>
      <c r="AG5749" s="99"/>
      <c r="AH5749" s="99"/>
      <c r="AI5749" s="99"/>
      <c r="AJ5749" s="99"/>
      <c r="AK5749" s="99"/>
      <c r="AL5749" s="99"/>
      <c r="AM5749" s="99"/>
      <c r="AN5749" s="99"/>
      <c r="AO5749" s="99"/>
      <c r="AP5749" s="99"/>
      <c r="AQ5749" s="99"/>
      <c r="AR5749" s="99"/>
      <c r="AS5749" s="99"/>
      <c r="AT5749" s="99"/>
      <c r="AU5749" s="99"/>
      <c r="AV5749" s="99"/>
      <c r="AW5749" s="99"/>
      <c r="AX5749" s="99"/>
      <c r="AY5749" s="99"/>
      <c r="AZ5749" s="99"/>
      <c r="BA5749" s="99"/>
      <c r="BB5749" s="107">
        <v>45884</v>
      </c>
    </row>
    <row r="5750" spans="1:54" s="8" customFormat="1" ht="13.95" customHeight="1" x14ac:dyDescent="0.25">
      <c r="A5750" s="219" t="s">
        <v>13349</v>
      </c>
      <c r="B5750" s="220" t="s">
        <v>13310</v>
      </c>
      <c r="C5750" s="98" t="s">
        <v>13350</v>
      </c>
      <c r="D5750" s="144" t="s">
        <v>13351</v>
      </c>
      <c r="E5750" s="141">
        <v>1995</v>
      </c>
      <c r="F5750" s="141">
        <v>207</v>
      </c>
      <c r="G5750" s="144" t="s">
        <v>1</v>
      </c>
      <c r="H5750" s="98">
        <v>0</v>
      </c>
      <c r="I5750" s="98">
        <v>0</v>
      </c>
      <c r="J5750" s="98">
        <v>1</v>
      </c>
      <c r="K5750" s="149" t="s">
        <v>400</v>
      </c>
      <c r="L5750" s="149" t="s">
        <v>400</v>
      </c>
      <c r="M5750" s="149" t="s">
        <v>400</v>
      </c>
      <c r="N5750" s="149" t="s">
        <v>400</v>
      </c>
      <c r="O5750" s="149" t="s">
        <v>400</v>
      </c>
      <c r="P5750" s="149" t="s">
        <v>400</v>
      </c>
      <c r="Q5750" s="149" t="s">
        <v>400</v>
      </c>
      <c r="R5750" s="149" t="s">
        <v>400</v>
      </c>
      <c r="S5750" s="149" t="s">
        <v>400</v>
      </c>
      <c r="T5750" s="149" t="s">
        <v>400</v>
      </c>
      <c r="U5750" s="99"/>
      <c r="V5750" s="99"/>
      <c r="W5750" s="99"/>
      <c r="X5750" s="99"/>
      <c r="Y5750" s="99"/>
      <c r="Z5750" s="99"/>
      <c r="AA5750" s="99"/>
      <c r="AB5750" s="99"/>
      <c r="AC5750" s="99"/>
      <c r="AD5750" s="99"/>
      <c r="AE5750" s="99"/>
      <c r="AF5750" s="99"/>
      <c r="AG5750" s="99"/>
      <c r="AH5750" s="99"/>
      <c r="AI5750" s="99"/>
      <c r="AJ5750" s="99"/>
      <c r="AK5750" s="99"/>
      <c r="AL5750" s="99"/>
      <c r="AM5750" s="99"/>
      <c r="AN5750" s="99"/>
      <c r="AO5750" s="99"/>
      <c r="AP5750" s="99"/>
      <c r="AQ5750" s="99"/>
      <c r="AR5750" s="99"/>
      <c r="AS5750" s="99"/>
      <c r="AT5750" s="99"/>
      <c r="AU5750" s="99"/>
      <c r="AV5750" s="99"/>
      <c r="AW5750" s="99"/>
      <c r="AX5750" s="99"/>
      <c r="AY5750" s="99"/>
      <c r="AZ5750" s="99"/>
      <c r="BA5750" s="99"/>
      <c r="BB5750" s="107">
        <v>45884</v>
      </c>
    </row>
    <row r="5751" spans="1:54" s="8" customFormat="1" ht="13.95" customHeight="1" x14ac:dyDescent="0.25">
      <c r="A5751" s="219" t="s">
        <v>13352</v>
      </c>
      <c r="B5751" s="220" t="s">
        <v>13310</v>
      </c>
      <c r="C5751" s="98" t="s">
        <v>13353</v>
      </c>
      <c r="D5751" s="144" t="s">
        <v>13354</v>
      </c>
      <c r="E5751" s="141">
        <v>1993</v>
      </c>
      <c r="F5751" s="141">
        <v>211</v>
      </c>
      <c r="G5751" s="144" t="s">
        <v>1</v>
      </c>
      <c r="H5751" s="98">
        <v>0</v>
      </c>
      <c r="I5751" s="98">
        <v>0</v>
      </c>
      <c r="J5751" s="98">
        <v>1</v>
      </c>
      <c r="K5751" s="149" t="s">
        <v>400</v>
      </c>
      <c r="L5751" s="149" t="s">
        <v>400</v>
      </c>
      <c r="M5751" s="149" t="s">
        <v>400</v>
      </c>
      <c r="N5751" s="149" t="s">
        <v>400</v>
      </c>
      <c r="O5751" s="149" t="s">
        <v>400</v>
      </c>
      <c r="P5751" s="149" t="s">
        <v>400</v>
      </c>
      <c r="Q5751" s="149" t="s">
        <v>400</v>
      </c>
      <c r="R5751" s="149" t="s">
        <v>400</v>
      </c>
      <c r="S5751" s="149" t="s">
        <v>400</v>
      </c>
      <c r="T5751" s="149" t="s">
        <v>400</v>
      </c>
      <c r="U5751" s="99"/>
      <c r="V5751" s="99"/>
      <c r="W5751" s="99"/>
      <c r="X5751" s="99"/>
      <c r="Y5751" s="99"/>
      <c r="Z5751" s="99"/>
      <c r="AA5751" s="99"/>
      <c r="AB5751" s="99"/>
      <c r="AC5751" s="99"/>
      <c r="AD5751" s="99"/>
      <c r="AE5751" s="99"/>
      <c r="AF5751" s="99"/>
      <c r="AG5751" s="99"/>
      <c r="AH5751" s="99"/>
      <c r="AI5751" s="99"/>
      <c r="AJ5751" s="99"/>
      <c r="AK5751" s="99"/>
      <c r="AL5751" s="99"/>
      <c r="AM5751" s="99"/>
      <c r="AN5751" s="99"/>
      <c r="AO5751" s="99"/>
      <c r="AP5751" s="99"/>
      <c r="AQ5751" s="99"/>
      <c r="AR5751" s="99"/>
      <c r="AS5751" s="99"/>
      <c r="AT5751" s="99"/>
      <c r="AU5751" s="99"/>
      <c r="AV5751" s="99"/>
      <c r="AW5751" s="99"/>
      <c r="AX5751" s="99"/>
      <c r="AY5751" s="99"/>
      <c r="AZ5751" s="99"/>
      <c r="BA5751" s="99"/>
      <c r="BB5751" s="107">
        <v>45884</v>
      </c>
    </row>
    <row r="5752" spans="1:54" s="8" customFormat="1" ht="13.95" customHeight="1" x14ac:dyDescent="0.25">
      <c r="A5752" s="219" t="s">
        <v>13355</v>
      </c>
      <c r="B5752" s="220" t="s">
        <v>13310</v>
      </c>
      <c r="C5752" s="98" t="s">
        <v>13356</v>
      </c>
      <c r="D5752" s="144" t="s">
        <v>13357</v>
      </c>
      <c r="E5752" s="141">
        <v>1995</v>
      </c>
      <c r="F5752" s="141">
        <v>214</v>
      </c>
      <c r="G5752" s="144" t="s">
        <v>1</v>
      </c>
      <c r="H5752" s="98">
        <v>0</v>
      </c>
      <c r="I5752" s="98">
        <v>0</v>
      </c>
      <c r="J5752" s="98">
        <v>1</v>
      </c>
      <c r="K5752" s="149" t="s">
        <v>400</v>
      </c>
      <c r="L5752" s="149" t="s">
        <v>400</v>
      </c>
      <c r="M5752" s="149" t="s">
        <v>400</v>
      </c>
      <c r="N5752" s="149" t="s">
        <v>400</v>
      </c>
      <c r="O5752" s="149" t="s">
        <v>400</v>
      </c>
      <c r="P5752" s="149" t="s">
        <v>400</v>
      </c>
      <c r="Q5752" s="149" t="s">
        <v>400</v>
      </c>
      <c r="R5752" s="149" t="s">
        <v>400</v>
      </c>
      <c r="S5752" s="149" t="s">
        <v>400</v>
      </c>
      <c r="T5752" s="149" t="s">
        <v>400</v>
      </c>
      <c r="U5752" s="99"/>
      <c r="V5752" s="99"/>
      <c r="W5752" s="99"/>
      <c r="X5752" s="99"/>
      <c r="Y5752" s="99"/>
      <c r="Z5752" s="99"/>
      <c r="AA5752" s="99"/>
      <c r="AB5752" s="99"/>
      <c r="AC5752" s="99"/>
      <c r="AD5752" s="99"/>
      <c r="AE5752" s="99"/>
      <c r="AF5752" s="99"/>
      <c r="AG5752" s="99"/>
      <c r="AH5752" s="99"/>
      <c r="AI5752" s="99"/>
      <c r="AJ5752" s="99"/>
      <c r="AK5752" s="99"/>
      <c r="AL5752" s="99"/>
      <c r="AM5752" s="99"/>
      <c r="AN5752" s="99"/>
      <c r="AO5752" s="99"/>
      <c r="AP5752" s="99"/>
      <c r="AQ5752" s="99"/>
      <c r="AR5752" s="99"/>
      <c r="AS5752" s="99"/>
      <c r="AT5752" s="99"/>
      <c r="AU5752" s="99"/>
      <c r="AV5752" s="99"/>
      <c r="AW5752" s="99"/>
      <c r="AX5752" s="99"/>
      <c r="AY5752" s="99"/>
      <c r="AZ5752" s="99"/>
      <c r="BA5752" s="99"/>
      <c r="BB5752" s="107">
        <v>45884</v>
      </c>
    </row>
    <row r="5753" spans="1:54" s="8" customFormat="1" ht="13.95" customHeight="1" x14ac:dyDescent="0.25">
      <c r="A5753" s="219" t="s">
        <v>13358</v>
      </c>
      <c r="B5753" s="220" t="s">
        <v>13310</v>
      </c>
      <c r="C5753" s="98" t="s">
        <v>13359</v>
      </c>
      <c r="D5753" s="144" t="s">
        <v>13360</v>
      </c>
      <c r="E5753" s="141">
        <v>1973</v>
      </c>
      <c r="F5753" s="141">
        <v>219</v>
      </c>
      <c r="G5753" s="144" t="s">
        <v>1</v>
      </c>
      <c r="H5753" s="98">
        <v>0</v>
      </c>
      <c r="I5753" s="98">
        <v>0</v>
      </c>
      <c r="J5753" s="98">
        <v>1</v>
      </c>
      <c r="K5753" s="149" t="s">
        <v>400</v>
      </c>
      <c r="L5753" s="149" t="s">
        <v>400</v>
      </c>
      <c r="M5753" s="149" t="s">
        <v>400</v>
      </c>
      <c r="N5753" s="149" t="s">
        <v>400</v>
      </c>
      <c r="O5753" s="149" t="s">
        <v>400</v>
      </c>
      <c r="P5753" s="149" t="s">
        <v>400</v>
      </c>
      <c r="Q5753" s="149" t="s">
        <v>400</v>
      </c>
      <c r="R5753" s="149" t="s">
        <v>400</v>
      </c>
      <c r="S5753" s="149" t="s">
        <v>400</v>
      </c>
      <c r="T5753" s="149" t="s">
        <v>400</v>
      </c>
      <c r="U5753" s="99"/>
      <c r="V5753" s="99"/>
      <c r="W5753" s="99"/>
      <c r="X5753" s="99"/>
      <c r="Y5753" s="99"/>
      <c r="Z5753" s="99"/>
      <c r="AA5753" s="99"/>
      <c r="AB5753" s="99"/>
      <c r="AC5753" s="99"/>
      <c r="AD5753" s="99"/>
      <c r="AE5753" s="99"/>
      <c r="AF5753" s="99"/>
      <c r="AG5753" s="99"/>
      <c r="AH5753" s="99"/>
      <c r="AI5753" s="99"/>
      <c r="AJ5753" s="99"/>
      <c r="AK5753" s="99"/>
      <c r="AL5753" s="99"/>
      <c r="AM5753" s="99"/>
      <c r="AN5753" s="99"/>
      <c r="AO5753" s="99"/>
      <c r="AP5753" s="99"/>
      <c r="AQ5753" s="99"/>
      <c r="AR5753" s="99"/>
      <c r="AS5753" s="99"/>
      <c r="AT5753" s="99"/>
      <c r="AU5753" s="99"/>
      <c r="AV5753" s="99"/>
      <c r="AW5753" s="99"/>
      <c r="AX5753" s="99"/>
      <c r="AY5753" s="99"/>
      <c r="AZ5753" s="99"/>
      <c r="BA5753" s="99"/>
      <c r="BB5753" s="107">
        <v>45884</v>
      </c>
    </row>
    <row r="5754" spans="1:54" s="8" customFormat="1" ht="13.95" customHeight="1" x14ac:dyDescent="0.25">
      <c r="A5754" s="219" t="s">
        <v>13361</v>
      </c>
      <c r="B5754" s="220" t="s">
        <v>13310</v>
      </c>
      <c r="C5754" s="98" t="s">
        <v>13362</v>
      </c>
      <c r="D5754" s="144" t="s">
        <v>13363</v>
      </c>
      <c r="E5754" s="141">
        <v>1981</v>
      </c>
      <c r="F5754" s="141">
        <v>230</v>
      </c>
      <c r="G5754" s="144" t="s">
        <v>1</v>
      </c>
      <c r="H5754" s="98">
        <v>0</v>
      </c>
      <c r="I5754" s="98">
        <v>0</v>
      </c>
      <c r="J5754" s="98">
        <v>1</v>
      </c>
      <c r="K5754" s="149" t="s">
        <v>400</v>
      </c>
      <c r="L5754" s="149" t="s">
        <v>400</v>
      </c>
      <c r="M5754" s="149" t="s">
        <v>400</v>
      </c>
      <c r="N5754" s="149" t="s">
        <v>400</v>
      </c>
      <c r="O5754" s="149" t="s">
        <v>400</v>
      </c>
      <c r="P5754" s="149" t="s">
        <v>400</v>
      </c>
      <c r="Q5754" s="149" t="s">
        <v>400</v>
      </c>
      <c r="R5754" s="149" t="s">
        <v>400</v>
      </c>
      <c r="S5754" s="149" t="s">
        <v>400</v>
      </c>
      <c r="T5754" s="149" t="s">
        <v>400</v>
      </c>
      <c r="U5754" s="99"/>
      <c r="V5754" s="99"/>
      <c r="W5754" s="99"/>
      <c r="X5754" s="99"/>
      <c r="Y5754" s="99"/>
      <c r="Z5754" s="99"/>
      <c r="AA5754" s="99"/>
      <c r="AB5754" s="99"/>
      <c r="AC5754" s="99"/>
      <c r="AD5754" s="99"/>
      <c r="AE5754" s="99"/>
      <c r="AF5754" s="99"/>
      <c r="AG5754" s="99"/>
      <c r="AH5754" s="99"/>
      <c r="AI5754" s="99"/>
      <c r="AJ5754" s="99"/>
      <c r="AK5754" s="99"/>
      <c r="AL5754" s="99"/>
      <c r="AM5754" s="99"/>
      <c r="AN5754" s="99"/>
      <c r="AO5754" s="99"/>
      <c r="AP5754" s="99"/>
      <c r="AQ5754" s="99"/>
      <c r="AR5754" s="99"/>
      <c r="AS5754" s="99"/>
      <c r="AT5754" s="99"/>
      <c r="AU5754" s="99"/>
      <c r="AV5754" s="99"/>
      <c r="AW5754" s="99"/>
      <c r="AX5754" s="99"/>
      <c r="AY5754" s="99"/>
      <c r="AZ5754" s="99"/>
      <c r="BA5754" s="99"/>
      <c r="BB5754" s="107">
        <v>45884</v>
      </c>
    </row>
    <row r="5755" spans="1:54" s="8" customFormat="1" ht="13.95" customHeight="1" x14ac:dyDescent="0.25">
      <c r="A5755" s="219" t="s">
        <v>13364</v>
      </c>
      <c r="B5755" s="220" t="s">
        <v>13310</v>
      </c>
      <c r="C5755" s="98" t="s">
        <v>13365</v>
      </c>
      <c r="D5755" s="144" t="s">
        <v>13366</v>
      </c>
      <c r="E5755" s="141">
        <v>2014</v>
      </c>
      <c r="F5755" s="141">
        <v>230</v>
      </c>
      <c r="G5755" s="144" t="s">
        <v>1</v>
      </c>
      <c r="H5755" s="98">
        <v>0</v>
      </c>
      <c r="I5755" s="98">
        <v>0</v>
      </c>
      <c r="J5755" s="98">
        <v>0</v>
      </c>
      <c r="K5755" s="149" t="s">
        <v>400</v>
      </c>
      <c r="L5755" s="149" t="s">
        <v>400</v>
      </c>
      <c r="M5755" s="149" t="s">
        <v>400</v>
      </c>
      <c r="N5755" s="149" t="s">
        <v>400</v>
      </c>
      <c r="O5755" s="149" t="s">
        <v>400</v>
      </c>
      <c r="P5755" s="149" t="s">
        <v>400</v>
      </c>
      <c r="Q5755" s="149" t="s">
        <v>400</v>
      </c>
      <c r="R5755" s="149" t="s">
        <v>400</v>
      </c>
      <c r="S5755" s="149" t="s">
        <v>400</v>
      </c>
      <c r="T5755" s="149" t="s">
        <v>400</v>
      </c>
      <c r="U5755" s="99"/>
      <c r="V5755" s="99"/>
      <c r="W5755" s="99"/>
      <c r="X5755" s="99"/>
      <c r="Y5755" s="99"/>
      <c r="Z5755" s="99"/>
      <c r="AA5755" s="99"/>
      <c r="AB5755" s="99"/>
      <c r="AC5755" s="99"/>
      <c r="AD5755" s="99"/>
      <c r="AE5755" s="99"/>
      <c r="AF5755" s="99"/>
      <c r="AG5755" s="99"/>
      <c r="AH5755" s="99"/>
      <c r="AI5755" s="99"/>
      <c r="AJ5755" s="99"/>
      <c r="AK5755" s="99"/>
      <c r="AL5755" s="99"/>
      <c r="AM5755" s="99"/>
      <c r="AN5755" s="99"/>
      <c r="AO5755" s="99"/>
      <c r="AP5755" s="99"/>
      <c r="AQ5755" s="99"/>
      <c r="AR5755" s="99"/>
      <c r="AS5755" s="99"/>
      <c r="AT5755" s="99"/>
      <c r="AU5755" s="99"/>
      <c r="AV5755" s="99"/>
      <c r="AW5755" s="99"/>
      <c r="AX5755" s="99"/>
      <c r="AY5755" s="99"/>
      <c r="AZ5755" s="99"/>
      <c r="BA5755" s="99"/>
      <c r="BB5755" s="107">
        <v>45884</v>
      </c>
    </row>
    <row r="5756" spans="1:54" s="8" customFormat="1" ht="13.95" customHeight="1" x14ac:dyDescent="0.25">
      <c r="A5756" s="219" t="s">
        <v>13367</v>
      </c>
      <c r="B5756" s="220" t="s">
        <v>13310</v>
      </c>
      <c r="C5756" s="98" t="s">
        <v>13368</v>
      </c>
      <c r="D5756" s="144" t="s">
        <v>13369</v>
      </c>
      <c r="E5756" s="141">
        <v>1992</v>
      </c>
      <c r="F5756" s="141">
        <v>233</v>
      </c>
      <c r="G5756" s="144" t="s">
        <v>1</v>
      </c>
      <c r="H5756" s="98">
        <v>0</v>
      </c>
      <c r="I5756" s="98">
        <v>0</v>
      </c>
      <c r="J5756" s="98">
        <v>0</v>
      </c>
      <c r="K5756" s="149" t="s">
        <v>400</v>
      </c>
      <c r="L5756" s="149" t="s">
        <v>400</v>
      </c>
      <c r="M5756" s="149" t="s">
        <v>400</v>
      </c>
      <c r="N5756" s="149" t="s">
        <v>400</v>
      </c>
      <c r="O5756" s="149" t="s">
        <v>400</v>
      </c>
      <c r="P5756" s="149" t="s">
        <v>400</v>
      </c>
      <c r="Q5756" s="149" t="s">
        <v>400</v>
      </c>
      <c r="R5756" s="149" t="s">
        <v>400</v>
      </c>
      <c r="S5756" s="149" t="s">
        <v>400</v>
      </c>
      <c r="T5756" s="149" t="s">
        <v>400</v>
      </c>
      <c r="U5756" s="99"/>
      <c r="V5756" s="99"/>
      <c r="W5756" s="99"/>
      <c r="X5756" s="99"/>
      <c r="Y5756" s="99"/>
      <c r="Z5756" s="99"/>
      <c r="AA5756" s="99"/>
      <c r="AB5756" s="99"/>
      <c r="AC5756" s="99"/>
      <c r="AD5756" s="99"/>
      <c r="AE5756" s="99"/>
      <c r="AF5756" s="99"/>
      <c r="AG5756" s="99"/>
      <c r="AH5756" s="99"/>
      <c r="AI5756" s="99"/>
      <c r="AJ5756" s="99"/>
      <c r="AK5756" s="99"/>
      <c r="AL5756" s="99"/>
      <c r="AM5756" s="99"/>
      <c r="AN5756" s="99"/>
      <c r="AO5756" s="99"/>
      <c r="AP5756" s="99"/>
      <c r="AQ5756" s="99"/>
      <c r="AR5756" s="99"/>
      <c r="AS5756" s="99"/>
      <c r="AT5756" s="99"/>
      <c r="AU5756" s="99"/>
      <c r="AV5756" s="99"/>
      <c r="AW5756" s="99"/>
      <c r="AX5756" s="99"/>
      <c r="AY5756" s="99"/>
      <c r="AZ5756" s="99"/>
      <c r="BA5756" s="99"/>
      <c r="BB5756" s="107">
        <v>45884</v>
      </c>
    </row>
    <row r="5757" spans="1:54" s="8" customFormat="1" ht="13.95" customHeight="1" x14ac:dyDescent="0.25">
      <c r="A5757" s="219" t="s">
        <v>13370</v>
      </c>
      <c r="B5757" s="220" t="s">
        <v>13310</v>
      </c>
      <c r="C5757" s="98" t="s">
        <v>13371</v>
      </c>
      <c r="D5757" s="144" t="s">
        <v>13372</v>
      </c>
      <c r="E5757" s="141">
        <v>1996</v>
      </c>
      <c r="F5757" s="141">
        <v>234</v>
      </c>
      <c r="G5757" s="144" t="s">
        <v>1</v>
      </c>
      <c r="H5757" s="98">
        <v>0</v>
      </c>
      <c r="I5757" s="98">
        <v>0</v>
      </c>
      <c r="J5757" s="98">
        <v>1</v>
      </c>
      <c r="K5757" s="149" t="s">
        <v>400</v>
      </c>
      <c r="L5757" s="149" t="s">
        <v>400</v>
      </c>
      <c r="M5757" s="149" t="s">
        <v>400</v>
      </c>
      <c r="N5757" s="149" t="s">
        <v>400</v>
      </c>
      <c r="O5757" s="149" t="s">
        <v>400</v>
      </c>
      <c r="P5757" s="149" t="s">
        <v>400</v>
      </c>
      <c r="Q5757" s="149" t="s">
        <v>400</v>
      </c>
      <c r="R5757" s="149" t="s">
        <v>400</v>
      </c>
      <c r="S5757" s="149" t="s">
        <v>400</v>
      </c>
      <c r="T5757" s="149" t="s">
        <v>400</v>
      </c>
      <c r="U5757" s="99"/>
      <c r="V5757" s="99"/>
      <c r="W5757" s="99"/>
      <c r="X5757" s="99"/>
      <c r="Y5757" s="99"/>
      <c r="Z5757" s="99"/>
      <c r="AA5757" s="99"/>
      <c r="AB5757" s="99"/>
      <c r="AC5757" s="99"/>
      <c r="AD5757" s="99"/>
      <c r="AE5757" s="99"/>
      <c r="AF5757" s="99"/>
      <c r="AG5757" s="99"/>
      <c r="AH5757" s="99"/>
      <c r="AI5757" s="99"/>
      <c r="AJ5757" s="99"/>
      <c r="AK5757" s="99"/>
      <c r="AL5757" s="99"/>
      <c r="AM5757" s="99"/>
      <c r="AN5757" s="99"/>
      <c r="AO5757" s="99"/>
      <c r="AP5757" s="99"/>
      <c r="AQ5757" s="99"/>
      <c r="AR5757" s="99"/>
      <c r="AS5757" s="99"/>
      <c r="AT5757" s="99"/>
      <c r="AU5757" s="99"/>
      <c r="AV5757" s="99"/>
      <c r="AW5757" s="99"/>
      <c r="AX5757" s="99"/>
      <c r="AY5757" s="99"/>
      <c r="AZ5757" s="99"/>
      <c r="BA5757" s="99"/>
      <c r="BB5757" s="107">
        <v>45884</v>
      </c>
    </row>
    <row r="5758" spans="1:54" s="8" customFormat="1" ht="13.95" customHeight="1" x14ac:dyDescent="0.25">
      <c r="A5758" s="219" t="s">
        <v>13373</v>
      </c>
      <c r="B5758" s="220" t="s">
        <v>13310</v>
      </c>
      <c r="C5758" s="98" t="s">
        <v>13374</v>
      </c>
      <c r="D5758" s="144" t="s">
        <v>13375</v>
      </c>
      <c r="E5758" s="141">
        <v>2001</v>
      </c>
      <c r="F5758" s="141">
        <v>235</v>
      </c>
      <c r="G5758" s="144" t="s">
        <v>1</v>
      </c>
      <c r="H5758" s="98">
        <v>0</v>
      </c>
      <c r="I5758" s="98">
        <v>0</v>
      </c>
      <c r="J5758" s="98">
        <v>1</v>
      </c>
      <c r="K5758" s="149" t="s">
        <v>400</v>
      </c>
      <c r="L5758" s="149" t="s">
        <v>400</v>
      </c>
      <c r="M5758" s="149" t="s">
        <v>400</v>
      </c>
      <c r="N5758" s="149" t="s">
        <v>400</v>
      </c>
      <c r="O5758" s="149" t="s">
        <v>400</v>
      </c>
      <c r="P5758" s="149" t="s">
        <v>400</v>
      </c>
      <c r="Q5758" s="149" t="s">
        <v>400</v>
      </c>
      <c r="R5758" s="149" t="s">
        <v>400</v>
      </c>
      <c r="S5758" s="149" t="s">
        <v>400</v>
      </c>
      <c r="T5758" s="149" t="s">
        <v>400</v>
      </c>
      <c r="U5758" s="99"/>
      <c r="V5758" s="99"/>
      <c r="W5758" s="99"/>
      <c r="X5758" s="99"/>
      <c r="Y5758" s="99"/>
      <c r="Z5758" s="99"/>
      <c r="AA5758" s="99"/>
      <c r="AB5758" s="99"/>
      <c r="AC5758" s="99"/>
      <c r="AD5758" s="99"/>
      <c r="AE5758" s="99"/>
      <c r="AF5758" s="99"/>
      <c r="AG5758" s="99"/>
      <c r="AH5758" s="99"/>
      <c r="AI5758" s="99"/>
      <c r="AJ5758" s="99"/>
      <c r="AK5758" s="99"/>
      <c r="AL5758" s="99"/>
      <c r="AM5758" s="99"/>
      <c r="AN5758" s="99"/>
      <c r="AO5758" s="99"/>
      <c r="AP5758" s="99"/>
      <c r="AQ5758" s="99"/>
      <c r="AR5758" s="99"/>
      <c r="AS5758" s="99"/>
      <c r="AT5758" s="99"/>
      <c r="AU5758" s="99"/>
      <c r="AV5758" s="99"/>
      <c r="AW5758" s="99"/>
      <c r="AX5758" s="99"/>
      <c r="AY5758" s="99"/>
      <c r="AZ5758" s="99"/>
      <c r="BA5758" s="99"/>
      <c r="BB5758" s="107">
        <v>45884</v>
      </c>
    </row>
    <row r="5759" spans="1:54" s="8" customFormat="1" ht="13.95" customHeight="1" x14ac:dyDescent="0.25">
      <c r="A5759" s="219" t="s">
        <v>13376</v>
      </c>
      <c r="B5759" s="220" t="s">
        <v>13310</v>
      </c>
      <c r="C5759" s="98" t="s">
        <v>13377</v>
      </c>
      <c r="D5759" s="144" t="s">
        <v>13378</v>
      </c>
      <c r="E5759" s="141">
        <v>1993</v>
      </c>
      <c r="F5759" s="141">
        <v>235</v>
      </c>
      <c r="G5759" s="144" t="s">
        <v>1</v>
      </c>
      <c r="H5759" s="98">
        <v>0</v>
      </c>
      <c r="I5759" s="98">
        <v>0</v>
      </c>
      <c r="J5759" s="98">
        <v>1</v>
      </c>
      <c r="K5759" s="149" t="s">
        <v>400</v>
      </c>
      <c r="L5759" s="149" t="s">
        <v>400</v>
      </c>
      <c r="M5759" s="149" t="s">
        <v>400</v>
      </c>
      <c r="N5759" s="149" t="s">
        <v>400</v>
      </c>
      <c r="O5759" s="149" t="s">
        <v>400</v>
      </c>
      <c r="P5759" s="149" t="s">
        <v>400</v>
      </c>
      <c r="Q5759" s="149" t="s">
        <v>400</v>
      </c>
      <c r="R5759" s="149" t="s">
        <v>400</v>
      </c>
      <c r="S5759" s="149" t="s">
        <v>400</v>
      </c>
      <c r="T5759" s="149" t="s">
        <v>400</v>
      </c>
      <c r="U5759" s="99"/>
      <c r="V5759" s="99"/>
      <c r="W5759" s="99"/>
      <c r="X5759" s="99"/>
      <c r="Y5759" s="99"/>
      <c r="Z5759" s="99"/>
      <c r="AA5759" s="99"/>
      <c r="AB5759" s="99"/>
      <c r="AC5759" s="99"/>
      <c r="AD5759" s="99"/>
      <c r="AE5759" s="99"/>
      <c r="AF5759" s="99"/>
      <c r="AG5759" s="99"/>
      <c r="AH5759" s="99"/>
      <c r="AI5759" s="99"/>
      <c r="AJ5759" s="99"/>
      <c r="AK5759" s="99"/>
      <c r="AL5759" s="99"/>
      <c r="AM5759" s="99"/>
      <c r="AN5759" s="99"/>
      <c r="AO5759" s="99"/>
      <c r="AP5759" s="99"/>
      <c r="AQ5759" s="99"/>
      <c r="AR5759" s="99"/>
      <c r="AS5759" s="99"/>
      <c r="AT5759" s="99"/>
      <c r="AU5759" s="99"/>
      <c r="AV5759" s="99"/>
      <c r="AW5759" s="99"/>
      <c r="AX5759" s="99"/>
      <c r="AY5759" s="99"/>
      <c r="AZ5759" s="99"/>
      <c r="BA5759" s="99"/>
      <c r="BB5759" s="107">
        <v>45884</v>
      </c>
    </row>
    <row r="5760" spans="1:54" s="8" customFormat="1" ht="13.95" customHeight="1" x14ac:dyDescent="0.25">
      <c r="A5760" s="219" t="s">
        <v>13379</v>
      </c>
      <c r="B5760" s="220" t="s">
        <v>13310</v>
      </c>
      <c r="C5760" s="98" t="s">
        <v>13380</v>
      </c>
      <c r="D5760" s="144" t="s">
        <v>13381</v>
      </c>
      <c r="E5760" s="141">
        <v>2002</v>
      </c>
      <c r="F5760" s="141">
        <v>251</v>
      </c>
      <c r="G5760" s="144" t="s">
        <v>1</v>
      </c>
      <c r="H5760" s="98">
        <v>0</v>
      </c>
      <c r="I5760" s="98">
        <v>0</v>
      </c>
      <c r="J5760" s="98">
        <v>1</v>
      </c>
      <c r="K5760" s="149" t="s">
        <v>400</v>
      </c>
      <c r="L5760" s="149" t="s">
        <v>400</v>
      </c>
      <c r="M5760" s="149" t="s">
        <v>400</v>
      </c>
      <c r="N5760" s="149" t="s">
        <v>400</v>
      </c>
      <c r="O5760" s="149" t="s">
        <v>400</v>
      </c>
      <c r="P5760" s="149" t="s">
        <v>400</v>
      </c>
      <c r="Q5760" s="149" t="s">
        <v>400</v>
      </c>
      <c r="R5760" s="149" t="s">
        <v>400</v>
      </c>
      <c r="S5760" s="149" t="s">
        <v>400</v>
      </c>
      <c r="T5760" s="149" t="s">
        <v>400</v>
      </c>
      <c r="U5760" s="99"/>
      <c r="V5760" s="99"/>
      <c r="W5760" s="99"/>
      <c r="X5760" s="99"/>
      <c r="Y5760" s="99"/>
      <c r="Z5760" s="99"/>
      <c r="AA5760" s="99"/>
      <c r="AB5760" s="99"/>
      <c r="AC5760" s="99"/>
      <c r="AD5760" s="99"/>
      <c r="AE5760" s="99"/>
      <c r="AF5760" s="99"/>
      <c r="AG5760" s="99"/>
      <c r="AH5760" s="99"/>
      <c r="AI5760" s="99"/>
      <c r="AJ5760" s="99"/>
      <c r="AK5760" s="99"/>
      <c r="AL5760" s="99"/>
      <c r="AM5760" s="99"/>
      <c r="AN5760" s="99"/>
      <c r="AO5760" s="99"/>
      <c r="AP5760" s="99"/>
      <c r="AQ5760" s="99"/>
      <c r="AR5760" s="99"/>
      <c r="AS5760" s="99"/>
      <c r="AT5760" s="99"/>
      <c r="AU5760" s="99"/>
      <c r="AV5760" s="99"/>
      <c r="AW5760" s="99"/>
      <c r="AX5760" s="99"/>
      <c r="AY5760" s="99"/>
      <c r="AZ5760" s="99"/>
      <c r="BA5760" s="99"/>
      <c r="BB5760" s="107">
        <v>45884</v>
      </c>
    </row>
    <row r="5761" spans="1:54" s="8" customFormat="1" ht="13.95" customHeight="1" x14ac:dyDescent="0.25">
      <c r="A5761" s="219" t="s">
        <v>13382</v>
      </c>
      <c r="B5761" s="220" t="s">
        <v>13310</v>
      </c>
      <c r="C5761" s="98" t="s">
        <v>13383</v>
      </c>
      <c r="D5761" s="144" t="s">
        <v>13384</v>
      </c>
      <c r="E5761" s="141">
        <v>1993</v>
      </c>
      <c r="F5761" s="141">
        <v>270</v>
      </c>
      <c r="G5761" s="144" t="s">
        <v>1</v>
      </c>
      <c r="H5761" s="98">
        <v>0</v>
      </c>
      <c r="I5761" s="98">
        <v>0</v>
      </c>
      <c r="J5761" s="98">
        <v>1</v>
      </c>
      <c r="K5761" s="149" t="s">
        <v>400</v>
      </c>
      <c r="L5761" s="149" t="s">
        <v>400</v>
      </c>
      <c r="M5761" s="149" t="s">
        <v>400</v>
      </c>
      <c r="N5761" s="149" t="s">
        <v>400</v>
      </c>
      <c r="O5761" s="149" t="s">
        <v>400</v>
      </c>
      <c r="P5761" s="149" t="s">
        <v>400</v>
      </c>
      <c r="Q5761" s="149" t="s">
        <v>400</v>
      </c>
      <c r="R5761" s="149" t="s">
        <v>400</v>
      </c>
      <c r="S5761" s="149" t="s">
        <v>400</v>
      </c>
      <c r="T5761" s="149" t="s">
        <v>400</v>
      </c>
      <c r="U5761" s="99"/>
      <c r="V5761" s="99"/>
      <c r="W5761" s="99"/>
      <c r="X5761" s="99"/>
      <c r="Y5761" s="99"/>
      <c r="Z5761" s="99"/>
      <c r="AA5761" s="99"/>
      <c r="AB5761" s="99"/>
      <c r="AC5761" s="99"/>
      <c r="AD5761" s="99"/>
      <c r="AE5761" s="99"/>
      <c r="AF5761" s="99"/>
      <c r="AG5761" s="99"/>
      <c r="AH5761" s="99"/>
      <c r="AI5761" s="99"/>
      <c r="AJ5761" s="99"/>
      <c r="AK5761" s="99"/>
      <c r="AL5761" s="99"/>
      <c r="AM5761" s="99"/>
      <c r="AN5761" s="99"/>
      <c r="AO5761" s="99"/>
      <c r="AP5761" s="99"/>
      <c r="AQ5761" s="99"/>
      <c r="AR5761" s="99"/>
      <c r="AS5761" s="99"/>
      <c r="AT5761" s="99"/>
      <c r="AU5761" s="99"/>
      <c r="AV5761" s="99"/>
      <c r="AW5761" s="99"/>
      <c r="AX5761" s="99"/>
      <c r="AY5761" s="99"/>
      <c r="AZ5761" s="99"/>
      <c r="BA5761" s="99"/>
      <c r="BB5761" s="107">
        <v>45884</v>
      </c>
    </row>
    <row r="5762" spans="1:54" s="8" customFormat="1" ht="13.95" customHeight="1" x14ac:dyDescent="0.25">
      <c r="A5762" s="219" t="s">
        <v>13385</v>
      </c>
      <c r="B5762" s="220" t="s">
        <v>13310</v>
      </c>
      <c r="C5762" s="98" t="s">
        <v>13386</v>
      </c>
      <c r="D5762" s="144" t="s">
        <v>13387</v>
      </c>
      <c r="E5762" s="141">
        <v>1990</v>
      </c>
      <c r="F5762" s="141">
        <v>272</v>
      </c>
      <c r="G5762" s="144" t="s">
        <v>1</v>
      </c>
      <c r="H5762" s="98">
        <v>0</v>
      </c>
      <c r="I5762" s="98">
        <v>0</v>
      </c>
      <c r="J5762" s="98">
        <v>1</v>
      </c>
      <c r="K5762" s="149" t="s">
        <v>400</v>
      </c>
      <c r="L5762" s="149" t="s">
        <v>400</v>
      </c>
      <c r="M5762" s="149" t="s">
        <v>400</v>
      </c>
      <c r="N5762" s="149" t="s">
        <v>400</v>
      </c>
      <c r="O5762" s="149" t="s">
        <v>400</v>
      </c>
      <c r="P5762" s="149" t="s">
        <v>400</v>
      </c>
      <c r="Q5762" s="149" t="s">
        <v>400</v>
      </c>
      <c r="R5762" s="149" t="s">
        <v>400</v>
      </c>
      <c r="S5762" s="149" t="s">
        <v>400</v>
      </c>
      <c r="T5762" s="149" t="s">
        <v>400</v>
      </c>
      <c r="U5762" s="99"/>
      <c r="V5762" s="99"/>
      <c r="W5762" s="99"/>
      <c r="X5762" s="99"/>
      <c r="Y5762" s="99"/>
      <c r="Z5762" s="99"/>
      <c r="AA5762" s="99"/>
      <c r="AB5762" s="99"/>
      <c r="AC5762" s="99"/>
      <c r="AD5762" s="99"/>
      <c r="AE5762" s="99"/>
      <c r="AF5762" s="99"/>
      <c r="AG5762" s="99"/>
      <c r="AH5762" s="99"/>
      <c r="AI5762" s="99"/>
      <c r="AJ5762" s="99"/>
      <c r="AK5762" s="99"/>
      <c r="AL5762" s="99"/>
      <c r="AM5762" s="99"/>
      <c r="AN5762" s="99"/>
      <c r="AO5762" s="99"/>
      <c r="AP5762" s="99"/>
      <c r="AQ5762" s="99"/>
      <c r="AR5762" s="99"/>
      <c r="AS5762" s="99"/>
      <c r="AT5762" s="99"/>
      <c r="AU5762" s="99"/>
      <c r="AV5762" s="99"/>
      <c r="AW5762" s="99"/>
      <c r="AX5762" s="99"/>
      <c r="AY5762" s="99"/>
      <c r="AZ5762" s="99"/>
      <c r="BA5762" s="99"/>
      <c r="BB5762" s="107">
        <v>45884</v>
      </c>
    </row>
    <row r="5763" spans="1:54" s="8" customFormat="1" ht="13.95" customHeight="1" x14ac:dyDescent="0.25">
      <c r="A5763" s="219" t="s">
        <v>13388</v>
      </c>
      <c r="B5763" s="220" t="s">
        <v>13310</v>
      </c>
      <c r="C5763" s="98" t="s">
        <v>13389</v>
      </c>
      <c r="D5763" s="144" t="s">
        <v>13390</v>
      </c>
      <c r="E5763" s="141">
        <v>1993</v>
      </c>
      <c r="F5763" s="141">
        <v>273</v>
      </c>
      <c r="G5763" s="144" t="s">
        <v>1</v>
      </c>
      <c r="H5763" s="98">
        <v>0</v>
      </c>
      <c r="I5763" s="98">
        <v>0</v>
      </c>
      <c r="J5763" s="98">
        <v>1</v>
      </c>
      <c r="K5763" s="149" t="s">
        <v>400</v>
      </c>
      <c r="L5763" s="149" t="s">
        <v>400</v>
      </c>
      <c r="M5763" s="149" t="s">
        <v>400</v>
      </c>
      <c r="N5763" s="149" t="s">
        <v>400</v>
      </c>
      <c r="O5763" s="149" t="s">
        <v>400</v>
      </c>
      <c r="P5763" s="149" t="s">
        <v>400</v>
      </c>
      <c r="Q5763" s="149" t="s">
        <v>400</v>
      </c>
      <c r="R5763" s="149" t="s">
        <v>400</v>
      </c>
      <c r="S5763" s="149" t="s">
        <v>400</v>
      </c>
      <c r="T5763" s="149" t="s">
        <v>400</v>
      </c>
      <c r="U5763" s="99"/>
      <c r="V5763" s="99"/>
      <c r="W5763" s="99"/>
      <c r="X5763" s="99"/>
      <c r="Y5763" s="99"/>
      <c r="Z5763" s="99"/>
      <c r="AA5763" s="99"/>
      <c r="AB5763" s="99"/>
      <c r="AC5763" s="99"/>
      <c r="AD5763" s="99"/>
      <c r="AE5763" s="99"/>
      <c r="AF5763" s="99"/>
      <c r="AG5763" s="99"/>
      <c r="AH5763" s="99"/>
      <c r="AI5763" s="99"/>
      <c r="AJ5763" s="99"/>
      <c r="AK5763" s="99"/>
      <c r="AL5763" s="99"/>
      <c r="AM5763" s="99"/>
      <c r="AN5763" s="99"/>
      <c r="AO5763" s="99"/>
      <c r="AP5763" s="99"/>
      <c r="AQ5763" s="99"/>
      <c r="AR5763" s="99"/>
      <c r="AS5763" s="99"/>
      <c r="AT5763" s="99"/>
      <c r="AU5763" s="99"/>
      <c r="AV5763" s="99"/>
      <c r="AW5763" s="99"/>
      <c r="AX5763" s="99"/>
      <c r="AY5763" s="99"/>
      <c r="AZ5763" s="99"/>
      <c r="BA5763" s="99"/>
      <c r="BB5763" s="107">
        <v>45884</v>
      </c>
    </row>
    <row r="5764" spans="1:54" s="8" customFormat="1" ht="13.95" customHeight="1" x14ac:dyDescent="0.25">
      <c r="A5764" s="219" t="s">
        <v>13391</v>
      </c>
      <c r="B5764" s="220" t="s">
        <v>13310</v>
      </c>
      <c r="C5764" s="98" t="s">
        <v>13392</v>
      </c>
      <c r="D5764" s="144" t="s">
        <v>13393</v>
      </c>
      <c r="E5764" s="141">
        <v>2004</v>
      </c>
      <c r="F5764" s="141">
        <v>274</v>
      </c>
      <c r="G5764" s="144" t="s">
        <v>1</v>
      </c>
      <c r="H5764" s="98">
        <v>0</v>
      </c>
      <c r="I5764" s="98">
        <v>0</v>
      </c>
      <c r="J5764" s="98">
        <v>0</v>
      </c>
      <c r="K5764" s="149" t="s">
        <v>400</v>
      </c>
      <c r="L5764" s="149" t="s">
        <v>400</v>
      </c>
      <c r="M5764" s="149" t="s">
        <v>400</v>
      </c>
      <c r="N5764" s="149" t="s">
        <v>400</v>
      </c>
      <c r="O5764" s="149" t="s">
        <v>400</v>
      </c>
      <c r="P5764" s="149" t="s">
        <v>400</v>
      </c>
      <c r="Q5764" s="149" t="s">
        <v>400</v>
      </c>
      <c r="R5764" s="149" t="s">
        <v>400</v>
      </c>
      <c r="S5764" s="149" t="s">
        <v>400</v>
      </c>
      <c r="T5764" s="149" t="s">
        <v>400</v>
      </c>
      <c r="U5764" s="99"/>
      <c r="V5764" s="99"/>
      <c r="W5764" s="99"/>
      <c r="X5764" s="99"/>
      <c r="Y5764" s="99"/>
      <c r="Z5764" s="99"/>
      <c r="AA5764" s="99"/>
      <c r="AB5764" s="99"/>
      <c r="AC5764" s="99"/>
      <c r="AD5764" s="99"/>
      <c r="AE5764" s="99"/>
      <c r="AF5764" s="99"/>
      <c r="AG5764" s="99"/>
      <c r="AH5764" s="99"/>
      <c r="AI5764" s="99"/>
      <c r="AJ5764" s="99"/>
      <c r="AK5764" s="99"/>
      <c r="AL5764" s="99"/>
      <c r="AM5764" s="99"/>
      <c r="AN5764" s="99"/>
      <c r="AO5764" s="99"/>
      <c r="AP5764" s="99"/>
      <c r="AQ5764" s="99"/>
      <c r="AR5764" s="99"/>
      <c r="AS5764" s="99"/>
      <c r="AT5764" s="99"/>
      <c r="AU5764" s="99"/>
      <c r="AV5764" s="99"/>
      <c r="AW5764" s="99"/>
      <c r="AX5764" s="99"/>
      <c r="AY5764" s="99"/>
      <c r="AZ5764" s="99"/>
      <c r="BA5764" s="99"/>
      <c r="BB5764" s="107">
        <v>45884</v>
      </c>
    </row>
    <row r="5765" spans="1:54" s="8" customFormat="1" ht="13.95" customHeight="1" x14ac:dyDescent="0.25">
      <c r="A5765" s="219" t="s">
        <v>13394</v>
      </c>
      <c r="B5765" s="220" t="s">
        <v>13310</v>
      </c>
      <c r="C5765" s="98" t="s">
        <v>13395</v>
      </c>
      <c r="D5765" s="144" t="s">
        <v>13396</v>
      </c>
      <c r="E5765" s="141">
        <v>1995</v>
      </c>
      <c r="F5765" s="141">
        <v>276</v>
      </c>
      <c r="G5765" s="144" t="s">
        <v>1</v>
      </c>
      <c r="H5765" s="98">
        <v>0</v>
      </c>
      <c r="I5765" s="98">
        <v>0</v>
      </c>
      <c r="J5765" s="98">
        <v>1</v>
      </c>
      <c r="K5765" s="149" t="s">
        <v>400</v>
      </c>
      <c r="L5765" s="149" t="s">
        <v>400</v>
      </c>
      <c r="M5765" s="149" t="s">
        <v>400</v>
      </c>
      <c r="N5765" s="149" t="s">
        <v>400</v>
      </c>
      <c r="O5765" s="149" t="s">
        <v>400</v>
      </c>
      <c r="P5765" s="149" t="s">
        <v>400</v>
      </c>
      <c r="Q5765" s="149" t="s">
        <v>400</v>
      </c>
      <c r="R5765" s="149" t="s">
        <v>400</v>
      </c>
      <c r="S5765" s="149" t="s">
        <v>400</v>
      </c>
      <c r="T5765" s="149" t="s">
        <v>400</v>
      </c>
      <c r="U5765" s="99"/>
      <c r="V5765" s="99"/>
      <c r="W5765" s="99"/>
      <c r="X5765" s="99"/>
      <c r="Y5765" s="99"/>
      <c r="Z5765" s="99"/>
      <c r="AA5765" s="99"/>
      <c r="AB5765" s="99"/>
      <c r="AC5765" s="99"/>
      <c r="AD5765" s="99"/>
      <c r="AE5765" s="99"/>
      <c r="AF5765" s="99"/>
      <c r="AG5765" s="99"/>
      <c r="AH5765" s="99"/>
      <c r="AI5765" s="99"/>
      <c r="AJ5765" s="99"/>
      <c r="AK5765" s="99"/>
      <c r="AL5765" s="99"/>
      <c r="AM5765" s="99"/>
      <c r="AN5765" s="99"/>
      <c r="AO5765" s="99"/>
      <c r="AP5765" s="99"/>
      <c r="AQ5765" s="99"/>
      <c r="AR5765" s="99"/>
      <c r="AS5765" s="99"/>
      <c r="AT5765" s="99"/>
      <c r="AU5765" s="99"/>
      <c r="AV5765" s="99"/>
      <c r="AW5765" s="99"/>
      <c r="AX5765" s="99"/>
      <c r="AY5765" s="99"/>
      <c r="AZ5765" s="99"/>
      <c r="BA5765" s="99"/>
      <c r="BB5765" s="107">
        <v>45884</v>
      </c>
    </row>
    <row r="5766" spans="1:54" s="8" customFormat="1" ht="13.95" customHeight="1" x14ac:dyDescent="0.25">
      <c r="A5766" s="219" t="s">
        <v>13397</v>
      </c>
      <c r="B5766" s="220" t="s">
        <v>13310</v>
      </c>
      <c r="C5766" s="98" t="s">
        <v>13398</v>
      </c>
      <c r="D5766" s="144" t="s">
        <v>13399</v>
      </c>
      <c r="E5766" s="141">
        <v>1964</v>
      </c>
      <c r="F5766" s="141">
        <v>290</v>
      </c>
      <c r="G5766" s="144" t="s">
        <v>1</v>
      </c>
      <c r="H5766" s="98">
        <v>0</v>
      </c>
      <c r="I5766" s="98">
        <v>0</v>
      </c>
      <c r="J5766" s="98">
        <v>1</v>
      </c>
      <c r="K5766" s="149" t="s">
        <v>400</v>
      </c>
      <c r="L5766" s="149" t="s">
        <v>400</v>
      </c>
      <c r="M5766" s="149" t="s">
        <v>400</v>
      </c>
      <c r="N5766" s="149" t="s">
        <v>400</v>
      </c>
      <c r="O5766" s="149" t="s">
        <v>400</v>
      </c>
      <c r="P5766" s="149" t="s">
        <v>400</v>
      </c>
      <c r="Q5766" s="149" t="s">
        <v>400</v>
      </c>
      <c r="R5766" s="149" t="s">
        <v>400</v>
      </c>
      <c r="S5766" s="149" t="s">
        <v>400</v>
      </c>
      <c r="T5766" s="149" t="s">
        <v>400</v>
      </c>
      <c r="U5766" s="99"/>
      <c r="V5766" s="99"/>
      <c r="W5766" s="99"/>
      <c r="X5766" s="99"/>
      <c r="Y5766" s="99"/>
      <c r="Z5766" s="99"/>
      <c r="AA5766" s="99"/>
      <c r="AB5766" s="99"/>
      <c r="AC5766" s="99"/>
      <c r="AD5766" s="99"/>
      <c r="AE5766" s="99"/>
      <c r="AF5766" s="99"/>
      <c r="AG5766" s="99"/>
      <c r="AH5766" s="99"/>
      <c r="AI5766" s="99"/>
      <c r="AJ5766" s="99"/>
      <c r="AK5766" s="99"/>
      <c r="AL5766" s="99"/>
      <c r="AM5766" s="99"/>
      <c r="AN5766" s="99"/>
      <c r="AO5766" s="99"/>
      <c r="AP5766" s="99"/>
      <c r="AQ5766" s="99"/>
      <c r="AR5766" s="99"/>
      <c r="AS5766" s="99"/>
      <c r="AT5766" s="99"/>
      <c r="AU5766" s="99"/>
      <c r="AV5766" s="99"/>
      <c r="AW5766" s="99"/>
      <c r="AX5766" s="99"/>
      <c r="AY5766" s="99"/>
      <c r="AZ5766" s="99"/>
      <c r="BA5766" s="99"/>
      <c r="BB5766" s="107">
        <v>45884</v>
      </c>
    </row>
    <row r="5767" spans="1:54" s="8" customFormat="1" ht="13.95" customHeight="1" x14ac:dyDescent="0.25">
      <c r="A5767" s="219" t="s">
        <v>13400</v>
      </c>
      <c r="B5767" s="220" t="s">
        <v>13310</v>
      </c>
      <c r="C5767" s="98" t="s">
        <v>13401</v>
      </c>
      <c r="D5767" s="144" t="s">
        <v>13402</v>
      </c>
      <c r="E5767" s="141">
        <v>1993</v>
      </c>
      <c r="F5767" s="141">
        <v>296</v>
      </c>
      <c r="G5767" s="144" t="s">
        <v>1</v>
      </c>
      <c r="H5767" s="98">
        <v>0</v>
      </c>
      <c r="I5767" s="98">
        <v>0</v>
      </c>
      <c r="J5767" s="98">
        <v>1</v>
      </c>
      <c r="K5767" s="149" t="s">
        <v>400</v>
      </c>
      <c r="L5767" s="149" t="s">
        <v>400</v>
      </c>
      <c r="M5767" s="149" t="s">
        <v>400</v>
      </c>
      <c r="N5767" s="149" t="s">
        <v>400</v>
      </c>
      <c r="O5767" s="149" t="s">
        <v>400</v>
      </c>
      <c r="P5767" s="149" t="s">
        <v>400</v>
      </c>
      <c r="Q5767" s="149" t="s">
        <v>400</v>
      </c>
      <c r="R5767" s="149" t="s">
        <v>400</v>
      </c>
      <c r="S5767" s="149" t="s">
        <v>400</v>
      </c>
      <c r="T5767" s="149" t="s">
        <v>400</v>
      </c>
      <c r="U5767" s="99"/>
      <c r="V5767" s="99"/>
      <c r="W5767" s="99"/>
      <c r="X5767" s="99"/>
      <c r="Y5767" s="99"/>
      <c r="Z5767" s="99"/>
      <c r="AA5767" s="99"/>
      <c r="AB5767" s="99"/>
      <c r="AC5767" s="99"/>
      <c r="AD5767" s="99"/>
      <c r="AE5767" s="99"/>
      <c r="AF5767" s="99"/>
      <c r="AG5767" s="99"/>
      <c r="AH5767" s="99"/>
      <c r="AI5767" s="99"/>
      <c r="AJ5767" s="99"/>
      <c r="AK5767" s="99"/>
      <c r="AL5767" s="99"/>
      <c r="AM5767" s="99"/>
      <c r="AN5767" s="99"/>
      <c r="AO5767" s="99"/>
      <c r="AP5767" s="99"/>
      <c r="AQ5767" s="99"/>
      <c r="AR5767" s="99"/>
      <c r="AS5767" s="99"/>
      <c r="AT5767" s="99"/>
      <c r="AU5767" s="99"/>
      <c r="AV5767" s="99"/>
      <c r="AW5767" s="99"/>
      <c r="AX5767" s="99"/>
      <c r="AY5767" s="99"/>
      <c r="AZ5767" s="99"/>
      <c r="BA5767" s="99"/>
      <c r="BB5767" s="107">
        <v>45884</v>
      </c>
    </row>
    <row r="5768" spans="1:54" s="8" customFormat="1" ht="13.95" customHeight="1" x14ac:dyDescent="0.25">
      <c r="A5768" s="219" t="s">
        <v>13403</v>
      </c>
      <c r="B5768" s="220" t="s">
        <v>13310</v>
      </c>
      <c r="C5768" s="98" t="s">
        <v>13404</v>
      </c>
      <c r="D5768" s="144" t="s">
        <v>13405</v>
      </c>
      <c r="E5768" s="141">
        <v>1986</v>
      </c>
      <c r="F5768" s="141">
        <v>300</v>
      </c>
      <c r="G5768" s="144" t="s">
        <v>1</v>
      </c>
      <c r="H5768" s="98">
        <v>0</v>
      </c>
      <c r="I5768" s="98">
        <v>0</v>
      </c>
      <c r="J5768" s="98">
        <v>0</v>
      </c>
      <c r="K5768" s="149" t="s">
        <v>400</v>
      </c>
      <c r="L5768" s="149" t="s">
        <v>400</v>
      </c>
      <c r="M5768" s="149" t="s">
        <v>400</v>
      </c>
      <c r="N5768" s="149" t="s">
        <v>400</v>
      </c>
      <c r="O5768" s="149" t="s">
        <v>400</v>
      </c>
      <c r="P5768" s="149" t="s">
        <v>400</v>
      </c>
      <c r="Q5768" s="149" t="s">
        <v>400</v>
      </c>
      <c r="R5768" s="149" t="s">
        <v>400</v>
      </c>
      <c r="S5768" s="149" t="s">
        <v>400</v>
      </c>
      <c r="T5768" s="149" t="s">
        <v>400</v>
      </c>
      <c r="U5768" s="99"/>
      <c r="V5768" s="99"/>
      <c r="W5768" s="99"/>
      <c r="X5768" s="99"/>
      <c r="Y5768" s="99"/>
      <c r="Z5768" s="99"/>
      <c r="AA5768" s="99"/>
      <c r="AB5768" s="99"/>
      <c r="AC5768" s="99"/>
      <c r="AD5768" s="99"/>
      <c r="AE5768" s="99"/>
      <c r="AF5768" s="99"/>
      <c r="AG5768" s="99"/>
      <c r="AH5768" s="99"/>
      <c r="AI5768" s="99"/>
      <c r="AJ5768" s="99"/>
      <c r="AK5768" s="99"/>
      <c r="AL5768" s="99"/>
      <c r="AM5768" s="99"/>
      <c r="AN5768" s="99"/>
      <c r="AO5768" s="99"/>
      <c r="AP5768" s="99"/>
      <c r="AQ5768" s="99"/>
      <c r="AR5768" s="99"/>
      <c r="AS5768" s="99"/>
      <c r="AT5768" s="99"/>
      <c r="AU5768" s="99"/>
      <c r="AV5768" s="99"/>
      <c r="AW5768" s="99"/>
      <c r="AX5768" s="99"/>
      <c r="AY5768" s="99"/>
      <c r="AZ5768" s="99"/>
      <c r="BA5768" s="99"/>
      <c r="BB5768" s="107">
        <v>45884</v>
      </c>
    </row>
    <row r="5769" spans="1:54" s="8" customFormat="1" ht="13.95" customHeight="1" x14ac:dyDescent="0.25">
      <c r="A5769" s="219" t="s">
        <v>13406</v>
      </c>
      <c r="B5769" s="220" t="s">
        <v>13310</v>
      </c>
      <c r="C5769" s="98" t="s">
        <v>6102</v>
      </c>
      <c r="D5769" s="144" t="s">
        <v>13407</v>
      </c>
      <c r="E5769" s="141">
        <v>1979</v>
      </c>
      <c r="F5769" s="141">
        <v>301</v>
      </c>
      <c r="G5769" s="144" t="s">
        <v>1</v>
      </c>
      <c r="H5769" s="98">
        <v>0</v>
      </c>
      <c r="I5769" s="98">
        <v>0</v>
      </c>
      <c r="J5769" s="98">
        <v>1</v>
      </c>
      <c r="K5769" s="149" t="s">
        <v>400</v>
      </c>
      <c r="L5769" s="149" t="s">
        <v>400</v>
      </c>
      <c r="M5769" s="149" t="s">
        <v>400</v>
      </c>
      <c r="N5769" s="149" t="s">
        <v>400</v>
      </c>
      <c r="O5769" s="149" t="s">
        <v>400</v>
      </c>
      <c r="P5769" s="149" t="s">
        <v>400</v>
      </c>
      <c r="Q5769" s="149" t="s">
        <v>400</v>
      </c>
      <c r="R5769" s="149" t="s">
        <v>400</v>
      </c>
      <c r="S5769" s="149" t="s">
        <v>400</v>
      </c>
      <c r="T5769" s="149" t="s">
        <v>400</v>
      </c>
      <c r="U5769" s="99"/>
      <c r="V5769" s="99"/>
      <c r="W5769" s="99"/>
      <c r="X5769" s="99"/>
      <c r="Y5769" s="99"/>
      <c r="Z5769" s="99"/>
      <c r="AA5769" s="99"/>
      <c r="AB5769" s="99"/>
      <c r="AC5769" s="99"/>
      <c r="AD5769" s="99"/>
      <c r="AE5769" s="99"/>
      <c r="AF5769" s="99"/>
      <c r="AG5769" s="99"/>
      <c r="AH5769" s="99"/>
      <c r="AI5769" s="99"/>
      <c r="AJ5769" s="99"/>
      <c r="AK5769" s="99"/>
      <c r="AL5769" s="99"/>
      <c r="AM5769" s="99"/>
      <c r="AN5769" s="99"/>
      <c r="AO5769" s="99"/>
      <c r="AP5769" s="99"/>
      <c r="AQ5769" s="99"/>
      <c r="AR5769" s="99"/>
      <c r="AS5769" s="99"/>
      <c r="AT5769" s="99"/>
      <c r="AU5769" s="99"/>
      <c r="AV5769" s="99"/>
      <c r="AW5769" s="99"/>
      <c r="AX5769" s="99"/>
      <c r="AY5769" s="99"/>
      <c r="AZ5769" s="99"/>
      <c r="BA5769" s="99"/>
      <c r="BB5769" s="107">
        <v>45884</v>
      </c>
    </row>
    <row r="5770" spans="1:54" s="8" customFormat="1" ht="13.95" customHeight="1" x14ac:dyDescent="0.25">
      <c r="A5770" s="219" t="s">
        <v>13408</v>
      </c>
      <c r="B5770" s="220" t="s">
        <v>13310</v>
      </c>
      <c r="C5770" s="98" t="s">
        <v>19858</v>
      </c>
      <c r="D5770" s="144" t="s">
        <v>13409</v>
      </c>
      <c r="E5770" s="141">
        <v>1985</v>
      </c>
      <c r="F5770" s="141">
        <v>302</v>
      </c>
      <c r="G5770" s="144" t="s">
        <v>1</v>
      </c>
      <c r="H5770" s="98">
        <v>0</v>
      </c>
      <c r="I5770" s="98">
        <v>0</v>
      </c>
      <c r="J5770" s="98">
        <v>1</v>
      </c>
      <c r="K5770" s="149" t="s">
        <v>400</v>
      </c>
      <c r="L5770" s="149" t="s">
        <v>400</v>
      </c>
      <c r="M5770" s="149" t="s">
        <v>400</v>
      </c>
      <c r="N5770" s="149" t="s">
        <v>400</v>
      </c>
      <c r="O5770" s="149" t="s">
        <v>400</v>
      </c>
      <c r="P5770" s="149" t="s">
        <v>400</v>
      </c>
      <c r="Q5770" s="149" t="s">
        <v>400</v>
      </c>
      <c r="R5770" s="149" t="s">
        <v>400</v>
      </c>
      <c r="S5770" s="149" t="s">
        <v>400</v>
      </c>
      <c r="T5770" s="149" t="s">
        <v>400</v>
      </c>
      <c r="U5770" s="99"/>
      <c r="V5770" s="99"/>
      <c r="W5770" s="99"/>
      <c r="X5770" s="99"/>
      <c r="Y5770" s="99"/>
      <c r="Z5770" s="99"/>
      <c r="AA5770" s="99"/>
      <c r="AB5770" s="99"/>
      <c r="AC5770" s="99"/>
      <c r="AD5770" s="99"/>
      <c r="AE5770" s="99"/>
      <c r="AF5770" s="99"/>
      <c r="AG5770" s="99"/>
      <c r="AH5770" s="99"/>
      <c r="AI5770" s="99"/>
      <c r="AJ5770" s="99"/>
      <c r="AK5770" s="99"/>
      <c r="AL5770" s="99"/>
      <c r="AM5770" s="99"/>
      <c r="AN5770" s="99"/>
      <c r="AO5770" s="99"/>
      <c r="AP5770" s="99"/>
      <c r="AQ5770" s="99"/>
      <c r="AR5770" s="99"/>
      <c r="AS5770" s="99"/>
      <c r="AT5770" s="99"/>
      <c r="AU5770" s="99"/>
      <c r="AV5770" s="99"/>
      <c r="AW5770" s="99"/>
      <c r="AX5770" s="99"/>
      <c r="AY5770" s="99"/>
      <c r="AZ5770" s="99"/>
      <c r="BA5770" s="99"/>
      <c r="BB5770" s="107">
        <v>45884</v>
      </c>
    </row>
    <row r="5771" spans="1:54" s="8" customFormat="1" ht="13.95" customHeight="1" x14ac:dyDescent="0.25">
      <c r="A5771" s="219" t="s">
        <v>13410</v>
      </c>
      <c r="B5771" s="220" t="s">
        <v>13310</v>
      </c>
      <c r="C5771" s="98" t="s">
        <v>13411</v>
      </c>
      <c r="D5771" s="144" t="s">
        <v>13412</v>
      </c>
      <c r="E5771" s="141">
        <v>1979</v>
      </c>
      <c r="F5771" s="141">
        <v>303</v>
      </c>
      <c r="G5771" s="144" t="s">
        <v>1</v>
      </c>
      <c r="H5771" s="98">
        <v>0</v>
      </c>
      <c r="I5771" s="98">
        <v>0</v>
      </c>
      <c r="J5771" s="98">
        <v>1</v>
      </c>
      <c r="K5771" s="149" t="s">
        <v>400</v>
      </c>
      <c r="L5771" s="149" t="s">
        <v>400</v>
      </c>
      <c r="M5771" s="149" t="s">
        <v>400</v>
      </c>
      <c r="N5771" s="149" t="s">
        <v>400</v>
      </c>
      <c r="O5771" s="149" t="s">
        <v>400</v>
      </c>
      <c r="P5771" s="149" t="s">
        <v>400</v>
      </c>
      <c r="Q5771" s="149" t="s">
        <v>400</v>
      </c>
      <c r="R5771" s="149" t="s">
        <v>400</v>
      </c>
      <c r="S5771" s="149" t="s">
        <v>400</v>
      </c>
      <c r="T5771" s="149" t="s">
        <v>400</v>
      </c>
      <c r="U5771" s="99"/>
      <c r="V5771" s="99"/>
      <c r="W5771" s="99"/>
      <c r="X5771" s="99"/>
      <c r="Y5771" s="99"/>
      <c r="Z5771" s="99"/>
      <c r="AA5771" s="99"/>
      <c r="AB5771" s="99"/>
      <c r="AC5771" s="99"/>
      <c r="AD5771" s="99"/>
      <c r="AE5771" s="99"/>
      <c r="AF5771" s="99"/>
      <c r="AG5771" s="99"/>
      <c r="AH5771" s="99"/>
      <c r="AI5771" s="99"/>
      <c r="AJ5771" s="99"/>
      <c r="AK5771" s="99"/>
      <c r="AL5771" s="99"/>
      <c r="AM5771" s="99"/>
      <c r="AN5771" s="99"/>
      <c r="AO5771" s="99"/>
      <c r="AP5771" s="99"/>
      <c r="AQ5771" s="99"/>
      <c r="AR5771" s="99"/>
      <c r="AS5771" s="99"/>
      <c r="AT5771" s="99"/>
      <c r="AU5771" s="99"/>
      <c r="AV5771" s="99"/>
      <c r="AW5771" s="99"/>
      <c r="AX5771" s="99"/>
      <c r="AY5771" s="99"/>
      <c r="AZ5771" s="99"/>
      <c r="BA5771" s="99"/>
      <c r="BB5771" s="107">
        <v>45884</v>
      </c>
    </row>
    <row r="5772" spans="1:54" s="8" customFormat="1" ht="13.95" customHeight="1" x14ac:dyDescent="0.25">
      <c r="A5772" s="219" t="s">
        <v>13413</v>
      </c>
      <c r="B5772" s="220" t="s">
        <v>13310</v>
      </c>
      <c r="C5772" s="98" t="s">
        <v>13414</v>
      </c>
      <c r="D5772" s="144" t="s">
        <v>13415</v>
      </c>
      <c r="E5772" s="141">
        <v>2005</v>
      </c>
      <c r="F5772" s="141">
        <v>322</v>
      </c>
      <c r="G5772" s="144" t="s">
        <v>1</v>
      </c>
      <c r="H5772" s="98">
        <v>0</v>
      </c>
      <c r="I5772" s="98">
        <v>0</v>
      </c>
      <c r="J5772" s="98">
        <v>1</v>
      </c>
      <c r="K5772" s="149" t="s">
        <v>400</v>
      </c>
      <c r="L5772" s="149" t="s">
        <v>400</v>
      </c>
      <c r="M5772" s="149" t="s">
        <v>400</v>
      </c>
      <c r="N5772" s="149" t="s">
        <v>400</v>
      </c>
      <c r="O5772" s="149" t="s">
        <v>400</v>
      </c>
      <c r="P5772" s="149" t="s">
        <v>400</v>
      </c>
      <c r="Q5772" s="149" t="s">
        <v>400</v>
      </c>
      <c r="R5772" s="149" t="s">
        <v>400</v>
      </c>
      <c r="S5772" s="149" t="s">
        <v>400</v>
      </c>
      <c r="T5772" s="149" t="s">
        <v>400</v>
      </c>
      <c r="U5772" s="99"/>
      <c r="V5772" s="99"/>
      <c r="W5772" s="99"/>
      <c r="X5772" s="99"/>
      <c r="Y5772" s="99"/>
      <c r="Z5772" s="99"/>
      <c r="AA5772" s="99"/>
      <c r="AB5772" s="99"/>
      <c r="AC5772" s="99"/>
      <c r="AD5772" s="99"/>
      <c r="AE5772" s="99"/>
      <c r="AF5772" s="99"/>
      <c r="AG5772" s="99"/>
      <c r="AH5772" s="99"/>
      <c r="AI5772" s="99"/>
      <c r="AJ5772" s="99"/>
      <c r="AK5772" s="99"/>
      <c r="AL5772" s="99"/>
      <c r="AM5772" s="99"/>
      <c r="AN5772" s="99"/>
      <c r="AO5772" s="99"/>
      <c r="AP5772" s="99"/>
      <c r="AQ5772" s="99"/>
      <c r="AR5772" s="99"/>
      <c r="AS5772" s="99"/>
      <c r="AT5772" s="99"/>
      <c r="AU5772" s="99"/>
      <c r="AV5772" s="99"/>
      <c r="AW5772" s="99"/>
      <c r="AX5772" s="99"/>
      <c r="AY5772" s="99"/>
      <c r="AZ5772" s="99"/>
      <c r="BA5772" s="99"/>
      <c r="BB5772" s="107">
        <v>45884</v>
      </c>
    </row>
    <row r="5773" spans="1:54" s="8" customFormat="1" ht="13.95" customHeight="1" x14ac:dyDescent="0.25">
      <c r="A5773" s="219" t="s">
        <v>13416</v>
      </c>
      <c r="B5773" s="220" t="s">
        <v>13310</v>
      </c>
      <c r="C5773" s="98" t="s">
        <v>13417</v>
      </c>
      <c r="D5773" s="144" t="s">
        <v>13418</v>
      </c>
      <c r="E5773" s="141">
        <v>1981</v>
      </c>
      <c r="F5773" s="141">
        <v>325</v>
      </c>
      <c r="G5773" s="144" t="s">
        <v>1</v>
      </c>
      <c r="H5773" s="98">
        <v>0</v>
      </c>
      <c r="I5773" s="98">
        <v>0</v>
      </c>
      <c r="J5773" s="98">
        <v>1</v>
      </c>
      <c r="K5773" s="149" t="s">
        <v>400</v>
      </c>
      <c r="L5773" s="149" t="s">
        <v>400</v>
      </c>
      <c r="M5773" s="149" t="s">
        <v>400</v>
      </c>
      <c r="N5773" s="149" t="s">
        <v>400</v>
      </c>
      <c r="O5773" s="149" t="s">
        <v>400</v>
      </c>
      <c r="P5773" s="149" t="s">
        <v>400</v>
      </c>
      <c r="Q5773" s="149" t="s">
        <v>400</v>
      </c>
      <c r="R5773" s="149" t="s">
        <v>400</v>
      </c>
      <c r="S5773" s="149" t="s">
        <v>400</v>
      </c>
      <c r="T5773" s="149" t="s">
        <v>400</v>
      </c>
      <c r="U5773" s="99"/>
      <c r="V5773" s="99"/>
      <c r="W5773" s="99"/>
      <c r="X5773" s="99"/>
      <c r="Y5773" s="99"/>
      <c r="Z5773" s="99"/>
      <c r="AA5773" s="99"/>
      <c r="AB5773" s="99"/>
      <c r="AC5773" s="99"/>
      <c r="AD5773" s="99"/>
      <c r="AE5773" s="99"/>
      <c r="AF5773" s="99"/>
      <c r="AG5773" s="99"/>
      <c r="AH5773" s="99"/>
      <c r="AI5773" s="99"/>
      <c r="AJ5773" s="99"/>
      <c r="AK5773" s="99"/>
      <c r="AL5773" s="99"/>
      <c r="AM5773" s="99"/>
      <c r="AN5773" s="99"/>
      <c r="AO5773" s="99"/>
      <c r="AP5773" s="99"/>
      <c r="AQ5773" s="99"/>
      <c r="AR5773" s="99"/>
      <c r="AS5773" s="99"/>
      <c r="AT5773" s="99"/>
      <c r="AU5773" s="99"/>
      <c r="AV5773" s="99"/>
      <c r="AW5773" s="99"/>
      <c r="AX5773" s="99"/>
      <c r="AY5773" s="99"/>
      <c r="AZ5773" s="99"/>
      <c r="BA5773" s="99"/>
      <c r="BB5773" s="107">
        <v>45884</v>
      </c>
    </row>
    <row r="5774" spans="1:54" s="8" customFormat="1" ht="13.95" customHeight="1" x14ac:dyDescent="0.25">
      <c r="A5774" s="219" t="s">
        <v>13419</v>
      </c>
      <c r="B5774" s="220" t="s">
        <v>13310</v>
      </c>
      <c r="C5774" s="98" t="s">
        <v>13420</v>
      </c>
      <c r="D5774" s="144" t="s">
        <v>13421</v>
      </c>
      <c r="E5774" s="141">
        <v>2003</v>
      </c>
      <c r="F5774" s="141">
        <v>332</v>
      </c>
      <c r="G5774" s="144" t="s">
        <v>1</v>
      </c>
      <c r="H5774" s="98">
        <v>0</v>
      </c>
      <c r="I5774" s="98">
        <v>0</v>
      </c>
      <c r="J5774" s="98">
        <v>1</v>
      </c>
      <c r="K5774" s="149" t="s">
        <v>400</v>
      </c>
      <c r="L5774" s="149" t="s">
        <v>400</v>
      </c>
      <c r="M5774" s="149" t="s">
        <v>400</v>
      </c>
      <c r="N5774" s="149" t="s">
        <v>400</v>
      </c>
      <c r="O5774" s="149" t="s">
        <v>400</v>
      </c>
      <c r="P5774" s="149" t="s">
        <v>400</v>
      </c>
      <c r="Q5774" s="149" t="s">
        <v>400</v>
      </c>
      <c r="R5774" s="149" t="s">
        <v>400</v>
      </c>
      <c r="S5774" s="149" t="s">
        <v>400</v>
      </c>
      <c r="T5774" s="149" t="s">
        <v>400</v>
      </c>
      <c r="U5774" s="99"/>
      <c r="V5774" s="99"/>
      <c r="W5774" s="99"/>
      <c r="X5774" s="99"/>
      <c r="Y5774" s="99"/>
      <c r="Z5774" s="99"/>
      <c r="AA5774" s="99"/>
      <c r="AB5774" s="99"/>
      <c r="AC5774" s="99"/>
      <c r="AD5774" s="99"/>
      <c r="AE5774" s="99"/>
      <c r="AF5774" s="99"/>
      <c r="AG5774" s="99"/>
      <c r="AH5774" s="99"/>
      <c r="AI5774" s="99"/>
      <c r="AJ5774" s="99"/>
      <c r="AK5774" s="99"/>
      <c r="AL5774" s="99"/>
      <c r="AM5774" s="99"/>
      <c r="AN5774" s="99"/>
      <c r="AO5774" s="99"/>
      <c r="AP5774" s="99"/>
      <c r="AQ5774" s="99"/>
      <c r="AR5774" s="99"/>
      <c r="AS5774" s="99"/>
      <c r="AT5774" s="99"/>
      <c r="AU5774" s="99"/>
      <c r="AV5774" s="99"/>
      <c r="AW5774" s="99"/>
      <c r="AX5774" s="99"/>
      <c r="AY5774" s="99"/>
      <c r="AZ5774" s="99"/>
      <c r="BA5774" s="99"/>
      <c r="BB5774" s="107">
        <v>45884</v>
      </c>
    </row>
    <row r="5775" spans="1:54" s="8" customFormat="1" ht="13.95" customHeight="1" x14ac:dyDescent="0.25">
      <c r="A5775" s="219" t="s">
        <v>13422</v>
      </c>
      <c r="B5775" s="220" t="s">
        <v>13310</v>
      </c>
      <c r="C5775" s="98" t="s">
        <v>13423</v>
      </c>
      <c r="D5775" s="144" t="s">
        <v>13424</v>
      </c>
      <c r="E5775" s="141">
        <v>1989</v>
      </c>
      <c r="F5775" s="141">
        <v>334</v>
      </c>
      <c r="G5775" s="144" t="s">
        <v>1</v>
      </c>
      <c r="H5775" s="98">
        <v>0</v>
      </c>
      <c r="I5775" s="98">
        <v>0</v>
      </c>
      <c r="J5775" s="98">
        <v>1</v>
      </c>
      <c r="K5775" s="149" t="s">
        <v>400</v>
      </c>
      <c r="L5775" s="149" t="s">
        <v>400</v>
      </c>
      <c r="M5775" s="149" t="s">
        <v>400</v>
      </c>
      <c r="N5775" s="149" t="s">
        <v>400</v>
      </c>
      <c r="O5775" s="149" t="s">
        <v>400</v>
      </c>
      <c r="P5775" s="149" t="s">
        <v>400</v>
      </c>
      <c r="Q5775" s="149" t="s">
        <v>400</v>
      </c>
      <c r="R5775" s="149" t="s">
        <v>400</v>
      </c>
      <c r="S5775" s="149" t="s">
        <v>400</v>
      </c>
      <c r="T5775" s="149" t="s">
        <v>400</v>
      </c>
      <c r="U5775" s="99"/>
      <c r="V5775" s="99"/>
      <c r="W5775" s="99"/>
      <c r="X5775" s="99"/>
      <c r="Y5775" s="99"/>
      <c r="Z5775" s="99"/>
      <c r="AA5775" s="99"/>
      <c r="AB5775" s="99"/>
      <c r="AC5775" s="99"/>
      <c r="AD5775" s="99"/>
      <c r="AE5775" s="99"/>
      <c r="AF5775" s="99"/>
      <c r="AG5775" s="99"/>
      <c r="AH5775" s="99"/>
      <c r="AI5775" s="99"/>
      <c r="AJ5775" s="99"/>
      <c r="AK5775" s="99"/>
      <c r="AL5775" s="99"/>
      <c r="AM5775" s="99"/>
      <c r="AN5775" s="99"/>
      <c r="AO5775" s="99"/>
      <c r="AP5775" s="99"/>
      <c r="AQ5775" s="99"/>
      <c r="AR5775" s="99"/>
      <c r="AS5775" s="99"/>
      <c r="AT5775" s="99"/>
      <c r="AU5775" s="99"/>
      <c r="AV5775" s="99"/>
      <c r="AW5775" s="99"/>
      <c r="AX5775" s="99"/>
      <c r="AY5775" s="99"/>
      <c r="AZ5775" s="99"/>
      <c r="BA5775" s="99"/>
      <c r="BB5775" s="107">
        <v>45884</v>
      </c>
    </row>
    <row r="5776" spans="1:54" s="8" customFormat="1" ht="13.95" customHeight="1" x14ac:dyDescent="0.25">
      <c r="A5776" s="219" t="s">
        <v>13425</v>
      </c>
      <c r="B5776" s="220" t="s">
        <v>13310</v>
      </c>
      <c r="C5776" s="98" t="s">
        <v>13426</v>
      </c>
      <c r="D5776" s="144" t="s">
        <v>13427</v>
      </c>
      <c r="E5776" s="141">
        <v>1995</v>
      </c>
      <c r="F5776" s="141">
        <v>345</v>
      </c>
      <c r="G5776" s="144" t="s">
        <v>1</v>
      </c>
      <c r="H5776" s="98">
        <v>0</v>
      </c>
      <c r="I5776" s="98">
        <v>0</v>
      </c>
      <c r="J5776" s="98">
        <v>1</v>
      </c>
      <c r="K5776" s="149" t="s">
        <v>400</v>
      </c>
      <c r="L5776" s="149" t="s">
        <v>400</v>
      </c>
      <c r="M5776" s="149" t="s">
        <v>400</v>
      </c>
      <c r="N5776" s="149" t="s">
        <v>400</v>
      </c>
      <c r="O5776" s="149" t="s">
        <v>400</v>
      </c>
      <c r="P5776" s="149" t="s">
        <v>400</v>
      </c>
      <c r="Q5776" s="149" t="s">
        <v>400</v>
      </c>
      <c r="R5776" s="149" t="s">
        <v>400</v>
      </c>
      <c r="S5776" s="149" t="s">
        <v>400</v>
      </c>
      <c r="T5776" s="149" t="s">
        <v>400</v>
      </c>
      <c r="U5776" s="99"/>
      <c r="V5776" s="99"/>
      <c r="W5776" s="99"/>
      <c r="X5776" s="99"/>
      <c r="Y5776" s="99"/>
      <c r="Z5776" s="99"/>
      <c r="AA5776" s="99"/>
      <c r="AB5776" s="99"/>
      <c r="AC5776" s="99"/>
      <c r="AD5776" s="99"/>
      <c r="AE5776" s="99"/>
      <c r="AF5776" s="99"/>
      <c r="AG5776" s="99"/>
      <c r="AH5776" s="99"/>
      <c r="AI5776" s="99"/>
      <c r="AJ5776" s="99"/>
      <c r="AK5776" s="99"/>
      <c r="AL5776" s="99"/>
      <c r="AM5776" s="99"/>
      <c r="AN5776" s="99"/>
      <c r="AO5776" s="99"/>
      <c r="AP5776" s="99"/>
      <c r="AQ5776" s="99"/>
      <c r="AR5776" s="99"/>
      <c r="AS5776" s="99"/>
      <c r="AT5776" s="99"/>
      <c r="AU5776" s="99"/>
      <c r="AV5776" s="99"/>
      <c r="AW5776" s="99"/>
      <c r="AX5776" s="99"/>
      <c r="AY5776" s="99"/>
      <c r="AZ5776" s="99"/>
      <c r="BA5776" s="99"/>
      <c r="BB5776" s="107">
        <v>45884</v>
      </c>
    </row>
    <row r="5777" spans="1:54" s="8" customFormat="1" ht="13.95" customHeight="1" x14ac:dyDescent="0.25">
      <c r="A5777" s="219" t="s">
        <v>13428</v>
      </c>
      <c r="B5777" s="220" t="s">
        <v>13310</v>
      </c>
      <c r="C5777" s="98" t="s">
        <v>13429</v>
      </c>
      <c r="D5777" s="144" t="s">
        <v>13430</v>
      </c>
      <c r="E5777" s="141">
        <v>1976</v>
      </c>
      <c r="F5777" s="141">
        <v>345</v>
      </c>
      <c r="G5777" s="144" t="s">
        <v>1</v>
      </c>
      <c r="H5777" s="98">
        <v>0</v>
      </c>
      <c r="I5777" s="98">
        <v>0</v>
      </c>
      <c r="J5777" s="98">
        <v>1</v>
      </c>
      <c r="K5777" s="149" t="s">
        <v>400</v>
      </c>
      <c r="L5777" s="149" t="s">
        <v>400</v>
      </c>
      <c r="M5777" s="149" t="s">
        <v>400</v>
      </c>
      <c r="N5777" s="149" t="s">
        <v>400</v>
      </c>
      <c r="O5777" s="149" t="s">
        <v>400</v>
      </c>
      <c r="P5777" s="149" t="s">
        <v>400</v>
      </c>
      <c r="Q5777" s="149" t="s">
        <v>400</v>
      </c>
      <c r="R5777" s="149" t="s">
        <v>400</v>
      </c>
      <c r="S5777" s="149" t="s">
        <v>400</v>
      </c>
      <c r="T5777" s="149" t="s">
        <v>400</v>
      </c>
      <c r="U5777" s="99"/>
      <c r="V5777" s="99"/>
      <c r="W5777" s="99"/>
      <c r="X5777" s="99"/>
      <c r="Y5777" s="99"/>
      <c r="Z5777" s="99"/>
      <c r="AA5777" s="99"/>
      <c r="AB5777" s="99"/>
      <c r="AC5777" s="99"/>
      <c r="AD5777" s="99"/>
      <c r="AE5777" s="99"/>
      <c r="AF5777" s="99"/>
      <c r="AG5777" s="99"/>
      <c r="AH5777" s="99"/>
      <c r="AI5777" s="99"/>
      <c r="AJ5777" s="99"/>
      <c r="AK5777" s="99"/>
      <c r="AL5777" s="99"/>
      <c r="AM5777" s="99"/>
      <c r="AN5777" s="99"/>
      <c r="AO5777" s="99"/>
      <c r="AP5777" s="99"/>
      <c r="AQ5777" s="99"/>
      <c r="AR5777" s="99"/>
      <c r="AS5777" s="99"/>
      <c r="AT5777" s="99"/>
      <c r="AU5777" s="99"/>
      <c r="AV5777" s="99"/>
      <c r="AW5777" s="99"/>
      <c r="AX5777" s="99"/>
      <c r="AY5777" s="99"/>
      <c r="AZ5777" s="99"/>
      <c r="BA5777" s="99"/>
      <c r="BB5777" s="107">
        <v>45884</v>
      </c>
    </row>
    <row r="5778" spans="1:54" s="8" customFormat="1" ht="13.95" customHeight="1" x14ac:dyDescent="0.25">
      <c r="A5778" s="219" t="s">
        <v>13431</v>
      </c>
      <c r="B5778" s="220" t="s">
        <v>13310</v>
      </c>
      <c r="C5778" s="98" t="s">
        <v>13432</v>
      </c>
      <c r="D5778" s="144" t="s">
        <v>13433</v>
      </c>
      <c r="E5778" s="141">
        <v>1985</v>
      </c>
      <c r="F5778" s="141">
        <v>348</v>
      </c>
      <c r="G5778" s="144" t="s">
        <v>1</v>
      </c>
      <c r="H5778" s="98">
        <v>0</v>
      </c>
      <c r="I5778" s="98">
        <v>0</v>
      </c>
      <c r="J5778" s="98">
        <v>1</v>
      </c>
      <c r="K5778" s="149" t="s">
        <v>400</v>
      </c>
      <c r="L5778" s="149" t="s">
        <v>400</v>
      </c>
      <c r="M5778" s="149" t="s">
        <v>400</v>
      </c>
      <c r="N5778" s="149" t="s">
        <v>400</v>
      </c>
      <c r="O5778" s="149" t="s">
        <v>400</v>
      </c>
      <c r="P5778" s="149" t="s">
        <v>400</v>
      </c>
      <c r="Q5778" s="149" t="s">
        <v>400</v>
      </c>
      <c r="R5778" s="149" t="s">
        <v>400</v>
      </c>
      <c r="S5778" s="149" t="s">
        <v>400</v>
      </c>
      <c r="T5778" s="149" t="s">
        <v>400</v>
      </c>
      <c r="U5778" s="99"/>
      <c r="V5778" s="99"/>
      <c r="W5778" s="99"/>
      <c r="X5778" s="99"/>
      <c r="Y5778" s="99"/>
      <c r="Z5778" s="99"/>
      <c r="AA5778" s="99"/>
      <c r="AB5778" s="99"/>
      <c r="AC5778" s="99"/>
      <c r="AD5778" s="99"/>
      <c r="AE5778" s="99"/>
      <c r="AF5778" s="99"/>
      <c r="AG5778" s="99"/>
      <c r="AH5778" s="99"/>
      <c r="AI5778" s="99"/>
      <c r="AJ5778" s="99"/>
      <c r="AK5778" s="99"/>
      <c r="AL5778" s="99"/>
      <c r="AM5778" s="99"/>
      <c r="AN5778" s="99"/>
      <c r="AO5778" s="99"/>
      <c r="AP5778" s="99"/>
      <c r="AQ5778" s="99"/>
      <c r="AR5778" s="99"/>
      <c r="AS5778" s="99"/>
      <c r="AT5778" s="99"/>
      <c r="AU5778" s="99"/>
      <c r="AV5778" s="99"/>
      <c r="AW5778" s="99"/>
      <c r="AX5778" s="99"/>
      <c r="AY5778" s="99"/>
      <c r="AZ5778" s="99"/>
      <c r="BA5778" s="99"/>
      <c r="BB5778" s="107">
        <v>45884</v>
      </c>
    </row>
    <row r="5779" spans="1:54" s="8" customFormat="1" ht="13.95" customHeight="1" x14ac:dyDescent="0.25">
      <c r="A5779" s="219" t="s">
        <v>13434</v>
      </c>
      <c r="B5779" s="220" t="s">
        <v>13310</v>
      </c>
      <c r="C5779" s="98" t="s">
        <v>22238</v>
      </c>
      <c r="D5779" s="144" t="s">
        <v>13435</v>
      </c>
      <c r="E5779" s="141">
        <v>1990</v>
      </c>
      <c r="F5779" s="141">
        <v>356</v>
      </c>
      <c r="G5779" s="144" t="s">
        <v>1</v>
      </c>
      <c r="H5779" s="98">
        <v>0</v>
      </c>
      <c r="I5779" s="98">
        <v>0</v>
      </c>
      <c r="J5779" s="98">
        <v>1</v>
      </c>
      <c r="K5779" s="149" t="s">
        <v>400</v>
      </c>
      <c r="L5779" s="149" t="s">
        <v>400</v>
      </c>
      <c r="M5779" s="149" t="s">
        <v>400</v>
      </c>
      <c r="N5779" s="149" t="s">
        <v>400</v>
      </c>
      <c r="O5779" s="149" t="s">
        <v>400</v>
      </c>
      <c r="P5779" s="149" t="s">
        <v>400</v>
      </c>
      <c r="Q5779" s="149" t="s">
        <v>400</v>
      </c>
      <c r="R5779" s="149" t="s">
        <v>400</v>
      </c>
      <c r="S5779" s="149" t="s">
        <v>400</v>
      </c>
      <c r="T5779" s="149" t="s">
        <v>400</v>
      </c>
      <c r="U5779" s="99"/>
      <c r="V5779" s="99"/>
      <c r="W5779" s="99"/>
      <c r="X5779" s="99"/>
      <c r="Y5779" s="99"/>
      <c r="Z5779" s="99"/>
      <c r="AA5779" s="99"/>
      <c r="AB5779" s="99"/>
      <c r="AC5779" s="99"/>
      <c r="AD5779" s="99"/>
      <c r="AE5779" s="99"/>
      <c r="AF5779" s="99"/>
      <c r="AG5779" s="99"/>
      <c r="AH5779" s="99"/>
      <c r="AI5779" s="99"/>
      <c r="AJ5779" s="99"/>
      <c r="AK5779" s="99"/>
      <c r="AL5779" s="99"/>
      <c r="AM5779" s="99"/>
      <c r="AN5779" s="99"/>
      <c r="AO5779" s="99"/>
      <c r="AP5779" s="99"/>
      <c r="AQ5779" s="99"/>
      <c r="AR5779" s="99"/>
      <c r="AS5779" s="99"/>
      <c r="AT5779" s="99"/>
      <c r="AU5779" s="99"/>
      <c r="AV5779" s="99"/>
      <c r="AW5779" s="99"/>
      <c r="AX5779" s="99"/>
      <c r="AY5779" s="99"/>
      <c r="AZ5779" s="99"/>
      <c r="BA5779" s="99"/>
      <c r="BB5779" s="107">
        <v>45884</v>
      </c>
    </row>
    <row r="5780" spans="1:54" s="8" customFormat="1" ht="13.95" customHeight="1" x14ac:dyDescent="0.25">
      <c r="A5780" s="219" t="s">
        <v>13436</v>
      </c>
      <c r="B5780" s="220" t="s">
        <v>13310</v>
      </c>
      <c r="C5780" s="98" t="s">
        <v>13437</v>
      </c>
      <c r="D5780" s="144" t="s">
        <v>13438</v>
      </c>
      <c r="E5780" s="141">
        <v>1988</v>
      </c>
      <c r="F5780" s="141">
        <v>363</v>
      </c>
      <c r="G5780" s="144" t="s">
        <v>1</v>
      </c>
      <c r="H5780" s="98">
        <v>0</v>
      </c>
      <c r="I5780" s="98">
        <v>0</v>
      </c>
      <c r="J5780" s="98">
        <v>0</v>
      </c>
      <c r="K5780" s="149" t="s">
        <v>400</v>
      </c>
      <c r="L5780" s="149" t="s">
        <v>400</v>
      </c>
      <c r="M5780" s="149" t="s">
        <v>400</v>
      </c>
      <c r="N5780" s="149" t="s">
        <v>400</v>
      </c>
      <c r="O5780" s="149" t="s">
        <v>400</v>
      </c>
      <c r="P5780" s="149" t="s">
        <v>400</v>
      </c>
      <c r="Q5780" s="149" t="s">
        <v>400</v>
      </c>
      <c r="R5780" s="149" t="s">
        <v>400</v>
      </c>
      <c r="S5780" s="149" t="s">
        <v>400</v>
      </c>
      <c r="T5780" s="149" t="s">
        <v>400</v>
      </c>
      <c r="U5780" s="99"/>
      <c r="V5780" s="99"/>
      <c r="W5780" s="99"/>
      <c r="X5780" s="99"/>
      <c r="Y5780" s="99"/>
      <c r="Z5780" s="99"/>
      <c r="AA5780" s="99"/>
      <c r="AB5780" s="99"/>
      <c r="AC5780" s="99"/>
      <c r="AD5780" s="99"/>
      <c r="AE5780" s="99"/>
      <c r="AF5780" s="99"/>
      <c r="AG5780" s="99"/>
      <c r="AH5780" s="99"/>
      <c r="AI5780" s="99"/>
      <c r="AJ5780" s="99"/>
      <c r="AK5780" s="99"/>
      <c r="AL5780" s="99"/>
      <c r="AM5780" s="99"/>
      <c r="AN5780" s="99"/>
      <c r="AO5780" s="99"/>
      <c r="AP5780" s="99"/>
      <c r="AQ5780" s="99"/>
      <c r="AR5780" s="99"/>
      <c r="AS5780" s="99"/>
      <c r="AT5780" s="99"/>
      <c r="AU5780" s="99"/>
      <c r="AV5780" s="99"/>
      <c r="AW5780" s="99"/>
      <c r="AX5780" s="99"/>
      <c r="AY5780" s="99"/>
      <c r="AZ5780" s="99"/>
      <c r="BA5780" s="99"/>
      <c r="BB5780" s="107">
        <v>45884</v>
      </c>
    </row>
    <row r="5781" spans="1:54" s="8" customFormat="1" ht="13.95" customHeight="1" x14ac:dyDescent="0.25">
      <c r="A5781" s="219" t="s">
        <v>13439</v>
      </c>
      <c r="B5781" s="220" t="s">
        <v>13310</v>
      </c>
      <c r="C5781" s="98" t="s">
        <v>13440</v>
      </c>
      <c r="D5781" s="144" t="s">
        <v>13441</v>
      </c>
      <c r="E5781" s="141">
        <v>2003</v>
      </c>
      <c r="F5781" s="141">
        <v>366</v>
      </c>
      <c r="G5781" s="144" t="s">
        <v>1</v>
      </c>
      <c r="H5781" s="98">
        <v>0</v>
      </c>
      <c r="I5781" s="98">
        <v>0</v>
      </c>
      <c r="J5781" s="98">
        <v>1</v>
      </c>
      <c r="K5781" s="149" t="s">
        <v>400</v>
      </c>
      <c r="L5781" s="149" t="s">
        <v>400</v>
      </c>
      <c r="M5781" s="149" t="s">
        <v>400</v>
      </c>
      <c r="N5781" s="149" t="s">
        <v>400</v>
      </c>
      <c r="O5781" s="149" t="s">
        <v>400</v>
      </c>
      <c r="P5781" s="149" t="s">
        <v>400</v>
      </c>
      <c r="Q5781" s="149" t="s">
        <v>400</v>
      </c>
      <c r="R5781" s="149" t="s">
        <v>400</v>
      </c>
      <c r="S5781" s="149" t="s">
        <v>400</v>
      </c>
      <c r="T5781" s="149" t="s">
        <v>400</v>
      </c>
      <c r="U5781" s="99"/>
      <c r="V5781" s="99"/>
      <c r="W5781" s="99"/>
      <c r="X5781" s="99"/>
      <c r="Y5781" s="99"/>
      <c r="Z5781" s="99"/>
      <c r="AA5781" s="99"/>
      <c r="AB5781" s="99"/>
      <c r="AC5781" s="99"/>
      <c r="AD5781" s="99"/>
      <c r="AE5781" s="99"/>
      <c r="AF5781" s="99"/>
      <c r="AG5781" s="99"/>
      <c r="AH5781" s="99"/>
      <c r="AI5781" s="99"/>
      <c r="AJ5781" s="99"/>
      <c r="AK5781" s="99"/>
      <c r="AL5781" s="99"/>
      <c r="AM5781" s="99"/>
      <c r="AN5781" s="99"/>
      <c r="AO5781" s="99"/>
      <c r="AP5781" s="99"/>
      <c r="AQ5781" s="99"/>
      <c r="AR5781" s="99"/>
      <c r="AS5781" s="99"/>
      <c r="AT5781" s="99"/>
      <c r="AU5781" s="99"/>
      <c r="AV5781" s="99"/>
      <c r="AW5781" s="99"/>
      <c r="AX5781" s="99"/>
      <c r="AY5781" s="99"/>
      <c r="AZ5781" s="99"/>
      <c r="BA5781" s="99"/>
      <c r="BB5781" s="107">
        <v>45884</v>
      </c>
    </row>
    <row r="5782" spans="1:54" s="8" customFormat="1" ht="13.95" customHeight="1" x14ac:dyDescent="0.25">
      <c r="A5782" s="219" t="s">
        <v>13442</v>
      </c>
      <c r="B5782" s="220" t="s">
        <v>13310</v>
      </c>
      <c r="C5782" s="98" t="s">
        <v>13443</v>
      </c>
      <c r="D5782" s="144" t="s">
        <v>13444</v>
      </c>
      <c r="E5782" s="141">
        <v>2012</v>
      </c>
      <c r="F5782" s="141">
        <v>374</v>
      </c>
      <c r="G5782" s="144" t="s">
        <v>1</v>
      </c>
      <c r="H5782" s="98">
        <v>0</v>
      </c>
      <c r="I5782" s="98">
        <v>0</v>
      </c>
      <c r="J5782" s="98">
        <v>1</v>
      </c>
      <c r="K5782" s="149" t="s">
        <v>400</v>
      </c>
      <c r="L5782" s="149" t="s">
        <v>400</v>
      </c>
      <c r="M5782" s="149" t="s">
        <v>400</v>
      </c>
      <c r="N5782" s="149" t="s">
        <v>400</v>
      </c>
      <c r="O5782" s="149" t="s">
        <v>400</v>
      </c>
      <c r="P5782" s="149" t="s">
        <v>400</v>
      </c>
      <c r="Q5782" s="149" t="s">
        <v>400</v>
      </c>
      <c r="R5782" s="149" t="s">
        <v>400</v>
      </c>
      <c r="S5782" s="149" t="s">
        <v>400</v>
      </c>
      <c r="T5782" s="149" t="s">
        <v>400</v>
      </c>
      <c r="U5782" s="99"/>
      <c r="V5782" s="99"/>
      <c r="W5782" s="99"/>
      <c r="X5782" s="99"/>
      <c r="Y5782" s="99"/>
      <c r="Z5782" s="99"/>
      <c r="AA5782" s="99"/>
      <c r="AB5782" s="99"/>
      <c r="AC5782" s="99"/>
      <c r="AD5782" s="99"/>
      <c r="AE5782" s="99"/>
      <c r="AF5782" s="99"/>
      <c r="AG5782" s="99"/>
      <c r="AH5782" s="99"/>
      <c r="AI5782" s="99"/>
      <c r="AJ5782" s="99"/>
      <c r="AK5782" s="99"/>
      <c r="AL5782" s="99"/>
      <c r="AM5782" s="99"/>
      <c r="AN5782" s="99"/>
      <c r="AO5782" s="99"/>
      <c r="AP5782" s="99"/>
      <c r="AQ5782" s="99"/>
      <c r="AR5782" s="99"/>
      <c r="AS5782" s="99"/>
      <c r="AT5782" s="99"/>
      <c r="AU5782" s="99"/>
      <c r="AV5782" s="99"/>
      <c r="AW5782" s="99"/>
      <c r="AX5782" s="99"/>
      <c r="AY5782" s="99"/>
      <c r="AZ5782" s="99"/>
      <c r="BA5782" s="99"/>
      <c r="BB5782" s="107">
        <v>45884</v>
      </c>
    </row>
    <row r="5783" spans="1:54" s="8" customFormat="1" ht="13.95" customHeight="1" x14ac:dyDescent="0.25">
      <c r="A5783" s="219" t="s">
        <v>13445</v>
      </c>
      <c r="B5783" s="220" t="s">
        <v>13310</v>
      </c>
      <c r="C5783" s="98" t="s">
        <v>13446</v>
      </c>
      <c r="D5783" s="144" t="s">
        <v>13447</v>
      </c>
      <c r="E5783" s="141">
        <v>1977</v>
      </c>
      <c r="F5783" s="141">
        <v>376</v>
      </c>
      <c r="G5783" s="144" t="s">
        <v>1</v>
      </c>
      <c r="H5783" s="98">
        <v>0</v>
      </c>
      <c r="I5783" s="98">
        <v>0</v>
      </c>
      <c r="J5783" s="98">
        <v>1</v>
      </c>
      <c r="K5783" s="149" t="s">
        <v>400</v>
      </c>
      <c r="L5783" s="149" t="s">
        <v>400</v>
      </c>
      <c r="M5783" s="149" t="s">
        <v>400</v>
      </c>
      <c r="N5783" s="149" t="s">
        <v>400</v>
      </c>
      <c r="O5783" s="149" t="s">
        <v>400</v>
      </c>
      <c r="P5783" s="149" t="s">
        <v>400</v>
      </c>
      <c r="Q5783" s="149" t="s">
        <v>400</v>
      </c>
      <c r="R5783" s="149" t="s">
        <v>400</v>
      </c>
      <c r="S5783" s="149" t="s">
        <v>400</v>
      </c>
      <c r="T5783" s="149" t="s">
        <v>400</v>
      </c>
      <c r="U5783" s="99"/>
      <c r="V5783" s="99"/>
      <c r="W5783" s="99"/>
      <c r="X5783" s="99"/>
      <c r="Y5783" s="99"/>
      <c r="Z5783" s="99"/>
      <c r="AA5783" s="99"/>
      <c r="AB5783" s="99"/>
      <c r="AC5783" s="99"/>
      <c r="AD5783" s="99"/>
      <c r="AE5783" s="99"/>
      <c r="AF5783" s="99"/>
      <c r="AG5783" s="99"/>
      <c r="AH5783" s="99"/>
      <c r="AI5783" s="99"/>
      <c r="AJ5783" s="99"/>
      <c r="AK5783" s="99"/>
      <c r="AL5783" s="99"/>
      <c r="AM5783" s="99"/>
      <c r="AN5783" s="99"/>
      <c r="AO5783" s="99"/>
      <c r="AP5783" s="99"/>
      <c r="AQ5783" s="99"/>
      <c r="AR5783" s="99"/>
      <c r="AS5783" s="99"/>
      <c r="AT5783" s="99"/>
      <c r="AU5783" s="99"/>
      <c r="AV5783" s="99"/>
      <c r="AW5783" s="99"/>
      <c r="AX5783" s="99"/>
      <c r="AY5783" s="99"/>
      <c r="AZ5783" s="99"/>
      <c r="BA5783" s="99"/>
      <c r="BB5783" s="107">
        <v>45884</v>
      </c>
    </row>
    <row r="5784" spans="1:54" s="8" customFormat="1" ht="13.95" customHeight="1" x14ac:dyDescent="0.25">
      <c r="A5784" s="219" t="s">
        <v>13448</v>
      </c>
      <c r="B5784" s="220" t="s">
        <v>13310</v>
      </c>
      <c r="C5784" s="98" t="s">
        <v>13449</v>
      </c>
      <c r="D5784" s="144" t="s">
        <v>13450</v>
      </c>
      <c r="E5784" s="141">
        <v>1972</v>
      </c>
      <c r="F5784" s="141">
        <v>381</v>
      </c>
      <c r="G5784" s="144" t="s">
        <v>1</v>
      </c>
      <c r="H5784" s="98">
        <v>0</v>
      </c>
      <c r="I5784" s="98">
        <v>0</v>
      </c>
      <c r="J5784" s="98">
        <v>0</v>
      </c>
      <c r="K5784" s="149" t="s">
        <v>400</v>
      </c>
      <c r="L5784" s="149" t="s">
        <v>400</v>
      </c>
      <c r="M5784" s="149" t="s">
        <v>400</v>
      </c>
      <c r="N5784" s="149" t="s">
        <v>400</v>
      </c>
      <c r="O5784" s="149" t="s">
        <v>400</v>
      </c>
      <c r="P5784" s="149" t="s">
        <v>400</v>
      </c>
      <c r="Q5784" s="149" t="s">
        <v>400</v>
      </c>
      <c r="R5784" s="149" t="s">
        <v>400</v>
      </c>
      <c r="S5784" s="149" t="s">
        <v>400</v>
      </c>
      <c r="T5784" s="149" t="s">
        <v>400</v>
      </c>
      <c r="U5784" s="99"/>
      <c r="V5784" s="99"/>
      <c r="W5784" s="99"/>
      <c r="X5784" s="99"/>
      <c r="Y5784" s="99"/>
      <c r="Z5784" s="99"/>
      <c r="AA5784" s="99"/>
      <c r="AB5784" s="99"/>
      <c r="AC5784" s="99"/>
      <c r="AD5784" s="99"/>
      <c r="AE5784" s="99"/>
      <c r="AF5784" s="99"/>
      <c r="AG5784" s="99"/>
      <c r="AH5784" s="99"/>
      <c r="AI5784" s="99"/>
      <c r="AJ5784" s="99"/>
      <c r="AK5784" s="99"/>
      <c r="AL5784" s="99"/>
      <c r="AM5784" s="99"/>
      <c r="AN5784" s="99"/>
      <c r="AO5784" s="99"/>
      <c r="AP5784" s="99"/>
      <c r="AQ5784" s="99"/>
      <c r="AR5784" s="99"/>
      <c r="AS5784" s="99"/>
      <c r="AT5784" s="99"/>
      <c r="AU5784" s="99"/>
      <c r="AV5784" s="99"/>
      <c r="AW5784" s="99"/>
      <c r="AX5784" s="99"/>
      <c r="AY5784" s="99"/>
      <c r="AZ5784" s="99"/>
      <c r="BA5784" s="99"/>
      <c r="BB5784" s="107">
        <v>45884</v>
      </c>
    </row>
    <row r="5785" spans="1:54" s="8" customFormat="1" ht="13.95" customHeight="1" x14ac:dyDescent="0.25">
      <c r="A5785" s="219" t="s">
        <v>13451</v>
      </c>
      <c r="B5785" s="220" t="s">
        <v>13310</v>
      </c>
      <c r="C5785" s="98" t="s">
        <v>13452</v>
      </c>
      <c r="D5785" s="144" t="s">
        <v>13453</v>
      </c>
      <c r="E5785" s="141">
        <v>2009</v>
      </c>
      <c r="F5785" s="141">
        <v>394</v>
      </c>
      <c r="G5785" s="144" t="s">
        <v>1</v>
      </c>
      <c r="H5785" s="98">
        <v>0</v>
      </c>
      <c r="I5785" s="98">
        <v>0</v>
      </c>
      <c r="J5785" s="98">
        <v>1</v>
      </c>
      <c r="K5785" s="149" t="s">
        <v>400</v>
      </c>
      <c r="L5785" s="149" t="s">
        <v>400</v>
      </c>
      <c r="M5785" s="149" t="s">
        <v>400</v>
      </c>
      <c r="N5785" s="149" t="s">
        <v>400</v>
      </c>
      <c r="O5785" s="149" t="s">
        <v>400</v>
      </c>
      <c r="P5785" s="149" t="s">
        <v>400</v>
      </c>
      <c r="Q5785" s="149" t="s">
        <v>400</v>
      </c>
      <c r="R5785" s="149" t="s">
        <v>400</v>
      </c>
      <c r="S5785" s="149" t="s">
        <v>400</v>
      </c>
      <c r="T5785" s="149" t="s">
        <v>400</v>
      </c>
      <c r="U5785" s="99"/>
      <c r="V5785" s="99"/>
      <c r="W5785" s="99"/>
      <c r="X5785" s="99"/>
      <c r="Y5785" s="99"/>
      <c r="Z5785" s="99"/>
      <c r="AA5785" s="99"/>
      <c r="AB5785" s="99"/>
      <c r="AC5785" s="99"/>
      <c r="AD5785" s="99"/>
      <c r="AE5785" s="99"/>
      <c r="AF5785" s="99"/>
      <c r="AG5785" s="99"/>
      <c r="AH5785" s="99"/>
      <c r="AI5785" s="99"/>
      <c r="AJ5785" s="99"/>
      <c r="AK5785" s="99"/>
      <c r="AL5785" s="99"/>
      <c r="AM5785" s="99"/>
      <c r="AN5785" s="99"/>
      <c r="AO5785" s="99"/>
      <c r="AP5785" s="99"/>
      <c r="AQ5785" s="99"/>
      <c r="AR5785" s="99"/>
      <c r="AS5785" s="99"/>
      <c r="AT5785" s="99"/>
      <c r="AU5785" s="99"/>
      <c r="AV5785" s="99"/>
      <c r="AW5785" s="99"/>
      <c r="AX5785" s="99"/>
      <c r="AY5785" s="99"/>
      <c r="AZ5785" s="99"/>
      <c r="BA5785" s="99"/>
      <c r="BB5785" s="107">
        <v>45884</v>
      </c>
    </row>
    <row r="5786" spans="1:54" s="8" customFormat="1" ht="13.95" customHeight="1" x14ac:dyDescent="0.25">
      <c r="A5786" s="219" t="s">
        <v>13454</v>
      </c>
      <c r="B5786" s="220" t="s">
        <v>13310</v>
      </c>
      <c r="C5786" s="98" t="s">
        <v>6565</v>
      </c>
      <c r="D5786" s="144" t="s">
        <v>13455</v>
      </c>
      <c r="E5786" s="141">
        <v>1953</v>
      </c>
      <c r="F5786" s="141">
        <v>401</v>
      </c>
      <c r="G5786" s="144" t="s">
        <v>1</v>
      </c>
      <c r="H5786" s="98">
        <v>0</v>
      </c>
      <c r="I5786" s="98">
        <v>0</v>
      </c>
      <c r="J5786" s="98">
        <v>0</v>
      </c>
      <c r="K5786" s="149" t="s">
        <v>400</v>
      </c>
      <c r="L5786" s="149" t="s">
        <v>400</v>
      </c>
      <c r="M5786" s="149" t="s">
        <v>400</v>
      </c>
      <c r="N5786" s="149" t="s">
        <v>400</v>
      </c>
      <c r="O5786" s="149" t="s">
        <v>400</v>
      </c>
      <c r="P5786" s="149" t="s">
        <v>400</v>
      </c>
      <c r="Q5786" s="149" t="s">
        <v>400</v>
      </c>
      <c r="R5786" s="149" t="s">
        <v>400</v>
      </c>
      <c r="S5786" s="149" t="s">
        <v>400</v>
      </c>
      <c r="T5786" s="149" t="s">
        <v>400</v>
      </c>
      <c r="U5786" s="99"/>
      <c r="V5786" s="99"/>
      <c r="W5786" s="99"/>
      <c r="X5786" s="99"/>
      <c r="Y5786" s="99"/>
      <c r="Z5786" s="99"/>
      <c r="AA5786" s="99"/>
      <c r="AB5786" s="99"/>
      <c r="AC5786" s="99"/>
      <c r="AD5786" s="99"/>
      <c r="AE5786" s="99"/>
      <c r="AF5786" s="99"/>
      <c r="AG5786" s="99"/>
      <c r="AH5786" s="99"/>
      <c r="AI5786" s="99"/>
      <c r="AJ5786" s="99"/>
      <c r="AK5786" s="99"/>
      <c r="AL5786" s="99"/>
      <c r="AM5786" s="99"/>
      <c r="AN5786" s="99"/>
      <c r="AO5786" s="99"/>
      <c r="AP5786" s="99"/>
      <c r="AQ5786" s="99"/>
      <c r="AR5786" s="99"/>
      <c r="AS5786" s="99"/>
      <c r="AT5786" s="99"/>
      <c r="AU5786" s="99"/>
      <c r="AV5786" s="99"/>
      <c r="AW5786" s="99"/>
      <c r="AX5786" s="99"/>
      <c r="AY5786" s="99"/>
      <c r="AZ5786" s="99"/>
      <c r="BA5786" s="99"/>
      <c r="BB5786" s="107">
        <v>45884</v>
      </c>
    </row>
    <row r="5787" spans="1:54" s="8" customFormat="1" ht="13.95" customHeight="1" x14ac:dyDescent="0.25">
      <c r="A5787" s="219" t="s">
        <v>13456</v>
      </c>
      <c r="B5787" s="220" t="s">
        <v>13310</v>
      </c>
      <c r="C5787" s="98" t="s">
        <v>13457</v>
      </c>
      <c r="D5787" s="144" t="s">
        <v>13458</v>
      </c>
      <c r="E5787" s="141">
        <v>2002</v>
      </c>
      <c r="F5787" s="141">
        <v>406</v>
      </c>
      <c r="G5787" s="144" t="s">
        <v>1</v>
      </c>
      <c r="H5787" s="98">
        <v>0</v>
      </c>
      <c r="I5787" s="98">
        <v>0</v>
      </c>
      <c r="J5787" s="98">
        <v>0</v>
      </c>
      <c r="K5787" s="149" t="s">
        <v>400</v>
      </c>
      <c r="L5787" s="149" t="s">
        <v>400</v>
      </c>
      <c r="M5787" s="149" t="s">
        <v>400</v>
      </c>
      <c r="N5787" s="149" t="s">
        <v>400</v>
      </c>
      <c r="O5787" s="149" t="s">
        <v>400</v>
      </c>
      <c r="P5787" s="149" t="s">
        <v>400</v>
      </c>
      <c r="Q5787" s="149" t="s">
        <v>400</v>
      </c>
      <c r="R5787" s="149" t="s">
        <v>400</v>
      </c>
      <c r="S5787" s="149" t="s">
        <v>400</v>
      </c>
      <c r="T5787" s="149" t="s">
        <v>400</v>
      </c>
      <c r="U5787" s="99"/>
      <c r="V5787" s="99"/>
      <c r="W5787" s="99"/>
      <c r="X5787" s="99"/>
      <c r="Y5787" s="99"/>
      <c r="Z5787" s="99"/>
      <c r="AA5787" s="99"/>
      <c r="AB5787" s="99"/>
      <c r="AC5787" s="99"/>
      <c r="AD5787" s="99"/>
      <c r="AE5787" s="99"/>
      <c r="AF5787" s="99"/>
      <c r="AG5787" s="99"/>
      <c r="AH5787" s="99"/>
      <c r="AI5787" s="99"/>
      <c r="AJ5787" s="99"/>
      <c r="AK5787" s="99"/>
      <c r="AL5787" s="99"/>
      <c r="AM5787" s="99"/>
      <c r="AN5787" s="99"/>
      <c r="AO5787" s="99"/>
      <c r="AP5787" s="99"/>
      <c r="AQ5787" s="99"/>
      <c r="AR5787" s="99"/>
      <c r="AS5787" s="99"/>
      <c r="AT5787" s="99"/>
      <c r="AU5787" s="99"/>
      <c r="AV5787" s="99"/>
      <c r="AW5787" s="99"/>
      <c r="AX5787" s="99"/>
      <c r="AY5787" s="99"/>
      <c r="AZ5787" s="99"/>
      <c r="BA5787" s="99"/>
      <c r="BB5787" s="107">
        <v>45884</v>
      </c>
    </row>
    <row r="5788" spans="1:54" s="8" customFormat="1" ht="13.95" customHeight="1" x14ac:dyDescent="0.25">
      <c r="A5788" s="219" t="s">
        <v>13459</v>
      </c>
      <c r="B5788" s="220" t="s">
        <v>13310</v>
      </c>
      <c r="C5788" s="98" t="s">
        <v>13460</v>
      </c>
      <c r="D5788" s="144" t="s">
        <v>13461</v>
      </c>
      <c r="E5788" s="141">
        <v>1998</v>
      </c>
      <c r="F5788" s="141">
        <v>413</v>
      </c>
      <c r="G5788" s="144" t="s">
        <v>1</v>
      </c>
      <c r="H5788" s="98">
        <v>0</v>
      </c>
      <c r="I5788" s="98">
        <v>0</v>
      </c>
      <c r="J5788" s="98">
        <v>1</v>
      </c>
      <c r="K5788" s="149" t="s">
        <v>400</v>
      </c>
      <c r="L5788" s="149" t="s">
        <v>400</v>
      </c>
      <c r="M5788" s="149" t="s">
        <v>400</v>
      </c>
      <c r="N5788" s="149" t="s">
        <v>400</v>
      </c>
      <c r="O5788" s="149" t="s">
        <v>400</v>
      </c>
      <c r="P5788" s="149" t="s">
        <v>400</v>
      </c>
      <c r="Q5788" s="149" t="s">
        <v>400</v>
      </c>
      <c r="R5788" s="149" t="s">
        <v>400</v>
      </c>
      <c r="S5788" s="149" t="s">
        <v>400</v>
      </c>
      <c r="T5788" s="149" t="s">
        <v>400</v>
      </c>
      <c r="U5788" s="99"/>
      <c r="V5788" s="99"/>
      <c r="W5788" s="99"/>
      <c r="X5788" s="99"/>
      <c r="Y5788" s="99"/>
      <c r="Z5788" s="99"/>
      <c r="AA5788" s="99"/>
      <c r="AB5788" s="99"/>
      <c r="AC5788" s="99"/>
      <c r="AD5788" s="99"/>
      <c r="AE5788" s="99"/>
      <c r="AF5788" s="99"/>
      <c r="AG5788" s="99"/>
      <c r="AH5788" s="99"/>
      <c r="AI5788" s="99"/>
      <c r="AJ5788" s="99"/>
      <c r="AK5788" s="99"/>
      <c r="AL5788" s="99"/>
      <c r="AM5788" s="99"/>
      <c r="AN5788" s="99"/>
      <c r="AO5788" s="99"/>
      <c r="AP5788" s="99"/>
      <c r="AQ5788" s="99"/>
      <c r="AR5788" s="99"/>
      <c r="AS5788" s="99"/>
      <c r="AT5788" s="99"/>
      <c r="AU5788" s="99"/>
      <c r="AV5788" s="99"/>
      <c r="AW5788" s="99"/>
      <c r="AX5788" s="99"/>
      <c r="AY5788" s="99"/>
      <c r="AZ5788" s="99"/>
      <c r="BA5788" s="99"/>
      <c r="BB5788" s="107">
        <v>45884</v>
      </c>
    </row>
    <row r="5789" spans="1:54" s="8" customFormat="1" ht="13.95" customHeight="1" x14ac:dyDescent="0.25">
      <c r="A5789" s="219" t="s">
        <v>13462</v>
      </c>
      <c r="B5789" s="220" t="s">
        <v>13310</v>
      </c>
      <c r="C5789" s="98" t="s">
        <v>13463</v>
      </c>
      <c r="D5789" s="144" t="s">
        <v>13464</v>
      </c>
      <c r="E5789" s="141">
        <v>1994</v>
      </c>
      <c r="F5789" s="141">
        <v>376</v>
      </c>
      <c r="G5789" s="144" t="s">
        <v>1</v>
      </c>
      <c r="H5789" s="98">
        <v>0</v>
      </c>
      <c r="I5789" s="98">
        <v>0</v>
      </c>
      <c r="J5789" s="98">
        <v>1</v>
      </c>
      <c r="K5789" s="149" t="s">
        <v>400</v>
      </c>
      <c r="L5789" s="149" t="s">
        <v>400</v>
      </c>
      <c r="M5789" s="149" t="s">
        <v>400</v>
      </c>
      <c r="N5789" s="149" t="s">
        <v>400</v>
      </c>
      <c r="O5789" s="149" t="s">
        <v>400</v>
      </c>
      <c r="P5789" s="149" t="s">
        <v>400</v>
      </c>
      <c r="Q5789" s="149" t="s">
        <v>400</v>
      </c>
      <c r="R5789" s="149" t="s">
        <v>400</v>
      </c>
      <c r="S5789" s="149" t="s">
        <v>400</v>
      </c>
      <c r="T5789" s="149" t="s">
        <v>400</v>
      </c>
      <c r="U5789" s="99"/>
      <c r="V5789" s="99"/>
      <c r="W5789" s="99"/>
      <c r="X5789" s="99"/>
      <c r="Y5789" s="99"/>
      <c r="Z5789" s="99"/>
      <c r="AA5789" s="99"/>
      <c r="AB5789" s="99"/>
      <c r="AC5789" s="99"/>
      <c r="AD5789" s="99"/>
      <c r="AE5789" s="99"/>
      <c r="AF5789" s="99"/>
      <c r="AG5789" s="99"/>
      <c r="AH5789" s="99"/>
      <c r="AI5789" s="99"/>
      <c r="AJ5789" s="99"/>
      <c r="AK5789" s="99"/>
      <c r="AL5789" s="99"/>
      <c r="AM5789" s="99"/>
      <c r="AN5789" s="99"/>
      <c r="AO5789" s="99"/>
      <c r="AP5789" s="99"/>
      <c r="AQ5789" s="99"/>
      <c r="AR5789" s="99"/>
      <c r="AS5789" s="99"/>
      <c r="AT5789" s="99"/>
      <c r="AU5789" s="99"/>
      <c r="AV5789" s="99"/>
      <c r="AW5789" s="99"/>
      <c r="AX5789" s="99"/>
      <c r="AY5789" s="99"/>
      <c r="AZ5789" s="99"/>
      <c r="BA5789" s="99"/>
      <c r="BB5789" s="107">
        <v>45884</v>
      </c>
    </row>
    <row r="5790" spans="1:54" s="8" customFormat="1" ht="13.95" customHeight="1" x14ac:dyDescent="0.25">
      <c r="A5790" s="219" t="s">
        <v>13465</v>
      </c>
      <c r="B5790" s="220" t="s">
        <v>13310</v>
      </c>
      <c r="C5790" s="98" t="s">
        <v>13466</v>
      </c>
      <c r="D5790" s="144" t="s">
        <v>13467</v>
      </c>
      <c r="E5790" s="141">
        <v>2000</v>
      </c>
      <c r="F5790" s="141">
        <v>428</v>
      </c>
      <c r="G5790" s="144" t="s">
        <v>1</v>
      </c>
      <c r="H5790" s="98">
        <v>0</v>
      </c>
      <c r="I5790" s="98">
        <v>0</v>
      </c>
      <c r="J5790" s="98">
        <v>1</v>
      </c>
      <c r="K5790" s="149" t="s">
        <v>400</v>
      </c>
      <c r="L5790" s="149" t="s">
        <v>400</v>
      </c>
      <c r="M5790" s="149" t="s">
        <v>400</v>
      </c>
      <c r="N5790" s="149" t="s">
        <v>400</v>
      </c>
      <c r="O5790" s="149" t="s">
        <v>400</v>
      </c>
      <c r="P5790" s="149" t="s">
        <v>400</v>
      </c>
      <c r="Q5790" s="149" t="s">
        <v>400</v>
      </c>
      <c r="R5790" s="149" t="s">
        <v>400</v>
      </c>
      <c r="S5790" s="149" t="s">
        <v>400</v>
      </c>
      <c r="T5790" s="149" t="s">
        <v>400</v>
      </c>
      <c r="U5790" s="99"/>
      <c r="V5790" s="99"/>
      <c r="W5790" s="99"/>
      <c r="X5790" s="99"/>
      <c r="Y5790" s="99"/>
      <c r="Z5790" s="99"/>
      <c r="AA5790" s="99"/>
      <c r="AB5790" s="99"/>
      <c r="AC5790" s="99"/>
      <c r="AD5790" s="99"/>
      <c r="AE5790" s="99"/>
      <c r="AF5790" s="99"/>
      <c r="AG5790" s="99"/>
      <c r="AH5790" s="99"/>
      <c r="AI5790" s="99"/>
      <c r="AJ5790" s="99"/>
      <c r="AK5790" s="99"/>
      <c r="AL5790" s="99"/>
      <c r="AM5790" s="99"/>
      <c r="AN5790" s="99"/>
      <c r="AO5790" s="99"/>
      <c r="AP5790" s="99"/>
      <c r="AQ5790" s="99"/>
      <c r="AR5790" s="99"/>
      <c r="AS5790" s="99"/>
      <c r="AT5790" s="99"/>
      <c r="AU5790" s="99"/>
      <c r="AV5790" s="99"/>
      <c r="AW5790" s="99"/>
      <c r="AX5790" s="99"/>
      <c r="AY5790" s="99"/>
      <c r="AZ5790" s="99"/>
      <c r="BA5790" s="99"/>
      <c r="BB5790" s="107">
        <v>45884</v>
      </c>
    </row>
    <row r="5791" spans="1:54" s="8" customFormat="1" ht="13.95" customHeight="1" x14ac:dyDescent="0.25">
      <c r="A5791" s="219" t="s">
        <v>13468</v>
      </c>
      <c r="B5791" s="220" t="s">
        <v>13310</v>
      </c>
      <c r="C5791" s="98" t="s">
        <v>13469</v>
      </c>
      <c r="D5791" s="144" t="s">
        <v>13470</v>
      </c>
      <c r="E5791" s="141">
        <v>1992</v>
      </c>
      <c r="F5791" s="141">
        <v>432</v>
      </c>
      <c r="G5791" s="144" t="s">
        <v>1</v>
      </c>
      <c r="H5791" s="98">
        <v>0</v>
      </c>
      <c r="I5791" s="98">
        <v>0</v>
      </c>
      <c r="J5791" s="98">
        <v>1</v>
      </c>
      <c r="K5791" s="149" t="s">
        <v>400</v>
      </c>
      <c r="L5791" s="149" t="s">
        <v>400</v>
      </c>
      <c r="M5791" s="149" t="s">
        <v>400</v>
      </c>
      <c r="N5791" s="149" t="s">
        <v>400</v>
      </c>
      <c r="O5791" s="149" t="s">
        <v>400</v>
      </c>
      <c r="P5791" s="149" t="s">
        <v>400</v>
      </c>
      <c r="Q5791" s="149" t="s">
        <v>400</v>
      </c>
      <c r="R5791" s="149" t="s">
        <v>400</v>
      </c>
      <c r="S5791" s="149" t="s">
        <v>400</v>
      </c>
      <c r="T5791" s="149" t="s">
        <v>400</v>
      </c>
      <c r="U5791" s="99"/>
      <c r="V5791" s="99"/>
      <c r="W5791" s="99"/>
      <c r="X5791" s="99"/>
      <c r="Y5791" s="99"/>
      <c r="Z5791" s="99"/>
      <c r="AA5791" s="99"/>
      <c r="AB5791" s="99"/>
      <c r="AC5791" s="99"/>
      <c r="AD5791" s="99"/>
      <c r="AE5791" s="99"/>
      <c r="AF5791" s="99"/>
      <c r="AG5791" s="99"/>
      <c r="AH5791" s="99"/>
      <c r="AI5791" s="99"/>
      <c r="AJ5791" s="99"/>
      <c r="AK5791" s="99"/>
      <c r="AL5791" s="99"/>
      <c r="AM5791" s="99"/>
      <c r="AN5791" s="99"/>
      <c r="AO5791" s="99"/>
      <c r="AP5791" s="99"/>
      <c r="AQ5791" s="99"/>
      <c r="AR5791" s="99"/>
      <c r="AS5791" s="99"/>
      <c r="AT5791" s="99"/>
      <c r="AU5791" s="99"/>
      <c r="AV5791" s="99"/>
      <c r="AW5791" s="99"/>
      <c r="AX5791" s="99"/>
      <c r="AY5791" s="99"/>
      <c r="AZ5791" s="99"/>
      <c r="BA5791" s="99"/>
      <c r="BB5791" s="107">
        <v>45884</v>
      </c>
    </row>
    <row r="5792" spans="1:54" s="8" customFormat="1" ht="13.95" customHeight="1" x14ac:dyDescent="0.25">
      <c r="A5792" s="219" t="s">
        <v>13471</v>
      </c>
      <c r="B5792" s="220" t="s">
        <v>13310</v>
      </c>
      <c r="C5792" s="98" t="s">
        <v>13472</v>
      </c>
      <c r="D5792" s="144" t="s">
        <v>13473</v>
      </c>
      <c r="E5792" s="141">
        <v>1977</v>
      </c>
      <c r="F5792" s="141">
        <v>448</v>
      </c>
      <c r="G5792" s="144" t="s">
        <v>1</v>
      </c>
      <c r="H5792" s="98">
        <v>0</v>
      </c>
      <c r="I5792" s="98">
        <v>0</v>
      </c>
      <c r="J5792" s="98">
        <v>0</v>
      </c>
      <c r="K5792" s="149" t="s">
        <v>400</v>
      </c>
      <c r="L5792" s="149" t="s">
        <v>400</v>
      </c>
      <c r="M5792" s="149" t="s">
        <v>400</v>
      </c>
      <c r="N5792" s="149" t="s">
        <v>400</v>
      </c>
      <c r="O5792" s="149" t="s">
        <v>400</v>
      </c>
      <c r="P5792" s="149" t="s">
        <v>400</v>
      </c>
      <c r="Q5792" s="149" t="s">
        <v>400</v>
      </c>
      <c r="R5792" s="149" t="s">
        <v>400</v>
      </c>
      <c r="S5792" s="149" t="s">
        <v>400</v>
      </c>
      <c r="T5792" s="149" t="s">
        <v>400</v>
      </c>
      <c r="U5792" s="99"/>
      <c r="V5792" s="99"/>
      <c r="W5792" s="99"/>
      <c r="X5792" s="99"/>
      <c r="Y5792" s="99"/>
      <c r="Z5792" s="99"/>
      <c r="AA5792" s="99"/>
      <c r="AB5792" s="99"/>
      <c r="AC5792" s="99"/>
      <c r="AD5792" s="99"/>
      <c r="AE5792" s="99"/>
      <c r="AF5792" s="99"/>
      <c r="AG5792" s="99"/>
      <c r="AH5792" s="99"/>
      <c r="AI5792" s="99"/>
      <c r="AJ5792" s="99"/>
      <c r="AK5792" s="99"/>
      <c r="AL5792" s="99"/>
      <c r="AM5792" s="99"/>
      <c r="AN5792" s="99"/>
      <c r="AO5792" s="99"/>
      <c r="AP5792" s="99"/>
      <c r="AQ5792" s="99"/>
      <c r="AR5792" s="99"/>
      <c r="AS5792" s="99"/>
      <c r="AT5792" s="99"/>
      <c r="AU5792" s="99"/>
      <c r="AV5792" s="99"/>
      <c r="AW5792" s="99"/>
      <c r="AX5792" s="99"/>
      <c r="AY5792" s="99"/>
      <c r="AZ5792" s="99"/>
      <c r="BA5792" s="99"/>
      <c r="BB5792" s="107">
        <v>45884</v>
      </c>
    </row>
    <row r="5793" spans="1:54" s="8" customFormat="1" ht="13.95" customHeight="1" x14ac:dyDescent="0.25">
      <c r="A5793" s="219" t="s">
        <v>13474</v>
      </c>
      <c r="B5793" s="220" t="s">
        <v>13310</v>
      </c>
      <c r="C5793" s="98" t="s">
        <v>13475</v>
      </c>
      <c r="D5793" s="144" t="s">
        <v>13476</v>
      </c>
      <c r="E5793" s="141">
        <v>1973</v>
      </c>
      <c r="F5793" s="141">
        <v>450</v>
      </c>
      <c r="G5793" s="144" t="s">
        <v>1</v>
      </c>
      <c r="H5793" s="98">
        <v>0</v>
      </c>
      <c r="I5793" s="98">
        <v>0</v>
      </c>
      <c r="J5793" s="98">
        <v>1</v>
      </c>
      <c r="K5793" s="149" t="s">
        <v>400</v>
      </c>
      <c r="L5793" s="149" t="s">
        <v>400</v>
      </c>
      <c r="M5793" s="149" t="s">
        <v>400</v>
      </c>
      <c r="N5793" s="149" t="s">
        <v>400</v>
      </c>
      <c r="O5793" s="149" t="s">
        <v>400</v>
      </c>
      <c r="P5793" s="149" t="s">
        <v>400</v>
      </c>
      <c r="Q5793" s="149" t="s">
        <v>400</v>
      </c>
      <c r="R5793" s="149" t="s">
        <v>400</v>
      </c>
      <c r="S5793" s="149" t="s">
        <v>400</v>
      </c>
      <c r="T5793" s="149" t="s">
        <v>400</v>
      </c>
      <c r="U5793" s="99"/>
      <c r="V5793" s="99"/>
      <c r="W5793" s="99"/>
      <c r="X5793" s="99"/>
      <c r="Y5793" s="99"/>
      <c r="Z5793" s="99"/>
      <c r="AA5793" s="99"/>
      <c r="AB5793" s="99"/>
      <c r="AC5793" s="99"/>
      <c r="AD5793" s="99"/>
      <c r="AE5793" s="99"/>
      <c r="AF5793" s="99"/>
      <c r="AG5793" s="99"/>
      <c r="AH5793" s="99"/>
      <c r="AI5793" s="99"/>
      <c r="AJ5793" s="99"/>
      <c r="AK5793" s="99"/>
      <c r="AL5793" s="99"/>
      <c r="AM5793" s="99"/>
      <c r="AN5793" s="99"/>
      <c r="AO5793" s="99"/>
      <c r="AP5793" s="99"/>
      <c r="AQ5793" s="99"/>
      <c r="AR5793" s="99"/>
      <c r="AS5793" s="99"/>
      <c r="AT5793" s="99"/>
      <c r="AU5793" s="99"/>
      <c r="AV5793" s="99"/>
      <c r="AW5793" s="99"/>
      <c r="AX5793" s="99"/>
      <c r="AY5793" s="99"/>
      <c r="AZ5793" s="99"/>
      <c r="BA5793" s="99"/>
      <c r="BB5793" s="107">
        <v>45884</v>
      </c>
    </row>
    <row r="5794" spans="1:54" s="8" customFormat="1" ht="13.95" customHeight="1" x14ac:dyDescent="0.25">
      <c r="A5794" s="219" t="s">
        <v>13477</v>
      </c>
      <c r="B5794" s="220" t="s">
        <v>13310</v>
      </c>
      <c r="C5794" s="98" t="s">
        <v>13478</v>
      </c>
      <c r="D5794" s="144" t="s">
        <v>13479</v>
      </c>
      <c r="E5794" s="141">
        <v>1977</v>
      </c>
      <c r="F5794" s="141">
        <v>450</v>
      </c>
      <c r="G5794" s="144" t="s">
        <v>1</v>
      </c>
      <c r="H5794" s="98">
        <v>0</v>
      </c>
      <c r="I5794" s="98">
        <v>0</v>
      </c>
      <c r="J5794" s="98">
        <v>1</v>
      </c>
      <c r="K5794" s="149" t="s">
        <v>400</v>
      </c>
      <c r="L5794" s="149" t="s">
        <v>400</v>
      </c>
      <c r="M5794" s="149" t="s">
        <v>400</v>
      </c>
      <c r="N5794" s="149" t="s">
        <v>400</v>
      </c>
      <c r="O5794" s="149" t="s">
        <v>400</v>
      </c>
      <c r="P5794" s="149" t="s">
        <v>400</v>
      </c>
      <c r="Q5794" s="149" t="s">
        <v>400</v>
      </c>
      <c r="R5794" s="149" t="s">
        <v>400</v>
      </c>
      <c r="S5794" s="149" t="s">
        <v>400</v>
      </c>
      <c r="T5794" s="149" t="s">
        <v>400</v>
      </c>
      <c r="U5794" s="99"/>
      <c r="V5794" s="99"/>
      <c r="W5794" s="99"/>
      <c r="X5794" s="99"/>
      <c r="Y5794" s="99"/>
      <c r="Z5794" s="99"/>
      <c r="AA5794" s="99"/>
      <c r="AB5794" s="99"/>
      <c r="AC5794" s="99"/>
      <c r="AD5794" s="99"/>
      <c r="AE5794" s="99"/>
      <c r="AF5794" s="99"/>
      <c r="AG5794" s="99"/>
      <c r="AH5794" s="99"/>
      <c r="AI5794" s="99"/>
      <c r="AJ5794" s="99"/>
      <c r="AK5794" s="99"/>
      <c r="AL5794" s="99"/>
      <c r="AM5794" s="99"/>
      <c r="AN5794" s="99"/>
      <c r="AO5794" s="99"/>
      <c r="AP5794" s="99"/>
      <c r="AQ5794" s="99"/>
      <c r="AR5794" s="99"/>
      <c r="AS5794" s="99"/>
      <c r="AT5794" s="99"/>
      <c r="AU5794" s="99"/>
      <c r="AV5794" s="99"/>
      <c r="AW5794" s="99"/>
      <c r="AX5794" s="99"/>
      <c r="AY5794" s="99"/>
      <c r="AZ5794" s="99"/>
      <c r="BA5794" s="99"/>
      <c r="BB5794" s="107">
        <v>45884</v>
      </c>
    </row>
    <row r="5795" spans="1:54" s="8" customFormat="1" ht="13.95" customHeight="1" x14ac:dyDescent="0.25">
      <c r="A5795" s="219" t="s">
        <v>13480</v>
      </c>
      <c r="B5795" s="220" t="s">
        <v>13310</v>
      </c>
      <c r="C5795" s="98" t="s">
        <v>13481</v>
      </c>
      <c r="D5795" s="144" t="s">
        <v>13482</v>
      </c>
      <c r="E5795" s="141">
        <v>2001</v>
      </c>
      <c r="F5795" s="141">
        <v>452</v>
      </c>
      <c r="G5795" s="144" t="s">
        <v>1</v>
      </c>
      <c r="H5795" s="98">
        <v>0</v>
      </c>
      <c r="I5795" s="98">
        <v>0</v>
      </c>
      <c r="J5795" s="98">
        <v>1</v>
      </c>
      <c r="K5795" s="149" t="s">
        <v>400</v>
      </c>
      <c r="L5795" s="149" t="s">
        <v>400</v>
      </c>
      <c r="M5795" s="149" t="s">
        <v>400</v>
      </c>
      <c r="N5795" s="149" t="s">
        <v>400</v>
      </c>
      <c r="O5795" s="149" t="s">
        <v>400</v>
      </c>
      <c r="P5795" s="149" t="s">
        <v>400</v>
      </c>
      <c r="Q5795" s="149" t="s">
        <v>400</v>
      </c>
      <c r="R5795" s="149" t="s">
        <v>400</v>
      </c>
      <c r="S5795" s="149" t="s">
        <v>400</v>
      </c>
      <c r="T5795" s="149" t="s">
        <v>400</v>
      </c>
      <c r="U5795" s="99"/>
      <c r="V5795" s="99"/>
      <c r="W5795" s="99"/>
      <c r="X5795" s="99"/>
      <c r="Y5795" s="99"/>
      <c r="Z5795" s="99"/>
      <c r="AA5795" s="99"/>
      <c r="AB5795" s="99"/>
      <c r="AC5795" s="99"/>
      <c r="AD5795" s="99"/>
      <c r="AE5795" s="99"/>
      <c r="AF5795" s="99"/>
      <c r="AG5795" s="99"/>
      <c r="AH5795" s="99"/>
      <c r="AI5795" s="99"/>
      <c r="AJ5795" s="99"/>
      <c r="AK5795" s="99"/>
      <c r="AL5795" s="99"/>
      <c r="AM5795" s="99"/>
      <c r="AN5795" s="99"/>
      <c r="AO5795" s="99"/>
      <c r="AP5795" s="99"/>
      <c r="AQ5795" s="99"/>
      <c r="AR5795" s="99"/>
      <c r="AS5795" s="99"/>
      <c r="AT5795" s="99"/>
      <c r="AU5795" s="99"/>
      <c r="AV5795" s="99"/>
      <c r="AW5795" s="99"/>
      <c r="AX5795" s="99"/>
      <c r="AY5795" s="99"/>
      <c r="AZ5795" s="99"/>
      <c r="BA5795" s="99"/>
      <c r="BB5795" s="107">
        <v>45884</v>
      </c>
    </row>
    <row r="5796" spans="1:54" s="8" customFormat="1" ht="13.95" customHeight="1" x14ac:dyDescent="0.25">
      <c r="A5796" s="219" t="s">
        <v>13483</v>
      </c>
      <c r="B5796" s="220" t="s">
        <v>13310</v>
      </c>
      <c r="C5796" s="98" t="s">
        <v>13484</v>
      </c>
      <c r="D5796" s="144" t="s">
        <v>13485</v>
      </c>
      <c r="E5796" s="141">
        <v>1972</v>
      </c>
      <c r="F5796" s="141">
        <v>452</v>
      </c>
      <c r="G5796" s="144" t="s">
        <v>1</v>
      </c>
      <c r="H5796" s="98">
        <v>0</v>
      </c>
      <c r="I5796" s="98">
        <v>0</v>
      </c>
      <c r="J5796" s="98">
        <v>1</v>
      </c>
      <c r="K5796" s="149" t="s">
        <v>400</v>
      </c>
      <c r="L5796" s="149" t="s">
        <v>400</v>
      </c>
      <c r="M5796" s="149" t="s">
        <v>400</v>
      </c>
      <c r="N5796" s="149" t="s">
        <v>400</v>
      </c>
      <c r="O5796" s="149" t="s">
        <v>400</v>
      </c>
      <c r="P5796" s="149" t="s">
        <v>400</v>
      </c>
      <c r="Q5796" s="149" t="s">
        <v>400</v>
      </c>
      <c r="R5796" s="149" t="s">
        <v>400</v>
      </c>
      <c r="S5796" s="149" t="s">
        <v>400</v>
      </c>
      <c r="T5796" s="149" t="s">
        <v>400</v>
      </c>
      <c r="U5796" s="99"/>
      <c r="V5796" s="99"/>
      <c r="W5796" s="99"/>
      <c r="X5796" s="99"/>
      <c r="Y5796" s="99"/>
      <c r="Z5796" s="99"/>
      <c r="AA5796" s="99"/>
      <c r="AB5796" s="99"/>
      <c r="AC5796" s="99"/>
      <c r="AD5796" s="99"/>
      <c r="AE5796" s="99"/>
      <c r="AF5796" s="99"/>
      <c r="AG5796" s="99"/>
      <c r="AH5796" s="99"/>
      <c r="AI5796" s="99"/>
      <c r="AJ5796" s="99"/>
      <c r="AK5796" s="99"/>
      <c r="AL5796" s="99"/>
      <c r="AM5796" s="99"/>
      <c r="AN5796" s="99"/>
      <c r="AO5796" s="99"/>
      <c r="AP5796" s="99"/>
      <c r="AQ5796" s="99"/>
      <c r="AR5796" s="99"/>
      <c r="AS5796" s="99"/>
      <c r="AT5796" s="99"/>
      <c r="AU5796" s="99"/>
      <c r="AV5796" s="99"/>
      <c r="AW5796" s="99"/>
      <c r="AX5796" s="99"/>
      <c r="AY5796" s="99"/>
      <c r="AZ5796" s="99"/>
      <c r="BA5796" s="99"/>
      <c r="BB5796" s="107">
        <v>45884</v>
      </c>
    </row>
    <row r="5797" spans="1:54" s="8" customFormat="1" ht="13.95" customHeight="1" x14ac:dyDescent="0.25">
      <c r="A5797" s="219" t="s">
        <v>13486</v>
      </c>
      <c r="B5797" s="220" t="s">
        <v>13310</v>
      </c>
      <c r="C5797" s="98" t="s">
        <v>13487</v>
      </c>
      <c r="D5797" s="144" t="s">
        <v>13488</v>
      </c>
      <c r="E5797" s="141">
        <v>2004</v>
      </c>
      <c r="F5797" s="141">
        <v>452</v>
      </c>
      <c r="G5797" s="144" t="s">
        <v>1</v>
      </c>
      <c r="H5797" s="98">
        <v>0</v>
      </c>
      <c r="I5797" s="98">
        <v>0</v>
      </c>
      <c r="J5797" s="98">
        <v>1</v>
      </c>
      <c r="K5797" s="149" t="s">
        <v>400</v>
      </c>
      <c r="L5797" s="149" t="s">
        <v>400</v>
      </c>
      <c r="M5797" s="149" t="s">
        <v>400</v>
      </c>
      <c r="N5797" s="149" t="s">
        <v>400</v>
      </c>
      <c r="O5797" s="149" t="s">
        <v>400</v>
      </c>
      <c r="P5797" s="149" t="s">
        <v>400</v>
      </c>
      <c r="Q5797" s="149" t="s">
        <v>400</v>
      </c>
      <c r="R5797" s="149" t="s">
        <v>400</v>
      </c>
      <c r="S5797" s="149" t="s">
        <v>400</v>
      </c>
      <c r="T5797" s="149" t="s">
        <v>400</v>
      </c>
      <c r="U5797" s="99"/>
      <c r="V5797" s="99"/>
      <c r="W5797" s="99"/>
      <c r="X5797" s="99"/>
      <c r="Y5797" s="99"/>
      <c r="Z5797" s="99"/>
      <c r="AA5797" s="99"/>
      <c r="AB5797" s="99"/>
      <c r="AC5797" s="99"/>
      <c r="AD5797" s="99"/>
      <c r="AE5797" s="99"/>
      <c r="AF5797" s="99"/>
      <c r="AG5797" s="99"/>
      <c r="AH5797" s="99"/>
      <c r="AI5797" s="99"/>
      <c r="AJ5797" s="99"/>
      <c r="AK5797" s="99"/>
      <c r="AL5797" s="99"/>
      <c r="AM5797" s="99"/>
      <c r="AN5797" s="99"/>
      <c r="AO5797" s="99"/>
      <c r="AP5797" s="99"/>
      <c r="AQ5797" s="99"/>
      <c r="AR5797" s="99"/>
      <c r="AS5797" s="99"/>
      <c r="AT5797" s="99"/>
      <c r="AU5797" s="99"/>
      <c r="AV5797" s="99"/>
      <c r="AW5797" s="99"/>
      <c r="AX5797" s="99"/>
      <c r="AY5797" s="99"/>
      <c r="AZ5797" s="99"/>
      <c r="BA5797" s="99"/>
      <c r="BB5797" s="107">
        <v>45884</v>
      </c>
    </row>
    <row r="5798" spans="1:54" s="8" customFormat="1" ht="13.95" customHeight="1" x14ac:dyDescent="0.25">
      <c r="A5798" s="219" t="s">
        <v>13489</v>
      </c>
      <c r="B5798" s="220" t="s">
        <v>13310</v>
      </c>
      <c r="C5798" s="98" t="s">
        <v>13490</v>
      </c>
      <c r="D5798" s="144" t="s">
        <v>13491</v>
      </c>
      <c r="E5798" s="141">
        <v>2008</v>
      </c>
      <c r="F5798" s="141">
        <v>460</v>
      </c>
      <c r="G5798" s="144" t="s">
        <v>1</v>
      </c>
      <c r="H5798" s="98">
        <v>0</v>
      </c>
      <c r="I5798" s="98">
        <v>0</v>
      </c>
      <c r="J5798" s="98">
        <v>1</v>
      </c>
      <c r="K5798" s="149" t="s">
        <v>400</v>
      </c>
      <c r="L5798" s="149" t="s">
        <v>400</v>
      </c>
      <c r="M5798" s="149" t="s">
        <v>400</v>
      </c>
      <c r="N5798" s="149" t="s">
        <v>400</v>
      </c>
      <c r="O5798" s="149" t="s">
        <v>400</v>
      </c>
      <c r="P5798" s="149" t="s">
        <v>400</v>
      </c>
      <c r="Q5798" s="149" t="s">
        <v>400</v>
      </c>
      <c r="R5798" s="149" t="s">
        <v>400</v>
      </c>
      <c r="S5798" s="149" t="s">
        <v>400</v>
      </c>
      <c r="T5798" s="149" t="s">
        <v>400</v>
      </c>
      <c r="U5798" s="99"/>
      <c r="V5798" s="99"/>
      <c r="W5798" s="99"/>
      <c r="X5798" s="99"/>
      <c r="Y5798" s="99"/>
      <c r="Z5798" s="99"/>
      <c r="AA5798" s="99"/>
      <c r="AB5798" s="99"/>
      <c r="AC5798" s="99"/>
      <c r="AD5798" s="99"/>
      <c r="AE5798" s="99"/>
      <c r="AF5798" s="99"/>
      <c r="AG5798" s="99"/>
      <c r="AH5798" s="99"/>
      <c r="AI5798" s="99"/>
      <c r="AJ5798" s="99"/>
      <c r="AK5798" s="99"/>
      <c r="AL5798" s="99"/>
      <c r="AM5798" s="99"/>
      <c r="AN5798" s="99"/>
      <c r="AO5798" s="99"/>
      <c r="AP5798" s="99"/>
      <c r="AQ5798" s="99"/>
      <c r="AR5798" s="99"/>
      <c r="AS5798" s="99"/>
      <c r="AT5798" s="99"/>
      <c r="AU5798" s="99"/>
      <c r="AV5798" s="99"/>
      <c r="AW5798" s="99"/>
      <c r="AX5798" s="99"/>
      <c r="AY5798" s="99"/>
      <c r="AZ5798" s="99"/>
      <c r="BA5798" s="99"/>
      <c r="BB5798" s="107">
        <v>45884</v>
      </c>
    </row>
    <row r="5799" spans="1:54" s="8" customFormat="1" ht="13.95" customHeight="1" x14ac:dyDescent="0.25">
      <c r="A5799" s="219" t="s">
        <v>13492</v>
      </c>
      <c r="B5799" s="220" t="s">
        <v>13310</v>
      </c>
      <c r="C5799" s="98" t="s">
        <v>13493</v>
      </c>
      <c r="D5799" s="144" t="s">
        <v>13494</v>
      </c>
      <c r="E5799" s="141">
        <v>1968</v>
      </c>
      <c r="F5799" s="141">
        <v>498</v>
      </c>
      <c r="G5799" s="144" t="s">
        <v>1</v>
      </c>
      <c r="H5799" s="98">
        <v>0</v>
      </c>
      <c r="I5799" s="98">
        <v>0</v>
      </c>
      <c r="J5799" s="98">
        <v>1</v>
      </c>
      <c r="K5799" s="149" t="s">
        <v>400</v>
      </c>
      <c r="L5799" s="149" t="s">
        <v>400</v>
      </c>
      <c r="M5799" s="149" t="s">
        <v>400</v>
      </c>
      <c r="N5799" s="149" t="s">
        <v>400</v>
      </c>
      <c r="O5799" s="149" t="s">
        <v>400</v>
      </c>
      <c r="P5799" s="149" t="s">
        <v>400</v>
      </c>
      <c r="Q5799" s="149" t="s">
        <v>400</v>
      </c>
      <c r="R5799" s="149" t="s">
        <v>400</v>
      </c>
      <c r="S5799" s="149" t="s">
        <v>400</v>
      </c>
      <c r="T5799" s="149" t="s">
        <v>400</v>
      </c>
      <c r="U5799" s="99"/>
      <c r="V5799" s="99"/>
      <c r="W5799" s="99"/>
      <c r="X5799" s="99"/>
      <c r="Y5799" s="99"/>
      <c r="Z5799" s="99"/>
      <c r="AA5799" s="99"/>
      <c r="AB5799" s="99"/>
      <c r="AC5799" s="99"/>
      <c r="AD5799" s="99"/>
      <c r="AE5799" s="99"/>
      <c r="AF5799" s="99"/>
      <c r="AG5799" s="99"/>
      <c r="AH5799" s="99"/>
      <c r="AI5799" s="99"/>
      <c r="AJ5799" s="99"/>
      <c r="AK5799" s="99"/>
      <c r="AL5799" s="99"/>
      <c r="AM5799" s="99"/>
      <c r="AN5799" s="99"/>
      <c r="AO5799" s="99"/>
      <c r="AP5799" s="99"/>
      <c r="AQ5799" s="99"/>
      <c r="AR5799" s="99"/>
      <c r="AS5799" s="99"/>
      <c r="AT5799" s="99"/>
      <c r="AU5799" s="99"/>
      <c r="AV5799" s="99"/>
      <c r="AW5799" s="99"/>
      <c r="AX5799" s="99"/>
      <c r="AY5799" s="99"/>
      <c r="AZ5799" s="99"/>
      <c r="BA5799" s="99"/>
      <c r="BB5799" s="107">
        <v>45884</v>
      </c>
    </row>
    <row r="5800" spans="1:54" s="8" customFormat="1" ht="13.95" customHeight="1" x14ac:dyDescent="0.25">
      <c r="A5800" s="219" t="s">
        <v>13495</v>
      </c>
      <c r="B5800" s="220" t="s">
        <v>13310</v>
      </c>
      <c r="C5800" s="98" t="s">
        <v>13496</v>
      </c>
      <c r="D5800" s="144" t="s">
        <v>13497</v>
      </c>
      <c r="E5800" s="141">
        <v>1987</v>
      </c>
      <c r="F5800" s="141">
        <v>500</v>
      </c>
      <c r="G5800" s="144" t="s">
        <v>1</v>
      </c>
      <c r="H5800" s="98">
        <v>0</v>
      </c>
      <c r="I5800" s="98">
        <v>0</v>
      </c>
      <c r="J5800" s="98">
        <v>1</v>
      </c>
      <c r="K5800" s="149" t="s">
        <v>400</v>
      </c>
      <c r="L5800" s="149" t="s">
        <v>400</v>
      </c>
      <c r="M5800" s="149" t="s">
        <v>400</v>
      </c>
      <c r="N5800" s="149" t="s">
        <v>400</v>
      </c>
      <c r="O5800" s="149" t="s">
        <v>400</v>
      </c>
      <c r="P5800" s="149" t="s">
        <v>400</v>
      </c>
      <c r="Q5800" s="149" t="s">
        <v>400</v>
      </c>
      <c r="R5800" s="149" t="s">
        <v>400</v>
      </c>
      <c r="S5800" s="149" t="s">
        <v>400</v>
      </c>
      <c r="T5800" s="149" t="s">
        <v>400</v>
      </c>
      <c r="U5800" s="99"/>
      <c r="V5800" s="99"/>
      <c r="W5800" s="99"/>
      <c r="X5800" s="99"/>
      <c r="Y5800" s="99"/>
      <c r="Z5800" s="99"/>
      <c r="AA5800" s="99"/>
      <c r="AB5800" s="99"/>
      <c r="AC5800" s="99"/>
      <c r="AD5800" s="99"/>
      <c r="AE5800" s="99"/>
      <c r="AF5800" s="99"/>
      <c r="AG5800" s="99"/>
      <c r="AH5800" s="99"/>
      <c r="AI5800" s="99"/>
      <c r="AJ5800" s="99"/>
      <c r="AK5800" s="99"/>
      <c r="AL5800" s="99"/>
      <c r="AM5800" s="99"/>
      <c r="AN5800" s="99"/>
      <c r="AO5800" s="99"/>
      <c r="AP5800" s="99"/>
      <c r="AQ5800" s="99"/>
      <c r="AR5800" s="99"/>
      <c r="AS5800" s="99"/>
      <c r="AT5800" s="99"/>
      <c r="AU5800" s="99"/>
      <c r="AV5800" s="99"/>
      <c r="AW5800" s="99"/>
      <c r="AX5800" s="99"/>
      <c r="AY5800" s="99"/>
      <c r="AZ5800" s="99"/>
      <c r="BA5800" s="99"/>
      <c r="BB5800" s="107">
        <v>45884</v>
      </c>
    </row>
    <row r="5801" spans="1:54" s="8" customFormat="1" ht="13.95" customHeight="1" x14ac:dyDescent="0.25">
      <c r="A5801" s="219" t="s">
        <v>13498</v>
      </c>
      <c r="B5801" s="220" t="s">
        <v>13310</v>
      </c>
      <c r="C5801" s="98" t="s">
        <v>13499</v>
      </c>
      <c r="D5801" s="144" t="s">
        <v>13500</v>
      </c>
      <c r="E5801" s="141">
        <v>1977</v>
      </c>
      <c r="F5801" s="141">
        <v>507</v>
      </c>
      <c r="G5801" s="144" t="s">
        <v>1</v>
      </c>
      <c r="H5801" s="98">
        <v>0</v>
      </c>
      <c r="I5801" s="98">
        <v>0</v>
      </c>
      <c r="J5801" s="98">
        <v>1</v>
      </c>
      <c r="K5801" s="149" t="s">
        <v>400</v>
      </c>
      <c r="L5801" s="149" t="s">
        <v>400</v>
      </c>
      <c r="M5801" s="149" t="s">
        <v>400</v>
      </c>
      <c r="N5801" s="149" t="s">
        <v>400</v>
      </c>
      <c r="O5801" s="149" t="s">
        <v>400</v>
      </c>
      <c r="P5801" s="149" t="s">
        <v>400</v>
      </c>
      <c r="Q5801" s="149" t="s">
        <v>400</v>
      </c>
      <c r="R5801" s="149" t="s">
        <v>400</v>
      </c>
      <c r="S5801" s="149" t="s">
        <v>400</v>
      </c>
      <c r="T5801" s="149" t="s">
        <v>400</v>
      </c>
      <c r="U5801" s="99"/>
      <c r="V5801" s="99"/>
      <c r="W5801" s="99"/>
      <c r="X5801" s="99"/>
      <c r="Y5801" s="99"/>
      <c r="Z5801" s="99"/>
      <c r="AA5801" s="99"/>
      <c r="AB5801" s="99"/>
      <c r="AC5801" s="99"/>
      <c r="AD5801" s="99"/>
      <c r="AE5801" s="99"/>
      <c r="AF5801" s="99"/>
      <c r="AG5801" s="99"/>
      <c r="AH5801" s="99"/>
      <c r="AI5801" s="99"/>
      <c r="AJ5801" s="99"/>
      <c r="AK5801" s="99"/>
      <c r="AL5801" s="99"/>
      <c r="AM5801" s="99"/>
      <c r="AN5801" s="99"/>
      <c r="AO5801" s="99"/>
      <c r="AP5801" s="99"/>
      <c r="AQ5801" s="99"/>
      <c r="AR5801" s="99"/>
      <c r="AS5801" s="99"/>
      <c r="AT5801" s="99"/>
      <c r="AU5801" s="99"/>
      <c r="AV5801" s="99"/>
      <c r="AW5801" s="99"/>
      <c r="AX5801" s="99"/>
      <c r="AY5801" s="99"/>
      <c r="AZ5801" s="99"/>
      <c r="BA5801" s="99"/>
      <c r="BB5801" s="107">
        <v>45884</v>
      </c>
    </row>
    <row r="5802" spans="1:54" s="8" customFormat="1" ht="13.95" customHeight="1" x14ac:dyDescent="0.25">
      <c r="A5802" s="219" t="s">
        <v>13501</v>
      </c>
      <c r="B5802" s="220" t="s">
        <v>13310</v>
      </c>
      <c r="C5802" s="98" t="s">
        <v>13502</v>
      </c>
      <c r="D5802" s="144" t="s">
        <v>13503</v>
      </c>
      <c r="E5802" s="141">
        <v>1996</v>
      </c>
      <c r="F5802" s="141">
        <v>521</v>
      </c>
      <c r="G5802" s="144" t="s">
        <v>1</v>
      </c>
      <c r="H5802" s="98">
        <v>0</v>
      </c>
      <c r="I5802" s="98">
        <v>0</v>
      </c>
      <c r="J5802" s="98">
        <v>0</v>
      </c>
      <c r="K5802" s="149" t="s">
        <v>400</v>
      </c>
      <c r="L5802" s="149" t="s">
        <v>400</v>
      </c>
      <c r="M5802" s="149" t="s">
        <v>400</v>
      </c>
      <c r="N5802" s="149" t="s">
        <v>400</v>
      </c>
      <c r="O5802" s="149" t="s">
        <v>400</v>
      </c>
      <c r="P5802" s="149" t="s">
        <v>400</v>
      </c>
      <c r="Q5802" s="149" t="s">
        <v>400</v>
      </c>
      <c r="R5802" s="149" t="s">
        <v>400</v>
      </c>
      <c r="S5802" s="149" t="s">
        <v>400</v>
      </c>
      <c r="T5802" s="149" t="s">
        <v>400</v>
      </c>
      <c r="U5802" s="99"/>
      <c r="V5802" s="99"/>
      <c r="W5802" s="99"/>
      <c r="X5802" s="99"/>
      <c r="Y5802" s="99"/>
      <c r="Z5802" s="99"/>
      <c r="AA5802" s="99"/>
      <c r="AB5802" s="99"/>
      <c r="AC5802" s="99"/>
      <c r="AD5802" s="99"/>
      <c r="AE5802" s="99"/>
      <c r="AF5802" s="99"/>
      <c r="AG5802" s="99"/>
      <c r="AH5802" s="99"/>
      <c r="AI5802" s="99"/>
      <c r="AJ5802" s="99"/>
      <c r="AK5802" s="99"/>
      <c r="AL5802" s="99"/>
      <c r="AM5802" s="99"/>
      <c r="AN5802" s="99"/>
      <c r="AO5802" s="99"/>
      <c r="AP5802" s="99"/>
      <c r="AQ5802" s="99"/>
      <c r="AR5802" s="99"/>
      <c r="AS5802" s="99"/>
      <c r="AT5802" s="99"/>
      <c r="AU5802" s="99"/>
      <c r="AV5802" s="99"/>
      <c r="AW5802" s="99"/>
      <c r="AX5802" s="99"/>
      <c r="AY5802" s="99"/>
      <c r="AZ5802" s="99"/>
      <c r="BA5802" s="99"/>
      <c r="BB5802" s="107">
        <v>45884</v>
      </c>
    </row>
    <row r="5803" spans="1:54" s="8" customFormat="1" ht="13.95" customHeight="1" x14ac:dyDescent="0.25">
      <c r="A5803" s="219" t="s">
        <v>13504</v>
      </c>
      <c r="B5803" s="220" t="s">
        <v>13310</v>
      </c>
      <c r="C5803" s="98" t="s">
        <v>13505</v>
      </c>
      <c r="D5803" s="144" t="s">
        <v>13506</v>
      </c>
      <c r="E5803" s="141">
        <v>2005</v>
      </c>
      <c r="F5803" s="141">
        <v>528</v>
      </c>
      <c r="G5803" s="144" t="s">
        <v>1</v>
      </c>
      <c r="H5803" s="98">
        <v>0</v>
      </c>
      <c r="I5803" s="98">
        <v>0</v>
      </c>
      <c r="J5803" s="98">
        <v>0</v>
      </c>
      <c r="K5803" s="149" t="s">
        <v>400</v>
      </c>
      <c r="L5803" s="149" t="s">
        <v>400</v>
      </c>
      <c r="M5803" s="149" t="s">
        <v>400</v>
      </c>
      <c r="N5803" s="149" t="s">
        <v>400</v>
      </c>
      <c r="O5803" s="149" t="s">
        <v>400</v>
      </c>
      <c r="P5803" s="149" t="s">
        <v>400</v>
      </c>
      <c r="Q5803" s="149" t="s">
        <v>400</v>
      </c>
      <c r="R5803" s="149" t="s">
        <v>400</v>
      </c>
      <c r="S5803" s="149" t="s">
        <v>400</v>
      </c>
      <c r="T5803" s="149" t="s">
        <v>400</v>
      </c>
      <c r="U5803" s="99"/>
      <c r="V5803" s="99"/>
      <c r="W5803" s="99"/>
      <c r="X5803" s="99"/>
      <c r="Y5803" s="99"/>
      <c r="Z5803" s="99"/>
      <c r="AA5803" s="99"/>
      <c r="AB5803" s="99"/>
      <c r="AC5803" s="99"/>
      <c r="AD5803" s="99"/>
      <c r="AE5803" s="99"/>
      <c r="AF5803" s="99"/>
      <c r="AG5803" s="99"/>
      <c r="AH5803" s="99"/>
      <c r="AI5803" s="99"/>
      <c r="AJ5803" s="99"/>
      <c r="AK5803" s="99"/>
      <c r="AL5803" s="99"/>
      <c r="AM5803" s="99"/>
      <c r="AN5803" s="99"/>
      <c r="AO5803" s="99"/>
      <c r="AP5803" s="99"/>
      <c r="AQ5803" s="99"/>
      <c r="AR5803" s="99"/>
      <c r="AS5803" s="99"/>
      <c r="AT5803" s="99"/>
      <c r="AU5803" s="99"/>
      <c r="AV5803" s="99"/>
      <c r="AW5803" s="99"/>
      <c r="AX5803" s="99"/>
      <c r="AY5803" s="99"/>
      <c r="AZ5803" s="99"/>
      <c r="BA5803" s="99"/>
      <c r="BB5803" s="107">
        <v>45884</v>
      </c>
    </row>
    <row r="5804" spans="1:54" s="8" customFormat="1" ht="13.95" customHeight="1" x14ac:dyDescent="0.25">
      <c r="A5804" s="219" t="s">
        <v>13507</v>
      </c>
      <c r="B5804" s="220" t="s">
        <v>13310</v>
      </c>
      <c r="C5804" s="98" t="s">
        <v>22239</v>
      </c>
      <c r="D5804" s="144" t="s">
        <v>13508</v>
      </c>
      <c r="E5804" s="141">
        <v>1982</v>
      </c>
      <c r="F5804" s="141">
        <v>663</v>
      </c>
      <c r="G5804" s="144" t="s">
        <v>1</v>
      </c>
      <c r="H5804" s="98">
        <v>0</v>
      </c>
      <c r="I5804" s="98">
        <v>0</v>
      </c>
      <c r="J5804" s="98">
        <v>1</v>
      </c>
      <c r="K5804" s="149" t="s">
        <v>400</v>
      </c>
      <c r="L5804" s="149" t="s">
        <v>400</v>
      </c>
      <c r="M5804" s="149" t="s">
        <v>400</v>
      </c>
      <c r="N5804" s="149" t="s">
        <v>400</v>
      </c>
      <c r="O5804" s="149" t="s">
        <v>400</v>
      </c>
      <c r="P5804" s="149" t="s">
        <v>400</v>
      </c>
      <c r="Q5804" s="149" t="s">
        <v>400</v>
      </c>
      <c r="R5804" s="149" t="s">
        <v>400</v>
      </c>
      <c r="S5804" s="149" t="s">
        <v>400</v>
      </c>
      <c r="T5804" s="149" t="s">
        <v>400</v>
      </c>
      <c r="U5804" s="99"/>
      <c r="V5804" s="99"/>
      <c r="W5804" s="99"/>
      <c r="X5804" s="99"/>
      <c r="Y5804" s="99"/>
      <c r="Z5804" s="99"/>
      <c r="AA5804" s="99"/>
      <c r="AB5804" s="99"/>
      <c r="AC5804" s="99"/>
      <c r="AD5804" s="99"/>
      <c r="AE5804" s="99"/>
      <c r="AF5804" s="99"/>
      <c r="AG5804" s="99"/>
      <c r="AH5804" s="99"/>
      <c r="AI5804" s="99"/>
      <c r="AJ5804" s="99"/>
      <c r="AK5804" s="99"/>
      <c r="AL5804" s="99"/>
      <c r="AM5804" s="99"/>
      <c r="AN5804" s="99"/>
      <c r="AO5804" s="99"/>
      <c r="AP5804" s="99"/>
      <c r="AQ5804" s="99"/>
      <c r="AR5804" s="99"/>
      <c r="AS5804" s="99"/>
      <c r="AT5804" s="99"/>
      <c r="AU5804" s="99"/>
      <c r="AV5804" s="99"/>
      <c r="AW5804" s="99"/>
      <c r="AX5804" s="99"/>
      <c r="AY5804" s="99"/>
      <c r="AZ5804" s="99"/>
      <c r="BA5804" s="99"/>
      <c r="BB5804" s="107">
        <v>45884</v>
      </c>
    </row>
    <row r="5805" spans="1:54" s="8" customFormat="1" ht="13.95" customHeight="1" x14ac:dyDescent="0.25">
      <c r="A5805" s="219" t="s">
        <v>13509</v>
      </c>
      <c r="B5805" s="220" t="s">
        <v>13310</v>
      </c>
      <c r="C5805" s="98" t="s">
        <v>13510</v>
      </c>
      <c r="D5805" s="144" t="s">
        <v>13511</v>
      </c>
      <c r="E5805" s="141">
        <v>1982</v>
      </c>
      <c r="F5805" s="141">
        <v>550</v>
      </c>
      <c r="G5805" s="144" t="s">
        <v>1</v>
      </c>
      <c r="H5805" s="98">
        <v>0</v>
      </c>
      <c r="I5805" s="98">
        <v>0</v>
      </c>
      <c r="J5805" s="98">
        <v>1</v>
      </c>
      <c r="K5805" s="149" t="s">
        <v>400</v>
      </c>
      <c r="L5805" s="149" t="s">
        <v>400</v>
      </c>
      <c r="M5805" s="149" t="s">
        <v>400</v>
      </c>
      <c r="N5805" s="149" t="s">
        <v>400</v>
      </c>
      <c r="O5805" s="149" t="s">
        <v>400</v>
      </c>
      <c r="P5805" s="149" t="s">
        <v>400</v>
      </c>
      <c r="Q5805" s="149" t="s">
        <v>400</v>
      </c>
      <c r="R5805" s="149" t="s">
        <v>400</v>
      </c>
      <c r="S5805" s="149" t="s">
        <v>400</v>
      </c>
      <c r="T5805" s="149" t="s">
        <v>400</v>
      </c>
      <c r="U5805" s="99"/>
      <c r="V5805" s="99"/>
      <c r="W5805" s="99"/>
      <c r="X5805" s="99"/>
      <c r="Y5805" s="99"/>
      <c r="Z5805" s="99"/>
      <c r="AA5805" s="99"/>
      <c r="AB5805" s="99"/>
      <c r="AC5805" s="99"/>
      <c r="AD5805" s="99"/>
      <c r="AE5805" s="99"/>
      <c r="AF5805" s="99"/>
      <c r="AG5805" s="99"/>
      <c r="AH5805" s="99"/>
      <c r="AI5805" s="99"/>
      <c r="AJ5805" s="99"/>
      <c r="AK5805" s="99"/>
      <c r="AL5805" s="99"/>
      <c r="AM5805" s="99"/>
      <c r="AN5805" s="99"/>
      <c r="AO5805" s="99"/>
      <c r="AP5805" s="99"/>
      <c r="AQ5805" s="99"/>
      <c r="AR5805" s="99"/>
      <c r="AS5805" s="99"/>
      <c r="AT5805" s="99"/>
      <c r="AU5805" s="99"/>
      <c r="AV5805" s="99"/>
      <c r="AW5805" s="99"/>
      <c r="AX5805" s="99"/>
      <c r="AY5805" s="99"/>
      <c r="AZ5805" s="99"/>
      <c r="BA5805" s="99"/>
      <c r="BB5805" s="107">
        <v>45884</v>
      </c>
    </row>
    <row r="5806" spans="1:54" s="8" customFormat="1" ht="13.95" customHeight="1" x14ac:dyDescent="0.25">
      <c r="A5806" s="219" t="s">
        <v>13512</v>
      </c>
      <c r="B5806" s="220" t="s">
        <v>13310</v>
      </c>
      <c r="C5806" s="98" t="s">
        <v>13513</v>
      </c>
      <c r="D5806" s="144" t="s">
        <v>13514</v>
      </c>
      <c r="E5806" s="141">
        <v>1991</v>
      </c>
      <c r="F5806" s="141">
        <v>576</v>
      </c>
      <c r="G5806" s="144" t="s">
        <v>1</v>
      </c>
      <c r="H5806" s="98">
        <v>0</v>
      </c>
      <c r="I5806" s="98">
        <v>0</v>
      </c>
      <c r="J5806" s="98">
        <v>1</v>
      </c>
      <c r="K5806" s="149" t="s">
        <v>400</v>
      </c>
      <c r="L5806" s="149" t="s">
        <v>400</v>
      </c>
      <c r="M5806" s="149" t="s">
        <v>400</v>
      </c>
      <c r="N5806" s="149" t="s">
        <v>400</v>
      </c>
      <c r="O5806" s="149" t="s">
        <v>400</v>
      </c>
      <c r="P5806" s="149" t="s">
        <v>400</v>
      </c>
      <c r="Q5806" s="149" t="s">
        <v>400</v>
      </c>
      <c r="R5806" s="149" t="s">
        <v>400</v>
      </c>
      <c r="S5806" s="149" t="s">
        <v>400</v>
      </c>
      <c r="T5806" s="149" t="s">
        <v>400</v>
      </c>
      <c r="U5806" s="99"/>
      <c r="V5806" s="99"/>
      <c r="W5806" s="99"/>
      <c r="X5806" s="99"/>
      <c r="Y5806" s="99"/>
      <c r="Z5806" s="99"/>
      <c r="AA5806" s="99"/>
      <c r="AB5806" s="99"/>
      <c r="AC5806" s="99"/>
      <c r="AD5806" s="99"/>
      <c r="AE5806" s="99"/>
      <c r="AF5806" s="99"/>
      <c r="AG5806" s="99"/>
      <c r="AH5806" s="99"/>
      <c r="AI5806" s="99"/>
      <c r="AJ5806" s="99"/>
      <c r="AK5806" s="99"/>
      <c r="AL5806" s="99"/>
      <c r="AM5806" s="99"/>
      <c r="AN5806" s="99"/>
      <c r="AO5806" s="99"/>
      <c r="AP5806" s="99"/>
      <c r="AQ5806" s="99"/>
      <c r="AR5806" s="99"/>
      <c r="AS5806" s="99"/>
      <c r="AT5806" s="99"/>
      <c r="AU5806" s="99"/>
      <c r="AV5806" s="99"/>
      <c r="AW5806" s="99"/>
      <c r="AX5806" s="99"/>
      <c r="AY5806" s="99"/>
      <c r="AZ5806" s="99"/>
      <c r="BA5806" s="99"/>
      <c r="BB5806" s="107">
        <v>45884</v>
      </c>
    </row>
    <row r="5807" spans="1:54" s="8" customFormat="1" ht="13.95" customHeight="1" x14ac:dyDescent="0.25">
      <c r="A5807" s="219" t="s">
        <v>13515</v>
      </c>
      <c r="B5807" s="220" t="s">
        <v>13310</v>
      </c>
      <c r="C5807" s="98" t="s">
        <v>13516</v>
      </c>
      <c r="D5807" s="144" t="s">
        <v>13517</v>
      </c>
      <c r="E5807" s="141">
        <v>1976</v>
      </c>
      <c r="F5807" s="141">
        <v>587</v>
      </c>
      <c r="G5807" s="144" t="s">
        <v>1</v>
      </c>
      <c r="H5807" s="98">
        <v>0</v>
      </c>
      <c r="I5807" s="98">
        <v>0</v>
      </c>
      <c r="J5807" s="98">
        <v>1</v>
      </c>
      <c r="K5807" s="149" t="s">
        <v>400</v>
      </c>
      <c r="L5807" s="149" t="s">
        <v>400</v>
      </c>
      <c r="M5807" s="149" t="s">
        <v>400</v>
      </c>
      <c r="N5807" s="149" t="s">
        <v>400</v>
      </c>
      <c r="O5807" s="149" t="s">
        <v>400</v>
      </c>
      <c r="P5807" s="149" t="s">
        <v>400</v>
      </c>
      <c r="Q5807" s="149" t="s">
        <v>400</v>
      </c>
      <c r="R5807" s="149" t="s">
        <v>400</v>
      </c>
      <c r="S5807" s="149" t="s">
        <v>400</v>
      </c>
      <c r="T5807" s="149" t="s">
        <v>400</v>
      </c>
      <c r="U5807" s="99"/>
      <c r="V5807" s="99"/>
      <c r="W5807" s="99"/>
      <c r="X5807" s="99"/>
      <c r="Y5807" s="99"/>
      <c r="Z5807" s="99"/>
      <c r="AA5807" s="99"/>
      <c r="AB5807" s="99"/>
      <c r="AC5807" s="99"/>
      <c r="AD5807" s="99"/>
      <c r="AE5807" s="99"/>
      <c r="AF5807" s="99"/>
      <c r="AG5807" s="99"/>
      <c r="AH5807" s="99"/>
      <c r="AI5807" s="99"/>
      <c r="AJ5807" s="99"/>
      <c r="AK5807" s="99"/>
      <c r="AL5807" s="99"/>
      <c r="AM5807" s="99"/>
      <c r="AN5807" s="99"/>
      <c r="AO5807" s="99"/>
      <c r="AP5807" s="99"/>
      <c r="AQ5807" s="99"/>
      <c r="AR5807" s="99"/>
      <c r="AS5807" s="99"/>
      <c r="AT5807" s="99"/>
      <c r="AU5807" s="99"/>
      <c r="AV5807" s="99"/>
      <c r="AW5807" s="99"/>
      <c r="AX5807" s="99"/>
      <c r="AY5807" s="99"/>
      <c r="AZ5807" s="99"/>
      <c r="BA5807" s="99"/>
      <c r="BB5807" s="107">
        <v>45884</v>
      </c>
    </row>
    <row r="5808" spans="1:54" s="8" customFormat="1" ht="13.95" customHeight="1" x14ac:dyDescent="0.25">
      <c r="A5808" s="219" t="s">
        <v>13518</v>
      </c>
      <c r="B5808" s="220" t="s">
        <v>13310</v>
      </c>
      <c r="C5808" s="98" t="s">
        <v>13519</v>
      </c>
      <c r="D5808" s="144" t="s">
        <v>13520</v>
      </c>
      <c r="E5808" s="141">
        <v>1977</v>
      </c>
      <c r="F5808" s="141">
        <v>622</v>
      </c>
      <c r="G5808" s="144" t="s">
        <v>1</v>
      </c>
      <c r="H5808" s="98">
        <v>0</v>
      </c>
      <c r="I5808" s="98">
        <v>0</v>
      </c>
      <c r="J5808" s="98">
        <v>1</v>
      </c>
      <c r="K5808" s="149" t="s">
        <v>400</v>
      </c>
      <c r="L5808" s="149" t="s">
        <v>400</v>
      </c>
      <c r="M5808" s="149" t="s">
        <v>400</v>
      </c>
      <c r="N5808" s="149" t="s">
        <v>400</v>
      </c>
      <c r="O5808" s="149" t="s">
        <v>400</v>
      </c>
      <c r="P5808" s="149" t="s">
        <v>400</v>
      </c>
      <c r="Q5808" s="149" t="s">
        <v>400</v>
      </c>
      <c r="R5808" s="149" t="s">
        <v>400</v>
      </c>
      <c r="S5808" s="149" t="s">
        <v>400</v>
      </c>
      <c r="T5808" s="149" t="s">
        <v>400</v>
      </c>
      <c r="U5808" s="99"/>
      <c r="V5808" s="99"/>
      <c r="W5808" s="99"/>
      <c r="X5808" s="99"/>
      <c r="Y5808" s="99"/>
      <c r="Z5808" s="99"/>
      <c r="AA5808" s="99"/>
      <c r="AB5808" s="99"/>
      <c r="AC5808" s="99"/>
      <c r="AD5808" s="99"/>
      <c r="AE5808" s="99"/>
      <c r="AF5808" s="99"/>
      <c r="AG5808" s="99"/>
      <c r="AH5808" s="99"/>
      <c r="AI5808" s="99"/>
      <c r="AJ5808" s="99"/>
      <c r="AK5808" s="99"/>
      <c r="AL5808" s="99"/>
      <c r="AM5808" s="99"/>
      <c r="AN5808" s="99"/>
      <c r="AO5808" s="99"/>
      <c r="AP5808" s="99"/>
      <c r="AQ5808" s="99"/>
      <c r="AR5808" s="99"/>
      <c r="AS5808" s="99"/>
      <c r="AT5808" s="99"/>
      <c r="AU5808" s="99"/>
      <c r="AV5808" s="99"/>
      <c r="AW5808" s="99"/>
      <c r="AX5808" s="99"/>
      <c r="AY5808" s="99"/>
      <c r="AZ5808" s="99"/>
      <c r="BA5808" s="99"/>
      <c r="BB5808" s="107">
        <v>45884</v>
      </c>
    </row>
    <row r="5809" spans="1:54" s="8" customFormat="1" ht="13.95" customHeight="1" x14ac:dyDescent="0.25">
      <c r="A5809" s="219" t="s">
        <v>13521</v>
      </c>
      <c r="B5809" s="220" t="s">
        <v>13310</v>
      </c>
      <c r="C5809" s="98" t="s">
        <v>13522</v>
      </c>
      <c r="D5809" s="144" t="s">
        <v>13523</v>
      </c>
      <c r="E5809" s="141">
        <v>1956</v>
      </c>
      <c r="F5809" s="141">
        <v>652</v>
      </c>
      <c r="G5809" s="144" t="s">
        <v>1</v>
      </c>
      <c r="H5809" s="98">
        <v>0</v>
      </c>
      <c r="I5809" s="98">
        <v>0</v>
      </c>
      <c r="J5809" s="98">
        <v>0</v>
      </c>
      <c r="K5809" s="149" t="s">
        <v>400</v>
      </c>
      <c r="L5809" s="149" t="s">
        <v>400</v>
      </c>
      <c r="M5809" s="149" t="s">
        <v>400</v>
      </c>
      <c r="N5809" s="149" t="s">
        <v>400</v>
      </c>
      <c r="O5809" s="149" t="s">
        <v>400</v>
      </c>
      <c r="P5809" s="149" t="s">
        <v>400</v>
      </c>
      <c r="Q5809" s="149" t="s">
        <v>400</v>
      </c>
      <c r="R5809" s="149" t="s">
        <v>400</v>
      </c>
      <c r="S5809" s="149" t="s">
        <v>400</v>
      </c>
      <c r="T5809" s="149" t="s">
        <v>400</v>
      </c>
      <c r="U5809" s="99"/>
      <c r="V5809" s="99"/>
      <c r="W5809" s="99"/>
      <c r="X5809" s="99"/>
      <c r="Y5809" s="99"/>
      <c r="Z5809" s="99"/>
      <c r="AA5809" s="99"/>
      <c r="AB5809" s="99"/>
      <c r="AC5809" s="99"/>
      <c r="AD5809" s="99"/>
      <c r="AE5809" s="99"/>
      <c r="AF5809" s="99"/>
      <c r="AG5809" s="99"/>
      <c r="AH5809" s="99"/>
      <c r="AI5809" s="99"/>
      <c r="AJ5809" s="99"/>
      <c r="AK5809" s="99"/>
      <c r="AL5809" s="99"/>
      <c r="AM5809" s="99"/>
      <c r="AN5809" s="99"/>
      <c r="AO5809" s="99"/>
      <c r="AP5809" s="99"/>
      <c r="AQ5809" s="99"/>
      <c r="AR5809" s="99"/>
      <c r="AS5809" s="99"/>
      <c r="AT5809" s="99"/>
      <c r="AU5809" s="99"/>
      <c r="AV5809" s="99"/>
      <c r="AW5809" s="99"/>
      <c r="AX5809" s="99"/>
      <c r="AY5809" s="99"/>
      <c r="AZ5809" s="99"/>
      <c r="BA5809" s="99"/>
      <c r="BB5809" s="107">
        <v>45884</v>
      </c>
    </row>
    <row r="5810" spans="1:54" s="8" customFormat="1" ht="13.95" customHeight="1" x14ac:dyDescent="0.25">
      <c r="A5810" s="219" t="s">
        <v>13524</v>
      </c>
      <c r="B5810" s="220" t="s">
        <v>13310</v>
      </c>
      <c r="C5810" s="98" t="s">
        <v>22240</v>
      </c>
      <c r="D5810" s="144" t="s">
        <v>13525</v>
      </c>
      <c r="E5810" s="141">
        <v>1998</v>
      </c>
      <c r="F5810" s="141">
        <v>532</v>
      </c>
      <c r="G5810" s="144" t="s">
        <v>1</v>
      </c>
      <c r="H5810" s="98">
        <v>0</v>
      </c>
      <c r="I5810" s="98">
        <v>0</v>
      </c>
      <c r="J5810" s="98">
        <v>1</v>
      </c>
      <c r="K5810" s="149" t="s">
        <v>400</v>
      </c>
      <c r="L5810" s="149" t="s">
        <v>400</v>
      </c>
      <c r="M5810" s="149" t="s">
        <v>400</v>
      </c>
      <c r="N5810" s="149" t="s">
        <v>400</v>
      </c>
      <c r="O5810" s="149" t="s">
        <v>400</v>
      </c>
      <c r="P5810" s="149" t="s">
        <v>400</v>
      </c>
      <c r="Q5810" s="149" t="s">
        <v>400</v>
      </c>
      <c r="R5810" s="149" t="s">
        <v>400</v>
      </c>
      <c r="S5810" s="149" t="s">
        <v>400</v>
      </c>
      <c r="T5810" s="149" t="s">
        <v>400</v>
      </c>
      <c r="U5810" s="99"/>
      <c r="V5810" s="99"/>
      <c r="W5810" s="99"/>
      <c r="X5810" s="99"/>
      <c r="Y5810" s="99"/>
      <c r="Z5810" s="99"/>
      <c r="AA5810" s="99"/>
      <c r="AB5810" s="99"/>
      <c r="AC5810" s="99"/>
      <c r="AD5810" s="99"/>
      <c r="AE5810" s="99"/>
      <c r="AF5810" s="99"/>
      <c r="AG5810" s="99"/>
      <c r="AH5810" s="99"/>
      <c r="AI5810" s="99"/>
      <c r="AJ5810" s="99"/>
      <c r="AK5810" s="99"/>
      <c r="AL5810" s="99"/>
      <c r="AM5810" s="99"/>
      <c r="AN5810" s="99"/>
      <c r="AO5810" s="99"/>
      <c r="AP5810" s="99"/>
      <c r="AQ5810" s="99"/>
      <c r="AR5810" s="99"/>
      <c r="AS5810" s="99"/>
      <c r="AT5810" s="99"/>
      <c r="AU5810" s="99"/>
      <c r="AV5810" s="99"/>
      <c r="AW5810" s="99"/>
      <c r="AX5810" s="99"/>
      <c r="AY5810" s="99"/>
      <c r="AZ5810" s="99"/>
      <c r="BA5810" s="99"/>
      <c r="BB5810" s="107">
        <v>45884</v>
      </c>
    </row>
    <row r="5811" spans="1:54" s="8" customFormat="1" ht="13.95" customHeight="1" x14ac:dyDescent="0.25">
      <c r="A5811" s="219" t="s">
        <v>13526</v>
      </c>
      <c r="B5811" s="220" t="s">
        <v>13310</v>
      </c>
      <c r="C5811" s="98" t="s">
        <v>22241</v>
      </c>
      <c r="D5811" s="144" t="s">
        <v>13527</v>
      </c>
      <c r="E5811" s="141">
        <v>1992</v>
      </c>
      <c r="F5811" s="141">
        <v>667</v>
      </c>
      <c r="G5811" s="144" t="s">
        <v>1</v>
      </c>
      <c r="H5811" s="98">
        <v>0</v>
      </c>
      <c r="I5811" s="98">
        <v>0</v>
      </c>
      <c r="J5811" s="98">
        <v>1</v>
      </c>
      <c r="K5811" s="149" t="s">
        <v>400</v>
      </c>
      <c r="L5811" s="149" t="s">
        <v>400</v>
      </c>
      <c r="M5811" s="149" t="s">
        <v>400</v>
      </c>
      <c r="N5811" s="149" t="s">
        <v>400</v>
      </c>
      <c r="O5811" s="149" t="s">
        <v>400</v>
      </c>
      <c r="P5811" s="149" t="s">
        <v>400</v>
      </c>
      <c r="Q5811" s="149" t="s">
        <v>400</v>
      </c>
      <c r="R5811" s="149" t="s">
        <v>400</v>
      </c>
      <c r="S5811" s="149" t="s">
        <v>400</v>
      </c>
      <c r="T5811" s="149" t="s">
        <v>400</v>
      </c>
      <c r="U5811" s="99"/>
      <c r="V5811" s="99"/>
      <c r="W5811" s="99"/>
      <c r="X5811" s="99"/>
      <c r="Y5811" s="99"/>
      <c r="Z5811" s="99"/>
      <c r="AA5811" s="99"/>
      <c r="AB5811" s="99"/>
      <c r="AC5811" s="99"/>
      <c r="AD5811" s="99"/>
      <c r="AE5811" s="99"/>
      <c r="AF5811" s="99"/>
      <c r="AG5811" s="99"/>
      <c r="AH5811" s="99"/>
      <c r="AI5811" s="99"/>
      <c r="AJ5811" s="99"/>
      <c r="AK5811" s="99"/>
      <c r="AL5811" s="99"/>
      <c r="AM5811" s="99"/>
      <c r="AN5811" s="99"/>
      <c r="AO5811" s="99"/>
      <c r="AP5811" s="99"/>
      <c r="AQ5811" s="99"/>
      <c r="AR5811" s="99"/>
      <c r="AS5811" s="99"/>
      <c r="AT5811" s="99"/>
      <c r="AU5811" s="99"/>
      <c r="AV5811" s="99"/>
      <c r="AW5811" s="99"/>
      <c r="AX5811" s="99"/>
      <c r="AY5811" s="99"/>
      <c r="AZ5811" s="99"/>
      <c r="BA5811" s="99"/>
      <c r="BB5811" s="107">
        <v>45884</v>
      </c>
    </row>
    <row r="5812" spans="1:54" s="8" customFormat="1" ht="13.95" customHeight="1" x14ac:dyDescent="0.25">
      <c r="A5812" s="219" t="s">
        <v>13528</v>
      </c>
      <c r="B5812" s="220" t="s">
        <v>13310</v>
      </c>
      <c r="C5812" s="98" t="s">
        <v>13529</v>
      </c>
      <c r="D5812" s="144" t="s">
        <v>13530</v>
      </c>
      <c r="E5812" s="141">
        <v>1981</v>
      </c>
      <c r="F5812" s="141">
        <v>675</v>
      </c>
      <c r="G5812" s="144" t="s">
        <v>1</v>
      </c>
      <c r="H5812" s="98">
        <v>0</v>
      </c>
      <c r="I5812" s="98">
        <v>0</v>
      </c>
      <c r="J5812" s="98">
        <v>1</v>
      </c>
      <c r="K5812" s="149" t="s">
        <v>400</v>
      </c>
      <c r="L5812" s="149" t="s">
        <v>400</v>
      </c>
      <c r="M5812" s="149" t="s">
        <v>400</v>
      </c>
      <c r="N5812" s="149" t="s">
        <v>400</v>
      </c>
      <c r="O5812" s="149" t="s">
        <v>400</v>
      </c>
      <c r="P5812" s="149" t="s">
        <v>400</v>
      </c>
      <c r="Q5812" s="149" t="s">
        <v>400</v>
      </c>
      <c r="R5812" s="149" t="s">
        <v>400</v>
      </c>
      <c r="S5812" s="149" t="s">
        <v>400</v>
      </c>
      <c r="T5812" s="149" t="s">
        <v>400</v>
      </c>
      <c r="U5812" s="99"/>
      <c r="V5812" s="99"/>
      <c r="W5812" s="99"/>
      <c r="X5812" s="99"/>
      <c r="Y5812" s="99"/>
      <c r="Z5812" s="99"/>
      <c r="AA5812" s="99"/>
      <c r="AB5812" s="99"/>
      <c r="AC5812" s="99"/>
      <c r="AD5812" s="99"/>
      <c r="AE5812" s="99"/>
      <c r="AF5812" s="99"/>
      <c r="AG5812" s="99"/>
      <c r="AH5812" s="99"/>
      <c r="AI5812" s="99"/>
      <c r="AJ5812" s="99"/>
      <c r="AK5812" s="99"/>
      <c r="AL5812" s="99"/>
      <c r="AM5812" s="99"/>
      <c r="AN5812" s="99"/>
      <c r="AO5812" s="99"/>
      <c r="AP5812" s="99"/>
      <c r="AQ5812" s="99"/>
      <c r="AR5812" s="99"/>
      <c r="AS5812" s="99"/>
      <c r="AT5812" s="99"/>
      <c r="AU5812" s="99"/>
      <c r="AV5812" s="99"/>
      <c r="AW5812" s="99"/>
      <c r="AX5812" s="99"/>
      <c r="AY5812" s="99"/>
      <c r="AZ5812" s="99"/>
      <c r="BA5812" s="99"/>
      <c r="BB5812" s="107">
        <v>45884</v>
      </c>
    </row>
    <row r="5813" spans="1:54" s="8" customFormat="1" ht="13.95" customHeight="1" x14ac:dyDescent="0.25">
      <c r="A5813" s="219" t="s">
        <v>13531</v>
      </c>
      <c r="B5813" s="220" t="s">
        <v>13310</v>
      </c>
      <c r="C5813" s="98" t="s">
        <v>13532</v>
      </c>
      <c r="D5813" s="144" t="s">
        <v>13533</v>
      </c>
      <c r="E5813" s="141">
        <v>1983</v>
      </c>
      <c r="F5813" s="141">
        <v>675</v>
      </c>
      <c r="G5813" s="144" t="s">
        <v>1</v>
      </c>
      <c r="H5813" s="98">
        <v>0</v>
      </c>
      <c r="I5813" s="98">
        <v>0</v>
      </c>
      <c r="J5813" s="98">
        <v>1</v>
      </c>
      <c r="K5813" s="149" t="s">
        <v>400</v>
      </c>
      <c r="L5813" s="149" t="s">
        <v>400</v>
      </c>
      <c r="M5813" s="149" t="s">
        <v>400</v>
      </c>
      <c r="N5813" s="149" t="s">
        <v>400</v>
      </c>
      <c r="O5813" s="149" t="s">
        <v>400</v>
      </c>
      <c r="P5813" s="149" t="s">
        <v>400</v>
      </c>
      <c r="Q5813" s="149" t="s">
        <v>400</v>
      </c>
      <c r="R5813" s="149" t="s">
        <v>400</v>
      </c>
      <c r="S5813" s="149" t="s">
        <v>400</v>
      </c>
      <c r="T5813" s="149" t="s">
        <v>400</v>
      </c>
      <c r="U5813" s="99"/>
      <c r="V5813" s="99"/>
      <c r="W5813" s="99"/>
      <c r="X5813" s="99"/>
      <c r="Y5813" s="99"/>
      <c r="Z5813" s="99"/>
      <c r="AA5813" s="99"/>
      <c r="AB5813" s="99"/>
      <c r="AC5813" s="99"/>
      <c r="AD5813" s="99"/>
      <c r="AE5813" s="99"/>
      <c r="AF5813" s="99"/>
      <c r="AG5813" s="99"/>
      <c r="AH5813" s="99"/>
      <c r="AI5813" s="99"/>
      <c r="AJ5813" s="99"/>
      <c r="AK5813" s="99"/>
      <c r="AL5813" s="99"/>
      <c r="AM5813" s="99"/>
      <c r="AN5813" s="99"/>
      <c r="AO5813" s="99"/>
      <c r="AP5813" s="99"/>
      <c r="AQ5813" s="99"/>
      <c r="AR5813" s="99"/>
      <c r="AS5813" s="99"/>
      <c r="AT5813" s="99"/>
      <c r="AU5813" s="99"/>
      <c r="AV5813" s="99"/>
      <c r="AW5813" s="99"/>
      <c r="AX5813" s="99"/>
      <c r="AY5813" s="99"/>
      <c r="AZ5813" s="99"/>
      <c r="BA5813" s="99"/>
      <c r="BB5813" s="107">
        <v>45884</v>
      </c>
    </row>
    <row r="5814" spans="1:54" s="8" customFormat="1" ht="13.95" customHeight="1" x14ac:dyDescent="0.25">
      <c r="A5814" s="219" t="s">
        <v>13534</v>
      </c>
      <c r="B5814" s="220" t="s">
        <v>13310</v>
      </c>
      <c r="C5814" s="98" t="s">
        <v>13535</v>
      </c>
      <c r="D5814" s="144" t="s">
        <v>13536</v>
      </c>
      <c r="E5814" s="141">
        <v>1973</v>
      </c>
      <c r="F5814" s="141">
        <v>746</v>
      </c>
      <c r="G5814" s="144" t="s">
        <v>1</v>
      </c>
      <c r="H5814" s="98">
        <v>0</v>
      </c>
      <c r="I5814" s="98">
        <v>0</v>
      </c>
      <c r="J5814" s="98">
        <v>1</v>
      </c>
      <c r="K5814" s="149" t="s">
        <v>400</v>
      </c>
      <c r="L5814" s="149" t="s">
        <v>400</v>
      </c>
      <c r="M5814" s="149" t="s">
        <v>400</v>
      </c>
      <c r="N5814" s="149" t="s">
        <v>400</v>
      </c>
      <c r="O5814" s="149" t="s">
        <v>400</v>
      </c>
      <c r="P5814" s="149" t="s">
        <v>400</v>
      </c>
      <c r="Q5814" s="149" t="s">
        <v>400</v>
      </c>
      <c r="R5814" s="149" t="s">
        <v>400</v>
      </c>
      <c r="S5814" s="149" t="s">
        <v>400</v>
      </c>
      <c r="T5814" s="149" t="s">
        <v>400</v>
      </c>
      <c r="U5814" s="99"/>
      <c r="V5814" s="99"/>
      <c r="W5814" s="99"/>
      <c r="X5814" s="99"/>
      <c r="Y5814" s="99"/>
      <c r="Z5814" s="99"/>
      <c r="AA5814" s="99"/>
      <c r="AB5814" s="99"/>
      <c r="AC5814" s="99"/>
      <c r="AD5814" s="99"/>
      <c r="AE5814" s="99"/>
      <c r="AF5814" s="99"/>
      <c r="AG5814" s="99"/>
      <c r="AH5814" s="99"/>
      <c r="AI5814" s="99"/>
      <c r="AJ5814" s="99"/>
      <c r="AK5814" s="99"/>
      <c r="AL5814" s="99"/>
      <c r="AM5814" s="99"/>
      <c r="AN5814" s="99"/>
      <c r="AO5814" s="99"/>
      <c r="AP5814" s="99"/>
      <c r="AQ5814" s="99"/>
      <c r="AR5814" s="99"/>
      <c r="AS5814" s="99"/>
      <c r="AT5814" s="99"/>
      <c r="AU5814" s="99"/>
      <c r="AV5814" s="99"/>
      <c r="AW5814" s="99"/>
      <c r="AX5814" s="99"/>
      <c r="AY5814" s="99"/>
      <c r="AZ5814" s="99"/>
      <c r="BA5814" s="99"/>
      <c r="BB5814" s="107">
        <v>45884</v>
      </c>
    </row>
    <row r="5815" spans="1:54" s="8" customFormat="1" ht="13.95" customHeight="1" x14ac:dyDescent="0.25">
      <c r="A5815" s="219" t="s">
        <v>13537</v>
      </c>
      <c r="B5815" s="220" t="s">
        <v>13310</v>
      </c>
      <c r="C5815" s="98" t="s">
        <v>13538</v>
      </c>
      <c r="D5815" s="144" t="s">
        <v>13539</v>
      </c>
      <c r="E5815" s="141">
        <v>1986</v>
      </c>
      <c r="F5815" s="141">
        <v>750</v>
      </c>
      <c r="G5815" s="144" t="s">
        <v>1</v>
      </c>
      <c r="H5815" s="98">
        <v>0</v>
      </c>
      <c r="I5815" s="98">
        <v>0</v>
      </c>
      <c r="J5815" s="98">
        <v>1</v>
      </c>
      <c r="K5815" s="149" t="s">
        <v>400</v>
      </c>
      <c r="L5815" s="149" t="s">
        <v>400</v>
      </c>
      <c r="M5815" s="149" t="s">
        <v>400</v>
      </c>
      <c r="N5815" s="149" t="s">
        <v>400</v>
      </c>
      <c r="O5815" s="149" t="s">
        <v>400</v>
      </c>
      <c r="P5815" s="149" t="s">
        <v>400</v>
      </c>
      <c r="Q5815" s="149" t="s">
        <v>400</v>
      </c>
      <c r="R5815" s="149" t="s">
        <v>400</v>
      </c>
      <c r="S5815" s="149" t="s">
        <v>400</v>
      </c>
      <c r="T5815" s="149" t="s">
        <v>400</v>
      </c>
      <c r="U5815" s="99"/>
      <c r="V5815" s="99"/>
      <c r="W5815" s="99"/>
      <c r="X5815" s="99"/>
      <c r="Y5815" s="99"/>
      <c r="Z5815" s="99"/>
      <c r="AA5815" s="99"/>
      <c r="AB5815" s="99"/>
      <c r="AC5815" s="99"/>
      <c r="AD5815" s="99"/>
      <c r="AE5815" s="99"/>
      <c r="AF5815" s="99"/>
      <c r="AG5815" s="99"/>
      <c r="AH5815" s="99"/>
      <c r="AI5815" s="99"/>
      <c r="AJ5815" s="99"/>
      <c r="AK5815" s="99"/>
      <c r="AL5815" s="99"/>
      <c r="AM5815" s="99"/>
      <c r="AN5815" s="99"/>
      <c r="AO5815" s="99"/>
      <c r="AP5815" s="99"/>
      <c r="AQ5815" s="99"/>
      <c r="AR5815" s="99"/>
      <c r="AS5815" s="99"/>
      <c r="AT5815" s="99"/>
      <c r="AU5815" s="99"/>
      <c r="AV5815" s="99"/>
      <c r="AW5815" s="99"/>
      <c r="AX5815" s="99"/>
      <c r="AY5815" s="99"/>
      <c r="AZ5815" s="99"/>
      <c r="BA5815" s="99"/>
      <c r="BB5815" s="107">
        <v>45884</v>
      </c>
    </row>
    <row r="5816" spans="1:54" s="8" customFormat="1" ht="13.95" customHeight="1" x14ac:dyDescent="0.25">
      <c r="A5816" s="219" t="s">
        <v>13540</v>
      </c>
      <c r="B5816" s="220" t="s">
        <v>13310</v>
      </c>
      <c r="C5816" s="98" t="s">
        <v>13541</v>
      </c>
      <c r="D5816" s="144" t="s">
        <v>13542</v>
      </c>
      <c r="E5816" s="141">
        <v>1976</v>
      </c>
      <c r="F5816" s="141">
        <v>750</v>
      </c>
      <c r="G5816" s="144" t="s">
        <v>1</v>
      </c>
      <c r="H5816" s="98">
        <v>0</v>
      </c>
      <c r="I5816" s="98">
        <v>0</v>
      </c>
      <c r="J5816" s="98">
        <v>1</v>
      </c>
      <c r="K5816" s="149" t="s">
        <v>400</v>
      </c>
      <c r="L5816" s="149" t="s">
        <v>400</v>
      </c>
      <c r="M5816" s="149" t="s">
        <v>400</v>
      </c>
      <c r="N5816" s="149" t="s">
        <v>400</v>
      </c>
      <c r="O5816" s="149" t="s">
        <v>400</v>
      </c>
      <c r="P5816" s="149" t="s">
        <v>400</v>
      </c>
      <c r="Q5816" s="149" t="s">
        <v>400</v>
      </c>
      <c r="R5816" s="149" t="s">
        <v>400</v>
      </c>
      <c r="S5816" s="149" t="s">
        <v>400</v>
      </c>
      <c r="T5816" s="149" t="s">
        <v>400</v>
      </c>
      <c r="U5816" s="99"/>
      <c r="V5816" s="99"/>
      <c r="W5816" s="99"/>
      <c r="X5816" s="99"/>
      <c r="Y5816" s="99"/>
      <c r="Z5816" s="99"/>
      <c r="AA5816" s="99"/>
      <c r="AB5816" s="99"/>
      <c r="AC5816" s="99"/>
      <c r="AD5816" s="99"/>
      <c r="AE5816" s="99"/>
      <c r="AF5816" s="99"/>
      <c r="AG5816" s="99"/>
      <c r="AH5816" s="99"/>
      <c r="AI5816" s="99"/>
      <c r="AJ5816" s="99"/>
      <c r="AK5816" s="99"/>
      <c r="AL5816" s="99"/>
      <c r="AM5816" s="99"/>
      <c r="AN5816" s="99"/>
      <c r="AO5816" s="99"/>
      <c r="AP5816" s="99"/>
      <c r="AQ5816" s="99"/>
      <c r="AR5816" s="99"/>
      <c r="AS5816" s="99"/>
      <c r="AT5816" s="99"/>
      <c r="AU5816" s="99"/>
      <c r="AV5816" s="99"/>
      <c r="AW5816" s="99"/>
      <c r="AX5816" s="99"/>
      <c r="AY5816" s="99"/>
      <c r="AZ5816" s="99"/>
      <c r="BA5816" s="99"/>
      <c r="BB5816" s="107">
        <v>45884</v>
      </c>
    </row>
    <row r="5817" spans="1:54" s="8" customFormat="1" ht="13.95" customHeight="1" x14ac:dyDescent="0.25">
      <c r="A5817" s="219" t="s">
        <v>13543</v>
      </c>
      <c r="B5817" s="220" t="s">
        <v>13310</v>
      </c>
      <c r="C5817" s="98" t="s">
        <v>13544</v>
      </c>
      <c r="D5817" s="144" t="s">
        <v>13545</v>
      </c>
      <c r="E5817" s="141">
        <v>1977</v>
      </c>
      <c r="F5817" s="141">
        <v>756</v>
      </c>
      <c r="G5817" s="144" t="s">
        <v>1</v>
      </c>
      <c r="H5817" s="98">
        <v>0</v>
      </c>
      <c r="I5817" s="98">
        <v>0</v>
      </c>
      <c r="J5817" s="98">
        <v>1</v>
      </c>
      <c r="K5817" s="149" t="s">
        <v>400</v>
      </c>
      <c r="L5817" s="149" t="s">
        <v>400</v>
      </c>
      <c r="M5817" s="149" t="s">
        <v>400</v>
      </c>
      <c r="N5817" s="149" t="s">
        <v>400</v>
      </c>
      <c r="O5817" s="149" t="s">
        <v>400</v>
      </c>
      <c r="P5817" s="149" t="s">
        <v>400</v>
      </c>
      <c r="Q5817" s="149" t="s">
        <v>400</v>
      </c>
      <c r="R5817" s="149" t="s">
        <v>400</v>
      </c>
      <c r="S5817" s="149" t="s">
        <v>400</v>
      </c>
      <c r="T5817" s="149" t="s">
        <v>400</v>
      </c>
      <c r="U5817" s="99"/>
      <c r="V5817" s="99"/>
      <c r="W5817" s="99"/>
      <c r="X5817" s="99"/>
      <c r="Y5817" s="99"/>
      <c r="Z5817" s="99"/>
      <c r="AA5817" s="99"/>
      <c r="AB5817" s="99"/>
      <c r="AC5817" s="99"/>
      <c r="AD5817" s="99"/>
      <c r="AE5817" s="99"/>
      <c r="AF5817" s="99"/>
      <c r="AG5817" s="99"/>
      <c r="AH5817" s="99"/>
      <c r="AI5817" s="99"/>
      <c r="AJ5817" s="99"/>
      <c r="AK5817" s="99"/>
      <c r="AL5817" s="99"/>
      <c r="AM5817" s="99"/>
      <c r="AN5817" s="99"/>
      <c r="AO5817" s="99"/>
      <c r="AP5817" s="99"/>
      <c r="AQ5817" s="99"/>
      <c r="AR5817" s="99"/>
      <c r="AS5817" s="99"/>
      <c r="AT5817" s="99"/>
      <c r="AU5817" s="99"/>
      <c r="AV5817" s="99"/>
      <c r="AW5817" s="99"/>
      <c r="AX5817" s="99"/>
      <c r="AY5817" s="99"/>
      <c r="AZ5817" s="99"/>
      <c r="BA5817" s="99"/>
      <c r="BB5817" s="107">
        <v>45884</v>
      </c>
    </row>
    <row r="5818" spans="1:54" s="8" customFormat="1" ht="13.95" customHeight="1" x14ac:dyDescent="0.25">
      <c r="A5818" s="219" t="s">
        <v>13546</v>
      </c>
      <c r="B5818" s="220" t="s">
        <v>13310</v>
      </c>
      <c r="C5818" s="98" t="s">
        <v>13547</v>
      </c>
      <c r="D5818" s="144" t="s">
        <v>13548</v>
      </c>
      <c r="E5818" s="141">
        <v>1967</v>
      </c>
      <c r="F5818" s="141">
        <v>775</v>
      </c>
      <c r="G5818" s="144" t="s">
        <v>1</v>
      </c>
      <c r="H5818" s="98">
        <v>0</v>
      </c>
      <c r="I5818" s="98">
        <v>0</v>
      </c>
      <c r="J5818" s="98">
        <v>1</v>
      </c>
      <c r="K5818" s="149" t="s">
        <v>400</v>
      </c>
      <c r="L5818" s="149" t="s">
        <v>400</v>
      </c>
      <c r="M5818" s="149" t="s">
        <v>400</v>
      </c>
      <c r="N5818" s="149" t="s">
        <v>400</v>
      </c>
      <c r="O5818" s="149" t="s">
        <v>400</v>
      </c>
      <c r="P5818" s="149" t="s">
        <v>400</v>
      </c>
      <c r="Q5818" s="149" t="s">
        <v>400</v>
      </c>
      <c r="R5818" s="149" t="s">
        <v>400</v>
      </c>
      <c r="S5818" s="149" t="s">
        <v>400</v>
      </c>
      <c r="T5818" s="149" t="s">
        <v>400</v>
      </c>
      <c r="U5818" s="99"/>
      <c r="V5818" s="99"/>
      <c r="W5818" s="99"/>
      <c r="X5818" s="99"/>
      <c r="Y5818" s="99"/>
      <c r="Z5818" s="99"/>
      <c r="AA5818" s="99"/>
      <c r="AB5818" s="99"/>
      <c r="AC5818" s="99"/>
      <c r="AD5818" s="99"/>
      <c r="AE5818" s="99"/>
      <c r="AF5818" s="99"/>
      <c r="AG5818" s="99"/>
      <c r="AH5818" s="99"/>
      <c r="AI5818" s="99"/>
      <c r="AJ5818" s="99"/>
      <c r="AK5818" s="99"/>
      <c r="AL5818" s="99"/>
      <c r="AM5818" s="99"/>
      <c r="AN5818" s="99"/>
      <c r="AO5818" s="99"/>
      <c r="AP5818" s="99"/>
      <c r="AQ5818" s="99"/>
      <c r="AR5818" s="99"/>
      <c r="AS5818" s="99"/>
      <c r="AT5818" s="99"/>
      <c r="AU5818" s="99"/>
      <c r="AV5818" s="99"/>
      <c r="AW5818" s="99"/>
      <c r="AX5818" s="99"/>
      <c r="AY5818" s="99"/>
      <c r="AZ5818" s="99"/>
      <c r="BA5818" s="99"/>
      <c r="BB5818" s="107">
        <v>45884</v>
      </c>
    </row>
    <row r="5819" spans="1:54" s="8" customFormat="1" ht="13.95" customHeight="1" x14ac:dyDescent="0.25">
      <c r="A5819" s="219" t="s">
        <v>13549</v>
      </c>
      <c r="B5819" s="220" t="s">
        <v>13310</v>
      </c>
      <c r="C5819" s="98" t="s">
        <v>19732</v>
      </c>
      <c r="D5819" s="144" t="s">
        <v>13550</v>
      </c>
      <c r="E5819" s="141">
        <v>1988</v>
      </c>
      <c r="F5819" s="141">
        <v>785</v>
      </c>
      <c r="G5819" s="144" t="s">
        <v>1</v>
      </c>
      <c r="H5819" s="98">
        <v>0</v>
      </c>
      <c r="I5819" s="98">
        <v>0</v>
      </c>
      <c r="J5819" s="98">
        <v>1</v>
      </c>
      <c r="K5819" s="149" t="s">
        <v>400</v>
      </c>
      <c r="L5819" s="149" t="s">
        <v>400</v>
      </c>
      <c r="M5819" s="149" t="s">
        <v>400</v>
      </c>
      <c r="N5819" s="149" t="s">
        <v>400</v>
      </c>
      <c r="O5819" s="149" t="s">
        <v>400</v>
      </c>
      <c r="P5819" s="149" t="s">
        <v>400</v>
      </c>
      <c r="Q5819" s="149" t="s">
        <v>400</v>
      </c>
      <c r="R5819" s="149" t="s">
        <v>400</v>
      </c>
      <c r="S5819" s="149" t="s">
        <v>400</v>
      </c>
      <c r="T5819" s="149" t="s">
        <v>400</v>
      </c>
      <c r="U5819" s="99"/>
      <c r="V5819" s="99"/>
      <c r="W5819" s="99"/>
      <c r="X5819" s="99"/>
      <c r="Y5819" s="99"/>
      <c r="Z5819" s="99"/>
      <c r="AA5819" s="99"/>
      <c r="AB5819" s="99"/>
      <c r="AC5819" s="99"/>
      <c r="AD5819" s="99"/>
      <c r="AE5819" s="99"/>
      <c r="AF5819" s="99"/>
      <c r="AG5819" s="99"/>
      <c r="AH5819" s="99"/>
      <c r="AI5819" s="99"/>
      <c r="AJ5819" s="99"/>
      <c r="AK5819" s="99"/>
      <c r="AL5819" s="99"/>
      <c r="AM5819" s="99"/>
      <c r="AN5819" s="99"/>
      <c r="AO5819" s="99"/>
      <c r="AP5819" s="99"/>
      <c r="AQ5819" s="99"/>
      <c r="AR5819" s="99"/>
      <c r="AS5819" s="99"/>
      <c r="AT5819" s="99"/>
      <c r="AU5819" s="99"/>
      <c r="AV5819" s="99"/>
      <c r="AW5819" s="99"/>
      <c r="AX5819" s="99"/>
      <c r="AY5819" s="99"/>
      <c r="AZ5819" s="99"/>
      <c r="BA5819" s="99"/>
      <c r="BB5819" s="107">
        <v>45884</v>
      </c>
    </row>
    <row r="5820" spans="1:54" s="8" customFormat="1" ht="13.95" customHeight="1" x14ac:dyDescent="0.25">
      <c r="A5820" s="219" t="s">
        <v>13551</v>
      </c>
      <c r="B5820" s="220" t="s">
        <v>13310</v>
      </c>
      <c r="C5820" s="98" t="s">
        <v>13552</v>
      </c>
      <c r="D5820" s="144" t="s">
        <v>13553</v>
      </c>
      <c r="E5820" s="141">
        <v>1972</v>
      </c>
      <c r="F5820" s="141">
        <v>797</v>
      </c>
      <c r="G5820" s="144" t="s">
        <v>1</v>
      </c>
      <c r="H5820" s="98">
        <v>0</v>
      </c>
      <c r="I5820" s="98">
        <v>0</v>
      </c>
      <c r="J5820" s="98">
        <v>1</v>
      </c>
      <c r="K5820" s="149" t="s">
        <v>400</v>
      </c>
      <c r="L5820" s="149" t="s">
        <v>400</v>
      </c>
      <c r="M5820" s="149" t="s">
        <v>400</v>
      </c>
      <c r="N5820" s="149" t="s">
        <v>400</v>
      </c>
      <c r="O5820" s="149" t="s">
        <v>400</v>
      </c>
      <c r="P5820" s="149" t="s">
        <v>400</v>
      </c>
      <c r="Q5820" s="149" t="s">
        <v>400</v>
      </c>
      <c r="R5820" s="149" t="s">
        <v>400</v>
      </c>
      <c r="S5820" s="149" t="s">
        <v>400</v>
      </c>
      <c r="T5820" s="149" t="s">
        <v>400</v>
      </c>
      <c r="U5820" s="99"/>
      <c r="V5820" s="99"/>
      <c r="W5820" s="99"/>
      <c r="X5820" s="99"/>
      <c r="Y5820" s="99"/>
      <c r="Z5820" s="99"/>
      <c r="AA5820" s="99"/>
      <c r="AB5820" s="99"/>
      <c r="AC5820" s="99"/>
      <c r="AD5820" s="99"/>
      <c r="AE5820" s="99"/>
      <c r="AF5820" s="99"/>
      <c r="AG5820" s="99"/>
      <c r="AH5820" s="99"/>
      <c r="AI5820" s="99"/>
      <c r="AJ5820" s="99"/>
      <c r="AK5820" s="99"/>
      <c r="AL5820" s="99"/>
      <c r="AM5820" s="99"/>
      <c r="AN5820" s="99"/>
      <c r="AO5820" s="99"/>
      <c r="AP5820" s="99"/>
      <c r="AQ5820" s="99"/>
      <c r="AR5820" s="99"/>
      <c r="AS5820" s="99"/>
      <c r="AT5820" s="99"/>
      <c r="AU5820" s="99"/>
      <c r="AV5820" s="99"/>
      <c r="AW5820" s="99"/>
      <c r="AX5820" s="99"/>
      <c r="AY5820" s="99"/>
      <c r="AZ5820" s="99"/>
      <c r="BA5820" s="99"/>
      <c r="BB5820" s="107">
        <v>45884</v>
      </c>
    </row>
    <row r="5821" spans="1:54" s="8" customFormat="1" ht="13.95" customHeight="1" x14ac:dyDescent="0.25">
      <c r="A5821" s="219" t="s">
        <v>13554</v>
      </c>
      <c r="B5821" s="220" t="s">
        <v>13310</v>
      </c>
      <c r="C5821" s="98" t="s">
        <v>2155</v>
      </c>
      <c r="D5821" s="144" t="s">
        <v>13555</v>
      </c>
      <c r="E5821" s="141">
        <v>2012</v>
      </c>
      <c r="F5821" s="141">
        <v>800</v>
      </c>
      <c r="G5821" s="144" t="s">
        <v>1</v>
      </c>
      <c r="H5821" s="98">
        <v>0</v>
      </c>
      <c r="I5821" s="98">
        <v>0</v>
      </c>
      <c r="J5821" s="98">
        <v>1</v>
      </c>
      <c r="K5821" s="149" t="s">
        <v>400</v>
      </c>
      <c r="L5821" s="149" t="s">
        <v>400</v>
      </c>
      <c r="M5821" s="149" t="s">
        <v>400</v>
      </c>
      <c r="N5821" s="149" t="s">
        <v>400</v>
      </c>
      <c r="O5821" s="149" t="s">
        <v>400</v>
      </c>
      <c r="P5821" s="149" t="s">
        <v>400</v>
      </c>
      <c r="Q5821" s="149" t="s">
        <v>400</v>
      </c>
      <c r="R5821" s="149" t="s">
        <v>400</v>
      </c>
      <c r="S5821" s="149" t="s">
        <v>400</v>
      </c>
      <c r="T5821" s="149" t="s">
        <v>400</v>
      </c>
      <c r="U5821" s="99"/>
      <c r="V5821" s="99"/>
      <c r="W5821" s="99"/>
      <c r="X5821" s="99"/>
      <c r="Y5821" s="99"/>
      <c r="Z5821" s="99"/>
      <c r="AA5821" s="99"/>
      <c r="AB5821" s="99"/>
      <c r="AC5821" s="99"/>
      <c r="AD5821" s="99"/>
      <c r="AE5821" s="99"/>
      <c r="AF5821" s="99"/>
      <c r="AG5821" s="99"/>
      <c r="AH5821" s="99"/>
      <c r="AI5821" s="99"/>
      <c r="AJ5821" s="99"/>
      <c r="AK5821" s="99"/>
      <c r="AL5821" s="99"/>
      <c r="AM5821" s="99"/>
      <c r="AN5821" s="99"/>
      <c r="AO5821" s="99"/>
      <c r="AP5821" s="99"/>
      <c r="AQ5821" s="99"/>
      <c r="AR5821" s="99"/>
      <c r="AS5821" s="99"/>
      <c r="AT5821" s="99"/>
      <c r="AU5821" s="99"/>
      <c r="AV5821" s="99"/>
      <c r="AW5821" s="99"/>
      <c r="AX5821" s="99"/>
      <c r="AY5821" s="99"/>
      <c r="AZ5821" s="99"/>
      <c r="BA5821" s="99"/>
      <c r="BB5821" s="107">
        <v>45884</v>
      </c>
    </row>
    <row r="5822" spans="1:54" s="8" customFormat="1" ht="13.95" customHeight="1" x14ac:dyDescent="0.25">
      <c r="A5822" s="219" t="s">
        <v>13556</v>
      </c>
      <c r="B5822" s="220" t="s">
        <v>13310</v>
      </c>
      <c r="C5822" s="98" t="s">
        <v>13557</v>
      </c>
      <c r="D5822" s="144" t="s">
        <v>13558</v>
      </c>
      <c r="E5822" s="141">
        <v>2003</v>
      </c>
      <c r="F5822" s="141">
        <v>806</v>
      </c>
      <c r="G5822" s="144" t="s">
        <v>1</v>
      </c>
      <c r="H5822" s="98">
        <v>0</v>
      </c>
      <c r="I5822" s="98">
        <v>0</v>
      </c>
      <c r="J5822" s="98">
        <v>1</v>
      </c>
      <c r="K5822" s="149" t="s">
        <v>400</v>
      </c>
      <c r="L5822" s="149" t="s">
        <v>400</v>
      </c>
      <c r="M5822" s="149" t="s">
        <v>400</v>
      </c>
      <c r="N5822" s="149" t="s">
        <v>400</v>
      </c>
      <c r="O5822" s="149" t="s">
        <v>400</v>
      </c>
      <c r="P5822" s="149" t="s">
        <v>400</v>
      </c>
      <c r="Q5822" s="149" t="s">
        <v>400</v>
      </c>
      <c r="R5822" s="149" t="s">
        <v>400</v>
      </c>
      <c r="S5822" s="149" t="s">
        <v>400</v>
      </c>
      <c r="T5822" s="149" t="s">
        <v>400</v>
      </c>
      <c r="U5822" s="99"/>
      <c r="V5822" s="99"/>
      <c r="W5822" s="99"/>
      <c r="X5822" s="99"/>
      <c r="Y5822" s="99"/>
      <c r="Z5822" s="99"/>
      <c r="AA5822" s="99"/>
      <c r="AB5822" s="99"/>
      <c r="AC5822" s="99"/>
      <c r="AD5822" s="99"/>
      <c r="AE5822" s="99"/>
      <c r="AF5822" s="99"/>
      <c r="AG5822" s="99"/>
      <c r="AH5822" s="99"/>
      <c r="AI5822" s="99"/>
      <c r="AJ5822" s="99"/>
      <c r="AK5822" s="99"/>
      <c r="AL5822" s="99"/>
      <c r="AM5822" s="99"/>
      <c r="AN5822" s="99"/>
      <c r="AO5822" s="99"/>
      <c r="AP5822" s="99"/>
      <c r="AQ5822" s="99"/>
      <c r="AR5822" s="99"/>
      <c r="AS5822" s="99"/>
      <c r="AT5822" s="99"/>
      <c r="AU5822" s="99"/>
      <c r="AV5822" s="99"/>
      <c r="AW5822" s="99"/>
      <c r="AX5822" s="99"/>
      <c r="AY5822" s="99"/>
      <c r="AZ5822" s="99"/>
      <c r="BA5822" s="99"/>
      <c r="BB5822" s="107">
        <v>45884</v>
      </c>
    </row>
    <row r="5823" spans="1:54" s="8" customFormat="1" ht="13.95" customHeight="1" x14ac:dyDescent="0.25">
      <c r="A5823" s="219" t="s">
        <v>13559</v>
      </c>
      <c r="B5823" s="220" t="s">
        <v>13310</v>
      </c>
      <c r="C5823" s="98" t="s">
        <v>13560</v>
      </c>
      <c r="D5823" s="144" t="s">
        <v>13561</v>
      </c>
      <c r="E5823" s="141">
        <v>1968</v>
      </c>
      <c r="F5823" s="141">
        <v>808</v>
      </c>
      <c r="G5823" s="144" t="s">
        <v>1</v>
      </c>
      <c r="H5823" s="98">
        <v>0</v>
      </c>
      <c r="I5823" s="98">
        <v>0</v>
      </c>
      <c r="J5823" s="98">
        <v>1</v>
      </c>
      <c r="K5823" s="149" t="s">
        <v>400</v>
      </c>
      <c r="L5823" s="149" t="s">
        <v>400</v>
      </c>
      <c r="M5823" s="149" t="s">
        <v>400</v>
      </c>
      <c r="N5823" s="149" t="s">
        <v>400</v>
      </c>
      <c r="O5823" s="149" t="s">
        <v>400</v>
      </c>
      <c r="P5823" s="149" t="s">
        <v>400</v>
      </c>
      <c r="Q5823" s="149" t="s">
        <v>400</v>
      </c>
      <c r="R5823" s="149" t="s">
        <v>400</v>
      </c>
      <c r="S5823" s="149" t="s">
        <v>400</v>
      </c>
      <c r="T5823" s="149" t="s">
        <v>400</v>
      </c>
      <c r="U5823" s="99"/>
      <c r="V5823" s="99"/>
      <c r="W5823" s="99"/>
      <c r="X5823" s="99"/>
      <c r="Y5823" s="99"/>
      <c r="Z5823" s="99"/>
      <c r="AA5823" s="99"/>
      <c r="AB5823" s="99"/>
      <c r="AC5823" s="99"/>
      <c r="AD5823" s="99"/>
      <c r="AE5823" s="99"/>
      <c r="AF5823" s="99"/>
      <c r="AG5823" s="99"/>
      <c r="AH5823" s="99"/>
      <c r="AI5823" s="99"/>
      <c r="AJ5823" s="99"/>
      <c r="AK5823" s="99"/>
      <c r="AL5823" s="99"/>
      <c r="AM5823" s="99"/>
      <c r="AN5823" s="99"/>
      <c r="AO5823" s="99"/>
      <c r="AP5823" s="99"/>
      <c r="AQ5823" s="99"/>
      <c r="AR5823" s="99"/>
      <c r="AS5823" s="99"/>
      <c r="AT5823" s="99"/>
      <c r="AU5823" s="99"/>
      <c r="AV5823" s="99"/>
      <c r="AW5823" s="99"/>
      <c r="AX5823" s="99"/>
      <c r="AY5823" s="99"/>
      <c r="AZ5823" s="99"/>
      <c r="BA5823" s="99"/>
      <c r="BB5823" s="107">
        <v>45884</v>
      </c>
    </row>
    <row r="5824" spans="1:54" s="8" customFormat="1" ht="13.95" customHeight="1" x14ac:dyDescent="0.25">
      <c r="A5824" s="219" t="s">
        <v>13562</v>
      </c>
      <c r="B5824" s="220" t="s">
        <v>13310</v>
      </c>
      <c r="C5824" s="98" t="s">
        <v>13563</v>
      </c>
      <c r="D5824" s="144" t="s">
        <v>13564</v>
      </c>
      <c r="E5824" s="141">
        <v>1983</v>
      </c>
      <c r="F5824" s="141">
        <v>834</v>
      </c>
      <c r="G5824" s="144" t="s">
        <v>1</v>
      </c>
      <c r="H5824" s="98">
        <v>0</v>
      </c>
      <c r="I5824" s="98">
        <v>0</v>
      </c>
      <c r="J5824" s="98">
        <v>1</v>
      </c>
      <c r="K5824" s="149" t="s">
        <v>400</v>
      </c>
      <c r="L5824" s="149" t="s">
        <v>400</v>
      </c>
      <c r="M5824" s="149" t="s">
        <v>400</v>
      </c>
      <c r="N5824" s="149" t="s">
        <v>400</v>
      </c>
      <c r="O5824" s="149" t="s">
        <v>400</v>
      </c>
      <c r="P5824" s="149" t="s">
        <v>400</v>
      </c>
      <c r="Q5824" s="149" t="s">
        <v>400</v>
      </c>
      <c r="R5824" s="149" t="s">
        <v>400</v>
      </c>
      <c r="S5824" s="149" t="s">
        <v>400</v>
      </c>
      <c r="T5824" s="149" t="s">
        <v>400</v>
      </c>
      <c r="U5824" s="99"/>
      <c r="V5824" s="99"/>
      <c r="W5824" s="99"/>
      <c r="X5824" s="99"/>
      <c r="Y5824" s="99"/>
      <c r="Z5824" s="99"/>
      <c r="AA5824" s="99"/>
      <c r="AB5824" s="99"/>
      <c r="AC5824" s="99"/>
      <c r="AD5824" s="99"/>
      <c r="AE5824" s="99"/>
      <c r="AF5824" s="99"/>
      <c r="AG5824" s="99"/>
      <c r="AH5824" s="99"/>
      <c r="AI5824" s="99"/>
      <c r="AJ5824" s="99"/>
      <c r="AK5824" s="99"/>
      <c r="AL5824" s="99"/>
      <c r="AM5824" s="99"/>
      <c r="AN5824" s="99"/>
      <c r="AO5824" s="99"/>
      <c r="AP5824" s="99"/>
      <c r="AQ5824" s="99"/>
      <c r="AR5824" s="99"/>
      <c r="AS5824" s="99"/>
      <c r="AT5824" s="99"/>
      <c r="AU5824" s="99"/>
      <c r="AV5824" s="99"/>
      <c r="AW5824" s="99"/>
      <c r="AX5824" s="99"/>
      <c r="AY5824" s="99"/>
      <c r="AZ5824" s="99"/>
      <c r="BA5824" s="99"/>
      <c r="BB5824" s="107">
        <v>45884</v>
      </c>
    </row>
    <row r="5825" spans="1:54" s="8" customFormat="1" ht="13.95" customHeight="1" x14ac:dyDescent="0.25">
      <c r="A5825" s="219" t="s">
        <v>13565</v>
      </c>
      <c r="B5825" s="220" t="s">
        <v>13310</v>
      </c>
      <c r="C5825" s="98" t="s">
        <v>13566</v>
      </c>
      <c r="D5825" s="144" t="s">
        <v>13567</v>
      </c>
      <c r="E5825" s="141">
        <v>1973</v>
      </c>
      <c r="F5825" s="141">
        <v>849</v>
      </c>
      <c r="G5825" s="144" t="s">
        <v>1</v>
      </c>
      <c r="H5825" s="98">
        <v>0</v>
      </c>
      <c r="I5825" s="98">
        <v>0</v>
      </c>
      <c r="J5825" s="98">
        <v>1</v>
      </c>
      <c r="K5825" s="149" t="s">
        <v>400</v>
      </c>
      <c r="L5825" s="149" t="s">
        <v>400</v>
      </c>
      <c r="M5825" s="149" t="s">
        <v>400</v>
      </c>
      <c r="N5825" s="149" t="s">
        <v>400</v>
      </c>
      <c r="O5825" s="149" t="s">
        <v>400</v>
      </c>
      <c r="P5825" s="149" t="s">
        <v>400</v>
      </c>
      <c r="Q5825" s="149" t="s">
        <v>400</v>
      </c>
      <c r="R5825" s="149" t="s">
        <v>400</v>
      </c>
      <c r="S5825" s="149" t="s">
        <v>400</v>
      </c>
      <c r="T5825" s="149" t="s">
        <v>400</v>
      </c>
      <c r="U5825" s="99"/>
      <c r="V5825" s="99"/>
      <c r="W5825" s="99"/>
      <c r="X5825" s="99"/>
      <c r="Y5825" s="99"/>
      <c r="Z5825" s="99"/>
      <c r="AA5825" s="99"/>
      <c r="AB5825" s="99"/>
      <c r="AC5825" s="99"/>
      <c r="AD5825" s="99"/>
      <c r="AE5825" s="99"/>
      <c r="AF5825" s="99"/>
      <c r="AG5825" s="99"/>
      <c r="AH5825" s="99"/>
      <c r="AI5825" s="99"/>
      <c r="AJ5825" s="99"/>
      <c r="AK5825" s="99"/>
      <c r="AL5825" s="99"/>
      <c r="AM5825" s="99"/>
      <c r="AN5825" s="99"/>
      <c r="AO5825" s="99"/>
      <c r="AP5825" s="99"/>
      <c r="AQ5825" s="99"/>
      <c r="AR5825" s="99"/>
      <c r="AS5825" s="99"/>
      <c r="AT5825" s="99"/>
      <c r="AU5825" s="99"/>
      <c r="AV5825" s="99"/>
      <c r="AW5825" s="99"/>
      <c r="AX5825" s="99"/>
      <c r="AY5825" s="99"/>
      <c r="AZ5825" s="99"/>
      <c r="BA5825" s="99"/>
      <c r="BB5825" s="107">
        <v>45884</v>
      </c>
    </row>
    <row r="5826" spans="1:54" s="8" customFormat="1" ht="13.95" customHeight="1" x14ac:dyDescent="0.25">
      <c r="A5826" s="219" t="s">
        <v>13568</v>
      </c>
      <c r="B5826" s="220" t="s">
        <v>13310</v>
      </c>
      <c r="C5826" s="98" t="s">
        <v>13569</v>
      </c>
      <c r="D5826" s="144" t="s">
        <v>13570</v>
      </c>
      <c r="E5826" s="141">
        <v>1972</v>
      </c>
      <c r="F5826" s="141">
        <v>856</v>
      </c>
      <c r="G5826" s="144" t="s">
        <v>1</v>
      </c>
      <c r="H5826" s="98">
        <v>0</v>
      </c>
      <c r="I5826" s="98">
        <v>0</v>
      </c>
      <c r="J5826" s="98">
        <v>1</v>
      </c>
      <c r="K5826" s="149" t="s">
        <v>400</v>
      </c>
      <c r="L5826" s="149" t="s">
        <v>400</v>
      </c>
      <c r="M5826" s="149" t="s">
        <v>400</v>
      </c>
      <c r="N5826" s="149" t="s">
        <v>400</v>
      </c>
      <c r="O5826" s="149" t="s">
        <v>400</v>
      </c>
      <c r="P5826" s="149" t="s">
        <v>400</v>
      </c>
      <c r="Q5826" s="149" t="s">
        <v>400</v>
      </c>
      <c r="R5826" s="149" t="s">
        <v>400</v>
      </c>
      <c r="S5826" s="149" t="s">
        <v>400</v>
      </c>
      <c r="T5826" s="149" t="s">
        <v>400</v>
      </c>
      <c r="U5826" s="99"/>
      <c r="V5826" s="99"/>
      <c r="W5826" s="99"/>
      <c r="X5826" s="99"/>
      <c r="Y5826" s="99"/>
      <c r="Z5826" s="99"/>
      <c r="AA5826" s="99"/>
      <c r="AB5826" s="99"/>
      <c r="AC5826" s="99"/>
      <c r="AD5826" s="99"/>
      <c r="AE5826" s="99"/>
      <c r="AF5826" s="99"/>
      <c r="AG5826" s="99"/>
      <c r="AH5826" s="99"/>
      <c r="AI5826" s="99"/>
      <c r="AJ5826" s="99"/>
      <c r="AK5826" s="99"/>
      <c r="AL5826" s="99"/>
      <c r="AM5826" s="99"/>
      <c r="AN5826" s="99"/>
      <c r="AO5826" s="99"/>
      <c r="AP5826" s="99"/>
      <c r="AQ5826" s="99"/>
      <c r="AR5826" s="99"/>
      <c r="AS5826" s="99"/>
      <c r="AT5826" s="99"/>
      <c r="AU5826" s="99"/>
      <c r="AV5826" s="99"/>
      <c r="AW5826" s="99"/>
      <c r="AX5826" s="99"/>
      <c r="AY5826" s="99"/>
      <c r="AZ5826" s="99"/>
      <c r="BA5826" s="99"/>
      <c r="BB5826" s="107">
        <v>45884</v>
      </c>
    </row>
    <row r="5827" spans="1:54" s="8" customFormat="1" ht="13.95" customHeight="1" x14ac:dyDescent="0.25">
      <c r="A5827" s="219" t="s">
        <v>13571</v>
      </c>
      <c r="B5827" s="220" t="s">
        <v>13310</v>
      </c>
      <c r="C5827" s="98" t="s">
        <v>13572</v>
      </c>
      <c r="D5827" s="144" t="s">
        <v>13573</v>
      </c>
      <c r="E5827" s="141">
        <v>1995</v>
      </c>
      <c r="F5827" s="141">
        <v>856</v>
      </c>
      <c r="G5827" s="144" t="s">
        <v>1</v>
      </c>
      <c r="H5827" s="98">
        <v>0</v>
      </c>
      <c r="I5827" s="98">
        <v>0</v>
      </c>
      <c r="J5827" s="98">
        <v>1</v>
      </c>
      <c r="K5827" s="149" t="s">
        <v>400</v>
      </c>
      <c r="L5827" s="149" t="s">
        <v>400</v>
      </c>
      <c r="M5827" s="149" t="s">
        <v>400</v>
      </c>
      <c r="N5827" s="149" t="s">
        <v>400</v>
      </c>
      <c r="O5827" s="149" t="s">
        <v>400</v>
      </c>
      <c r="P5827" s="149" t="s">
        <v>400</v>
      </c>
      <c r="Q5827" s="149" t="s">
        <v>400</v>
      </c>
      <c r="R5827" s="149" t="s">
        <v>400</v>
      </c>
      <c r="S5827" s="149" t="s">
        <v>400</v>
      </c>
      <c r="T5827" s="149" t="s">
        <v>400</v>
      </c>
      <c r="U5827" s="99"/>
      <c r="V5827" s="99"/>
      <c r="W5827" s="99"/>
      <c r="X5827" s="99"/>
      <c r="Y5827" s="99"/>
      <c r="Z5827" s="99"/>
      <c r="AA5827" s="99"/>
      <c r="AB5827" s="99"/>
      <c r="AC5827" s="99"/>
      <c r="AD5827" s="99"/>
      <c r="AE5827" s="99"/>
      <c r="AF5827" s="99"/>
      <c r="AG5827" s="99"/>
      <c r="AH5827" s="99"/>
      <c r="AI5827" s="99"/>
      <c r="AJ5827" s="99"/>
      <c r="AK5827" s="99"/>
      <c r="AL5827" s="99"/>
      <c r="AM5827" s="99"/>
      <c r="AN5827" s="99"/>
      <c r="AO5827" s="99"/>
      <c r="AP5827" s="99"/>
      <c r="AQ5827" s="99"/>
      <c r="AR5827" s="99"/>
      <c r="AS5827" s="99"/>
      <c r="AT5827" s="99"/>
      <c r="AU5827" s="99"/>
      <c r="AV5827" s="99"/>
      <c r="AW5827" s="99"/>
      <c r="AX5827" s="99"/>
      <c r="AY5827" s="99"/>
      <c r="AZ5827" s="99"/>
      <c r="BA5827" s="99"/>
      <c r="BB5827" s="107">
        <v>45884</v>
      </c>
    </row>
    <row r="5828" spans="1:54" s="8" customFormat="1" ht="13.95" customHeight="1" x14ac:dyDescent="0.25">
      <c r="A5828" s="219" t="s">
        <v>13574</v>
      </c>
      <c r="B5828" s="220" t="s">
        <v>13310</v>
      </c>
      <c r="C5828" s="98" t="s">
        <v>13575</v>
      </c>
      <c r="D5828" s="144" t="s">
        <v>13576</v>
      </c>
      <c r="E5828" s="141">
        <v>1962</v>
      </c>
      <c r="F5828" s="141">
        <v>857</v>
      </c>
      <c r="G5828" s="144" t="s">
        <v>1</v>
      </c>
      <c r="H5828" s="98">
        <v>0</v>
      </c>
      <c r="I5828" s="98">
        <v>0</v>
      </c>
      <c r="J5828" s="98">
        <v>0</v>
      </c>
      <c r="K5828" s="149" t="s">
        <v>400</v>
      </c>
      <c r="L5828" s="149" t="s">
        <v>400</v>
      </c>
      <c r="M5828" s="149" t="s">
        <v>400</v>
      </c>
      <c r="N5828" s="149" t="s">
        <v>400</v>
      </c>
      <c r="O5828" s="149" t="s">
        <v>400</v>
      </c>
      <c r="P5828" s="149" t="s">
        <v>400</v>
      </c>
      <c r="Q5828" s="149" t="s">
        <v>400</v>
      </c>
      <c r="R5828" s="149" t="s">
        <v>400</v>
      </c>
      <c r="S5828" s="149" t="s">
        <v>400</v>
      </c>
      <c r="T5828" s="149" t="s">
        <v>400</v>
      </c>
      <c r="U5828" s="99"/>
      <c r="V5828" s="99"/>
      <c r="W5828" s="99"/>
      <c r="X5828" s="99"/>
      <c r="Y5828" s="99"/>
      <c r="Z5828" s="99"/>
      <c r="AA5828" s="99"/>
      <c r="AB5828" s="99"/>
      <c r="AC5828" s="99"/>
      <c r="AD5828" s="99"/>
      <c r="AE5828" s="99"/>
      <c r="AF5828" s="99"/>
      <c r="AG5828" s="99"/>
      <c r="AH5828" s="99"/>
      <c r="AI5828" s="99"/>
      <c r="AJ5828" s="99"/>
      <c r="AK5828" s="99"/>
      <c r="AL5828" s="99"/>
      <c r="AM5828" s="99"/>
      <c r="AN5828" s="99"/>
      <c r="AO5828" s="99"/>
      <c r="AP5828" s="99"/>
      <c r="AQ5828" s="99"/>
      <c r="AR5828" s="99"/>
      <c r="AS5828" s="99"/>
      <c r="AT5828" s="99"/>
      <c r="AU5828" s="99"/>
      <c r="AV5828" s="99"/>
      <c r="AW5828" s="99"/>
      <c r="AX5828" s="99"/>
      <c r="AY5828" s="99"/>
      <c r="AZ5828" s="99"/>
      <c r="BA5828" s="99"/>
      <c r="BB5828" s="107">
        <v>45884</v>
      </c>
    </row>
    <row r="5829" spans="1:54" s="8" customFormat="1" ht="13.95" customHeight="1" x14ac:dyDescent="0.25">
      <c r="A5829" s="219" t="s">
        <v>13577</v>
      </c>
      <c r="B5829" s="220" t="s">
        <v>13310</v>
      </c>
      <c r="C5829" s="98" t="s">
        <v>13578</v>
      </c>
      <c r="D5829" s="144" t="s">
        <v>13579</v>
      </c>
      <c r="E5829" s="141">
        <v>1995</v>
      </c>
      <c r="F5829" s="141">
        <v>864</v>
      </c>
      <c r="G5829" s="144" t="s">
        <v>1</v>
      </c>
      <c r="H5829" s="98">
        <v>0</v>
      </c>
      <c r="I5829" s="98">
        <v>0</v>
      </c>
      <c r="J5829" s="98">
        <v>1</v>
      </c>
      <c r="K5829" s="149" t="s">
        <v>400</v>
      </c>
      <c r="L5829" s="149" t="s">
        <v>400</v>
      </c>
      <c r="M5829" s="149" t="s">
        <v>400</v>
      </c>
      <c r="N5829" s="149" t="s">
        <v>400</v>
      </c>
      <c r="O5829" s="149" t="s">
        <v>400</v>
      </c>
      <c r="P5829" s="149" t="s">
        <v>400</v>
      </c>
      <c r="Q5829" s="149" t="s">
        <v>400</v>
      </c>
      <c r="R5829" s="149" t="s">
        <v>400</v>
      </c>
      <c r="S5829" s="149" t="s">
        <v>400</v>
      </c>
      <c r="T5829" s="149" t="s">
        <v>400</v>
      </c>
      <c r="U5829" s="99"/>
      <c r="V5829" s="99"/>
      <c r="W5829" s="99"/>
      <c r="X5829" s="99"/>
      <c r="Y5829" s="99"/>
      <c r="Z5829" s="99"/>
      <c r="AA5829" s="99"/>
      <c r="AB5829" s="99"/>
      <c r="AC5829" s="99"/>
      <c r="AD5829" s="99"/>
      <c r="AE5829" s="99"/>
      <c r="AF5829" s="99"/>
      <c r="AG5829" s="99"/>
      <c r="AH5829" s="99"/>
      <c r="AI5829" s="99"/>
      <c r="AJ5829" s="99"/>
      <c r="AK5829" s="99"/>
      <c r="AL5829" s="99"/>
      <c r="AM5829" s="99"/>
      <c r="AN5829" s="99"/>
      <c r="AO5829" s="99"/>
      <c r="AP5829" s="99"/>
      <c r="AQ5829" s="99"/>
      <c r="AR5829" s="99"/>
      <c r="AS5829" s="99"/>
      <c r="AT5829" s="99"/>
      <c r="AU5829" s="99"/>
      <c r="AV5829" s="99"/>
      <c r="AW5829" s="99"/>
      <c r="AX5829" s="99"/>
      <c r="AY5829" s="99"/>
      <c r="AZ5829" s="99"/>
      <c r="BA5829" s="99"/>
      <c r="BB5829" s="107">
        <v>45884</v>
      </c>
    </row>
    <row r="5830" spans="1:54" s="8" customFormat="1" ht="13.95" customHeight="1" x14ac:dyDescent="0.25">
      <c r="A5830" s="219" t="s">
        <v>13580</v>
      </c>
      <c r="B5830" s="220" t="s">
        <v>13310</v>
      </c>
      <c r="C5830" s="98" t="s">
        <v>13581</v>
      </c>
      <c r="D5830" s="144" t="s">
        <v>13582</v>
      </c>
      <c r="E5830" s="141">
        <v>1970</v>
      </c>
      <c r="F5830" s="141">
        <v>872</v>
      </c>
      <c r="G5830" s="144" t="s">
        <v>1</v>
      </c>
      <c r="H5830" s="98">
        <v>0</v>
      </c>
      <c r="I5830" s="98">
        <v>0</v>
      </c>
      <c r="J5830" s="98">
        <v>1</v>
      </c>
      <c r="K5830" s="149" t="s">
        <v>400</v>
      </c>
      <c r="L5830" s="149" t="s">
        <v>400</v>
      </c>
      <c r="M5830" s="149" t="s">
        <v>400</v>
      </c>
      <c r="N5830" s="149" t="s">
        <v>400</v>
      </c>
      <c r="O5830" s="149" t="s">
        <v>400</v>
      </c>
      <c r="P5830" s="149" t="s">
        <v>400</v>
      </c>
      <c r="Q5830" s="149" t="s">
        <v>400</v>
      </c>
      <c r="R5830" s="149" t="s">
        <v>400</v>
      </c>
      <c r="S5830" s="149" t="s">
        <v>400</v>
      </c>
      <c r="T5830" s="149" t="s">
        <v>400</v>
      </c>
      <c r="U5830" s="99"/>
      <c r="V5830" s="99"/>
      <c r="W5830" s="99"/>
      <c r="X5830" s="99"/>
      <c r="Y5830" s="99"/>
      <c r="Z5830" s="99"/>
      <c r="AA5830" s="99"/>
      <c r="AB5830" s="99"/>
      <c r="AC5830" s="99"/>
      <c r="AD5830" s="99"/>
      <c r="AE5830" s="99"/>
      <c r="AF5830" s="99"/>
      <c r="AG5830" s="99"/>
      <c r="AH5830" s="99"/>
      <c r="AI5830" s="99"/>
      <c r="AJ5830" s="99"/>
      <c r="AK5830" s="99"/>
      <c r="AL5830" s="99"/>
      <c r="AM5830" s="99"/>
      <c r="AN5830" s="99"/>
      <c r="AO5830" s="99"/>
      <c r="AP5830" s="99"/>
      <c r="AQ5830" s="99"/>
      <c r="AR5830" s="99"/>
      <c r="AS5830" s="99"/>
      <c r="AT5830" s="99"/>
      <c r="AU5830" s="99"/>
      <c r="AV5830" s="99"/>
      <c r="AW5830" s="99"/>
      <c r="AX5830" s="99"/>
      <c r="AY5830" s="99"/>
      <c r="AZ5830" s="99"/>
      <c r="BA5830" s="99"/>
      <c r="BB5830" s="107">
        <v>45884</v>
      </c>
    </row>
    <row r="5831" spans="1:54" s="8" customFormat="1" ht="13.95" customHeight="1" x14ac:dyDescent="0.25">
      <c r="A5831" s="219" t="s">
        <v>13583</v>
      </c>
      <c r="B5831" s="220" t="s">
        <v>13310</v>
      </c>
      <c r="C5831" s="98" t="s">
        <v>13584</v>
      </c>
      <c r="D5831" s="144" t="s">
        <v>13585</v>
      </c>
      <c r="E5831" s="141">
        <v>1993</v>
      </c>
      <c r="F5831" s="141">
        <v>899</v>
      </c>
      <c r="G5831" s="144" t="s">
        <v>1</v>
      </c>
      <c r="H5831" s="98">
        <v>0</v>
      </c>
      <c r="I5831" s="98">
        <v>0</v>
      </c>
      <c r="J5831" s="98">
        <v>1</v>
      </c>
      <c r="K5831" s="149" t="s">
        <v>400</v>
      </c>
      <c r="L5831" s="149" t="s">
        <v>400</v>
      </c>
      <c r="M5831" s="149" t="s">
        <v>400</v>
      </c>
      <c r="N5831" s="149" t="s">
        <v>400</v>
      </c>
      <c r="O5831" s="149" t="s">
        <v>400</v>
      </c>
      <c r="P5831" s="149" t="s">
        <v>400</v>
      </c>
      <c r="Q5831" s="149" t="s">
        <v>400</v>
      </c>
      <c r="R5831" s="149" t="s">
        <v>400</v>
      </c>
      <c r="S5831" s="149" t="s">
        <v>400</v>
      </c>
      <c r="T5831" s="149" t="s">
        <v>400</v>
      </c>
      <c r="U5831" s="99"/>
      <c r="V5831" s="99"/>
      <c r="W5831" s="99"/>
      <c r="X5831" s="99"/>
      <c r="Y5831" s="99"/>
      <c r="Z5831" s="99"/>
      <c r="AA5831" s="99"/>
      <c r="AB5831" s="99"/>
      <c r="AC5831" s="99"/>
      <c r="AD5831" s="99"/>
      <c r="AE5831" s="99"/>
      <c r="AF5831" s="99"/>
      <c r="AG5831" s="99"/>
      <c r="AH5831" s="99"/>
      <c r="AI5831" s="99"/>
      <c r="AJ5831" s="99"/>
      <c r="AK5831" s="99"/>
      <c r="AL5831" s="99"/>
      <c r="AM5831" s="99"/>
      <c r="AN5831" s="99"/>
      <c r="AO5831" s="99"/>
      <c r="AP5831" s="99"/>
      <c r="AQ5831" s="99"/>
      <c r="AR5831" s="99"/>
      <c r="AS5831" s="99"/>
      <c r="AT5831" s="99"/>
      <c r="AU5831" s="99"/>
      <c r="AV5831" s="99"/>
      <c r="AW5831" s="99"/>
      <c r="AX5831" s="99"/>
      <c r="AY5831" s="99"/>
      <c r="AZ5831" s="99"/>
      <c r="BA5831" s="99"/>
      <c r="BB5831" s="107">
        <v>45884</v>
      </c>
    </row>
    <row r="5832" spans="1:54" s="8" customFormat="1" ht="13.95" customHeight="1" x14ac:dyDescent="0.25">
      <c r="A5832" s="219" t="s">
        <v>13586</v>
      </c>
      <c r="B5832" s="220" t="s">
        <v>13310</v>
      </c>
      <c r="C5832" s="98" t="s">
        <v>13587</v>
      </c>
      <c r="D5832" s="144" t="s">
        <v>13588</v>
      </c>
      <c r="E5832" s="141">
        <v>1968</v>
      </c>
      <c r="F5832" s="141">
        <v>916</v>
      </c>
      <c r="G5832" s="144" t="s">
        <v>1</v>
      </c>
      <c r="H5832" s="98">
        <v>0</v>
      </c>
      <c r="I5832" s="98">
        <v>0</v>
      </c>
      <c r="J5832" s="98">
        <v>1</v>
      </c>
      <c r="K5832" s="149" t="s">
        <v>400</v>
      </c>
      <c r="L5832" s="149" t="s">
        <v>400</v>
      </c>
      <c r="M5832" s="149" t="s">
        <v>400</v>
      </c>
      <c r="N5832" s="149" t="s">
        <v>400</v>
      </c>
      <c r="O5832" s="149" t="s">
        <v>400</v>
      </c>
      <c r="P5832" s="149" t="s">
        <v>400</v>
      </c>
      <c r="Q5832" s="149" t="s">
        <v>400</v>
      </c>
      <c r="R5832" s="149" t="s">
        <v>400</v>
      </c>
      <c r="S5832" s="149" t="s">
        <v>400</v>
      </c>
      <c r="T5832" s="149" t="s">
        <v>400</v>
      </c>
      <c r="U5832" s="99"/>
      <c r="V5832" s="99"/>
      <c r="W5832" s="99"/>
      <c r="X5832" s="99"/>
      <c r="Y5832" s="99"/>
      <c r="Z5832" s="99"/>
      <c r="AA5832" s="99"/>
      <c r="AB5832" s="99"/>
      <c r="AC5832" s="99"/>
      <c r="AD5832" s="99"/>
      <c r="AE5832" s="99"/>
      <c r="AF5832" s="99"/>
      <c r="AG5832" s="99"/>
      <c r="AH5832" s="99"/>
      <c r="AI5832" s="99"/>
      <c r="AJ5832" s="99"/>
      <c r="AK5832" s="99"/>
      <c r="AL5832" s="99"/>
      <c r="AM5832" s="99"/>
      <c r="AN5832" s="99"/>
      <c r="AO5832" s="99"/>
      <c r="AP5832" s="99"/>
      <c r="AQ5832" s="99"/>
      <c r="AR5832" s="99"/>
      <c r="AS5832" s="99"/>
      <c r="AT5832" s="99"/>
      <c r="AU5832" s="99"/>
      <c r="AV5832" s="99"/>
      <c r="AW5832" s="99"/>
      <c r="AX5832" s="99"/>
      <c r="AY5832" s="99"/>
      <c r="AZ5832" s="99"/>
      <c r="BA5832" s="99"/>
      <c r="BB5832" s="107">
        <v>45884</v>
      </c>
    </row>
    <row r="5833" spans="1:54" s="8" customFormat="1" ht="13.95" customHeight="1" x14ac:dyDescent="0.25">
      <c r="A5833" s="219" t="s">
        <v>13589</v>
      </c>
      <c r="B5833" s="220" t="s">
        <v>13310</v>
      </c>
      <c r="C5833" s="98" t="s">
        <v>13590</v>
      </c>
      <c r="D5833" s="144" t="s">
        <v>13591</v>
      </c>
      <c r="E5833" s="141">
        <v>1985</v>
      </c>
      <c r="F5833" s="141">
        <v>920</v>
      </c>
      <c r="G5833" s="144" t="s">
        <v>1</v>
      </c>
      <c r="H5833" s="98">
        <v>0</v>
      </c>
      <c r="I5833" s="98">
        <v>0</v>
      </c>
      <c r="J5833" s="98">
        <v>1</v>
      </c>
      <c r="K5833" s="149" t="s">
        <v>400</v>
      </c>
      <c r="L5833" s="149" t="s">
        <v>400</v>
      </c>
      <c r="M5833" s="149" t="s">
        <v>400</v>
      </c>
      <c r="N5833" s="149" t="s">
        <v>400</v>
      </c>
      <c r="O5833" s="149" t="s">
        <v>400</v>
      </c>
      <c r="P5833" s="149" t="s">
        <v>400</v>
      </c>
      <c r="Q5833" s="149" t="s">
        <v>400</v>
      </c>
      <c r="R5833" s="149" t="s">
        <v>400</v>
      </c>
      <c r="S5833" s="149" t="s">
        <v>400</v>
      </c>
      <c r="T5833" s="149" t="s">
        <v>400</v>
      </c>
      <c r="U5833" s="99"/>
      <c r="V5833" s="99"/>
      <c r="W5833" s="99"/>
      <c r="X5833" s="99"/>
      <c r="Y5833" s="99"/>
      <c r="Z5833" s="99"/>
      <c r="AA5833" s="99"/>
      <c r="AB5833" s="99"/>
      <c r="AC5833" s="99"/>
      <c r="AD5833" s="99"/>
      <c r="AE5833" s="99"/>
      <c r="AF5833" s="99"/>
      <c r="AG5833" s="99"/>
      <c r="AH5833" s="99"/>
      <c r="AI5833" s="99"/>
      <c r="AJ5833" s="99"/>
      <c r="AK5833" s="99"/>
      <c r="AL5833" s="99"/>
      <c r="AM5833" s="99"/>
      <c r="AN5833" s="99"/>
      <c r="AO5833" s="99"/>
      <c r="AP5833" s="99"/>
      <c r="AQ5833" s="99"/>
      <c r="AR5833" s="99"/>
      <c r="AS5833" s="99"/>
      <c r="AT5833" s="99"/>
      <c r="AU5833" s="99"/>
      <c r="AV5833" s="99"/>
      <c r="AW5833" s="99"/>
      <c r="AX5833" s="99"/>
      <c r="AY5833" s="99"/>
      <c r="AZ5833" s="99"/>
      <c r="BA5833" s="99"/>
      <c r="BB5833" s="107">
        <v>45884</v>
      </c>
    </row>
    <row r="5834" spans="1:54" s="8" customFormat="1" ht="13.95" customHeight="1" x14ac:dyDescent="0.25">
      <c r="A5834" s="219" t="s">
        <v>13592</v>
      </c>
      <c r="B5834" s="220" t="s">
        <v>13310</v>
      </c>
      <c r="C5834" s="98" t="s">
        <v>13593</v>
      </c>
      <c r="D5834" s="144" t="s">
        <v>13594</v>
      </c>
      <c r="E5834" s="141">
        <v>1973</v>
      </c>
      <c r="F5834" s="141">
        <v>948</v>
      </c>
      <c r="G5834" s="144" t="s">
        <v>1</v>
      </c>
      <c r="H5834" s="98">
        <v>0</v>
      </c>
      <c r="I5834" s="98">
        <v>0</v>
      </c>
      <c r="J5834" s="98">
        <v>1</v>
      </c>
      <c r="K5834" s="149" t="s">
        <v>400</v>
      </c>
      <c r="L5834" s="149" t="s">
        <v>400</v>
      </c>
      <c r="M5834" s="149" t="s">
        <v>400</v>
      </c>
      <c r="N5834" s="149" t="s">
        <v>400</v>
      </c>
      <c r="O5834" s="149" t="s">
        <v>400</v>
      </c>
      <c r="P5834" s="149" t="s">
        <v>400</v>
      </c>
      <c r="Q5834" s="149" t="s">
        <v>400</v>
      </c>
      <c r="R5834" s="149" t="s">
        <v>400</v>
      </c>
      <c r="S5834" s="149" t="s">
        <v>400</v>
      </c>
      <c r="T5834" s="149" t="s">
        <v>400</v>
      </c>
      <c r="U5834" s="99"/>
      <c r="V5834" s="99"/>
      <c r="W5834" s="99"/>
      <c r="X5834" s="99"/>
      <c r="Y5834" s="99"/>
      <c r="Z5834" s="99"/>
      <c r="AA5834" s="99"/>
      <c r="AB5834" s="99"/>
      <c r="AC5834" s="99"/>
      <c r="AD5834" s="99"/>
      <c r="AE5834" s="99"/>
      <c r="AF5834" s="99"/>
      <c r="AG5834" s="99"/>
      <c r="AH5834" s="99"/>
      <c r="AI5834" s="99"/>
      <c r="AJ5834" s="99"/>
      <c r="AK5834" s="99"/>
      <c r="AL5834" s="99"/>
      <c r="AM5834" s="99"/>
      <c r="AN5834" s="99"/>
      <c r="AO5834" s="99"/>
      <c r="AP5834" s="99"/>
      <c r="AQ5834" s="99"/>
      <c r="AR5834" s="99"/>
      <c r="AS5834" s="99"/>
      <c r="AT5834" s="99"/>
      <c r="AU5834" s="99"/>
      <c r="AV5834" s="99"/>
      <c r="AW5834" s="99"/>
      <c r="AX5834" s="99"/>
      <c r="AY5834" s="99"/>
      <c r="AZ5834" s="99"/>
      <c r="BA5834" s="99"/>
      <c r="BB5834" s="107">
        <v>45884</v>
      </c>
    </row>
    <row r="5835" spans="1:54" s="8" customFormat="1" ht="13.95" customHeight="1" x14ac:dyDescent="0.25">
      <c r="A5835" s="219" t="s">
        <v>13595</v>
      </c>
      <c r="B5835" s="220" t="s">
        <v>13310</v>
      </c>
      <c r="C5835" s="98" t="s">
        <v>13596</v>
      </c>
      <c r="D5835" s="144" t="s">
        <v>13597</v>
      </c>
      <c r="E5835" s="141">
        <v>2010</v>
      </c>
      <c r="F5835" s="141">
        <v>962</v>
      </c>
      <c r="G5835" s="144" t="s">
        <v>1</v>
      </c>
      <c r="H5835" s="98">
        <v>0</v>
      </c>
      <c r="I5835" s="98">
        <v>0</v>
      </c>
      <c r="J5835" s="98">
        <v>1</v>
      </c>
      <c r="K5835" s="149" t="s">
        <v>400</v>
      </c>
      <c r="L5835" s="149" t="s">
        <v>400</v>
      </c>
      <c r="M5835" s="149" t="s">
        <v>400</v>
      </c>
      <c r="N5835" s="149" t="s">
        <v>400</v>
      </c>
      <c r="O5835" s="149" t="s">
        <v>400</v>
      </c>
      <c r="P5835" s="149" t="s">
        <v>400</v>
      </c>
      <c r="Q5835" s="149" t="s">
        <v>400</v>
      </c>
      <c r="R5835" s="149" t="s">
        <v>400</v>
      </c>
      <c r="S5835" s="149" t="s">
        <v>400</v>
      </c>
      <c r="T5835" s="149" t="s">
        <v>400</v>
      </c>
      <c r="U5835" s="99"/>
      <c r="V5835" s="99"/>
      <c r="W5835" s="99"/>
      <c r="X5835" s="99"/>
      <c r="Y5835" s="99"/>
      <c r="Z5835" s="99"/>
      <c r="AA5835" s="99"/>
      <c r="AB5835" s="99"/>
      <c r="AC5835" s="99"/>
      <c r="AD5835" s="99"/>
      <c r="AE5835" s="99"/>
      <c r="AF5835" s="99"/>
      <c r="AG5835" s="99"/>
      <c r="AH5835" s="99"/>
      <c r="AI5835" s="99"/>
      <c r="AJ5835" s="99"/>
      <c r="AK5835" s="99"/>
      <c r="AL5835" s="99"/>
      <c r="AM5835" s="99"/>
      <c r="AN5835" s="99"/>
      <c r="AO5835" s="99"/>
      <c r="AP5835" s="99"/>
      <c r="AQ5835" s="99"/>
      <c r="AR5835" s="99"/>
      <c r="AS5835" s="99"/>
      <c r="AT5835" s="99"/>
      <c r="AU5835" s="99"/>
      <c r="AV5835" s="99"/>
      <c r="AW5835" s="99"/>
      <c r="AX5835" s="99"/>
      <c r="AY5835" s="99"/>
      <c r="AZ5835" s="99"/>
      <c r="BA5835" s="99"/>
      <c r="BB5835" s="107">
        <v>45884</v>
      </c>
    </row>
    <row r="5836" spans="1:54" s="8" customFormat="1" ht="13.95" customHeight="1" x14ac:dyDescent="0.25">
      <c r="A5836" s="219" t="s">
        <v>13598</v>
      </c>
      <c r="B5836" s="220" t="s">
        <v>13310</v>
      </c>
      <c r="C5836" s="98" t="s">
        <v>7634</v>
      </c>
      <c r="D5836" s="144" t="s">
        <v>13599</v>
      </c>
      <c r="E5836" s="141">
        <v>1970</v>
      </c>
      <c r="F5836" s="141">
        <v>996</v>
      </c>
      <c r="G5836" s="144" t="s">
        <v>1</v>
      </c>
      <c r="H5836" s="98">
        <v>0</v>
      </c>
      <c r="I5836" s="98">
        <v>0</v>
      </c>
      <c r="J5836" s="98">
        <v>1</v>
      </c>
      <c r="K5836" s="149" t="s">
        <v>400</v>
      </c>
      <c r="L5836" s="149" t="s">
        <v>400</v>
      </c>
      <c r="M5836" s="149" t="s">
        <v>400</v>
      </c>
      <c r="N5836" s="149" t="s">
        <v>400</v>
      </c>
      <c r="O5836" s="149" t="s">
        <v>400</v>
      </c>
      <c r="P5836" s="149" t="s">
        <v>400</v>
      </c>
      <c r="Q5836" s="149" t="s">
        <v>400</v>
      </c>
      <c r="R5836" s="149" t="s">
        <v>400</v>
      </c>
      <c r="S5836" s="149" t="s">
        <v>400</v>
      </c>
      <c r="T5836" s="149" t="s">
        <v>400</v>
      </c>
      <c r="U5836" s="99"/>
      <c r="V5836" s="99"/>
      <c r="W5836" s="99"/>
      <c r="X5836" s="99"/>
      <c r="Y5836" s="99"/>
      <c r="Z5836" s="99"/>
      <c r="AA5836" s="99"/>
      <c r="AB5836" s="99"/>
      <c r="AC5836" s="99"/>
      <c r="AD5836" s="99"/>
      <c r="AE5836" s="99"/>
      <c r="AF5836" s="99"/>
      <c r="AG5836" s="99"/>
      <c r="AH5836" s="99"/>
      <c r="AI5836" s="99"/>
      <c r="AJ5836" s="99"/>
      <c r="AK5836" s="99"/>
      <c r="AL5836" s="99"/>
      <c r="AM5836" s="99"/>
      <c r="AN5836" s="99"/>
      <c r="AO5836" s="99"/>
      <c r="AP5836" s="99"/>
      <c r="AQ5836" s="99"/>
      <c r="AR5836" s="99"/>
      <c r="AS5836" s="99"/>
      <c r="AT5836" s="99"/>
      <c r="AU5836" s="99"/>
      <c r="AV5836" s="99"/>
      <c r="AW5836" s="99"/>
      <c r="AX5836" s="99"/>
      <c r="AY5836" s="99"/>
      <c r="AZ5836" s="99"/>
      <c r="BA5836" s="99"/>
      <c r="BB5836" s="107">
        <v>45884</v>
      </c>
    </row>
    <row r="5837" spans="1:54" s="8" customFormat="1" ht="13.95" customHeight="1" x14ac:dyDescent="0.25">
      <c r="A5837" s="219" t="s">
        <v>13600</v>
      </c>
      <c r="B5837" s="220" t="s">
        <v>13310</v>
      </c>
      <c r="C5837" s="98" t="s">
        <v>13601</v>
      </c>
      <c r="D5837" s="144" t="s">
        <v>13602</v>
      </c>
      <c r="E5837" s="141">
        <v>1982</v>
      </c>
      <c r="F5837" s="141">
        <v>1003</v>
      </c>
      <c r="G5837" s="144" t="s">
        <v>1</v>
      </c>
      <c r="H5837" s="98">
        <v>0</v>
      </c>
      <c r="I5837" s="98">
        <v>0</v>
      </c>
      <c r="J5837" s="98">
        <v>1</v>
      </c>
      <c r="K5837" s="149" t="s">
        <v>400</v>
      </c>
      <c r="L5837" s="149" t="s">
        <v>400</v>
      </c>
      <c r="M5837" s="149" t="s">
        <v>400</v>
      </c>
      <c r="N5837" s="149" t="s">
        <v>400</v>
      </c>
      <c r="O5837" s="149" t="s">
        <v>400</v>
      </c>
      <c r="P5837" s="149" t="s">
        <v>400</v>
      </c>
      <c r="Q5837" s="149" t="s">
        <v>400</v>
      </c>
      <c r="R5837" s="149" t="s">
        <v>400</v>
      </c>
      <c r="S5837" s="149" t="s">
        <v>400</v>
      </c>
      <c r="T5837" s="149" t="s">
        <v>400</v>
      </c>
      <c r="U5837" s="99"/>
      <c r="V5837" s="99"/>
      <c r="W5837" s="99"/>
      <c r="X5837" s="99"/>
      <c r="Y5837" s="99"/>
      <c r="Z5837" s="99"/>
      <c r="AA5837" s="99"/>
      <c r="AB5837" s="99"/>
      <c r="AC5837" s="99"/>
      <c r="AD5837" s="99"/>
      <c r="AE5837" s="99"/>
      <c r="AF5837" s="99"/>
      <c r="AG5837" s="99"/>
      <c r="AH5837" s="99"/>
      <c r="AI5837" s="99"/>
      <c r="AJ5837" s="99"/>
      <c r="AK5837" s="99"/>
      <c r="AL5837" s="99"/>
      <c r="AM5837" s="99"/>
      <c r="AN5837" s="99"/>
      <c r="AO5837" s="99"/>
      <c r="AP5837" s="99"/>
      <c r="AQ5837" s="99"/>
      <c r="AR5837" s="99"/>
      <c r="AS5837" s="99"/>
      <c r="AT5837" s="99"/>
      <c r="AU5837" s="99"/>
      <c r="AV5837" s="99"/>
      <c r="AW5837" s="99"/>
      <c r="AX5837" s="99"/>
      <c r="AY5837" s="99"/>
      <c r="AZ5837" s="99"/>
      <c r="BA5837" s="99"/>
      <c r="BB5837" s="107">
        <v>45884</v>
      </c>
    </row>
    <row r="5838" spans="1:54" s="8" customFormat="1" ht="13.95" customHeight="1" x14ac:dyDescent="0.25">
      <c r="A5838" s="219" t="s">
        <v>13603</v>
      </c>
      <c r="B5838" s="220" t="s">
        <v>13310</v>
      </c>
      <c r="C5838" s="98" t="s">
        <v>13604</v>
      </c>
      <c r="D5838" s="144" t="s">
        <v>13605</v>
      </c>
      <c r="E5838" s="141">
        <v>1971</v>
      </c>
      <c r="F5838" s="141">
        <v>1011</v>
      </c>
      <c r="G5838" s="144" t="s">
        <v>1</v>
      </c>
      <c r="H5838" s="98">
        <v>0</v>
      </c>
      <c r="I5838" s="98">
        <v>0</v>
      </c>
      <c r="J5838" s="98">
        <v>1</v>
      </c>
      <c r="K5838" s="149" t="s">
        <v>400</v>
      </c>
      <c r="L5838" s="149" t="s">
        <v>400</v>
      </c>
      <c r="M5838" s="149" t="s">
        <v>400</v>
      </c>
      <c r="N5838" s="149" t="s">
        <v>400</v>
      </c>
      <c r="O5838" s="149" t="s">
        <v>400</v>
      </c>
      <c r="P5838" s="149" t="s">
        <v>400</v>
      </c>
      <c r="Q5838" s="149" t="s">
        <v>400</v>
      </c>
      <c r="R5838" s="149" t="s">
        <v>400</v>
      </c>
      <c r="S5838" s="149" t="s">
        <v>400</v>
      </c>
      <c r="T5838" s="149" t="s">
        <v>400</v>
      </c>
      <c r="U5838" s="99"/>
      <c r="V5838" s="99"/>
      <c r="W5838" s="99"/>
      <c r="X5838" s="99"/>
      <c r="Y5838" s="99"/>
      <c r="Z5838" s="99"/>
      <c r="AA5838" s="99"/>
      <c r="AB5838" s="99"/>
      <c r="AC5838" s="99"/>
      <c r="AD5838" s="99"/>
      <c r="AE5838" s="99"/>
      <c r="AF5838" s="99"/>
      <c r="AG5838" s="99"/>
      <c r="AH5838" s="99"/>
      <c r="AI5838" s="99"/>
      <c r="AJ5838" s="99"/>
      <c r="AK5838" s="99"/>
      <c r="AL5838" s="99"/>
      <c r="AM5838" s="99"/>
      <c r="AN5838" s="99"/>
      <c r="AO5838" s="99"/>
      <c r="AP5838" s="99"/>
      <c r="AQ5838" s="99"/>
      <c r="AR5838" s="99"/>
      <c r="AS5838" s="99"/>
      <c r="AT5838" s="99"/>
      <c r="AU5838" s="99"/>
      <c r="AV5838" s="99"/>
      <c r="AW5838" s="99"/>
      <c r="AX5838" s="99"/>
      <c r="AY5838" s="99"/>
      <c r="AZ5838" s="99"/>
      <c r="BA5838" s="99"/>
      <c r="BB5838" s="107">
        <v>45884</v>
      </c>
    </row>
    <row r="5839" spans="1:54" s="8" customFormat="1" ht="13.95" customHeight="1" x14ac:dyDescent="0.25">
      <c r="A5839" s="219" t="s">
        <v>13606</v>
      </c>
      <c r="B5839" s="220" t="s">
        <v>13310</v>
      </c>
      <c r="C5839" s="98" t="s">
        <v>13607</v>
      </c>
      <c r="D5839" s="144" t="s">
        <v>13608</v>
      </c>
      <c r="E5839" s="141">
        <v>2009</v>
      </c>
      <c r="F5839" s="141">
        <v>1020</v>
      </c>
      <c r="G5839" s="144" t="s">
        <v>1</v>
      </c>
      <c r="H5839" s="98">
        <v>0</v>
      </c>
      <c r="I5839" s="98">
        <v>0</v>
      </c>
      <c r="J5839" s="98">
        <v>1</v>
      </c>
      <c r="K5839" s="149" t="s">
        <v>400</v>
      </c>
      <c r="L5839" s="149" t="s">
        <v>400</v>
      </c>
      <c r="M5839" s="149" t="s">
        <v>400</v>
      </c>
      <c r="N5839" s="149" t="s">
        <v>400</v>
      </c>
      <c r="O5839" s="149" t="s">
        <v>400</v>
      </c>
      <c r="P5839" s="149" t="s">
        <v>400</v>
      </c>
      <c r="Q5839" s="149" t="s">
        <v>400</v>
      </c>
      <c r="R5839" s="149" t="s">
        <v>400</v>
      </c>
      <c r="S5839" s="149" t="s">
        <v>400</v>
      </c>
      <c r="T5839" s="149" t="s">
        <v>400</v>
      </c>
      <c r="U5839" s="99"/>
      <c r="V5839" s="99"/>
      <c r="W5839" s="99"/>
      <c r="X5839" s="99"/>
      <c r="Y5839" s="99"/>
      <c r="Z5839" s="99"/>
      <c r="AA5839" s="99"/>
      <c r="AB5839" s="99"/>
      <c r="AC5839" s="99"/>
      <c r="AD5839" s="99"/>
      <c r="AE5839" s="99"/>
      <c r="AF5839" s="99"/>
      <c r="AG5839" s="99"/>
      <c r="AH5839" s="99"/>
      <c r="AI5839" s="99"/>
      <c r="AJ5839" s="99"/>
      <c r="AK5839" s="99"/>
      <c r="AL5839" s="99"/>
      <c r="AM5839" s="99"/>
      <c r="AN5839" s="99"/>
      <c r="AO5839" s="99"/>
      <c r="AP5839" s="99"/>
      <c r="AQ5839" s="99"/>
      <c r="AR5839" s="99"/>
      <c r="AS5839" s="99"/>
      <c r="AT5839" s="99"/>
      <c r="AU5839" s="99"/>
      <c r="AV5839" s="99"/>
      <c r="AW5839" s="99"/>
      <c r="AX5839" s="99"/>
      <c r="AY5839" s="99"/>
      <c r="AZ5839" s="99"/>
      <c r="BA5839" s="99"/>
      <c r="BB5839" s="107">
        <v>45884</v>
      </c>
    </row>
    <row r="5840" spans="1:54" s="8" customFormat="1" ht="13.95" customHeight="1" x14ac:dyDescent="0.25">
      <c r="A5840" s="219" t="s">
        <v>13609</v>
      </c>
      <c r="B5840" s="220" t="s">
        <v>13310</v>
      </c>
      <c r="C5840" s="98" t="s">
        <v>13610</v>
      </c>
      <c r="D5840" s="144" t="s">
        <v>13611</v>
      </c>
      <c r="E5840" s="141">
        <v>1995</v>
      </c>
      <c r="F5840" s="141">
        <v>1025</v>
      </c>
      <c r="G5840" s="144" t="s">
        <v>1</v>
      </c>
      <c r="H5840" s="98">
        <v>0</v>
      </c>
      <c r="I5840" s="98">
        <v>0</v>
      </c>
      <c r="J5840" s="98">
        <v>1</v>
      </c>
      <c r="K5840" s="149" t="s">
        <v>400</v>
      </c>
      <c r="L5840" s="149" t="s">
        <v>400</v>
      </c>
      <c r="M5840" s="149" t="s">
        <v>400</v>
      </c>
      <c r="N5840" s="149" t="s">
        <v>400</v>
      </c>
      <c r="O5840" s="149" t="s">
        <v>400</v>
      </c>
      <c r="P5840" s="149" t="s">
        <v>400</v>
      </c>
      <c r="Q5840" s="149" t="s">
        <v>400</v>
      </c>
      <c r="R5840" s="149" t="s">
        <v>400</v>
      </c>
      <c r="S5840" s="149" t="s">
        <v>400</v>
      </c>
      <c r="T5840" s="149" t="s">
        <v>400</v>
      </c>
      <c r="U5840" s="99"/>
      <c r="V5840" s="99"/>
      <c r="W5840" s="99"/>
      <c r="X5840" s="99"/>
      <c r="Y5840" s="99"/>
      <c r="Z5840" s="99"/>
      <c r="AA5840" s="99"/>
      <c r="AB5840" s="99"/>
      <c r="AC5840" s="99"/>
      <c r="AD5840" s="99"/>
      <c r="AE5840" s="99"/>
      <c r="AF5840" s="99"/>
      <c r="AG5840" s="99"/>
      <c r="AH5840" s="99"/>
      <c r="AI5840" s="99"/>
      <c r="AJ5840" s="99"/>
      <c r="AK5840" s="99"/>
      <c r="AL5840" s="99"/>
      <c r="AM5840" s="99"/>
      <c r="AN5840" s="99"/>
      <c r="AO5840" s="99"/>
      <c r="AP5840" s="99"/>
      <c r="AQ5840" s="99"/>
      <c r="AR5840" s="99"/>
      <c r="AS5840" s="99"/>
      <c r="AT5840" s="99"/>
      <c r="AU5840" s="99"/>
      <c r="AV5840" s="99"/>
      <c r="AW5840" s="99"/>
      <c r="AX5840" s="99"/>
      <c r="AY5840" s="99"/>
      <c r="AZ5840" s="99"/>
      <c r="BA5840" s="99"/>
      <c r="BB5840" s="107">
        <v>45884</v>
      </c>
    </row>
    <row r="5841" spans="1:54" s="8" customFormat="1" ht="13.95" customHeight="1" x14ac:dyDescent="0.25">
      <c r="A5841" s="219" t="s">
        <v>13612</v>
      </c>
      <c r="B5841" s="220" t="s">
        <v>13310</v>
      </c>
      <c r="C5841" s="98" t="s">
        <v>13613</v>
      </c>
      <c r="D5841" s="144" t="s">
        <v>13614</v>
      </c>
      <c r="E5841" s="141">
        <v>1995</v>
      </c>
      <c r="F5841" s="141">
        <v>1035</v>
      </c>
      <c r="G5841" s="144" t="s">
        <v>8</v>
      </c>
      <c r="H5841" s="98">
        <v>0</v>
      </c>
      <c r="I5841" s="98">
        <v>0</v>
      </c>
      <c r="J5841" s="98">
        <v>0</v>
      </c>
      <c r="K5841" s="149" t="s">
        <v>400</v>
      </c>
      <c r="L5841" s="149" t="s">
        <v>400</v>
      </c>
      <c r="M5841" s="149" t="s">
        <v>400</v>
      </c>
      <c r="N5841" s="149" t="s">
        <v>400</v>
      </c>
      <c r="O5841" s="149" t="s">
        <v>400</v>
      </c>
      <c r="P5841" s="149" t="s">
        <v>400</v>
      </c>
      <c r="Q5841" s="149" t="s">
        <v>400</v>
      </c>
      <c r="R5841" s="149" t="s">
        <v>400</v>
      </c>
      <c r="S5841" s="149" t="s">
        <v>400</v>
      </c>
      <c r="T5841" s="149" t="s">
        <v>400</v>
      </c>
      <c r="U5841" s="149" t="s">
        <v>400</v>
      </c>
      <c r="V5841" s="149" t="s">
        <v>400</v>
      </c>
      <c r="W5841" s="149" t="s">
        <v>400</v>
      </c>
      <c r="X5841" s="149" t="s">
        <v>400</v>
      </c>
      <c r="Y5841" s="149" t="s">
        <v>400</v>
      </c>
      <c r="Z5841" s="149" t="s">
        <v>400</v>
      </c>
      <c r="AA5841" s="149" t="s">
        <v>400</v>
      </c>
      <c r="AB5841" s="149" t="s">
        <v>400</v>
      </c>
      <c r="AC5841" s="149" t="s">
        <v>400</v>
      </c>
      <c r="AD5841" s="149" t="s">
        <v>400</v>
      </c>
      <c r="AE5841" s="149" t="s">
        <v>400</v>
      </c>
      <c r="AF5841" s="149" t="s">
        <v>400</v>
      </c>
      <c r="AG5841" s="149" t="s">
        <v>400</v>
      </c>
      <c r="AH5841" s="149" t="s">
        <v>400</v>
      </c>
      <c r="AI5841" s="149" t="s">
        <v>400</v>
      </c>
      <c r="AJ5841" s="149" t="s">
        <v>400</v>
      </c>
      <c r="AK5841" s="149" t="s">
        <v>400</v>
      </c>
      <c r="AL5841" s="149" t="s">
        <v>400</v>
      </c>
      <c r="AM5841" s="149" t="s">
        <v>400</v>
      </c>
      <c r="AN5841" s="149" t="s">
        <v>400</v>
      </c>
      <c r="AO5841" s="149" t="s">
        <v>400</v>
      </c>
      <c r="AP5841" s="149" t="s">
        <v>400</v>
      </c>
      <c r="AQ5841" s="149" t="s">
        <v>400</v>
      </c>
      <c r="AR5841" s="149" t="s">
        <v>400</v>
      </c>
      <c r="AS5841" s="149" t="s">
        <v>400</v>
      </c>
      <c r="AT5841" s="129" t="s">
        <v>400</v>
      </c>
      <c r="AU5841" s="149" t="s">
        <v>400</v>
      </c>
      <c r="AV5841" s="149" t="s">
        <v>400</v>
      </c>
      <c r="AW5841" s="149" t="s">
        <v>400</v>
      </c>
      <c r="AX5841" s="98"/>
      <c r="AY5841" s="98"/>
      <c r="AZ5841" s="98"/>
      <c r="BA5841" s="98"/>
      <c r="BB5841" s="107">
        <v>45884</v>
      </c>
    </row>
    <row r="5842" spans="1:54" s="8" customFormat="1" ht="13.95" customHeight="1" x14ac:dyDescent="0.25">
      <c r="A5842" s="219" t="s">
        <v>13615</v>
      </c>
      <c r="B5842" s="220" t="s">
        <v>13310</v>
      </c>
      <c r="C5842" s="98" t="s">
        <v>5340</v>
      </c>
      <c r="D5842" s="144" t="s">
        <v>13616</v>
      </c>
      <c r="E5842" s="141">
        <v>2012</v>
      </c>
      <c r="F5842" s="141">
        <v>1050</v>
      </c>
      <c r="G5842" s="144" t="s">
        <v>1</v>
      </c>
      <c r="H5842" s="98">
        <v>0</v>
      </c>
      <c r="I5842" s="98">
        <v>0</v>
      </c>
      <c r="J5842" s="98">
        <v>1</v>
      </c>
      <c r="K5842" s="149" t="s">
        <v>400</v>
      </c>
      <c r="L5842" s="149" t="s">
        <v>400</v>
      </c>
      <c r="M5842" s="149" t="s">
        <v>400</v>
      </c>
      <c r="N5842" s="149" t="s">
        <v>400</v>
      </c>
      <c r="O5842" s="149" t="s">
        <v>400</v>
      </c>
      <c r="P5842" s="149" t="s">
        <v>400</v>
      </c>
      <c r="Q5842" s="149" t="s">
        <v>400</v>
      </c>
      <c r="R5842" s="149" t="s">
        <v>400</v>
      </c>
      <c r="S5842" s="149" t="s">
        <v>400</v>
      </c>
      <c r="T5842" s="149" t="s">
        <v>400</v>
      </c>
      <c r="U5842" s="99"/>
      <c r="V5842" s="99"/>
      <c r="W5842" s="99"/>
      <c r="X5842" s="99"/>
      <c r="Y5842" s="99"/>
      <c r="Z5842" s="99"/>
      <c r="AA5842" s="99"/>
      <c r="AB5842" s="99"/>
      <c r="AC5842" s="99"/>
      <c r="AD5842" s="99"/>
      <c r="AE5842" s="99"/>
      <c r="AF5842" s="99"/>
      <c r="AG5842" s="99"/>
      <c r="AH5842" s="99"/>
      <c r="AI5842" s="99"/>
      <c r="AJ5842" s="99"/>
      <c r="AK5842" s="99"/>
      <c r="AL5842" s="99"/>
      <c r="AM5842" s="99"/>
      <c r="AN5842" s="99"/>
      <c r="AO5842" s="99"/>
      <c r="AP5842" s="99"/>
      <c r="AQ5842" s="99"/>
      <c r="AR5842" s="99"/>
      <c r="AS5842" s="99"/>
      <c r="AT5842" s="99"/>
      <c r="AU5842" s="99"/>
      <c r="AV5842" s="99"/>
      <c r="AW5842" s="99"/>
      <c r="AX5842" s="99"/>
      <c r="AY5842" s="99"/>
      <c r="AZ5842" s="99"/>
      <c r="BA5842" s="99"/>
      <c r="BB5842" s="107">
        <v>45884</v>
      </c>
    </row>
    <row r="5843" spans="1:54" s="8" customFormat="1" ht="13.95" customHeight="1" x14ac:dyDescent="0.25">
      <c r="A5843" s="219" t="s">
        <v>13617</v>
      </c>
      <c r="B5843" s="220" t="s">
        <v>13310</v>
      </c>
      <c r="C5843" s="98" t="s">
        <v>13618</v>
      </c>
      <c r="D5843" s="144" t="s">
        <v>13619</v>
      </c>
      <c r="E5843" s="141">
        <v>1970</v>
      </c>
      <c r="F5843" s="141">
        <v>1054</v>
      </c>
      <c r="G5843" s="144" t="s">
        <v>1</v>
      </c>
      <c r="H5843" s="98">
        <v>0</v>
      </c>
      <c r="I5843" s="98">
        <v>0</v>
      </c>
      <c r="J5843" s="98">
        <v>1</v>
      </c>
      <c r="K5843" s="149" t="s">
        <v>400</v>
      </c>
      <c r="L5843" s="149" t="s">
        <v>400</v>
      </c>
      <c r="M5843" s="149" t="s">
        <v>400</v>
      </c>
      <c r="N5843" s="149" t="s">
        <v>400</v>
      </c>
      <c r="O5843" s="149" t="s">
        <v>400</v>
      </c>
      <c r="P5843" s="149" t="s">
        <v>400</v>
      </c>
      <c r="Q5843" s="149" t="s">
        <v>400</v>
      </c>
      <c r="R5843" s="149" t="s">
        <v>400</v>
      </c>
      <c r="S5843" s="149" t="s">
        <v>400</v>
      </c>
      <c r="T5843" s="149" t="s">
        <v>400</v>
      </c>
      <c r="U5843" s="99"/>
      <c r="V5843" s="99"/>
      <c r="W5843" s="99"/>
      <c r="X5843" s="99"/>
      <c r="Y5843" s="99"/>
      <c r="Z5843" s="99"/>
      <c r="AA5843" s="99"/>
      <c r="AB5843" s="99"/>
      <c r="AC5843" s="99"/>
      <c r="AD5843" s="99"/>
      <c r="AE5843" s="99"/>
      <c r="AF5843" s="99"/>
      <c r="AG5843" s="99"/>
      <c r="AH5843" s="99"/>
      <c r="AI5843" s="99"/>
      <c r="AJ5843" s="99"/>
      <c r="AK5843" s="99"/>
      <c r="AL5843" s="99"/>
      <c r="AM5843" s="99"/>
      <c r="AN5843" s="99"/>
      <c r="AO5843" s="99"/>
      <c r="AP5843" s="99"/>
      <c r="AQ5843" s="99"/>
      <c r="AR5843" s="99"/>
      <c r="AS5843" s="99"/>
      <c r="AT5843" s="99"/>
      <c r="AU5843" s="99"/>
      <c r="AV5843" s="99"/>
      <c r="AW5843" s="99"/>
      <c r="AX5843" s="99"/>
      <c r="AY5843" s="99"/>
      <c r="AZ5843" s="99"/>
      <c r="BA5843" s="99"/>
      <c r="BB5843" s="107">
        <v>45884</v>
      </c>
    </row>
    <row r="5844" spans="1:54" s="8" customFormat="1" ht="13.95" customHeight="1" x14ac:dyDescent="0.25">
      <c r="A5844" s="219" t="s">
        <v>13620</v>
      </c>
      <c r="B5844" s="220" t="s">
        <v>13310</v>
      </c>
      <c r="C5844" s="98" t="s">
        <v>13621</v>
      </c>
      <c r="D5844" s="144" t="s">
        <v>13622</v>
      </c>
      <c r="E5844" s="141">
        <v>2016</v>
      </c>
      <c r="F5844" s="141">
        <v>1055</v>
      </c>
      <c r="G5844" s="144" t="s">
        <v>1</v>
      </c>
      <c r="H5844" s="98">
        <v>0</v>
      </c>
      <c r="I5844" s="98">
        <v>0</v>
      </c>
      <c r="J5844" s="98">
        <v>1</v>
      </c>
      <c r="K5844" s="149" t="s">
        <v>400</v>
      </c>
      <c r="L5844" s="149" t="s">
        <v>400</v>
      </c>
      <c r="M5844" s="149" t="s">
        <v>400</v>
      </c>
      <c r="N5844" s="149" t="s">
        <v>400</v>
      </c>
      <c r="O5844" s="149" t="s">
        <v>400</v>
      </c>
      <c r="P5844" s="149" t="s">
        <v>400</v>
      </c>
      <c r="Q5844" s="149" t="s">
        <v>400</v>
      </c>
      <c r="R5844" s="149" t="s">
        <v>400</v>
      </c>
      <c r="S5844" s="149" t="s">
        <v>400</v>
      </c>
      <c r="T5844" s="149" t="s">
        <v>400</v>
      </c>
      <c r="U5844" s="99"/>
      <c r="V5844" s="99"/>
      <c r="W5844" s="99"/>
      <c r="X5844" s="99"/>
      <c r="Y5844" s="99"/>
      <c r="Z5844" s="99"/>
      <c r="AA5844" s="99"/>
      <c r="AB5844" s="99"/>
      <c r="AC5844" s="99"/>
      <c r="AD5844" s="99"/>
      <c r="AE5844" s="99"/>
      <c r="AF5844" s="99"/>
      <c r="AG5844" s="99"/>
      <c r="AH5844" s="99"/>
      <c r="AI5844" s="99"/>
      <c r="AJ5844" s="99"/>
      <c r="AK5844" s="99"/>
      <c r="AL5844" s="99"/>
      <c r="AM5844" s="99"/>
      <c r="AN5844" s="99"/>
      <c r="AO5844" s="99"/>
      <c r="AP5844" s="99"/>
      <c r="AQ5844" s="99"/>
      <c r="AR5844" s="99"/>
      <c r="AS5844" s="99"/>
      <c r="AT5844" s="99"/>
      <c r="AU5844" s="99"/>
      <c r="AV5844" s="99"/>
      <c r="AW5844" s="99"/>
      <c r="AX5844" s="99"/>
      <c r="AY5844" s="99"/>
      <c r="AZ5844" s="99"/>
      <c r="BA5844" s="99"/>
      <c r="BB5844" s="107">
        <v>45884</v>
      </c>
    </row>
    <row r="5845" spans="1:54" s="8" customFormat="1" ht="13.95" customHeight="1" x14ac:dyDescent="0.25">
      <c r="A5845" s="219" t="s">
        <v>13623</v>
      </c>
      <c r="B5845" s="220" t="s">
        <v>13310</v>
      </c>
      <c r="C5845" s="98" t="s">
        <v>13624</v>
      </c>
      <c r="D5845" s="144" t="s">
        <v>13625</v>
      </c>
      <c r="E5845" s="141">
        <v>1968</v>
      </c>
      <c r="F5845" s="141">
        <v>1060</v>
      </c>
      <c r="G5845" s="144" t="s">
        <v>1</v>
      </c>
      <c r="H5845" s="98">
        <v>0</v>
      </c>
      <c r="I5845" s="98">
        <v>0</v>
      </c>
      <c r="J5845" s="98">
        <v>1</v>
      </c>
      <c r="K5845" s="149" t="s">
        <v>400</v>
      </c>
      <c r="L5845" s="149" t="s">
        <v>400</v>
      </c>
      <c r="M5845" s="149" t="s">
        <v>400</v>
      </c>
      <c r="N5845" s="149" t="s">
        <v>400</v>
      </c>
      <c r="O5845" s="149" t="s">
        <v>400</v>
      </c>
      <c r="P5845" s="149" t="s">
        <v>400</v>
      </c>
      <c r="Q5845" s="149" t="s">
        <v>400</v>
      </c>
      <c r="R5845" s="149" t="s">
        <v>400</v>
      </c>
      <c r="S5845" s="149" t="s">
        <v>400</v>
      </c>
      <c r="T5845" s="149" t="s">
        <v>400</v>
      </c>
      <c r="U5845" s="99"/>
      <c r="V5845" s="99"/>
      <c r="W5845" s="99"/>
      <c r="X5845" s="99"/>
      <c r="Y5845" s="99"/>
      <c r="Z5845" s="99"/>
      <c r="AA5845" s="99"/>
      <c r="AB5845" s="99"/>
      <c r="AC5845" s="99"/>
      <c r="AD5845" s="99"/>
      <c r="AE5845" s="99"/>
      <c r="AF5845" s="99"/>
      <c r="AG5845" s="99"/>
      <c r="AH5845" s="99"/>
      <c r="AI5845" s="99"/>
      <c r="AJ5845" s="99"/>
      <c r="AK5845" s="99"/>
      <c r="AL5845" s="99"/>
      <c r="AM5845" s="99"/>
      <c r="AN5845" s="99"/>
      <c r="AO5845" s="99"/>
      <c r="AP5845" s="99"/>
      <c r="AQ5845" s="99"/>
      <c r="AR5845" s="99"/>
      <c r="AS5845" s="99"/>
      <c r="AT5845" s="99"/>
      <c r="AU5845" s="99"/>
      <c r="AV5845" s="99"/>
      <c r="AW5845" s="99"/>
      <c r="AX5845" s="99"/>
      <c r="AY5845" s="99"/>
      <c r="AZ5845" s="99"/>
      <c r="BA5845" s="99"/>
      <c r="BB5845" s="107">
        <v>45884</v>
      </c>
    </row>
    <row r="5846" spans="1:54" s="8" customFormat="1" ht="13.95" customHeight="1" x14ac:dyDescent="0.25">
      <c r="A5846" s="219" t="s">
        <v>13626</v>
      </c>
      <c r="B5846" s="220" t="s">
        <v>13310</v>
      </c>
      <c r="C5846" s="98" t="s">
        <v>13627</v>
      </c>
      <c r="D5846" s="144" t="s">
        <v>13628</v>
      </c>
      <c r="E5846" s="141">
        <v>1959</v>
      </c>
      <c r="F5846" s="141">
        <v>1072</v>
      </c>
      <c r="G5846" s="144" t="s">
        <v>1</v>
      </c>
      <c r="H5846" s="98">
        <v>0</v>
      </c>
      <c r="I5846" s="98">
        <v>0</v>
      </c>
      <c r="J5846" s="98">
        <v>1</v>
      </c>
      <c r="K5846" s="149" t="s">
        <v>400</v>
      </c>
      <c r="L5846" s="149" t="s">
        <v>400</v>
      </c>
      <c r="M5846" s="149" t="s">
        <v>400</v>
      </c>
      <c r="N5846" s="149" t="s">
        <v>400</v>
      </c>
      <c r="O5846" s="149" t="s">
        <v>400</v>
      </c>
      <c r="P5846" s="149" t="s">
        <v>400</v>
      </c>
      <c r="Q5846" s="149" t="s">
        <v>400</v>
      </c>
      <c r="R5846" s="149" t="s">
        <v>400</v>
      </c>
      <c r="S5846" s="149" t="s">
        <v>400</v>
      </c>
      <c r="T5846" s="149" t="s">
        <v>400</v>
      </c>
      <c r="U5846" s="99"/>
      <c r="V5846" s="99"/>
      <c r="W5846" s="99"/>
      <c r="X5846" s="99"/>
      <c r="Y5846" s="99"/>
      <c r="Z5846" s="99"/>
      <c r="AA5846" s="99"/>
      <c r="AB5846" s="99"/>
      <c r="AC5846" s="99"/>
      <c r="AD5846" s="99"/>
      <c r="AE5846" s="99"/>
      <c r="AF5846" s="99"/>
      <c r="AG5846" s="99"/>
      <c r="AH5846" s="99"/>
      <c r="AI5846" s="99"/>
      <c r="AJ5846" s="99"/>
      <c r="AK5846" s="99"/>
      <c r="AL5846" s="99"/>
      <c r="AM5846" s="99"/>
      <c r="AN5846" s="99"/>
      <c r="AO5846" s="99"/>
      <c r="AP5846" s="99"/>
      <c r="AQ5846" s="99"/>
      <c r="AR5846" s="99"/>
      <c r="AS5846" s="99"/>
      <c r="AT5846" s="99"/>
      <c r="AU5846" s="99"/>
      <c r="AV5846" s="99"/>
      <c r="AW5846" s="99"/>
      <c r="AX5846" s="99"/>
      <c r="AY5846" s="99"/>
      <c r="AZ5846" s="99"/>
      <c r="BA5846" s="99"/>
      <c r="BB5846" s="107">
        <v>45884</v>
      </c>
    </row>
    <row r="5847" spans="1:54" s="8" customFormat="1" ht="13.95" customHeight="1" x14ac:dyDescent="0.25">
      <c r="A5847" s="219" t="s">
        <v>13629</v>
      </c>
      <c r="B5847" s="220" t="s">
        <v>13310</v>
      </c>
      <c r="C5847" s="98" t="s">
        <v>13630</v>
      </c>
      <c r="D5847" s="144" t="s">
        <v>13631</v>
      </c>
      <c r="E5847" s="141">
        <v>1988</v>
      </c>
      <c r="F5847" s="141">
        <v>1085</v>
      </c>
      <c r="G5847" s="144" t="s">
        <v>1</v>
      </c>
      <c r="H5847" s="98">
        <v>0</v>
      </c>
      <c r="I5847" s="98">
        <v>0</v>
      </c>
      <c r="J5847" s="98">
        <v>1</v>
      </c>
      <c r="K5847" s="149" t="s">
        <v>400</v>
      </c>
      <c r="L5847" s="149" t="s">
        <v>400</v>
      </c>
      <c r="M5847" s="149" t="s">
        <v>400</v>
      </c>
      <c r="N5847" s="149" t="s">
        <v>400</v>
      </c>
      <c r="O5847" s="149" t="s">
        <v>400</v>
      </c>
      <c r="P5847" s="149" t="s">
        <v>400</v>
      </c>
      <c r="Q5847" s="149" t="s">
        <v>400</v>
      </c>
      <c r="R5847" s="149" t="s">
        <v>400</v>
      </c>
      <c r="S5847" s="149" t="s">
        <v>400</v>
      </c>
      <c r="T5847" s="149" t="s">
        <v>400</v>
      </c>
      <c r="U5847" s="99"/>
      <c r="V5847" s="99"/>
      <c r="W5847" s="99"/>
      <c r="X5847" s="99"/>
      <c r="Y5847" s="99"/>
      <c r="Z5847" s="99"/>
      <c r="AA5847" s="99"/>
      <c r="AB5847" s="99"/>
      <c r="AC5847" s="99"/>
      <c r="AD5847" s="99"/>
      <c r="AE5847" s="99"/>
      <c r="AF5847" s="99"/>
      <c r="AG5847" s="99"/>
      <c r="AH5847" s="99"/>
      <c r="AI5847" s="99"/>
      <c r="AJ5847" s="99"/>
      <c r="AK5847" s="99"/>
      <c r="AL5847" s="99"/>
      <c r="AM5847" s="99"/>
      <c r="AN5847" s="99"/>
      <c r="AO5847" s="99"/>
      <c r="AP5847" s="99"/>
      <c r="AQ5847" s="99"/>
      <c r="AR5847" s="99"/>
      <c r="AS5847" s="99"/>
      <c r="AT5847" s="99"/>
      <c r="AU5847" s="99"/>
      <c r="AV5847" s="99"/>
      <c r="AW5847" s="99"/>
      <c r="AX5847" s="99"/>
      <c r="AY5847" s="99"/>
      <c r="AZ5847" s="99"/>
      <c r="BA5847" s="99"/>
      <c r="BB5847" s="107">
        <v>45884</v>
      </c>
    </row>
    <row r="5848" spans="1:54" s="8" customFormat="1" ht="13.95" customHeight="1" x14ac:dyDescent="0.25">
      <c r="A5848" s="219" t="s">
        <v>13632</v>
      </c>
      <c r="B5848" s="220" t="s">
        <v>13310</v>
      </c>
      <c r="C5848" s="98" t="s">
        <v>13633</v>
      </c>
      <c r="D5848" s="144" t="s">
        <v>13634</v>
      </c>
      <c r="E5848" s="141">
        <v>1964</v>
      </c>
      <c r="F5848" s="141">
        <v>1090</v>
      </c>
      <c r="G5848" s="144" t="s">
        <v>1</v>
      </c>
      <c r="H5848" s="98">
        <v>0</v>
      </c>
      <c r="I5848" s="98">
        <v>0</v>
      </c>
      <c r="J5848" s="98">
        <v>0</v>
      </c>
      <c r="K5848" s="149" t="s">
        <v>400</v>
      </c>
      <c r="L5848" s="149" t="s">
        <v>400</v>
      </c>
      <c r="M5848" s="149" t="s">
        <v>400</v>
      </c>
      <c r="N5848" s="149" t="s">
        <v>400</v>
      </c>
      <c r="O5848" s="149" t="s">
        <v>400</v>
      </c>
      <c r="P5848" s="149" t="s">
        <v>400</v>
      </c>
      <c r="Q5848" s="149" t="s">
        <v>400</v>
      </c>
      <c r="R5848" s="149" t="s">
        <v>400</v>
      </c>
      <c r="S5848" s="149" t="s">
        <v>400</v>
      </c>
      <c r="T5848" s="149" t="s">
        <v>400</v>
      </c>
      <c r="U5848" s="99"/>
      <c r="V5848" s="99"/>
      <c r="W5848" s="99"/>
      <c r="X5848" s="99"/>
      <c r="Y5848" s="99"/>
      <c r="Z5848" s="99"/>
      <c r="AA5848" s="99"/>
      <c r="AB5848" s="99"/>
      <c r="AC5848" s="99"/>
      <c r="AD5848" s="99"/>
      <c r="AE5848" s="99"/>
      <c r="AF5848" s="99"/>
      <c r="AG5848" s="99"/>
      <c r="AH5848" s="99"/>
      <c r="AI5848" s="99"/>
      <c r="AJ5848" s="99"/>
      <c r="AK5848" s="99"/>
      <c r="AL5848" s="99"/>
      <c r="AM5848" s="99"/>
      <c r="AN5848" s="99"/>
      <c r="AO5848" s="99"/>
      <c r="AP5848" s="99"/>
      <c r="AQ5848" s="99"/>
      <c r="AR5848" s="99"/>
      <c r="AS5848" s="99"/>
      <c r="AT5848" s="99"/>
      <c r="AU5848" s="99"/>
      <c r="AV5848" s="99"/>
      <c r="AW5848" s="99"/>
      <c r="AX5848" s="99"/>
      <c r="AY5848" s="99"/>
      <c r="AZ5848" s="99"/>
      <c r="BA5848" s="99"/>
      <c r="BB5848" s="107">
        <v>45884</v>
      </c>
    </row>
    <row r="5849" spans="1:54" s="8" customFormat="1" ht="13.95" customHeight="1" x14ac:dyDescent="0.25">
      <c r="A5849" s="219" t="s">
        <v>13635</v>
      </c>
      <c r="B5849" s="220" t="s">
        <v>13310</v>
      </c>
      <c r="C5849" s="98" t="s">
        <v>13636</v>
      </c>
      <c r="D5849" s="144" t="s">
        <v>13637</v>
      </c>
      <c r="E5849" s="141">
        <v>1984</v>
      </c>
      <c r="F5849" s="141">
        <v>1091</v>
      </c>
      <c r="G5849" s="144" t="s">
        <v>1</v>
      </c>
      <c r="H5849" s="98">
        <v>0</v>
      </c>
      <c r="I5849" s="98">
        <v>0</v>
      </c>
      <c r="J5849" s="98">
        <v>1</v>
      </c>
      <c r="K5849" s="149" t="s">
        <v>400</v>
      </c>
      <c r="L5849" s="149" t="s">
        <v>400</v>
      </c>
      <c r="M5849" s="149" t="s">
        <v>400</v>
      </c>
      <c r="N5849" s="149" t="s">
        <v>400</v>
      </c>
      <c r="O5849" s="149" t="s">
        <v>400</v>
      </c>
      <c r="P5849" s="149" t="s">
        <v>400</v>
      </c>
      <c r="Q5849" s="149" t="s">
        <v>400</v>
      </c>
      <c r="R5849" s="149" t="s">
        <v>400</v>
      </c>
      <c r="S5849" s="149" t="s">
        <v>400</v>
      </c>
      <c r="T5849" s="149" t="s">
        <v>400</v>
      </c>
      <c r="U5849" s="99"/>
      <c r="V5849" s="99"/>
      <c r="W5849" s="99"/>
      <c r="X5849" s="99"/>
      <c r="Y5849" s="99"/>
      <c r="Z5849" s="99"/>
      <c r="AA5849" s="99"/>
      <c r="AB5849" s="99"/>
      <c r="AC5849" s="99"/>
      <c r="AD5849" s="99"/>
      <c r="AE5849" s="99"/>
      <c r="AF5849" s="99"/>
      <c r="AG5849" s="99"/>
      <c r="AH5849" s="99"/>
      <c r="AI5849" s="99"/>
      <c r="AJ5849" s="99"/>
      <c r="AK5849" s="99"/>
      <c r="AL5849" s="99"/>
      <c r="AM5849" s="99"/>
      <c r="AN5849" s="99"/>
      <c r="AO5849" s="99"/>
      <c r="AP5849" s="99"/>
      <c r="AQ5849" s="99"/>
      <c r="AR5849" s="99"/>
      <c r="AS5849" s="99"/>
      <c r="AT5849" s="99"/>
      <c r="AU5849" s="99"/>
      <c r="AV5849" s="99"/>
      <c r="AW5849" s="99"/>
      <c r="AX5849" s="99"/>
      <c r="AY5849" s="99"/>
      <c r="AZ5849" s="99"/>
      <c r="BA5849" s="99"/>
      <c r="BB5849" s="107">
        <v>45884</v>
      </c>
    </row>
    <row r="5850" spans="1:54" s="8" customFormat="1" ht="13.95" customHeight="1" x14ac:dyDescent="0.25">
      <c r="A5850" s="219" t="s">
        <v>13638</v>
      </c>
      <c r="B5850" s="220" t="s">
        <v>13310</v>
      </c>
      <c r="C5850" s="98" t="s">
        <v>471</v>
      </c>
      <c r="D5850" s="144" t="s">
        <v>13639</v>
      </c>
      <c r="E5850" s="141">
        <v>1972</v>
      </c>
      <c r="F5850" s="141">
        <v>1107</v>
      </c>
      <c r="G5850" s="144" t="s">
        <v>1</v>
      </c>
      <c r="H5850" s="98">
        <v>0</v>
      </c>
      <c r="I5850" s="98">
        <v>0</v>
      </c>
      <c r="J5850" s="98">
        <v>1</v>
      </c>
      <c r="K5850" s="149" t="s">
        <v>400</v>
      </c>
      <c r="L5850" s="149" t="s">
        <v>400</v>
      </c>
      <c r="M5850" s="149" t="s">
        <v>400</v>
      </c>
      <c r="N5850" s="149" t="s">
        <v>400</v>
      </c>
      <c r="O5850" s="149" t="s">
        <v>400</v>
      </c>
      <c r="P5850" s="149" t="s">
        <v>400</v>
      </c>
      <c r="Q5850" s="149" t="s">
        <v>400</v>
      </c>
      <c r="R5850" s="149" t="s">
        <v>400</v>
      </c>
      <c r="S5850" s="149" t="s">
        <v>400</v>
      </c>
      <c r="T5850" s="149" t="s">
        <v>400</v>
      </c>
      <c r="U5850" s="99"/>
      <c r="V5850" s="99"/>
      <c r="W5850" s="99"/>
      <c r="X5850" s="99"/>
      <c r="Y5850" s="99"/>
      <c r="Z5850" s="99"/>
      <c r="AA5850" s="99"/>
      <c r="AB5850" s="99"/>
      <c r="AC5850" s="99"/>
      <c r="AD5850" s="99"/>
      <c r="AE5850" s="99"/>
      <c r="AF5850" s="99"/>
      <c r="AG5850" s="99"/>
      <c r="AH5850" s="99"/>
      <c r="AI5850" s="99"/>
      <c r="AJ5850" s="99"/>
      <c r="AK5850" s="99"/>
      <c r="AL5850" s="99"/>
      <c r="AM5850" s="99"/>
      <c r="AN5850" s="99"/>
      <c r="AO5850" s="99"/>
      <c r="AP5850" s="99"/>
      <c r="AQ5850" s="99"/>
      <c r="AR5850" s="99"/>
      <c r="AS5850" s="99"/>
      <c r="AT5850" s="99"/>
      <c r="AU5850" s="99"/>
      <c r="AV5850" s="99"/>
      <c r="AW5850" s="99"/>
      <c r="AX5850" s="99"/>
      <c r="AY5850" s="99"/>
      <c r="AZ5850" s="99"/>
      <c r="BA5850" s="99"/>
      <c r="BB5850" s="107">
        <v>45884</v>
      </c>
    </row>
    <row r="5851" spans="1:54" s="8" customFormat="1" ht="13.95" customHeight="1" x14ac:dyDescent="0.25">
      <c r="A5851" s="219" t="s">
        <v>13640</v>
      </c>
      <c r="B5851" s="220" t="s">
        <v>13310</v>
      </c>
      <c r="C5851" s="98" t="s">
        <v>13641</v>
      </c>
      <c r="D5851" s="144" t="s">
        <v>13642</v>
      </c>
      <c r="E5851" s="141">
        <v>2004</v>
      </c>
      <c r="F5851" s="141">
        <v>1110</v>
      </c>
      <c r="G5851" s="144" t="s">
        <v>1</v>
      </c>
      <c r="H5851" s="98">
        <v>0</v>
      </c>
      <c r="I5851" s="98">
        <v>0</v>
      </c>
      <c r="J5851" s="98">
        <v>1</v>
      </c>
      <c r="K5851" s="149" t="s">
        <v>400</v>
      </c>
      <c r="L5851" s="149" t="s">
        <v>400</v>
      </c>
      <c r="M5851" s="149" t="s">
        <v>400</v>
      </c>
      <c r="N5851" s="149" t="s">
        <v>400</v>
      </c>
      <c r="O5851" s="149" t="s">
        <v>400</v>
      </c>
      <c r="P5851" s="149" t="s">
        <v>400</v>
      </c>
      <c r="Q5851" s="149" t="s">
        <v>400</v>
      </c>
      <c r="R5851" s="149" t="s">
        <v>400</v>
      </c>
      <c r="S5851" s="149" t="s">
        <v>400</v>
      </c>
      <c r="T5851" s="149" t="s">
        <v>400</v>
      </c>
      <c r="U5851" s="99"/>
      <c r="V5851" s="99"/>
      <c r="W5851" s="99"/>
      <c r="X5851" s="99"/>
      <c r="Y5851" s="99"/>
      <c r="Z5851" s="99"/>
      <c r="AA5851" s="99"/>
      <c r="AB5851" s="99"/>
      <c r="AC5851" s="99"/>
      <c r="AD5851" s="99"/>
      <c r="AE5851" s="99"/>
      <c r="AF5851" s="99"/>
      <c r="AG5851" s="99"/>
      <c r="AH5851" s="99"/>
      <c r="AI5851" s="99"/>
      <c r="AJ5851" s="99"/>
      <c r="AK5851" s="99"/>
      <c r="AL5851" s="99"/>
      <c r="AM5851" s="99"/>
      <c r="AN5851" s="99"/>
      <c r="AO5851" s="99"/>
      <c r="AP5851" s="99"/>
      <c r="AQ5851" s="99"/>
      <c r="AR5851" s="99"/>
      <c r="AS5851" s="99"/>
      <c r="AT5851" s="99"/>
      <c r="AU5851" s="99"/>
      <c r="AV5851" s="99"/>
      <c r="AW5851" s="99"/>
      <c r="AX5851" s="99"/>
      <c r="AY5851" s="99"/>
      <c r="AZ5851" s="99"/>
      <c r="BA5851" s="99"/>
      <c r="BB5851" s="107">
        <v>45884</v>
      </c>
    </row>
    <row r="5852" spans="1:54" s="8" customFormat="1" ht="13.95" customHeight="1" x14ac:dyDescent="0.25">
      <c r="A5852" s="219" t="s">
        <v>13643</v>
      </c>
      <c r="B5852" s="220" t="s">
        <v>13310</v>
      </c>
      <c r="C5852" s="98" t="s">
        <v>13644</v>
      </c>
      <c r="D5852" s="144" t="s">
        <v>13645</v>
      </c>
      <c r="E5852" s="141">
        <v>1957</v>
      </c>
      <c r="F5852" s="141">
        <v>1112</v>
      </c>
      <c r="G5852" s="144" t="s">
        <v>1</v>
      </c>
      <c r="H5852" s="98">
        <v>0</v>
      </c>
      <c r="I5852" s="98">
        <v>0</v>
      </c>
      <c r="J5852" s="98">
        <v>1</v>
      </c>
      <c r="K5852" s="149" t="s">
        <v>400</v>
      </c>
      <c r="L5852" s="149" t="s">
        <v>400</v>
      </c>
      <c r="M5852" s="149" t="s">
        <v>400</v>
      </c>
      <c r="N5852" s="149" t="s">
        <v>400</v>
      </c>
      <c r="O5852" s="149" t="s">
        <v>400</v>
      </c>
      <c r="P5852" s="149" t="s">
        <v>400</v>
      </c>
      <c r="Q5852" s="149" t="s">
        <v>400</v>
      </c>
      <c r="R5852" s="149" t="s">
        <v>400</v>
      </c>
      <c r="S5852" s="149" t="s">
        <v>400</v>
      </c>
      <c r="T5852" s="149" t="s">
        <v>400</v>
      </c>
      <c r="U5852" s="99"/>
      <c r="V5852" s="99"/>
      <c r="W5852" s="99"/>
      <c r="X5852" s="99"/>
      <c r="Y5852" s="99"/>
      <c r="Z5852" s="99"/>
      <c r="AA5852" s="99"/>
      <c r="AB5852" s="99"/>
      <c r="AC5852" s="99"/>
      <c r="AD5852" s="99"/>
      <c r="AE5852" s="99"/>
      <c r="AF5852" s="99"/>
      <c r="AG5852" s="99"/>
      <c r="AH5852" s="99"/>
      <c r="AI5852" s="99"/>
      <c r="AJ5852" s="99"/>
      <c r="AK5852" s="99"/>
      <c r="AL5852" s="99"/>
      <c r="AM5852" s="99"/>
      <c r="AN5852" s="99"/>
      <c r="AO5852" s="99"/>
      <c r="AP5852" s="99"/>
      <c r="AQ5852" s="99"/>
      <c r="AR5852" s="99"/>
      <c r="AS5852" s="99"/>
      <c r="AT5852" s="99"/>
      <c r="AU5852" s="99"/>
      <c r="AV5852" s="99"/>
      <c r="AW5852" s="99"/>
      <c r="AX5852" s="99"/>
      <c r="AY5852" s="99"/>
      <c r="AZ5852" s="99"/>
      <c r="BA5852" s="99"/>
      <c r="BB5852" s="107">
        <v>45884</v>
      </c>
    </row>
    <row r="5853" spans="1:54" s="8" customFormat="1" ht="13.95" customHeight="1" x14ac:dyDescent="0.25">
      <c r="A5853" s="219" t="s">
        <v>13646</v>
      </c>
      <c r="B5853" s="220" t="s">
        <v>13310</v>
      </c>
      <c r="C5853" s="98" t="s">
        <v>13647</v>
      </c>
      <c r="D5853" s="144" t="s">
        <v>13648</v>
      </c>
      <c r="E5853" s="141">
        <v>1981</v>
      </c>
      <c r="F5853" s="141">
        <v>1150</v>
      </c>
      <c r="G5853" s="144" t="s">
        <v>1</v>
      </c>
      <c r="H5853" s="98">
        <v>0</v>
      </c>
      <c r="I5853" s="98">
        <v>0</v>
      </c>
      <c r="J5853" s="98">
        <v>1</v>
      </c>
      <c r="K5853" s="149" t="s">
        <v>400</v>
      </c>
      <c r="L5853" s="149" t="s">
        <v>400</v>
      </c>
      <c r="M5853" s="149" t="s">
        <v>400</v>
      </c>
      <c r="N5853" s="149" t="s">
        <v>400</v>
      </c>
      <c r="O5853" s="149" t="s">
        <v>400</v>
      </c>
      <c r="P5853" s="149" t="s">
        <v>400</v>
      </c>
      <c r="Q5853" s="149" t="s">
        <v>400</v>
      </c>
      <c r="R5853" s="149" t="s">
        <v>400</v>
      </c>
      <c r="S5853" s="149" t="s">
        <v>400</v>
      </c>
      <c r="T5853" s="149" t="s">
        <v>400</v>
      </c>
      <c r="U5853" s="99"/>
      <c r="V5853" s="99"/>
      <c r="W5853" s="99"/>
      <c r="X5853" s="99"/>
      <c r="Y5853" s="99"/>
      <c r="Z5853" s="99"/>
      <c r="AA5853" s="99"/>
      <c r="AB5853" s="99"/>
      <c r="AC5853" s="99"/>
      <c r="AD5853" s="99"/>
      <c r="AE5853" s="99"/>
      <c r="AF5853" s="99"/>
      <c r="AG5853" s="99"/>
      <c r="AH5853" s="99"/>
      <c r="AI5853" s="99"/>
      <c r="AJ5853" s="99"/>
      <c r="AK5853" s="99"/>
      <c r="AL5853" s="99"/>
      <c r="AM5853" s="99"/>
      <c r="AN5853" s="99"/>
      <c r="AO5853" s="99"/>
      <c r="AP5853" s="99"/>
      <c r="AQ5853" s="99"/>
      <c r="AR5853" s="99"/>
      <c r="AS5853" s="99"/>
      <c r="AT5853" s="99"/>
      <c r="AU5853" s="99"/>
      <c r="AV5853" s="99"/>
      <c r="AW5853" s="99"/>
      <c r="AX5853" s="99"/>
      <c r="AY5853" s="99"/>
      <c r="AZ5853" s="99"/>
      <c r="BA5853" s="99"/>
      <c r="BB5853" s="107">
        <v>45884</v>
      </c>
    </row>
    <row r="5854" spans="1:54" s="8" customFormat="1" ht="13.95" customHeight="1" x14ac:dyDescent="0.25">
      <c r="A5854" s="219" t="s">
        <v>13649</v>
      </c>
      <c r="B5854" s="220" t="s">
        <v>13310</v>
      </c>
      <c r="C5854" s="98" t="s">
        <v>13650</v>
      </c>
      <c r="D5854" s="144" t="s">
        <v>13651</v>
      </c>
      <c r="E5854" s="141">
        <v>1959</v>
      </c>
      <c r="F5854" s="141">
        <v>1511</v>
      </c>
      <c r="G5854" s="144" t="s">
        <v>1</v>
      </c>
      <c r="H5854" s="98">
        <v>0</v>
      </c>
      <c r="I5854" s="98">
        <v>0</v>
      </c>
      <c r="J5854" s="98">
        <v>1</v>
      </c>
      <c r="K5854" s="149" t="s">
        <v>400</v>
      </c>
      <c r="L5854" s="149" t="s">
        <v>400</v>
      </c>
      <c r="M5854" s="149" t="s">
        <v>400</v>
      </c>
      <c r="N5854" s="149" t="s">
        <v>400</v>
      </c>
      <c r="O5854" s="149" t="s">
        <v>400</v>
      </c>
      <c r="P5854" s="149" t="s">
        <v>400</v>
      </c>
      <c r="Q5854" s="149" t="s">
        <v>400</v>
      </c>
      <c r="R5854" s="149" t="s">
        <v>400</v>
      </c>
      <c r="S5854" s="149" t="s">
        <v>400</v>
      </c>
      <c r="T5854" s="149" t="s">
        <v>400</v>
      </c>
      <c r="U5854" s="99"/>
      <c r="V5854" s="99"/>
      <c r="W5854" s="99"/>
      <c r="X5854" s="99"/>
      <c r="Y5854" s="99"/>
      <c r="Z5854" s="99"/>
      <c r="AA5854" s="99"/>
      <c r="AB5854" s="99"/>
      <c r="AC5854" s="99"/>
      <c r="AD5854" s="99"/>
      <c r="AE5854" s="99"/>
      <c r="AF5854" s="99"/>
      <c r="AG5854" s="99"/>
      <c r="AH5854" s="99"/>
      <c r="AI5854" s="99"/>
      <c r="AJ5854" s="99"/>
      <c r="AK5854" s="99"/>
      <c r="AL5854" s="99"/>
      <c r="AM5854" s="99"/>
      <c r="AN5854" s="99"/>
      <c r="AO5854" s="99"/>
      <c r="AP5854" s="99"/>
      <c r="AQ5854" s="99"/>
      <c r="AR5854" s="99"/>
      <c r="AS5854" s="99"/>
      <c r="AT5854" s="99"/>
      <c r="AU5854" s="99"/>
      <c r="AV5854" s="99"/>
      <c r="AW5854" s="99"/>
      <c r="AX5854" s="99"/>
      <c r="AY5854" s="99"/>
      <c r="AZ5854" s="99"/>
      <c r="BA5854" s="99"/>
      <c r="BB5854" s="107">
        <v>45884</v>
      </c>
    </row>
    <row r="5855" spans="1:54" s="8" customFormat="1" ht="13.95" customHeight="1" x14ac:dyDescent="0.25">
      <c r="A5855" s="219" t="s">
        <v>13652</v>
      </c>
      <c r="B5855" s="220" t="s">
        <v>13310</v>
      </c>
      <c r="C5855" s="98" t="s">
        <v>13653</v>
      </c>
      <c r="D5855" s="144" t="s">
        <v>13654</v>
      </c>
      <c r="E5855" s="141">
        <v>1985</v>
      </c>
      <c r="F5855" s="141">
        <v>1156</v>
      </c>
      <c r="G5855" s="144" t="s">
        <v>1</v>
      </c>
      <c r="H5855" s="98">
        <v>0</v>
      </c>
      <c r="I5855" s="98">
        <v>0</v>
      </c>
      <c r="J5855" s="98">
        <v>1</v>
      </c>
      <c r="K5855" s="149" t="s">
        <v>400</v>
      </c>
      <c r="L5855" s="149" t="s">
        <v>400</v>
      </c>
      <c r="M5855" s="149" t="s">
        <v>400</v>
      </c>
      <c r="N5855" s="149" t="s">
        <v>400</v>
      </c>
      <c r="O5855" s="149" t="s">
        <v>400</v>
      </c>
      <c r="P5855" s="149" t="s">
        <v>400</v>
      </c>
      <c r="Q5855" s="149" t="s">
        <v>400</v>
      </c>
      <c r="R5855" s="149" t="s">
        <v>400</v>
      </c>
      <c r="S5855" s="149" t="s">
        <v>400</v>
      </c>
      <c r="T5855" s="149" t="s">
        <v>400</v>
      </c>
      <c r="U5855" s="99"/>
      <c r="V5855" s="99"/>
      <c r="W5855" s="99"/>
      <c r="X5855" s="99"/>
      <c r="Y5855" s="99"/>
      <c r="Z5855" s="99"/>
      <c r="AA5855" s="99"/>
      <c r="AB5855" s="99"/>
      <c r="AC5855" s="99"/>
      <c r="AD5855" s="99"/>
      <c r="AE5855" s="99"/>
      <c r="AF5855" s="99"/>
      <c r="AG5855" s="99"/>
      <c r="AH5855" s="99"/>
      <c r="AI5855" s="99"/>
      <c r="AJ5855" s="99"/>
      <c r="AK5855" s="99"/>
      <c r="AL5855" s="99"/>
      <c r="AM5855" s="99"/>
      <c r="AN5855" s="99"/>
      <c r="AO5855" s="99"/>
      <c r="AP5855" s="99"/>
      <c r="AQ5855" s="99"/>
      <c r="AR5855" s="99"/>
      <c r="AS5855" s="99"/>
      <c r="AT5855" s="99"/>
      <c r="AU5855" s="99"/>
      <c r="AV5855" s="99"/>
      <c r="AW5855" s="99"/>
      <c r="AX5855" s="99"/>
      <c r="AY5855" s="99"/>
      <c r="AZ5855" s="99"/>
      <c r="BA5855" s="99"/>
      <c r="BB5855" s="107">
        <v>45884</v>
      </c>
    </row>
    <row r="5856" spans="1:54" s="8" customFormat="1" ht="13.95" customHeight="1" x14ac:dyDescent="0.25">
      <c r="A5856" s="219" t="s">
        <v>13655</v>
      </c>
      <c r="B5856" s="220" t="s">
        <v>13310</v>
      </c>
      <c r="C5856" s="98" t="s">
        <v>13656</v>
      </c>
      <c r="D5856" s="144" t="s">
        <v>13657</v>
      </c>
      <c r="E5856" s="141">
        <v>2001</v>
      </c>
      <c r="F5856" s="141">
        <v>1168</v>
      </c>
      <c r="G5856" s="144" t="s">
        <v>3</v>
      </c>
      <c r="H5856" s="98">
        <v>0</v>
      </c>
      <c r="I5856" s="98">
        <v>0</v>
      </c>
      <c r="J5856" s="98">
        <v>1</v>
      </c>
      <c r="K5856" s="149" t="s">
        <v>400</v>
      </c>
      <c r="L5856" s="149" t="s">
        <v>400</v>
      </c>
      <c r="M5856" s="149" t="s">
        <v>400</v>
      </c>
      <c r="N5856" s="149" t="s">
        <v>400</v>
      </c>
      <c r="O5856" s="149" t="s">
        <v>400</v>
      </c>
      <c r="P5856" s="149" t="s">
        <v>400</v>
      </c>
      <c r="Q5856" s="149" t="s">
        <v>400</v>
      </c>
      <c r="R5856" s="149" t="s">
        <v>400</v>
      </c>
      <c r="S5856" s="149" t="s">
        <v>400</v>
      </c>
      <c r="T5856" s="149" t="s">
        <v>400</v>
      </c>
      <c r="U5856" s="149" t="s">
        <v>400</v>
      </c>
      <c r="V5856" s="149" t="s">
        <v>400</v>
      </c>
      <c r="W5856" s="149" t="s">
        <v>400</v>
      </c>
      <c r="X5856" s="149" t="s">
        <v>400</v>
      </c>
      <c r="Y5856" s="149" t="s">
        <v>400</v>
      </c>
      <c r="Z5856" s="149" t="s">
        <v>400</v>
      </c>
      <c r="AA5856" s="149" t="s">
        <v>400</v>
      </c>
      <c r="AB5856" s="149" t="s">
        <v>400</v>
      </c>
      <c r="AC5856" s="149" t="s">
        <v>400</v>
      </c>
      <c r="AD5856" s="149" t="s">
        <v>400</v>
      </c>
      <c r="AE5856" s="149" t="s">
        <v>400</v>
      </c>
      <c r="AF5856" s="149" t="s">
        <v>400</v>
      </c>
      <c r="AG5856" s="149" t="s">
        <v>400</v>
      </c>
      <c r="AH5856" s="149" t="s">
        <v>400</v>
      </c>
      <c r="AI5856" s="149" t="s">
        <v>400</v>
      </c>
      <c r="AJ5856" s="149" t="s">
        <v>400</v>
      </c>
      <c r="AK5856" s="149" t="s">
        <v>400</v>
      </c>
      <c r="AL5856" s="149" t="s">
        <v>400</v>
      </c>
      <c r="AM5856" s="149" t="s">
        <v>400</v>
      </c>
      <c r="AN5856" s="149" t="s">
        <v>400</v>
      </c>
      <c r="AO5856" s="149" t="s">
        <v>400</v>
      </c>
      <c r="AP5856" s="149" t="s">
        <v>400</v>
      </c>
      <c r="AQ5856" s="149" t="s">
        <v>400</v>
      </c>
      <c r="AR5856" s="149" t="s">
        <v>400</v>
      </c>
      <c r="AS5856" s="149" t="s">
        <v>400</v>
      </c>
      <c r="AT5856" s="129" t="s">
        <v>400</v>
      </c>
      <c r="AU5856" s="149" t="s">
        <v>400</v>
      </c>
      <c r="AV5856" s="149" t="s">
        <v>400</v>
      </c>
      <c r="AW5856" s="149" t="s">
        <v>400</v>
      </c>
      <c r="AX5856" s="98"/>
      <c r="AY5856" s="98"/>
      <c r="AZ5856" s="98"/>
      <c r="BA5856" s="98"/>
      <c r="BB5856" s="107">
        <v>45884</v>
      </c>
    </row>
    <row r="5857" spans="1:54" s="8" customFormat="1" ht="13.95" customHeight="1" x14ac:dyDescent="0.25">
      <c r="A5857" s="219" t="s">
        <v>13658</v>
      </c>
      <c r="B5857" s="220" t="s">
        <v>13310</v>
      </c>
      <c r="C5857" s="98" t="s">
        <v>13659</v>
      </c>
      <c r="D5857" s="144" t="s">
        <v>13660</v>
      </c>
      <c r="E5857" s="141">
        <v>1995</v>
      </c>
      <c r="F5857" s="141">
        <v>1174</v>
      </c>
      <c r="G5857" s="144" t="s">
        <v>1</v>
      </c>
      <c r="H5857" s="98">
        <v>0</v>
      </c>
      <c r="I5857" s="98">
        <v>0</v>
      </c>
      <c r="J5857" s="98">
        <v>1</v>
      </c>
      <c r="K5857" s="149" t="s">
        <v>400</v>
      </c>
      <c r="L5857" s="149" t="s">
        <v>400</v>
      </c>
      <c r="M5857" s="149" t="s">
        <v>400</v>
      </c>
      <c r="N5857" s="149" t="s">
        <v>400</v>
      </c>
      <c r="O5857" s="149" t="s">
        <v>400</v>
      </c>
      <c r="P5857" s="149" t="s">
        <v>400</v>
      </c>
      <c r="Q5857" s="149" t="s">
        <v>400</v>
      </c>
      <c r="R5857" s="149" t="s">
        <v>400</v>
      </c>
      <c r="S5857" s="149" t="s">
        <v>400</v>
      </c>
      <c r="T5857" s="149" t="s">
        <v>400</v>
      </c>
      <c r="U5857" s="99"/>
      <c r="V5857" s="99"/>
      <c r="W5857" s="99"/>
      <c r="X5857" s="99"/>
      <c r="Y5857" s="99"/>
      <c r="Z5857" s="99"/>
      <c r="AA5857" s="99"/>
      <c r="AB5857" s="99"/>
      <c r="AC5857" s="99"/>
      <c r="AD5857" s="99"/>
      <c r="AE5857" s="99"/>
      <c r="AF5857" s="99"/>
      <c r="AG5857" s="99"/>
      <c r="AH5857" s="99"/>
      <c r="AI5857" s="99"/>
      <c r="AJ5857" s="99"/>
      <c r="AK5857" s="99"/>
      <c r="AL5857" s="99"/>
      <c r="AM5857" s="99"/>
      <c r="AN5857" s="99"/>
      <c r="AO5857" s="99"/>
      <c r="AP5857" s="99"/>
      <c r="AQ5857" s="99"/>
      <c r="AR5857" s="99"/>
      <c r="AS5857" s="99"/>
      <c r="AT5857" s="99"/>
      <c r="AU5857" s="99"/>
      <c r="AV5857" s="99"/>
      <c r="AW5857" s="99"/>
      <c r="AX5857" s="99"/>
      <c r="AY5857" s="99"/>
      <c r="AZ5857" s="99"/>
      <c r="BA5857" s="99"/>
      <c r="BB5857" s="107">
        <v>45884</v>
      </c>
    </row>
    <row r="5858" spans="1:54" s="8" customFormat="1" ht="13.95" customHeight="1" x14ac:dyDescent="0.25">
      <c r="A5858" s="219" t="s">
        <v>13661</v>
      </c>
      <c r="B5858" s="220" t="s">
        <v>13310</v>
      </c>
      <c r="C5858" s="98" t="s">
        <v>13662</v>
      </c>
      <c r="D5858" s="144" t="s">
        <v>13663</v>
      </c>
      <c r="E5858" s="141">
        <v>1975</v>
      </c>
      <c r="F5858" s="141">
        <v>1196</v>
      </c>
      <c r="G5858" s="144" t="s">
        <v>1</v>
      </c>
      <c r="H5858" s="98">
        <v>0</v>
      </c>
      <c r="I5858" s="98">
        <v>0</v>
      </c>
      <c r="J5858" s="98">
        <v>1</v>
      </c>
      <c r="K5858" s="149" t="s">
        <v>400</v>
      </c>
      <c r="L5858" s="149" t="s">
        <v>400</v>
      </c>
      <c r="M5858" s="149" t="s">
        <v>400</v>
      </c>
      <c r="N5858" s="149" t="s">
        <v>400</v>
      </c>
      <c r="O5858" s="149" t="s">
        <v>400</v>
      </c>
      <c r="P5858" s="149" t="s">
        <v>400</v>
      </c>
      <c r="Q5858" s="149" t="s">
        <v>400</v>
      </c>
      <c r="R5858" s="149" t="s">
        <v>400</v>
      </c>
      <c r="S5858" s="149" t="s">
        <v>400</v>
      </c>
      <c r="T5858" s="149" t="s">
        <v>400</v>
      </c>
      <c r="U5858" s="99"/>
      <c r="V5858" s="99"/>
      <c r="W5858" s="99"/>
      <c r="X5858" s="99"/>
      <c r="Y5858" s="99"/>
      <c r="Z5858" s="99"/>
      <c r="AA5858" s="99"/>
      <c r="AB5858" s="99"/>
      <c r="AC5858" s="99"/>
      <c r="AD5858" s="99"/>
      <c r="AE5858" s="99"/>
      <c r="AF5858" s="99"/>
      <c r="AG5858" s="99"/>
      <c r="AH5858" s="99"/>
      <c r="AI5858" s="99"/>
      <c r="AJ5858" s="99"/>
      <c r="AK5858" s="99"/>
      <c r="AL5858" s="99"/>
      <c r="AM5858" s="99"/>
      <c r="AN5858" s="99"/>
      <c r="AO5858" s="99"/>
      <c r="AP5858" s="99"/>
      <c r="AQ5858" s="99"/>
      <c r="AR5858" s="99"/>
      <c r="AS5858" s="99"/>
      <c r="AT5858" s="99"/>
      <c r="AU5858" s="99"/>
      <c r="AV5858" s="99"/>
      <c r="AW5858" s="99"/>
      <c r="AX5858" s="99"/>
      <c r="AY5858" s="99"/>
      <c r="AZ5858" s="99"/>
      <c r="BA5858" s="99"/>
      <c r="BB5858" s="107">
        <v>45884</v>
      </c>
    </row>
    <row r="5859" spans="1:54" s="8" customFormat="1" ht="13.95" customHeight="1" x14ac:dyDescent="0.25">
      <c r="A5859" s="219" t="s">
        <v>13664</v>
      </c>
      <c r="B5859" s="220" t="s">
        <v>13310</v>
      </c>
      <c r="C5859" s="98" t="s">
        <v>13665</v>
      </c>
      <c r="D5859" s="144" t="s">
        <v>13666</v>
      </c>
      <c r="E5859" s="141">
        <v>1983</v>
      </c>
      <c r="F5859" s="141">
        <v>1228</v>
      </c>
      <c r="G5859" s="144" t="s">
        <v>1</v>
      </c>
      <c r="H5859" s="98">
        <v>0</v>
      </c>
      <c r="I5859" s="98">
        <v>0</v>
      </c>
      <c r="J5859" s="98">
        <v>1</v>
      </c>
      <c r="K5859" s="149" t="s">
        <v>400</v>
      </c>
      <c r="L5859" s="149" t="s">
        <v>400</v>
      </c>
      <c r="M5859" s="149" t="s">
        <v>400</v>
      </c>
      <c r="N5859" s="149" t="s">
        <v>400</v>
      </c>
      <c r="O5859" s="149" t="s">
        <v>400</v>
      </c>
      <c r="P5859" s="149" t="s">
        <v>400</v>
      </c>
      <c r="Q5859" s="149" t="s">
        <v>400</v>
      </c>
      <c r="R5859" s="149" t="s">
        <v>400</v>
      </c>
      <c r="S5859" s="149" t="s">
        <v>400</v>
      </c>
      <c r="T5859" s="149" t="s">
        <v>400</v>
      </c>
      <c r="U5859" s="99"/>
      <c r="V5859" s="99"/>
      <c r="W5859" s="99"/>
      <c r="X5859" s="99"/>
      <c r="Y5859" s="99"/>
      <c r="Z5859" s="99"/>
      <c r="AA5859" s="99"/>
      <c r="AB5859" s="99"/>
      <c r="AC5859" s="99"/>
      <c r="AD5859" s="99"/>
      <c r="AE5859" s="99"/>
      <c r="AF5859" s="99"/>
      <c r="AG5859" s="99"/>
      <c r="AH5859" s="99"/>
      <c r="AI5859" s="99"/>
      <c r="AJ5859" s="99"/>
      <c r="AK5859" s="99"/>
      <c r="AL5859" s="99"/>
      <c r="AM5859" s="99"/>
      <c r="AN5859" s="99"/>
      <c r="AO5859" s="99"/>
      <c r="AP5859" s="99"/>
      <c r="AQ5859" s="99"/>
      <c r="AR5859" s="99"/>
      <c r="AS5859" s="99"/>
      <c r="AT5859" s="99"/>
      <c r="AU5859" s="99"/>
      <c r="AV5859" s="99"/>
      <c r="AW5859" s="99"/>
      <c r="AX5859" s="99"/>
      <c r="AY5859" s="99"/>
      <c r="AZ5859" s="99"/>
      <c r="BA5859" s="99"/>
      <c r="BB5859" s="107">
        <v>45884</v>
      </c>
    </row>
    <row r="5860" spans="1:54" s="8" customFormat="1" ht="13.95" customHeight="1" x14ac:dyDescent="0.25">
      <c r="A5860" s="219" t="s">
        <v>13667</v>
      </c>
      <c r="B5860" s="220" t="s">
        <v>13310</v>
      </c>
      <c r="C5860" s="98" t="s">
        <v>13668</v>
      </c>
      <c r="D5860" s="144" t="s">
        <v>13669</v>
      </c>
      <c r="E5860" s="141">
        <v>1959</v>
      </c>
      <c r="F5860" s="141">
        <v>1253</v>
      </c>
      <c r="G5860" s="144" t="s">
        <v>1</v>
      </c>
      <c r="H5860" s="98">
        <v>0</v>
      </c>
      <c r="I5860" s="98">
        <v>0</v>
      </c>
      <c r="J5860" s="98">
        <v>1</v>
      </c>
      <c r="K5860" s="149" t="s">
        <v>400</v>
      </c>
      <c r="L5860" s="149" t="s">
        <v>400</v>
      </c>
      <c r="M5860" s="149" t="s">
        <v>400</v>
      </c>
      <c r="N5860" s="149" t="s">
        <v>400</v>
      </c>
      <c r="O5860" s="149" t="s">
        <v>400</v>
      </c>
      <c r="P5860" s="149" t="s">
        <v>400</v>
      </c>
      <c r="Q5860" s="149" t="s">
        <v>400</v>
      </c>
      <c r="R5860" s="149" t="s">
        <v>400</v>
      </c>
      <c r="S5860" s="149" t="s">
        <v>400</v>
      </c>
      <c r="T5860" s="149" t="s">
        <v>400</v>
      </c>
      <c r="U5860" s="99"/>
      <c r="V5860" s="99"/>
      <c r="W5860" s="99"/>
      <c r="X5860" s="99"/>
      <c r="Y5860" s="99"/>
      <c r="Z5860" s="99"/>
      <c r="AA5860" s="99"/>
      <c r="AB5860" s="99"/>
      <c r="AC5860" s="99"/>
      <c r="AD5860" s="99"/>
      <c r="AE5860" s="99"/>
      <c r="AF5860" s="99"/>
      <c r="AG5860" s="99"/>
      <c r="AH5860" s="99"/>
      <c r="AI5860" s="99"/>
      <c r="AJ5860" s="99"/>
      <c r="AK5860" s="99"/>
      <c r="AL5860" s="99"/>
      <c r="AM5860" s="99"/>
      <c r="AN5860" s="99"/>
      <c r="AO5860" s="99"/>
      <c r="AP5860" s="99"/>
      <c r="AQ5860" s="99"/>
      <c r="AR5860" s="99"/>
      <c r="AS5860" s="99"/>
      <c r="AT5860" s="99"/>
      <c r="AU5860" s="99"/>
      <c r="AV5860" s="99"/>
      <c r="AW5860" s="99"/>
      <c r="AX5860" s="99"/>
      <c r="AY5860" s="99"/>
      <c r="AZ5860" s="99"/>
      <c r="BA5860" s="99"/>
      <c r="BB5860" s="107">
        <v>45884</v>
      </c>
    </row>
    <row r="5861" spans="1:54" s="8" customFormat="1" ht="13.95" customHeight="1" x14ac:dyDescent="0.25">
      <c r="A5861" s="219" t="s">
        <v>13670</v>
      </c>
      <c r="B5861" s="220" t="s">
        <v>13310</v>
      </c>
      <c r="C5861" s="98" t="s">
        <v>13671</v>
      </c>
      <c r="D5861" s="144" t="s">
        <v>13672</v>
      </c>
      <c r="E5861" s="141">
        <v>1960</v>
      </c>
      <c r="F5861" s="141">
        <v>1270</v>
      </c>
      <c r="G5861" s="144" t="s">
        <v>1</v>
      </c>
      <c r="H5861" s="98">
        <v>0</v>
      </c>
      <c r="I5861" s="98">
        <v>0</v>
      </c>
      <c r="J5861" s="98">
        <v>1</v>
      </c>
      <c r="K5861" s="149" t="s">
        <v>400</v>
      </c>
      <c r="L5861" s="149" t="s">
        <v>400</v>
      </c>
      <c r="M5861" s="149" t="s">
        <v>400</v>
      </c>
      <c r="N5861" s="149" t="s">
        <v>400</v>
      </c>
      <c r="O5861" s="149" t="s">
        <v>400</v>
      </c>
      <c r="P5861" s="149" t="s">
        <v>400</v>
      </c>
      <c r="Q5861" s="149" t="s">
        <v>400</v>
      </c>
      <c r="R5861" s="149" t="s">
        <v>400</v>
      </c>
      <c r="S5861" s="149" t="s">
        <v>400</v>
      </c>
      <c r="T5861" s="149" t="s">
        <v>400</v>
      </c>
      <c r="U5861" s="99"/>
      <c r="V5861" s="99"/>
      <c r="W5861" s="99"/>
      <c r="X5861" s="99"/>
      <c r="Y5861" s="99"/>
      <c r="Z5861" s="99"/>
      <c r="AA5861" s="99"/>
      <c r="AB5861" s="99"/>
      <c r="AC5861" s="99"/>
      <c r="AD5861" s="99"/>
      <c r="AE5861" s="99"/>
      <c r="AF5861" s="99"/>
      <c r="AG5861" s="99"/>
      <c r="AH5861" s="99"/>
      <c r="AI5861" s="99"/>
      <c r="AJ5861" s="99"/>
      <c r="AK5861" s="99"/>
      <c r="AL5861" s="99"/>
      <c r="AM5861" s="99"/>
      <c r="AN5861" s="99"/>
      <c r="AO5861" s="99"/>
      <c r="AP5861" s="99"/>
      <c r="AQ5861" s="99"/>
      <c r="AR5861" s="99"/>
      <c r="AS5861" s="99"/>
      <c r="AT5861" s="99"/>
      <c r="AU5861" s="99"/>
      <c r="AV5861" s="99"/>
      <c r="AW5861" s="99"/>
      <c r="AX5861" s="99"/>
      <c r="AY5861" s="99"/>
      <c r="AZ5861" s="99"/>
      <c r="BA5861" s="99"/>
      <c r="BB5861" s="107">
        <v>45884</v>
      </c>
    </row>
    <row r="5862" spans="1:54" s="8" customFormat="1" ht="13.95" customHeight="1" x14ac:dyDescent="0.25">
      <c r="A5862" s="219" t="s">
        <v>13673</v>
      </c>
      <c r="B5862" s="220" t="s">
        <v>13310</v>
      </c>
      <c r="C5862" s="98" t="s">
        <v>13674</v>
      </c>
      <c r="D5862" s="144" t="s">
        <v>13675</v>
      </c>
      <c r="E5862" s="141">
        <v>2014</v>
      </c>
      <c r="F5862" s="141">
        <v>1284</v>
      </c>
      <c r="G5862" s="144" t="s">
        <v>1</v>
      </c>
      <c r="H5862" s="98">
        <v>0</v>
      </c>
      <c r="I5862" s="98">
        <v>0</v>
      </c>
      <c r="J5862" s="98">
        <v>1</v>
      </c>
      <c r="K5862" s="149" t="s">
        <v>400</v>
      </c>
      <c r="L5862" s="149" t="s">
        <v>400</v>
      </c>
      <c r="M5862" s="149" t="s">
        <v>400</v>
      </c>
      <c r="N5862" s="149" t="s">
        <v>400</v>
      </c>
      <c r="O5862" s="149" t="s">
        <v>400</v>
      </c>
      <c r="P5862" s="149" t="s">
        <v>400</v>
      </c>
      <c r="Q5862" s="149" t="s">
        <v>400</v>
      </c>
      <c r="R5862" s="149" t="s">
        <v>400</v>
      </c>
      <c r="S5862" s="149" t="s">
        <v>400</v>
      </c>
      <c r="T5862" s="149" t="s">
        <v>400</v>
      </c>
      <c r="U5862" s="99"/>
      <c r="V5862" s="99"/>
      <c r="W5862" s="99"/>
      <c r="X5862" s="99"/>
      <c r="Y5862" s="99"/>
      <c r="Z5862" s="99"/>
      <c r="AA5862" s="99"/>
      <c r="AB5862" s="99"/>
      <c r="AC5862" s="99"/>
      <c r="AD5862" s="99"/>
      <c r="AE5862" s="99"/>
      <c r="AF5862" s="99"/>
      <c r="AG5862" s="99"/>
      <c r="AH5862" s="99"/>
      <c r="AI5862" s="99"/>
      <c r="AJ5862" s="99"/>
      <c r="AK5862" s="99"/>
      <c r="AL5862" s="99"/>
      <c r="AM5862" s="99"/>
      <c r="AN5862" s="99"/>
      <c r="AO5862" s="99"/>
      <c r="AP5862" s="99"/>
      <c r="AQ5862" s="99"/>
      <c r="AR5862" s="99"/>
      <c r="AS5862" s="99"/>
      <c r="AT5862" s="99"/>
      <c r="AU5862" s="99"/>
      <c r="AV5862" s="99"/>
      <c r="AW5862" s="99"/>
      <c r="AX5862" s="99"/>
      <c r="AY5862" s="99"/>
      <c r="AZ5862" s="99"/>
      <c r="BA5862" s="99"/>
      <c r="BB5862" s="107">
        <v>45884</v>
      </c>
    </row>
    <row r="5863" spans="1:54" s="8" customFormat="1" ht="13.95" customHeight="1" x14ac:dyDescent="0.25">
      <c r="A5863" s="219" t="s">
        <v>13676</v>
      </c>
      <c r="B5863" s="220" t="s">
        <v>13310</v>
      </c>
      <c r="C5863" s="98" t="s">
        <v>13677</v>
      </c>
      <c r="D5863" s="144" t="s">
        <v>13678</v>
      </c>
      <c r="E5863" s="141">
        <v>1974</v>
      </c>
      <c r="F5863" s="141">
        <v>1291</v>
      </c>
      <c r="G5863" s="144" t="s">
        <v>1</v>
      </c>
      <c r="H5863" s="98">
        <v>0</v>
      </c>
      <c r="I5863" s="98">
        <v>0</v>
      </c>
      <c r="J5863" s="98">
        <v>1</v>
      </c>
      <c r="K5863" s="149" t="s">
        <v>400</v>
      </c>
      <c r="L5863" s="149" t="s">
        <v>400</v>
      </c>
      <c r="M5863" s="149" t="s">
        <v>400</v>
      </c>
      <c r="N5863" s="149" t="s">
        <v>400</v>
      </c>
      <c r="O5863" s="149" t="s">
        <v>400</v>
      </c>
      <c r="P5863" s="149" t="s">
        <v>400</v>
      </c>
      <c r="Q5863" s="149" t="s">
        <v>400</v>
      </c>
      <c r="R5863" s="149" t="s">
        <v>400</v>
      </c>
      <c r="S5863" s="149" t="s">
        <v>400</v>
      </c>
      <c r="T5863" s="149" t="s">
        <v>400</v>
      </c>
      <c r="U5863" s="99"/>
      <c r="V5863" s="99"/>
      <c r="W5863" s="99"/>
      <c r="X5863" s="99"/>
      <c r="Y5863" s="99"/>
      <c r="Z5863" s="99"/>
      <c r="AA5863" s="99"/>
      <c r="AB5863" s="99"/>
      <c r="AC5863" s="99"/>
      <c r="AD5863" s="99"/>
      <c r="AE5863" s="99"/>
      <c r="AF5863" s="99"/>
      <c r="AG5863" s="99"/>
      <c r="AH5863" s="99"/>
      <c r="AI5863" s="99"/>
      <c r="AJ5863" s="99"/>
      <c r="AK5863" s="99"/>
      <c r="AL5863" s="99"/>
      <c r="AM5863" s="99"/>
      <c r="AN5863" s="99"/>
      <c r="AO5863" s="99"/>
      <c r="AP5863" s="99"/>
      <c r="AQ5863" s="99"/>
      <c r="AR5863" s="99"/>
      <c r="AS5863" s="99"/>
      <c r="AT5863" s="99"/>
      <c r="AU5863" s="99"/>
      <c r="AV5863" s="99"/>
      <c r="AW5863" s="99"/>
      <c r="AX5863" s="99"/>
      <c r="AY5863" s="99"/>
      <c r="AZ5863" s="99"/>
      <c r="BA5863" s="99"/>
      <c r="BB5863" s="107">
        <v>45884</v>
      </c>
    </row>
    <row r="5864" spans="1:54" s="8" customFormat="1" ht="13.95" customHeight="1" x14ac:dyDescent="0.25">
      <c r="A5864" s="219" t="s">
        <v>13679</v>
      </c>
      <c r="B5864" s="220" t="s">
        <v>13310</v>
      </c>
      <c r="C5864" s="98" t="s">
        <v>13680</v>
      </c>
      <c r="D5864" s="144" t="s">
        <v>13681</v>
      </c>
      <c r="E5864" s="141">
        <v>1992</v>
      </c>
      <c r="F5864" s="141">
        <v>1295</v>
      </c>
      <c r="G5864" s="144" t="s">
        <v>1</v>
      </c>
      <c r="H5864" s="98">
        <v>0</v>
      </c>
      <c r="I5864" s="98">
        <v>0</v>
      </c>
      <c r="J5864" s="98">
        <v>0</v>
      </c>
      <c r="K5864" s="149" t="s">
        <v>400</v>
      </c>
      <c r="L5864" s="149" t="s">
        <v>400</v>
      </c>
      <c r="M5864" s="149" t="s">
        <v>400</v>
      </c>
      <c r="N5864" s="149" t="s">
        <v>400</v>
      </c>
      <c r="O5864" s="149" t="s">
        <v>400</v>
      </c>
      <c r="P5864" s="149" t="s">
        <v>400</v>
      </c>
      <c r="Q5864" s="149" t="s">
        <v>400</v>
      </c>
      <c r="R5864" s="149" t="s">
        <v>400</v>
      </c>
      <c r="S5864" s="149" t="s">
        <v>400</v>
      </c>
      <c r="T5864" s="149" t="s">
        <v>400</v>
      </c>
      <c r="U5864" s="99"/>
      <c r="V5864" s="99"/>
      <c r="W5864" s="99"/>
      <c r="X5864" s="99"/>
      <c r="Y5864" s="99"/>
      <c r="Z5864" s="99"/>
      <c r="AA5864" s="99"/>
      <c r="AB5864" s="99"/>
      <c r="AC5864" s="99"/>
      <c r="AD5864" s="99"/>
      <c r="AE5864" s="99"/>
      <c r="AF5864" s="99"/>
      <c r="AG5864" s="99"/>
      <c r="AH5864" s="99"/>
      <c r="AI5864" s="99"/>
      <c r="AJ5864" s="99"/>
      <c r="AK5864" s="99"/>
      <c r="AL5864" s="99"/>
      <c r="AM5864" s="99"/>
      <c r="AN5864" s="99"/>
      <c r="AO5864" s="99"/>
      <c r="AP5864" s="99"/>
      <c r="AQ5864" s="99"/>
      <c r="AR5864" s="99"/>
      <c r="AS5864" s="99"/>
      <c r="AT5864" s="99"/>
      <c r="AU5864" s="99"/>
      <c r="AV5864" s="99"/>
      <c r="AW5864" s="99"/>
      <c r="AX5864" s="99"/>
      <c r="AY5864" s="99"/>
      <c r="AZ5864" s="99"/>
      <c r="BA5864" s="99"/>
      <c r="BB5864" s="107">
        <v>45884</v>
      </c>
    </row>
    <row r="5865" spans="1:54" s="8" customFormat="1" ht="13.95" customHeight="1" x14ac:dyDescent="0.25">
      <c r="A5865" s="219" t="s">
        <v>13682</v>
      </c>
      <c r="B5865" s="220" t="s">
        <v>13310</v>
      </c>
      <c r="C5865" s="98" t="s">
        <v>13683</v>
      </c>
      <c r="D5865" s="144" t="s">
        <v>13684</v>
      </c>
      <c r="E5865" s="141">
        <v>1974</v>
      </c>
      <c r="F5865" s="141">
        <v>1309</v>
      </c>
      <c r="G5865" s="144" t="s">
        <v>1</v>
      </c>
      <c r="H5865" s="98">
        <v>0</v>
      </c>
      <c r="I5865" s="98">
        <v>0</v>
      </c>
      <c r="J5865" s="98">
        <v>1</v>
      </c>
      <c r="K5865" s="149" t="s">
        <v>400</v>
      </c>
      <c r="L5865" s="149" t="s">
        <v>400</v>
      </c>
      <c r="M5865" s="149" t="s">
        <v>400</v>
      </c>
      <c r="N5865" s="149" t="s">
        <v>400</v>
      </c>
      <c r="O5865" s="149" t="s">
        <v>400</v>
      </c>
      <c r="P5865" s="149" t="s">
        <v>400</v>
      </c>
      <c r="Q5865" s="149" t="s">
        <v>400</v>
      </c>
      <c r="R5865" s="149" t="s">
        <v>400</v>
      </c>
      <c r="S5865" s="149" t="s">
        <v>400</v>
      </c>
      <c r="T5865" s="149" t="s">
        <v>400</v>
      </c>
      <c r="U5865" s="99"/>
      <c r="V5865" s="99"/>
      <c r="W5865" s="99"/>
      <c r="X5865" s="99"/>
      <c r="Y5865" s="99"/>
      <c r="Z5865" s="99"/>
      <c r="AA5865" s="99"/>
      <c r="AB5865" s="99"/>
      <c r="AC5865" s="99"/>
      <c r="AD5865" s="99"/>
      <c r="AE5865" s="99"/>
      <c r="AF5865" s="99"/>
      <c r="AG5865" s="99"/>
      <c r="AH5865" s="99"/>
      <c r="AI5865" s="99"/>
      <c r="AJ5865" s="99"/>
      <c r="AK5865" s="99"/>
      <c r="AL5865" s="99"/>
      <c r="AM5865" s="99"/>
      <c r="AN5865" s="99"/>
      <c r="AO5865" s="99"/>
      <c r="AP5865" s="99"/>
      <c r="AQ5865" s="99"/>
      <c r="AR5865" s="99"/>
      <c r="AS5865" s="99"/>
      <c r="AT5865" s="99"/>
      <c r="AU5865" s="99"/>
      <c r="AV5865" s="99"/>
      <c r="AW5865" s="99"/>
      <c r="AX5865" s="99"/>
      <c r="AY5865" s="99"/>
      <c r="AZ5865" s="99"/>
      <c r="BA5865" s="99"/>
      <c r="BB5865" s="107">
        <v>45884</v>
      </c>
    </row>
    <row r="5866" spans="1:54" s="8" customFormat="1" ht="13.95" customHeight="1" x14ac:dyDescent="0.25">
      <c r="A5866" s="219" t="s">
        <v>13685</v>
      </c>
      <c r="B5866" s="220" t="s">
        <v>13310</v>
      </c>
      <c r="C5866" s="98" t="s">
        <v>13686</v>
      </c>
      <c r="D5866" s="144" t="s">
        <v>13687</v>
      </c>
      <c r="E5866" s="141">
        <v>2000</v>
      </c>
      <c r="F5866" s="141">
        <v>1338</v>
      </c>
      <c r="G5866" s="144" t="s">
        <v>1</v>
      </c>
      <c r="H5866" s="98">
        <v>0</v>
      </c>
      <c r="I5866" s="98">
        <v>0</v>
      </c>
      <c r="J5866" s="98">
        <v>1</v>
      </c>
      <c r="K5866" s="149" t="s">
        <v>400</v>
      </c>
      <c r="L5866" s="149" t="s">
        <v>400</v>
      </c>
      <c r="M5866" s="149" t="s">
        <v>400</v>
      </c>
      <c r="N5866" s="149" t="s">
        <v>400</v>
      </c>
      <c r="O5866" s="149" t="s">
        <v>400</v>
      </c>
      <c r="P5866" s="149" t="s">
        <v>400</v>
      </c>
      <c r="Q5866" s="149" t="s">
        <v>400</v>
      </c>
      <c r="R5866" s="149" t="s">
        <v>400</v>
      </c>
      <c r="S5866" s="149" t="s">
        <v>400</v>
      </c>
      <c r="T5866" s="149" t="s">
        <v>400</v>
      </c>
      <c r="U5866" s="99"/>
      <c r="V5866" s="99"/>
      <c r="W5866" s="99"/>
      <c r="X5866" s="99"/>
      <c r="Y5866" s="99"/>
      <c r="Z5866" s="99"/>
      <c r="AA5866" s="99"/>
      <c r="AB5866" s="99"/>
      <c r="AC5866" s="99"/>
      <c r="AD5866" s="99"/>
      <c r="AE5866" s="99"/>
      <c r="AF5866" s="99"/>
      <c r="AG5866" s="99"/>
      <c r="AH5866" s="99"/>
      <c r="AI5866" s="99"/>
      <c r="AJ5866" s="99"/>
      <c r="AK5866" s="99"/>
      <c r="AL5866" s="99"/>
      <c r="AM5866" s="99"/>
      <c r="AN5866" s="99"/>
      <c r="AO5866" s="99"/>
      <c r="AP5866" s="99"/>
      <c r="AQ5866" s="99"/>
      <c r="AR5866" s="99"/>
      <c r="AS5866" s="99"/>
      <c r="AT5866" s="99"/>
      <c r="AU5866" s="99"/>
      <c r="AV5866" s="99"/>
      <c r="AW5866" s="99"/>
      <c r="AX5866" s="99"/>
      <c r="AY5866" s="99"/>
      <c r="AZ5866" s="99"/>
      <c r="BA5866" s="99"/>
      <c r="BB5866" s="107">
        <v>45884</v>
      </c>
    </row>
    <row r="5867" spans="1:54" s="8" customFormat="1" ht="13.95" customHeight="1" x14ac:dyDescent="0.25">
      <c r="A5867" s="219" t="s">
        <v>13688</v>
      </c>
      <c r="B5867" s="220" t="s">
        <v>13310</v>
      </c>
      <c r="C5867" s="98" t="s">
        <v>13689</v>
      </c>
      <c r="D5867" s="144" t="s">
        <v>13690</v>
      </c>
      <c r="E5867" s="141">
        <v>1972</v>
      </c>
      <c r="F5867" s="141">
        <v>1342</v>
      </c>
      <c r="G5867" s="144" t="s">
        <v>1</v>
      </c>
      <c r="H5867" s="98">
        <v>0</v>
      </c>
      <c r="I5867" s="98">
        <v>0</v>
      </c>
      <c r="J5867" s="98">
        <v>1</v>
      </c>
      <c r="K5867" s="149" t="s">
        <v>400</v>
      </c>
      <c r="L5867" s="149" t="s">
        <v>400</v>
      </c>
      <c r="M5867" s="149" t="s">
        <v>400</v>
      </c>
      <c r="N5867" s="149" t="s">
        <v>400</v>
      </c>
      <c r="O5867" s="149" t="s">
        <v>400</v>
      </c>
      <c r="P5867" s="149" t="s">
        <v>400</v>
      </c>
      <c r="Q5867" s="149" t="s">
        <v>400</v>
      </c>
      <c r="R5867" s="149" t="s">
        <v>400</v>
      </c>
      <c r="S5867" s="149" t="s">
        <v>400</v>
      </c>
      <c r="T5867" s="149" t="s">
        <v>400</v>
      </c>
      <c r="U5867" s="99"/>
      <c r="V5867" s="99"/>
      <c r="W5867" s="99"/>
      <c r="X5867" s="99"/>
      <c r="Y5867" s="99"/>
      <c r="Z5867" s="99"/>
      <c r="AA5867" s="99"/>
      <c r="AB5867" s="99"/>
      <c r="AC5867" s="99"/>
      <c r="AD5867" s="99"/>
      <c r="AE5867" s="99"/>
      <c r="AF5867" s="99"/>
      <c r="AG5867" s="99"/>
      <c r="AH5867" s="99"/>
      <c r="AI5867" s="99"/>
      <c r="AJ5867" s="99"/>
      <c r="AK5867" s="99"/>
      <c r="AL5867" s="99"/>
      <c r="AM5867" s="99"/>
      <c r="AN5867" s="99"/>
      <c r="AO5867" s="99"/>
      <c r="AP5867" s="99"/>
      <c r="AQ5867" s="99"/>
      <c r="AR5867" s="99"/>
      <c r="AS5867" s="99"/>
      <c r="AT5867" s="99"/>
      <c r="AU5867" s="99"/>
      <c r="AV5867" s="99"/>
      <c r="AW5867" s="99"/>
      <c r="AX5867" s="99"/>
      <c r="AY5867" s="99"/>
      <c r="AZ5867" s="99"/>
      <c r="BA5867" s="99"/>
      <c r="BB5867" s="107">
        <v>45884</v>
      </c>
    </row>
    <row r="5868" spans="1:54" s="8" customFormat="1" ht="13.95" customHeight="1" x14ac:dyDescent="0.25">
      <c r="A5868" s="219" t="s">
        <v>13691</v>
      </c>
      <c r="B5868" s="220" t="s">
        <v>13310</v>
      </c>
      <c r="C5868" s="98" t="s">
        <v>11241</v>
      </c>
      <c r="D5868" s="144" t="s">
        <v>13692</v>
      </c>
      <c r="E5868" s="141">
        <v>1975</v>
      </c>
      <c r="F5868" s="141">
        <v>1352</v>
      </c>
      <c r="G5868" s="144" t="s">
        <v>1</v>
      </c>
      <c r="H5868" s="98">
        <v>0</v>
      </c>
      <c r="I5868" s="98">
        <v>0</v>
      </c>
      <c r="J5868" s="98">
        <v>1</v>
      </c>
      <c r="K5868" s="149" t="s">
        <v>400</v>
      </c>
      <c r="L5868" s="149" t="s">
        <v>400</v>
      </c>
      <c r="M5868" s="149" t="s">
        <v>400</v>
      </c>
      <c r="N5868" s="149" t="s">
        <v>400</v>
      </c>
      <c r="O5868" s="149" t="s">
        <v>400</v>
      </c>
      <c r="P5868" s="149" t="s">
        <v>400</v>
      </c>
      <c r="Q5868" s="149" t="s">
        <v>400</v>
      </c>
      <c r="R5868" s="149" t="s">
        <v>400</v>
      </c>
      <c r="S5868" s="149" t="s">
        <v>400</v>
      </c>
      <c r="T5868" s="149" t="s">
        <v>400</v>
      </c>
      <c r="U5868" s="99"/>
      <c r="V5868" s="99"/>
      <c r="W5868" s="99"/>
      <c r="X5868" s="99"/>
      <c r="Y5868" s="99"/>
      <c r="Z5868" s="99"/>
      <c r="AA5868" s="99"/>
      <c r="AB5868" s="99"/>
      <c r="AC5868" s="99"/>
      <c r="AD5868" s="99"/>
      <c r="AE5868" s="99"/>
      <c r="AF5868" s="99"/>
      <c r="AG5868" s="99"/>
      <c r="AH5868" s="99"/>
      <c r="AI5868" s="99"/>
      <c r="AJ5868" s="99"/>
      <c r="AK5868" s="99"/>
      <c r="AL5868" s="99"/>
      <c r="AM5868" s="99"/>
      <c r="AN5868" s="99"/>
      <c r="AO5868" s="99"/>
      <c r="AP5868" s="99"/>
      <c r="AQ5868" s="99"/>
      <c r="AR5868" s="99"/>
      <c r="AS5868" s="99"/>
      <c r="AT5868" s="99"/>
      <c r="AU5868" s="99"/>
      <c r="AV5868" s="99"/>
      <c r="AW5868" s="99"/>
      <c r="AX5868" s="99"/>
      <c r="AY5868" s="99"/>
      <c r="AZ5868" s="99"/>
      <c r="BA5868" s="99"/>
      <c r="BB5868" s="107">
        <v>45884</v>
      </c>
    </row>
    <row r="5869" spans="1:54" s="8" customFormat="1" ht="13.95" customHeight="1" x14ac:dyDescent="0.25">
      <c r="A5869" s="219" t="s">
        <v>13693</v>
      </c>
      <c r="B5869" s="220" t="s">
        <v>13310</v>
      </c>
      <c r="C5869" s="98" t="s">
        <v>13694</v>
      </c>
      <c r="D5869" s="144" t="s">
        <v>13695</v>
      </c>
      <c r="E5869" s="141">
        <v>2004</v>
      </c>
      <c r="F5869" s="141">
        <v>1363</v>
      </c>
      <c r="G5869" s="144" t="s">
        <v>1</v>
      </c>
      <c r="H5869" s="98">
        <v>0</v>
      </c>
      <c r="I5869" s="98">
        <v>0</v>
      </c>
      <c r="J5869" s="98">
        <v>1</v>
      </c>
      <c r="K5869" s="149" t="s">
        <v>400</v>
      </c>
      <c r="L5869" s="149" t="s">
        <v>400</v>
      </c>
      <c r="M5869" s="149" t="s">
        <v>400</v>
      </c>
      <c r="N5869" s="149" t="s">
        <v>400</v>
      </c>
      <c r="O5869" s="149" t="s">
        <v>400</v>
      </c>
      <c r="P5869" s="149" t="s">
        <v>400</v>
      </c>
      <c r="Q5869" s="149" t="s">
        <v>400</v>
      </c>
      <c r="R5869" s="149" t="s">
        <v>400</v>
      </c>
      <c r="S5869" s="149" t="s">
        <v>400</v>
      </c>
      <c r="T5869" s="149" t="s">
        <v>400</v>
      </c>
      <c r="U5869" s="99"/>
      <c r="V5869" s="99"/>
      <c r="W5869" s="99"/>
      <c r="X5869" s="99"/>
      <c r="Y5869" s="99"/>
      <c r="Z5869" s="99"/>
      <c r="AA5869" s="99"/>
      <c r="AB5869" s="99"/>
      <c r="AC5869" s="99"/>
      <c r="AD5869" s="99"/>
      <c r="AE5869" s="99"/>
      <c r="AF5869" s="99"/>
      <c r="AG5869" s="99"/>
      <c r="AH5869" s="99"/>
      <c r="AI5869" s="99"/>
      <c r="AJ5869" s="99"/>
      <c r="AK5869" s="99"/>
      <c r="AL5869" s="99"/>
      <c r="AM5869" s="99"/>
      <c r="AN5869" s="99"/>
      <c r="AO5869" s="99"/>
      <c r="AP5869" s="99"/>
      <c r="AQ5869" s="99"/>
      <c r="AR5869" s="99"/>
      <c r="AS5869" s="99"/>
      <c r="AT5869" s="99"/>
      <c r="AU5869" s="99"/>
      <c r="AV5869" s="99"/>
      <c r="AW5869" s="99"/>
      <c r="AX5869" s="99"/>
      <c r="AY5869" s="99"/>
      <c r="AZ5869" s="99"/>
      <c r="BA5869" s="99"/>
      <c r="BB5869" s="107">
        <v>45884</v>
      </c>
    </row>
    <row r="5870" spans="1:54" s="8" customFormat="1" ht="13.95" customHeight="1" x14ac:dyDescent="0.25">
      <c r="A5870" s="219" t="s">
        <v>13696</v>
      </c>
      <c r="B5870" s="220" t="s">
        <v>13310</v>
      </c>
      <c r="C5870" s="98" t="s">
        <v>13697</v>
      </c>
      <c r="D5870" s="144" t="s">
        <v>13698</v>
      </c>
      <c r="E5870" s="141">
        <v>1975</v>
      </c>
      <c r="F5870" s="141">
        <v>1391</v>
      </c>
      <c r="G5870" s="144" t="s">
        <v>1</v>
      </c>
      <c r="H5870" s="98">
        <v>0</v>
      </c>
      <c r="I5870" s="98">
        <v>0</v>
      </c>
      <c r="J5870" s="98">
        <v>1</v>
      </c>
      <c r="K5870" s="149" t="s">
        <v>400</v>
      </c>
      <c r="L5870" s="149" t="s">
        <v>400</v>
      </c>
      <c r="M5870" s="149" t="s">
        <v>400</v>
      </c>
      <c r="N5870" s="149" t="s">
        <v>400</v>
      </c>
      <c r="O5870" s="149" t="s">
        <v>400</v>
      </c>
      <c r="P5870" s="149" t="s">
        <v>400</v>
      </c>
      <c r="Q5870" s="149" t="s">
        <v>400</v>
      </c>
      <c r="R5870" s="149" t="s">
        <v>400</v>
      </c>
      <c r="S5870" s="149" t="s">
        <v>400</v>
      </c>
      <c r="T5870" s="149" t="s">
        <v>400</v>
      </c>
      <c r="U5870" s="99"/>
      <c r="V5870" s="99"/>
      <c r="W5870" s="99"/>
      <c r="X5870" s="99"/>
      <c r="Y5870" s="99"/>
      <c r="Z5870" s="99"/>
      <c r="AA5870" s="99"/>
      <c r="AB5870" s="99"/>
      <c r="AC5870" s="99"/>
      <c r="AD5870" s="99"/>
      <c r="AE5870" s="99"/>
      <c r="AF5870" s="99"/>
      <c r="AG5870" s="99"/>
      <c r="AH5870" s="99"/>
      <c r="AI5870" s="99"/>
      <c r="AJ5870" s="99"/>
      <c r="AK5870" s="99"/>
      <c r="AL5870" s="99"/>
      <c r="AM5870" s="99"/>
      <c r="AN5870" s="99"/>
      <c r="AO5870" s="99"/>
      <c r="AP5870" s="99"/>
      <c r="AQ5870" s="99"/>
      <c r="AR5870" s="99"/>
      <c r="AS5870" s="99"/>
      <c r="AT5870" s="99"/>
      <c r="AU5870" s="99"/>
      <c r="AV5870" s="99"/>
      <c r="AW5870" s="99"/>
      <c r="AX5870" s="99"/>
      <c r="AY5870" s="99"/>
      <c r="AZ5870" s="99"/>
      <c r="BA5870" s="99"/>
      <c r="BB5870" s="107">
        <v>45884</v>
      </c>
    </row>
    <row r="5871" spans="1:54" s="8" customFormat="1" ht="13.95" customHeight="1" x14ac:dyDescent="0.25">
      <c r="A5871" s="219" t="s">
        <v>13699</v>
      </c>
      <c r="B5871" s="220" t="s">
        <v>13310</v>
      </c>
      <c r="C5871" s="98" t="s">
        <v>13700</v>
      </c>
      <c r="D5871" s="144" t="s">
        <v>13701</v>
      </c>
      <c r="E5871" s="141">
        <v>1987</v>
      </c>
      <c r="F5871" s="141">
        <v>1415</v>
      </c>
      <c r="G5871" s="144" t="s">
        <v>1</v>
      </c>
      <c r="H5871" s="98">
        <v>0</v>
      </c>
      <c r="I5871" s="98">
        <v>0</v>
      </c>
      <c r="J5871" s="98">
        <v>1</v>
      </c>
      <c r="K5871" s="149" t="s">
        <v>400</v>
      </c>
      <c r="L5871" s="149" t="s">
        <v>400</v>
      </c>
      <c r="M5871" s="149" t="s">
        <v>400</v>
      </c>
      <c r="N5871" s="149" t="s">
        <v>400</v>
      </c>
      <c r="O5871" s="149" t="s">
        <v>400</v>
      </c>
      <c r="P5871" s="149" t="s">
        <v>400</v>
      </c>
      <c r="Q5871" s="149" t="s">
        <v>400</v>
      </c>
      <c r="R5871" s="149" t="s">
        <v>400</v>
      </c>
      <c r="S5871" s="149" t="s">
        <v>400</v>
      </c>
      <c r="T5871" s="149" t="s">
        <v>400</v>
      </c>
      <c r="U5871" s="99"/>
      <c r="V5871" s="99"/>
      <c r="W5871" s="99"/>
      <c r="X5871" s="99"/>
      <c r="Y5871" s="99"/>
      <c r="Z5871" s="99"/>
      <c r="AA5871" s="99"/>
      <c r="AB5871" s="99"/>
      <c r="AC5871" s="99"/>
      <c r="AD5871" s="99"/>
      <c r="AE5871" s="99"/>
      <c r="AF5871" s="99"/>
      <c r="AG5871" s="99"/>
      <c r="AH5871" s="99"/>
      <c r="AI5871" s="99"/>
      <c r="AJ5871" s="99"/>
      <c r="AK5871" s="99"/>
      <c r="AL5871" s="99"/>
      <c r="AM5871" s="99"/>
      <c r="AN5871" s="99"/>
      <c r="AO5871" s="99"/>
      <c r="AP5871" s="99"/>
      <c r="AQ5871" s="99"/>
      <c r="AR5871" s="99"/>
      <c r="AS5871" s="99"/>
      <c r="AT5871" s="99"/>
      <c r="AU5871" s="99"/>
      <c r="AV5871" s="99"/>
      <c r="AW5871" s="99"/>
      <c r="AX5871" s="99"/>
      <c r="AY5871" s="99"/>
      <c r="AZ5871" s="99"/>
      <c r="BA5871" s="99"/>
      <c r="BB5871" s="107">
        <v>45884</v>
      </c>
    </row>
    <row r="5872" spans="1:54" s="8" customFormat="1" ht="13.95" customHeight="1" x14ac:dyDescent="0.25">
      <c r="A5872" s="219" t="s">
        <v>13702</v>
      </c>
      <c r="B5872" s="220" t="s">
        <v>13310</v>
      </c>
      <c r="C5872" s="98" t="s">
        <v>13703</v>
      </c>
      <c r="D5872" s="144" t="s">
        <v>13704</v>
      </c>
      <c r="E5872" s="141">
        <v>2005</v>
      </c>
      <c r="F5872" s="141">
        <v>1423</v>
      </c>
      <c r="G5872" s="144" t="s">
        <v>1</v>
      </c>
      <c r="H5872" s="98">
        <v>0</v>
      </c>
      <c r="I5872" s="98">
        <v>0</v>
      </c>
      <c r="J5872" s="98">
        <v>1</v>
      </c>
      <c r="K5872" s="149" t="s">
        <v>400</v>
      </c>
      <c r="L5872" s="149" t="s">
        <v>400</v>
      </c>
      <c r="M5872" s="149" t="s">
        <v>400</v>
      </c>
      <c r="N5872" s="149" t="s">
        <v>400</v>
      </c>
      <c r="O5872" s="149" t="s">
        <v>400</v>
      </c>
      <c r="P5872" s="149" t="s">
        <v>400</v>
      </c>
      <c r="Q5872" s="149" t="s">
        <v>400</v>
      </c>
      <c r="R5872" s="149" t="s">
        <v>400</v>
      </c>
      <c r="S5872" s="149" t="s">
        <v>400</v>
      </c>
      <c r="T5872" s="149" t="s">
        <v>400</v>
      </c>
      <c r="U5872" s="99"/>
      <c r="V5872" s="99"/>
      <c r="W5872" s="99"/>
      <c r="X5872" s="99"/>
      <c r="Y5872" s="99"/>
      <c r="Z5872" s="99"/>
      <c r="AA5872" s="99"/>
      <c r="AB5872" s="99"/>
      <c r="AC5872" s="99"/>
      <c r="AD5872" s="99"/>
      <c r="AE5872" s="99"/>
      <c r="AF5872" s="99"/>
      <c r="AG5872" s="99"/>
      <c r="AH5872" s="99"/>
      <c r="AI5872" s="99"/>
      <c r="AJ5872" s="99"/>
      <c r="AK5872" s="99"/>
      <c r="AL5872" s="99"/>
      <c r="AM5872" s="99"/>
      <c r="AN5872" s="99"/>
      <c r="AO5872" s="99"/>
      <c r="AP5872" s="99"/>
      <c r="AQ5872" s="99"/>
      <c r="AR5872" s="99"/>
      <c r="AS5872" s="99"/>
      <c r="AT5872" s="99"/>
      <c r="AU5872" s="99"/>
      <c r="AV5872" s="99"/>
      <c r="AW5872" s="99"/>
      <c r="AX5872" s="99"/>
      <c r="AY5872" s="99"/>
      <c r="AZ5872" s="99"/>
      <c r="BA5872" s="99"/>
      <c r="BB5872" s="107">
        <v>45884</v>
      </c>
    </row>
    <row r="5873" spans="1:54" s="8" customFormat="1" ht="13.95" customHeight="1" x14ac:dyDescent="0.25">
      <c r="A5873" s="219" t="s">
        <v>13705</v>
      </c>
      <c r="B5873" s="220" t="s">
        <v>13310</v>
      </c>
      <c r="C5873" s="98" t="s">
        <v>13706</v>
      </c>
      <c r="D5873" s="144" t="s">
        <v>13707</v>
      </c>
      <c r="E5873" s="141">
        <v>2002</v>
      </c>
      <c r="F5873" s="141">
        <v>1449</v>
      </c>
      <c r="G5873" s="144" t="s">
        <v>1</v>
      </c>
      <c r="H5873" s="98">
        <v>0</v>
      </c>
      <c r="I5873" s="98">
        <v>0</v>
      </c>
      <c r="J5873" s="98">
        <v>1</v>
      </c>
      <c r="K5873" s="149" t="s">
        <v>400</v>
      </c>
      <c r="L5873" s="149" t="s">
        <v>400</v>
      </c>
      <c r="M5873" s="149" t="s">
        <v>400</v>
      </c>
      <c r="N5873" s="149" t="s">
        <v>400</v>
      </c>
      <c r="O5873" s="149" t="s">
        <v>400</v>
      </c>
      <c r="P5873" s="149" t="s">
        <v>400</v>
      </c>
      <c r="Q5873" s="149" t="s">
        <v>400</v>
      </c>
      <c r="R5873" s="149" t="s">
        <v>400</v>
      </c>
      <c r="S5873" s="149" t="s">
        <v>400</v>
      </c>
      <c r="T5873" s="149" t="s">
        <v>400</v>
      </c>
      <c r="U5873" s="99"/>
      <c r="V5873" s="99"/>
      <c r="W5873" s="99"/>
      <c r="X5873" s="99"/>
      <c r="Y5873" s="99"/>
      <c r="Z5873" s="99"/>
      <c r="AA5873" s="99"/>
      <c r="AB5873" s="99"/>
      <c r="AC5873" s="99"/>
      <c r="AD5873" s="99"/>
      <c r="AE5873" s="99"/>
      <c r="AF5873" s="99"/>
      <c r="AG5873" s="99"/>
      <c r="AH5873" s="99"/>
      <c r="AI5873" s="99"/>
      <c r="AJ5873" s="99"/>
      <c r="AK5873" s="99"/>
      <c r="AL5873" s="99"/>
      <c r="AM5873" s="99"/>
      <c r="AN5873" s="99"/>
      <c r="AO5873" s="99"/>
      <c r="AP5873" s="99"/>
      <c r="AQ5873" s="99"/>
      <c r="AR5873" s="99"/>
      <c r="AS5873" s="99"/>
      <c r="AT5873" s="99"/>
      <c r="AU5873" s="99"/>
      <c r="AV5873" s="99"/>
      <c r="AW5873" s="99"/>
      <c r="AX5873" s="99"/>
      <c r="AY5873" s="99"/>
      <c r="AZ5873" s="99"/>
      <c r="BA5873" s="99"/>
      <c r="BB5873" s="107">
        <v>45884</v>
      </c>
    </row>
    <row r="5874" spans="1:54" s="8" customFormat="1" ht="13.95" customHeight="1" x14ac:dyDescent="0.25">
      <c r="A5874" s="219" t="s">
        <v>13708</v>
      </c>
      <c r="B5874" s="220" t="s">
        <v>13310</v>
      </c>
      <c r="C5874" s="98" t="s">
        <v>13709</v>
      </c>
      <c r="D5874" s="144" t="s">
        <v>13710</v>
      </c>
      <c r="E5874" s="141">
        <v>1994</v>
      </c>
      <c r="F5874" s="141">
        <v>1481</v>
      </c>
      <c r="G5874" s="144" t="s">
        <v>1</v>
      </c>
      <c r="H5874" s="98">
        <v>0</v>
      </c>
      <c r="I5874" s="98">
        <v>0</v>
      </c>
      <c r="J5874" s="98">
        <v>1</v>
      </c>
      <c r="K5874" s="149" t="s">
        <v>400</v>
      </c>
      <c r="L5874" s="149" t="s">
        <v>400</v>
      </c>
      <c r="M5874" s="149" t="s">
        <v>400</v>
      </c>
      <c r="N5874" s="149" t="s">
        <v>400</v>
      </c>
      <c r="O5874" s="149" t="s">
        <v>400</v>
      </c>
      <c r="P5874" s="149" t="s">
        <v>400</v>
      </c>
      <c r="Q5874" s="149" t="s">
        <v>400</v>
      </c>
      <c r="R5874" s="149" t="s">
        <v>400</v>
      </c>
      <c r="S5874" s="149" t="s">
        <v>400</v>
      </c>
      <c r="T5874" s="149" t="s">
        <v>400</v>
      </c>
      <c r="U5874" s="99"/>
      <c r="V5874" s="99"/>
      <c r="W5874" s="99"/>
      <c r="X5874" s="99"/>
      <c r="Y5874" s="99"/>
      <c r="Z5874" s="99"/>
      <c r="AA5874" s="99"/>
      <c r="AB5874" s="99"/>
      <c r="AC5874" s="99"/>
      <c r="AD5874" s="99"/>
      <c r="AE5874" s="99"/>
      <c r="AF5874" s="99"/>
      <c r="AG5874" s="99"/>
      <c r="AH5874" s="99"/>
      <c r="AI5874" s="99"/>
      <c r="AJ5874" s="99"/>
      <c r="AK5874" s="99"/>
      <c r="AL5874" s="99"/>
      <c r="AM5874" s="99"/>
      <c r="AN5874" s="99"/>
      <c r="AO5874" s="99"/>
      <c r="AP5874" s="99"/>
      <c r="AQ5874" s="99"/>
      <c r="AR5874" s="99"/>
      <c r="AS5874" s="99"/>
      <c r="AT5874" s="99"/>
      <c r="AU5874" s="99"/>
      <c r="AV5874" s="99"/>
      <c r="AW5874" s="99"/>
      <c r="AX5874" s="99"/>
      <c r="AY5874" s="99"/>
      <c r="AZ5874" s="99"/>
      <c r="BA5874" s="99"/>
      <c r="BB5874" s="107">
        <v>45884</v>
      </c>
    </row>
    <row r="5875" spans="1:54" s="8" customFormat="1" ht="13.95" customHeight="1" x14ac:dyDescent="0.25">
      <c r="A5875" s="219" t="s">
        <v>13711</v>
      </c>
      <c r="B5875" s="220" t="s">
        <v>13310</v>
      </c>
      <c r="C5875" s="98" t="s">
        <v>13712</v>
      </c>
      <c r="D5875" s="144" t="s">
        <v>13713</v>
      </c>
      <c r="E5875" s="141">
        <v>1990</v>
      </c>
      <c r="F5875" s="141">
        <v>1493</v>
      </c>
      <c r="G5875" s="144" t="s">
        <v>1</v>
      </c>
      <c r="H5875" s="98">
        <v>0</v>
      </c>
      <c r="I5875" s="98">
        <v>0</v>
      </c>
      <c r="J5875" s="98">
        <v>1</v>
      </c>
      <c r="K5875" s="149" t="s">
        <v>400</v>
      </c>
      <c r="L5875" s="149" t="s">
        <v>400</v>
      </c>
      <c r="M5875" s="149" t="s">
        <v>400</v>
      </c>
      <c r="N5875" s="149" t="s">
        <v>400</v>
      </c>
      <c r="O5875" s="149" t="s">
        <v>400</v>
      </c>
      <c r="P5875" s="149" t="s">
        <v>400</v>
      </c>
      <c r="Q5875" s="149" t="s">
        <v>400</v>
      </c>
      <c r="R5875" s="149" t="s">
        <v>400</v>
      </c>
      <c r="S5875" s="149" t="s">
        <v>400</v>
      </c>
      <c r="T5875" s="149" t="s">
        <v>400</v>
      </c>
      <c r="U5875" s="99"/>
      <c r="V5875" s="99"/>
      <c r="W5875" s="99"/>
      <c r="X5875" s="99"/>
      <c r="Y5875" s="99"/>
      <c r="Z5875" s="99"/>
      <c r="AA5875" s="99"/>
      <c r="AB5875" s="99"/>
      <c r="AC5875" s="99"/>
      <c r="AD5875" s="99"/>
      <c r="AE5875" s="99"/>
      <c r="AF5875" s="99"/>
      <c r="AG5875" s="99"/>
      <c r="AH5875" s="99"/>
      <c r="AI5875" s="99"/>
      <c r="AJ5875" s="99"/>
      <c r="AK5875" s="99"/>
      <c r="AL5875" s="99"/>
      <c r="AM5875" s="99"/>
      <c r="AN5875" s="99"/>
      <c r="AO5875" s="99"/>
      <c r="AP5875" s="99"/>
      <c r="AQ5875" s="99"/>
      <c r="AR5875" s="99"/>
      <c r="AS5875" s="99"/>
      <c r="AT5875" s="99"/>
      <c r="AU5875" s="99"/>
      <c r="AV5875" s="99"/>
      <c r="AW5875" s="99"/>
      <c r="AX5875" s="99"/>
      <c r="AY5875" s="99"/>
      <c r="AZ5875" s="99"/>
      <c r="BA5875" s="99"/>
      <c r="BB5875" s="107">
        <v>45884</v>
      </c>
    </row>
    <row r="5876" spans="1:54" s="8" customFormat="1" ht="13.95" customHeight="1" x14ac:dyDescent="0.25">
      <c r="A5876" s="219" t="s">
        <v>13714</v>
      </c>
      <c r="B5876" s="220" t="s">
        <v>13310</v>
      </c>
      <c r="C5876" s="98" t="s">
        <v>13715</v>
      </c>
      <c r="D5876" s="144" t="s">
        <v>13716</v>
      </c>
      <c r="E5876" s="141">
        <v>1966</v>
      </c>
      <c r="F5876" s="141">
        <v>1500</v>
      </c>
      <c r="G5876" s="144" t="s">
        <v>1</v>
      </c>
      <c r="H5876" s="98">
        <v>0</v>
      </c>
      <c r="I5876" s="98">
        <v>0</v>
      </c>
      <c r="J5876" s="98">
        <v>1</v>
      </c>
      <c r="K5876" s="149" t="s">
        <v>400</v>
      </c>
      <c r="L5876" s="149" t="s">
        <v>400</v>
      </c>
      <c r="M5876" s="149" t="s">
        <v>400</v>
      </c>
      <c r="N5876" s="149" t="s">
        <v>400</v>
      </c>
      <c r="O5876" s="149" t="s">
        <v>400</v>
      </c>
      <c r="P5876" s="149" t="s">
        <v>400</v>
      </c>
      <c r="Q5876" s="149" t="s">
        <v>400</v>
      </c>
      <c r="R5876" s="149" t="s">
        <v>400</v>
      </c>
      <c r="S5876" s="149" t="s">
        <v>400</v>
      </c>
      <c r="T5876" s="149" t="s">
        <v>400</v>
      </c>
      <c r="U5876" s="99"/>
      <c r="V5876" s="99"/>
      <c r="W5876" s="99"/>
      <c r="X5876" s="99"/>
      <c r="Y5876" s="99"/>
      <c r="Z5876" s="99"/>
      <c r="AA5876" s="99"/>
      <c r="AB5876" s="99"/>
      <c r="AC5876" s="99"/>
      <c r="AD5876" s="99"/>
      <c r="AE5876" s="99"/>
      <c r="AF5876" s="99"/>
      <c r="AG5876" s="99"/>
      <c r="AH5876" s="99"/>
      <c r="AI5876" s="99"/>
      <c r="AJ5876" s="99"/>
      <c r="AK5876" s="99"/>
      <c r="AL5876" s="99"/>
      <c r="AM5876" s="99"/>
      <c r="AN5876" s="99"/>
      <c r="AO5876" s="99"/>
      <c r="AP5876" s="99"/>
      <c r="AQ5876" s="99"/>
      <c r="AR5876" s="99"/>
      <c r="AS5876" s="99"/>
      <c r="AT5876" s="99"/>
      <c r="AU5876" s="99"/>
      <c r="AV5876" s="99"/>
      <c r="AW5876" s="99"/>
      <c r="AX5876" s="99"/>
      <c r="AY5876" s="99"/>
      <c r="AZ5876" s="99"/>
      <c r="BA5876" s="99"/>
      <c r="BB5876" s="107">
        <v>45884</v>
      </c>
    </row>
    <row r="5877" spans="1:54" s="8" customFormat="1" ht="13.95" customHeight="1" x14ac:dyDescent="0.25">
      <c r="A5877" s="219" t="s">
        <v>13717</v>
      </c>
      <c r="B5877" s="220" t="s">
        <v>13310</v>
      </c>
      <c r="C5877" s="98" t="s">
        <v>13718</v>
      </c>
      <c r="D5877" s="144" t="s">
        <v>13719</v>
      </c>
      <c r="E5877" s="141">
        <v>1991</v>
      </c>
      <c r="F5877" s="141">
        <v>1530</v>
      </c>
      <c r="G5877" s="144" t="s">
        <v>1</v>
      </c>
      <c r="H5877" s="98">
        <v>0</v>
      </c>
      <c r="I5877" s="98">
        <v>0</v>
      </c>
      <c r="J5877" s="98">
        <v>1</v>
      </c>
      <c r="K5877" s="149" t="s">
        <v>400</v>
      </c>
      <c r="L5877" s="149" t="s">
        <v>400</v>
      </c>
      <c r="M5877" s="149" t="s">
        <v>400</v>
      </c>
      <c r="N5877" s="149" t="s">
        <v>400</v>
      </c>
      <c r="O5877" s="149" t="s">
        <v>400</v>
      </c>
      <c r="P5877" s="149" t="s">
        <v>400</v>
      </c>
      <c r="Q5877" s="149" t="s">
        <v>400</v>
      </c>
      <c r="R5877" s="149" t="s">
        <v>400</v>
      </c>
      <c r="S5877" s="149" t="s">
        <v>400</v>
      </c>
      <c r="T5877" s="149" t="s">
        <v>400</v>
      </c>
      <c r="U5877" s="99"/>
      <c r="V5877" s="99"/>
      <c r="W5877" s="99"/>
      <c r="X5877" s="99"/>
      <c r="Y5877" s="99"/>
      <c r="Z5877" s="99"/>
      <c r="AA5877" s="99"/>
      <c r="AB5877" s="99"/>
      <c r="AC5877" s="99"/>
      <c r="AD5877" s="99"/>
      <c r="AE5877" s="99"/>
      <c r="AF5877" s="99"/>
      <c r="AG5877" s="99"/>
      <c r="AH5877" s="99"/>
      <c r="AI5877" s="99"/>
      <c r="AJ5877" s="99"/>
      <c r="AK5877" s="99"/>
      <c r="AL5877" s="99"/>
      <c r="AM5877" s="99"/>
      <c r="AN5877" s="99"/>
      <c r="AO5877" s="99"/>
      <c r="AP5877" s="99"/>
      <c r="AQ5877" s="99"/>
      <c r="AR5877" s="99"/>
      <c r="AS5877" s="99"/>
      <c r="AT5877" s="99"/>
      <c r="AU5877" s="99"/>
      <c r="AV5877" s="99"/>
      <c r="AW5877" s="99"/>
      <c r="AX5877" s="99"/>
      <c r="AY5877" s="99"/>
      <c r="AZ5877" s="99"/>
      <c r="BA5877" s="99"/>
      <c r="BB5877" s="107">
        <v>45884</v>
      </c>
    </row>
    <row r="5878" spans="1:54" s="8" customFormat="1" ht="13.95" customHeight="1" x14ac:dyDescent="0.25">
      <c r="A5878" s="219" t="s">
        <v>13720</v>
      </c>
      <c r="B5878" s="220" t="s">
        <v>13310</v>
      </c>
      <c r="C5878" s="98" t="s">
        <v>13721</v>
      </c>
      <c r="D5878" s="144" t="s">
        <v>13722</v>
      </c>
      <c r="E5878" s="141">
        <v>2009</v>
      </c>
      <c r="F5878" s="141">
        <v>1588</v>
      </c>
      <c r="G5878" s="144" t="s">
        <v>8</v>
      </c>
      <c r="H5878" s="98">
        <v>0</v>
      </c>
      <c r="I5878" s="98">
        <v>0</v>
      </c>
      <c r="J5878" s="98">
        <v>0</v>
      </c>
      <c r="K5878" s="149" t="s">
        <v>400</v>
      </c>
      <c r="L5878" s="149" t="s">
        <v>400</v>
      </c>
      <c r="M5878" s="149" t="s">
        <v>400</v>
      </c>
      <c r="N5878" s="149" t="s">
        <v>400</v>
      </c>
      <c r="O5878" s="149" t="s">
        <v>400</v>
      </c>
      <c r="P5878" s="149" t="s">
        <v>400</v>
      </c>
      <c r="Q5878" s="149" t="s">
        <v>400</v>
      </c>
      <c r="R5878" s="149" t="s">
        <v>400</v>
      </c>
      <c r="S5878" s="149" t="s">
        <v>400</v>
      </c>
      <c r="T5878" s="149" t="s">
        <v>400</v>
      </c>
      <c r="U5878" s="150" t="s">
        <v>174</v>
      </c>
      <c r="V5878" s="150" t="s">
        <v>174</v>
      </c>
      <c r="W5878" s="150" t="s">
        <v>174</v>
      </c>
      <c r="X5878" s="150" t="s">
        <v>174</v>
      </c>
      <c r="Y5878" s="150" t="s">
        <v>174</v>
      </c>
      <c r="Z5878" s="150" t="s">
        <v>174</v>
      </c>
      <c r="AA5878" s="150" t="s">
        <v>174</v>
      </c>
      <c r="AB5878" s="150" t="s">
        <v>174</v>
      </c>
      <c r="AC5878" s="150" t="s">
        <v>174</v>
      </c>
      <c r="AD5878" s="150" t="s">
        <v>174</v>
      </c>
      <c r="AE5878" s="150" t="s">
        <v>174</v>
      </c>
      <c r="AF5878" s="150" t="s">
        <v>174</v>
      </c>
      <c r="AG5878" s="150" t="s">
        <v>174</v>
      </c>
      <c r="AH5878" s="150" t="s">
        <v>174</v>
      </c>
      <c r="AI5878" s="150" t="s">
        <v>174</v>
      </c>
      <c r="AJ5878" s="150" t="s">
        <v>174</v>
      </c>
      <c r="AK5878" s="150" t="s">
        <v>174</v>
      </c>
      <c r="AL5878" s="150" t="s">
        <v>174</v>
      </c>
      <c r="AM5878" s="150" t="s">
        <v>174</v>
      </c>
      <c r="AN5878" s="150" t="s">
        <v>174</v>
      </c>
      <c r="AO5878" s="150" t="s">
        <v>174</v>
      </c>
      <c r="AP5878" s="150" t="s">
        <v>174</v>
      </c>
      <c r="AQ5878" s="150" t="s">
        <v>174</v>
      </c>
      <c r="AR5878" s="150" t="s">
        <v>174</v>
      </c>
      <c r="AS5878" s="150" t="s">
        <v>174</v>
      </c>
      <c r="AT5878" s="151" t="s">
        <v>174</v>
      </c>
      <c r="AU5878" s="150" t="s">
        <v>174</v>
      </c>
      <c r="AV5878" s="150" t="s">
        <v>174</v>
      </c>
      <c r="AW5878" s="150" t="s">
        <v>174</v>
      </c>
      <c r="AX5878" s="98"/>
      <c r="AY5878" s="98"/>
      <c r="AZ5878" s="98"/>
      <c r="BA5878" s="98"/>
      <c r="BB5878" s="107">
        <v>45884</v>
      </c>
    </row>
    <row r="5879" spans="1:54" s="8" customFormat="1" ht="13.95" customHeight="1" x14ac:dyDescent="0.25">
      <c r="A5879" s="219" t="s">
        <v>13723</v>
      </c>
      <c r="B5879" s="220" t="s">
        <v>13310</v>
      </c>
      <c r="C5879" s="98" t="s">
        <v>13724</v>
      </c>
      <c r="D5879" s="144" t="s">
        <v>13725</v>
      </c>
      <c r="E5879" s="141">
        <v>1990</v>
      </c>
      <c r="F5879" s="141">
        <v>1600</v>
      </c>
      <c r="G5879" s="144" t="s">
        <v>1</v>
      </c>
      <c r="H5879" s="98">
        <v>0</v>
      </c>
      <c r="I5879" s="98">
        <v>0</v>
      </c>
      <c r="J5879" s="98">
        <v>1</v>
      </c>
      <c r="K5879" s="149" t="s">
        <v>400</v>
      </c>
      <c r="L5879" s="149" t="s">
        <v>400</v>
      </c>
      <c r="M5879" s="149" t="s">
        <v>400</v>
      </c>
      <c r="N5879" s="149" t="s">
        <v>400</v>
      </c>
      <c r="O5879" s="149" t="s">
        <v>400</v>
      </c>
      <c r="P5879" s="149" t="s">
        <v>400</v>
      </c>
      <c r="Q5879" s="149" t="s">
        <v>400</v>
      </c>
      <c r="R5879" s="149" t="s">
        <v>400</v>
      </c>
      <c r="S5879" s="149" t="s">
        <v>400</v>
      </c>
      <c r="T5879" s="149" t="s">
        <v>400</v>
      </c>
      <c r="U5879" s="99"/>
      <c r="V5879" s="99"/>
      <c r="W5879" s="99"/>
      <c r="X5879" s="99"/>
      <c r="Y5879" s="99"/>
      <c r="Z5879" s="99"/>
      <c r="AA5879" s="99"/>
      <c r="AB5879" s="99"/>
      <c r="AC5879" s="99"/>
      <c r="AD5879" s="99"/>
      <c r="AE5879" s="99"/>
      <c r="AF5879" s="99"/>
      <c r="AG5879" s="99"/>
      <c r="AH5879" s="99"/>
      <c r="AI5879" s="99"/>
      <c r="AJ5879" s="99"/>
      <c r="AK5879" s="99"/>
      <c r="AL5879" s="99"/>
      <c r="AM5879" s="99"/>
      <c r="AN5879" s="99"/>
      <c r="AO5879" s="99"/>
      <c r="AP5879" s="99"/>
      <c r="AQ5879" s="99"/>
      <c r="AR5879" s="99"/>
      <c r="AS5879" s="99"/>
      <c r="AT5879" s="99"/>
      <c r="AU5879" s="99"/>
      <c r="AV5879" s="99"/>
      <c r="AW5879" s="99"/>
      <c r="AX5879" s="99"/>
      <c r="AY5879" s="99"/>
      <c r="AZ5879" s="99"/>
      <c r="BA5879" s="99"/>
      <c r="BB5879" s="107">
        <v>45884</v>
      </c>
    </row>
    <row r="5880" spans="1:54" s="8" customFormat="1" ht="13.95" customHeight="1" x14ac:dyDescent="0.25">
      <c r="A5880" s="219" t="s">
        <v>13726</v>
      </c>
      <c r="B5880" s="220" t="s">
        <v>13310</v>
      </c>
      <c r="C5880" s="98" t="s">
        <v>22242</v>
      </c>
      <c r="D5880" s="144" t="s">
        <v>13727</v>
      </c>
      <c r="E5880" s="141">
        <v>1973</v>
      </c>
      <c r="F5880" s="141">
        <v>1649</v>
      </c>
      <c r="G5880" s="144" t="s">
        <v>1</v>
      </c>
      <c r="H5880" s="98">
        <v>0</v>
      </c>
      <c r="I5880" s="98">
        <v>0</v>
      </c>
      <c r="J5880" s="98">
        <v>1</v>
      </c>
      <c r="K5880" s="149" t="s">
        <v>400</v>
      </c>
      <c r="L5880" s="149" t="s">
        <v>400</v>
      </c>
      <c r="M5880" s="149" t="s">
        <v>400</v>
      </c>
      <c r="N5880" s="149" t="s">
        <v>400</v>
      </c>
      <c r="O5880" s="149" t="s">
        <v>400</v>
      </c>
      <c r="P5880" s="149" t="s">
        <v>400</v>
      </c>
      <c r="Q5880" s="149" t="s">
        <v>400</v>
      </c>
      <c r="R5880" s="149" t="s">
        <v>400</v>
      </c>
      <c r="S5880" s="149" t="s">
        <v>400</v>
      </c>
      <c r="T5880" s="149" t="s">
        <v>400</v>
      </c>
      <c r="U5880" s="99"/>
      <c r="V5880" s="99"/>
      <c r="W5880" s="99"/>
      <c r="X5880" s="99"/>
      <c r="Y5880" s="99"/>
      <c r="Z5880" s="99"/>
      <c r="AA5880" s="99"/>
      <c r="AB5880" s="99"/>
      <c r="AC5880" s="99"/>
      <c r="AD5880" s="99"/>
      <c r="AE5880" s="99"/>
      <c r="AF5880" s="99"/>
      <c r="AG5880" s="99"/>
      <c r="AH5880" s="99"/>
      <c r="AI5880" s="99"/>
      <c r="AJ5880" s="99"/>
      <c r="AK5880" s="99"/>
      <c r="AL5880" s="99"/>
      <c r="AM5880" s="99"/>
      <c r="AN5880" s="99"/>
      <c r="AO5880" s="99"/>
      <c r="AP5880" s="99"/>
      <c r="AQ5880" s="99"/>
      <c r="AR5880" s="99"/>
      <c r="AS5880" s="99"/>
      <c r="AT5880" s="99"/>
      <c r="AU5880" s="99"/>
      <c r="AV5880" s="99"/>
      <c r="AW5880" s="99"/>
      <c r="AX5880" s="99"/>
      <c r="AY5880" s="99"/>
      <c r="AZ5880" s="99"/>
      <c r="BA5880" s="99"/>
      <c r="BB5880" s="107">
        <v>45884</v>
      </c>
    </row>
    <row r="5881" spans="1:54" s="8" customFormat="1" ht="13.95" customHeight="1" x14ac:dyDescent="0.25">
      <c r="A5881" s="219" t="s">
        <v>13728</v>
      </c>
      <c r="B5881" s="220" t="s">
        <v>13310</v>
      </c>
      <c r="C5881" s="98" t="s">
        <v>13729</v>
      </c>
      <c r="D5881" s="144" t="s">
        <v>13730</v>
      </c>
      <c r="E5881" s="141">
        <v>1951</v>
      </c>
      <c r="F5881" s="141">
        <v>1654</v>
      </c>
      <c r="G5881" s="144" t="s">
        <v>1</v>
      </c>
      <c r="H5881" s="98">
        <v>0</v>
      </c>
      <c r="I5881" s="98">
        <v>0</v>
      </c>
      <c r="J5881" s="98">
        <v>1</v>
      </c>
      <c r="K5881" s="149" t="s">
        <v>400</v>
      </c>
      <c r="L5881" s="149" t="s">
        <v>400</v>
      </c>
      <c r="M5881" s="149" t="s">
        <v>400</v>
      </c>
      <c r="N5881" s="149" t="s">
        <v>400</v>
      </c>
      <c r="O5881" s="149" t="s">
        <v>400</v>
      </c>
      <c r="P5881" s="149" t="s">
        <v>400</v>
      </c>
      <c r="Q5881" s="149" t="s">
        <v>400</v>
      </c>
      <c r="R5881" s="149" t="s">
        <v>400</v>
      </c>
      <c r="S5881" s="149" t="s">
        <v>400</v>
      </c>
      <c r="T5881" s="149" t="s">
        <v>400</v>
      </c>
      <c r="U5881" s="99"/>
      <c r="V5881" s="99"/>
      <c r="W5881" s="99"/>
      <c r="X5881" s="99"/>
      <c r="Y5881" s="99"/>
      <c r="Z5881" s="99"/>
      <c r="AA5881" s="99"/>
      <c r="AB5881" s="99"/>
      <c r="AC5881" s="99"/>
      <c r="AD5881" s="99"/>
      <c r="AE5881" s="99"/>
      <c r="AF5881" s="99"/>
      <c r="AG5881" s="99"/>
      <c r="AH5881" s="99"/>
      <c r="AI5881" s="99"/>
      <c r="AJ5881" s="99"/>
      <c r="AK5881" s="99"/>
      <c r="AL5881" s="99"/>
      <c r="AM5881" s="99"/>
      <c r="AN5881" s="99"/>
      <c r="AO5881" s="99"/>
      <c r="AP5881" s="99"/>
      <c r="AQ5881" s="99"/>
      <c r="AR5881" s="99"/>
      <c r="AS5881" s="99"/>
      <c r="AT5881" s="99"/>
      <c r="AU5881" s="99"/>
      <c r="AV5881" s="99"/>
      <c r="AW5881" s="99"/>
      <c r="AX5881" s="99"/>
      <c r="AY5881" s="99"/>
      <c r="AZ5881" s="99"/>
      <c r="BA5881" s="99"/>
      <c r="BB5881" s="107">
        <v>45884</v>
      </c>
    </row>
    <row r="5882" spans="1:54" s="8" customFormat="1" ht="13.95" customHeight="1" x14ac:dyDescent="0.25">
      <c r="A5882" s="219" t="s">
        <v>13731</v>
      </c>
      <c r="B5882" s="220" t="s">
        <v>13310</v>
      </c>
      <c r="C5882" s="98" t="s">
        <v>13732</v>
      </c>
      <c r="D5882" s="144" t="s">
        <v>13733</v>
      </c>
      <c r="E5882" s="141">
        <v>1978</v>
      </c>
      <c r="F5882" s="141">
        <v>1676</v>
      </c>
      <c r="G5882" s="144" t="s">
        <v>1</v>
      </c>
      <c r="H5882" s="98">
        <v>0</v>
      </c>
      <c r="I5882" s="98">
        <v>0</v>
      </c>
      <c r="J5882" s="98">
        <v>1</v>
      </c>
      <c r="K5882" s="149" t="s">
        <v>400</v>
      </c>
      <c r="L5882" s="149" t="s">
        <v>400</v>
      </c>
      <c r="M5882" s="149" t="s">
        <v>400</v>
      </c>
      <c r="N5882" s="149" t="s">
        <v>400</v>
      </c>
      <c r="O5882" s="149" t="s">
        <v>400</v>
      </c>
      <c r="P5882" s="149" t="s">
        <v>400</v>
      </c>
      <c r="Q5882" s="149" t="s">
        <v>400</v>
      </c>
      <c r="R5882" s="149" t="s">
        <v>400</v>
      </c>
      <c r="S5882" s="149" t="s">
        <v>400</v>
      </c>
      <c r="T5882" s="149" t="s">
        <v>400</v>
      </c>
      <c r="U5882" s="99"/>
      <c r="V5882" s="99"/>
      <c r="W5882" s="99"/>
      <c r="X5882" s="99"/>
      <c r="Y5882" s="99"/>
      <c r="Z5882" s="99"/>
      <c r="AA5882" s="99"/>
      <c r="AB5882" s="99"/>
      <c r="AC5882" s="99"/>
      <c r="AD5882" s="99"/>
      <c r="AE5882" s="99"/>
      <c r="AF5882" s="99"/>
      <c r="AG5882" s="99"/>
      <c r="AH5882" s="99"/>
      <c r="AI5882" s="99"/>
      <c r="AJ5882" s="99"/>
      <c r="AK5882" s="99"/>
      <c r="AL5882" s="99"/>
      <c r="AM5882" s="99"/>
      <c r="AN5882" s="99"/>
      <c r="AO5882" s="99"/>
      <c r="AP5882" s="99"/>
      <c r="AQ5882" s="99"/>
      <c r="AR5882" s="99"/>
      <c r="AS5882" s="99"/>
      <c r="AT5882" s="99"/>
      <c r="AU5882" s="99"/>
      <c r="AV5882" s="99"/>
      <c r="AW5882" s="99"/>
      <c r="AX5882" s="99"/>
      <c r="AY5882" s="99"/>
      <c r="AZ5882" s="99"/>
      <c r="BA5882" s="99"/>
      <c r="BB5882" s="107">
        <v>45884</v>
      </c>
    </row>
    <row r="5883" spans="1:54" s="8" customFormat="1" ht="13.95" customHeight="1" x14ac:dyDescent="0.25">
      <c r="A5883" s="219" t="s">
        <v>13734</v>
      </c>
      <c r="B5883" s="220" t="s">
        <v>13310</v>
      </c>
      <c r="C5883" s="98" t="s">
        <v>13735</v>
      </c>
      <c r="D5883" s="144" t="s">
        <v>13736</v>
      </c>
      <c r="E5883" s="141">
        <v>2008</v>
      </c>
      <c r="F5883" s="141">
        <v>1697</v>
      </c>
      <c r="G5883" s="144" t="s">
        <v>1</v>
      </c>
      <c r="H5883" s="98">
        <v>0</v>
      </c>
      <c r="I5883" s="98">
        <v>0</v>
      </c>
      <c r="J5883" s="98">
        <v>1</v>
      </c>
      <c r="K5883" s="149" t="s">
        <v>400</v>
      </c>
      <c r="L5883" s="149" t="s">
        <v>400</v>
      </c>
      <c r="M5883" s="149" t="s">
        <v>400</v>
      </c>
      <c r="N5883" s="149" t="s">
        <v>400</v>
      </c>
      <c r="O5883" s="149" t="s">
        <v>400</v>
      </c>
      <c r="P5883" s="149" t="s">
        <v>400</v>
      </c>
      <c r="Q5883" s="149" t="s">
        <v>400</v>
      </c>
      <c r="R5883" s="149" t="s">
        <v>400</v>
      </c>
      <c r="S5883" s="149" t="s">
        <v>400</v>
      </c>
      <c r="T5883" s="149" t="s">
        <v>400</v>
      </c>
      <c r="U5883" s="99"/>
      <c r="V5883" s="99"/>
      <c r="W5883" s="99"/>
      <c r="X5883" s="99"/>
      <c r="Y5883" s="99"/>
      <c r="Z5883" s="99"/>
      <c r="AA5883" s="99"/>
      <c r="AB5883" s="99"/>
      <c r="AC5883" s="99"/>
      <c r="AD5883" s="99"/>
      <c r="AE5883" s="99"/>
      <c r="AF5883" s="99"/>
      <c r="AG5883" s="99"/>
      <c r="AH5883" s="99"/>
      <c r="AI5883" s="99"/>
      <c r="AJ5883" s="99"/>
      <c r="AK5883" s="99"/>
      <c r="AL5883" s="99"/>
      <c r="AM5883" s="99"/>
      <c r="AN5883" s="99"/>
      <c r="AO5883" s="99"/>
      <c r="AP5883" s="99"/>
      <c r="AQ5883" s="99"/>
      <c r="AR5883" s="99"/>
      <c r="AS5883" s="99"/>
      <c r="AT5883" s="99"/>
      <c r="AU5883" s="99"/>
      <c r="AV5883" s="99"/>
      <c r="AW5883" s="99"/>
      <c r="AX5883" s="99"/>
      <c r="AY5883" s="99"/>
      <c r="AZ5883" s="99"/>
      <c r="BA5883" s="99"/>
      <c r="BB5883" s="107">
        <v>45884</v>
      </c>
    </row>
    <row r="5884" spans="1:54" s="8" customFormat="1" ht="13.95" customHeight="1" x14ac:dyDescent="0.25">
      <c r="A5884" s="219" t="s">
        <v>13737</v>
      </c>
      <c r="B5884" s="220" t="s">
        <v>13310</v>
      </c>
      <c r="C5884" s="98" t="s">
        <v>13738</v>
      </c>
      <c r="D5884" s="144" t="s">
        <v>13739</v>
      </c>
      <c r="E5884" s="141">
        <v>1980</v>
      </c>
      <c r="F5884" s="141">
        <v>1700</v>
      </c>
      <c r="G5884" s="144" t="s">
        <v>1</v>
      </c>
      <c r="H5884" s="98">
        <v>0</v>
      </c>
      <c r="I5884" s="98">
        <v>0</v>
      </c>
      <c r="J5884" s="98">
        <v>1</v>
      </c>
      <c r="K5884" s="149" t="s">
        <v>400</v>
      </c>
      <c r="L5884" s="149" t="s">
        <v>400</v>
      </c>
      <c r="M5884" s="149" t="s">
        <v>400</v>
      </c>
      <c r="N5884" s="149" t="s">
        <v>400</v>
      </c>
      <c r="O5884" s="149" t="s">
        <v>400</v>
      </c>
      <c r="P5884" s="149" t="s">
        <v>400</v>
      </c>
      <c r="Q5884" s="149" t="s">
        <v>400</v>
      </c>
      <c r="R5884" s="149" t="s">
        <v>400</v>
      </c>
      <c r="S5884" s="149" t="s">
        <v>400</v>
      </c>
      <c r="T5884" s="149" t="s">
        <v>400</v>
      </c>
      <c r="U5884" s="99"/>
      <c r="V5884" s="99"/>
      <c r="W5884" s="99"/>
      <c r="X5884" s="99"/>
      <c r="Y5884" s="99"/>
      <c r="Z5884" s="99"/>
      <c r="AA5884" s="99"/>
      <c r="AB5884" s="99"/>
      <c r="AC5884" s="99"/>
      <c r="AD5884" s="99"/>
      <c r="AE5884" s="99"/>
      <c r="AF5884" s="99"/>
      <c r="AG5884" s="99"/>
      <c r="AH5884" s="99"/>
      <c r="AI5884" s="99"/>
      <c r="AJ5884" s="99"/>
      <c r="AK5884" s="99"/>
      <c r="AL5884" s="99"/>
      <c r="AM5884" s="99"/>
      <c r="AN5884" s="99"/>
      <c r="AO5884" s="99"/>
      <c r="AP5884" s="99"/>
      <c r="AQ5884" s="99"/>
      <c r="AR5884" s="99"/>
      <c r="AS5884" s="99"/>
      <c r="AT5884" s="99"/>
      <c r="AU5884" s="99"/>
      <c r="AV5884" s="99"/>
      <c r="AW5884" s="99"/>
      <c r="AX5884" s="99"/>
      <c r="AY5884" s="99"/>
      <c r="AZ5884" s="99"/>
      <c r="BA5884" s="99"/>
      <c r="BB5884" s="107">
        <v>45884</v>
      </c>
    </row>
    <row r="5885" spans="1:54" s="8" customFormat="1" ht="13.95" customHeight="1" x14ac:dyDescent="0.25">
      <c r="A5885" s="219" t="s">
        <v>13740</v>
      </c>
      <c r="B5885" s="220" t="s">
        <v>13310</v>
      </c>
      <c r="C5885" s="98" t="s">
        <v>13741</v>
      </c>
      <c r="D5885" s="144" t="s">
        <v>13742</v>
      </c>
      <c r="E5885" s="141">
        <v>1999</v>
      </c>
      <c r="F5885" s="141">
        <v>1770</v>
      </c>
      <c r="G5885" s="144" t="s">
        <v>1</v>
      </c>
      <c r="H5885" s="98">
        <v>0</v>
      </c>
      <c r="I5885" s="98">
        <v>0</v>
      </c>
      <c r="J5885" s="98">
        <v>1</v>
      </c>
      <c r="K5885" s="149" t="s">
        <v>400</v>
      </c>
      <c r="L5885" s="149" t="s">
        <v>400</v>
      </c>
      <c r="M5885" s="149" t="s">
        <v>400</v>
      </c>
      <c r="N5885" s="149" t="s">
        <v>400</v>
      </c>
      <c r="O5885" s="149" t="s">
        <v>400</v>
      </c>
      <c r="P5885" s="149" t="s">
        <v>400</v>
      </c>
      <c r="Q5885" s="149" t="s">
        <v>400</v>
      </c>
      <c r="R5885" s="149" t="s">
        <v>400</v>
      </c>
      <c r="S5885" s="149" t="s">
        <v>400</v>
      </c>
      <c r="T5885" s="149" t="s">
        <v>400</v>
      </c>
      <c r="U5885" s="99"/>
      <c r="V5885" s="99"/>
      <c r="W5885" s="99"/>
      <c r="X5885" s="99"/>
      <c r="Y5885" s="99"/>
      <c r="Z5885" s="99"/>
      <c r="AA5885" s="99"/>
      <c r="AB5885" s="99"/>
      <c r="AC5885" s="99"/>
      <c r="AD5885" s="99"/>
      <c r="AE5885" s="99"/>
      <c r="AF5885" s="99"/>
      <c r="AG5885" s="99"/>
      <c r="AH5885" s="99"/>
      <c r="AI5885" s="99"/>
      <c r="AJ5885" s="99"/>
      <c r="AK5885" s="99"/>
      <c r="AL5885" s="99"/>
      <c r="AM5885" s="99"/>
      <c r="AN5885" s="99"/>
      <c r="AO5885" s="99"/>
      <c r="AP5885" s="99"/>
      <c r="AQ5885" s="99"/>
      <c r="AR5885" s="99"/>
      <c r="AS5885" s="99"/>
      <c r="AT5885" s="99"/>
      <c r="AU5885" s="99"/>
      <c r="AV5885" s="99"/>
      <c r="AW5885" s="99"/>
      <c r="AX5885" s="99"/>
      <c r="AY5885" s="99"/>
      <c r="AZ5885" s="99"/>
      <c r="BA5885" s="99"/>
      <c r="BB5885" s="107">
        <v>45884</v>
      </c>
    </row>
    <row r="5886" spans="1:54" s="8" customFormat="1" ht="13.95" customHeight="1" x14ac:dyDescent="0.25">
      <c r="A5886" s="219" t="s">
        <v>13743</v>
      </c>
      <c r="B5886" s="220" t="s">
        <v>13310</v>
      </c>
      <c r="C5886" s="98" t="s">
        <v>13744</v>
      </c>
      <c r="D5886" s="144" t="s">
        <v>13745</v>
      </c>
      <c r="E5886" s="141">
        <v>1964</v>
      </c>
      <c r="F5886" s="141">
        <v>1890</v>
      </c>
      <c r="G5886" s="144" t="s">
        <v>1</v>
      </c>
      <c r="H5886" s="98">
        <v>0</v>
      </c>
      <c r="I5886" s="98">
        <v>0</v>
      </c>
      <c r="J5886" s="98">
        <v>1</v>
      </c>
      <c r="K5886" s="149" t="s">
        <v>400</v>
      </c>
      <c r="L5886" s="149" t="s">
        <v>400</v>
      </c>
      <c r="M5886" s="149" t="s">
        <v>400</v>
      </c>
      <c r="N5886" s="149" t="s">
        <v>400</v>
      </c>
      <c r="O5886" s="149" t="s">
        <v>400</v>
      </c>
      <c r="P5886" s="149" t="s">
        <v>400</v>
      </c>
      <c r="Q5886" s="149" t="s">
        <v>400</v>
      </c>
      <c r="R5886" s="149" t="s">
        <v>400</v>
      </c>
      <c r="S5886" s="149" t="s">
        <v>400</v>
      </c>
      <c r="T5886" s="149" t="s">
        <v>400</v>
      </c>
      <c r="U5886" s="99"/>
      <c r="V5886" s="99"/>
      <c r="W5886" s="99"/>
      <c r="X5886" s="99"/>
      <c r="Y5886" s="99"/>
      <c r="Z5886" s="99"/>
      <c r="AA5886" s="99"/>
      <c r="AB5886" s="99"/>
      <c r="AC5886" s="99"/>
      <c r="AD5886" s="99"/>
      <c r="AE5886" s="99"/>
      <c r="AF5886" s="99"/>
      <c r="AG5886" s="99"/>
      <c r="AH5886" s="99"/>
      <c r="AI5886" s="99"/>
      <c r="AJ5886" s="99"/>
      <c r="AK5886" s="99"/>
      <c r="AL5886" s="99"/>
      <c r="AM5886" s="99"/>
      <c r="AN5886" s="99"/>
      <c r="AO5886" s="99"/>
      <c r="AP5886" s="99"/>
      <c r="AQ5886" s="99"/>
      <c r="AR5886" s="99"/>
      <c r="AS5886" s="99"/>
      <c r="AT5886" s="99"/>
      <c r="AU5886" s="99"/>
      <c r="AV5886" s="99"/>
      <c r="AW5886" s="99"/>
      <c r="AX5886" s="99"/>
      <c r="AY5886" s="99"/>
      <c r="AZ5886" s="99"/>
      <c r="BA5886" s="99"/>
      <c r="BB5886" s="107">
        <v>45884</v>
      </c>
    </row>
    <row r="5887" spans="1:54" s="8" customFormat="1" ht="13.95" customHeight="1" x14ac:dyDescent="0.25">
      <c r="A5887" s="219" t="s">
        <v>13746</v>
      </c>
      <c r="B5887" s="220" t="s">
        <v>13310</v>
      </c>
      <c r="C5887" s="98" t="s">
        <v>13747</v>
      </c>
      <c r="D5887" s="144" t="s">
        <v>13748</v>
      </c>
      <c r="E5887" s="141">
        <v>1997</v>
      </c>
      <c r="F5887" s="141">
        <v>1779</v>
      </c>
      <c r="G5887" s="144" t="s">
        <v>1</v>
      </c>
      <c r="H5887" s="98">
        <v>0</v>
      </c>
      <c r="I5887" s="98">
        <v>0</v>
      </c>
      <c r="J5887" s="98">
        <v>1</v>
      </c>
      <c r="K5887" s="149" t="s">
        <v>400</v>
      </c>
      <c r="L5887" s="149" t="s">
        <v>400</v>
      </c>
      <c r="M5887" s="149" t="s">
        <v>400</v>
      </c>
      <c r="N5887" s="149" t="s">
        <v>400</v>
      </c>
      <c r="O5887" s="149" t="s">
        <v>400</v>
      </c>
      <c r="P5887" s="149" t="s">
        <v>400</v>
      </c>
      <c r="Q5887" s="149" t="s">
        <v>400</v>
      </c>
      <c r="R5887" s="149" t="s">
        <v>400</v>
      </c>
      <c r="S5887" s="149" t="s">
        <v>400</v>
      </c>
      <c r="T5887" s="149" t="s">
        <v>400</v>
      </c>
      <c r="U5887" s="99"/>
      <c r="V5887" s="99"/>
      <c r="W5887" s="99"/>
      <c r="X5887" s="99"/>
      <c r="Y5887" s="99"/>
      <c r="Z5887" s="99"/>
      <c r="AA5887" s="99"/>
      <c r="AB5887" s="99"/>
      <c r="AC5887" s="99"/>
      <c r="AD5887" s="99"/>
      <c r="AE5887" s="99"/>
      <c r="AF5887" s="99"/>
      <c r="AG5887" s="99"/>
      <c r="AH5887" s="99"/>
      <c r="AI5887" s="99"/>
      <c r="AJ5887" s="99"/>
      <c r="AK5887" s="99"/>
      <c r="AL5887" s="99"/>
      <c r="AM5887" s="99"/>
      <c r="AN5887" s="99"/>
      <c r="AO5887" s="99"/>
      <c r="AP5887" s="99"/>
      <c r="AQ5887" s="99"/>
      <c r="AR5887" s="99"/>
      <c r="AS5887" s="99"/>
      <c r="AT5887" s="99"/>
      <c r="AU5887" s="99"/>
      <c r="AV5887" s="99"/>
      <c r="AW5887" s="99"/>
      <c r="AX5887" s="99"/>
      <c r="AY5887" s="99"/>
      <c r="AZ5887" s="99"/>
      <c r="BA5887" s="99"/>
      <c r="BB5887" s="107">
        <v>45884</v>
      </c>
    </row>
    <row r="5888" spans="1:54" s="8" customFormat="1" ht="13.95" customHeight="1" x14ac:dyDescent="0.25">
      <c r="A5888" s="219" t="s">
        <v>13749</v>
      </c>
      <c r="B5888" s="220" t="s">
        <v>13310</v>
      </c>
      <c r="C5888" s="98" t="s">
        <v>13750</v>
      </c>
      <c r="D5888" s="144" t="s">
        <v>13751</v>
      </c>
      <c r="E5888" s="141">
        <v>1999</v>
      </c>
      <c r="F5888" s="141">
        <v>1783</v>
      </c>
      <c r="G5888" s="144" t="s">
        <v>1</v>
      </c>
      <c r="H5888" s="98">
        <v>0</v>
      </c>
      <c r="I5888" s="98">
        <v>0</v>
      </c>
      <c r="J5888" s="98">
        <v>1</v>
      </c>
      <c r="K5888" s="149" t="s">
        <v>400</v>
      </c>
      <c r="L5888" s="149" t="s">
        <v>400</v>
      </c>
      <c r="M5888" s="149" t="s">
        <v>400</v>
      </c>
      <c r="N5888" s="149" t="s">
        <v>400</v>
      </c>
      <c r="O5888" s="149" t="s">
        <v>400</v>
      </c>
      <c r="P5888" s="149" t="s">
        <v>400</v>
      </c>
      <c r="Q5888" s="149" t="s">
        <v>400</v>
      </c>
      <c r="R5888" s="149" t="s">
        <v>400</v>
      </c>
      <c r="S5888" s="149" t="s">
        <v>400</v>
      </c>
      <c r="T5888" s="149" t="s">
        <v>400</v>
      </c>
      <c r="U5888" s="99"/>
      <c r="V5888" s="99"/>
      <c r="W5888" s="99"/>
      <c r="X5888" s="99"/>
      <c r="Y5888" s="99"/>
      <c r="Z5888" s="99"/>
      <c r="AA5888" s="99"/>
      <c r="AB5888" s="99"/>
      <c r="AC5888" s="99"/>
      <c r="AD5888" s="99"/>
      <c r="AE5888" s="99"/>
      <c r="AF5888" s="99"/>
      <c r="AG5888" s="99"/>
      <c r="AH5888" s="99"/>
      <c r="AI5888" s="99"/>
      <c r="AJ5888" s="99"/>
      <c r="AK5888" s="99"/>
      <c r="AL5888" s="99"/>
      <c r="AM5888" s="99"/>
      <c r="AN5888" s="99"/>
      <c r="AO5888" s="99"/>
      <c r="AP5888" s="99"/>
      <c r="AQ5888" s="99"/>
      <c r="AR5888" s="99"/>
      <c r="AS5888" s="99"/>
      <c r="AT5888" s="99"/>
      <c r="AU5888" s="99"/>
      <c r="AV5888" s="99"/>
      <c r="AW5888" s="99"/>
      <c r="AX5888" s="99"/>
      <c r="AY5888" s="99"/>
      <c r="AZ5888" s="99"/>
      <c r="BA5888" s="99"/>
      <c r="BB5888" s="107">
        <v>45884</v>
      </c>
    </row>
    <row r="5889" spans="1:54" s="8" customFormat="1" ht="13.95" customHeight="1" x14ac:dyDescent="0.25">
      <c r="A5889" s="219" t="s">
        <v>13752</v>
      </c>
      <c r="B5889" s="220" t="s">
        <v>13310</v>
      </c>
      <c r="C5889" s="98" t="s">
        <v>13753</v>
      </c>
      <c r="D5889" s="144" t="s">
        <v>13754</v>
      </c>
      <c r="E5889" s="141">
        <v>1956</v>
      </c>
      <c r="F5889" s="141">
        <v>1798</v>
      </c>
      <c r="G5889" s="144" t="s">
        <v>1</v>
      </c>
      <c r="H5889" s="98">
        <v>0</v>
      </c>
      <c r="I5889" s="98">
        <v>0</v>
      </c>
      <c r="J5889" s="98">
        <v>1</v>
      </c>
      <c r="K5889" s="149" t="s">
        <v>400</v>
      </c>
      <c r="L5889" s="149" t="s">
        <v>400</v>
      </c>
      <c r="M5889" s="149" t="s">
        <v>400</v>
      </c>
      <c r="N5889" s="149" t="s">
        <v>400</v>
      </c>
      <c r="O5889" s="149" t="s">
        <v>400</v>
      </c>
      <c r="P5889" s="149" t="s">
        <v>400</v>
      </c>
      <c r="Q5889" s="149" t="s">
        <v>400</v>
      </c>
      <c r="R5889" s="149" t="s">
        <v>400</v>
      </c>
      <c r="S5889" s="149" t="s">
        <v>400</v>
      </c>
      <c r="T5889" s="149" t="s">
        <v>400</v>
      </c>
      <c r="U5889" s="99"/>
      <c r="V5889" s="99"/>
      <c r="W5889" s="99"/>
      <c r="X5889" s="99"/>
      <c r="Y5889" s="99"/>
      <c r="Z5889" s="99"/>
      <c r="AA5889" s="99"/>
      <c r="AB5889" s="99"/>
      <c r="AC5889" s="99"/>
      <c r="AD5889" s="99"/>
      <c r="AE5889" s="99"/>
      <c r="AF5889" s="99"/>
      <c r="AG5889" s="99"/>
      <c r="AH5889" s="99"/>
      <c r="AI5889" s="99"/>
      <c r="AJ5889" s="99"/>
      <c r="AK5889" s="99"/>
      <c r="AL5889" s="99"/>
      <c r="AM5889" s="99"/>
      <c r="AN5889" s="99"/>
      <c r="AO5889" s="99"/>
      <c r="AP5889" s="99"/>
      <c r="AQ5889" s="99"/>
      <c r="AR5889" s="99"/>
      <c r="AS5889" s="99"/>
      <c r="AT5889" s="99"/>
      <c r="AU5889" s="99"/>
      <c r="AV5889" s="99"/>
      <c r="AW5889" s="99"/>
      <c r="AX5889" s="99"/>
      <c r="AY5889" s="99"/>
      <c r="AZ5889" s="99"/>
      <c r="BA5889" s="99"/>
      <c r="BB5889" s="107">
        <v>45884</v>
      </c>
    </row>
    <row r="5890" spans="1:54" s="8" customFormat="1" ht="13.95" customHeight="1" x14ac:dyDescent="0.25">
      <c r="A5890" s="219" t="s">
        <v>13755</v>
      </c>
      <c r="B5890" s="220" t="s">
        <v>13310</v>
      </c>
      <c r="C5890" s="98" t="s">
        <v>6185</v>
      </c>
      <c r="D5890" s="144" t="s">
        <v>13756</v>
      </c>
      <c r="E5890" s="141">
        <v>1988</v>
      </c>
      <c r="F5890" s="141">
        <v>1800</v>
      </c>
      <c r="G5890" s="144" t="s">
        <v>1</v>
      </c>
      <c r="H5890" s="98">
        <v>0</v>
      </c>
      <c r="I5890" s="98">
        <v>0</v>
      </c>
      <c r="J5890" s="98">
        <v>1</v>
      </c>
      <c r="K5890" s="149" t="s">
        <v>400</v>
      </c>
      <c r="L5890" s="149" t="s">
        <v>400</v>
      </c>
      <c r="M5890" s="149" t="s">
        <v>400</v>
      </c>
      <c r="N5890" s="149" t="s">
        <v>400</v>
      </c>
      <c r="O5890" s="149" t="s">
        <v>400</v>
      </c>
      <c r="P5890" s="149" t="s">
        <v>400</v>
      </c>
      <c r="Q5890" s="149" t="s">
        <v>400</v>
      </c>
      <c r="R5890" s="149" t="s">
        <v>400</v>
      </c>
      <c r="S5890" s="149" t="s">
        <v>400</v>
      </c>
      <c r="T5890" s="149" t="s">
        <v>400</v>
      </c>
      <c r="U5890" s="99"/>
      <c r="V5890" s="99"/>
      <c r="W5890" s="99"/>
      <c r="X5890" s="99"/>
      <c r="Y5890" s="99"/>
      <c r="Z5890" s="99"/>
      <c r="AA5890" s="99"/>
      <c r="AB5890" s="99"/>
      <c r="AC5890" s="99"/>
      <c r="AD5890" s="99"/>
      <c r="AE5890" s="99"/>
      <c r="AF5890" s="99"/>
      <c r="AG5890" s="99"/>
      <c r="AH5890" s="99"/>
      <c r="AI5890" s="99"/>
      <c r="AJ5890" s="99"/>
      <c r="AK5890" s="99"/>
      <c r="AL5890" s="99"/>
      <c r="AM5890" s="99"/>
      <c r="AN5890" s="99"/>
      <c r="AO5890" s="99"/>
      <c r="AP5890" s="99"/>
      <c r="AQ5890" s="99"/>
      <c r="AR5890" s="99"/>
      <c r="AS5890" s="99"/>
      <c r="AT5890" s="99"/>
      <c r="AU5890" s="99"/>
      <c r="AV5890" s="99"/>
      <c r="AW5890" s="99"/>
      <c r="AX5890" s="99"/>
      <c r="AY5890" s="99"/>
      <c r="AZ5890" s="99"/>
      <c r="BA5890" s="99"/>
      <c r="BB5890" s="107">
        <v>45884</v>
      </c>
    </row>
    <row r="5891" spans="1:54" s="8" customFormat="1" ht="13.95" customHeight="1" x14ac:dyDescent="0.25">
      <c r="A5891" s="219" t="s">
        <v>13757</v>
      </c>
      <c r="B5891" s="220" t="s">
        <v>13310</v>
      </c>
      <c r="C5891" s="98" t="s">
        <v>13758</v>
      </c>
      <c r="D5891" s="144" t="s">
        <v>13759</v>
      </c>
      <c r="E5891" s="141">
        <v>1979</v>
      </c>
      <c r="F5891" s="141">
        <v>1800</v>
      </c>
      <c r="G5891" s="144" t="s">
        <v>1</v>
      </c>
      <c r="H5891" s="98">
        <v>0</v>
      </c>
      <c r="I5891" s="98">
        <v>0</v>
      </c>
      <c r="J5891" s="98">
        <v>1</v>
      </c>
      <c r="K5891" s="149" t="s">
        <v>400</v>
      </c>
      <c r="L5891" s="149" t="s">
        <v>400</v>
      </c>
      <c r="M5891" s="149" t="s">
        <v>400</v>
      </c>
      <c r="N5891" s="149" t="s">
        <v>400</v>
      </c>
      <c r="O5891" s="149" t="s">
        <v>400</v>
      </c>
      <c r="P5891" s="149" t="s">
        <v>400</v>
      </c>
      <c r="Q5891" s="149" t="s">
        <v>400</v>
      </c>
      <c r="R5891" s="149" t="s">
        <v>400</v>
      </c>
      <c r="S5891" s="149" t="s">
        <v>400</v>
      </c>
      <c r="T5891" s="149" t="s">
        <v>400</v>
      </c>
      <c r="U5891" s="99"/>
      <c r="V5891" s="99"/>
      <c r="W5891" s="99"/>
      <c r="X5891" s="99"/>
      <c r="Y5891" s="99"/>
      <c r="Z5891" s="99"/>
      <c r="AA5891" s="99"/>
      <c r="AB5891" s="99"/>
      <c r="AC5891" s="99"/>
      <c r="AD5891" s="99"/>
      <c r="AE5891" s="99"/>
      <c r="AF5891" s="99"/>
      <c r="AG5891" s="99"/>
      <c r="AH5891" s="99"/>
      <c r="AI5891" s="99"/>
      <c r="AJ5891" s="99"/>
      <c r="AK5891" s="99"/>
      <c r="AL5891" s="99"/>
      <c r="AM5891" s="99"/>
      <c r="AN5891" s="99"/>
      <c r="AO5891" s="99"/>
      <c r="AP5891" s="99"/>
      <c r="AQ5891" s="99"/>
      <c r="AR5891" s="99"/>
      <c r="AS5891" s="99"/>
      <c r="AT5891" s="99"/>
      <c r="AU5891" s="99"/>
      <c r="AV5891" s="99"/>
      <c r="AW5891" s="99"/>
      <c r="AX5891" s="99"/>
      <c r="AY5891" s="99"/>
      <c r="AZ5891" s="99"/>
      <c r="BA5891" s="99"/>
      <c r="BB5891" s="107">
        <v>45884</v>
      </c>
    </row>
    <row r="5892" spans="1:54" s="8" customFormat="1" ht="13.95" customHeight="1" x14ac:dyDescent="0.25">
      <c r="A5892" s="219" t="s">
        <v>13760</v>
      </c>
      <c r="B5892" s="220" t="s">
        <v>13310</v>
      </c>
      <c r="C5892" s="98" t="s">
        <v>13761</v>
      </c>
      <c r="D5892" s="144" t="s">
        <v>13762</v>
      </c>
      <c r="E5892" s="141">
        <v>1979</v>
      </c>
      <c r="F5892" s="141">
        <v>1800</v>
      </c>
      <c r="G5892" s="144" t="s">
        <v>1</v>
      </c>
      <c r="H5892" s="98">
        <v>0</v>
      </c>
      <c r="I5892" s="98">
        <v>0</v>
      </c>
      <c r="J5892" s="98">
        <v>1</v>
      </c>
      <c r="K5892" s="149" t="s">
        <v>400</v>
      </c>
      <c r="L5892" s="149" t="s">
        <v>400</v>
      </c>
      <c r="M5892" s="149" t="s">
        <v>400</v>
      </c>
      <c r="N5892" s="149" t="s">
        <v>400</v>
      </c>
      <c r="O5892" s="149" t="s">
        <v>400</v>
      </c>
      <c r="P5892" s="149" t="s">
        <v>400</v>
      </c>
      <c r="Q5892" s="149" t="s">
        <v>400</v>
      </c>
      <c r="R5892" s="149" t="s">
        <v>400</v>
      </c>
      <c r="S5892" s="149" t="s">
        <v>400</v>
      </c>
      <c r="T5892" s="149" t="s">
        <v>400</v>
      </c>
      <c r="U5892" s="99"/>
      <c r="V5892" s="99"/>
      <c r="W5892" s="99"/>
      <c r="X5892" s="99"/>
      <c r="Y5892" s="99"/>
      <c r="Z5892" s="99"/>
      <c r="AA5892" s="99"/>
      <c r="AB5892" s="99"/>
      <c r="AC5892" s="99"/>
      <c r="AD5892" s="99"/>
      <c r="AE5892" s="99"/>
      <c r="AF5892" s="99"/>
      <c r="AG5892" s="99"/>
      <c r="AH5892" s="99"/>
      <c r="AI5892" s="99"/>
      <c r="AJ5892" s="99"/>
      <c r="AK5892" s="99"/>
      <c r="AL5892" s="99"/>
      <c r="AM5892" s="99"/>
      <c r="AN5892" s="99"/>
      <c r="AO5892" s="99"/>
      <c r="AP5892" s="99"/>
      <c r="AQ5892" s="99"/>
      <c r="AR5892" s="99"/>
      <c r="AS5892" s="99"/>
      <c r="AT5892" s="99"/>
      <c r="AU5892" s="99"/>
      <c r="AV5892" s="99"/>
      <c r="AW5892" s="99"/>
      <c r="AX5892" s="99"/>
      <c r="AY5892" s="99"/>
      <c r="AZ5892" s="99"/>
      <c r="BA5892" s="99"/>
      <c r="BB5892" s="107">
        <v>45884</v>
      </c>
    </row>
    <row r="5893" spans="1:54" s="8" customFormat="1" ht="13.95" customHeight="1" x14ac:dyDescent="0.25">
      <c r="A5893" s="219" t="s">
        <v>13763</v>
      </c>
      <c r="B5893" s="220" t="s">
        <v>13310</v>
      </c>
      <c r="C5893" s="98" t="s">
        <v>13764</v>
      </c>
      <c r="D5893" s="144" t="s">
        <v>13765</v>
      </c>
      <c r="E5893" s="141">
        <v>2014</v>
      </c>
      <c r="F5893" s="141">
        <v>1805</v>
      </c>
      <c r="G5893" s="144" t="s">
        <v>1</v>
      </c>
      <c r="H5893" s="98">
        <v>0</v>
      </c>
      <c r="I5893" s="98">
        <v>0</v>
      </c>
      <c r="J5893" s="98">
        <v>1</v>
      </c>
      <c r="K5893" s="149" t="s">
        <v>400</v>
      </c>
      <c r="L5893" s="149" t="s">
        <v>400</v>
      </c>
      <c r="M5893" s="149" t="s">
        <v>400</v>
      </c>
      <c r="N5893" s="149" t="s">
        <v>400</v>
      </c>
      <c r="O5893" s="149" t="s">
        <v>400</v>
      </c>
      <c r="P5893" s="149" t="s">
        <v>400</v>
      </c>
      <c r="Q5893" s="149" t="s">
        <v>400</v>
      </c>
      <c r="R5893" s="149" t="s">
        <v>400</v>
      </c>
      <c r="S5893" s="149" t="s">
        <v>400</v>
      </c>
      <c r="T5893" s="149" t="s">
        <v>400</v>
      </c>
      <c r="U5893" s="99"/>
      <c r="V5893" s="99"/>
      <c r="W5893" s="99"/>
      <c r="X5893" s="99"/>
      <c r="Y5893" s="99"/>
      <c r="Z5893" s="99"/>
      <c r="AA5893" s="99"/>
      <c r="AB5893" s="99"/>
      <c r="AC5893" s="99"/>
      <c r="AD5893" s="99"/>
      <c r="AE5893" s="99"/>
      <c r="AF5893" s="99"/>
      <c r="AG5893" s="99"/>
      <c r="AH5893" s="99"/>
      <c r="AI5893" s="99"/>
      <c r="AJ5893" s="99"/>
      <c r="AK5893" s="99"/>
      <c r="AL5893" s="99"/>
      <c r="AM5893" s="99"/>
      <c r="AN5893" s="99"/>
      <c r="AO5893" s="99"/>
      <c r="AP5893" s="99"/>
      <c r="AQ5893" s="99"/>
      <c r="AR5893" s="99"/>
      <c r="AS5893" s="99"/>
      <c r="AT5893" s="99"/>
      <c r="AU5893" s="99"/>
      <c r="AV5893" s="99"/>
      <c r="AW5893" s="99"/>
      <c r="AX5893" s="99"/>
      <c r="AY5893" s="99"/>
      <c r="AZ5893" s="99"/>
      <c r="BA5893" s="99"/>
      <c r="BB5893" s="107">
        <v>45884</v>
      </c>
    </row>
    <row r="5894" spans="1:54" s="8" customFormat="1" ht="13.95" customHeight="1" x14ac:dyDescent="0.25">
      <c r="A5894" s="219" t="s">
        <v>13766</v>
      </c>
      <c r="B5894" s="220" t="s">
        <v>13310</v>
      </c>
      <c r="C5894" s="98" t="s">
        <v>13767</v>
      </c>
      <c r="D5894" s="144" t="s">
        <v>13768</v>
      </c>
      <c r="E5894" s="141">
        <v>1981</v>
      </c>
      <c r="F5894" s="141">
        <v>1812</v>
      </c>
      <c r="G5894" s="144" t="s">
        <v>1</v>
      </c>
      <c r="H5894" s="98">
        <v>0</v>
      </c>
      <c r="I5894" s="98">
        <v>0</v>
      </c>
      <c r="J5894" s="98">
        <v>0</v>
      </c>
      <c r="K5894" s="149" t="s">
        <v>400</v>
      </c>
      <c r="L5894" s="149" t="s">
        <v>400</v>
      </c>
      <c r="M5894" s="149" t="s">
        <v>400</v>
      </c>
      <c r="N5894" s="149" t="s">
        <v>400</v>
      </c>
      <c r="O5894" s="149" t="s">
        <v>400</v>
      </c>
      <c r="P5894" s="149" t="s">
        <v>400</v>
      </c>
      <c r="Q5894" s="149" t="s">
        <v>400</v>
      </c>
      <c r="R5894" s="149" t="s">
        <v>400</v>
      </c>
      <c r="S5894" s="149" t="s">
        <v>400</v>
      </c>
      <c r="T5894" s="149" t="s">
        <v>400</v>
      </c>
      <c r="U5894" s="99"/>
      <c r="V5894" s="99"/>
      <c r="W5894" s="99"/>
      <c r="X5894" s="99"/>
      <c r="Y5894" s="99"/>
      <c r="Z5894" s="99"/>
      <c r="AA5894" s="99"/>
      <c r="AB5894" s="99"/>
      <c r="AC5894" s="99"/>
      <c r="AD5894" s="99"/>
      <c r="AE5894" s="99"/>
      <c r="AF5894" s="99"/>
      <c r="AG5894" s="99"/>
      <c r="AH5894" s="99"/>
      <c r="AI5894" s="99"/>
      <c r="AJ5894" s="99"/>
      <c r="AK5894" s="99"/>
      <c r="AL5894" s="99"/>
      <c r="AM5894" s="99"/>
      <c r="AN5894" s="99"/>
      <c r="AO5894" s="99"/>
      <c r="AP5894" s="99"/>
      <c r="AQ5894" s="99"/>
      <c r="AR5894" s="99"/>
      <c r="AS5894" s="99"/>
      <c r="AT5894" s="99"/>
      <c r="AU5894" s="99"/>
      <c r="AV5894" s="99"/>
      <c r="AW5894" s="99"/>
      <c r="AX5894" s="99"/>
      <c r="AY5894" s="99"/>
      <c r="AZ5894" s="99"/>
      <c r="BA5894" s="99"/>
      <c r="BB5894" s="107">
        <v>45884</v>
      </c>
    </row>
    <row r="5895" spans="1:54" s="8" customFormat="1" ht="13.95" customHeight="1" x14ac:dyDescent="0.25">
      <c r="A5895" s="219" t="s">
        <v>13769</v>
      </c>
      <c r="B5895" s="220" t="s">
        <v>13310</v>
      </c>
      <c r="C5895" s="98" t="s">
        <v>13770</v>
      </c>
      <c r="D5895" s="144" t="s">
        <v>13771</v>
      </c>
      <c r="E5895" s="141">
        <v>1980</v>
      </c>
      <c r="F5895" s="141">
        <v>1848</v>
      </c>
      <c r="G5895" s="144" t="s">
        <v>1</v>
      </c>
      <c r="H5895" s="98">
        <v>0</v>
      </c>
      <c r="I5895" s="98">
        <v>0</v>
      </c>
      <c r="J5895" s="98">
        <v>1</v>
      </c>
      <c r="K5895" s="149" t="s">
        <v>400</v>
      </c>
      <c r="L5895" s="149" t="s">
        <v>400</v>
      </c>
      <c r="M5895" s="149" t="s">
        <v>400</v>
      </c>
      <c r="N5895" s="149" t="s">
        <v>400</v>
      </c>
      <c r="O5895" s="149" t="s">
        <v>400</v>
      </c>
      <c r="P5895" s="149" t="s">
        <v>400</v>
      </c>
      <c r="Q5895" s="149" t="s">
        <v>400</v>
      </c>
      <c r="R5895" s="149" t="s">
        <v>400</v>
      </c>
      <c r="S5895" s="149" t="s">
        <v>400</v>
      </c>
      <c r="T5895" s="149" t="s">
        <v>400</v>
      </c>
      <c r="U5895" s="99"/>
      <c r="V5895" s="99"/>
      <c r="W5895" s="99"/>
      <c r="X5895" s="99"/>
      <c r="Y5895" s="99"/>
      <c r="Z5895" s="99"/>
      <c r="AA5895" s="99"/>
      <c r="AB5895" s="99"/>
      <c r="AC5895" s="99"/>
      <c r="AD5895" s="99"/>
      <c r="AE5895" s="99"/>
      <c r="AF5895" s="99"/>
      <c r="AG5895" s="99"/>
      <c r="AH5895" s="99"/>
      <c r="AI5895" s="99"/>
      <c r="AJ5895" s="99"/>
      <c r="AK5895" s="99"/>
      <c r="AL5895" s="99"/>
      <c r="AM5895" s="99"/>
      <c r="AN5895" s="99"/>
      <c r="AO5895" s="99"/>
      <c r="AP5895" s="99"/>
      <c r="AQ5895" s="99"/>
      <c r="AR5895" s="99"/>
      <c r="AS5895" s="99"/>
      <c r="AT5895" s="99"/>
      <c r="AU5895" s="99"/>
      <c r="AV5895" s="99"/>
      <c r="AW5895" s="99"/>
      <c r="AX5895" s="99"/>
      <c r="AY5895" s="99"/>
      <c r="AZ5895" s="99"/>
      <c r="BA5895" s="99"/>
      <c r="BB5895" s="107">
        <v>45884</v>
      </c>
    </row>
    <row r="5896" spans="1:54" s="8" customFormat="1" ht="13.95" customHeight="1" x14ac:dyDescent="0.25">
      <c r="A5896" s="219" t="s">
        <v>13772</v>
      </c>
      <c r="B5896" s="220" t="s">
        <v>13310</v>
      </c>
      <c r="C5896" s="98" t="s">
        <v>13773</v>
      </c>
      <c r="D5896" s="144" t="s">
        <v>13774</v>
      </c>
      <c r="E5896" s="141">
        <v>1992</v>
      </c>
      <c r="F5896" s="141">
        <v>1862</v>
      </c>
      <c r="G5896" s="144" t="s">
        <v>2</v>
      </c>
      <c r="H5896" s="98">
        <v>0</v>
      </c>
      <c r="I5896" s="98">
        <v>0</v>
      </c>
      <c r="J5896" s="98">
        <v>0</v>
      </c>
      <c r="K5896" s="149" t="s">
        <v>400</v>
      </c>
      <c r="L5896" s="149" t="s">
        <v>400</v>
      </c>
      <c r="M5896" s="149" t="s">
        <v>400</v>
      </c>
      <c r="N5896" s="149" t="s">
        <v>400</v>
      </c>
      <c r="O5896" s="149" t="s">
        <v>400</v>
      </c>
      <c r="P5896" s="149" t="s">
        <v>400</v>
      </c>
      <c r="Q5896" s="149" t="s">
        <v>400</v>
      </c>
      <c r="R5896" s="149" t="s">
        <v>400</v>
      </c>
      <c r="S5896" s="149" t="s">
        <v>400</v>
      </c>
      <c r="T5896" s="149" t="s">
        <v>400</v>
      </c>
      <c r="U5896" s="98" t="s">
        <v>400</v>
      </c>
      <c r="V5896" s="98" t="s">
        <v>400</v>
      </c>
      <c r="W5896" s="98" t="s">
        <v>400</v>
      </c>
      <c r="X5896" s="98" t="s">
        <v>400</v>
      </c>
      <c r="Y5896" s="98" t="s">
        <v>400</v>
      </c>
      <c r="Z5896" s="98" t="s">
        <v>400</v>
      </c>
      <c r="AA5896" s="98" t="s">
        <v>400</v>
      </c>
      <c r="AB5896" s="98" t="s">
        <v>400</v>
      </c>
      <c r="AC5896" s="98" t="s">
        <v>400</v>
      </c>
      <c r="AD5896" s="98" t="s">
        <v>400</v>
      </c>
      <c r="AE5896" s="98" t="s">
        <v>400</v>
      </c>
      <c r="AF5896" s="98" t="s">
        <v>400</v>
      </c>
      <c r="AG5896" s="98" t="s">
        <v>400</v>
      </c>
      <c r="AH5896" s="98" t="s">
        <v>400</v>
      </c>
      <c r="AI5896" s="98" t="s">
        <v>400</v>
      </c>
      <c r="AJ5896" s="98" t="s">
        <v>400</v>
      </c>
      <c r="AK5896" s="98" t="s">
        <v>400</v>
      </c>
      <c r="AL5896" s="98" t="s">
        <v>400</v>
      </c>
      <c r="AM5896" s="98" t="s">
        <v>400</v>
      </c>
      <c r="AN5896" s="98" t="s">
        <v>400</v>
      </c>
      <c r="AO5896" s="98" t="s">
        <v>400</v>
      </c>
      <c r="AP5896" s="98" t="s">
        <v>400</v>
      </c>
      <c r="AQ5896" s="98" t="s">
        <v>400</v>
      </c>
      <c r="AR5896" s="98" t="s">
        <v>400</v>
      </c>
      <c r="AS5896" s="98" t="s">
        <v>400</v>
      </c>
      <c r="AT5896" s="129" t="s">
        <v>400</v>
      </c>
      <c r="AU5896" s="98" t="s">
        <v>400</v>
      </c>
      <c r="AV5896" s="98" t="s">
        <v>400</v>
      </c>
      <c r="AW5896" s="98" t="s">
        <v>400</v>
      </c>
      <c r="AX5896" s="98"/>
      <c r="AY5896" s="98"/>
      <c r="AZ5896" s="98"/>
      <c r="BA5896" s="98"/>
      <c r="BB5896" s="107">
        <v>45884</v>
      </c>
    </row>
    <row r="5897" spans="1:54" s="8" customFormat="1" ht="13.95" customHeight="1" x14ac:dyDescent="0.25">
      <c r="A5897" s="219" t="s">
        <v>13775</v>
      </c>
      <c r="B5897" s="220" t="s">
        <v>13310</v>
      </c>
      <c r="C5897" s="98" t="s">
        <v>13776</v>
      </c>
      <c r="D5897" s="144" t="s">
        <v>13777</v>
      </c>
      <c r="E5897" s="141">
        <v>1985</v>
      </c>
      <c r="F5897" s="141">
        <v>1877</v>
      </c>
      <c r="G5897" s="144" t="s">
        <v>1</v>
      </c>
      <c r="H5897" s="98">
        <v>0</v>
      </c>
      <c r="I5897" s="98">
        <v>0</v>
      </c>
      <c r="J5897" s="98">
        <v>1</v>
      </c>
      <c r="K5897" s="149" t="s">
        <v>400</v>
      </c>
      <c r="L5897" s="149" t="s">
        <v>400</v>
      </c>
      <c r="M5897" s="149" t="s">
        <v>400</v>
      </c>
      <c r="N5897" s="149" t="s">
        <v>400</v>
      </c>
      <c r="O5897" s="149" t="s">
        <v>400</v>
      </c>
      <c r="P5897" s="149" t="s">
        <v>400</v>
      </c>
      <c r="Q5897" s="149" t="s">
        <v>400</v>
      </c>
      <c r="R5897" s="149" t="s">
        <v>400</v>
      </c>
      <c r="S5897" s="149" t="s">
        <v>400</v>
      </c>
      <c r="T5897" s="149" t="s">
        <v>400</v>
      </c>
      <c r="U5897" s="99"/>
      <c r="V5897" s="99"/>
      <c r="W5897" s="99"/>
      <c r="X5897" s="99"/>
      <c r="Y5897" s="99"/>
      <c r="Z5897" s="99"/>
      <c r="AA5897" s="99"/>
      <c r="AB5897" s="99"/>
      <c r="AC5897" s="99"/>
      <c r="AD5897" s="99"/>
      <c r="AE5897" s="99"/>
      <c r="AF5897" s="99"/>
      <c r="AG5897" s="99"/>
      <c r="AH5897" s="99"/>
      <c r="AI5897" s="99"/>
      <c r="AJ5897" s="99"/>
      <c r="AK5897" s="99"/>
      <c r="AL5897" s="99"/>
      <c r="AM5897" s="99"/>
      <c r="AN5897" s="99"/>
      <c r="AO5897" s="99"/>
      <c r="AP5897" s="99"/>
      <c r="AQ5897" s="99"/>
      <c r="AR5897" s="99"/>
      <c r="AS5897" s="99"/>
      <c r="AT5897" s="99"/>
      <c r="AU5897" s="99"/>
      <c r="AV5897" s="99"/>
      <c r="AW5897" s="99"/>
      <c r="AX5897" s="99"/>
      <c r="AY5897" s="99"/>
      <c r="AZ5897" s="99"/>
      <c r="BA5897" s="99"/>
      <c r="BB5897" s="107">
        <v>45884</v>
      </c>
    </row>
    <row r="5898" spans="1:54" s="8" customFormat="1" ht="13.95" customHeight="1" x14ac:dyDescent="0.25">
      <c r="A5898" s="219" t="s">
        <v>13778</v>
      </c>
      <c r="B5898" s="220" t="s">
        <v>13310</v>
      </c>
      <c r="C5898" s="98" t="s">
        <v>13779</v>
      </c>
      <c r="D5898" s="144" t="s">
        <v>13780</v>
      </c>
      <c r="E5898" s="141">
        <v>1975</v>
      </c>
      <c r="F5898" s="141">
        <v>1900</v>
      </c>
      <c r="G5898" s="144" t="s">
        <v>1</v>
      </c>
      <c r="H5898" s="98">
        <v>0</v>
      </c>
      <c r="I5898" s="98">
        <v>0</v>
      </c>
      <c r="J5898" s="98">
        <v>1</v>
      </c>
      <c r="K5898" s="149" t="s">
        <v>400</v>
      </c>
      <c r="L5898" s="149" t="s">
        <v>400</v>
      </c>
      <c r="M5898" s="149" t="s">
        <v>400</v>
      </c>
      <c r="N5898" s="149" t="s">
        <v>400</v>
      </c>
      <c r="O5898" s="149" t="s">
        <v>400</v>
      </c>
      <c r="P5898" s="149" t="s">
        <v>400</v>
      </c>
      <c r="Q5898" s="149" t="s">
        <v>400</v>
      </c>
      <c r="R5898" s="149" t="s">
        <v>400</v>
      </c>
      <c r="S5898" s="149" t="s">
        <v>400</v>
      </c>
      <c r="T5898" s="149" t="s">
        <v>400</v>
      </c>
      <c r="U5898" s="99"/>
      <c r="V5898" s="99"/>
      <c r="W5898" s="99"/>
      <c r="X5898" s="99"/>
      <c r="Y5898" s="99"/>
      <c r="Z5898" s="99"/>
      <c r="AA5898" s="99"/>
      <c r="AB5898" s="99"/>
      <c r="AC5898" s="99"/>
      <c r="AD5898" s="99"/>
      <c r="AE5898" s="99"/>
      <c r="AF5898" s="99"/>
      <c r="AG5898" s="99"/>
      <c r="AH5898" s="99"/>
      <c r="AI5898" s="99"/>
      <c r="AJ5898" s="99"/>
      <c r="AK5898" s="99"/>
      <c r="AL5898" s="99"/>
      <c r="AM5898" s="99"/>
      <c r="AN5898" s="99"/>
      <c r="AO5898" s="99"/>
      <c r="AP5898" s="99"/>
      <c r="AQ5898" s="99"/>
      <c r="AR5898" s="99"/>
      <c r="AS5898" s="99"/>
      <c r="AT5898" s="99"/>
      <c r="AU5898" s="99"/>
      <c r="AV5898" s="99"/>
      <c r="AW5898" s="99"/>
      <c r="AX5898" s="99"/>
      <c r="AY5898" s="99"/>
      <c r="AZ5898" s="99"/>
      <c r="BA5898" s="99"/>
      <c r="BB5898" s="107">
        <v>45884</v>
      </c>
    </row>
    <row r="5899" spans="1:54" s="8" customFormat="1" ht="13.95" customHeight="1" x14ac:dyDescent="0.25">
      <c r="A5899" s="219" t="s">
        <v>13781</v>
      </c>
      <c r="B5899" s="220" t="s">
        <v>13310</v>
      </c>
      <c r="C5899" s="98" t="s">
        <v>13782</v>
      </c>
      <c r="D5899" s="144" t="s">
        <v>13783</v>
      </c>
      <c r="E5899" s="141">
        <v>2008</v>
      </c>
      <c r="F5899" s="141">
        <v>1908</v>
      </c>
      <c r="G5899" s="144" t="s">
        <v>8</v>
      </c>
      <c r="H5899" s="98">
        <v>0</v>
      </c>
      <c r="I5899" s="98">
        <v>0</v>
      </c>
      <c r="J5899" s="98">
        <v>0</v>
      </c>
      <c r="K5899" s="149" t="s">
        <v>400</v>
      </c>
      <c r="L5899" s="149" t="s">
        <v>400</v>
      </c>
      <c r="M5899" s="149" t="s">
        <v>400</v>
      </c>
      <c r="N5899" s="149" t="s">
        <v>400</v>
      </c>
      <c r="O5899" s="149" t="s">
        <v>400</v>
      </c>
      <c r="P5899" s="149" t="s">
        <v>400</v>
      </c>
      <c r="Q5899" s="149" t="s">
        <v>400</v>
      </c>
      <c r="R5899" s="149" t="s">
        <v>400</v>
      </c>
      <c r="S5899" s="149" t="s">
        <v>400</v>
      </c>
      <c r="T5899" s="149" t="s">
        <v>400</v>
      </c>
      <c r="U5899" s="150" t="s">
        <v>174</v>
      </c>
      <c r="V5899" s="150" t="s">
        <v>174</v>
      </c>
      <c r="W5899" s="150" t="s">
        <v>174</v>
      </c>
      <c r="X5899" s="150" t="s">
        <v>174</v>
      </c>
      <c r="Y5899" s="150" t="s">
        <v>174</v>
      </c>
      <c r="Z5899" s="150" t="s">
        <v>174</v>
      </c>
      <c r="AA5899" s="150" t="s">
        <v>174</v>
      </c>
      <c r="AB5899" s="150" t="s">
        <v>174</v>
      </c>
      <c r="AC5899" s="150" t="s">
        <v>174</v>
      </c>
      <c r="AD5899" s="150" t="s">
        <v>174</v>
      </c>
      <c r="AE5899" s="150" t="s">
        <v>174</v>
      </c>
      <c r="AF5899" s="150" t="s">
        <v>174</v>
      </c>
      <c r="AG5899" s="150" t="s">
        <v>174</v>
      </c>
      <c r="AH5899" s="150" t="s">
        <v>174</v>
      </c>
      <c r="AI5899" s="150" t="s">
        <v>174</v>
      </c>
      <c r="AJ5899" s="150" t="s">
        <v>174</v>
      </c>
      <c r="AK5899" s="150" t="s">
        <v>174</v>
      </c>
      <c r="AL5899" s="150" t="s">
        <v>174</v>
      </c>
      <c r="AM5899" s="150" t="s">
        <v>174</v>
      </c>
      <c r="AN5899" s="150" t="s">
        <v>174</v>
      </c>
      <c r="AO5899" s="150" t="s">
        <v>174</v>
      </c>
      <c r="AP5899" s="150" t="s">
        <v>174</v>
      </c>
      <c r="AQ5899" s="150" t="s">
        <v>174</v>
      </c>
      <c r="AR5899" s="150" t="s">
        <v>174</v>
      </c>
      <c r="AS5899" s="150" t="s">
        <v>174</v>
      </c>
      <c r="AT5899" s="151" t="s">
        <v>174</v>
      </c>
      <c r="AU5899" s="150" t="s">
        <v>174</v>
      </c>
      <c r="AV5899" s="150" t="s">
        <v>174</v>
      </c>
      <c r="AW5899" s="150" t="s">
        <v>174</v>
      </c>
      <c r="AX5899" s="98"/>
      <c r="AY5899" s="98"/>
      <c r="AZ5899" s="98"/>
      <c r="BA5899" s="98"/>
      <c r="BB5899" s="107">
        <v>45884</v>
      </c>
    </row>
    <row r="5900" spans="1:54" s="8" customFormat="1" ht="13.95" customHeight="1" x14ac:dyDescent="0.25">
      <c r="A5900" s="219" t="s">
        <v>13784</v>
      </c>
      <c r="B5900" s="220" t="s">
        <v>13310</v>
      </c>
      <c r="C5900" s="98" t="s">
        <v>9326</v>
      </c>
      <c r="D5900" s="144" t="s">
        <v>13785</v>
      </c>
      <c r="E5900" s="141">
        <v>2016</v>
      </c>
      <c r="F5900" s="141">
        <v>1910</v>
      </c>
      <c r="G5900" s="144" t="s">
        <v>1</v>
      </c>
      <c r="H5900" s="98">
        <v>0</v>
      </c>
      <c r="I5900" s="98">
        <v>0</v>
      </c>
      <c r="J5900" s="98">
        <v>1</v>
      </c>
      <c r="K5900" s="149" t="s">
        <v>400</v>
      </c>
      <c r="L5900" s="149" t="s">
        <v>400</v>
      </c>
      <c r="M5900" s="149" t="s">
        <v>400</v>
      </c>
      <c r="N5900" s="149" t="s">
        <v>400</v>
      </c>
      <c r="O5900" s="149" t="s">
        <v>400</v>
      </c>
      <c r="P5900" s="149" t="s">
        <v>400</v>
      </c>
      <c r="Q5900" s="149" t="s">
        <v>400</v>
      </c>
      <c r="R5900" s="149" t="s">
        <v>400</v>
      </c>
      <c r="S5900" s="149" t="s">
        <v>400</v>
      </c>
      <c r="T5900" s="149" t="s">
        <v>400</v>
      </c>
      <c r="U5900" s="99"/>
      <c r="V5900" s="99"/>
      <c r="W5900" s="99"/>
      <c r="X5900" s="99"/>
      <c r="Y5900" s="99"/>
      <c r="Z5900" s="99"/>
      <c r="AA5900" s="99"/>
      <c r="AB5900" s="99"/>
      <c r="AC5900" s="99"/>
      <c r="AD5900" s="99"/>
      <c r="AE5900" s="99"/>
      <c r="AF5900" s="99"/>
      <c r="AG5900" s="99"/>
      <c r="AH5900" s="99"/>
      <c r="AI5900" s="99"/>
      <c r="AJ5900" s="99"/>
      <c r="AK5900" s="99"/>
      <c r="AL5900" s="99"/>
      <c r="AM5900" s="99"/>
      <c r="AN5900" s="99"/>
      <c r="AO5900" s="99"/>
      <c r="AP5900" s="99"/>
      <c r="AQ5900" s="99"/>
      <c r="AR5900" s="99"/>
      <c r="AS5900" s="99"/>
      <c r="AT5900" s="99"/>
      <c r="AU5900" s="99"/>
      <c r="AV5900" s="99"/>
      <c r="AW5900" s="99"/>
      <c r="AX5900" s="99"/>
      <c r="AY5900" s="99"/>
      <c r="AZ5900" s="99"/>
      <c r="BA5900" s="99"/>
      <c r="BB5900" s="107">
        <v>45884</v>
      </c>
    </row>
    <row r="5901" spans="1:54" s="8" customFormat="1" ht="13.95" customHeight="1" x14ac:dyDescent="0.25">
      <c r="A5901" s="219" t="s">
        <v>13786</v>
      </c>
      <c r="B5901" s="220" t="s">
        <v>13310</v>
      </c>
      <c r="C5901" s="98" t="s">
        <v>13787</v>
      </c>
      <c r="D5901" s="144" t="s">
        <v>13788</v>
      </c>
      <c r="E5901" s="141">
        <v>1976</v>
      </c>
      <c r="F5901" s="141">
        <v>1950</v>
      </c>
      <c r="G5901" s="144" t="s">
        <v>1</v>
      </c>
      <c r="H5901" s="98">
        <v>0</v>
      </c>
      <c r="I5901" s="98">
        <v>0</v>
      </c>
      <c r="J5901" s="98">
        <v>1</v>
      </c>
      <c r="K5901" s="149" t="s">
        <v>400</v>
      </c>
      <c r="L5901" s="149" t="s">
        <v>400</v>
      </c>
      <c r="M5901" s="149" t="s">
        <v>400</v>
      </c>
      <c r="N5901" s="149" t="s">
        <v>400</v>
      </c>
      <c r="O5901" s="149" t="s">
        <v>400</v>
      </c>
      <c r="P5901" s="149" t="s">
        <v>400</v>
      </c>
      <c r="Q5901" s="149" t="s">
        <v>400</v>
      </c>
      <c r="R5901" s="149" t="s">
        <v>400</v>
      </c>
      <c r="S5901" s="149" t="s">
        <v>400</v>
      </c>
      <c r="T5901" s="149" t="s">
        <v>400</v>
      </c>
      <c r="U5901" s="99"/>
      <c r="V5901" s="99"/>
      <c r="W5901" s="99"/>
      <c r="X5901" s="99"/>
      <c r="Y5901" s="99"/>
      <c r="Z5901" s="99"/>
      <c r="AA5901" s="99"/>
      <c r="AB5901" s="99"/>
      <c r="AC5901" s="99"/>
      <c r="AD5901" s="99"/>
      <c r="AE5901" s="99"/>
      <c r="AF5901" s="99"/>
      <c r="AG5901" s="99"/>
      <c r="AH5901" s="99"/>
      <c r="AI5901" s="99"/>
      <c r="AJ5901" s="99"/>
      <c r="AK5901" s="99"/>
      <c r="AL5901" s="99"/>
      <c r="AM5901" s="99"/>
      <c r="AN5901" s="99"/>
      <c r="AO5901" s="99"/>
      <c r="AP5901" s="99"/>
      <c r="AQ5901" s="99"/>
      <c r="AR5901" s="99"/>
      <c r="AS5901" s="99"/>
      <c r="AT5901" s="99"/>
      <c r="AU5901" s="99"/>
      <c r="AV5901" s="99"/>
      <c r="AW5901" s="99"/>
      <c r="AX5901" s="99"/>
      <c r="AY5901" s="99"/>
      <c r="AZ5901" s="99"/>
      <c r="BA5901" s="99"/>
      <c r="BB5901" s="107">
        <v>45884</v>
      </c>
    </row>
    <row r="5902" spans="1:54" s="8" customFormat="1" ht="13.95" customHeight="1" x14ac:dyDescent="0.25">
      <c r="A5902" s="219" t="s">
        <v>13789</v>
      </c>
      <c r="B5902" s="220" t="s">
        <v>13310</v>
      </c>
      <c r="C5902" s="98" t="s">
        <v>13790</v>
      </c>
      <c r="D5902" s="144" t="s">
        <v>13791</v>
      </c>
      <c r="E5902" s="141">
        <v>2005</v>
      </c>
      <c r="F5902" s="141">
        <v>1970</v>
      </c>
      <c r="G5902" s="144" t="s">
        <v>1</v>
      </c>
      <c r="H5902" s="98">
        <v>0</v>
      </c>
      <c r="I5902" s="98">
        <v>0</v>
      </c>
      <c r="J5902" s="98">
        <v>1</v>
      </c>
      <c r="K5902" s="149" t="s">
        <v>400</v>
      </c>
      <c r="L5902" s="149" t="s">
        <v>400</v>
      </c>
      <c r="M5902" s="149" t="s">
        <v>400</v>
      </c>
      <c r="N5902" s="149" t="s">
        <v>400</v>
      </c>
      <c r="O5902" s="149" t="s">
        <v>400</v>
      </c>
      <c r="P5902" s="149" t="s">
        <v>400</v>
      </c>
      <c r="Q5902" s="149" t="s">
        <v>400</v>
      </c>
      <c r="R5902" s="149" t="s">
        <v>400</v>
      </c>
      <c r="S5902" s="149" t="s">
        <v>400</v>
      </c>
      <c r="T5902" s="149" t="s">
        <v>400</v>
      </c>
      <c r="U5902" s="99"/>
      <c r="V5902" s="99"/>
      <c r="W5902" s="99"/>
      <c r="X5902" s="99"/>
      <c r="Y5902" s="99"/>
      <c r="Z5902" s="99"/>
      <c r="AA5902" s="99"/>
      <c r="AB5902" s="99"/>
      <c r="AC5902" s="99"/>
      <c r="AD5902" s="99"/>
      <c r="AE5902" s="99"/>
      <c r="AF5902" s="99"/>
      <c r="AG5902" s="99"/>
      <c r="AH5902" s="99"/>
      <c r="AI5902" s="99"/>
      <c r="AJ5902" s="99"/>
      <c r="AK5902" s="99"/>
      <c r="AL5902" s="99"/>
      <c r="AM5902" s="99"/>
      <c r="AN5902" s="99"/>
      <c r="AO5902" s="99"/>
      <c r="AP5902" s="99"/>
      <c r="AQ5902" s="99"/>
      <c r="AR5902" s="99"/>
      <c r="AS5902" s="99"/>
      <c r="AT5902" s="99"/>
      <c r="AU5902" s="99"/>
      <c r="AV5902" s="99"/>
      <c r="AW5902" s="99"/>
      <c r="AX5902" s="99"/>
      <c r="AY5902" s="99"/>
      <c r="AZ5902" s="99"/>
      <c r="BA5902" s="99"/>
      <c r="BB5902" s="107">
        <v>45884</v>
      </c>
    </row>
    <row r="5903" spans="1:54" s="8" customFormat="1" ht="13.95" customHeight="1" x14ac:dyDescent="0.25">
      <c r="A5903" s="219" t="s">
        <v>13792</v>
      </c>
      <c r="B5903" s="220" t="s">
        <v>13310</v>
      </c>
      <c r="C5903" s="98" t="s">
        <v>13793</v>
      </c>
      <c r="D5903" s="144" t="s">
        <v>13794</v>
      </c>
      <c r="E5903" s="141">
        <v>1970</v>
      </c>
      <c r="F5903" s="141">
        <v>2008</v>
      </c>
      <c r="G5903" s="144" t="s">
        <v>1</v>
      </c>
      <c r="H5903" s="98">
        <v>0</v>
      </c>
      <c r="I5903" s="98">
        <v>0</v>
      </c>
      <c r="J5903" s="98">
        <v>1</v>
      </c>
      <c r="K5903" s="149" t="s">
        <v>400</v>
      </c>
      <c r="L5903" s="149" t="s">
        <v>400</v>
      </c>
      <c r="M5903" s="149" t="s">
        <v>400</v>
      </c>
      <c r="N5903" s="149" t="s">
        <v>400</v>
      </c>
      <c r="O5903" s="149" t="s">
        <v>400</v>
      </c>
      <c r="P5903" s="149" t="s">
        <v>400</v>
      </c>
      <c r="Q5903" s="149" t="s">
        <v>400</v>
      </c>
      <c r="R5903" s="149" t="s">
        <v>400</v>
      </c>
      <c r="S5903" s="149" t="s">
        <v>400</v>
      </c>
      <c r="T5903" s="149" t="s">
        <v>400</v>
      </c>
      <c r="U5903" s="99"/>
      <c r="V5903" s="99"/>
      <c r="W5903" s="99"/>
      <c r="X5903" s="99"/>
      <c r="Y5903" s="99"/>
      <c r="Z5903" s="99"/>
      <c r="AA5903" s="99"/>
      <c r="AB5903" s="99"/>
      <c r="AC5903" s="99"/>
      <c r="AD5903" s="99"/>
      <c r="AE5903" s="99"/>
      <c r="AF5903" s="99"/>
      <c r="AG5903" s="99"/>
      <c r="AH5903" s="99"/>
      <c r="AI5903" s="99"/>
      <c r="AJ5903" s="99"/>
      <c r="AK5903" s="99"/>
      <c r="AL5903" s="99"/>
      <c r="AM5903" s="99"/>
      <c r="AN5903" s="99"/>
      <c r="AO5903" s="99"/>
      <c r="AP5903" s="99"/>
      <c r="AQ5903" s="99"/>
      <c r="AR5903" s="99"/>
      <c r="AS5903" s="99"/>
      <c r="AT5903" s="99"/>
      <c r="AU5903" s="99"/>
      <c r="AV5903" s="99"/>
      <c r="AW5903" s="99"/>
      <c r="AX5903" s="99"/>
      <c r="AY5903" s="99"/>
      <c r="AZ5903" s="99"/>
      <c r="BA5903" s="99"/>
      <c r="BB5903" s="107">
        <v>45884</v>
      </c>
    </row>
    <row r="5904" spans="1:54" s="8" customFormat="1" ht="13.95" customHeight="1" x14ac:dyDescent="0.25">
      <c r="A5904" s="219" t="s">
        <v>13795</v>
      </c>
      <c r="B5904" s="220" t="s">
        <v>13310</v>
      </c>
      <c r="C5904" s="98" t="s">
        <v>13796</v>
      </c>
      <c r="D5904" s="144" t="s">
        <v>13797</v>
      </c>
      <c r="E5904" s="141">
        <v>1993</v>
      </c>
      <c r="F5904" s="141">
        <v>2010</v>
      </c>
      <c r="G5904" s="144" t="s">
        <v>1</v>
      </c>
      <c r="H5904" s="98">
        <v>0</v>
      </c>
      <c r="I5904" s="98">
        <v>0</v>
      </c>
      <c r="J5904" s="98">
        <v>1</v>
      </c>
      <c r="K5904" s="149" t="s">
        <v>400</v>
      </c>
      <c r="L5904" s="149" t="s">
        <v>400</v>
      </c>
      <c r="M5904" s="149" t="s">
        <v>400</v>
      </c>
      <c r="N5904" s="149" t="s">
        <v>400</v>
      </c>
      <c r="O5904" s="149" t="s">
        <v>400</v>
      </c>
      <c r="P5904" s="149" t="s">
        <v>400</v>
      </c>
      <c r="Q5904" s="149" t="s">
        <v>400</v>
      </c>
      <c r="R5904" s="149" t="s">
        <v>400</v>
      </c>
      <c r="S5904" s="149" t="s">
        <v>400</v>
      </c>
      <c r="T5904" s="149" t="s">
        <v>400</v>
      </c>
      <c r="U5904" s="99"/>
      <c r="V5904" s="99"/>
      <c r="W5904" s="99"/>
      <c r="X5904" s="99"/>
      <c r="Y5904" s="99"/>
      <c r="Z5904" s="99"/>
      <c r="AA5904" s="99"/>
      <c r="AB5904" s="99"/>
      <c r="AC5904" s="99"/>
      <c r="AD5904" s="99"/>
      <c r="AE5904" s="99"/>
      <c r="AF5904" s="99"/>
      <c r="AG5904" s="99"/>
      <c r="AH5904" s="99"/>
      <c r="AI5904" s="99"/>
      <c r="AJ5904" s="99"/>
      <c r="AK5904" s="99"/>
      <c r="AL5904" s="99"/>
      <c r="AM5904" s="99"/>
      <c r="AN5904" s="99"/>
      <c r="AO5904" s="99"/>
      <c r="AP5904" s="99"/>
      <c r="AQ5904" s="99"/>
      <c r="AR5904" s="99"/>
      <c r="AS5904" s="99"/>
      <c r="AT5904" s="99"/>
      <c r="AU5904" s="99"/>
      <c r="AV5904" s="99"/>
      <c r="AW5904" s="99"/>
      <c r="AX5904" s="99"/>
      <c r="AY5904" s="99"/>
      <c r="AZ5904" s="99"/>
      <c r="BA5904" s="99"/>
      <c r="BB5904" s="107">
        <v>45884</v>
      </c>
    </row>
    <row r="5905" spans="1:54" s="8" customFormat="1" ht="13.95" customHeight="1" x14ac:dyDescent="0.25">
      <c r="A5905" s="219" t="s">
        <v>13798</v>
      </c>
      <c r="B5905" s="220" t="s">
        <v>13310</v>
      </c>
      <c r="C5905" s="98" t="s">
        <v>4027</v>
      </c>
      <c r="D5905" s="144" t="s">
        <v>13799</v>
      </c>
      <c r="E5905" s="141">
        <v>2000</v>
      </c>
      <c r="F5905" s="141">
        <v>346</v>
      </c>
      <c r="G5905" s="144" t="s">
        <v>1</v>
      </c>
      <c r="H5905" s="98">
        <v>0</v>
      </c>
      <c r="I5905" s="98">
        <v>0</v>
      </c>
      <c r="J5905" s="98">
        <v>1</v>
      </c>
      <c r="K5905" s="149" t="s">
        <v>400</v>
      </c>
      <c r="L5905" s="149" t="s">
        <v>400</v>
      </c>
      <c r="M5905" s="149" t="s">
        <v>400</v>
      </c>
      <c r="N5905" s="149" t="s">
        <v>400</v>
      </c>
      <c r="O5905" s="149" t="s">
        <v>400</v>
      </c>
      <c r="P5905" s="149" t="s">
        <v>400</v>
      </c>
      <c r="Q5905" s="149" t="s">
        <v>400</v>
      </c>
      <c r="R5905" s="149" t="s">
        <v>400</v>
      </c>
      <c r="S5905" s="149" t="s">
        <v>400</v>
      </c>
      <c r="T5905" s="149" t="s">
        <v>400</v>
      </c>
      <c r="U5905" s="99"/>
      <c r="V5905" s="99"/>
      <c r="W5905" s="99"/>
      <c r="X5905" s="99"/>
      <c r="Y5905" s="99"/>
      <c r="Z5905" s="99"/>
      <c r="AA5905" s="99"/>
      <c r="AB5905" s="99"/>
      <c r="AC5905" s="99"/>
      <c r="AD5905" s="99"/>
      <c r="AE5905" s="99"/>
      <c r="AF5905" s="99"/>
      <c r="AG5905" s="99"/>
      <c r="AH5905" s="99"/>
      <c r="AI5905" s="99"/>
      <c r="AJ5905" s="99"/>
      <c r="AK5905" s="99"/>
      <c r="AL5905" s="99"/>
      <c r="AM5905" s="99"/>
      <c r="AN5905" s="99"/>
      <c r="AO5905" s="99"/>
      <c r="AP5905" s="99"/>
      <c r="AQ5905" s="99"/>
      <c r="AR5905" s="99"/>
      <c r="AS5905" s="99"/>
      <c r="AT5905" s="99"/>
      <c r="AU5905" s="99"/>
      <c r="AV5905" s="99"/>
      <c r="AW5905" s="99"/>
      <c r="AX5905" s="99"/>
      <c r="AY5905" s="99"/>
      <c r="AZ5905" s="99"/>
      <c r="BA5905" s="99"/>
      <c r="BB5905" s="107">
        <v>45884</v>
      </c>
    </row>
    <row r="5906" spans="1:54" s="8" customFormat="1" ht="13.95" customHeight="1" x14ac:dyDescent="0.25">
      <c r="A5906" s="219" t="s">
        <v>13800</v>
      </c>
      <c r="B5906" s="220" t="s">
        <v>13310</v>
      </c>
      <c r="C5906" s="98" t="s">
        <v>13801</v>
      </c>
      <c r="D5906" s="144" t="s">
        <v>13802</v>
      </c>
      <c r="E5906" s="141">
        <v>1974</v>
      </c>
      <c r="F5906" s="141">
        <v>2065</v>
      </c>
      <c r="G5906" s="144" t="s">
        <v>1</v>
      </c>
      <c r="H5906" s="98">
        <v>0</v>
      </c>
      <c r="I5906" s="98">
        <v>0</v>
      </c>
      <c r="J5906" s="98">
        <v>1</v>
      </c>
      <c r="K5906" s="149" t="s">
        <v>400</v>
      </c>
      <c r="L5906" s="149" t="s">
        <v>400</v>
      </c>
      <c r="M5906" s="149" t="s">
        <v>400</v>
      </c>
      <c r="N5906" s="149" t="s">
        <v>400</v>
      </c>
      <c r="O5906" s="149" t="s">
        <v>400</v>
      </c>
      <c r="P5906" s="149" t="s">
        <v>400</v>
      </c>
      <c r="Q5906" s="149" t="s">
        <v>400</v>
      </c>
      <c r="R5906" s="149" t="s">
        <v>400</v>
      </c>
      <c r="S5906" s="149" t="s">
        <v>400</v>
      </c>
      <c r="T5906" s="149" t="s">
        <v>400</v>
      </c>
      <c r="U5906" s="99"/>
      <c r="V5906" s="99"/>
      <c r="W5906" s="99"/>
      <c r="X5906" s="99"/>
      <c r="Y5906" s="99"/>
      <c r="Z5906" s="99"/>
      <c r="AA5906" s="99"/>
      <c r="AB5906" s="99"/>
      <c r="AC5906" s="99"/>
      <c r="AD5906" s="99"/>
      <c r="AE5906" s="99"/>
      <c r="AF5906" s="99"/>
      <c r="AG5906" s="99"/>
      <c r="AH5906" s="99"/>
      <c r="AI5906" s="99"/>
      <c r="AJ5906" s="99"/>
      <c r="AK5906" s="99"/>
      <c r="AL5906" s="99"/>
      <c r="AM5906" s="99"/>
      <c r="AN5906" s="99"/>
      <c r="AO5906" s="99"/>
      <c r="AP5906" s="99"/>
      <c r="AQ5906" s="99"/>
      <c r="AR5906" s="99"/>
      <c r="AS5906" s="99"/>
      <c r="AT5906" s="99"/>
      <c r="AU5906" s="99"/>
      <c r="AV5906" s="99"/>
      <c r="AW5906" s="99"/>
      <c r="AX5906" s="99"/>
      <c r="AY5906" s="99"/>
      <c r="AZ5906" s="99"/>
      <c r="BA5906" s="99"/>
      <c r="BB5906" s="107">
        <v>45884</v>
      </c>
    </row>
    <row r="5907" spans="1:54" s="8" customFormat="1" ht="13.95" customHeight="1" x14ac:dyDescent="0.25">
      <c r="A5907" s="219" t="s">
        <v>13803</v>
      </c>
      <c r="B5907" s="220" t="s">
        <v>13310</v>
      </c>
      <c r="C5907" s="98" t="s">
        <v>13804</v>
      </c>
      <c r="D5907" s="144" t="s">
        <v>13805</v>
      </c>
      <c r="E5907" s="141">
        <v>1970</v>
      </c>
      <c r="F5907" s="141">
        <v>2069</v>
      </c>
      <c r="G5907" s="144" t="s">
        <v>1</v>
      </c>
      <c r="H5907" s="98">
        <v>0</v>
      </c>
      <c r="I5907" s="98">
        <v>0</v>
      </c>
      <c r="J5907" s="98">
        <v>1</v>
      </c>
      <c r="K5907" s="149" t="s">
        <v>400</v>
      </c>
      <c r="L5907" s="149" t="s">
        <v>400</v>
      </c>
      <c r="M5907" s="149" t="s">
        <v>400</v>
      </c>
      <c r="N5907" s="149" t="s">
        <v>400</v>
      </c>
      <c r="O5907" s="149" t="s">
        <v>400</v>
      </c>
      <c r="P5907" s="149" t="s">
        <v>400</v>
      </c>
      <c r="Q5907" s="149" t="s">
        <v>400</v>
      </c>
      <c r="R5907" s="149" t="s">
        <v>400</v>
      </c>
      <c r="S5907" s="149" t="s">
        <v>400</v>
      </c>
      <c r="T5907" s="149" t="s">
        <v>400</v>
      </c>
      <c r="U5907" s="99"/>
      <c r="V5907" s="99"/>
      <c r="W5907" s="99"/>
      <c r="X5907" s="99"/>
      <c r="Y5907" s="99"/>
      <c r="Z5907" s="99"/>
      <c r="AA5907" s="99"/>
      <c r="AB5907" s="99"/>
      <c r="AC5907" s="99"/>
      <c r="AD5907" s="99"/>
      <c r="AE5907" s="99"/>
      <c r="AF5907" s="99"/>
      <c r="AG5907" s="99"/>
      <c r="AH5907" s="99"/>
      <c r="AI5907" s="99"/>
      <c r="AJ5907" s="99"/>
      <c r="AK5907" s="99"/>
      <c r="AL5907" s="99"/>
      <c r="AM5907" s="99"/>
      <c r="AN5907" s="99"/>
      <c r="AO5907" s="99"/>
      <c r="AP5907" s="99"/>
      <c r="AQ5907" s="99"/>
      <c r="AR5907" s="99"/>
      <c r="AS5907" s="99"/>
      <c r="AT5907" s="99"/>
      <c r="AU5907" s="99"/>
      <c r="AV5907" s="99"/>
      <c r="AW5907" s="99"/>
      <c r="AX5907" s="99"/>
      <c r="AY5907" s="99"/>
      <c r="AZ5907" s="99"/>
      <c r="BA5907" s="99"/>
      <c r="BB5907" s="107">
        <v>45884</v>
      </c>
    </row>
    <row r="5908" spans="1:54" s="8" customFormat="1" ht="13.95" customHeight="1" x14ac:dyDescent="0.25">
      <c r="A5908" s="219" t="s">
        <v>13806</v>
      </c>
      <c r="B5908" s="220" t="s">
        <v>13310</v>
      </c>
      <c r="C5908" s="98" t="s">
        <v>13807</v>
      </c>
      <c r="D5908" s="144" t="s">
        <v>13808</v>
      </c>
      <c r="E5908" s="141">
        <v>1966</v>
      </c>
      <c r="F5908" s="141">
        <v>2072</v>
      </c>
      <c r="G5908" s="144" t="s">
        <v>1</v>
      </c>
      <c r="H5908" s="98">
        <v>0</v>
      </c>
      <c r="I5908" s="98">
        <v>0</v>
      </c>
      <c r="J5908" s="98">
        <v>1</v>
      </c>
      <c r="K5908" s="149" t="s">
        <v>400</v>
      </c>
      <c r="L5908" s="149" t="s">
        <v>400</v>
      </c>
      <c r="M5908" s="149" t="s">
        <v>400</v>
      </c>
      <c r="N5908" s="149" t="s">
        <v>400</v>
      </c>
      <c r="O5908" s="149" t="s">
        <v>400</v>
      </c>
      <c r="P5908" s="149" t="s">
        <v>400</v>
      </c>
      <c r="Q5908" s="149" t="s">
        <v>400</v>
      </c>
      <c r="R5908" s="149" t="s">
        <v>400</v>
      </c>
      <c r="S5908" s="149" t="s">
        <v>400</v>
      </c>
      <c r="T5908" s="149" t="s">
        <v>400</v>
      </c>
      <c r="U5908" s="99"/>
      <c r="V5908" s="99"/>
      <c r="W5908" s="99"/>
      <c r="X5908" s="99"/>
      <c r="Y5908" s="99"/>
      <c r="Z5908" s="99"/>
      <c r="AA5908" s="99"/>
      <c r="AB5908" s="99"/>
      <c r="AC5908" s="99"/>
      <c r="AD5908" s="99"/>
      <c r="AE5908" s="99"/>
      <c r="AF5908" s="99"/>
      <c r="AG5908" s="99"/>
      <c r="AH5908" s="99"/>
      <c r="AI5908" s="99"/>
      <c r="AJ5908" s="99"/>
      <c r="AK5908" s="99"/>
      <c r="AL5908" s="99"/>
      <c r="AM5908" s="99"/>
      <c r="AN5908" s="99"/>
      <c r="AO5908" s="99"/>
      <c r="AP5908" s="99"/>
      <c r="AQ5908" s="99"/>
      <c r="AR5908" s="99"/>
      <c r="AS5908" s="99"/>
      <c r="AT5908" s="99"/>
      <c r="AU5908" s="99"/>
      <c r="AV5908" s="99"/>
      <c r="AW5908" s="99"/>
      <c r="AX5908" s="99"/>
      <c r="AY5908" s="99"/>
      <c r="AZ5908" s="99"/>
      <c r="BA5908" s="99"/>
      <c r="BB5908" s="107">
        <v>45884</v>
      </c>
    </row>
    <row r="5909" spans="1:54" s="8" customFormat="1" ht="13.95" customHeight="1" x14ac:dyDescent="0.25">
      <c r="A5909" s="219" t="s">
        <v>13809</v>
      </c>
      <c r="B5909" s="220" t="s">
        <v>13310</v>
      </c>
      <c r="C5909" s="98" t="s">
        <v>13810</v>
      </c>
      <c r="D5909" s="144" t="s">
        <v>13811</v>
      </c>
      <c r="E5909" s="141">
        <v>1987</v>
      </c>
      <c r="F5909" s="141">
        <v>2076</v>
      </c>
      <c r="G5909" s="144" t="s">
        <v>1</v>
      </c>
      <c r="H5909" s="98">
        <v>0</v>
      </c>
      <c r="I5909" s="98">
        <v>0</v>
      </c>
      <c r="J5909" s="98">
        <v>1</v>
      </c>
      <c r="K5909" s="149" t="s">
        <v>400</v>
      </c>
      <c r="L5909" s="149" t="s">
        <v>400</v>
      </c>
      <c r="M5909" s="149" t="s">
        <v>400</v>
      </c>
      <c r="N5909" s="149" t="s">
        <v>400</v>
      </c>
      <c r="O5909" s="149" t="s">
        <v>400</v>
      </c>
      <c r="P5909" s="149" t="s">
        <v>400</v>
      </c>
      <c r="Q5909" s="149" t="s">
        <v>400</v>
      </c>
      <c r="R5909" s="149" t="s">
        <v>400</v>
      </c>
      <c r="S5909" s="149" t="s">
        <v>400</v>
      </c>
      <c r="T5909" s="149" t="s">
        <v>400</v>
      </c>
      <c r="U5909" s="99"/>
      <c r="V5909" s="99"/>
      <c r="W5909" s="99"/>
      <c r="X5909" s="99"/>
      <c r="Y5909" s="99"/>
      <c r="Z5909" s="99"/>
      <c r="AA5909" s="99"/>
      <c r="AB5909" s="99"/>
      <c r="AC5909" s="99"/>
      <c r="AD5909" s="99"/>
      <c r="AE5909" s="99"/>
      <c r="AF5909" s="99"/>
      <c r="AG5909" s="99"/>
      <c r="AH5909" s="99"/>
      <c r="AI5909" s="99"/>
      <c r="AJ5909" s="99"/>
      <c r="AK5909" s="99"/>
      <c r="AL5909" s="99"/>
      <c r="AM5909" s="99"/>
      <c r="AN5909" s="99"/>
      <c r="AO5909" s="99"/>
      <c r="AP5909" s="99"/>
      <c r="AQ5909" s="99"/>
      <c r="AR5909" s="99"/>
      <c r="AS5909" s="99"/>
      <c r="AT5909" s="99"/>
      <c r="AU5909" s="99"/>
      <c r="AV5909" s="99"/>
      <c r="AW5909" s="99"/>
      <c r="AX5909" s="99"/>
      <c r="AY5909" s="99"/>
      <c r="AZ5909" s="99"/>
      <c r="BA5909" s="99"/>
      <c r="BB5909" s="107">
        <v>45884</v>
      </c>
    </row>
    <row r="5910" spans="1:54" s="8" customFormat="1" ht="13.95" customHeight="1" x14ac:dyDescent="0.25">
      <c r="A5910" s="219" t="s">
        <v>13812</v>
      </c>
      <c r="B5910" s="220" t="s">
        <v>13310</v>
      </c>
      <c r="C5910" s="98" t="s">
        <v>13813</v>
      </c>
      <c r="D5910" s="144" t="s">
        <v>13814</v>
      </c>
      <c r="E5910" s="141">
        <v>2009</v>
      </c>
      <c r="F5910" s="141">
        <v>2077</v>
      </c>
      <c r="G5910" s="144" t="s">
        <v>1</v>
      </c>
      <c r="H5910" s="98">
        <v>0</v>
      </c>
      <c r="I5910" s="98">
        <v>0</v>
      </c>
      <c r="J5910" s="98">
        <v>1</v>
      </c>
      <c r="K5910" s="149" t="s">
        <v>400</v>
      </c>
      <c r="L5910" s="149" t="s">
        <v>400</v>
      </c>
      <c r="M5910" s="149" t="s">
        <v>400</v>
      </c>
      <c r="N5910" s="149" t="s">
        <v>400</v>
      </c>
      <c r="O5910" s="149" t="s">
        <v>400</v>
      </c>
      <c r="P5910" s="149" t="s">
        <v>400</v>
      </c>
      <c r="Q5910" s="149" t="s">
        <v>400</v>
      </c>
      <c r="R5910" s="149" t="s">
        <v>400</v>
      </c>
      <c r="S5910" s="149" t="s">
        <v>400</v>
      </c>
      <c r="T5910" s="149" t="s">
        <v>400</v>
      </c>
      <c r="U5910" s="99"/>
      <c r="V5910" s="99"/>
      <c r="W5910" s="99"/>
      <c r="X5910" s="99"/>
      <c r="Y5910" s="99"/>
      <c r="Z5910" s="99"/>
      <c r="AA5910" s="99"/>
      <c r="AB5910" s="99"/>
      <c r="AC5910" s="99"/>
      <c r="AD5910" s="99"/>
      <c r="AE5910" s="99"/>
      <c r="AF5910" s="99"/>
      <c r="AG5910" s="99"/>
      <c r="AH5910" s="99"/>
      <c r="AI5910" s="99"/>
      <c r="AJ5910" s="99"/>
      <c r="AK5910" s="99"/>
      <c r="AL5910" s="99"/>
      <c r="AM5910" s="99"/>
      <c r="AN5910" s="99"/>
      <c r="AO5910" s="99"/>
      <c r="AP5910" s="99"/>
      <c r="AQ5910" s="99"/>
      <c r="AR5910" s="99"/>
      <c r="AS5910" s="99"/>
      <c r="AT5910" s="99"/>
      <c r="AU5910" s="99"/>
      <c r="AV5910" s="99"/>
      <c r="AW5910" s="99"/>
      <c r="AX5910" s="99"/>
      <c r="AY5910" s="99"/>
      <c r="AZ5910" s="99"/>
      <c r="BA5910" s="99"/>
      <c r="BB5910" s="107">
        <v>45884</v>
      </c>
    </row>
    <row r="5911" spans="1:54" s="8" customFormat="1" ht="13.95" customHeight="1" x14ac:dyDescent="0.25">
      <c r="A5911" s="219" t="s">
        <v>13815</v>
      </c>
      <c r="B5911" s="220" t="s">
        <v>13310</v>
      </c>
      <c r="C5911" s="98" t="s">
        <v>13816</v>
      </c>
      <c r="D5911" s="144" t="s">
        <v>13817</v>
      </c>
      <c r="E5911" s="141">
        <v>1969</v>
      </c>
      <c r="F5911" s="141">
        <v>2083</v>
      </c>
      <c r="G5911" s="144" t="s">
        <v>1</v>
      </c>
      <c r="H5911" s="98">
        <v>0</v>
      </c>
      <c r="I5911" s="98">
        <v>0</v>
      </c>
      <c r="J5911" s="98">
        <v>1</v>
      </c>
      <c r="K5911" s="149" t="s">
        <v>400</v>
      </c>
      <c r="L5911" s="149" t="s">
        <v>400</v>
      </c>
      <c r="M5911" s="149" t="s">
        <v>400</v>
      </c>
      <c r="N5911" s="149" t="s">
        <v>400</v>
      </c>
      <c r="O5911" s="149" t="s">
        <v>400</v>
      </c>
      <c r="P5911" s="149" t="s">
        <v>400</v>
      </c>
      <c r="Q5911" s="149" t="s">
        <v>400</v>
      </c>
      <c r="R5911" s="149" t="s">
        <v>400</v>
      </c>
      <c r="S5911" s="149" t="s">
        <v>400</v>
      </c>
      <c r="T5911" s="149" t="s">
        <v>400</v>
      </c>
      <c r="U5911" s="99"/>
      <c r="V5911" s="99"/>
      <c r="W5911" s="99"/>
      <c r="X5911" s="99"/>
      <c r="Y5911" s="99"/>
      <c r="Z5911" s="99"/>
      <c r="AA5911" s="99"/>
      <c r="AB5911" s="99"/>
      <c r="AC5911" s="99"/>
      <c r="AD5911" s="99"/>
      <c r="AE5911" s="99"/>
      <c r="AF5911" s="99"/>
      <c r="AG5911" s="99"/>
      <c r="AH5911" s="99"/>
      <c r="AI5911" s="99"/>
      <c r="AJ5911" s="99"/>
      <c r="AK5911" s="99"/>
      <c r="AL5911" s="99"/>
      <c r="AM5911" s="99"/>
      <c r="AN5911" s="99"/>
      <c r="AO5911" s="99"/>
      <c r="AP5911" s="99"/>
      <c r="AQ5911" s="99"/>
      <c r="AR5911" s="99"/>
      <c r="AS5911" s="99"/>
      <c r="AT5911" s="99"/>
      <c r="AU5911" s="99"/>
      <c r="AV5911" s="99"/>
      <c r="AW5911" s="99"/>
      <c r="AX5911" s="99"/>
      <c r="AY5911" s="99"/>
      <c r="AZ5911" s="99"/>
      <c r="BA5911" s="99"/>
      <c r="BB5911" s="107">
        <v>45884</v>
      </c>
    </row>
    <row r="5912" spans="1:54" s="8" customFormat="1" ht="13.95" customHeight="1" x14ac:dyDescent="0.25">
      <c r="A5912" s="219" t="s">
        <v>13818</v>
      </c>
      <c r="B5912" s="220" t="s">
        <v>13310</v>
      </c>
      <c r="C5912" s="98" t="s">
        <v>13819</v>
      </c>
      <c r="D5912" s="144" t="s">
        <v>13820</v>
      </c>
      <c r="E5912" s="141">
        <v>1974</v>
      </c>
      <c r="F5912" s="141">
        <v>2083</v>
      </c>
      <c r="G5912" s="144" t="s">
        <v>1</v>
      </c>
      <c r="H5912" s="98">
        <v>0</v>
      </c>
      <c r="I5912" s="98">
        <v>0</v>
      </c>
      <c r="J5912" s="98">
        <v>1</v>
      </c>
      <c r="K5912" s="149" t="s">
        <v>400</v>
      </c>
      <c r="L5912" s="149" t="s">
        <v>400</v>
      </c>
      <c r="M5912" s="149" t="s">
        <v>400</v>
      </c>
      <c r="N5912" s="149" t="s">
        <v>400</v>
      </c>
      <c r="O5912" s="149" t="s">
        <v>400</v>
      </c>
      <c r="P5912" s="149" t="s">
        <v>400</v>
      </c>
      <c r="Q5912" s="149" t="s">
        <v>400</v>
      </c>
      <c r="R5912" s="149" t="s">
        <v>400</v>
      </c>
      <c r="S5912" s="149" t="s">
        <v>400</v>
      </c>
      <c r="T5912" s="149" t="s">
        <v>400</v>
      </c>
      <c r="U5912" s="99"/>
      <c r="V5912" s="99"/>
      <c r="W5912" s="99"/>
      <c r="X5912" s="99"/>
      <c r="Y5912" s="99"/>
      <c r="Z5912" s="99"/>
      <c r="AA5912" s="99"/>
      <c r="AB5912" s="99"/>
      <c r="AC5912" s="99"/>
      <c r="AD5912" s="99"/>
      <c r="AE5912" s="99"/>
      <c r="AF5912" s="99"/>
      <c r="AG5912" s="99"/>
      <c r="AH5912" s="99"/>
      <c r="AI5912" s="99"/>
      <c r="AJ5912" s="99"/>
      <c r="AK5912" s="99"/>
      <c r="AL5912" s="99"/>
      <c r="AM5912" s="99"/>
      <c r="AN5912" s="99"/>
      <c r="AO5912" s="99"/>
      <c r="AP5912" s="99"/>
      <c r="AQ5912" s="99"/>
      <c r="AR5912" s="99"/>
      <c r="AS5912" s="99"/>
      <c r="AT5912" s="99"/>
      <c r="AU5912" s="99"/>
      <c r="AV5912" s="99"/>
      <c r="AW5912" s="99"/>
      <c r="AX5912" s="99"/>
      <c r="AY5912" s="99"/>
      <c r="AZ5912" s="99"/>
      <c r="BA5912" s="99"/>
      <c r="BB5912" s="107">
        <v>45884</v>
      </c>
    </row>
    <row r="5913" spans="1:54" s="8" customFormat="1" ht="13.95" customHeight="1" x14ac:dyDescent="0.25">
      <c r="A5913" s="219" t="s">
        <v>13821</v>
      </c>
      <c r="B5913" s="220" t="s">
        <v>13310</v>
      </c>
      <c r="C5913" s="98" t="s">
        <v>13822</v>
      </c>
      <c r="D5913" s="144" t="s">
        <v>13823</v>
      </c>
      <c r="E5913" s="141">
        <v>1985</v>
      </c>
      <c r="F5913" s="141">
        <v>2099</v>
      </c>
      <c r="G5913" s="144" t="s">
        <v>1</v>
      </c>
      <c r="H5913" s="98">
        <v>0</v>
      </c>
      <c r="I5913" s="98">
        <v>0</v>
      </c>
      <c r="J5913" s="98">
        <v>1</v>
      </c>
      <c r="K5913" s="149" t="s">
        <v>400</v>
      </c>
      <c r="L5913" s="149" t="s">
        <v>400</v>
      </c>
      <c r="M5913" s="149" t="s">
        <v>400</v>
      </c>
      <c r="N5913" s="149" t="s">
        <v>400</v>
      </c>
      <c r="O5913" s="149" t="s">
        <v>400</v>
      </c>
      <c r="P5913" s="149" t="s">
        <v>400</v>
      </c>
      <c r="Q5913" s="149" t="s">
        <v>400</v>
      </c>
      <c r="R5913" s="149" t="s">
        <v>400</v>
      </c>
      <c r="S5913" s="149" t="s">
        <v>400</v>
      </c>
      <c r="T5913" s="149" t="s">
        <v>400</v>
      </c>
      <c r="U5913" s="99"/>
      <c r="V5913" s="99"/>
      <c r="W5913" s="99"/>
      <c r="X5913" s="99"/>
      <c r="Y5913" s="99"/>
      <c r="Z5913" s="99"/>
      <c r="AA5913" s="99"/>
      <c r="AB5913" s="99"/>
      <c r="AC5913" s="99"/>
      <c r="AD5913" s="99"/>
      <c r="AE5913" s="99"/>
      <c r="AF5913" s="99"/>
      <c r="AG5913" s="99"/>
      <c r="AH5913" s="99"/>
      <c r="AI5913" s="99"/>
      <c r="AJ5913" s="99"/>
      <c r="AK5913" s="99"/>
      <c r="AL5913" s="99"/>
      <c r="AM5913" s="99"/>
      <c r="AN5913" s="99"/>
      <c r="AO5913" s="99"/>
      <c r="AP5913" s="99"/>
      <c r="AQ5913" s="99"/>
      <c r="AR5913" s="99"/>
      <c r="AS5913" s="99"/>
      <c r="AT5913" s="99"/>
      <c r="AU5913" s="99"/>
      <c r="AV5913" s="99"/>
      <c r="AW5913" s="99"/>
      <c r="AX5913" s="99"/>
      <c r="AY5913" s="99"/>
      <c r="AZ5913" s="99"/>
      <c r="BA5913" s="99"/>
      <c r="BB5913" s="107">
        <v>45884</v>
      </c>
    </row>
    <row r="5914" spans="1:54" s="8" customFormat="1" ht="13.95" customHeight="1" x14ac:dyDescent="0.25">
      <c r="A5914" s="219" t="s">
        <v>13824</v>
      </c>
      <c r="B5914" s="220" t="s">
        <v>13310</v>
      </c>
      <c r="C5914" s="98" t="s">
        <v>13825</v>
      </c>
      <c r="D5914" s="144" t="s">
        <v>13826</v>
      </c>
      <c r="E5914" s="141">
        <v>2002</v>
      </c>
      <c r="F5914" s="141">
        <v>2100</v>
      </c>
      <c r="G5914" s="144" t="s">
        <v>1</v>
      </c>
      <c r="H5914" s="98">
        <v>0</v>
      </c>
      <c r="I5914" s="98">
        <v>0</v>
      </c>
      <c r="J5914" s="98">
        <v>1</v>
      </c>
      <c r="K5914" s="149" t="s">
        <v>400</v>
      </c>
      <c r="L5914" s="149" t="s">
        <v>400</v>
      </c>
      <c r="M5914" s="149" t="s">
        <v>400</v>
      </c>
      <c r="N5914" s="149" t="s">
        <v>400</v>
      </c>
      <c r="O5914" s="149" t="s">
        <v>400</v>
      </c>
      <c r="P5914" s="149" t="s">
        <v>400</v>
      </c>
      <c r="Q5914" s="149" t="s">
        <v>400</v>
      </c>
      <c r="R5914" s="149" t="s">
        <v>400</v>
      </c>
      <c r="S5914" s="149" t="s">
        <v>400</v>
      </c>
      <c r="T5914" s="149" t="s">
        <v>400</v>
      </c>
      <c r="U5914" s="99"/>
      <c r="V5914" s="99"/>
      <c r="W5914" s="99"/>
      <c r="X5914" s="99"/>
      <c r="Y5914" s="99"/>
      <c r="Z5914" s="99"/>
      <c r="AA5914" s="99"/>
      <c r="AB5914" s="99"/>
      <c r="AC5914" s="99"/>
      <c r="AD5914" s="99"/>
      <c r="AE5914" s="99"/>
      <c r="AF5914" s="99"/>
      <c r="AG5914" s="99"/>
      <c r="AH5914" s="99"/>
      <c r="AI5914" s="99"/>
      <c r="AJ5914" s="99"/>
      <c r="AK5914" s="99"/>
      <c r="AL5914" s="99"/>
      <c r="AM5914" s="99"/>
      <c r="AN5914" s="99"/>
      <c r="AO5914" s="99"/>
      <c r="AP5914" s="99"/>
      <c r="AQ5914" s="99"/>
      <c r="AR5914" s="99"/>
      <c r="AS5914" s="99"/>
      <c r="AT5914" s="99"/>
      <c r="AU5914" s="99"/>
      <c r="AV5914" s="99"/>
      <c r="AW5914" s="99"/>
      <c r="AX5914" s="99"/>
      <c r="AY5914" s="99"/>
      <c r="AZ5914" s="99"/>
      <c r="BA5914" s="99"/>
      <c r="BB5914" s="107">
        <v>45884</v>
      </c>
    </row>
    <row r="5915" spans="1:54" s="8" customFormat="1" ht="13.95" customHeight="1" x14ac:dyDescent="0.25">
      <c r="A5915" s="219" t="s">
        <v>13827</v>
      </c>
      <c r="B5915" s="220" t="s">
        <v>13310</v>
      </c>
      <c r="C5915" s="98" t="s">
        <v>13828</v>
      </c>
      <c r="D5915" s="144" t="s">
        <v>13829</v>
      </c>
      <c r="E5915" s="141">
        <v>1983</v>
      </c>
      <c r="F5915" s="141">
        <v>2102</v>
      </c>
      <c r="G5915" s="144" t="s">
        <v>1</v>
      </c>
      <c r="H5915" s="98">
        <v>0</v>
      </c>
      <c r="I5915" s="98">
        <v>0</v>
      </c>
      <c r="J5915" s="98">
        <v>1</v>
      </c>
      <c r="K5915" s="149" t="s">
        <v>400</v>
      </c>
      <c r="L5915" s="149" t="s">
        <v>400</v>
      </c>
      <c r="M5915" s="149" t="s">
        <v>400</v>
      </c>
      <c r="N5915" s="149" t="s">
        <v>400</v>
      </c>
      <c r="O5915" s="149" t="s">
        <v>400</v>
      </c>
      <c r="P5915" s="149" t="s">
        <v>400</v>
      </c>
      <c r="Q5915" s="149" t="s">
        <v>400</v>
      </c>
      <c r="R5915" s="149" t="s">
        <v>400</v>
      </c>
      <c r="S5915" s="149" t="s">
        <v>400</v>
      </c>
      <c r="T5915" s="149" t="s">
        <v>400</v>
      </c>
      <c r="U5915" s="99"/>
      <c r="V5915" s="99"/>
      <c r="W5915" s="99"/>
      <c r="X5915" s="99"/>
      <c r="Y5915" s="99"/>
      <c r="Z5915" s="99"/>
      <c r="AA5915" s="99"/>
      <c r="AB5915" s="99"/>
      <c r="AC5915" s="99"/>
      <c r="AD5915" s="99"/>
      <c r="AE5915" s="99"/>
      <c r="AF5915" s="99"/>
      <c r="AG5915" s="99"/>
      <c r="AH5915" s="99"/>
      <c r="AI5915" s="99"/>
      <c r="AJ5915" s="99"/>
      <c r="AK5915" s="99"/>
      <c r="AL5915" s="99"/>
      <c r="AM5915" s="99"/>
      <c r="AN5915" s="99"/>
      <c r="AO5915" s="99"/>
      <c r="AP5915" s="99"/>
      <c r="AQ5915" s="99"/>
      <c r="AR5915" s="99"/>
      <c r="AS5915" s="99"/>
      <c r="AT5915" s="99"/>
      <c r="AU5915" s="99"/>
      <c r="AV5915" s="99"/>
      <c r="AW5915" s="99"/>
      <c r="AX5915" s="99"/>
      <c r="AY5915" s="99"/>
      <c r="AZ5915" s="99"/>
      <c r="BA5915" s="99"/>
      <c r="BB5915" s="107">
        <v>45884</v>
      </c>
    </row>
    <row r="5916" spans="1:54" s="8" customFormat="1" ht="13.95" customHeight="1" x14ac:dyDescent="0.25">
      <c r="A5916" s="219" t="s">
        <v>13830</v>
      </c>
      <c r="B5916" s="220" t="s">
        <v>13310</v>
      </c>
      <c r="C5916" s="98" t="s">
        <v>13831</v>
      </c>
      <c r="D5916" s="144" t="s">
        <v>13832</v>
      </c>
      <c r="E5916" s="141">
        <v>2015</v>
      </c>
      <c r="F5916" s="141">
        <v>2105</v>
      </c>
      <c r="G5916" s="144" t="s">
        <v>1</v>
      </c>
      <c r="H5916" s="98">
        <v>0</v>
      </c>
      <c r="I5916" s="98">
        <v>0</v>
      </c>
      <c r="J5916" s="98">
        <v>1</v>
      </c>
      <c r="K5916" s="149" t="s">
        <v>400</v>
      </c>
      <c r="L5916" s="149" t="s">
        <v>400</v>
      </c>
      <c r="M5916" s="149" t="s">
        <v>400</v>
      </c>
      <c r="N5916" s="149" t="s">
        <v>400</v>
      </c>
      <c r="O5916" s="149" t="s">
        <v>400</v>
      </c>
      <c r="P5916" s="149" t="s">
        <v>400</v>
      </c>
      <c r="Q5916" s="149" t="s">
        <v>400</v>
      </c>
      <c r="R5916" s="149" t="s">
        <v>400</v>
      </c>
      <c r="S5916" s="149" t="s">
        <v>400</v>
      </c>
      <c r="T5916" s="149" t="s">
        <v>400</v>
      </c>
      <c r="U5916" s="99"/>
      <c r="V5916" s="99"/>
      <c r="W5916" s="99"/>
      <c r="X5916" s="99"/>
      <c r="Y5916" s="99"/>
      <c r="Z5916" s="99"/>
      <c r="AA5916" s="99"/>
      <c r="AB5916" s="99"/>
      <c r="AC5916" s="99"/>
      <c r="AD5916" s="99"/>
      <c r="AE5916" s="99"/>
      <c r="AF5916" s="99"/>
      <c r="AG5916" s="99"/>
      <c r="AH5916" s="99"/>
      <c r="AI5916" s="99"/>
      <c r="AJ5916" s="99"/>
      <c r="AK5916" s="99"/>
      <c r="AL5916" s="99"/>
      <c r="AM5916" s="99"/>
      <c r="AN5916" s="99"/>
      <c r="AO5916" s="99"/>
      <c r="AP5916" s="99"/>
      <c r="AQ5916" s="99"/>
      <c r="AR5916" s="99"/>
      <c r="AS5916" s="99"/>
      <c r="AT5916" s="99"/>
      <c r="AU5916" s="99"/>
      <c r="AV5916" s="99"/>
      <c r="AW5916" s="99"/>
      <c r="AX5916" s="99"/>
      <c r="AY5916" s="99"/>
      <c r="AZ5916" s="99"/>
      <c r="BA5916" s="99"/>
      <c r="BB5916" s="107">
        <v>45884</v>
      </c>
    </row>
    <row r="5917" spans="1:54" s="8" customFormat="1" ht="13.95" customHeight="1" x14ac:dyDescent="0.25">
      <c r="A5917" s="219" t="s">
        <v>13833</v>
      </c>
      <c r="B5917" s="220" t="s">
        <v>13310</v>
      </c>
      <c r="C5917" s="98" t="s">
        <v>13834</v>
      </c>
      <c r="D5917" s="144" t="s">
        <v>13835</v>
      </c>
      <c r="E5917" s="141">
        <v>1985</v>
      </c>
      <c r="F5917" s="141">
        <v>2110</v>
      </c>
      <c r="G5917" s="144" t="s">
        <v>1</v>
      </c>
      <c r="H5917" s="98">
        <v>0</v>
      </c>
      <c r="I5917" s="98">
        <v>0</v>
      </c>
      <c r="J5917" s="98">
        <v>1</v>
      </c>
      <c r="K5917" s="149" t="s">
        <v>400</v>
      </c>
      <c r="L5917" s="149" t="s">
        <v>400</v>
      </c>
      <c r="M5917" s="149" t="s">
        <v>400</v>
      </c>
      <c r="N5917" s="149" t="s">
        <v>400</v>
      </c>
      <c r="O5917" s="149" t="s">
        <v>400</v>
      </c>
      <c r="P5917" s="149" t="s">
        <v>400</v>
      </c>
      <c r="Q5917" s="149" t="s">
        <v>400</v>
      </c>
      <c r="R5917" s="149" t="s">
        <v>400</v>
      </c>
      <c r="S5917" s="149" t="s">
        <v>400</v>
      </c>
      <c r="T5917" s="149" t="s">
        <v>400</v>
      </c>
      <c r="U5917" s="99"/>
      <c r="V5917" s="99"/>
      <c r="W5917" s="99"/>
      <c r="X5917" s="99"/>
      <c r="Y5917" s="99"/>
      <c r="Z5917" s="99"/>
      <c r="AA5917" s="99"/>
      <c r="AB5917" s="99"/>
      <c r="AC5917" s="99"/>
      <c r="AD5917" s="99"/>
      <c r="AE5917" s="99"/>
      <c r="AF5917" s="99"/>
      <c r="AG5917" s="99"/>
      <c r="AH5917" s="99"/>
      <c r="AI5917" s="99"/>
      <c r="AJ5917" s="99"/>
      <c r="AK5917" s="99"/>
      <c r="AL5917" s="99"/>
      <c r="AM5917" s="99"/>
      <c r="AN5917" s="99"/>
      <c r="AO5917" s="99"/>
      <c r="AP5917" s="99"/>
      <c r="AQ5917" s="99"/>
      <c r="AR5917" s="99"/>
      <c r="AS5917" s="99"/>
      <c r="AT5917" s="99"/>
      <c r="AU5917" s="99"/>
      <c r="AV5917" s="99"/>
      <c r="AW5917" s="99"/>
      <c r="AX5917" s="99"/>
      <c r="AY5917" s="99"/>
      <c r="AZ5917" s="99"/>
      <c r="BA5917" s="99"/>
      <c r="BB5917" s="107">
        <v>45884</v>
      </c>
    </row>
    <row r="5918" spans="1:54" s="8" customFormat="1" ht="13.95" customHeight="1" x14ac:dyDescent="0.25">
      <c r="A5918" s="219" t="s">
        <v>13836</v>
      </c>
      <c r="B5918" s="220" t="s">
        <v>13310</v>
      </c>
      <c r="C5918" s="98" t="s">
        <v>13837</v>
      </c>
      <c r="D5918" s="144" t="s">
        <v>13838</v>
      </c>
      <c r="E5918" s="141">
        <v>1990</v>
      </c>
      <c r="F5918" s="141">
        <v>2123</v>
      </c>
      <c r="G5918" s="144" t="s">
        <v>1</v>
      </c>
      <c r="H5918" s="98">
        <v>0</v>
      </c>
      <c r="I5918" s="98">
        <v>0</v>
      </c>
      <c r="J5918" s="98">
        <v>0</v>
      </c>
      <c r="K5918" s="149" t="s">
        <v>400</v>
      </c>
      <c r="L5918" s="149" t="s">
        <v>400</v>
      </c>
      <c r="M5918" s="149" t="s">
        <v>400</v>
      </c>
      <c r="N5918" s="149" t="s">
        <v>400</v>
      </c>
      <c r="O5918" s="149" t="s">
        <v>400</v>
      </c>
      <c r="P5918" s="149" t="s">
        <v>400</v>
      </c>
      <c r="Q5918" s="149" t="s">
        <v>400</v>
      </c>
      <c r="R5918" s="149" t="s">
        <v>400</v>
      </c>
      <c r="S5918" s="149" t="s">
        <v>400</v>
      </c>
      <c r="T5918" s="149" t="s">
        <v>400</v>
      </c>
      <c r="U5918" s="99"/>
      <c r="V5918" s="99"/>
      <c r="W5918" s="99"/>
      <c r="X5918" s="99"/>
      <c r="Y5918" s="99"/>
      <c r="Z5918" s="99"/>
      <c r="AA5918" s="99"/>
      <c r="AB5918" s="99"/>
      <c r="AC5918" s="99"/>
      <c r="AD5918" s="99"/>
      <c r="AE5918" s="99"/>
      <c r="AF5918" s="99"/>
      <c r="AG5918" s="99"/>
      <c r="AH5918" s="99"/>
      <c r="AI5918" s="99"/>
      <c r="AJ5918" s="99"/>
      <c r="AK5918" s="99"/>
      <c r="AL5918" s="99"/>
      <c r="AM5918" s="99"/>
      <c r="AN5918" s="99"/>
      <c r="AO5918" s="99"/>
      <c r="AP5918" s="99"/>
      <c r="AQ5918" s="99"/>
      <c r="AR5918" s="99"/>
      <c r="AS5918" s="99"/>
      <c r="AT5918" s="99"/>
      <c r="AU5918" s="99"/>
      <c r="AV5918" s="99"/>
      <c r="AW5918" s="99"/>
      <c r="AX5918" s="99"/>
      <c r="AY5918" s="99"/>
      <c r="AZ5918" s="99"/>
      <c r="BA5918" s="99"/>
      <c r="BB5918" s="107">
        <v>45884</v>
      </c>
    </row>
    <row r="5919" spans="1:54" s="8" customFormat="1" ht="13.95" customHeight="1" x14ac:dyDescent="0.25">
      <c r="A5919" s="219" t="s">
        <v>13839</v>
      </c>
      <c r="B5919" s="220" t="s">
        <v>13310</v>
      </c>
      <c r="C5919" s="98" t="s">
        <v>4504</v>
      </c>
      <c r="D5919" s="144" t="s">
        <v>13840</v>
      </c>
      <c r="E5919" s="141">
        <v>1973</v>
      </c>
      <c r="F5919" s="141">
        <v>2151</v>
      </c>
      <c r="G5919" s="144" t="s">
        <v>1</v>
      </c>
      <c r="H5919" s="98">
        <v>0</v>
      </c>
      <c r="I5919" s="98">
        <v>0</v>
      </c>
      <c r="J5919" s="98">
        <v>1</v>
      </c>
      <c r="K5919" s="149" t="s">
        <v>400</v>
      </c>
      <c r="L5919" s="149" t="s">
        <v>400</v>
      </c>
      <c r="M5919" s="149" t="s">
        <v>400</v>
      </c>
      <c r="N5919" s="149" t="s">
        <v>400</v>
      </c>
      <c r="O5919" s="149" t="s">
        <v>400</v>
      </c>
      <c r="P5919" s="149" t="s">
        <v>400</v>
      </c>
      <c r="Q5919" s="149" t="s">
        <v>400</v>
      </c>
      <c r="R5919" s="149" t="s">
        <v>400</v>
      </c>
      <c r="S5919" s="149" t="s">
        <v>400</v>
      </c>
      <c r="T5919" s="149" t="s">
        <v>400</v>
      </c>
      <c r="U5919" s="99"/>
      <c r="V5919" s="99"/>
      <c r="W5919" s="99"/>
      <c r="X5919" s="99"/>
      <c r="Y5919" s="99"/>
      <c r="Z5919" s="99"/>
      <c r="AA5919" s="99"/>
      <c r="AB5919" s="99"/>
      <c r="AC5919" s="99"/>
      <c r="AD5919" s="99"/>
      <c r="AE5919" s="99"/>
      <c r="AF5919" s="99"/>
      <c r="AG5919" s="99"/>
      <c r="AH5919" s="99"/>
      <c r="AI5919" s="99"/>
      <c r="AJ5919" s="99"/>
      <c r="AK5919" s="99"/>
      <c r="AL5919" s="99"/>
      <c r="AM5919" s="99"/>
      <c r="AN5919" s="99"/>
      <c r="AO5919" s="99"/>
      <c r="AP5919" s="99"/>
      <c r="AQ5919" s="99"/>
      <c r="AR5919" s="99"/>
      <c r="AS5919" s="99"/>
      <c r="AT5919" s="99"/>
      <c r="AU5919" s="99"/>
      <c r="AV5919" s="99"/>
      <c r="AW5919" s="99"/>
      <c r="AX5919" s="99"/>
      <c r="AY5919" s="99"/>
      <c r="AZ5919" s="99"/>
      <c r="BA5919" s="99"/>
      <c r="BB5919" s="107">
        <v>45884</v>
      </c>
    </row>
    <row r="5920" spans="1:54" s="8" customFormat="1" ht="13.95" customHeight="1" x14ac:dyDescent="0.25">
      <c r="A5920" s="219" t="s">
        <v>13841</v>
      </c>
      <c r="B5920" s="220" t="s">
        <v>13310</v>
      </c>
      <c r="C5920" s="98" t="s">
        <v>13842</v>
      </c>
      <c r="D5920" s="144" t="s">
        <v>13843</v>
      </c>
      <c r="E5920" s="141">
        <v>1974</v>
      </c>
      <c r="F5920" s="141">
        <v>2152</v>
      </c>
      <c r="G5920" s="144" t="s">
        <v>1</v>
      </c>
      <c r="H5920" s="98">
        <v>0</v>
      </c>
      <c r="I5920" s="98">
        <v>0</v>
      </c>
      <c r="J5920" s="98">
        <v>1</v>
      </c>
      <c r="K5920" s="149" t="s">
        <v>400</v>
      </c>
      <c r="L5920" s="149" t="s">
        <v>400</v>
      </c>
      <c r="M5920" s="149" t="s">
        <v>400</v>
      </c>
      <c r="N5920" s="149" t="s">
        <v>400</v>
      </c>
      <c r="O5920" s="149" t="s">
        <v>400</v>
      </c>
      <c r="P5920" s="149" t="s">
        <v>400</v>
      </c>
      <c r="Q5920" s="149" t="s">
        <v>400</v>
      </c>
      <c r="R5920" s="149" t="s">
        <v>400</v>
      </c>
      <c r="S5920" s="149" t="s">
        <v>400</v>
      </c>
      <c r="T5920" s="149" t="s">
        <v>400</v>
      </c>
      <c r="U5920" s="99"/>
      <c r="V5920" s="99"/>
      <c r="W5920" s="99"/>
      <c r="X5920" s="99"/>
      <c r="Y5920" s="99"/>
      <c r="Z5920" s="99"/>
      <c r="AA5920" s="99"/>
      <c r="AB5920" s="99"/>
      <c r="AC5920" s="99"/>
      <c r="AD5920" s="99"/>
      <c r="AE5920" s="99"/>
      <c r="AF5920" s="99"/>
      <c r="AG5920" s="99"/>
      <c r="AH5920" s="99"/>
      <c r="AI5920" s="99"/>
      <c r="AJ5920" s="99"/>
      <c r="AK5920" s="99"/>
      <c r="AL5920" s="99"/>
      <c r="AM5920" s="99"/>
      <c r="AN5920" s="99"/>
      <c r="AO5920" s="99"/>
      <c r="AP5920" s="99"/>
      <c r="AQ5920" s="99"/>
      <c r="AR5920" s="99"/>
      <c r="AS5920" s="99"/>
      <c r="AT5920" s="99"/>
      <c r="AU5920" s="99"/>
      <c r="AV5920" s="99"/>
      <c r="AW5920" s="99"/>
      <c r="AX5920" s="99"/>
      <c r="AY5920" s="99"/>
      <c r="AZ5920" s="99"/>
      <c r="BA5920" s="99"/>
      <c r="BB5920" s="107">
        <v>45884</v>
      </c>
    </row>
    <row r="5921" spans="1:54" s="8" customFormat="1" ht="13.95" customHeight="1" x14ac:dyDescent="0.25">
      <c r="A5921" s="219" t="s">
        <v>13844</v>
      </c>
      <c r="B5921" s="220" t="s">
        <v>13310</v>
      </c>
      <c r="C5921" s="98" t="s">
        <v>13845</v>
      </c>
      <c r="D5921" s="144" t="s">
        <v>13846</v>
      </c>
      <c r="E5921" s="141">
        <v>1985</v>
      </c>
      <c r="F5921" s="141">
        <v>2157</v>
      </c>
      <c r="G5921" s="144" t="s">
        <v>1</v>
      </c>
      <c r="H5921" s="98">
        <v>0</v>
      </c>
      <c r="I5921" s="98">
        <v>0</v>
      </c>
      <c r="J5921" s="98">
        <v>1</v>
      </c>
      <c r="K5921" s="149" t="s">
        <v>400</v>
      </c>
      <c r="L5921" s="149" t="s">
        <v>400</v>
      </c>
      <c r="M5921" s="149" t="s">
        <v>400</v>
      </c>
      <c r="N5921" s="149" t="s">
        <v>400</v>
      </c>
      <c r="O5921" s="149" t="s">
        <v>400</v>
      </c>
      <c r="P5921" s="149" t="s">
        <v>400</v>
      </c>
      <c r="Q5921" s="149" t="s">
        <v>400</v>
      </c>
      <c r="R5921" s="149" t="s">
        <v>400</v>
      </c>
      <c r="S5921" s="149" t="s">
        <v>400</v>
      </c>
      <c r="T5921" s="149" t="s">
        <v>400</v>
      </c>
      <c r="U5921" s="99"/>
      <c r="V5921" s="99"/>
      <c r="W5921" s="99"/>
      <c r="X5921" s="99"/>
      <c r="Y5921" s="99"/>
      <c r="Z5921" s="99"/>
      <c r="AA5921" s="99"/>
      <c r="AB5921" s="99"/>
      <c r="AC5921" s="99"/>
      <c r="AD5921" s="99"/>
      <c r="AE5921" s="99"/>
      <c r="AF5921" s="99"/>
      <c r="AG5921" s="99"/>
      <c r="AH5921" s="99"/>
      <c r="AI5921" s="99"/>
      <c r="AJ5921" s="99"/>
      <c r="AK5921" s="99"/>
      <c r="AL5921" s="99"/>
      <c r="AM5921" s="99"/>
      <c r="AN5921" s="99"/>
      <c r="AO5921" s="99"/>
      <c r="AP5921" s="99"/>
      <c r="AQ5921" s="99"/>
      <c r="AR5921" s="99"/>
      <c r="AS5921" s="99"/>
      <c r="AT5921" s="99"/>
      <c r="AU5921" s="99"/>
      <c r="AV5921" s="99"/>
      <c r="AW5921" s="99"/>
      <c r="AX5921" s="99"/>
      <c r="AY5921" s="99"/>
      <c r="AZ5921" s="99"/>
      <c r="BA5921" s="99"/>
      <c r="BB5921" s="107">
        <v>45884</v>
      </c>
    </row>
    <row r="5922" spans="1:54" s="8" customFormat="1" ht="13.95" customHeight="1" x14ac:dyDescent="0.25">
      <c r="A5922" s="219" t="s">
        <v>13847</v>
      </c>
      <c r="B5922" s="220" t="s">
        <v>13310</v>
      </c>
      <c r="C5922" s="98" t="s">
        <v>13848</v>
      </c>
      <c r="D5922" s="144" t="s">
        <v>13849</v>
      </c>
      <c r="E5922" s="141">
        <v>1979</v>
      </c>
      <c r="F5922" s="141">
        <v>2167</v>
      </c>
      <c r="G5922" s="144" t="s">
        <v>1</v>
      </c>
      <c r="H5922" s="98">
        <v>0</v>
      </c>
      <c r="I5922" s="98">
        <v>0</v>
      </c>
      <c r="J5922" s="98">
        <v>1</v>
      </c>
      <c r="K5922" s="149" t="s">
        <v>400</v>
      </c>
      <c r="L5922" s="149" t="s">
        <v>400</v>
      </c>
      <c r="M5922" s="149" t="s">
        <v>400</v>
      </c>
      <c r="N5922" s="149" t="s">
        <v>400</v>
      </c>
      <c r="O5922" s="149" t="s">
        <v>400</v>
      </c>
      <c r="P5922" s="149" t="s">
        <v>400</v>
      </c>
      <c r="Q5922" s="149" t="s">
        <v>400</v>
      </c>
      <c r="R5922" s="149" t="s">
        <v>400</v>
      </c>
      <c r="S5922" s="149" t="s">
        <v>400</v>
      </c>
      <c r="T5922" s="149" t="s">
        <v>400</v>
      </c>
      <c r="U5922" s="99"/>
      <c r="V5922" s="99"/>
      <c r="W5922" s="99"/>
      <c r="X5922" s="99"/>
      <c r="Y5922" s="99"/>
      <c r="Z5922" s="99"/>
      <c r="AA5922" s="99"/>
      <c r="AB5922" s="99"/>
      <c r="AC5922" s="99"/>
      <c r="AD5922" s="99"/>
      <c r="AE5922" s="99"/>
      <c r="AF5922" s="99"/>
      <c r="AG5922" s="99"/>
      <c r="AH5922" s="99"/>
      <c r="AI5922" s="99"/>
      <c r="AJ5922" s="99"/>
      <c r="AK5922" s="99"/>
      <c r="AL5922" s="99"/>
      <c r="AM5922" s="99"/>
      <c r="AN5922" s="99"/>
      <c r="AO5922" s="99"/>
      <c r="AP5922" s="99"/>
      <c r="AQ5922" s="99"/>
      <c r="AR5922" s="99"/>
      <c r="AS5922" s="99"/>
      <c r="AT5922" s="99"/>
      <c r="AU5922" s="99"/>
      <c r="AV5922" s="99"/>
      <c r="AW5922" s="99"/>
      <c r="AX5922" s="99"/>
      <c r="AY5922" s="99"/>
      <c r="AZ5922" s="99"/>
      <c r="BA5922" s="99"/>
      <c r="BB5922" s="107">
        <v>45884</v>
      </c>
    </row>
    <row r="5923" spans="1:54" s="8" customFormat="1" ht="13.95" customHeight="1" x14ac:dyDescent="0.25">
      <c r="A5923" s="219" t="s">
        <v>13850</v>
      </c>
      <c r="B5923" s="220" t="s">
        <v>13310</v>
      </c>
      <c r="C5923" s="98" t="s">
        <v>13851</v>
      </c>
      <c r="D5923" s="144" t="s">
        <v>13852</v>
      </c>
      <c r="E5923" s="141">
        <v>1970</v>
      </c>
      <c r="F5923" s="141">
        <v>2216</v>
      </c>
      <c r="G5923" s="144" t="s">
        <v>1</v>
      </c>
      <c r="H5923" s="98">
        <v>0</v>
      </c>
      <c r="I5923" s="98">
        <v>0</v>
      </c>
      <c r="J5923" s="98">
        <v>1</v>
      </c>
      <c r="K5923" s="149" t="s">
        <v>400</v>
      </c>
      <c r="L5923" s="149" t="s">
        <v>400</v>
      </c>
      <c r="M5923" s="149" t="s">
        <v>400</v>
      </c>
      <c r="N5923" s="149" t="s">
        <v>400</v>
      </c>
      <c r="O5923" s="149" t="s">
        <v>400</v>
      </c>
      <c r="P5923" s="149" t="s">
        <v>400</v>
      </c>
      <c r="Q5923" s="149" t="s">
        <v>400</v>
      </c>
      <c r="R5923" s="149" t="s">
        <v>400</v>
      </c>
      <c r="S5923" s="149" t="s">
        <v>400</v>
      </c>
      <c r="T5923" s="149" t="s">
        <v>400</v>
      </c>
      <c r="U5923" s="99"/>
      <c r="V5923" s="99"/>
      <c r="W5923" s="99"/>
      <c r="X5923" s="99"/>
      <c r="Y5923" s="99"/>
      <c r="Z5923" s="99"/>
      <c r="AA5923" s="99"/>
      <c r="AB5923" s="99"/>
      <c r="AC5923" s="99"/>
      <c r="AD5923" s="99"/>
      <c r="AE5923" s="99"/>
      <c r="AF5923" s="99"/>
      <c r="AG5923" s="99"/>
      <c r="AH5923" s="99"/>
      <c r="AI5923" s="99"/>
      <c r="AJ5923" s="99"/>
      <c r="AK5923" s="99"/>
      <c r="AL5923" s="99"/>
      <c r="AM5923" s="99"/>
      <c r="AN5923" s="99"/>
      <c r="AO5923" s="99"/>
      <c r="AP5923" s="99"/>
      <c r="AQ5923" s="99"/>
      <c r="AR5923" s="99"/>
      <c r="AS5923" s="99"/>
      <c r="AT5923" s="99"/>
      <c r="AU5923" s="99"/>
      <c r="AV5923" s="99"/>
      <c r="AW5923" s="99"/>
      <c r="AX5923" s="99"/>
      <c r="AY5923" s="99"/>
      <c r="AZ5923" s="99"/>
      <c r="BA5923" s="99"/>
      <c r="BB5923" s="107">
        <v>45884</v>
      </c>
    </row>
    <row r="5924" spans="1:54" s="8" customFormat="1" ht="13.95" customHeight="1" x14ac:dyDescent="0.25">
      <c r="A5924" s="219" t="s">
        <v>13853</v>
      </c>
      <c r="B5924" s="220" t="s">
        <v>13310</v>
      </c>
      <c r="C5924" s="98" t="s">
        <v>13854</v>
      </c>
      <c r="D5924" s="144" t="s">
        <v>13855</v>
      </c>
      <c r="E5924" s="141">
        <v>1986</v>
      </c>
      <c r="F5924" s="141">
        <v>2218</v>
      </c>
      <c r="G5924" s="144" t="s">
        <v>1</v>
      </c>
      <c r="H5924" s="98">
        <v>0</v>
      </c>
      <c r="I5924" s="98">
        <v>0</v>
      </c>
      <c r="J5924" s="98">
        <v>1</v>
      </c>
      <c r="K5924" s="149" t="s">
        <v>400</v>
      </c>
      <c r="L5924" s="149" t="s">
        <v>400</v>
      </c>
      <c r="M5924" s="149" t="s">
        <v>400</v>
      </c>
      <c r="N5924" s="149" t="s">
        <v>400</v>
      </c>
      <c r="O5924" s="149" t="s">
        <v>400</v>
      </c>
      <c r="P5924" s="149" t="s">
        <v>400</v>
      </c>
      <c r="Q5924" s="149" t="s">
        <v>400</v>
      </c>
      <c r="R5924" s="149" t="s">
        <v>400</v>
      </c>
      <c r="S5924" s="149" t="s">
        <v>400</v>
      </c>
      <c r="T5924" s="149" t="s">
        <v>400</v>
      </c>
      <c r="U5924" s="99"/>
      <c r="V5924" s="99"/>
      <c r="W5924" s="99"/>
      <c r="X5924" s="99"/>
      <c r="Y5924" s="99"/>
      <c r="Z5924" s="99"/>
      <c r="AA5924" s="99"/>
      <c r="AB5924" s="99"/>
      <c r="AC5924" s="99"/>
      <c r="AD5924" s="99"/>
      <c r="AE5924" s="99"/>
      <c r="AF5924" s="99"/>
      <c r="AG5924" s="99"/>
      <c r="AH5924" s="99"/>
      <c r="AI5924" s="99"/>
      <c r="AJ5924" s="99"/>
      <c r="AK5924" s="99"/>
      <c r="AL5924" s="99"/>
      <c r="AM5924" s="99"/>
      <c r="AN5924" s="99"/>
      <c r="AO5924" s="99"/>
      <c r="AP5924" s="99"/>
      <c r="AQ5924" s="99"/>
      <c r="AR5924" s="99"/>
      <c r="AS5924" s="99"/>
      <c r="AT5924" s="99"/>
      <c r="AU5924" s="99"/>
      <c r="AV5924" s="99"/>
      <c r="AW5924" s="99"/>
      <c r="AX5924" s="99"/>
      <c r="AY5924" s="99"/>
      <c r="AZ5924" s="99"/>
      <c r="BA5924" s="99"/>
      <c r="BB5924" s="107">
        <v>45884</v>
      </c>
    </row>
    <row r="5925" spans="1:54" s="8" customFormat="1" ht="13.95" customHeight="1" x14ac:dyDescent="0.25">
      <c r="A5925" s="219" t="s">
        <v>13856</v>
      </c>
      <c r="B5925" s="220" t="s">
        <v>13310</v>
      </c>
      <c r="C5925" s="98" t="s">
        <v>13857</v>
      </c>
      <c r="D5925" s="144" t="s">
        <v>13858</v>
      </c>
      <c r="E5925" s="141">
        <v>1980</v>
      </c>
      <c r="F5925" s="141">
        <v>2232</v>
      </c>
      <c r="G5925" s="144" t="s">
        <v>1</v>
      </c>
      <c r="H5925" s="98">
        <v>0</v>
      </c>
      <c r="I5925" s="98">
        <v>0</v>
      </c>
      <c r="J5925" s="98">
        <v>1</v>
      </c>
      <c r="K5925" s="149" t="s">
        <v>400</v>
      </c>
      <c r="L5925" s="149" t="s">
        <v>400</v>
      </c>
      <c r="M5925" s="149" t="s">
        <v>400</v>
      </c>
      <c r="N5925" s="149" t="s">
        <v>400</v>
      </c>
      <c r="O5925" s="149" t="s">
        <v>400</v>
      </c>
      <c r="P5925" s="149" t="s">
        <v>400</v>
      </c>
      <c r="Q5925" s="149" t="s">
        <v>400</v>
      </c>
      <c r="R5925" s="149" t="s">
        <v>400</v>
      </c>
      <c r="S5925" s="149" t="s">
        <v>400</v>
      </c>
      <c r="T5925" s="149" t="s">
        <v>400</v>
      </c>
      <c r="U5925" s="99"/>
      <c r="V5925" s="99"/>
      <c r="W5925" s="99"/>
      <c r="X5925" s="99"/>
      <c r="Y5925" s="99"/>
      <c r="Z5925" s="99"/>
      <c r="AA5925" s="99"/>
      <c r="AB5925" s="99"/>
      <c r="AC5925" s="99"/>
      <c r="AD5925" s="99"/>
      <c r="AE5925" s="99"/>
      <c r="AF5925" s="99"/>
      <c r="AG5925" s="99"/>
      <c r="AH5925" s="99"/>
      <c r="AI5925" s="99"/>
      <c r="AJ5925" s="99"/>
      <c r="AK5925" s="99"/>
      <c r="AL5925" s="99"/>
      <c r="AM5925" s="99"/>
      <c r="AN5925" s="99"/>
      <c r="AO5925" s="99"/>
      <c r="AP5925" s="99"/>
      <c r="AQ5925" s="99"/>
      <c r="AR5925" s="99"/>
      <c r="AS5925" s="99"/>
      <c r="AT5925" s="99"/>
      <c r="AU5925" s="99"/>
      <c r="AV5925" s="99"/>
      <c r="AW5925" s="99"/>
      <c r="AX5925" s="99"/>
      <c r="AY5925" s="99"/>
      <c r="AZ5925" s="99"/>
      <c r="BA5925" s="99"/>
      <c r="BB5925" s="107">
        <v>45884</v>
      </c>
    </row>
    <row r="5926" spans="1:54" s="8" customFormat="1" ht="13.95" customHeight="1" x14ac:dyDescent="0.25">
      <c r="A5926" s="219" t="s">
        <v>13859</v>
      </c>
      <c r="B5926" s="220" t="s">
        <v>13310</v>
      </c>
      <c r="C5926" s="98" t="s">
        <v>13860</v>
      </c>
      <c r="D5926" s="144" t="s">
        <v>13861</v>
      </c>
      <c r="E5926" s="141">
        <v>1978</v>
      </c>
      <c r="F5926" s="141">
        <v>2258</v>
      </c>
      <c r="G5926" s="144" t="s">
        <v>1</v>
      </c>
      <c r="H5926" s="98">
        <v>0</v>
      </c>
      <c r="I5926" s="98">
        <v>0</v>
      </c>
      <c r="J5926" s="98">
        <v>1</v>
      </c>
      <c r="K5926" s="149" t="s">
        <v>400</v>
      </c>
      <c r="L5926" s="149" t="s">
        <v>400</v>
      </c>
      <c r="M5926" s="149" t="s">
        <v>400</v>
      </c>
      <c r="N5926" s="149" t="s">
        <v>400</v>
      </c>
      <c r="O5926" s="149" t="s">
        <v>400</v>
      </c>
      <c r="P5926" s="149" t="s">
        <v>400</v>
      </c>
      <c r="Q5926" s="149" t="s">
        <v>400</v>
      </c>
      <c r="R5926" s="149" t="s">
        <v>400</v>
      </c>
      <c r="S5926" s="149" t="s">
        <v>400</v>
      </c>
      <c r="T5926" s="149" t="s">
        <v>400</v>
      </c>
      <c r="U5926" s="99"/>
      <c r="V5926" s="99"/>
      <c r="W5926" s="99"/>
      <c r="X5926" s="99"/>
      <c r="Y5926" s="99"/>
      <c r="Z5926" s="99"/>
      <c r="AA5926" s="99"/>
      <c r="AB5926" s="99"/>
      <c r="AC5926" s="99"/>
      <c r="AD5926" s="99"/>
      <c r="AE5926" s="99"/>
      <c r="AF5926" s="99"/>
      <c r="AG5926" s="99"/>
      <c r="AH5926" s="99"/>
      <c r="AI5926" s="99"/>
      <c r="AJ5926" s="99"/>
      <c r="AK5926" s="99"/>
      <c r="AL5926" s="99"/>
      <c r="AM5926" s="99"/>
      <c r="AN5926" s="99"/>
      <c r="AO5926" s="99"/>
      <c r="AP5926" s="99"/>
      <c r="AQ5926" s="99"/>
      <c r="AR5926" s="99"/>
      <c r="AS5926" s="99"/>
      <c r="AT5926" s="99"/>
      <c r="AU5926" s="99"/>
      <c r="AV5926" s="99"/>
      <c r="AW5926" s="99"/>
      <c r="AX5926" s="99"/>
      <c r="AY5926" s="99"/>
      <c r="AZ5926" s="99"/>
      <c r="BA5926" s="99"/>
      <c r="BB5926" s="107">
        <v>45884</v>
      </c>
    </row>
    <row r="5927" spans="1:54" s="8" customFormat="1" ht="13.95" customHeight="1" x14ac:dyDescent="0.25">
      <c r="A5927" s="219" t="s">
        <v>13862</v>
      </c>
      <c r="B5927" s="220" t="s">
        <v>13310</v>
      </c>
      <c r="C5927" s="98" t="s">
        <v>13863</v>
      </c>
      <c r="D5927" s="144" t="s">
        <v>13864</v>
      </c>
      <c r="E5927" s="141">
        <v>1986</v>
      </c>
      <c r="F5927" s="141">
        <v>2279</v>
      </c>
      <c r="G5927" s="144" t="s">
        <v>1</v>
      </c>
      <c r="H5927" s="98">
        <v>0</v>
      </c>
      <c r="I5927" s="98">
        <v>0</v>
      </c>
      <c r="J5927" s="98">
        <v>1</v>
      </c>
      <c r="K5927" s="149" t="s">
        <v>400</v>
      </c>
      <c r="L5927" s="149" t="s">
        <v>400</v>
      </c>
      <c r="M5927" s="149" t="s">
        <v>400</v>
      </c>
      <c r="N5927" s="149" t="s">
        <v>400</v>
      </c>
      <c r="O5927" s="149" t="s">
        <v>400</v>
      </c>
      <c r="P5927" s="149" t="s">
        <v>400</v>
      </c>
      <c r="Q5927" s="149" t="s">
        <v>400</v>
      </c>
      <c r="R5927" s="149" t="s">
        <v>400</v>
      </c>
      <c r="S5927" s="149" t="s">
        <v>400</v>
      </c>
      <c r="T5927" s="149" t="s">
        <v>400</v>
      </c>
      <c r="U5927" s="99"/>
      <c r="V5927" s="99"/>
      <c r="W5927" s="99"/>
      <c r="X5927" s="99"/>
      <c r="Y5927" s="99"/>
      <c r="Z5927" s="99"/>
      <c r="AA5927" s="99"/>
      <c r="AB5927" s="99"/>
      <c r="AC5927" s="99"/>
      <c r="AD5927" s="99"/>
      <c r="AE5927" s="99"/>
      <c r="AF5927" s="99"/>
      <c r="AG5927" s="99"/>
      <c r="AH5927" s="99"/>
      <c r="AI5927" s="99"/>
      <c r="AJ5927" s="99"/>
      <c r="AK5927" s="99"/>
      <c r="AL5927" s="99"/>
      <c r="AM5927" s="99"/>
      <c r="AN5927" s="99"/>
      <c r="AO5927" s="99"/>
      <c r="AP5927" s="99"/>
      <c r="AQ5927" s="99"/>
      <c r="AR5927" s="99"/>
      <c r="AS5927" s="99"/>
      <c r="AT5927" s="99"/>
      <c r="AU5927" s="99"/>
      <c r="AV5927" s="99"/>
      <c r="AW5927" s="99"/>
      <c r="AX5927" s="99"/>
      <c r="AY5927" s="99"/>
      <c r="AZ5927" s="99"/>
      <c r="BA5927" s="99"/>
      <c r="BB5927" s="107">
        <v>45884</v>
      </c>
    </row>
    <row r="5928" spans="1:54" s="8" customFormat="1" ht="13.95" customHeight="1" x14ac:dyDescent="0.25">
      <c r="A5928" s="219" t="s">
        <v>13865</v>
      </c>
      <c r="B5928" s="220" t="s">
        <v>13310</v>
      </c>
      <c r="C5928" s="98" t="s">
        <v>13866</v>
      </c>
      <c r="D5928" s="144" t="s">
        <v>13867</v>
      </c>
      <c r="E5928" s="141">
        <v>1973</v>
      </c>
      <c r="F5928" s="141">
        <v>2281</v>
      </c>
      <c r="G5928" s="144" t="s">
        <v>1</v>
      </c>
      <c r="H5928" s="98">
        <v>0</v>
      </c>
      <c r="I5928" s="98">
        <v>0</v>
      </c>
      <c r="J5928" s="98">
        <v>1</v>
      </c>
      <c r="K5928" s="149" t="s">
        <v>400</v>
      </c>
      <c r="L5928" s="149" t="s">
        <v>400</v>
      </c>
      <c r="M5928" s="149" t="s">
        <v>400</v>
      </c>
      <c r="N5928" s="149" t="s">
        <v>400</v>
      </c>
      <c r="O5928" s="149" t="s">
        <v>400</v>
      </c>
      <c r="P5928" s="149" t="s">
        <v>400</v>
      </c>
      <c r="Q5928" s="149" t="s">
        <v>400</v>
      </c>
      <c r="R5928" s="149" t="s">
        <v>400</v>
      </c>
      <c r="S5928" s="149" t="s">
        <v>400</v>
      </c>
      <c r="T5928" s="149" t="s">
        <v>400</v>
      </c>
      <c r="U5928" s="99"/>
      <c r="V5928" s="99"/>
      <c r="W5928" s="99"/>
      <c r="X5928" s="99"/>
      <c r="Y5928" s="99"/>
      <c r="Z5928" s="99"/>
      <c r="AA5928" s="99"/>
      <c r="AB5928" s="99"/>
      <c r="AC5928" s="99"/>
      <c r="AD5928" s="99"/>
      <c r="AE5928" s="99"/>
      <c r="AF5928" s="99"/>
      <c r="AG5928" s="99"/>
      <c r="AH5928" s="99"/>
      <c r="AI5928" s="99"/>
      <c r="AJ5928" s="99"/>
      <c r="AK5928" s="99"/>
      <c r="AL5928" s="99"/>
      <c r="AM5928" s="99"/>
      <c r="AN5928" s="99"/>
      <c r="AO5928" s="99"/>
      <c r="AP5928" s="99"/>
      <c r="AQ5928" s="99"/>
      <c r="AR5928" s="99"/>
      <c r="AS5928" s="99"/>
      <c r="AT5928" s="99"/>
      <c r="AU5928" s="99"/>
      <c r="AV5928" s="99"/>
      <c r="AW5928" s="99"/>
      <c r="AX5928" s="99"/>
      <c r="AY5928" s="99"/>
      <c r="AZ5928" s="99"/>
      <c r="BA5928" s="99"/>
      <c r="BB5928" s="107">
        <v>45884</v>
      </c>
    </row>
    <row r="5929" spans="1:54" s="8" customFormat="1" ht="13.95" customHeight="1" x14ac:dyDescent="0.25">
      <c r="A5929" s="219" t="s">
        <v>13868</v>
      </c>
      <c r="B5929" s="220" t="s">
        <v>13310</v>
      </c>
      <c r="C5929" s="98" t="s">
        <v>13869</v>
      </c>
      <c r="D5929" s="144" t="s">
        <v>13870</v>
      </c>
      <c r="E5929" s="141">
        <v>2012</v>
      </c>
      <c r="F5929" s="141">
        <v>2290</v>
      </c>
      <c r="G5929" s="144" t="s">
        <v>1</v>
      </c>
      <c r="H5929" s="98">
        <v>0</v>
      </c>
      <c r="I5929" s="98">
        <v>0</v>
      </c>
      <c r="J5929" s="98">
        <v>1</v>
      </c>
      <c r="K5929" s="149" t="s">
        <v>400</v>
      </c>
      <c r="L5929" s="149" t="s">
        <v>400</v>
      </c>
      <c r="M5929" s="149" t="s">
        <v>400</v>
      </c>
      <c r="N5929" s="149" t="s">
        <v>400</v>
      </c>
      <c r="O5929" s="149" t="s">
        <v>400</v>
      </c>
      <c r="P5929" s="149" t="s">
        <v>400</v>
      </c>
      <c r="Q5929" s="149" t="s">
        <v>400</v>
      </c>
      <c r="R5929" s="149" t="s">
        <v>400</v>
      </c>
      <c r="S5929" s="149" t="s">
        <v>400</v>
      </c>
      <c r="T5929" s="149" t="s">
        <v>400</v>
      </c>
      <c r="U5929" s="99"/>
      <c r="V5929" s="99"/>
      <c r="W5929" s="99"/>
      <c r="X5929" s="99"/>
      <c r="Y5929" s="99"/>
      <c r="Z5929" s="99"/>
      <c r="AA5929" s="99"/>
      <c r="AB5929" s="99"/>
      <c r="AC5929" s="99"/>
      <c r="AD5929" s="99"/>
      <c r="AE5929" s="99"/>
      <c r="AF5929" s="99"/>
      <c r="AG5929" s="99"/>
      <c r="AH5929" s="99"/>
      <c r="AI5929" s="99"/>
      <c r="AJ5929" s="99"/>
      <c r="AK5929" s="99"/>
      <c r="AL5929" s="99"/>
      <c r="AM5929" s="99"/>
      <c r="AN5929" s="99"/>
      <c r="AO5929" s="99"/>
      <c r="AP5929" s="99"/>
      <c r="AQ5929" s="99"/>
      <c r="AR5929" s="99"/>
      <c r="AS5929" s="99"/>
      <c r="AT5929" s="99"/>
      <c r="AU5929" s="99"/>
      <c r="AV5929" s="99"/>
      <c r="AW5929" s="99"/>
      <c r="AX5929" s="99"/>
      <c r="AY5929" s="99"/>
      <c r="AZ5929" s="99"/>
      <c r="BA5929" s="99"/>
      <c r="BB5929" s="107">
        <v>45884</v>
      </c>
    </row>
    <row r="5930" spans="1:54" s="8" customFormat="1" ht="13.95" customHeight="1" x14ac:dyDescent="0.25">
      <c r="A5930" s="219" t="s">
        <v>13871</v>
      </c>
      <c r="B5930" s="220" t="s">
        <v>13310</v>
      </c>
      <c r="C5930" s="98" t="s">
        <v>13872</v>
      </c>
      <c r="D5930" s="144" t="s">
        <v>13873</v>
      </c>
      <c r="E5930" s="141">
        <v>2016</v>
      </c>
      <c r="F5930" s="141">
        <v>2331</v>
      </c>
      <c r="G5930" s="144" t="s">
        <v>1</v>
      </c>
      <c r="H5930" s="98">
        <v>0</v>
      </c>
      <c r="I5930" s="98">
        <v>0</v>
      </c>
      <c r="J5930" s="98">
        <v>1</v>
      </c>
      <c r="K5930" s="149" t="s">
        <v>400</v>
      </c>
      <c r="L5930" s="149" t="s">
        <v>400</v>
      </c>
      <c r="M5930" s="149" t="s">
        <v>400</v>
      </c>
      <c r="N5930" s="149" t="s">
        <v>400</v>
      </c>
      <c r="O5930" s="149" t="s">
        <v>400</v>
      </c>
      <c r="P5930" s="149" t="s">
        <v>400</v>
      </c>
      <c r="Q5930" s="149" t="s">
        <v>400</v>
      </c>
      <c r="R5930" s="149" t="s">
        <v>400</v>
      </c>
      <c r="S5930" s="149" t="s">
        <v>400</v>
      </c>
      <c r="T5930" s="149" t="s">
        <v>400</v>
      </c>
      <c r="U5930" s="99"/>
      <c r="V5930" s="99"/>
      <c r="W5930" s="99"/>
      <c r="X5930" s="99"/>
      <c r="Y5930" s="99"/>
      <c r="Z5930" s="99"/>
      <c r="AA5930" s="99"/>
      <c r="AB5930" s="99"/>
      <c r="AC5930" s="99"/>
      <c r="AD5930" s="99"/>
      <c r="AE5930" s="99"/>
      <c r="AF5930" s="99"/>
      <c r="AG5930" s="99"/>
      <c r="AH5930" s="99"/>
      <c r="AI5930" s="99"/>
      <c r="AJ5930" s="99"/>
      <c r="AK5930" s="99"/>
      <c r="AL5930" s="99"/>
      <c r="AM5930" s="99"/>
      <c r="AN5930" s="99"/>
      <c r="AO5930" s="99"/>
      <c r="AP5930" s="99"/>
      <c r="AQ5930" s="99"/>
      <c r="AR5930" s="99"/>
      <c r="AS5930" s="99"/>
      <c r="AT5930" s="99"/>
      <c r="AU5930" s="99"/>
      <c r="AV5930" s="99"/>
      <c r="AW5930" s="99"/>
      <c r="AX5930" s="99"/>
      <c r="AY5930" s="99"/>
      <c r="AZ5930" s="99"/>
      <c r="BA5930" s="99"/>
      <c r="BB5930" s="107">
        <v>45884</v>
      </c>
    </row>
    <row r="5931" spans="1:54" s="8" customFormat="1" ht="13.95" customHeight="1" x14ac:dyDescent="0.25">
      <c r="A5931" s="219" t="s">
        <v>13874</v>
      </c>
      <c r="B5931" s="220" t="s">
        <v>13310</v>
      </c>
      <c r="C5931" s="98" t="s">
        <v>9825</v>
      </c>
      <c r="D5931" s="144" t="s">
        <v>13875</v>
      </c>
      <c r="E5931" s="141">
        <v>1970</v>
      </c>
      <c r="F5931" s="141">
        <v>2340</v>
      </c>
      <c r="G5931" s="144" t="s">
        <v>1</v>
      </c>
      <c r="H5931" s="98">
        <v>0</v>
      </c>
      <c r="I5931" s="98">
        <v>0</v>
      </c>
      <c r="J5931" s="98">
        <v>1</v>
      </c>
      <c r="K5931" s="149" t="s">
        <v>400</v>
      </c>
      <c r="L5931" s="149" t="s">
        <v>400</v>
      </c>
      <c r="M5931" s="149" t="s">
        <v>400</v>
      </c>
      <c r="N5931" s="149" t="s">
        <v>400</v>
      </c>
      <c r="O5931" s="149" t="s">
        <v>400</v>
      </c>
      <c r="P5931" s="149" t="s">
        <v>400</v>
      </c>
      <c r="Q5931" s="149" t="s">
        <v>400</v>
      </c>
      <c r="R5931" s="149" t="s">
        <v>400</v>
      </c>
      <c r="S5931" s="149" t="s">
        <v>400</v>
      </c>
      <c r="T5931" s="149" t="s">
        <v>400</v>
      </c>
      <c r="U5931" s="99"/>
      <c r="V5931" s="99"/>
      <c r="W5931" s="99"/>
      <c r="X5931" s="99"/>
      <c r="Y5931" s="99"/>
      <c r="Z5931" s="99"/>
      <c r="AA5931" s="99"/>
      <c r="AB5931" s="99"/>
      <c r="AC5931" s="99"/>
      <c r="AD5931" s="99"/>
      <c r="AE5931" s="99"/>
      <c r="AF5931" s="99"/>
      <c r="AG5931" s="99"/>
      <c r="AH5931" s="99"/>
      <c r="AI5931" s="99"/>
      <c r="AJ5931" s="99"/>
      <c r="AK5931" s="99"/>
      <c r="AL5931" s="99"/>
      <c r="AM5931" s="99"/>
      <c r="AN5931" s="99"/>
      <c r="AO5931" s="99"/>
      <c r="AP5931" s="99"/>
      <c r="AQ5931" s="99"/>
      <c r="AR5931" s="99"/>
      <c r="AS5931" s="99"/>
      <c r="AT5931" s="99"/>
      <c r="AU5931" s="99"/>
      <c r="AV5931" s="99"/>
      <c r="AW5931" s="99"/>
      <c r="AX5931" s="99"/>
      <c r="AY5931" s="99"/>
      <c r="AZ5931" s="99"/>
      <c r="BA5931" s="99"/>
      <c r="BB5931" s="107">
        <v>45884</v>
      </c>
    </row>
    <row r="5932" spans="1:54" s="8" customFormat="1" ht="13.95" customHeight="1" x14ac:dyDescent="0.25">
      <c r="A5932" s="219" t="s">
        <v>13876</v>
      </c>
      <c r="B5932" s="220" t="s">
        <v>13310</v>
      </c>
      <c r="C5932" s="98" t="s">
        <v>13877</v>
      </c>
      <c r="D5932" s="144" t="s">
        <v>13878</v>
      </c>
      <c r="E5932" s="141">
        <v>1985</v>
      </c>
      <c r="F5932" s="141">
        <v>2340</v>
      </c>
      <c r="G5932" s="144" t="s">
        <v>1</v>
      </c>
      <c r="H5932" s="98">
        <v>0</v>
      </c>
      <c r="I5932" s="98">
        <v>0</v>
      </c>
      <c r="J5932" s="98">
        <v>1</v>
      </c>
      <c r="K5932" s="149" t="s">
        <v>400</v>
      </c>
      <c r="L5932" s="149" t="s">
        <v>400</v>
      </c>
      <c r="M5932" s="149" t="s">
        <v>400</v>
      </c>
      <c r="N5932" s="149" t="s">
        <v>400</v>
      </c>
      <c r="O5932" s="149" t="s">
        <v>400</v>
      </c>
      <c r="P5932" s="149" t="s">
        <v>400</v>
      </c>
      <c r="Q5932" s="149" t="s">
        <v>400</v>
      </c>
      <c r="R5932" s="149" t="s">
        <v>400</v>
      </c>
      <c r="S5932" s="149" t="s">
        <v>400</v>
      </c>
      <c r="T5932" s="149" t="s">
        <v>400</v>
      </c>
      <c r="U5932" s="99"/>
      <c r="V5932" s="99"/>
      <c r="W5932" s="99"/>
      <c r="X5932" s="99"/>
      <c r="Y5932" s="99"/>
      <c r="Z5932" s="99"/>
      <c r="AA5932" s="99"/>
      <c r="AB5932" s="99"/>
      <c r="AC5932" s="99"/>
      <c r="AD5932" s="99"/>
      <c r="AE5932" s="99"/>
      <c r="AF5932" s="99"/>
      <c r="AG5932" s="99"/>
      <c r="AH5932" s="99"/>
      <c r="AI5932" s="99"/>
      <c r="AJ5932" s="99"/>
      <c r="AK5932" s="99"/>
      <c r="AL5932" s="99"/>
      <c r="AM5932" s="99"/>
      <c r="AN5932" s="99"/>
      <c r="AO5932" s="99"/>
      <c r="AP5932" s="99"/>
      <c r="AQ5932" s="99"/>
      <c r="AR5932" s="99"/>
      <c r="AS5932" s="99"/>
      <c r="AT5932" s="99"/>
      <c r="AU5932" s="99"/>
      <c r="AV5932" s="99"/>
      <c r="AW5932" s="99"/>
      <c r="AX5932" s="99"/>
      <c r="AY5932" s="99"/>
      <c r="AZ5932" s="99"/>
      <c r="BA5932" s="99"/>
      <c r="BB5932" s="107">
        <v>45884</v>
      </c>
    </row>
    <row r="5933" spans="1:54" s="8" customFormat="1" ht="13.95" customHeight="1" x14ac:dyDescent="0.25">
      <c r="A5933" s="219" t="s">
        <v>13879</v>
      </c>
      <c r="B5933" s="220" t="s">
        <v>13310</v>
      </c>
      <c r="C5933" s="98" t="s">
        <v>13880</v>
      </c>
      <c r="D5933" s="144" t="s">
        <v>13881</v>
      </c>
      <c r="E5933" s="141">
        <v>2009</v>
      </c>
      <c r="F5933" s="141">
        <v>2335</v>
      </c>
      <c r="G5933" s="144" t="s">
        <v>1</v>
      </c>
      <c r="H5933" s="98">
        <v>0</v>
      </c>
      <c r="I5933" s="98">
        <v>0</v>
      </c>
      <c r="J5933" s="98">
        <v>1</v>
      </c>
      <c r="K5933" s="149" t="s">
        <v>400</v>
      </c>
      <c r="L5933" s="149" t="s">
        <v>400</v>
      </c>
      <c r="M5933" s="149" t="s">
        <v>400</v>
      </c>
      <c r="N5933" s="149" t="s">
        <v>400</v>
      </c>
      <c r="O5933" s="149" t="s">
        <v>400</v>
      </c>
      <c r="P5933" s="149" t="s">
        <v>400</v>
      </c>
      <c r="Q5933" s="149" t="s">
        <v>400</v>
      </c>
      <c r="R5933" s="149" t="s">
        <v>400</v>
      </c>
      <c r="S5933" s="149" t="s">
        <v>400</v>
      </c>
      <c r="T5933" s="149" t="s">
        <v>400</v>
      </c>
      <c r="U5933" s="99"/>
      <c r="V5933" s="99"/>
      <c r="W5933" s="99"/>
      <c r="X5933" s="99"/>
      <c r="Y5933" s="99"/>
      <c r="Z5933" s="99"/>
      <c r="AA5933" s="99"/>
      <c r="AB5933" s="99"/>
      <c r="AC5933" s="99"/>
      <c r="AD5933" s="99"/>
      <c r="AE5933" s="99"/>
      <c r="AF5933" s="99"/>
      <c r="AG5933" s="99"/>
      <c r="AH5933" s="99"/>
      <c r="AI5933" s="99"/>
      <c r="AJ5933" s="99"/>
      <c r="AK5933" s="99"/>
      <c r="AL5933" s="99"/>
      <c r="AM5933" s="99"/>
      <c r="AN5933" s="99"/>
      <c r="AO5933" s="99"/>
      <c r="AP5933" s="99"/>
      <c r="AQ5933" s="99"/>
      <c r="AR5933" s="99"/>
      <c r="AS5933" s="99"/>
      <c r="AT5933" s="99"/>
      <c r="AU5933" s="99"/>
      <c r="AV5933" s="99"/>
      <c r="AW5933" s="99"/>
      <c r="AX5933" s="99"/>
      <c r="AY5933" s="99"/>
      <c r="AZ5933" s="99"/>
      <c r="BA5933" s="99"/>
      <c r="BB5933" s="107">
        <v>45884</v>
      </c>
    </row>
    <row r="5934" spans="1:54" s="8" customFormat="1" ht="13.95" customHeight="1" x14ac:dyDescent="0.25">
      <c r="A5934" s="219" t="s">
        <v>13882</v>
      </c>
      <c r="B5934" s="220" t="s">
        <v>13310</v>
      </c>
      <c r="C5934" s="98" t="s">
        <v>13883</v>
      </c>
      <c r="D5934" s="144" t="s">
        <v>13884</v>
      </c>
      <c r="E5934" s="141">
        <v>1986</v>
      </c>
      <c r="F5934" s="141">
        <v>2354</v>
      </c>
      <c r="G5934" s="144" t="s">
        <v>1</v>
      </c>
      <c r="H5934" s="98">
        <v>0</v>
      </c>
      <c r="I5934" s="98">
        <v>0</v>
      </c>
      <c r="J5934" s="98">
        <v>1</v>
      </c>
      <c r="K5934" s="149" t="s">
        <v>400</v>
      </c>
      <c r="L5934" s="149" t="s">
        <v>400</v>
      </c>
      <c r="M5934" s="149" t="s">
        <v>400</v>
      </c>
      <c r="N5934" s="149" t="s">
        <v>400</v>
      </c>
      <c r="O5934" s="149" t="s">
        <v>400</v>
      </c>
      <c r="P5934" s="149" t="s">
        <v>400</v>
      </c>
      <c r="Q5934" s="149" t="s">
        <v>400</v>
      </c>
      <c r="R5934" s="149" t="s">
        <v>400</v>
      </c>
      <c r="S5934" s="149" t="s">
        <v>400</v>
      </c>
      <c r="T5934" s="149" t="s">
        <v>400</v>
      </c>
      <c r="U5934" s="99"/>
      <c r="V5934" s="99"/>
      <c r="W5934" s="99"/>
      <c r="X5934" s="99"/>
      <c r="Y5934" s="99"/>
      <c r="Z5934" s="99"/>
      <c r="AA5934" s="99"/>
      <c r="AB5934" s="99"/>
      <c r="AC5934" s="99"/>
      <c r="AD5934" s="99"/>
      <c r="AE5934" s="99"/>
      <c r="AF5934" s="99"/>
      <c r="AG5934" s="99"/>
      <c r="AH5934" s="99"/>
      <c r="AI5934" s="99"/>
      <c r="AJ5934" s="99"/>
      <c r="AK5934" s="99"/>
      <c r="AL5934" s="99"/>
      <c r="AM5934" s="99"/>
      <c r="AN5934" s="99"/>
      <c r="AO5934" s="99"/>
      <c r="AP5934" s="99"/>
      <c r="AQ5934" s="99"/>
      <c r="AR5934" s="99"/>
      <c r="AS5934" s="99"/>
      <c r="AT5934" s="99"/>
      <c r="AU5934" s="99"/>
      <c r="AV5934" s="99"/>
      <c r="AW5934" s="99"/>
      <c r="AX5934" s="99"/>
      <c r="AY5934" s="99"/>
      <c r="AZ5934" s="99"/>
      <c r="BA5934" s="99"/>
      <c r="BB5934" s="107">
        <v>45884</v>
      </c>
    </row>
    <row r="5935" spans="1:54" s="8" customFormat="1" ht="13.95" customHeight="1" x14ac:dyDescent="0.25">
      <c r="A5935" s="219" t="s">
        <v>13885</v>
      </c>
      <c r="B5935" s="220" t="s">
        <v>13310</v>
      </c>
      <c r="C5935" s="98" t="s">
        <v>13886</v>
      </c>
      <c r="D5935" s="144" t="s">
        <v>13887</v>
      </c>
      <c r="E5935" s="141">
        <v>1971</v>
      </c>
      <c r="F5935" s="141">
        <v>2358</v>
      </c>
      <c r="G5935" s="144" t="s">
        <v>1</v>
      </c>
      <c r="H5935" s="98">
        <v>0</v>
      </c>
      <c r="I5935" s="98">
        <v>0</v>
      </c>
      <c r="J5935" s="98">
        <v>1</v>
      </c>
      <c r="K5935" s="149" t="s">
        <v>400</v>
      </c>
      <c r="L5935" s="149" t="s">
        <v>400</v>
      </c>
      <c r="M5935" s="149" t="s">
        <v>400</v>
      </c>
      <c r="N5935" s="149" t="s">
        <v>400</v>
      </c>
      <c r="O5935" s="149" t="s">
        <v>400</v>
      </c>
      <c r="P5935" s="149" t="s">
        <v>400</v>
      </c>
      <c r="Q5935" s="149" t="s">
        <v>400</v>
      </c>
      <c r="R5935" s="149" t="s">
        <v>400</v>
      </c>
      <c r="S5935" s="149" t="s">
        <v>400</v>
      </c>
      <c r="T5935" s="149" t="s">
        <v>400</v>
      </c>
      <c r="U5935" s="99"/>
      <c r="V5935" s="99"/>
      <c r="W5935" s="99"/>
      <c r="X5935" s="99"/>
      <c r="Y5935" s="99"/>
      <c r="Z5935" s="99"/>
      <c r="AA5935" s="99"/>
      <c r="AB5935" s="99"/>
      <c r="AC5935" s="99"/>
      <c r="AD5935" s="99"/>
      <c r="AE5935" s="99"/>
      <c r="AF5935" s="99"/>
      <c r="AG5935" s="99"/>
      <c r="AH5935" s="99"/>
      <c r="AI5935" s="99"/>
      <c r="AJ5935" s="99"/>
      <c r="AK5935" s="99"/>
      <c r="AL5935" s="99"/>
      <c r="AM5935" s="99"/>
      <c r="AN5935" s="99"/>
      <c r="AO5935" s="99"/>
      <c r="AP5935" s="99"/>
      <c r="AQ5935" s="99"/>
      <c r="AR5935" s="99"/>
      <c r="AS5935" s="99"/>
      <c r="AT5935" s="99"/>
      <c r="AU5935" s="99"/>
      <c r="AV5935" s="99"/>
      <c r="AW5935" s="99"/>
      <c r="AX5935" s="99"/>
      <c r="AY5935" s="99"/>
      <c r="AZ5935" s="99"/>
      <c r="BA5935" s="99"/>
      <c r="BB5935" s="107">
        <v>45884</v>
      </c>
    </row>
    <row r="5936" spans="1:54" s="8" customFormat="1" ht="13.95" customHeight="1" x14ac:dyDescent="0.25">
      <c r="A5936" s="219" t="s">
        <v>13888</v>
      </c>
      <c r="B5936" s="220" t="s">
        <v>13310</v>
      </c>
      <c r="C5936" s="98" t="s">
        <v>13889</v>
      </c>
      <c r="D5936" s="144" t="s">
        <v>13890</v>
      </c>
      <c r="E5936" s="141">
        <v>1967</v>
      </c>
      <c r="F5936" s="141">
        <v>2389</v>
      </c>
      <c r="G5936" s="144" t="s">
        <v>1</v>
      </c>
      <c r="H5936" s="98">
        <v>0</v>
      </c>
      <c r="I5936" s="98">
        <v>0</v>
      </c>
      <c r="J5936" s="98">
        <v>1</v>
      </c>
      <c r="K5936" s="149" t="s">
        <v>400</v>
      </c>
      <c r="L5936" s="149" t="s">
        <v>400</v>
      </c>
      <c r="M5936" s="149" t="s">
        <v>400</v>
      </c>
      <c r="N5936" s="149" t="s">
        <v>400</v>
      </c>
      <c r="O5936" s="149" t="s">
        <v>400</v>
      </c>
      <c r="P5936" s="149" t="s">
        <v>400</v>
      </c>
      <c r="Q5936" s="149" t="s">
        <v>400</v>
      </c>
      <c r="R5936" s="149" t="s">
        <v>400</v>
      </c>
      <c r="S5936" s="149" t="s">
        <v>400</v>
      </c>
      <c r="T5936" s="149" t="s">
        <v>400</v>
      </c>
      <c r="U5936" s="99"/>
      <c r="V5936" s="99"/>
      <c r="W5936" s="99"/>
      <c r="X5936" s="99"/>
      <c r="Y5936" s="99"/>
      <c r="Z5936" s="99"/>
      <c r="AA5936" s="99"/>
      <c r="AB5936" s="99"/>
      <c r="AC5936" s="99"/>
      <c r="AD5936" s="99"/>
      <c r="AE5936" s="99"/>
      <c r="AF5936" s="99"/>
      <c r="AG5936" s="99"/>
      <c r="AH5936" s="99"/>
      <c r="AI5936" s="99"/>
      <c r="AJ5936" s="99"/>
      <c r="AK5936" s="99"/>
      <c r="AL5936" s="99"/>
      <c r="AM5936" s="99"/>
      <c r="AN5936" s="99"/>
      <c r="AO5936" s="99"/>
      <c r="AP5936" s="99"/>
      <c r="AQ5936" s="99"/>
      <c r="AR5936" s="99"/>
      <c r="AS5936" s="99"/>
      <c r="AT5936" s="99"/>
      <c r="AU5936" s="99"/>
      <c r="AV5936" s="99"/>
      <c r="AW5936" s="99"/>
      <c r="AX5936" s="99"/>
      <c r="AY5936" s="99"/>
      <c r="AZ5936" s="99"/>
      <c r="BA5936" s="99"/>
      <c r="BB5936" s="107">
        <v>45884</v>
      </c>
    </row>
    <row r="5937" spans="1:54" s="8" customFormat="1" ht="13.95" customHeight="1" x14ac:dyDescent="0.25">
      <c r="A5937" s="219" t="s">
        <v>13891</v>
      </c>
      <c r="B5937" s="220" t="s">
        <v>13310</v>
      </c>
      <c r="C5937" s="98" t="s">
        <v>13892</v>
      </c>
      <c r="D5937" s="144" t="s">
        <v>13893</v>
      </c>
      <c r="E5937" s="141">
        <v>1984</v>
      </c>
      <c r="F5937" s="141">
        <v>2398</v>
      </c>
      <c r="G5937" s="144" t="s">
        <v>1</v>
      </c>
      <c r="H5937" s="98">
        <v>0</v>
      </c>
      <c r="I5937" s="98">
        <v>0</v>
      </c>
      <c r="J5937" s="98">
        <v>1</v>
      </c>
      <c r="K5937" s="149" t="s">
        <v>400</v>
      </c>
      <c r="L5937" s="149" t="s">
        <v>400</v>
      </c>
      <c r="M5937" s="149" t="s">
        <v>400</v>
      </c>
      <c r="N5937" s="149" t="s">
        <v>400</v>
      </c>
      <c r="O5937" s="149" t="s">
        <v>400</v>
      </c>
      <c r="P5937" s="149" t="s">
        <v>400</v>
      </c>
      <c r="Q5937" s="149" t="s">
        <v>400</v>
      </c>
      <c r="R5937" s="149" t="s">
        <v>400</v>
      </c>
      <c r="S5937" s="149" t="s">
        <v>400</v>
      </c>
      <c r="T5937" s="149" t="s">
        <v>400</v>
      </c>
      <c r="U5937" s="99"/>
      <c r="V5937" s="99"/>
      <c r="W5937" s="99"/>
      <c r="X5937" s="99"/>
      <c r="Y5937" s="99"/>
      <c r="Z5937" s="99"/>
      <c r="AA5937" s="99"/>
      <c r="AB5937" s="99"/>
      <c r="AC5937" s="99"/>
      <c r="AD5937" s="99"/>
      <c r="AE5937" s="99"/>
      <c r="AF5937" s="99"/>
      <c r="AG5937" s="99"/>
      <c r="AH5937" s="99"/>
      <c r="AI5937" s="99"/>
      <c r="AJ5937" s="99"/>
      <c r="AK5937" s="99"/>
      <c r="AL5937" s="99"/>
      <c r="AM5937" s="99"/>
      <c r="AN5937" s="99"/>
      <c r="AO5937" s="99"/>
      <c r="AP5937" s="99"/>
      <c r="AQ5937" s="99"/>
      <c r="AR5937" s="99"/>
      <c r="AS5937" s="99"/>
      <c r="AT5937" s="99"/>
      <c r="AU5937" s="99"/>
      <c r="AV5937" s="99"/>
      <c r="AW5937" s="99"/>
      <c r="AX5937" s="99"/>
      <c r="AY5937" s="99"/>
      <c r="AZ5937" s="99"/>
      <c r="BA5937" s="99"/>
      <c r="BB5937" s="107">
        <v>45884</v>
      </c>
    </row>
    <row r="5938" spans="1:54" s="8" customFormat="1" ht="13.95" customHeight="1" x14ac:dyDescent="0.25">
      <c r="A5938" s="219" t="s">
        <v>13894</v>
      </c>
      <c r="B5938" s="220" t="s">
        <v>13310</v>
      </c>
      <c r="C5938" s="98" t="s">
        <v>13895</v>
      </c>
      <c r="D5938" s="144" t="s">
        <v>13896</v>
      </c>
      <c r="E5938" s="141">
        <v>1976</v>
      </c>
      <c r="F5938" s="141">
        <v>2403</v>
      </c>
      <c r="G5938" s="144" t="s">
        <v>1</v>
      </c>
      <c r="H5938" s="98">
        <v>0</v>
      </c>
      <c r="I5938" s="98">
        <v>0</v>
      </c>
      <c r="J5938" s="98">
        <v>1</v>
      </c>
      <c r="K5938" s="149" t="s">
        <v>400</v>
      </c>
      <c r="L5938" s="149" t="s">
        <v>400</v>
      </c>
      <c r="M5938" s="149" t="s">
        <v>400</v>
      </c>
      <c r="N5938" s="149" t="s">
        <v>400</v>
      </c>
      <c r="O5938" s="149" t="s">
        <v>400</v>
      </c>
      <c r="P5938" s="149" t="s">
        <v>400</v>
      </c>
      <c r="Q5938" s="149" t="s">
        <v>400</v>
      </c>
      <c r="R5938" s="149" t="s">
        <v>400</v>
      </c>
      <c r="S5938" s="149" t="s">
        <v>400</v>
      </c>
      <c r="T5938" s="149" t="s">
        <v>400</v>
      </c>
      <c r="U5938" s="99"/>
      <c r="V5938" s="99"/>
      <c r="W5938" s="99"/>
      <c r="X5938" s="99"/>
      <c r="Y5938" s="99"/>
      <c r="Z5938" s="99"/>
      <c r="AA5938" s="99"/>
      <c r="AB5938" s="99"/>
      <c r="AC5938" s="99"/>
      <c r="AD5938" s="99"/>
      <c r="AE5938" s="99"/>
      <c r="AF5938" s="99"/>
      <c r="AG5938" s="99"/>
      <c r="AH5938" s="99"/>
      <c r="AI5938" s="99"/>
      <c r="AJ5938" s="99"/>
      <c r="AK5938" s="99"/>
      <c r="AL5938" s="99"/>
      <c r="AM5938" s="99"/>
      <c r="AN5938" s="99"/>
      <c r="AO5938" s="99"/>
      <c r="AP5938" s="99"/>
      <c r="AQ5938" s="99"/>
      <c r="AR5938" s="99"/>
      <c r="AS5938" s="99"/>
      <c r="AT5938" s="99"/>
      <c r="AU5938" s="99"/>
      <c r="AV5938" s="99"/>
      <c r="AW5938" s="99"/>
      <c r="AX5938" s="99"/>
      <c r="AY5938" s="99"/>
      <c r="AZ5938" s="99"/>
      <c r="BA5938" s="99"/>
      <c r="BB5938" s="107">
        <v>45884</v>
      </c>
    </row>
    <row r="5939" spans="1:54" s="8" customFormat="1" ht="13.95" customHeight="1" x14ac:dyDescent="0.25">
      <c r="A5939" s="219" t="s">
        <v>13897</v>
      </c>
      <c r="B5939" s="220" t="s">
        <v>13310</v>
      </c>
      <c r="C5939" s="98" t="s">
        <v>13898</v>
      </c>
      <c r="D5939" s="144" t="s">
        <v>13899</v>
      </c>
      <c r="E5939" s="141">
        <v>1996</v>
      </c>
      <c r="F5939" s="141">
        <v>2407</v>
      </c>
      <c r="G5939" s="144" t="s">
        <v>1</v>
      </c>
      <c r="H5939" s="98">
        <v>0</v>
      </c>
      <c r="I5939" s="98">
        <v>0</v>
      </c>
      <c r="J5939" s="98">
        <v>1</v>
      </c>
      <c r="K5939" s="149" t="s">
        <v>400</v>
      </c>
      <c r="L5939" s="149" t="s">
        <v>400</v>
      </c>
      <c r="M5939" s="149" t="s">
        <v>400</v>
      </c>
      <c r="N5939" s="149" t="s">
        <v>400</v>
      </c>
      <c r="O5939" s="149" t="s">
        <v>400</v>
      </c>
      <c r="P5939" s="149" t="s">
        <v>400</v>
      </c>
      <c r="Q5939" s="149" t="s">
        <v>400</v>
      </c>
      <c r="R5939" s="149" t="s">
        <v>400</v>
      </c>
      <c r="S5939" s="149" t="s">
        <v>400</v>
      </c>
      <c r="T5939" s="149" t="s">
        <v>400</v>
      </c>
      <c r="U5939" s="99"/>
      <c r="V5939" s="99"/>
      <c r="W5939" s="99"/>
      <c r="X5939" s="99"/>
      <c r="Y5939" s="99"/>
      <c r="Z5939" s="99"/>
      <c r="AA5939" s="99"/>
      <c r="AB5939" s="99"/>
      <c r="AC5939" s="99"/>
      <c r="AD5939" s="99"/>
      <c r="AE5939" s="99"/>
      <c r="AF5939" s="99"/>
      <c r="AG5939" s="99"/>
      <c r="AH5939" s="99"/>
      <c r="AI5939" s="99"/>
      <c r="AJ5939" s="99"/>
      <c r="AK5939" s="99"/>
      <c r="AL5939" s="99"/>
      <c r="AM5939" s="99"/>
      <c r="AN5939" s="99"/>
      <c r="AO5939" s="99"/>
      <c r="AP5939" s="99"/>
      <c r="AQ5939" s="99"/>
      <c r="AR5939" s="99"/>
      <c r="AS5939" s="99"/>
      <c r="AT5939" s="99"/>
      <c r="AU5939" s="99"/>
      <c r="AV5939" s="99"/>
      <c r="AW5939" s="99"/>
      <c r="AX5939" s="99"/>
      <c r="AY5939" s="99"/>
      <c r="AZ5939" s="99"/>
      <c r="BA5939" s="99"/>
      <c r="BB5939" s="107">
        <v>45884</v>
      </c>
    </row>
    <row r="5940" spans="1:54" s="8" customFormat="1" ht="13.95" customHeight="1" x14ac:dyDescent="0.25">
      <c r="A5940" s="219" t="s">
        <v>13900</v>
      </c>
      <c r="B5940" s="220" t="s">
        <v>13310</v>
      </c>
      <c r="C5940" s="98" t="s">
        <v>13901</v>
      </c>
      <c r="D5940" s="144" t="s">
        <v>13622</v>
      </c>
      <c r="E5940" s="141">
        <v>2014</v>
      </c>
      <c r="F5940" s="141">
        <v>2410</v>
      </c>
      <c r="G5940" s="144" t="s">
        <v>1</v>
      </c>
      <c r="H5940" s="98">
        <v>0</v>
      </c>
      <c r="I5940" s="98">
        <v>0</v>
      </c>
      <c r="J5940" s="98">
        <v>1</v>
      </c>
      <c r="K5940" s="149" t="s">
        <v>400</v>
      </c>
      <c r="L5940" s="149" t="s">
        <v>400</v>
      </c>
      <c r="M5940" s="149" t="s">
        <v>400</v>
      </c>
      <c r="N5940" s="149" t="s">
        <v>400</v>
      </c>
      <c r="O5940" s="149" t="s">
        <v>400</v>
      </c>
      <c r="P5940" s="149" t="s">
        <v>400</v>
      </c>
      <c r="Q5940" s="149" t="s">
        <v>400</v>
      </c>
      <c r="R5940" s="149" t="s">
        <v>400</v>
      </c>
      <c r="S5940" s="149" t="s">
        <v>400</v>
      </c>
      <c r="T5940" s="149" t="s">
        <v>400</v>
      </c>
      <c r="U5940" s="99"/>
      <c r="V5940" s="99"/>
      <c r="W5940" s="99"/>
      <c r="X5940" s="99"/>
      <c r="Y5940" s="99"/>
      <c r="Z5940" s="99"/>
      <c r="AA5940" s="99"/>
      <c r="AB5940" s="99"/>
      <c r="AC5940" s="99"/>
      <c r="AD5940" s="99"/>
      <c r="AE5940" s="99"/>
      <c r="AF5940" s="99"/>
      <c r="AG5940" s="99"/>
      <c r="AH5940" s="99"/>
      <c r="AI5940" s="99"/>
      <c r="AJ5940" s="99"/>
      <c r="AK5940" s="99"/>
      <c r="AL5940" s="99"/>
      <c r="AM5940" s="99"/>
      <c r="AN5940" s="99"/>
      <c r="AO5940" s="99"/>
      <c r="AP5940" s="99"/>
      <c r="AQ5940" s="99"/>
      <c r="AR5940" s="99"/>
      <c r="AS5940" s="99"/>
      <c r="AT5940" s="99"/>
      <c r="AU5940" s="99"/>
      <c r="AV5940" s="99"/>
      <c r="AW5940" s="99"/>
      <c r="AX5940" s="99"/>
      <c r="AY5940" s="99"/>
      <c r="AZ5940" s="99"/>
      <c r="BA5940" s="99"/>
      <c r="BB5940" s="107">
        <v>45884</v>
      </c>
    </row>
    <row r="5941" spans="1:54" s="8" customFormat="1" ht="13.95" customHeight="1" x14ac:dyDescent="0.25">
      <c r="A5941" s="219" t="s">
        <v>13902</v>
      </c>
      <c r="B5941" s="220" t="s">
        <v>13310</v>
      </c>
      <c r="C5941" s="98" t="s">
        <v>13903</v>
      </c>
      <c r="D5941" s="144" t="s">
        <v>13904</v>
      </c>
      <c r="E5941" s="141">
        <v>1970</v>
      </c>
      <c r="F5941" s="141">
        <v>2428</v>
      </c>
      <c r="G5941" s="144" t="s">
        <v>1</v>
      </c>
      <c r="H5941" s="98">
        <v>0</v>
      </c>
      <c r="I5941" s="98">
        <v>0</v>
      </c>
      <c r="J5941" s="98">
        <v>1</v>
      </c>
      <c r="K5941" s="149" t="s">
        <v>400</v>
      </c>
      <c r="L5941" s="149" t="s">
        <v>400</v>
      </c>
      <c r="M5941" s="149" t="s">
        <v>400</v>
      </c>
      <c r="N5941" s="149" t="s">
        <v>400</v>
      </c>
      <c r="O5941" s="149" t="s">
        <v>400</v>
      </c>
      <c r="P5941" s="149" t="s">
        <v>400</v>
      </c>
      <c r="Q5941" s="149" t="s">
        <v>400</v>
      </c>
      <c r="R5941" s="149" t="s">
        <v>400</v>
      </c>
      <c r="S5941" s="149" t="s">
        <v>400</v>
      </c>
      <c r="T5941" s="149" t="s">
        <v>400</v>
      </c>
      <c r="U5941" s="99"/>
      <c r="V5941" s="99"/>
      <c r="W5941" s="99"/>
      <c r="X5941" s="99"/>
      <c r="Y5941" s="99"/>
      <c r="Z5941" s="99"/>
      <c r="AA5941" s="99"/>
      <c r="AB5941" s="99"/>
      <c r="AC5941" s="99"/>
      <c r="AD5941" s="99"/>
      <c r="AE5941" s="99"/>
      <c r="AF5941" s="99"/>
      <c r="AG5941" s="99"/>
      <c r="AH5941" s="99"/>
      <c r="AI5941" s="99"/>
      <c r="AJ5941" s="99"/>
      <c r="AK5941" s="99"/>
      <c r="AL5941" s="99"/>
      <c r="AM5941" s="99"/>
      <c r="AN5941" s="99"/>
      <c r="AO5941" s="99"/>
      <c r="AP5941" s="99"/>
      <c r="AQ5941" s="99"/>
      <c r="AR5941" s="99"/>
      <c r="AS5941" s="99"/>
      <c r="AT5941" s="99"/>
      <c r="AU5941" s="99"/>
      <c r="AV5941" s="99"/>
      <c r="AW5941" s="99"/>
      <c r="AX5941" s="99"/>
      <c r="AY5941" s="99"/>
      <c r="AZ5941" s="99"/>
      <c r="BA5941" s="99"/>
      <c r="BB5941" s="107">
        <v>45884</v>
      </c>
    </row>
    <row r="5942" spans="1:54" s="8" customFormat="1" ht="13.95" customHeight="1" x14ac:dyDescent="0.25">
      <c r="A5942" s="219" t="s">
        <v>13905</v>
      </c>
      <c r="B5942" s="220" t="s">
        <v>13310</v>
      </c>
      <c r="C5942" s="98" t="s">
        <v>13906</v>
      </c>
      <c r="D5942" s="144" t="s">
        <v>13907</v>
      </c>
      <c r="E5942" s="141">
        <v>1983</v>
      </c>
      <c r="F5942" s="141">
        <v>2440</v>
      </c>
      <c r="G5942" s="144" t="s">
        <v>1</v>
      </c>
      <c r="H5942" s="98">
        <v>0</v>
      </c>
      <c r="I5942" s="98">
        <v>0</v>
      </c>
      <c r="J5942" s="98">
        <v>1</v>
      </c>
      <c r="K5942" s="149" t="s">
        <v>400</v>
      </c>
      <c r="L5942" s="149" t="s">
        <v>400</v>
      </c>
      <c r="M5942" s="149" t="s">
        <v>400</v>
      </c>
      <c r="N5942" s="149" t="s">
        <v>400</v>
      </c>
      <c r="O5942" s="149" t="s">
        <v>400</v>
      </c>
      <c r="P5942" s="149" t="s">
        <v>400</v>
      </c>
      <c r="Q5942" s="149" t="s">
        <v>400</v>
      </c>
      <c r="R5942" s="149" t="s">
        <v>400</v>
      </c>
      <c r="S5942" s="149" t="s">
        <v>400</v>
      </c>
      <c r="T5942" s="149" t="s">
        <v>400</v>
      </c>
      <c r="U5942" s="99"/>
      <c r="V5942" s="99"/>
      <c r="W5942" s="99"/>
      <c r="X5942" s="99"/>
      <c r="Y5942" s="99"/>
      <c r="Z5942" s="99"/>
      <c r="AA5942" s="99"/>
      <c r="AB5942" s="99"/>
      <c r="AC5942" s="99"/>
      <c r="AD5942" s="99"/>
      <c r="AE5942" s="99"/>
      <c r="AF5942" s="99"/>
      <c r="AG5942" s="99"/>
      <c r="AH5942" s="99"/>
      <c r="AI5942" s="99"/>
      <c r="AJ5942" s="99"/>
      <c r="AK5942" s="99"/>
      <c r="AL5942" s="99"/>
      <c r="AM5942" s="99"/>
      <c r="AN5942" s="99"/>
      <c r="AO5942" s="99"/>
      <c r="AP5942" s="99"/>
      <c r="AQ5942" s="99"/>
      <c r="AR5942" s="99"/>
      <c r="AS5942" s="99"/>
      <c r="AT5942" s="99"/>
      <c r="AU5942" s="99"/>
      <c r="AV5942" s="99"/>
      <c r="AW5942" s="99"/>
      <c r="AX5942" s="99"/>
      <c r="AY5942" s="99"/>
      <c r="AZ5942" s="99"/>
      <c r="BA5942" s="99"/>
      <c r="BB5942" s="107">
        <v>45884</v>
      </c>
    </row>
    <row r="5943" spans="1:54" s="8" customFormat="1" ht="13.95" customHeight="1" x14ac:dyDescent="0.25">
      <c r="A5943" s="219" t="s">
        <v>13908</v>
      </c>
      <c r="B5943" s="220" t="s">
        <v>13310</v>
      </c>
      <c r="C5943" s="98" t="s">
        <v>13909</v>
      </c>
      <c r="D5943" s="144" t="s">
        <v>13910</v>
      </c>
      <c r="E5943" s="141">
        <v>1985</v>
      </c>
      <c r="F5943" s="141">
        <v>2454</v>
      </c>
      <c r="G5943" s="144" t="s">
        <v>1</v>
      </c>
      <c r="H5943" s="98">
        <v>0</v>
      </c>
      <c r="I5943" s="98">
        <v>0</v>
      </c>
      <c r="J5943" s="98">
        <v>1</v>
      </c>
      <c r="K5943" s="149" t="s">
        <v>400</v>
      </c>
      <c r="L5943" s="149" t="s">
        <v>400</v>
      </c>
      <c r="M5943" s="149" t="s">
        <v>400</v>
      </c>
      <c r="N5943" s="149" t="s">
        <v>400</v>
      </c>
      <c r="O5943" s="149" t="s">
        <v>400</v>
      </c>
      <c r="P5943" s="149" t="s">
        <v>400</v>
      </c>
      <c r="Q5943" s="149" t="s">
        <v>400</v>
      </c>
      <c r="R5943" s="149" t="s">
        <v>400</v>
      </c>
      <c r="S5943" s="149" t="s">
        <v>400</v>
      </c>
      <c r="T5943" s="149" t="s">
        <v>400</v>
      </c>
      <c r="U5943" s="99"/>
      <c r="V5943" s="99"/>
      <c r="W5943" s="99"/>
      <c r="X5943" s="99"/>
      <c r="Y5943" s="99"/>
      <c r="Z5943" s="99"/>
      <c r="AA5943" s="99"/>
      <c r="AB5943" s="99"/>
      <c r="AC5943" s="99"/>
      <c r="AD5943" s="99"/>
      <c r="AE5943" s="99"/>
      <c r="AF5943" s="99"/>
      <c r="AG5943" s="99"/>
      <c r="AH5943" s="99"/>
      <c r="AI5943" s="99"/>
      <c r="AJ5943" s="99"/>
      <c r="AK5943" s="99"/>
      <c r="AL5943" s="99"/>
      <c r="AM5943" s="99"/>
      <c r="AN5943" s="99"/>
      <c r="AO5943" s="99"/>
      <c r="AP5943" s="99"/>
      <c r="AQ5943" s="99"/>
      <c r="AR5943" s="99"/>
      <c r="AS5943" s="99"/>
      <c r="AT5943" s="99"/>
      <c r="AU5943" s="99"/>
      <c r="AV5943" s="99"/>
      <c r="AW5943" s="99"/>
      <c r="AX5943" s="99"/>
      <c r="AY5943" s="99"/>
      <c r="AZ5943" s="99"/>
      <c r="BA5943" s="99"/>
      <c r="BB5943" s="107">
        <v>45884</v>
      </c>
    </row>
    <row r="5944" spans="1:54" s="8" customFormat="1" ht="13.95" customHeight="1" x14ac:dyDescent="0.25">
      <c r="A5944" s="219" t="s">
        <v>13911</v>
      </c>
      <c r="B5944" s="220" t="s">
        <v>13310</v>
      </c>
      <c r="C5944" s="98" t="s">
        <v>13912</v>
      </c>
      <c r="D5944" s="144" t="s">
        <v>13913</v>
      </c>
      <c r="E5944" s="141">
        <v>1988</v>
      </c>
      <c r="F5944" s="141">
        <v>2460</v>
      </c>
      <c r="G5944" s="144" t="s">
        <v>1</v>
      </c>
      <c r="H5944" s="98">
        <v>0</v>
      </c>
      <c r="I5944" s="98">
        <v>0</v>
      </c>
      <c r="J5944" s="98">
        <v>1</v>
      </c>
      <c r="K5944" s="149" t="s">
        <v>400</v>
      </c>
      <c r="L5944" s="149" t="s">
        <v>400</v>
      </c>
      <c r="M5944" s="149" t="s">
        <v>400</v>
      </c>
      <c r="N5944" s="149" t="s">
        <v>400</v>
      </c>
      <c r="O5944" s="149" t="s">
        <v>400</v>
      </c>
      <c r="P5944" s="149" t="s">
        <v>400</v>
      </c>
      <c r="Q5944" s="149" t="s">
        <v>400</v>
      </c>
      <c r="R5944" s="149" t="s">
        <v>400</v>
      </c>
      <c r="S5944" s="149" t="s">
        <v>400</v>
      </c>
      <c r="T5944" s="149" t="s">
        <v>400</v>
      </c>
      <c r="U5944" s="99"/>
      <c r="V5944" s="99"/>
      <c r="W5944" s="99"/>
      <c r="X5944" s="99"/>
      <c r="Y5944" s="99"/>
      <c r="Z5944" s="99"/>
      <c r="AA5944" s="99"/>
      <c r="AB5944" s="99"/>
      <c r="AC5944" s="99"/>
      <c r="AD5944" s="99"/>
      <c r="AE5944" s="99"/>
      <c r="AF5944" s="99"/>
      <c r="AG5944" s="99"/>
      <c r="AH5944" s="99"/>
      <c r="AI5944" s="99"/>
      <c r="AJ5944" s="99"/>
      <c r="AK5944" s="99"/>
      <c r="AL5944" s="99"/>
      <c r="AM5944" s="99"/>
      <c r="AN5944" s="99"/>
      <c r="AO5944" s="99"/>
      <c r="AP5944" s="99"/>
      <c r="AQ5944" s="99"/>
      <c r="AR5944" s="99"/>
      <c r="AS5944" s="99"/>
      <c r="AT5944" s="99"/>
      <c r="AU5944" s="99"/>
      <c r="AV5944" s="99"/>
      <c r="AW5944" s="99"/>
      <c r="AX5944" s="99"/>
      <c r="AY5944" s="99"/>
      <c r="AZ5944" s="99"/>
      <c r="BA5944" s="99"/>
      <c r="BB5944" s="107">
        <v>45884</v>
      </c>
    </row>
    <row r="5945" spans="1:54" s="8" customFormat="1" ht="13.95" customHeight="1" x14ac:dyDescent="0.25">
      <c r="A5945" s="219" t="s">
        <v>13914</v>
      </c>
      <c r="B5945" s="220" t="s">
        <v>13310</v>
      </c>
      <c r="C5945" s="98" t="s">
        <v>13915</v>
      </c>
      <c r="D5945" s="144" t="s">
        <v>13916</v>
      </c>
      <c r="E5945" s="141">
        <v>2002</v>
      </c>
      <c r="F5945" s="141">
        <v>2494</v>
      </c>
      <c r="G5945" s="144" t="s">
        <v>1</v>
      </c>
      <c r="H5945" s="98">
        <v>0</v>
      </c>
      <c r="I5945" s="98">
        <v>0</v>
      </c>
      <c r="J5945" s="98">
        <v>1</v>
      </c>
      <c r="K5945" s="149" t="s">
        <v>400</v>
      </c>
      <c r="L5945" s="149" t="s">
        <v>400</v>
      </c>
      <c r="M5945" s="149" t="s">
        <v>400</v>
      </c>
      <c r="N5945" s="149" t="s">
        <v>400</v>
      </c>
      <c r="O5945" s="149" t="s">
        <v>400</v>
      </c>
      <c r="P5945" s="149" t="s">
        <v>400</v>
      </c>
      <c r="Q5945" s="149" t="s">
        <v>400</v>
      </c>
      <c r="R5945" s="149" t="s">
        <v>400</v>
      </c>
      <c r="S5945" s="149" t="s">
        <v>400</v>
      </c>
      <c r="T5945" s="149" t="s">
        <v>400</v>
      </c>
      <c r="U5945" s="99"/>
      <c r="V5945" s="99"/>
      <c r="W5945" s="99"/>
      <c r="X5945" s="99"/>
      <c r="Y5945" s="99"/>
      <c r="Z5945" s="99"/>
      <c r="AA5945" s="99"/>
      <c r="AB5945" s="99"/>
      <c r="AC5945" s="99"/>
      <c r="AD5945" s="99"/>
      <c r="AE5945" s="99"/>
      <c r="AF5945" s="99"/>
      <c r="AG5945" s="99"/>
      <c r="AH5945" s="99"/>
      <c r="AI5945" s="99"/>
      <c r="AJ5945" s="99"/>
      <c r="AK5945" s="99"/>
      <c r="AL5945" s="99"/>
      <c r="AM5945" s="99"/>
      <c r="AN5945" s="99"/>
      <c r="AO5945" s="99"/>
      <c r="AP5945" s="99"/>
      <c r="AQ5945" s="99"/>
      <c r="AR5945" s="99"/>
      <c r="AS5945" s="99"/>
      <c r="AT5945" s="99"/>
      <c r="AU5945" s="99"/>
      <c r="AV5945" s="99"/>
      <c r="AW5945" s="99"/>
      <c r="AX5945" s="99"/>
      <c r="AY5945" s="99"/>
      <c r="AZ5945" s="99"/>
      <c r="BA5945" s="99"/>
      <c r="BB5945" s="107">
        <v>45884</v>
      </c>
    </row>
    <row r="5946" spans="1:54" s="8" customFormat="1" ht="13.95" customHeight="1" x14ac:dyDescent="0.25">
      <c r="A5946" s="219" t="s">
        <v>13917</v>
      </c>
      <c r="B5946" s="220" t="s">
        <v>13310</v>
      </c>
      <c r="C5946" s="98" t="s">
        <v>13918</v>
      </c>
      <c r="D5946" s="144" t="s">
        <v>13919</v>
      </c>
      <c r="E5946" s="141">
        <v>2014</v>
      </c>
      <c r="F5946" s="141">
        <v>2549</v>
      </c>
      <c r="G5946" s="144" t="s">
        <v>1</v>
      </c>
      <c r="H5946" s="98">
        <v>0</v>
      </c>
      <c r="I5946" s="98">
        <v>0</v>
      </c>
      <c r="J5946" s="98">
        <v>1</v>
      </c>
      <c r="K5946" s="149" t="s">
        <v>400</v>
      </c>
      <c r="L5946" s="149" t="s">
        <v>400</v>
      </c>
      <c r="M5946" s="149" t="s">
        <v>400</v>
      </c>
      <c r="N5946" s="149" t="s">
        <v>400</v>
      </c>
      <c r="O5946" s="149" t="s">
        <v>400</v>
      </c>
      <c r="P5946" s="149" t="s">
        <v>400</v>
      </c>
      <c r="Q5946" s="149" t="s">
        <v>400</v>
      </c>
      <c r="R5946" s="149" t="s">
        <v>400</v>
      </c>
      <c r="S5946" s="149" t="s">
        <v>400</v>
      </c>
      <c r="T5946" s="149" t="s">
        <v>400</v>
      </c>
      <c r="U5946" s="99"/>
      <c r="V5946" s="99"/>
      <c r="W5946" s="99"/>
      <c r="X5946" s="99"/>
      <c r="Y5946" s="99"/>
      <c r="Z5946" s="99"/>
      <c r="AA5946" s="99"/>
      <c r="AB5946" s="99"/>
      <c r="AC5946" s="99"/>
      <c r="AD5946" s="99"/>
      <c r="AE5946" s="99"/>
      <c r="AF5946" s="99"/>
      <c r="AG5946" s="99"/>
      <c r="AH5946" s="99"/>
      <c r="AI5946" s="99"/>
      <c r="AJ5946" s="99"/>
      <c r="AK5946" s="99"/>
      <c r="AL5946" s="99"/>
      <c r="AM5946" s="99"/>
      <c r="AN5946" s="99"/>
      <c r="AO5946" s="99"/>
      <c r="AP5946" s="99"/>
      <c r="AQ5946" s="99"/>
      <c r="AR5946" s="99"/>
      <c r="AS5946" s="99"/>
      <c r="AT5946" s="99"/>
      <c r="AU5946" s="99"/>
      <c r="AV5946" s="99"/>
      <c r="AW5946" s="99"/>
      <c r="AX5946" s="99"/>
      <c r="AY5946" s="99"/>
      <c r="AZ5946" s="99"/>
      <c r="BA5946" s="99"/>
      <c r="BB5946" s="107">
        <v>45884</v>
      </c>
    </row>
    <row r="5947" spans="1:54" s="8" customFormat="1" ht="13.95" customHeight="1" x14ac:dyDescent="0.25">
      <c r="A5947" s="219" t="s">
        <v>13920</v>
      </c>
      <c r="B5947" s="220" t="s">
        <v>13310</v>
      </c>
      <c r="C5947" s="98" t="s">
        <v>13921</v>
      </c>
      <c r="D5947" s="144" t="s">
        <v>13922</v>
      </c>
      <c r="E5947" s="141">
        <v>1977</v>
      </c>
      <c r="F5947" s="141">
        <v>2527</v>
      </c>
      <c r="G5947" s="144" t="s">
        <v>1</v>
      </c>
      <c r="H5947" s="98">
        <v>0</v>
      </c>
      <c r="I5947" s="98">
        <v>0</v>
      </c>
      <c r="J5947" s="98">
        <v>1</v>
      </c>
      <c r="K5947" s="149" t="s">
        <v>400</v>
      </c>
      <c r="L5947" s="149" t="s">
        <v>400</v>
      </c>
      <c r="M5947" s="149" t="s">
        <v>400</v>
      </c>
      <c r="N5947" s="149" t="s">
        <v>400</v>
      </c>
      <c r="O5947" s="149" t="s">
        <v>400</v>
      </c>
      <c r="P5947" s="149" t="s">
        <v>400</v>
      </c>
      <c r="Q5947" s="149" t="s">
        <v>400</v>
      </c>
      <c r="R5947" s="149" t="s">
        <v>400</v>
      </c>
      <c r="S5947" s="149" t="s">
        <v>400</v>
      </c>
      <c r="T5947" s="149" t="s">
        <v>400</v>
      </c>
      <c r="U5947" s="99"/>
      <c r="V5947" s="99"/>
      <c r="W5947" s="99"/>
      <c r="X5947" s="99"/>
      <c r="Y5947" s="99"/>
      <c r="Z5947" s="99"/>
      <c r="AA5947" s="99"/>
      <c r="AB5947" s="99"/>
      <c r="AC5947" s="99"/>
      <c r="AD5947" s="99"/>
      <c r="AE5947" s="99"/>
      <c r="AF5947" s="99"/>
      <c r="AG5947" s="99"/>
      <c r="AH5947" s="99"/>
      <c r="AI5947" s="99"/>
      <c r="AJ5947" s="99"/>
      <c r="AK5947" s="99"/>
      <c r="AL5947" s="99"/>
      <c r="AM5947" s="99"/>
      <c r="AN5947" s="99"/>
      <c r="AO5947" s="99"/>
      <c r="AP5947" s="99"/>
      <c r="AQ5947" s="99"/>
      <c r="AR5947" s="99"/>
      <c r="AS5947" s="99"/>
      <c r="AT5947" s="99"/>
      <c r="AU5947" s="99"/>
      <c r="AV5947" s="99"/>
      <c r="AW5947" s="99"/>
      <c r="AX5947" s="99"/>
      <c r="AY5947" s="99"/>
      <c r="AZ5947" s="99"/>
      <c r="BA5947" s="99"/>
      <c r="BB5947" s="107">
        <v>45884</v>
      </c>
    </row>
    <row r="5948" spans="1:54" s="8" customFormat="1" ht="13.95" customHeight="1" x14ac:dyDescent="0.25">
      <c r="A5948" s="219" t="s">
        <v>13923</v>
      </c>
      <c r="B5948" s="220" t="s">
        <v>13310</v>
      </c>
      <c r="C5948" s="98" t="s">
        <v>13924</v>
      </c>
      <c r="D5948" s="144" t="s">
        <v>13925</v>
      </c>
      <c r="E5948" s="141">
        <v>2007</v>
      </c>
      <c r="F5948" s="141">
        <v>2534</v>
      </c>
      <c r="G5948" s="144" t="s">
        <v>1</v>
      </c>
      <c r="H5948" s="98">
        <v>0</v>
      </c>
      <c r="I5948" s="98">
        <v>0</v>
      </c>
      <c r="J5948" s="98">
        <v>1</v>
      </c>
      <c r="K5948" s="149" t="s">
        <v>400</v>
      </c>
      <c r="L5948" s="149" t="s">
        <v>400</v>
      </c>
      <c r="M5948" s="149" t="s">
        <v>400</v>
      </c>
      <c r="N5948" s="149" t="s">
        <v>400</v>
      </c>
      <c r="O5948" s="149" t="s">
        <v>400</v>
      </c>
      <c r="P5948" s="149" t="s">
        <v>400</v>
      </c>
      <c r="Q5948" s="149" t="s">
        <v>400</v>
      </c>
      <c r="R5948" s="149" t="s">
        <v>400</v>
      </c>
      <c r="S5948" s="149" t="s">
        <v>400</v>
      </c>
      <c r="T5948" s="149" t="s">
        <v>400</v>
      </c>
      <c r="U5948" s="99"/>
      <c r="V5948" s="99"/>
      <c r="W5948" s="99"/>
      <c r="X5948" s="99"/>
      <c r="Y5948" s="99"/>
      <c r="Z5948" s="99"/>
      <c r="AA5948" s="99"/>
      <c r="AB5948" s="99"/>
      <c r="AC5948" s="99"/>
      <c r="AD5948" s="99"/>
      <c r="AE5948" s="99"/>
      <c r="AF5948" s="99"/>
      <c r="AG5948" s="99"/>
      <c r="AH5948" s="99"/>
      <c r="AI5948" s="99"/>
      <c r="AJ5948" s="99"/>
      <c r="AK5948" s="99"/>
      <c r="AL5948" s="99"/>
      <c r="AM5948" s="99"/>
      <c r="AN5948" s="99"/>
      <c r="AO5948" s="99"/>
      <c r="AP5948" s="99"/>
      <c r="AQ5948" s="99"/>
      <c r="AR5948" s="99"/>
      <c r="AS5948" s="99"/>
      <c r="AT5948" s="99"/>
      <c r="AU5948" s="99"/>
      <c r="AV5948" s="99"/>
      <c r="AW5948" s="99"/>
      <c r="AX5948" s="99"/>
      <c r="AY5948" s="99"/>
      <c r="AZ5948" s="99"/>
      <c r="BA5948" s="99"/>
      <c r="BB5948" s="107">
        <v>45884</v>
      </c>
    </row>
    <row r="5949" spans="1:54" s="8" customFormat="1" ht="13.95" customHeight="1" x14ac:dyDescent="0.25">
      <c r="A5949" s="219" t="s">
        <v>13926</v>
      </c>
      <c r="B5949" s="220" t="s">
        <v>13310</v>
      </c>
      <c r="C5949" s="98" t="s">
        <v>13927</v>
      </c>
      <c r="D5949" s="144" t="s">
        <v>13928</v>
      </c>
      <c r="E5949" s="141">
        <v>1998</v>
      </c>
      <c r="F5949" s="141">
        <v>2574</v>
      </c>
      <c r="G5949" s="144" t="s">
        <v>1</v>
      </c>
      <c r="H5949" s="98">
        <v>0</v>
      </c>
      <c r="I5949" s="98">
        <v>0</v>
      </c>
      <c r="J5949" s="98">
        <v>1</v>
      </c>
      <c r="K5949" s="149" t="s">
        <v>400</v>
      </c>
      <c r="L5949" s="149" t="s">
        <v>400</v>
      </c>
      <c r="M5949" s="149" t="s">
        <v>400</v>
      </c>
      <c r="N5949" s="149" t="s">
        <v>400</v>
      </c>
      <c r="O5949" s="149" t="s">
        <v>400</v>
      </c>
      <c r="P5949" s="149" t="s">
        <v>400</v>
      </c>
      <c r="Q5949" s="149" t="s">
        <v>400</v>
      </c>
      <c r="R5949" s="149" t="s">
        <v>400</v>
      </c>
      <c r="S5949" s="149" t="s">
        <v>400</v>
      </c>
      <c r="T5949" s="149" t="s">
        <v>400</v>
      </c>
      <c r="U5949" s="99"/>
      <c r="V5949" s="99"/>
      <c r="W5949" s="99"/>
      <c r="X5949" s="99"/>
      <c r="Y5949" s="99"/>
      <c r="Z5949" s="99"/>
      <c r="AA5949" s="99"/>
      <c r="AB5949" s="99"/>
      <c r="AC5949" s="99"/>
      <c r="AD5949" s="99"/>
      <c r="AE5949" s="99"/>
      <c r="AF5949" s="99"/>
      <c r="AG5949" s="99"/>
      <c r="AH5949" s="99"/>
      <c r="AI5949" s="99"/>
      <c r="AJ5949" s="99"/>
      <c r="AK5949" s="99"/>
      <c r="AL5949" s="99"/>
      <c r="AM5949" s="99"/>
      <c r="AN5949" s="99"/>
      <c r="AO5949" s="99"/>
      <c r="AP5949" s="99"/>
      <c r="AQ5949" s="99"/>
      <c r="AR5949" s="99"/>
      <c r="AS5949" s="99"/>
      <c r="AT5949" s="99"/>
      <c r="AU5949" s="99"/>
      <c r="AV5949" s="99"/>
      <c r="AW5949" s="99"/>
      <c r="AX5949" s="99"/>
      <c r="AY5949" s="99"/>
      <c r="AZ5949" s="99"/>
      <c r="BA5949" s="99"/>
      <c r="BB5949" s="107">
        <v>45884</v>
      </c>
    </row>
    <row r="5950" spans="1:54" s="8" customFormat="1" ht="13.95" customHeight="1" x14ac:dyDescent="0.25">
      <c r="A5950" s="219" t="s">
        <v>13929</v>
      </c>
      <c r="B5950" s="220" t="s">
        <v>13310</v>
      </c>
      <c r="C5950" s="98" t="s">
        <v>13930</v>
      </c>
      <c r="D5950" s="144" t="s">
        <v>13931</v>
      </c>
      <c r="E5950" s="141">
        <v>1988</v>
      </c>
      <c r="F5950" s="141">
        <v>2608</v>
      </c>
      <c r="G5950" s="144" t="s">
        <v>1</v>
      </c>
      <c r="H5950" s="98">
        <v>0</v>
      </c>
      <c r="I5950" s="98">
        <v>0</v>
      </c>
      <c r="J5950" s="98">
        <v>1</v>
      </c>
      <c r="K5950" s="149" t="s">
        <v>400</v>
      </c>
      <c r="L5950" s="149" t="s">
        <v>400</v>
      </c>
      <c r="M5950" s="149" t="s">
        <v>400</v>
      </c>
      <c r="N5950" s="149" t="s">
        <v>400</v>
      </c>
      <c r="O5950" s="149" t="s">
        <v>400</v>
      </c>
      <c r="P5950" s="149" t="s">
        <v>400</v>
      </c>
      <c r="Q5950" s="149" t="s">
        <v>400</v>
      </c>
      <c r="R5950" s="149" t="s">
        <v>400</v>
      </c>
      <c r="S5950" s="149" t="s">
        <v>400</v>
      </c>
      <c r="T5950" s="149" t="s">
        <v>400</v>
      </c>
      <c r="U5950" s="99"/>
      <c r="V5950" s="99"/>
      <c r="W5950" s="99"/>
      <c r="X5950" s="99"/>
      <c r="Y5950" s="99"/>
      <c r="Z5950" s="99"/>
      <c r="AA5950" s="99"/>
      <c r="AB5950" s="99"/>
      <c r="AC5950" s="99"/>
      <c r="AD5950" s="99"/>
      <c r="AE5950" s="99"/>
      <c r="AF5950" s="99"/>
      <c r="AG5950" s="99"/>
      <c r="AH5950" s="99"/>
      <c r="AI5950" s="99"/>
      <c r="AJ5950" s="99"/>
      <c r="AK5950" s="99"/>
      <c r="AL5950" s="99"/>
      <c r="AM5950" s="99"/>
      <c r="AN5950" s="99"/>
      <c r="AO5950" s="99"/>
      <c r="AP5950" s="99"/>
      <c r="AQ5950" s="99"/>
      <c r="AR5950" s="99"/>
      <c r="AS5950" s="99"/>
      <c r="AT5950" s="99"/>
      <c r="AU5950" s="99"/>
      <c r="AV5950" s="99"/>
      <c r="AW5950" s="99"/>
      <c r="AX5950" s="99"/>
      <c r="AY5950" s="99"/>
      <c r="AZ5950" s="99"/>
      <c r="BA5950" s="99"/>
      <c r="BB5950" s="107">
        <v>45884</v>
      </c>
    </row>
    <row r="5951" spans="1:54" s="8" customFormat="1" ht="13.95" customHeight="1" x14ac:dyDescent="0.25">
      <c r="A5951" s="219" t="s">
        <v>13932</v>
      </c>
      <c r="B5951" s="220" t="s">
        <v>13310</v>
      </c>
      <c r="C5951" s="98" t="s">
        <v>2301</v>
      </c>
      <c r="D5951" s="144" t="s">
        <v>13933</v>
      </c>
      <c r="E5951" s="141">
        <v>1992</v>
      </c>
      <c r="F5951" s="141">
        <v>2618</v>
      </c>
      <c r="G5951" s="144" t="s">
        <v>1</v>
      </c>
      <c r="H5951" s="98">
        <v>0</v>
      </c>
      <c r="I5951" s="98">
        <v>0</v>
      </c>
      <c r="J5951" s="98">
        <v>1</v>
      </c>
      <c r="K5951" s="149" t="s">
        <v>400</v>
      </c>
      <c r="L5951" s="149" t="s">
        <v>400</v>
      </c>
      <c r="M5951" s="149" t="s">
        <v>400</v>
      </c>
      <c r="N5951" s="149" t="s">
        <v>400</v>
      </c>
      <c r="O5951" s="149" t="s">
        <v>400</v>
      </c>
      <c r="P5951" s="149" t="s">
        <v>400</v>
      </c>
      <c r="Q5951" s="149" t="s">
        <v>400</v>
      </c>
      <c r="R5951" s="149" t="s">
        <v>400</v>
      </c>
      <c r="S5951" s="149" t="s">
        <v>400</v>
      </c>
      <c r="T5951" s="149" t="s">
        <v>400</v>
      </c>
      <c r="U5951" s="99"/>
      <c r="V5951" s="99"/>
      <c r="W5951" s="99"/>
      <c r="X5951" s="99"/>
      <c r="Y5951" s="99"/>
      <c r="Z5951" s="99"/>
      <c r="AA5951" s="99"/>
      <c r="AB5951" s="99"/>
      <c r="AC5951" s="99"/>
      <c r="AD5951" s="99"/>
      <c r="AE5951" s="99"/>
      <c r="AF5951" s="99"/>
      <c r="AG5951" s="99"/>
      <c r="AH5951" s="99"/>
      <c r="AI5951" s="99"/>
      <c r="AJ5951" s="99"/>
      <c r="AK5951" s="99"/>
      <c r="AL5951" s="99"/>
      <c r="AM5951" s="99"/>
      <c r="AN5951" s="99"/>
      <c r="AO5951" s="99"/>
      <c r="AP5951" s="99"/>
      <c r="AQ5951" s="99"/>
      <c r="AR5951" s="99"/>
      <c r="AS5951" s="99"/>
      <c r="AT5951" s="99"/>
      <c r="AU5951" s="99"/>
      <c r="AV5951" s="99"/>
      <c r="AW5951" s="99"/>
      <c r="AX5951" s="99"/>
      <c r="AY5951" s="99"/>
      <c r="AZ5951" s="99"/>
      <c r="BA5951" s="99"/>
      <c r="BB5951" s="107">
        <v>45884</v>
      </c>
    </row>
    <row r="5952" spans="1:54" s="8" customFormat="1" ht="13.95" customHeight="1" x14ac:dyDescent="0.25">
      <c r="A5952" s="219" t="s">
        <v>13934</v>
      </c>
      <c r="B5952" s="220" t="s">
        <v>13310</v>
      </c>
      <c r="C5952" s="98" t="s">
        <v>13935</v>
      </c>
      <c r="D5952" s="144" t="s">
        <v>13936</v>
      </c>
      <c r="E5952" s="141">
        <v>1964</v>
      </c>
      <c r="F5952" s="141">
        <v>2628</v>
      </c>
      <c r="G5952" s="144" t="s">
        <v>1</v>
      </c>
      <c r="H5952" s="98">
        <v>1</v>
      </c>
      <c r="I5952" s="98">
        <v>1</v>
      </c>
      <c r="J5952" s="98">
        <v>1</v>
      </c>
      <c r="K5952" s="149" t="s">
        <v>400</v>
      </c>
      <c r="L5952" s="149" t="s">
        <v>400</v>
      </c>
      <c r="M5952" s="149" t="s">
        <v>400</v>
      </c>
      <c r="N5952" s="149" t="s">
        <v>400</v>
      </c>
      <c r="O5952" s="149" t="s">
        <v>400</v>
      </c>
      <c r="P5952" s="149" t="s">
        <v>400</v>
      </c>
      <c r="Q5952" s="149" t="s">
        <v>400</v>
      </c>
      <c r="R5952" s="149" t="s">
        <v>400</v>
      </c>
      <c r="S5952" s="149" t="s">
        <v>400</v>
      </c>
      <c r="T5952" s="149" t="s">
        <v>400</v>
      </c>
      <c r="U5952" s="99"/>
      <c r="V5952" s="99"/>
      <c r="W5952" s="99"/>
      <c r="X5952" s="99"/>
      <c r="Y5952" s="99"/>
      <c r="Z5952" s="99"/>
      <c r="AA5952" s="99"/>
      <c r="AB5952" s="99"/>
      <c r="AC5952" s="99"/>
      <c r="AD5952" s="99"/>
      <c r="AE5952" s="99"/>
      <c r="AF5952" s="99"/>
      <c r="AG5952" s="99"/>
      <c r="AH5952" s="99"/>
      <c r="AI5952" s="99"/>
      <c r="AJ5952" s="99"/>
      <c r="AK5952" s="99"/>
      <c r="AL5952" s="99"/>
      <c r="AM5952" s="99"/>
      <c r="AN5952" s="99"/>
      <c r="AO5952" s="99"/>
      <c r="AP5952" s="99"/>
      <c r="AQ5952" s="99"/>
      <c r="AR5952" s="99"/>
      <c r="AS5952" s="99"/>
      <c r="AT5952" s="99"/>
      <c r="AU5952" s="99"/>
      <c r="AV5952" s="99"/>
      <c r="AW5952" s="99"/>
      <c r="AX5952" s="99"/>
      <c r="AY5952" s="99"/>
      <c r="AZ5952" s="99"/>
      <c r="BA5952" s="99"/>
      <c r="BB5952" s="107">
        <v>45884</v>
      </c>
    </row>
    <row r="5953" spans="1:54" s="8" customFormat="1" ht="13.95" customHeight="1" x14ac:dyDescent="0.25">
      <c r="A5953" s="219" t="s">
        <v>13937</v>
      </c>
      <c r="B5953" s="220" t="s">
        <v>13310</v>
      </c>
      <c r="C5953" s="98" t="s">
        <v>13938</v>
      </c>
      <c r="D5953" s="144" t="s">
        <v>13939</v>
      </c>
      <c r="E5953" s="141">
        <v>1989</v>
      </c>
      <c r="F5953" s="141">
        <v>2632</v>
      </c>
      <c r="G5953" s="144" t="s">
        <v>1</v>
      </c>
      <c r="H5953" s="98">
        <v>0</v>
      </c>
      <c r="I5953" s="98">
        <v>0</v>
      </c>
      <c r="J5953" s="98">
        <v>1</v>
      </c>
      <c r="K5953" s="149" t="s">
        <v>400</v>
      </c>
      <c r="L5953" s="149" t="s">
        <v>400</v>
      </c>
      <c r="M5953" s="149" t="s">
        <v>400</v>
      </c>
      <c r="N5953" s="149" t="s">
        <v>400</v>
      </c>
      <c r="O5953" s="149" t="s">
        <v>400</v>
      </c>
      <c r="P5953" s="149" t="s">
        <v>400</v>
      </c>
      <c r="Q5953" s="149" t="s">
        <v>400</v>
      </c>
      <c r="R5953" s="149" t="s">
        <v>400</v>
      </c>
      <c r="S5953" s="149" t="s">
        <v>400</v>
      </c>
      <c r="T5953" s="149" t="s">
        <v>400</v>
      </c>
      <c r="U5953" s="99"/>
      <c r="V5953" s="99"/>
      <c r="W5953" s="99"/>
      <c r="X5953" s="99"/>
      <c r="Y5953" s="99"/>
      <c r="Z5953" s="99"/>
      <c r="AA5953" s="99"/>
      <c r="AB5953" s="99"/>
      <c r="AC5953" s="99"/>
      <c r="AD5953" s="99"/>
      <c r="AE5953" s="99"/>
      <c r="AF5953" s="99"/>
      <c r="AG5953" s="99"/>
      <c r="AH5953" s="99"/>
      <c r="AI5953" s="99"/>
      <c r="AJ5953" s="99"/>
      <c r="AK5953" s="99"/>
      <c r="AL5953" s="99"/>
      <c r="AM5953" s="99"/>
      <c r="AN5953" s="99"/>
      <c r="AO5953" s="99"/>
      <c r="AP5953" s="99"/>
      <c r="AQ5953" s="99"/>
      <c r="AR5953" s="99"/>
      <c r="AS5953" s="99"/>
      <c r="AT5953" s="99"/>
      <c r="AU5953" s="99"/>
      <c r="AV5953" s="99"/>
      <c r="AW5953" s="99"/>
      <c r="AX5953" s="99"/>
      <c r="AY5953" s="99"/>
      <c r="AZ5953" s="99"/>
      <c r="BA5953" s="99"/>
      <c r="BB5953" s="107">
        <v>45884</v>
      </c>
    </row>
    <row r="5954" spans="1:54" s="8" customFormat="1" ht="13.95" customHeight="1" x14ac:dyDescent="0.25">
      <c r="A5954" s="219" t="s">
        <v>13940</v>
      </c>
      <c r="B5954" s="220" t="s">
        <v>13310</v>
      </c>
      <c r="C5954" s="98" t="s">
        <v>13941</v>
      </c>
      <c r="D5954" s="144" t="s">
        <v>13942</v>
      </c>
      <c r="E5954" s="141">
        <v>1976</v>
      </c>
      <c r="F5954" s="141">
        <v>2712</v>
      </c>
      <c r="G5954" s="144" t="s">
        <v>1</v>
      </c>
      <c r="H5954" s="98">
        <v>0</v>
      </c>
      <c r="I5954" s="98">
        <v>0</v>
      </c>
      <c r="J5954" s="98">
        <v>1</v>
      </c>
      <c r="K5954" s="149" t="s">
        <v>400</v>
      </c>
      <c r="L5954" s="149" t="s">
        <v>400</v>
      </c>
      <c r="M5954" s="149" t="s">
        <v>400</v>
      </c>
      <c r="N5954" s="149" t="s">
        <v>400</v>
      </c>
      <c r="O5954" s="149" t="s">
        <v>400</v>
      </c>
      <c r="P5954" s="149" t="s">
        <v>400</v>
      </c>
      <c r="Q5954" s="149" t="s">
        <v>400</v>
      </c>
      <c r="R5954" s="149" t="s">
        <v>400</v>
      </c>
      <c r="S5954" s="149" t="s">
        <v>400</v>
      </c>
      <c r="T5954" s="149" t="s">
        <v>400</v>
      </c>
      <c r="U5954" s="99"/>
      <c r="V5954" s="99"/>
      <c r="W5954" s="99"/>
      <c r="X5954" s="99"/>
      <c r="Y5954" s="99"/>
      <c r="Z5954" s="99"/>
      <c r="AA5954" s="99"/>
      <c r="AB5954" s="99"/>
      <c r="AC5954" s="99"/>
      <c r="AD5954" s="99"/>
      <c r="AE5954" s="99"/>
      <c r="AF5954" s="99"/>
      <c r="AG5954" s="99"/>
      <c r="AH5954" s="99"/>
      <c r="AI5954" s="99"/>
      <c r="AJ5954" s="99"/>
      <c r="AK5954" s="99"/>
      <c r="AL5954" s="99"/>
      <c r="AM5954" s="99"/>
      <c r="AN5954" s="99"/>
      <c r="AO5954" s="99"/>
      <c r="AP5954" s="99"/>
      <c r="AQ5954" s="99"/>
      <c r="AR5954" s="99"/>
      <c r="AS5954" s="99"/>
      <c r="AT5954" s="99"/>
      <c r="AU5954" s="99"/>
      <c r="AV5954" s="99"/>
      <c r="AW5954" s="99"/>
      <c r="AX5954" s="99"/>
      <c r="AY5954" s="99"/>
      <c r="AZ5954" s="99"/>
      <c r="BA5954" s="99"/>
      <c r="BB5954" s="107">
        <v>45884</v>
      </c>
    </row>
    <row r="5955" spans="1:54" s="8" customFormat="1" ht="13.95" customHeight="1" x14ac:dyDescent="0.25">
      <c r="A5955" s="219" t="s">
        <v>13943</v>
      </c>
      <c r="B5955" s="220" t="s">
        <v>13310</v>
      </c>
      <c r="C5955" s="98" t="s">
        <v>13944</v>
      </c>
      <c r="D5955" s="144" t="s">
        <v>13945</v>
      </c>
      <c r="E5955" s="141">
        <v>1969</v>
      </c>
      <c r="F5955" s="141">
        <v>2729</v>
      </c>
      <c r="G5955" s="144" t="s">
        <v>3</v>
      </c>
      <c r="H5955" s="98">
        <v>0</v>
      </c>
      <c r="I5955" s="98">
        <v>0</v>
      </c>
      <c r="J5955" s="98">
        <v>1</v>
      </c>
      <c r="K5955" s="149" t="s">
        <v>400</v>
      </c>
      <c r="L5955" s="149" t="s">
        <v>400</v>
      </c>
      <c r="M5955" s="149" t="s">
        <v>400</v>
      </c>
      <c r="N5955" s="149" t="s">
        <v>400</v>
      </c>
      <c r="O5955" s="149" t="s">
        <v>400</v>
      </c>
      <c r="P5955" s="149" t="s">
        <v>400</v>
      </c>
      <c r="Q5955" s="149" t="s">
        <v>400</v>
      </c>
      <c r="R5955" s="149" t="s">
        <v>400</v>
      </c>
      <c r="S5955" s="149" t="s">
        <v>400</v>
      </c>
      <c r="T5955" s="149" t="s">
        <v>400</v>
      </c>
      <c r="U5955" s="149" t="s">
        <v>400</v>
      </c>
      <c r="V5955" s="149" t="s">
        <v>400</v>
      </c>
      <c r="W5955" s="149" t="s">
        <v>400</v>
      </c>
      <c r="X5955" s="149" t="s">
        <v>400</v>
      </c>
      <c r="Y5955" s="149" t="s">
        <v>400</v>
      </c>
      <c r="Z5955" s="149" t="s">
        <v>400</v>
      </c>
      <c r="AA5955" s="149" t="s">
        <v>400</v>
      </c>
      <c r="AB5955" s="149" t="s">
        <v>400</v>
      </c>
      <c r="AC5955" s="149" t="s">
        <v>400</v>
      </c>
      <c r="AD5955" s="149" t="s">
        <v>400</v>
      </c>
      <c r="AE5955" s="149" t="s">
        <v>400</v>
      </c>
      <c r="AF5955" s="149" t="s">
        <v>400</v>
      </c>
      <c r="AG5955" s="149" t="s">
        <v>400</v>
      </c>
      <c r="AH5955" s="149" t="s">
        <v>400</v>
      </c>
      <c r="AI5955" s="149" t="s">
        <v>400</v>
      </c>
      <c r="AJ5955" s="149" t="s">
        <v>400</v>
      </c>
      <c r="AK5955" s="149" t="s">
        <v>400</v>
      </c>
      <c r="AL5955" s="149" t="s">
        <v>400</v>
      </c>
      <c r="AM5955" s="149" t="s">
        <v>400</v>
      </c>
      <c r="AN5955" s="149" t="s">
        <v>400</v>
      </c>
      <c r="AO5955" s="149" t="s">
        <v>400</v>
      </c>
      <c r="AP5955" s="149" t="s">
        <v>400</v>
      </c>
      <c r="AQ5955" s="149" t="s">
        <v>400</v>
      </c>
      <c r="AR5955" s="149" t="s">
        <v>400</v>
      </c>
      <c r="AS5955" s="149" t="s">
        <v>400</v>
      </c>
      <c r="AT5955" s="129" t="s">
        <v>400</v>
      </c>
      <c r="AU5955" s="149" t="s">
        <v>400</v>
      </c>
      <c r="AV5955" s="149" t="s">
        <v>400</v>
      </c>
      <c r="AW5955" s="149" t="s">
        <v>400</v>
      </c>
      <c r="AX5955" s="98"/>
      <c r="AY5955" s="98"/>
      <c r="AZ5955" s="98"/>
      <c r="BA5955" s="98"/>
      <c r="BB5955" s="107">
        <v>45884</v>
      </c>
    </row>
    <row r="5956" spans="1:54" s="8" customFormat="1" ht="13.95" customHeight="1" x14ac:dyDescent="0.25">
      <c r="A5956" s="219" t="s">
        <v>13946</v>
      </c>
      <c r="B5956" s="220" t="s">
        <v>13310</v>
      </c>
      <c r="C5956" s="98" t="s">
        <v>13947</v>
      </c>
      <c r="D5956" s="144" t="s">
        <v>13948</v>
      </c>
      <c r="E5956" s="141">
        <v>1969</v>
      </c>
      <c r="F5956" s="141">
        <v>2810</v>
      </c>
      <c r="G5956" s="144" t="s">
        <v>1</v>
      </c>
      <c r="H5956" s="98">
        <v>0</v>
      </c>
      <c r="I5956" s="98">
        <v>0</v>
      </c>
      <c r="J5956" s="98">
        <v>1</v>
      </c>
      <c r="K5956" s="149" t="s">
        <v>400</v>
      </c>
      <c r="L5956" s="149" t="s">
        <v>400</v>
      </c>
      <c r="M5956" s="149" t="s">
        <v>400</v>
      </c>
      <c r="N5956" s="149" t="s">
        <v>400</v>
      </c>
      <c r="O5956" s="149" t="s">
        <v>400</v>
      </c>
      <c r="P5956" s="149" t="s">
        <v>400</v>
      </c>
      <c r="Q5956" s="149" t="s">
        <v>400</v>
      </c>
      <c r="R5956" s="149" t="s">
        <v>400</v>
      </c>
      <c r="S5956" s="149" t="s">
        <v>400</v>
      </c>
      <c r="T5956" s="149" t="s">
        <v>400</v>
      </c>
      <c r="U5956" s="99"/>
      <c r="V5956" s="99"/>
      <c r="W5956" s="99"/>
      <c r="X5956" s="99"/>
      <c r="Y5956" s="99"/>
      <c r="Z5956" s="99"/>
      <c r="AA5956" s="99"/>
      <c r="AB5956" s="99"/>
      <c r="AC5956" s="99"/>
      <c r="AD5956" s="99"/>
      <c r="AE5956" s="99"/>
      <c r="AF5956" s="99"/>
      <c r="AG5956" s="99"/>
      <c r="AH5956" s="99"/>
      <c r="AI5956" s="99"/>
      <c r="AJ5956" s="99"/>
      <c r="AK5956" s="99"/>
      <c r="AL5956" s="99"/>
      <c r="AM5956" s="99"/>
      <c r="AN5956" s="99"/>
      <c r="AO5956" s="99"/>
      <c r="AP5956" s="99"/>
      <c r="AQ5956" s="99"/>
      <c r="AR5956" s="99"/>
      <c r="AS5956" s="99"/>
      <c r="AT5956" s="99"/>
      <c r="AU5956" s="99"/>
      <c r="AV5956" s="99"/>
      <c r="AW5956" s="99"/>
      <c r="AX5956" s="99"/>
      <c r="AY5956" s="99"/>
      <c r="AZ5956" s="99"/>
      <c r="BA5956" s="99"/>
      <c r="BB5956" s="107">
        <v>45884</v>
      </c>
    </row>
    <row r="5957" spans="1:54" s="8" customFormat="1" ht="13.95" customHeight="1" x14ac:dyDescent="0.25">
      <c r="A5957" s="219" t="s">
        <v>13949</v>
      </c>
      <c r="B5957" s="220" t="s">
        <v>13310</v>
      </c>
      <c r="C5957" s="98" t="s">
        <v>13950</v>
      </c>
      <c r="D5957" s="144" t="s">
        <v>13951</v>
      </c>
      <c r="E5957" s="141">
        <v>2008</v>
      </c>
      <c r="F5957" s="141">
        <v>2828</v>
      </c>
      <c r="G5957" s="144" t="s">
        <v>8</v>
      </c>
      <c r="H5957" s="98">
        <v>0</v>
      </c>
      <c r="I5957" s="98">
        <v>0</v>
      </c>
      <c r="J5957" s="98">
        <v>0</v>
      </c>
      <c r="K5957" s="149" t="s">
        <v>400</v>
      </c>
      <c r="L5957" s="149" t="s">
        <v>400</v>
      </c>
      <c r="M5957" s="149" t="s">
        <v>400</v>
      </c>
      <c r="N5957" s="149" t="s">
        <v>400</v>
      </c>
      <c r="O5957" s="149" t="s">
        <v>400</v>
      </c>
      <c r="P5957" s="149" t="s">
        <v>400</v>
      </c>
      <c r="Q5957" s="149" t="s">
        <v>400</v>
      </c>
      <c r="R5957" s="149" t="s">
        <v>400</v>
      </c>
      <c r="S5957" s="149" t="s">
        <v>400</v>
      </c>
      <c r="T5957" s="149" t="s">
        <v>400</v>
      </c>
      <c r="U5957" s="150" t="s">
        <v>174</v>
      </c>
      <c r="V5957" s="150" t="s">
        <v>174</v>
      </c>
      <c r="W5957" s="150" t="s">
        <v>174</v>
      </c>
      <c r="X5957" s="150" t="s">
        <v>174</v>
      </c>
      <c r="Y5957" s="150" t="s">
        <v>174</v>
      </c>
      <c r="Z5957" s="150" t="s">
        <v>174</v>
      </c>
      <c r="AA5957" s="150" t="s">
        <v>174</v>
      </c>
      <c r="AB5957" s="150" t="s">
        <v>174</v>
      </c>
      <c r="AC5957" s="150" t="s">
        <v>174</v>
      </c>
      <c r="AD5957" s="150" t="s">
        <v>174</v>
      </c>
      <c r="AE5957" s="150" t="s">
        <v>174</v>
      </c>
      <c r="AF5957" s="150" t="s">
        <v>174</v>
      </c>
      <c r="AG5957" s="150" t="s">
        <v>174</v>
      </c>
      <c r="AH5957" s="150" t="s">
        <v>174</v>
      </c>
      <c r="AI5957" s="150" t="s">
        <v>174</v>
      </c>
      <c r="AJ5957" s="150" t="s">
        <v>174</v>
      </c>
      <c r="AK5957" s="150" t="s">
        <v>174</v>
      </c>
      <c r="AL5957" s="150" t="s">
        <v>174</v>
      </c>
      <c r="AM5957" s="150" t="s">
        <v>174</v>
      </c>
      <c r="AN5957" s="150" t="s">
        <v>174</v>
      </c>
      <c r="AO5957" s="150" t="s">
        <v>174</v>
      </c>
      <c r="AP5957" s="150" t="s">
        <v>174</v>
      </c>
      <c r="AQ5957" s="150" t="s">
        <v>174</v>
      </c>
      <c r="AR5957" s="150" t="s">
        <v>174</v>
      </c>
      <c r="AS5957" s="150" t="s">
        <v>174</v>
      </c>
      <c r="AT5957" s="151" t="s">
        <v>174</v>
      </c>
      <c r="AU5957" s="150" t="s">
        <v>174</v>
      </c>
      <c r="AV5957" s="150" t="s">
        <v>174</v>
      </c>
      <c r="AW5957" s="150" t="s">
        <v>174</v>
      </c>
      <c r="AX5957" s="98"/>
      <c r="AY5957" s="98"/>
      <c r="AZ5957" s="98"/>
      <c r="BA5957" s="98"/>
      <c r="BB5957" s="107">
        <v>45884</v>
      </c>
    </row>
    <row r="5958" spans="1:54" s="8" customFormat="1" ht="13.95" customHeight="1" x14ac:dyDescent="0.25">
      <c r="A5958" s="219" t="s">
        <v>13952</v>
      </c>
      <c r="B5958" s="220" t="s">
        <v>13310</v>
      </c>
      <c r="C5958" s="98" t="s">
        <v>13953</v>
      </c>
      <c r="D5958" s="144" t="s">
        <v>13954</v>
      </c>
      <c r="E5958" s="141">
        <v>1970</v>
      </c>
      <c r="F5958" s="141">
        <v>2831</v>
      </c>
      <c r="G5958" s="144" t="s">
        <v>1</v>
      </c>
      <c r="H5958" s="98">
        <v>0</v>
      </c>
      <c r="I5958" s="98">
        <v>0</v>
      </c>
      <c r="J5958" s="98">
        <v>1</v>
      </c>
      <c r="K5958" s="149" t="s">
        <v>400</v>
      </c>
      <c r="L5958" s="149" t="s">
        <v>400</v>
      </c>
      <c r="M5958" s="149" t="s">
        <v>400</v>
      </c>
      <c r="N5958" s="149" t="s">
        <v>400</v>
      </c>
      <c r="O5958" s="149" t="s">
        <v>400</v>
      </c>
      <c r="P5958" s="149" t="s">
        <v>400</v>
      </c>
      <c r="Q5958" s="149" t="s">
        <v>400</v>
      </c>
      <c r="R5958" s="149" t="s">
        <v>400</v>
      </c>
      <c r="S5958" s="149" t="s">
        <v>400</v>
      </c>
      <c r="T5958" s="149" t="s">
        <v>400</v>
      </c>
      <c r="U5958" s="99"/>
      <c r="V5958" s="99"/>
      <c r="W5958" s="99"/>
      <c r="X5958" s="99"/>
      <c r="Y5958" s="99"/>
      <c r="Z5958" s="99"/>
      <c r="AA5958" s="99"/>
      <c r="AB5958" s="99"/>
      <c r="AC5958" s="99"/>
      <c r="AD5958" s="99"/>
      <c r="AE5958" s="99"/>
      <c r="AF5958" s="99"/>
      <c r="AG5958" s="99"/>
      <c r="AH5958" s="99"/>
      <c r="AI5958" s="99"/>
      <c r="AJ5958" s="99"/>
      <c r="AK5958" s="99"/>
      <c r="AL5958" s="99"/>
      <c r="AM5958" s="99"/>
      <c r="AN5958" s="99"/>
      <c r="AO5958" s="99"/>
      <c r="AP5958" s="99"/>
      <c r="AQ5958" s="99"/>
      <c r="AR5958" s="99"/>
      <c r="AS5958" s="99"/>
      <c r="AT5958" s="99"/>
      <c r="AU5958" s="99"/>
      <c r="AV5958" s="99"/>
      <c r="AW5958" s="99"/>
      <c r="AX5958" s="99"/>
      <c r="AY5958" s="99"/>
      <c r="AZ5958" s="99"/>
      <c r="BA5958" s="99"/>
      <c r="BB5958" s="107">
        <v>45884</v>
      </c>
    </row>
    <row r="5959" spans="1:54" s="8" customFormat="1" ht="13.95" customHeight="1" x14ac:dyDescent="0.25">
      <c r="A5959" s="219" t="s">
        <v>13955</v>
      </c>
      <c r="B5959" s="220" t="s">
        <v>13310</v>
      </c>
      <c r="C5959" s="98" t="s">
        <v>13956</v>
      </c>
      <c r="D5959" s="144" t="s">
        <v>13957</v>
      </c>
      <c r="E5959" s="141">
        <v>1985</v>
      </c>
      <c r="F5959" s="141">
        <v>2840</v>
      </c>
      <c r="G5959" s="144" t="s">
        <v>1</v>
      </c>
      <c r="H5959" s="98">
        <v>0</v>
      </c>
      <c r="I5959" s="98">
        <v>0</v>
      </c>
      <c r="J5959" s="98">
        <v>1</v>
      </c>
      <c r="K5959" s="149" t="s">
        <v>400</v>
      </c>
      <c r="L5959" s="149" t="s">
        <v>400</v>
      </c>
      <c r="M5959" s="149" t="s">
        <v>400</v>
      </c>
      <c r="N5959" s="149" t="s">
        <v>400</v>
      </c>
      <c r="O5959" s="149" t="s">
        <v>400</v>
      </c>
      <c r="P5959" s="149" t="s">
        <v>400</v>
      </c>
      <c r="Q5959" s="149" t="s">
        <v>400</v>
      </c>
      <c r="R5959" s="149" t="s">
        <v>400</v>
      </c>
      <c r="S5959" s="149" t="s">
        <v>400</v>
      </c>
      <c r="T5959" s="149" t="s">
        <v>400</v>
      </c>
      <c r="U5959" s="99"/>
      <c r="V5959" s="99"/>
      <c r="W5959" s="99"/>
      <c r="X5959" s="99"/>
      <c r="Y5959" s="99"/>
      <c r="Z5959" s="99"/>
      <c r="AA5959" s="99"/>
      <c r="AB5959" s="99"/>
      <c r="AC5959" s="99"/>
      <c r="AD5959" s="99"/>
      <c r="AE5959" s="99"/>
      <c r="AF5959" s="99"/>
      <c r="AG5959" s="99"/>
      <c r="AH5959" s="99"/>
      <c r="AI5959" s="99"/>
      <c r="AJ5959" s="99"/>
      <c r="AK5959" s="99"/>
      <c r="AL5959" s="99"/>
      <c r="AM5959" s="99"/>
      <c r="AN5959" s="99"/>
      <c r="AO5959" s="99"/>
      <c r="AP5959" s="99"/>
      <c r="AQ5959" s="99"/>
      <c r="AR5959" s="99"/>
      <c r="AS5959" s="99"/>
      <c r="AT5959" s="99"/>
      <c r="AU5959" s="99"/>
      <c r="AV5959" s="99"/>
      <c r="AW5959" s="99"/>
      <c r="AX5959" s="99"/>
      <c r="AY5959" s="99"/>
      <c r="AZ5959" s="99"/>
      <c r="BA5959" s="99"/>
      <c r="BB5959" s="107">
        <v>45884</v>
      </c>
    </row>
    <row r="5960" spans="1:54" s="8" customFormat="1" ht="13.95" customHeight="1" x14ac:dyDescent="0.25">
      <c r="A5960" s="219" t="s">
        <v>13958</v>
      </c>
      <c r="B5960" s="220" t="s">
        <v>13310</v>
      </c>
      <c r="C5960" s="98" t="s">
        <v>4943</v>
      </c>
      <c r="D5960" s="144" t="s">
        <v>13959</v>
      </c>
      <c r="E5960" s="141">
        <v>1986</v>
      </c>
      <c r="F5960" s="141">
        <v>2847</v>
      </c>
      <c r="G5960" s="144" t="s">
        <v>1</v>
      </c>
      <c r="H5960" s="98">
        <v>0</v>
      </c>
      <c r="I5960" s="98">
        <v>0</v>
      </c>
      <c r="J5960" s="98">
        <v>1</v>
      </c>
      <c r="K5960" s="149" t="s">
        <v>400</v>
      </c>
      <c r="L5960" s="149" t="s">
        <v>400</v>
      </c>
      <c r="M5960" s="149" t="s">
        <v>400</v>
      </c>
      <c r="N5960" s="149" t="s">
        <v>400</v>
      </c>
      <c r="O5960" s="149" t="s">
        <v>400</v>
      </c>
      <c r="P5960" s="149" t="s">
        <v>400</v>
      </c>
      <c r="Q5960" s="149" t="s">
        <v>400</v>
      </c>
      <c r="R5960" s="149" t="s">
        <v>400</v>
      </c>
      <c r="S5960" s="149" t="s">
        <v>400</v>
      </c>
      <c r="T5960" s="149" t="s">
        <v>400</v>
      </c>
      <c r="U5960" s="99"/>
      <c r="V5960" s="99"/>
      <c r="W5960" s="99"/>
      <c r="X5960" s="99"/>
      <c r="Y5960" s="99"/>
      <c r="Z5960" s="99"/>
      <c r="AA5960" s="99"/>
      <c r="AB5960" s="99"/>
      <c r="AC5960" s="99"/>
      <c r="AD5960" s="99"/>
      <c r="AE5960" s="99"/>
      <c r="AF5960" s="99"/>
      <c r="AG5960" s="99"/>
      <c r="AH5960" s="99"/>
      <c r="AI5960" s="99"/>
      <c r="AJ5960" s="99"/>
      <c r="AK5960" s="99"/>
      <c r="AL5960" s="99"/>
      <c r="AM5960" s="99"/>
      <c r="AN5960" s="99"/>
      <c r="AO5960" s="99"/>
      <c r="AP5960" s="99"/>
      <c r="AQ5960" s="99"/>
      <c r="AR5960" s="99"/>
      <c r="AS5960" s="99"/>
      <c r="AT5960" s="99"/>
      <c r="AU5960" s="99"/>
      <c r="AV5960" s="99"/>
      <c r="AW5960" s="99"/>
      <c r="AX5960" s="99"/>
      <c r="AY5960" s="99"/>
      <c r="AZ5960" s="99"/>
      <c r="BA5960" s="99"/>
      <c r="BB5960" s="107">
        <v>45884</v>
      </c>
    </row>
    <row r="5961" spans="1:54" s="8" customFormat="1" ht="13.95" customHeight="1" x14ac:dyDescent="0.25">
      <c r="A5961" s="219" t="s">
        <v>13960</v>
      </c>
      <c r="B5961" s="220" t="s">
        <v>13310</v>
      </c>
      <c r="C5961" s="98" t="s">
        <v>13961</v>
      </c>
      <c r="D5961" s="144" t="s">
        <v>13962</v>
      </c>
      <c r="E5961" s="141">
        <v>1982</v>
      </c>
      <c r="F5961" s="141">
        <v>2902</v>
      </c>
      <c r="G5961" s="144" t="s">
        <v>1</v>
      </c>
      <c r="H5961" s="98">
        <v>0</v>
      </c>
      <c r="I5961" s="98">
        <v>0</v>
      </c>
      <c r="J5961" s="98">
        <v>1</v>
      </c>
      <c r="K5961" s="149" t="s">
        <v>400</v>
      </c>
      <c r="L5961" s="149" t="s">
        <v>400</v>
      </c>
      <c r="M5961" s="149" t="s">
        <v>400</v>
      </c>
      <c r="N5961" s="149" t="s">
        <v>400</v>
      </c>
      <c r="O5961" s="149" t="s">
        <v>400</v>
      </c>
      <c r="P5961" s="149" t="s">
        <v>400</v>
      </c>
      <c r="Q5961" s="149" t="s">
        <v>400</v>
      </c>
      <c r="R5961" s="149" t="s">
        <v>400</v>
      </c>
      <c r="S5961" s="149" t="s">
        <v>400</v>
      </c>
      <c r="T5961" s="149" t="s">
        <v>400</v>
      </c>
      <c r="U5961" s="99"/>
      <c r="V5961" s="99"/>
      <c r="W5961" s="99"/>
      <c r="X5961" s="99"/>
      <c r="Y5961" s="99"/>
      <c r="Z5961" s="99"/>
      <c r="AA5961" s="99"/>
      <c r="AB5961" s="99"/>
      <c r="AC5961" s="99"/>
      <c r="AD5961" s="99"/>
      <c r="AE5961" s="99"/>
      <c r="AF5961" s="99"/>
      <c r="AG5961" s="99"/>
      <c r="AH5961" s="99"/>
      <c r="AI5961" s="99"/>
      <c r="AJ5961" s="99"/>
      <c r="AK5961" s="99"/>
      <c r="AL5961" s="99"/>
      <c r="AM5961" s="99"/>
      <c r="AN5961" s="99"/>
      <c r="AO5961" s="99"/>
      <c r="AP5961" s="99"/>
      <c r="AQ5961" s="99"/>
      <c r="AR5961" s="99"/>
      <c r="AS5961" s="99"/>
      <c r="AT5961" s="99"/>
      <c r="AU5961" s="99"/>
      <c r="AV5961" s="99"/>
      <c r="AW5961" s="99"/>
      <c r="AX5961" s="99"/>
      <c r="AY5961" s="99"/>
      <c r="AZ5961" s="99"/>
      <c r="BA5961" s="99"/>
      <c r="BB5961" s="107">
        <v>45884</v>
      </c>
    </row>
    <row r="5962" spans="1:54" s="8" customFormat="1" ht="13.95" customHeight="1" x14ac:dyDescent="0.25">
      <c r="A5962" s="219" t="s">
        <v>13963</v>
      </c>
      <c r="B5962" s="220" t="s">
        <v>13310</v>
      </c>
      <c r="C5962" s="98" t="s">
        <v>13964</v>
      </c>
      <c r="D5962" s="144" t="s">
        <v>13965</v>
      </c>
      <c r="E5962" s="141">
        <v>1982</v>
      </c>
      <c r="F5962" s="141">
        <v>2911</v>
      </c>
      <c r="G5962" s="144" t="s">
        <v>1</v>
      </c>
      <c r="H5962" s="98">
        <v>0</v>
      </c>
      <c r="I5962" s="98">
        <v>0</v>
      </c>
      <c r="J5962" s="98">
        <v>1</v>
      </c>
      <c r="K5962" s="149" t="s">
        <v>400</v>
      </c>
      <c r="L5962" s="149" t="s">
        <v>400</v>
      </c>
      <c r="M5962" s="149" t="s">
        <v>400</v>
      </c>
      <c r="N5962" s="149" t="s">
        <v>400</v>
      </c>
      <c r="O5962" s="149" t="s">
        <v>400</v>
      </c>
      <c r="P5962" s="149" t="s">
        <v>400</v>
      </c>
      <c r="Q5962" s="149" t="s">
        <v>400</v>
      </c>
      <c r="R5962" s="149" t="s">
        <v>400</v>
      </c>
      <c r="S5962" s="149" t="s">
        <v>400</v>
      </c>
      <c r="T5962" s="149" t="s">
        <v>400</v>
      </c>
      <c r="U5962" s="99"/>
      <c r="V5962" s="99"/>
      <c r="W5962" s="99"/>
      <c r="X5962" s="99"/>
      <c r="Y5962" s="99"/>
      <c r="Z5962" s="99"/>
      <c r="AA5962" s="99"/>
      <c r="AB5962" s="99"/>
      <c r="AC5962" s="99"/>
      <c r="AD5962" s="99"/>
      <c r="AE5962" s="99"/>
      <c r="AF5962" s="99"/>
      <c r="AG5962" s="99"/>
      <c r="AH5962" s="99"/>
      <c r="AI5962" s="99"/>
      <c r="AJ5962" s="99"/>
      <c r="AK5962" s="99"/>
      <c r="AL5962" s="99"/>
      <c r="AM5962" s="99"/>
      <c r="AN5962" s="99"/>
      <c r="AO5962" s="99"/>
      <c r="AP5962" s="99"/>
      <c r="AQ5962" s="99"/>
      <c r="AR5962" s="99"/>
      <c r="AS5962" s="99"/>
      <c r="AT5962" s="99"/>
      <c r="AU5962" s="99"/>
      <c r="AV5962" s="99"/>
      <c r="AW5962" s="99"/>
      <c r="AX5962" s="99"/>
      <c r="AY5962" s="99"/>
      <c r="AZ5962" s="99"/>
      <c r="BA5962" s="99"/>
      <c r="BB5962" s="107">
        <v>45884</v>
      </c>
    </row>
    <row r="5963" spans="1:54" s="8" customFormat="1" ht="13.95" customHeight="1" x14ac:dyDescent="0.25">
      <c r="A5963" s="219" t="s">
        <v>13966</v>
      </c>
      <c r="B5963" s="220" t="s">
        <v>13310</v>
      </c>
      <c r="C5963" s="98" t="s">
        <v>13967</v>
      </c>
      <c r="D5963" s="144" t="s">
        <v>13968</v>
      </c>
      <c r="E5963" s="141">
        <v>1980</v>
      </c>
      <c r="F5963" s="141">
        <v>2915</v>
      </c>
      <c r="G5963" s="144" t="s">
        <v>1</v>
      </c>
      <c r="H5963" s="98">
        <v>0</v>
      </c>
      <c r="I5963" s="98">
        <v>0</v>
      </c>
      <c r="J5963" s="98">
        <v>1</v>
      </c>
      <c r="K5963" s="149" t="s">
        <v>400</v>
      </c>
      <c r="L5963" s="149" t="s">
        <v>400</v>
      </c>
      <c r="M5963" s="149" t="s">
        <v>400</v>
      </c>
      <c r="N5963" s="149" t="s">
        <v>400</v>
      </c>
      <c r="O5963" s="149" t="s">
        <v>400</v>
      </c>
      <c r="P5963" s="149" t="s">
        <v>400</v>
      </c>
      <c r="Q5963" s="149" t="s">
        <v>400</v>
      </c>
      <c r="R5963" s="149" t="s">
        <v>400</v>
      </c>
      <c r="S5963" s="149" t="s">
        <v>400</v>
      </c>
      <c r="T5963" s="149" t="s">
        <v>400</v>
      </c>
      <c r="U5963" s="99"/>
      <c r="V5963" s="99"/>
      <c r="W5963" s="99"/>
      <c r="X5963" s="99"/>
      <c r="Y5963" s="99"/>
      <c r="Z5963" s="99"/>
      <c r="AA5963" s="99"/>
      <c r="AB5963" s="99"/>
      <c r="AC5963" s="99"/>
      <c r="AD5963" s="99"/>
      <c r="AE5963" s="99"/>
      <c r="AF5963" s="99"/>
      <c r="AG5963" s="99"/>
      <c r="AH5963" s="99"/>
      <c r="AI5963" s="99"/>
      <c r="AJ5963" s="99"/>
      <c r="AK5963" s="99"/>
      <c r="AL5963" s="99"/>
      <c r="AM5963" s="99"/>
      <c r="AN5963" s="99"/>
      <c r="AO5963" s="99"/>
      <c r="AP5963" s="99"/>
      <c r="AQ5963" s="99"/>
      <c r="AR5963" s="99"/>
      <c r="AS5963" s="99"/>
      <c r="AT5963" s="99"/>
      <c r="AU5963" s="99"/>
      <c r="AV5963" s="99"/>
      <c r="AW5963" s="99"/>
      <c r="AX5963" s="99"/>
      <c r="AY5963" s="99"/>
      <c r="AZ5963" s="99"/>
      <c r="BA5963" s="99"/>
      <c r="BB5963" s="107">
        <v>45884</v>
      </c>
    </row>
    <row r="5964" spans="1:54" s="8" customFormat="1" ht="13.95" customHeight="1" x14ac:dyDescent="0.25">
      <c r="A5964" s="219" t="s">
        <v>13969</v>
      </c>
      <c r="B5964" s="220" t="s">
        <v>13310</v>
      </c>
      <c r="C5964" s="98" t="s">
        <v>13970</v>
      </c>
      <c r="D5964" s="144" t="s">
        <v>13971</v>
      </c>
      <c r="E5964" s="141">
        <v>2014</v>
      </c>
      <c r="F5964" s="141">
        <v>2968</v>
      </c>
      <c r="G5964" s="144" t="s">
        <v>3</v>
      </c>
      <c r="H5964" s="98">
        <v>0</v>
      </c>
      <c r="I5964" s="98">
        <v>0</v>
      </c>
      <c r="J5964" s="98">
        <v>0</v>
      </c>
      <c r="K5964" s="149" t="s">
        <v>400</v>
      </c>
      <c r="L5964" s="149" t="s">
        <v>400</v>
      </c>
      <c r="M5964" s="149" t="s">
        <v>400</v>
      </c>
      <c r="N5964" s="149" t="s">
        <v>400</v>
      </c>
      <c r="O5964" s="149" t="s">
        <v>400</v>
      </c>
      <c r="P5964" s="149" t="s">
        <v>400</v>
      </c>
      <c r="Q5964" s="149" t="s">
        <v>400</v>
      </c>
      <c r="R5964" s="149" t="s">
        <v>400</v>
      </c>
      <c r="S5964" s="149" t="s">
        <v>400</v>
      </c>
      <c r="T5964" s="149" t="s">
        <v>400</v>
      </c>
      <c r="U5964" s="150" t="s">
        <v>174</v>
      </c>
      <c r="V5964" s="150" t="s">
        <v>174</v>
      </c>
      <c r="W5964" s="150" t="s">
        <v>174</v>
      </c>
      <c r="X5964" s="150" t="s">
        <v>174</v>
      </c>
      <c r="Y5964" s="150" t="s">
        <v>174</v>
      </c>
      <c r="Z5964" s="150" t="s">
        <v>174</v>
      </c>
      <c r="AA5964" s="150" t="s">
        <v>174</v>
      </c>
      <c r="AB5964" s="150" t="s">
        <v>174</v>
      </c>
      <c r="AC5964" s="150" t="s">
        <v>174</v>
      </c>
      <c r="AD5964" s="150" t="s">
        <v>174</v>
      </c>
      <c r="AE5964" s="150" t="s">
        <v>174</v>
      </c>
      <c r="AF5964" s="150" t="s">
        <v>174</v>
      </c>
      <c r="AG5964" s="150" t="s">
        <v>174</v>
      </c>
      <c r="AH5964" s="150" t="s">
        <v>174</v>
      </c>
      <c r="AI5964" s="150" t="s">
        <v>174</v>
      </c>
      <c r="AJ5964" s="150" t="s">
        <v>174</v>
      </c>
      <c r="AK5964" s="150" t="s">
        <v>174</v>
      </c>
      <c r="AL5964" s="150" t="s">
        <v>174</v>
      </c>
      <c r="AM5964" s="150" t="s">
        <v>174</v>
      </c>
      <c r="AN5964" s="150" t="s">
        <v>174</v>
      </c>
      <c r="AO5964" s="150" t="s">
        <v>174</v>
      </c>
      <c r="AP5964" s="150" t="s">
        <v>174</v>
      </c>
      <c r="AQ5964" s="150" t="s">
        <v>174</v>
      </c>
      <c r="AR5964" s="150" t="s">
        <v>174</v>
      </c>
      <c r="AS5964" s="150" t="s">
        <v>174</v>
      </c>
      <c r="AT5964" s="151" t="s">
        <v>174</v>
      </c>
      <c r="AU5964" s="150" t="s">
        <v>174</v>
      </c>
      <c r="AV5964" s="150" t="s">
        <v>174</v>
      </c>
      <c r="AW5964" s="150" t="s">
        <v>174</v>
      </c>
      <c r="AX5964" s="98"/>
      <c r="AY5964" s="98"/>
      <c r="AZ5964" s="98"/>
      <c r="BA5964" s="98"/>
      <c r="BB5964" s="107">
        <v>45884</v>
      </c>
    </row>
    <row r="5965" spans="1:54" s="8" customFormat="1" ht="13.95" customHeight="1" x14ac:dyDescent="0.25">
      <c r="A5965" s="219" t="s">
        <v>13972</v>
      </c>
      <c r="B5965" s="220" t="s">
        <v>13310</v>
      </c>
      <c r="C5965" s="98" t="s">
        <v>13973</v>
      </c>
      <c r="D5965" s="144" t="s">
        <v>13974</v>
      </c>
      <c r="E5965" s="141">
        <v>1994</v>
      </c>
      <c r="F5965" s="141">
        <v>3011</v>
      </c>
      <c r="G5965" s="144" t="s">
        <v>1</v>
      </c>
      <c r="H5965" s="98">
        <v>0</v>
      </c>
      <c r="I5965" s="98">
        <v>0</v>
      </c>
      <c r="J5965" s="98">
        <v>1</v>
      </c>
      <c r="K5965" s="149" t="s">
        <v>400</v>
      </c>
      <c r="L5965" s="149" t="s">
        <v>400</v>
      </c>
      <c r="M5965" s="149" t="s">
        <v>400</v>
      </c>
      <c r="N5965" s="149" t="s">
        <v>400</v>
      </c>
      <c r="O5965" s="149" t="s">
        <v>400</v>
      </c>
      <c r="P5965" s="149" t="s">
        <v>400</v>
      </c>
      <c r="Q5965" s="149" t="s">
        <v>400</v>
      </c>
      <c r="R5965" s="149" t="s">
        <v>400</v>
      </c>
      <c r="S5965" s="149" t="s">
        <v>400</v>
      </c>
      <c r="T5965" s="149" t="s">
        <v>400</v>
      </c>
      <c r="U5965" s="99"/>
      <c r="V5965" s="99"/>
      <c r="W5965" s="99"/>
      <c r="X5965" s="99"/>
      <c r="Y5965" s="99"/>
      <c r="Z5965" s="99"/>
      <c r="AA5965" s="99"/>
      <c r="AB5965" s="99"/>
      <c r="AC5965" s="99"/>
      <c r="AD5965" s="99"/>
      <c r="AE5965" s="99"/>
      <c r="AF5965" s="99"/>
      <c r="AG5965" s="99"/>
      <c r="AH5965" s="99"/>
      <c r="AI5965" s="99"/>
      <c r="AJ5965" s="99"/>
      <c r="AK5965" s="99"/>
      <c r="AL5965" s="99"/>
      <c r="AM5965" s="99"/>
      <c r="AN5965" s="99"/>
      <c r="AO5965" s="99"/>
      <c r="AP5965" s="99"/>
      <c r="AQ5965" s="99"/>
      <c r="AR5965" s="99"/>
      <c r="AS5965" s="99"/>
      <c r="AT5965" s="99"/>
      <c r="AU5965" s="99"/>
      <c r="AV5965" s="99"/>
      <c r="AW5965" s="99"/>
      <c r="AX5965" s="99"/>
      <c r="AY5965" s="99"/>
      <c r="AZ5965" s="99"/>
      <c r="BA5965" s="99"/>
      <c r="BB5965" s="107">
        <v>45884</v>
      </c>
    </row>
    <row r="5966" spans="1:54" s="8" customFormat="1" ht="13.95" customHeight="1" x14ac:dyDescent="0.25">
      <c r="A5966" s="219" t="s">
        <v>13975</v>
      </c>
      <c r="B5966" s="220" t="s">
        <v>13310</v>
      </c>
      <c r="C5966" s="98" t="s">
        <v>13976</v>
      </c>
      <c r="D5966" s="144" t="s">
        <v>13977</v>
      </c>
      <c r="E5966" s="141">
        <v>2003</v>
      </c>
      <c r="F5966" s="141">
        <v>3046</v>
      </c>
      <c r="G5966" s="144" t="s">
        <v>1</v>
      </c>
      <c r="H5966" s="98">
        <v>0</v>
      </c>
      <c r="I5966" s="98">
        <v>0</v>
      </c>
      <c r="J5966" s="98">
        <v>1</v>
      </c>
      <c r="K5966" s="149" t="s">
        <v>400</v>
      </c>
      <c r="L5966" s="149" t="s">
        <v>400</v>
      </c>
      <c r="M5966" s="149" t="s">
        <v>400</v>
      </c>
      <c r="N5966" s="149" t="s">
        <v>400</v>
      </c>
      <c r="O5966" s="149" t="s">
        <v>400</v>
      </c>
      <c r="P5966" s="149" t="s">
        <v>400</v>
      </c>
      <c r="Q5966" s="149" t="s">
        <v>400</v>
      </c>
      <c r="R5966" s="149" t="s">
        <v>400</v>
      </c>
      <c r="S5966" s="149" t="s">
        <v>400</v>
      </c>
      <c r="T5966" s="149" t="s">
        <v>400</v>
      </c>
      <c r="U5966" s="99"/>
      <c r="V5966" s="99"/>
      <c r="W5966" s="99"/>
      <c r="X5966" s="99"/>
      <c r="Y5966" s="99"/>
      <c r="Z5966" s="99"/>
      <c r="AA5966" s="99"/>
      <c r="AB5966" s="99"/>
      <c r="AC5966" s="99"/>
      <c r="AD5966" s="99"/>
      <c r="AE5966" s="99"/>
      <c r="AF5966" s="99"/>
      <c r="AG5966" s="99"/>
      <c r="AH5966" s="99"/>
      <c r="AI5966" s="99"/>
      <c r="AJ5966" s="99"/>
      <c r="AK5966" s="99"/>
      <c r="AL5966" s="99"/>
      <c r="AM5966" s="99"/>
      <c r="AN5966" s="99"/>
      <c r="AO5966" s="99"/>
      <c r="AP5966" s="99"/>
      <c r="AQ5966" s="99"/>
      <c r="AR5966" s="99"/>
      <c r="AS5966" s="99"/>
      <c r="AT5966" s="99"/>
      <c r="AU5966" s="99"/>
      <c r="AV5966" s="99"/>
      <c r="AW5966" s="99"/>
      <c r="AX5966" s="99"/>
      <c r="AY5966" s="99"/>
      <c r="AZ5966" s="99"/>
      <c r="BA5966" s="99"/>
      <c r="BB5966" s="107">
        <v>45884</v>
      </c>
    </row>
    <row r="5967" spans="1:54" s="8" customFormat="1" ht="13.95" customHeight="1" x14ac:dyDescent="0.25">
      <c r="A5967" s="219" t="s">
        <v>13978</v>
      </c>
      <c r="B5967" s="220" t="s">
        <v>13310</v>
      </c>
      <c r="C5967" s="98" t="s">
        <v>13979</v>
      </c>
      <c r="D5967" s="144" t="s">
        <v>13980</v>
      </c>
      <c r="E5967" s="141">
        <v>1975</v>
      </c>
      <c r="F5967" s="141">
        <v>3058</v>
      </c>
      <c r="G5967" s="144" t="s">
        <v>1</v>
      </c>
      <c r="H5967" s="98">
        <v>0</v>
      </c>
      <c r="I5967" s="98">
        <v>0</v>
      </c>
      <c r="J5967" s="98">
        <v>1</v>
      </c>
      <c r="K5967" s="149" t="s">
        <v>400</v>
      </c>
      <c r="L5967" s="149" t="s">
        <v>400</v>
      </c>
      <c r="M5967" s="149" t="s">
        <v>400</v>
      </c>
      <c r="N5967" s="149" t="s">
        <v>400</v>
      </c>
      <c r="O5967" s="149" t="s">
        <v>400</v>
      </c>
      <c r="P5967" s="149" t="s">
        <v>400</v>
      </c>
      <c r="Q5967" s="149" t="s">
        <v>400</v>
      </c>
      <c r="R5967" s="149" t="s">
        <v>400</v>
      </c>
      <c r="S5967" s="149" t="s">
        <v>400</v>
      </c>
      <c r="T5967" s="149" t="s">
        <v>400</v>
      </c>
      <c r="U5967" s="99"/>
      <c r="V5967" s="99"/>
      <c r="W5967" s="99"/>
      <c r="X5967" s="99"/>
      <c r="Y5967" s="99"/>
      <c r="Z5967" s="99"/>
      <c r="AA5967" s="99"/>
      <c r="AB5967" s="99"/>
      <c r="AC5967" s="99"/>
      <c r="AD5967" s="99"/>
      <c r="AE5967" s="99"/>
      <c r="AF5967" s="99"/>
      <c r="AG5967" s="99"/>
      <c r="AH5967" s="99"/>
      <c r="AI5967" s="99"/>
      <c r="AJ5967" s="99"/>
      <c r="AK5967" s="99"/>
      <c r="AL5967" s="99"/>
      <c r="AM5967" s="99"/>
      <c r="AN5967" s="99"/>
      <c r="AO5967" s="99"/>
      <c r="AP5967" s="99"/>
      <c r="AQ5967" s="99"/>
      <c r="AR5967" s="99"/>
      <c r="AS5967" s="99"/>
      <c r="AT5967" s="99"/>
      <c r="AU5967" s="99"/>
      <c r="AV5967" s="99"/>
      <c r="AW5967" s="99"/>
      <c r="AX5967" s="99"/>
      <c r="AY5967" s="99"/>
      <c r="AZ5967" s="99"/>
      <c r="BA5967" s="99"/>
      <c r="BB5967" s="107">
        <v>45884</v>
      </c>
    </row>
    <row r="5968" spans="1:54" s="8" customFormat="1" ht="13.95" customHeight="1" x14ac:dyDescent="0.25">
      <c r="A5968" s="219" t="s">
        <v>13981</v>
      </c>
      <c r="B5968" s="220" t="s">
        <v>13310</v>
      </c>
      <c r="C5968" s="98" t="s">
        <v>13982</v>
      </c>
      <c r="D5968" s="144" t="s">
        <v>13983</v>
      </c>
      <c r="E5968" s="141">
        <v>2007</v>
      </c>
      <c r="F5968" s="141">
        <v>3121</v>
      </c>
      <c r="G5968" s="144" t="s">
        <v>1</v>
      </c>
      <c r="H5968" s="98">
        <v>0</v>
      </c>
      <c r="I5968" s="98">
        <v>0</v>
      </c>
      <c r="J5968" s="98">
        <v>1</v>
      </c>
      <c r="K5968" s="149" t="s">
        <v>400</v>
      </c>
      <c r="L5968" s="149" t="s">
        <v>400</v>
      </c>
      <c r="M5968" s="149" t="s">
        <v>400</v>
      </c>
      <c r="N5968" s="149" t="s">
        <v>400</v>
      </c>
      <c r="O5968" s="149" t="s">
        <v>400</v>
      </c>
      <c r="P5968" s="149" t="s">
        <v>400</v>
      </c>
      <c r="Q5968" s="149" t="s">
        <v>400</v>
      </c>
      <c r="R5968" s="149" t="s">
        <v>400</v>
      </c>
      <c r="S5968" s="149" t="s">
        <v>400</v>
      </c>
      <c r="T5968" s="149" t="s">
        <v>400</v>
      </c>
      <c r="U5968" s="99"/>
      <c r="V5968" s="99"/>
      <c r="W5968" s="99"/>
      <c r="X5968" s="99"/>
      <c r="Y5968" s="99"/>
      <c r="Z5968" s="99"/>
      <c r="AA5968" s="99"/>
      <c r="AB5968" s="99"/>
      <c r="AC5968" s="99"/>
      <c r="AD5968" s="99"/>
      <c r="AE5968" s="99"/>
      <c r="AF5968" s="99"/>
      <c r="AG5968" s="99"/>
      <c r="AH5968" s="99"/>
      <c r="AI5968" s="99"/>
      <c r="AJ5968" s="99"/>
      <c r="AK5968" s="99"/>
      <c r="AL5968" s="99"/>
      <c r="AM5968" s="99"/>
      <c r="AN5968" s="99"/>
      <c r="AO5968" s="99"/>
      <c r="AP5968" s="99"/>
      <c r="AQ5968" s="99"/>
      <c r="AR5968" s="99"/>
      <c r="AS5968" s="99"/>
      <c r="AT5968" s="99"/>
      <c r="AU5968" s="99"/>
      <c r="AV5968" s="99"/>
      <c r="AW5968" s="99"/>
      <c r="AX5968" s="99"/>
      <c r="AY5968" s="99"/>
      <c r="AZ5968" s="99"/>
      <c r="BA5968" s="99"/>
      <c r="BB5968" s="107">
        <v>45884</v>
      </c>
    </row>
    <row r="5969" spans="1:54" s="8" customFormat="1" ht="13.95" customHeight="1" x14ac:dyDescent="0.25">
      <c r="A5969" s="219" t="s">
        <v>13984</v>
      </c>
      <c r="B5969" s="220" t="s">
        <v>13310</v>
      </c>
      <c r="C5969" s="98" t="s">
        <v>13985</v>
      </c>
      <c r="D5969" s="144" t="s">
        <v>13986</v>
      </c>
      <c r="E5969" s="141">
        <v>1987</v>
      </c>
      <c r="F5969" s="141">
        <v>3143</v>
      </c>
      <c r="G5969" s="144" t="s">
        <v>1</v>
      </c>
      <c r="H5969" s="98">
        <v>0</v>
      </c>
      <c r="I5969" s="98">
        <v>0</v>
      </c>
      <c r="J5969" s="98">
        <v>1</v>
      </c>
      <c r="K5969" s="149" t="s">
        <v>400</v>
      </c>
      <c r="L5969" s="149" t="s">
        <v>400</v>
      </c>
      <c r="M5969" s="149" t="s">
        <v>400</v>
      </c>
      <c r="N5969" s="149" t="s">
        <v>400</v>
      </c>
      <c r="O5969" s="149" t="s">
        <v>400</v>
      </c>
      <c r="P5969" s="149" t="s">
        <v>400</v>
      </c>
      <c r="Q5969" s="149" t="s">
        <v>400</v>
      </c>
      <c r="R5969" s="149" t="s">
        <v>400</v>
      </c>
      <c r="S5969" s="149" t="s">
        <v>400</v>
      </c>
      <c r="T5969" s="149" t="s">
        <v>400</v>
      </c>
      <c r="U5969" s="99"/>
      <c r="V5969" s="99"/>
      <c r="W5969" s="99"/>
      <c r="X5969" s="99"/>
      <c r="Y5969" s="99"/>
      <c r="Z5969" s="99"/>
      <c r="AA5969" s="99"/>
      <c r="AB5969" s="99"/>
      <c r="AC5969" s="99"/>
      <c r="AD5969" s="99"/>
      <c r="AE5969" s="99"/>
      <c r="AF5969" s="99"/>
      <c r="AG5969" s="99"/>
      <c r="AH5969" s="99"/>
      <c r="AI5969" s="99"/>
      <c r="AJ5969" s="99"/>
      <c r="AK5969" s="99"/>
      <c r="AL5969" s="99"/>
      <c r="AM5969" s="99"/>
      <c r="AN5969" s="99"/>
      <c r="AO5969" s="99"/>
      <c r="AP5969" s="99"/>
      <c r="AQ5969" s="99"/>
      <c r="AR5969" s="99"/>
      <c r="AS5969" s="99"/>
      <c r="AT5969" s="99"/>
      <c r="AU5969" s="99"/>
      <c r="AV5969" s="99"/>
      <c r="AW5969" s="99"/>
      <c r="AX5969" s="99"/>
      <c r="AY5969" s="99"/>
      <c r="AZ5969" s="99"/>
      <c r="BA5969" s="99"/>
      <c r="BB5969" s="107">
        <v>45884</v>
      </c>
    </row>
    <row r="5970" spans="1:54" s="8" customFormat="1" ht="13.95" customHeight="1" x14ac:dyDescent="0.25">
      <c r="A5970" s="219" t="s">
        <v>13987</v>
      </c>
      <c r="B5970" s="220" t="s">
        <v>13310</v>
      </c>
      <c r="C5970" s="98" t="s">
        <v>13988</v>
      </c>
      <c r="D5970" s="144" t="s">
        <v>13989</v>
      </c>
      <c r="E5970" s="141">
        <v>1985</v>
      </c>
      <c r="F5970" s="141">
        <v>3163</v>
      </c>
      <c r="G5970" s="144" t="s">
        <v>1</v>
      </c>
      <c r="H5970" s="98">
        <v>0</v>
      </c>
      <c r="I5970" s="98">
        <v>0</v>
      </c>
      <c r="J5970" s="98">
        <v>1</v>
      </c>
      <c r="K5970" s="149" t="s">
        <v>400</v>
      </c>
      <c r="L5970" s="149" t="s">
        <v>400</v>
      </c>
      <c r="M5970" s="149" t="s">
        <v>400</v>
      </c>
      <c r="N5970" s="149" t="s">
        <v>400</v>
      </c>
      <c r="O5970" s="149" t="s">
        <v>400</v>
      </c>
      <c r="P5970" s="149" t="s">
        <v>400</v>
      </c>
      <c r="Q5970" s="149" t="s">
        <v>400</v>
      </c>
      <c r="R5970" s="149" t="s">
        <v>400</v>
      </c>
      <c r="S5970" s="149" t="s">
        <v>400</v>
      </c>
      <c r="T5970" s="149" t="s">
        <v>400</v>
      </c>
      <c r="U5970" s="99"/>
      <c r="V5970" s="99"/>
      <c r="W5970" s="99"/>
      <c r="X5970" s="99"/>
      <c r="Y5970" s="99"/>
      <c r="Z5970" s="99"/>
      <c r="AA5970" s="99"/>
      <c r="AB5970" s="99"/>
      <c r="AC5970" s="99"/>
      <c r="AD5970" s="99"/>
      <c r="AE5970" s="99"/>
      <c r="AF5970" s="99"/>
      <c r="AG5970" s="99"/>
      <c r="AH5970" s="99"/>
      <c r="AI5970" s="99"/>
      <c r="AJ5970" s="99"/>
      <c r="AK5970" s="99"/>
      <c r="AL5970" s="99"/>
      <c r="AM5970" s="99"/>
      <c r="AN5970" s="99"/>
      <c r="AO5970" s="99"/>
      <c r="AP5970" s="99"/>
      <c r="AQ5970" s="99"/>
      <c r="AR5970" s="99"/>
      <c r="AS5970" s="99"/>
      <c r="AT5970" s="99"/>
      <c r="AU5970" s="99"/>
      <c r="AV5970" s="99"/>
      <c r="AW5970" s="99"/>
      <c r="AX5970" s="99"/>
      <c r="AY5970" s="99"/>
      <c r="AZ5970" s="99"/>
      <c r="BA5970" s="99"/>
      <c r="BB5970" s="107">
        <v>45884</v>
      </c>
    </row>
    <row r="5971" spans="1:54" s="8" customFormat="1" ht="13.95" customHeight="1" x14ac:dyDescent="0.25">
      <c r="A5971" s="219" t="s">
        <v>13990</v>
      </c>
      <c r="B5971" s="220" t="s">
        <v>13310</v>
      </c>
      <c r="C5971" s="98" t="s">
        <v>13991</v>
      </c>
      <c r="D5971" s="144" t="s">
        <v>13992</v>
      </c>
      <c r="E5971" s="141">
        <v>1975</v>
      </c>
      <c r="F5971" s="141">
        <v>3164</v>
      </c>
      <c r="G5971" s="144" t="s">
        <v>1</v>
      </c>
      <c r="H5971" s="98">
        <v>0</v>
      </c>
      <c r="I5971" s="98">
        <v>0</v>
      </c>
      <c r="J5971" s="98">
        <v>1</v>
      </c>
      <c r="K5971" s="149" t="s">
        <v>400</v>
      </c>
      <c r="L5971" s="149" t="s">
        <v>400</v>
      </c>
      <c r="M5971" s="149" t="s">
        <v>400</v>
      </c>
      <c r="N5971" s="149" t="s">
        <v>400</v>
      </c>
      <c r="O5971" s="149" t="s">
        <v>400</v>
      </c>
      <c r="P5971" s="149" t="s">
        <v>400</v>
      </c>
      <c r="Q5971" s="149" t="s">
        <v>400</v>
      </c>
      <c r="R5971" s="149" t="s">
        <v>400</v>
      </c>
      <c r="S5971" s="149" t="s">
        <v>400</v>
      </c>
      <c r="T5971" s="149" t="s">
        <v>400</v>
      </c>
      <c r="U5971" s="99"/>
      <c r="V5971" s="99"/>
      <c r="W5971" s="99"/>
      <c r="X5971" s="99"/>
      <c r="Y5971" s="99"/>
      <c r="Z5971" s="99"/>
      <c r="AA5971" s="99"/>
      <c r="AB5971" s="99"/>
      <c r="AC5971" s="99"/>
      <c r="AD5971" s="99"/>
      <c r="AE5971" s="99"/>
      <c r="AF5971" s="99"/>
      <c r="AG5971" s="99"/>
      <c r="AH5971" s="99"/>
      <c r="AI5971" s="99"/>
      <c r="AJ5971" s="99"/>
      <c r="AK5971" s="99"/>
      <c r="AL5971" s="99"/>
      <c r="AM5971" s="99"/>
      <c r="AN5971" s="99"/>
      <c r="AO5971" s="99"/>
      <c r="AP5971" s="99"/>
      <c r="AQ5971" s="99"/>
      <c r="AR5971" s="99"/>
      <c r="AS5971" s="99"/>
      <c r="AT5971" s="99"/>
      <c r="AU5971" s="99"/>
      <c r="AV5971" s="99"/>
      <c r="AW5971" s="99"/>
      <c r="AX5971" s="99"/>
      <c r="AY5971" s="99"/>
      <c r="AZ5971" s="99"/>
      <c r="BA5971" s="99"/>
      <c r="BB5971" s="107">
        <v>45884</v>
      </c>
    </row>
    <row r="5972" spans="1:54" s="8" customFormat="1" ht="13.95" customHeight="1" x14ac:dyDescent="0.25">
      <c r="A5972" s="219" t="s">
        <v>13993</v>
      </c>
      <c r="B5972" s="220" t="s">
        <v>13310</v>
      </c>
      <c r="C5972" s="98" t="s">
        <v>13994</v>
      </c>
      <c r="D5972" s="144" t="s">
        <v>13995</v>
      </c>
      <c r="E5972" s="141">
        <v>1994</v>
      </c>
      <c r="F5972" s="141">
        <v>3676</v>
      </c>
      <c r="G5972" s="144" t="s">
        <v>3</v>
      </c>
      <c r="H5972" s="98">
        <v>1</v>
      </c>
      <c r="I5972" s="98">
        <v>0</v>
      </c>
      <c r="J5972" s="98">
        <v>1</v>
      </c>
      <c r="K5972" s="149" t="s">
        <v>400</v>
      </c>
      <c r="L5972" s="149" t="s">
        <v>400</v>
      </c>
      <c r="M5972" s="149" t="s">
        <v>400</v>
      </c>
      <c r="N5972" s="149" t="s">
        <v>400</v>
      </c>
      <c r="O5972" s="149" t="s">
        <v>400</v>
      </c>
      <c r="P5972" s="149" t="s">
        <v>400</v>
      </c>
      <c r="Q5972" s="149" t="s">
        <v>400</v>
      </c>
      <c r="R5972" s="149" t="s">
        <v>400</v>
      </c>
      <c r="S5972" s="149" t="s">
        <v>400</v>
      </c>
      <c r="T5972" s="149" t="s">
        <v>400</v>
      </c>
      <c r="U5972" s="149" t="s">
        <v>400</v>
      </c>
      <c r="V5972" s="149" t="s">
        <v>400</v>
      </c>
      <c r="W5972" s="149" t="s">
        <v>400</v>
      </c>
      <c r="X5972" s="149" t="s">
        <v>400</v>
      </c>
      <c r="Y5972" s="149" t="s">
        <v>400</v>
      </c>
      <c r="Z5972" s="149" t="s">
        <v>400</v>
      </c>
      <c r="AA5972" s="149" t="s">
        <v>400</v>
      </c>
      <c r="AB5972" s="149" t="s">
        <v>400</v>
      </c>
      <c r="AC5972" s="149" t="s">
        <v>400</v>
      </c>
      <c r="AD5972" s="149" t="s">
        <v>400</v>
      </c>
      <c r="AE5972" s="149" t="s">
        <v>400</v>
      </c>
      <c r="AF5972" s="149" t="s">
        <v>400</v>
      </c>
      <c r="AG5972" s="149" t="s">
        <v>400</v>
      </c>
      <c r="AH5972" s="149" t="s">
        <v>400</v>
      </c>
      <c r="AI5972" s="149" t="s">
        <v>400</v>
      </c>
      <c r="AJ5972" s="149" t="s">
        <v>400</v>
      </c>
      <c r="AK5972" s="149" t="s">
        <v>400</v>
      </c>
      <c r="AL5972" s="149" t="s">
        <v>400</v>
      </c>
      <c r="AM5972" s="149" t="s">
        <v>400</v>
      </c>
      <c r="AN5972" s="149" t="s">
        <v>400</v>
      </c>
      <c r="AO5972" s="149" t="s">
        <v>400</v>
      </c>
      <c r="AP5972" s="149" t="s">
        <v>400</v>
      </c>
      <c r="AQ5972" s="149" t="s">
        <v>400</v>
      </c>
      <c r="AR5972" s="149" t="s">
        <v>400</v>
      </c>
      <c r="AS5972" s="149" t="s">
        <v>400</v>
      </c>
      <c r="AT5972" s="129" t="s">
        <v>400</v>
      </c>
      <c r="AU5972" s="149" t="s">
        <v>400</v>
      </c>
      <c r="AV5972" s="149" t="s">
        <v>400</v>
      </c>
      <c r="AW5972" s="149" t="s">
        <v>400</v>
      </c>
      <c r="AX5972" s="98"/>
      <c r="AY5972" s="98"/>
      <c r="AZ5972" s="98"/>
      <c r="BA5972" s="98"/>
      <c r="BB5972" s="107">
        <v>45884</v>
      </c>
    </row>
    <row r="5973" spans="1:54" s="8" customFormat="1" ht="13.95" customHeight="1" x14ac:dyDescent="0.25">
      <c r="A5973" s="219" t="s">
        <v>13996</v>
      </c>
      <c r="B5973" s="220" t="s">
        <v>13310</v>
      </c>
      <c r="C5973" s="98" t="s">
        <v>13997</v>
      </c>
      <c r="D5973" s="144" t="s">
        <v>13998</v>
      </c>
      <c r="E5973" s="141">
        <v>1980</v>
      </c>
      <c r="F5973" s="141">
        <v>3227</v>
      </c>
      <c r="G5973" s="144" t="s">
        <v>1</v>
      </c>
      <c r="H5973" s="98">
        <v>0</v>
      </c>
      <c r="I5973" s="98">
        <v>0</v>
      </c>
      <c r="J5973" s="98">
        <v>1</v>
      </c>
      <c r="K5973" s="149" t="s">
        <v>400</v>
      </c>
      <c r="L5973" s="149" t="s">
        <v>400</v>
      </c>
      <c r="M5973" s="149" t="s">
        <v>400</v>
      </c>
      <c r="N5973" s="149" t="s">
        <v>400</v>
      </c>
      <c r="O5973" s="149" t="s">
        <v>400</v>
      </c>
      <c r="P5973" s="149" t="s">
        <v>400</v>
      </c>
      <c r="Q5973" s="149" t="s">
        <v>400</v>
      </c>
      <c r="R5973" s="149" t="s">
        <v>400</v>
      </c>
      <c r="S5973" s="149" t="s">
        <v>400</v>
      </c>
      <c r="T5973" s="149" t="s">
        <v>400</v>
      </c>
      <c r="U5973" s="99"/>
      <c r="V5973" s="99"/>
      <c r="W5973" s="99"/>
      <c r="X5973" s="99"/>
      <c r="Y5973" s="99"/>
      <c r="Z5973" s="99"/>
      <c r="AA5973" s="99"/>
      <c r="AB5973" s="99"/>
      <c r="AC5973" s="99"/>
      <c r="AD5973" s="99"/>
      <c r="AE5973" s="99"/>
      <c r="AF5973" s="99"/>
      <c r="AG5973" s="99"/>
      <c r="AH5973" s="99"/>
      <c r="AI5973" s="99"/>
      <c r="AJ5973" s="99"/>
      <c r="AK5973" s="99"/>
      <c r="AL5973" s="99"/>
      <c r="AM5973" s="99"/>
      <c r="AN5973" s="99"/>
      <c r="AO5973" s="99"/>
      <c r="AP5973" s="99"/>
      <c r="AQ5973" s="99"/>
      <c r="AR5973" s="99"/>
      <c r="AS5973" s="99"/>
      <c r="AT5973" s="99"/>
      <c r="AU5973" s="99"/>
      <c r="AV5973" s="99"/>
      <c r="AW5973" s="99"/>
      <c r="AX5973" s="99"/>
      <c r="AY5973" s="99"/>
      <c r="AZ5973" s="99"/>
      <c r="BA5973" s="99"/>
      <c r="BB5973" s="107">
        <v>45884</v>
      </c>
    </row>
    <row r="5974" spans="1:54" s="8" customFormat="1" ht="13.95" customHeight="1" x14ac:dyDescent="0.25">
      <c r="A5974" s="219" t="s">
        <v>13999</v>
      </c>
      <c r="B5974" s="220" t="s">
        <v>13310</v>
      </c>
      <c r="C5974" s="98" t="s">
        <v>22223</v>
      </c>
      <c r="D5974" s="144" t="s">
        <v>14000</v>
      </c>
      <c r="E5974" s="141">
        <v>1973</v>
      </c>
      <c r="F5974" s="141">
        <v>3242</v>
      </c>
      <c r="G5974" s="144" t="s">
        <v>1</v>
      </c>
      <c r="H5974" s="98">
        <v>0</v>
      </c>
      <c r="I5974" s="98">
        <v>0</v>
      </c>
      <c r="J5974" s="98">
        <v>1</v>
      </c>
      <c r="K5974" s="149" t="s">
        <v>400</v>
      </c>
      <c r="L5974" s="149" t="s">
        <v>400</v>
      </c>
      <c r="M5974" s="149" t="s">
        <v>400</v>
      </c>
      <c r="N5974" s="149" t="s">
        <v>400</v>
      </c>
      <c r="O5974" s="149" t="s">
        <v>400</v>
      </c>
      <c r="P5974" s="149" t="s">
        <v>400</v>
      </c>
      <c r="Q5974" s="149" t="s">
        <v>400</v>
      </c>
      <c r="R5974" s="149" t="s">
        <v>400</v>
      </c>
      <c r="S5974" s="149" t="s">
        <v>400</v>
      </c>
      <c r="T5974" s="149" t="s">
        <v>400</v>
      </c>
      <c r="U5974" s="99"/>
      <c r="V5974" s="99"/>
      <c r="W5974" s="99"/>
      <c r="X5974" s="99"/>
      <c r="Y5974" s="99"/>
      <c r="Z5974" s="99"/>
      <c r="AA5974" s="99"/>
      <c r="AB5974" s="99"/>
      <c r="AC5974" s="99"/>
      <c r="AD5974" s="99"/>
      <c r="AE5974" s="99"/>
      <c r="AF5974" s="99"/>
      <c r="AG5974" s="99"/>
      <c r="AH5974" s="99"/>
      <c r="AI5974" s="99"/>
      <c r="AJ5974" s="99"/>
      <c r="AK5974" s="99"/>
      <c r="AL5974" s="99"/>
      <c r="AM5974" s="99"/>
      <c r="AN5974" s="99"/>
      <c r="AO5974" s="99"/>
      <c r="AP5974" s="99"/>
      <c r="AQ5974" s="99"/>
      <c r="AR5974" s="99"/>
      <c r="AS5974" s="99"/>
      <c r="AT5974" s="99"/>
      <c r="AU5974" s="99"/>
      <c r="AV5974" s="99"/>
      <c r="AW5974" s="99"/>
      <c r="AX5974" s="99"/>
      <c r="AY5974" s="99"/>
      <c r="AZ5974" s="99"/>
      <c r="BA5974" s="99"/>
      <c r="BB5974" s="107">
        <v>45884</v>
      </c>
    </row>
    <row r="5975" spans="1:54" s="8" customFormat="1" ht="13.95" customHeight="1" x14ac:dyDescent="0.25">
      <c r="A5975" s="219" t="s">
        <v>14001</v>
      </c>
      <c r="B5975" s="220" t="s">
        <v>13310</v>
      </c>
      <c r="C5975" s="98" t="s">
        <v>14002</v>
      </c>
      <c r="D5975" s="144" t="s">
        <v>14003</v>
      </c>
      <c r="E5975" s="141">
        <v>1985</v>
      </c>
      <c r="F5975" s="141">
        <v>3281</v>
      </c>
      <c r="G5975" s="144" t="s">
        <v>1</v>
      </c>
      <c r="H5975" s="98">
        <v>0</v>
      </c>
      <c r="I5975" s="98">
        <v>0</v>
      </c>
      <c r="J5975" s="98">
        <v>1</v>
      </c>
      <c r="K5975" s="149" t="s">
        <v>400</v>
      </c>
      <c r="L5975" s="149" t="s">
        <v>400</v>
      </c>
      <c r="M5975" s="149" t="s">
        <v>400</v>
      </c>
      <c r="N5975" s="149" t="s">
        <v>400</v>
      </c>
      <c r="O5975" s="149" t="s">
        <v>400</v>
      </c>
      <c r="P5975" s="149" t="s">
        <v>400</v>
      </c>
      <c r="Q5975" s="149" t="s">
        <v>400</v>
      </c>
      <c r="R5975" s="149" t="s">
        <v>400</v>
      </c>
      <c r="S5975" s="149" t="s">
        <v>400</v>
      </c>
      <c r="T5975" s="149" t="s">
        <v>400</v>
      </c>
      <c r="U5975" s="99"/>
      <c r="V5975" s="99"/>
      <c r="W5975" s="99"/>
      <c r="X5975" s="99"/>
      <c r="Y5975" s="99"/>
      <c r="Z5975" s="99"/>
      <c r="AA5975" s="99"/>
      <c r="AB5975" s="99"/>
      <c r="AC5975" s="99"/>
      <c r="AD5975" s="99"/>
      <c r="AE5975" s="99"/>
      <c r="AF5975" s="99"/>
      <c r="AG5975" s="99"/>
      <c r="AH5975" s="99"/>
      <c r="AI5975" s="99"/>
      <c r="AJ5975" s="99"/>
      <c r="AK5975" s="99"/>
      <c r="AL5975" s="99"/>
      <c r="AM5975" s="99"/>
      <c r="AN5975" s="99"/>
      <c r="AO5975" s="99"/>
      <c r="AP5975" s="99"/>
      <c r="AQ5975" s="99"/>
      <c r="AR5975" s="99"/>
      <c r="AS5975" s="99"/>
      <c r="AT5975" s="99"/>
      <c r="AU5975" s="99"/>
      <c r="AV5975" s="99"/>
      <c r="AW5975" s="99"/>
      <c r="AX5975" s="99"/>
      <c r="AY5975" s="99"/>
      <c r="AZ5975" s="99"/>
      <c r="BA5975" s="99"/>
      <c r="BB5975" s="107">
        <v>45884</v>
      </c>
    </row>
    <row r="5976" spans="1:54" s="8" customFormat="1" ht="13.95" customHeight="1" x14ac:dyDescent="0.25">
      <c r="A5976" s="219" t="s">
        <v>14004</v>
      </c>
      <c r="B5976" s="220" t="s">
        <v>13310</v>
      </c>
      <c r="C5976" s="98" t="s">
        <v>14005</v>
      </c>
      <c r="D5976" s="144" t="s">
        <v>14006</v>
      </c>
      <c r="E5976" s="141">
        <v>1987</v>
      </c>
      <c r="F5976" s="141">
        <v>3340</v>
      </c>
      <c r="G5976" s="144" t="s">
        <v>1</v>
      </c>
      <c r="H5976" s="98">
        <v>0</v>
      </c>
      <c r="I5976" s="98">
        <v>0</v>
      </c>
      <c r="J5976" s="98">
        <v>1</v>
      </c>
      <c r="K5976" s="149" t="s">
        <v>400</v>
      </c>
      <c r="L5976" s="149" t="s">
        <v>400</v>
      </c>
      <c r="M5976" s="149" t="s">
        <v>400</v>
      </c>
      <c r="N5976" s="149" t="s">
        <v>400</v>
      </c>
      <c r="O5976" s="149" t="s">
        <v>400</v>
      </c>
      <c r="P5976" s="149" t="s">
        <v>400</v>
      </c>
      <c r="Q5976" s="149" t="s">
        <v>400</v>
      </c>
      <c r="R5976" s="149" t="s">
        <v>400</v>
      </c>
      <c r="S5976" s="149" t="s">
        <v>400</v>
      </c>
      <c r="T5976" s="149" t="s">
        <v>400</v>
      </c>
      <c r="U5976" s="99"/>
      <c r="V5976" s="99"/>
      <c r="W5976" s="99"/>
      <c r="X5976" s="99"/>
      <c r="Y5976" s="99"/>
      <c r="Z5976" s="99"/>
      <c r="AA5976" s="99"/>
      <c r="AB5976" s="99"/>
      <c r="AC5976" s="99"/>
      <c r="AD5976" s="99"/>
      <c r="AE5976" s="99"/>
      <c r="AF5976" s="99"/>
      <c r="AG5976" s="99"/>
      <c r="AH5976" s="99"/>
      <c r="AI5976" s="99"/>
      <c r="AJ5976" s="99"/>
      <c r="AK5976" s="99"/>
      <c r="AL5976" s="99"/>
      <c r="AM5976" s="99"/>
      <c r="AN5976" s="99"/>
      <c r="AO5976" s="99"/>
      <c r="AP5976" s="99"/>
      <c r="AQ5976" s="99"/>
      <c r="AR5976" s="99"/>
      <c r="AS5976" s="99"/>
      <c r="AT5976" s="99"/>
      <c r="AU5976" s="99"/>
      <c r="AV5976" s="99"/>
      <c r="AW5976" s="99"/>
      <c r="AX5976" s="99"/>
      <c r="AY5976" s="99"/>
      <c r="AZ5976" s="99"/>
      <c r="BA5976" s="99"/>
      <c r="BB5976" s="107">
        <v>45884</v>
      </c>
    </row>
    <row r="5977" spans="1:54" s="8" customFormat="1" ht="13.95" customHeight="1" x14ac:dyDescent="0.25">
      <c r="A5977" s="219" t="s">
        <v>14007</v>
      </c>
      <c r="B5977" s="220" t="s">
        <v>13310</v>
      </c>
      <c r="C5977" s="98" t="s">
        <v>14008</v>
      </c>
      <c r="D5977" s="144" t="s">
        <v>14009</v>
      </c>
      <c r="E5977" s="141">
        <v>2010</v>
      </c>
      <c r="F5977" s="141">
        <v>3489</v>
      </c>
      <c r="G5977" s="144" t="s">
        <v>1</v>
      </c>
      <c r="H5977" s="98">
        <v>0</v>
      </c>
      <c r="I5977" s="98">
        <v>0</v>
      </c>
      <c r="J5977" s="98">
        <v>1</v>
      </c>
      <c r="K5977" s="149" t="s">
        <v>400</v>
      </c>
      <c r="L5977" s="149" t="s">
        <v>400</v>
      </c>
      <c r="M5977" s="149" t="s">
        <v>400</v>
      </c>
      <c r="N5977" s="149" t="s">
        <v>400</v>
      </c>
      <c r="O5977" s="149" t="s">
        <v>400</v>
      </c>
      <c r="P5977" s="149" t="s">
        <v>400</v>
      </c>
      <c r="Q5977" s="149" t="s">
        <v>400</v>
      </c>
      <c r="R5977" s="149" t="s">
        <v>400</v>
      </c>
      <c r="S5977" s="149" t="s">
        <v>400</v>
      </c>
      <c r="T5977" s="149" t="s">
        <v>400</v>
      </c>
      <c r="U5977" s="99"/>
      <c r="V5977" s="99"/>
      <c r="W5977" s="99"/>
      <c r="X5977" s="99"/>
      <c r="Y5977" s="99"/>
      <c r="Z5977" s="99"/>
      <c r="AA5977" s="99"/>
      <c r="AB5977" s="99"/>
      <c r="AC5977" s="99"/>
      <c r="AD5977" s="99"/>
      <c r="AE5977" s="99"/>
      <c r="AF5977" s="99"/>
      <c r="AG5977" s="99"/>
      <c r="AH5977" s="99"/>
      <c r="AI5977" s="99"/>
      <c r="AJ5977" s="99"/>
      <c r="AK5977" s="99"/>
      <c r="AL5977" s="99"/>
      <c r="AM5977" s="99"/>
      <c r="AN5977" s="99"/>
      <c r="AO5977" s="99"/>
      <c r="AP5977" s="99"/>
      <c r="AQ5977" s="99"/>
      <c r="AR5977" s="99"/>
      <c r="AS5977" s="99"/>
      <c r="AT5977" s="99"/>
      <c r="AU5977" s="99"/>
      <c r="AV5977" s="99"/>
      <c r="AW5977" s="99"/>
      <c r="AX5977" s="99"/>
      <c r="AY5977" s="99"/>
      <c r="AZ5977" s="99"/>
      <c r="BA5977" s="99"/>
      <c r="BB5977" s="107">
        <v>45884</v>
      </c>
    </row>
    <row r="5978" spans="1:54" s="8" customFormat="1" ht="13.95" customHeight="1" x14ac:dyDescent="0.25">
      <c r="A5978" s="219" t="s">
        <v>14010</v>
      </c>
      <c r="B5978" s="220" t="s">
        <v>13310</v>
      </c>
      <c r="C5978" s="98" t="s">
        <v>14011</v>
      </c>
      <c r="D5978" s="144" t="s">
        <v>14012</v>
      </c>
      <c r="E5978" s="141">
        <v>1989</v>
      </c>
      <c r="F5978" s="141">
        <v>3426</v>
      </c>
      <c r="G5978" s="144" t="s">
        <v>1</v>
      </c>
      <c r="H5978" s="98">
        <v>0</v>
      </c>
      <c r="I5978" s="98">
        <v>0</v>
      </c>
      <c r="J5978" s="98">
        <v>1</v>
      </c>
      <c r="K5978" s="149" t="s">
        <v>400</v>
      </c>
      <c r="L5978" s="149" t="s">
        <v>400</v>
      </c>
      <c r="M5978" s="149" t="s">
        <v>400</v>
      </c>
      <c r="N5978" s="149" t="s">
        <v>400</v>
      </c>
      <c r="O5978" s="149" t="s">
        <v>400</v>
      </c>
      <c r="P5978" s="149" t="s">
        <v>400</v>
      </c>
      <c r="Q5978" s="149" t="s">
        <v>400</v>
      </c>
      <c r="R5978" s="149" t="s">
        <v>400</v>
      </c>
      <c r="S5978" s="149" t="s">
        <v>400</v>
      </c>
      <c r="T5978" s="149" t="s">
        <v>400</v>
      </c>
      <c r="U5978" s="99"/>
      <c r="V5978" s="99"/>
      <c r="W5978" s="99"/>
      <c r="X5978" s="99"/>
      <c r="Y5978" s="99"/>
      <c r="Z5978" s="99"/>
      <c r="AA5978" s="99"/>
      <c r="AB5978" s="99"/>
      <c r="AC5978" s="99"/>
      <c r="AD5978" s="99"/>
      <c r="AE5978" s="99"/>
      <c r="AF5978" s="99"/>
      <c r="AG5978" s="99"/>
      <c r="AH5978" s="99"/>
      <c r="AI5978" s="99"/>
      <c r="AJ5978" s="99"/>
      <c r="AK5978" s="99"/>
      <c r="AL5978" s="99"/>
      <c r="AM5978" s="99"/>
      <c r="AN5978" s="99"/>
      <c r="AO5978" s="99"/>
      <c r="AP5978" s="99"/>
      <c r="AQ5978" s="99"/>
      <c r="AR5978" s="99"/>
      <c r="AS5978" s="99"/>
      <c r="AT5978" s="99"/>
      <c r="AU5978" s="99"/>
      <c r="AV5978" s="99"/>
      <c r="AW5978" s="99"/>
      <c r="AX5978" s="99"/>
      <c r="AY5978" s="99"/>
      <c r="AZ5978" s="99"/>
      <c r="BA5978" s="99"/>
      <c r="BB5978" s="107">
        <v>45884</v>
      </c>
    </row>
    <row r="5979" spans="1:54" s="8" customFormat="1" ht="13.95" customHeight="1" x14ac:dyDescent="0.25">
      <c r="A5979" s="219" t="s">
        <v>14013</v>
      </c>
      <c r="B5979" s="220" t="s">
        <v>13310</v>
      </c>
      <c r="C5979" s="98" t="s">
        <v>3305</v>
      </c>
      <c r="D5979" s="144" t="s">
        <v>14014</v>
      </c>
      <c r="E5979" s="141">
        <v>1982</v>
      </c>
      <c r="F5979" s="141">
        <v>3497</v>
      </c>
      <c r="G5979" s="144" t="s">
        <v>1</v>
      </c>
      <c r="H5979" s="98">
        <v>0</v>
      </c>
      <c r="I5979" s="98">
        <v>0</v>
      </c>
      <c r="J5979" s="98">
        <v>1</v>
      </c>
      <c r="K5979" s="149" t="s">
        <v>400</v>
      </c>
      <c r="L5979" s="149" t="s">
        <v>400</v>
      </c>
      <c r="M5979" s="149" t="s">
        <v>400</v>
      </c>
      <c r="N5979" s="149" t="s">
        <v>400</v>
      </c>
      <c r="O5979" s="149" t="s">
        <v>400</v>
      </c>
      <c r="P5979" s="149" t="s">
        <v>400</v>
      </c>
      <c r="Q5979" s="149" t="s">
        <v>400</v>
      </c>
      <c r="R5979" s="149" t="s">
        <v>400</v>
      </c>
      <c r="S5979" s="149" t="s">
        <v>400</v>
      </c>
      <c r="T5979" s="149" t="s">
        <v>400</v>
      </c>
      <c r="U5979" s="99"/>
      <c r="V5979" s="99"/>
      <c r="W5979" s="99"/>
      <c r="X5979" s="99"/>
      <c r="Y5979" s="99"/>
      <c r="Z5979" s="99"/>
      <c r="AA5979" s="99"/>
      <c r="AB5979" s="99"/>
      <c r="AC5979" s="99"/>
      <c r="AD5979" s="99"/>
      <c r="AE5979" s="99"/>
      <c r="AF5979" s="99"/>
      <c r="AG5979" s="99"/>
      <c r="AH5979" s="99"/>
      <c r="AI5979" s="99"/>
      <c r="AJ5979" s="99"/>
      <c r="AK5979" s="99"/>
      <c r="AL5979" s="99"/>
      <c r="AM5979" s="99"/>
      <c r="AN5979" s="99"/>
      <c r="AO5979" s="99"/>
      <c r="AP5979" s="99"/>
      <c r="AQ5979" s="99"/>
      <c r="AR5979" s="99"/>
      <c r="AS5979" s="99"/>
      <c r="AT5979" s="98">
        <v>1</v>
      </c>
      <c r="AU5979" s="99"/>
      <c r="AV5979" s="99"/>
      <c r="AW5979" s="99"/>
      <c r="AX5979" s="99"/>
      <c r="AY5979" s="99"/>
      <c r="AZ5979" s="99"/>
      <c r="BA5979" s="99"/>
      <c r="BB5979" s="107">
        <v>45884</v>
      </c>
    </row>
    <row r="5980" spans="1:54" s="8" customFormat="1" ht="13.95" customHeight="1" x14ac:dyDescent="0.25">
      <c r="A5980" s="219" t="s">
        <v>14015</v>
      </c>
      <c r="B5980" s="220" t="s">
        <v>13310</v>
      </c>
      <c r="C5980" s="98" t="s">
        <v>14016</v>
      </c>
      <c r="D5980" s="144" t="s">
        <v>14017</v>
      </c>
      <c r="E5980" s="141">
        <v>1981</v>
      </c>
      <c r="F5980" s="141">
        <v>3525</v>
      </c>
      <c r="G5980" s="144" t="s">
        <v>1</v>
      </c>
      <c r="H5980" s="98">
        <v>0</v>
      </c>
      <c r="I5980" s="98">
        <v>0</v>
      </c>
      <c r="J5980" s="98">
        <v>1</v>
      </c>
      <c r="K5980" s="149" t="s">
        <v>400</v>
      </c>
      <c r="L5980" s="149" t="s">
        <v>400</v>
      </c>
      <c r="M5980" s="149" t="s">
        <v>400</v>
      </c>
      <c r="N5980" s="149" t="s">
        <v>400</v>
      </c>
      <c r="O5980" s="149" t="s">
        <v>400</v>
      </c>
      <c r="P5980" s="149" t="s">
        <v>400</v>
      </c>
      <c r="Q5980" s="149" t="s">
        <v>400</v>
      </c>
      <c r="R5980" s="149" t="s">
        <v>400</v>
      </c>
      <c r="S5980" s="149" t="s">
        <v>400</v>
      </c>
      <c r="T5980" s="149" t="s">
        <v>400</v>
      </c>
      <c r="U5980" s="99"/>
      <c r="V5980" s="99"/>
      <c r="W5980" s="99"/>
      <c r="X5980" s="99"/>
      <c r="Y5980" s="99"/>
      <c r="Z5980" s="99"/>
      <c r="AA5980" s="99"/>
      <c r="AB5980" s="99"/>
      <c r="AC5980" s="99"/>
      <c r="AD5980" s="99"/>
      <c r="AE5980" s="99"/>
      <c r="AF5980" s="99"/>
      <c r="AG5980" s="99"/>
      <c r="AH5980" s="99"/>
      <c r="AI5980" s="99"/>
      <c r="AJ5980" s="99"/>
      <c r="AK5980" s="99"/>
      <c r="AL5980" s="99"/>
      <c r="AM5980" s="99"/>
      <c r="AN5980" s="99"/>
      <c r="AO5980" s="99"/>
      <c r="AP5980" s="99"/>
      <c r="AQ5980" s="99"/>
      <c r="AR5980" s="99"/>
      <c r="AS5980" s="99"/>
      <c r="AT5980" s="99"/>
      <c r="AU5980" s="99"/>
      <c r="AV5980" s="99"/>
      <c r="AW5980" s="99"/>
      <c r="AX5980" s="99"/>
      <c r="AY5980" s="99"/>
      <c r="AZ5980" s="99"/>
      <c r="BA5980" s="99"/>
      <c r="BB5980" s="107">
        <v>45884</v>
      </c>
    </row>
    <row r="5981" spans="1:54" s="8" customFormat="1" ht="13.95" customHeight="1" x14ac:dyDescent="0.25">
      <c r="A5981" s="219" t="s">
        <v>14018</v>
      </c>
      <c r="B5981" s="220" t="s">
        <v>13310</v>
      </c>
      <c r="C5981" s="98" t="s">
        <v>14019</v>
      </c>
      <c r="D5981" s="144" t="s">
        <v>14020</v>
      </c>
      <c r="E5981" s="141">
        <v>2009</v>
      </c>
      <c r="F5981" s="141">
        <v>3550</v>
      </c>
      <c r="G5981" s="144" t="s">
        <v>1</v>
      </c>
      <c r="H5981" s="98">
        <v>0</v>
      </c>
      <c r="I5981" s="98">
        <v>0</v>
      </c>
      <c r="J5981" s="98">
        <v>1</v>
      </c>
      <c r="K5981" s="149" t="s">
        <v>400</v>
      </c>
      <c r="L5981" s="149" t="s">
        <v>400</v>
      </c>
      <c r="M5981" s="149" t="s">
        <v>400</v>
      </c>
      <c r="N5981" s="149" t="s">
        <v>400</v>
      </c>
      <c r="O5981" s="149" t="s">
        <v>400</v>
      </c>
      <c r="P5981" s="149" t="s">
        <v>400</v>
      </c>
      <c r="Q5981" s="149" t="s">
        <v>400</v>
      </c>
      <c r="R5981" s="149" t="s">
        <v>400</v>
      </c>
      <c r="S5981" s="149" t="s">
        <v>400</v>
      </c>
      <c r="T5981" s="149" t="s">
        <v>400</v>
      </c>
      <c r="U5981" s="99"/>
      <c r="V5981" s="99"/>
      <c r="W5981" s="99"/>
      <c r="X5981" s="99"/>
      <c r="Y5981" s="99"/>
      <c r="Z5981" s="99"/>
      <c r="AA5981" s="99"/>
      <c r="AB5981" s="99"/>
      <c r="AC5981" s="99"/>
      <c r="AD5981" s="99"/>
      <c r="AE5981" s="99"/>
      <c r="AF5981" s="99"/>
      <c r="AG5981" s="99"/>
      <c r="AH5981" s="99"/>
      <c r="AI5981" s="99"/>
      <c r="AJ5981" s="99"/>
      <c r="AK5981" s="99"/>
      <c r="AL5981" s="99"/>
      <c r="AM5981" s="99"/>
      <c r="AN5981" s="99"/>
      <c r="AO5981" s="99"/>
      <c r="AP5981" s="99"/>
      <c r="AQ5981" s="99"/>
      <c r="AR5981" s="99"/>
      <c r="AS5981" s="99"/>
      <c r="AT5981" s="99"/>
      <c r="AU5981" s="99"/>
      <c r="AV5981" s="99"/>
      <c r="AW5981" s="99"/>
      <c r="AX5981" s="99"/>
      <c r="AY5981" s="99"/>
      <c r="AZ5981" s="99"/>
      <c r="BA5981" s="99"/>
      <c r="BB5981" s="107">
        <v>45884</v>
      </c>
    </row>
    <row r="5982" spans="1:54" s="8" customFormat="1" ht="13.95" customHeight="1" x14ac:dyDescent="0.25">
      <c r="A5982" s="219" t="s">
        <v>14021</v>
      </c>
      <c r="B5982" s="220" t="s">
        <v>13310</v>
      </c>
      <c r="C5982" s="98" t="s">
        <v>14022</v>
      </c>
      <c r="D5982" s="144" t="s">
        <v>14023</v>
      </c>
      <c r="E5982" s="141">
        <v>1968</v>
      </c>
      <c r="F5982" s="141">
        <v>3550</v>
      </c>
      <c r="G5982" s="144" t="s">
        <v>1</v>
      </c>
      <c r="H5982" s="98">
        <v>0</v>
      </c>
      <c r="I5982" s="98">
        <v>0</v>
      </c>
      <c r="J5982" s="98">
        <v>1</v>
      </c>
      <c r="K5982" s="149" t="s">
        <v>400</v>
      </c>
      <c r="L5982" s="149" t="s">
        <v>400</v>
      </c>
      <c r="M5982" s="149" t="s">
        <v>400</v>
      </c>
      <c r="N5982" s="149" t="s">
        <v>400</v>
      </c>
      <c r="O5982" s="149" t="s">
        <v>400</v>
      </c>
      <c r="P5982" s="149" t="s">
        <v>400</v>
      </c>
      <c r="Q5982" s="149" t="s">
        <v>400</v>
      </c>
      <c r="R5982" s="149" t="s">
        <v>400</v>
      </c>
      <c r="S5982" s="149" t="s">
        <v>400</v>
      </c>
      <c r="T5982" s="149" t="s">
        <v>400</v>
      </c>
      <c r="U5982" s="99"/>
      <c r="V5982" s="99"/>
      <c r="W5982" s="99"/>
      <c r="X5982" s="99"/>
      <c r="Y5982" s="99"/>
      <c r="Z5982" s="99"/>
      <c r="AA5982" s="99"/>
      <c r="AB5982" s="99"/>
      <c r="AC5982" s="99"/>
      <c r="AD5982" s="99"/>
      <c r="AE5982" s="99"/>
      <c r="AF5982" s="99"/>
      <c r="AG5982" s="99"/>
      <c r="AH5982" s="99"/>
      <c r="AI5982" s="99"/>
      <c r="AJ5982" s="99"/>
      <c r="AK5982" s="99"/>
      <c r="AL5982" s="99"/>
      <c r="AM5982" s="99"/>
      <c r="AN5982" s="99"/>
      <c r="AO5982" s="99"/>
      <c r="AP5982" s="99"/>
      <c r="AQ5982" s="99"/>
      <c r="AR5982" s="99"/>
      <c r="AS5982" s="99"/>
      <c r="AT5982" s="99"/>
      <c r="AU5982" s="99"/>
      <c r="AV5982" s="99"/>
      <c r="AW5982" s="99"/>
      <c r="AX5982" s="99"/>
      <c r="AY5982" s="99"/>
      <c r="AZ5982" s="99"/>
      <c r="BA5982" s="99"/>
      <c r="BB5982" s="107">
        <v>45884</v>
      </c>
    </row>
    <row r="5983" spans="1:54" s="8" customFormat="1" ht="13.95" customHeight="1" x14ac:dyDescent="0.25">
      <c r="A5983" s="219" t="s">
        <v>14024</v>
      </c>
      <c r="B5983" s="220" t="s">
        <v>13310</v>
      </c>
      <c r="C5983" s="98" t="s">
        <v>14025</v>
      </c>
      <c r="D5983" s="144" t="s">
        <v>14026</v>
      </c>
      <c r="E5983" s="141">
        <v>1983</v>
      </c>
      <c r="F5983" s="141">
        <v>3555</v>
      </c>
      <c r="G5983" s="144" t="s">
        <v>1</v>
      </c>
      <c r="H5983" s="98">
        <v>0</v>
      </c>
      <c r="I5983" s="98">
        <v>0</v>
      </c>
      <c r="J5983" s="98">
        <v>1</v>
      </c>
      <c r="K5983" s="149" t="s">
        <v>400</v>
      </c>
      <c r="L5983" s="149" t="s">
        <v>400</v>
      </c>
      <c r="M5983" s="149" t="s">
        <v>400</v>
      </c>
      <c r="N5983" s="149" t="s">
        <v>400</v>
      </c>
      <c r="O5983" s="149" t="s">
        <v>400</v>
      </c>
      <c r="P5983" s="149" t="s">
        <v>400</v>
      </c>
      <c r="Q5983" s="149" t="s">
        <v>400</v>
      </c>
      <c r="R5983" s="149" t="s">
        <v>400</v>
      </c>
      <c r="S5983" s="149" t="s">
        <v>400</v>
      </c>
      <c r="T5983" s="149" t="s">
        <v>400</v>
      </c>
      <c r="U5983" s="99"/>
      <c r="V5983" s="99"/>
      <c r="W5983" s="99"/>
      <c r="X5983" s="99"/>
      <c r="Y5983" s="99"/>
      <c r="Z5983" s="99"/>
      <c r="AA5983" s="99"/>
      <c r="AB5983" s="99"/>
      <c r="AC5983" s="99"/>
      <c r="AD5983" s="99"/>
      <c r="AE5983" s="99"/>
      <c r="AF5983" s="99"/>
      <c r="AG5983" s="99"/>
      <c r="AH5983" s="99"/>
      <c r="AI5983" s="99"/>
      <c r="AJ5983" s="99"/>
      <c r="AK5983" s="99"/>
      <c r="AL5983" s="99"/>
      <c r="AM5983" s="99"/>
      <c r="AN5983" s="99"/>
      <c r="AO5983" s="99"/>
      <c r="AP5983" s="99"/>
      <c r="AQ5983" s="99"/>
      <c r="AR5983" s="99"/>
      <c r="AS5983" s="99"/>
      <c r="AT5983" s="99"/>
      <c r="AU5983" s="99"/>
      <c r="AV5983" s="99"/>
      <c r="AW5983" s="99"/>
      <c r="AX5983" s="99"/>
      <c r="AY5983" s="99"/>
      <c r="AZ5983" s="99"/>
      <c r="BA5983" s="99"/>
      <c r="BB5983" s="107">
        <v>45884</v>
      </c>
    </row>
    <row r="5984" spans="1:54" s="8" customFormat="1" ht="13.95" customHeight="1" x14ac:dyDescent="0.25">
      <c r="A5984" s="219" t="s">
        <v>14027</v>
      </c>
      <c r="B5984" s="220" t="s">
        <v>13310</v>
      </c>
      <c r="C5984" s="98" t="s">
        <v>14028</v>
      </c>
      <c r="D5984" s="144" t="s">
        <v>14029</v>
      </c>
      <c r="E5984" s="141">
        <v>1987</v>
      </c>
      <c r="F5984" s="141">
        <v>3560</v>
      </c>
      <c r="G5984" s="144" t="s">
        <v>1</v>
      </c>
      <c r="H5984" s="98">
        <v>0</v>
      </c>
      <c r="I5984" s="98">
        <v>0</v>
      </c>
      <c r="J5984" s="98">
        <v>1</v>
      </c>
      <c r="K5984" s="149" t="s">
        <v>400</v>
      </c>
      <c r="L5984" s="149" t="s">
        <v>400</v>
      </c>
      <c r="M5984" s="149" t="s">
        <v>400</v>
      </c>
      <c r="N5984" s="149" t="s">
        <v>400</v>
      </c>
      <c r="O5984" s="149" t="s">
        <v>400</v>
      </c>
      <c r="P5984" s="149" t="s">
        <v>400</v>
      </c>
      <c r="Q5984" s="149" t="s">
        <v>400</v>
      </c>
      <c r="R5984" s="149" t="s">
        <v>400</v>
      </c>
      <c r="S5984" s="149" t="s">
        <v>400</v>
      </c>
      <c r="T5984" s="149" t="s">
        <v>400</v>
      </c>
      <c r="U5984" s="99"/>
      <c r="V5984" s="99"/>
      <c r="W5984" s="99"/>
      <c r="X5984" s="99"/>
      <c r="Y5984" s="99"/>
      <c r="Z5984" s="99"/>
      <c r="AA5984" s="99"/>
      <c r="AB5984" s="99"/>
      <c r="AC5984" s="99"/>
      <c r="AD5984" s="99"/>
      <c r="AE5984" s="99"/>
      <c r="AF5984" s="99"/>
      <c r="AG5984" s="99"/>
      <c r="AH5984" s="99"/>
      <c r="AI5984" s="99"/>
      <c r="AJ5984" s="99"/>
      <c r="AK5984" s="99"/>
      <c r="AL5984" s="99"/>
      <c r="AM5984" s="99"/>
      <c r="AN5984" s="99"/>
      <c r="AO5984" s="99"/>
      <c r="AP5984" s="99"/>
      <c r="AQ5984" s="99"/>
      <c r="AR5984" s="99"/>
      <c r="AS5984" s="99"/>
      <c r="AT5984" s="99"/>
      <c r="AU5984" s="99"/>
      <c r="AV5984" s="99"/>
      <c r="AW5984" s="99"/>
      <c r="AX5984" s="99"/>
      <c r="AY5984" s="99"/>
      <c r="AZ5984" s="99"/>
      <c r="BA5984" s="99"/>
      <c r="BB5984" s="107">
        <v>45884</v>
      </c>
    </row>
    <row r="5985" spans="1:54" s="8" customFormat="1" ht="13.95" customHeight="1" x14ac:dyDescent="0.25">
      <c r="A5985" s="219" t="s">
        <v>14030</v>
      </c>
      <c r="B5985" s="220" t="s">
        <v>13310</v>
      </c>
      <c r="C5985" s="98" t="s">
        <v>14031</v>
      </c>
      <c r="D5985" s="144" t="s">
        <v>14032</v>
      </c>
      <c r="E5985" s="141">
        <v>1975</v>
      </c>
      <c r="F5985" s="141">
        <v>3631</v>
      </c>
      <c r="G5985" s="144" t="s">
        <v>1</v>
      </c>
      <c r="H5985" s="98">
        <v>0</v>
      </c>
      <c r="I5985" s="98">
        <v>0</v>
      </c>
      <c r="J5985" s="98">
        <v>1</v>
      </c>
      <c r="K5985" s="149" t="s">
        <v>400</v>
      </c>
      <c r="L5985" s="149" t="s">
        <v>400</v>
      </c>
      <c r="M5985" s="149" t="s">
        <v>400</v>
      </c>
      <c r="N5985" s="149" t="s">
        <v>400</v>
      </c>
      <c r="O5985" s="149" t="s">
        <v>400</v>
      </c>
      <c r="P5985" s="149" t="s">
        <v>400</v>
      </c>
      <c r="Q5985" s="149" t="s">
        <v>400</v>
      </c>
      <c r="R5985" s="149" t="s">
        <v>400</v>
      </c>
      <c r="S5985" s="149" t="s">
        <v>400</v>
      </c>
      <c r="T5985" s="149" t="s">
        <v>400</v>
      </c>
      <c r="U5985" s="99"/>
      <c r="V5985" s="99"/>
      <c r="W5985" s="99"/>
      <c r="X5985" s="99"/>
      <c r="Y5985" s="99"/>
      <c r="Z5985" s="99"/>
      <c r="AA5985" s="99"/>
      <c r="AB5985" s="99"/>
      <c r="AC5985" s="99"/>
      <c r="AD5985" s="99"/>
      <c r="AE5985" s="99"/>
      <c r="AF5985" s="99"/>
      <c r="AG5985" s="99"/>
      <c r="AH5985" s="99"/>
      <c r="AI5985" s="99"/>
      <c r="AJ5985" s="99"/>
      <c r="AK5985" s="99"/>
      <c r="AL5985" s="99"/>
      <c r="AM5985" s="99"/>
      <c r="AN5985" s="99"/>
      <c r="AO5985" s="99"/>
      <c r="AP5985" s="99"/>
      <c r="AQ5985" s="99"/>
      <c r="AR5985" s="99"/>
      <c r="AS5985" s="99"/>
      <c r="AT5985" s="99"/>
      <c r="AU5985" s="99"/>
      <c r="AV5985" s="99"/>
      <c r="AW5985" s="99"/>
      <c r="AX5985" s="99"/>
      <c r="AY5985" s="99"/>
      <c r="AZ5985" s="99"/>
      <c r="BA5985" s="99"/>
      <c r="BB5985" s="107">
        <v>45884</v>
      </c>
    </row>
    <row r="5986" spans="1:54" s="8" customFormat="1" ht="13.95" customHeight="1" x14ac:dyDescent="0.25">
      <c r="A5986" s="219" t="s">
        <v>14033</v>
      </c>
      <c r="B5986" s="220" t="s">
        <v>13310</v>
      </c>
      <c r="C5986" s="98" t="s">
        <v>14034</v>
      </c>
      <c r="D5986" s="144" t="s">
        <v>14035</v>
      </c>
      <c r="E5986" s="141">
        <v>1990</v>
      </c>
      <c r="F5986" s="141">
        <v>3658</v>
      </c>
      <c r="G5986" s="144" t="s">
        <v>1</v>
      </c>
      <c r="H5986" s="98">
        <v>0</v>
      </c>
      <c r="I5986" s="98">
        <v>0</v>
      </c>
      <c r="J5986" s="98">
        <v>1</v>
      </c>
      <c r="K5986" s="149" t="s">
        <v>400</v>
      </c>
      <c r="L5986" s="149" t="s">
        <v>400</v>
      </c>
      <c r="M5986" s="149" t="s">
        <v>400</v>
      </c>
      <c r="N5986" s="149" t="s">
        <v>400</v>
      </c>
      <c r="O5986" s="149" t="s">
        <v>400</v>
      </c>
      <c r="P5986" s="149" t="s">
        <v>400</v>
      </c>
      <c r="Q5986" s="149" t="s">
        <v>400</v>
      </c>
      <c r="R5986" s="149" t="s">
        <v>400</v>
      </c>
      <c r="S5986" s="149" t="s">
        <v>400</v>
      </c>
      <c r="T5986" s="149" t="s">
        <v>400</v>
      </c>
      <c r="U5986" s="99"/>
      <c r="V5986" s="99"/>
      <c r="W5986" s="99"/>
      <c r="X5986" s="99"/>
      <c r="Y5986" s="99"/>
      <c r="Z5986" s="99"/>
      <c r="AA5986" s="99"/>
      <c r="AB5986" s="99"/>
      <c r="AC5986" s="99"/>
      <c r="AD5986" s="99"/>
      <c r="AE5986" s="99"/>
      <c r="AF5986" s="99"/>
      <c r="AG5986" s="99"/>
      <c r="AH5986" s="99"/>
      <c r="AI5986" s="99"/>
      <c r="AJ5986" s="99"/>
      <c r="AK5986" s="99"/>
      <c r="AL5986" s="99"/>
      <c r="AM5986" s="99"/>
      <c r="AN5986" s="99"/>
      <c r="AO5986" s="99"/>
      <c r="AP5986" s="99"/>
      <c r="AQ5986" s="99"/>
      <c r="AR5986" s="99"/>
      <c r="AS5986" s="99"/>
      <c r="AT5986" s="99"/>
      <c r="AU5986" s="99"/>
      <c r="AV5986" s="99"/>
      <c r="AW5986" s="99"/>
      <c r="AX5986" s="99"/>
      <c r="AY5986" s="99"/>
      <c r="AZ5986" s="99"/>
      <c r="BA5986" s="99"/>
      <c r="BB5986" s="107">
        <v>45884</v>
      </c>
    </row>
    <row r="5987" spans="1:54" s="8" customFormat="1" ht="13.95" customHeight="1" x14ac:dyDescent="0.25">
      <c r="A5987" s="219" t="s">
        <v>14036</v>
      </c>
      <c r="B5987" s="220" t="s">
        <v>13310</v>
      </c>
      <c r="C5987" s="98" t="s">
        <v>14037</v>
      </c>
      <c r="D5987" s="144" t="s">
        <v>14038</v>
      </c>
      <c r="E5987" s="141">
        <v>1970</v>
      </c>
      <c r="F5987" s="141">
        <v>3696</v>
      </c>
      <c r="G5987" s="144" t="s">
        <v>1</v>
      </c>
      <c r="H5987" s="98">
        <v>0</v>
      </c>
      <c r="I5987" s="98">
        <v>0</v>
      </c>
      <c r="J5987" s="98">
        <v>1</v>
      </c>
      <c r="K5987" s="149" t="s">
        <v>400</v>
      </c>
      <c r="L5987" s="149" t="s">
        <v>400</v>
      </c>
      <c r="M5987" s="149" t="s">
        <v>400</v>
      </c>
      <c r="N5987" s="149" t="s">
        <v>400</v>
      </c>
      <c r="O5987" s="149" t="s">
        <v>400</v>
      </c>
      <c r="P5987" s="149" t="s">
        <v>400</v>
      </c>
      <c r="Q5987" s="149" t="s">
        <v>400</v>
      </c>
      <c r="R5987" s="149" t="s">
        <v>400</v>
      </c>
      <c r="S5987" s="149" t="s">
        <v>400</v>
      </c>
      <c r="T5987" s="149" t="s">
        <v>400</v>
      </c>
      <c r="U5987" s="99"/>
      <c r="V5987" s="99"/>
      <c r="W5987" s="99"/>
      <c r="X5987" s="99"/>
      <c r="Y5987" s="99"/>
      <c r="Z5987" s="99"/>
      <c r="AA5987" s="99"/>
      <c r="AB5987" s="99"/>
      <c r="AC5987" s="99"/>
      <c r="AD5987" s="99"/>
      <c r="AE5987" s="99"/>
      <c r="AF5987" s="99"/>
      <c r="AG5987" s="99"/>
      <c r="AH5987" s="99"/>
      <c r="AI5987" s="99"/>
      <c r="AJ5987" s="99"/>
      <c r="AK5987" s="99"/>
      <c r="AL5987" s="99"/>
      <c r="AM5987" s="99"/>
      <c r="AN5987" s="99"/>
      <c r="AO5987" s="99"/>
      <c r="AP5987" s="99"/>
      <c r="AQ5987" s="99"/>
      <c r="AR5987" s="99"/>
      <c r="AS5987" s="99"/>
      <c r="AT5987" s="99"/>
      <c r="AU5987" s="99"/>
      <c r="AV5987" s="99"/>
      <c r="AW5987" s="99"/>
      <c r="AX5987" s="99"/>
      <c r="AY5987" s="99"/>
      <c r="AZ5987" s="99"/>
      <c r="BA5987" s="99"/>
      <c r="BB5987" s="107">
        <v>45884</v>
      </c>
    </row>
    <row r="5988" spans="1:54" s="8" customFormat="1" ht="13.95" customHeight="1" x14ac:dyDescent="0.25">
      <c r="A5988" s="219" t="s">
        <v>14039</v>
      </c>
      <c r="B5988" s="220" t="s">
        <v>13310</v>
      </c>
      <c r="C5988" s="98" t="s">
        <v>14040</v>
      </c>
      <c r="D5988" s="144" t="s">
        <v>14041</v>
      </c>
      <c r="E5988" s="141">
        <v>1991</v>
      </c>
      <c r="F5988" s="141">
        <v>3764</v>
      </c>
      <c r="G5988" s="144" t="s">
        <v>1</v>
      </c>
      <c r="H5988" s="98">
        <v>0</v>
      </c>
      <c r="I5988" s="98">
        <v>0</v>
      </c>
      <c r="J5988" s="98">
        <v>1</v>
      </c>
      <c r="K5988" s="149" t="s">
        <v>400</v>
      </c>
      <c r="L5988" s="149" t="s">
        <v>400</v>
      </c>
      <c r="M5988" s="149" t="s">
        <v>400</v>
      </c>
      <c r="N5988" s="149" t="s">
        <v>400</v>
      </c>
      <c r="O5988" s="149" t="s">
        <v>400</v>
      </c>
      <c r="P5988" s="149" t="s">
        <v>400</v>
      </c>
      <c r="Q5988" s="149" t="s">
        <v>400</v>
      </c>
      <c r="R5988" s="149" t="s">
        <v>400</v>
      </c>
      <c r="S5988" s="149" t="s">
        <v>400</v>
      </c>
      <c r="T5988" s="149" t="s">
        <v>400</v>
      </c>
      <c r="U5988" s="99"/>
      <c r="V5988" s="99"/>
      <c r="W5988" s="99"/>
      <c r="X5988" s="99"/>
      <c r="Y5988" s="99"/>
      <c r="Z5988" s="99"/>
      <c r="AA5988" s="99"/>
      <c r="AB5988" s="99"/>
      <c r="AC5988" s="99"/>
      <c r="AD5988" s="99"/>
      <c r="AE5988" s="99"/>
      <c r="AF5988" s="99"/>
      <c r="AG5988" s="99"/>
      <c r="AH5988" s="99"/>
      <c r="AI5988" s="99"/>
      <c r="AJ5988" s="99"/>
      <c r="AK5988" s="99"/>
      <c r="AL5988" s="99"/>
      <c r="AM5988" s="99"/>
      <c r="AN5988" s="99"/>
      <c r="AO5988" s="99"/>
      <c r="AP5988" s="99"/>
      <c r="AQ5988" s="99"/>
      <c r="AR5988" s="99"/>
      <c r="AS5988" s="99"/>
      <c r="AT5988" s="99"/>
      <c r="AU5988" s="99"/>
      <c r="AV5988" s="99"/>
      <c r="AW5988" s="99"/>
      <c r="AX5988" s="99"/>
      <c r="AY5988" s="99"/>
      <c r="AZ5988" s="99"/>
      <c r="BA5988" s="99"/>
      <c r="BB5988" s="107">
        <v>45884</v>
      </c>
    </row>
    <row r="5989" spans="1:54" s="8" customFormat="1" ht="13.95" customHeight="1" x14ac:dyDescent="0.25">
      <c r="A5989" s="219" t="s">
        <v>14042</v>
      </c>
      <c r="B5989" s="220" t="s">
        <v>13310</v>
      </c>
      <c r="C5989" s="98" t="s">
        <v>14043</v>
      </c>
      <c r="D5989" s="144" t="s">
        <v>14044</v>
      </c>
      <c r="E5989" s="141">
        <v>1973</v>
      </c>
      <c r="F5989" s="141">
        <v>4173</v>
      </c>
      <c r="G5989" s="144" t="s">
        <v>11</v>
      </c>
      <c r="H5989" s="98">
        <v>1</v>
      </c>
      <c r="I5989" s="98">
        <v>0</v>
      </c>
      <c r="J5989" s="98">
        <v>0</v>
      </c>
      <c r="K5989" s="149" t="s">
        <v>400</v>
      </c>
      <c r="L5989" s="149" t="s">
        <v>400</v>
      </c>
      <c r="M5989" s="149" t="s">
        <v>400</v>
      </c>
      <c r="N5989" s="149" t="s">
        <v>400</v>
      </c>
      <c r="O5989" s="149" t="s">
        <v>400</v>
      </c>
      <c r="P5989" s="149" t="s">
        <v>400</v>
      </c>
      <c r="Q5989" s="149" t="s">
        <v>400</v>
      </c>
      <c r="R5989" s="149" t="s">
        <v>400</v>
      </c>
      <c r="S5989" s="149" t="s">
        <v>400</v>
      </c>
      <c r="T5989" s="149" t="s">
        <v>400</v>
      </c>
      <c r="U5989" s="150" t="s">
        <v>174</v>
      </c>
      <c r="V5989" s="150" t="s">
        <v>174</v>
      </c>
      <c r="W5989" s="150" t="s">
        <v>174</v>
      </c>
      <c r="X5989" s="150" t="s">
        <v>174</v>
      </c>
      <c r="Y5989" s="150" t="s">
        <v>174</v>
      </c>
      <c r="Z5989" s="150" t="s">
        <v>174</v>
      </c>
      <c r="AA5989" s="150" t="s">
        <v>174</v>
      </c>
      <c r="AB5989" s="150" t="s">
        <v>174</v>
      </c>
      <c r="AC5989" s="150" t="s">
        <v>174</v>
      </c>
      <c r="AD5989" s="150" t="s">
        <v>174</v>
      </c>
      <c r="AE5989" s="150" t="s">
        <v>174</v>
      </c>
      <c r="AF5989" s="150" t="s">
        <v>174</v>
      </c>
      <c r="AG5989" s="150" t="s">
        <v>174</v>
      </c>
      <c r="AH5989" s="150" t="s">
        <v>174</v>
      </c>
      <c r="AI5989" s="150" t="s">
        <v>174</v>
      </c>
      <c r="AJ5989" s="150" t="s">
        <v>174</v>
      </c>
      <c r="AK5989" s="150" t="s">
        <v>174</v>
      </c>
      <c r="AL5989" s="150" t="s">
        <v>174</v>
      </c>
      <c r="AM5989" s="150" t="s">
        <v>174</v>
      </c>
      <c r="AN5989" s="150" t="s">
        <v>174</v>
      </c>
      <c r="AO5989" s="150" t="s">
        <v>174</v>
      </c>
      <c r="AP5989" s="150" t="s">
        <v>174</v>
      </c>
      <c r="AQ5989" s="150" t="s">
        <v>174</v>
      </c>
      <c r="AR5989" s="150" t="s">
        <v>174</v>
      </c>
      <c r="AS5989" s="150" t="s">
        <v>174</v>
      </c>
      <c r="AT5989" s="151" t="s">
        <v>174</v>
      </c>
      <c r="AU5989" s="150" t="s">
        <v>174</v>
      </c>
      <c r="AV5989" s="150" t="s">
        <v>174</v>
      </c>
      <c r="AW5989" s="150" t="s">
        <v>174</v>
      </c>
      <c r="AX5989" s="98"/>
      <c r="AY5989" s="98"/>
      <c r="AZ5989" s="98"/>
      <c r="BA5989" s="98"/>
      <c r="BB5989" s="107">
        <v>45884</v>
      </c>
    </row>
    <row r="5990" spans="1:54" s="8" customFormat="1" ht="13.95" customHeight="1" x14ac:dyDescent="0.25">
      <c r="A5990" s="219" t="s">
        <v>14045</v>
      </c>
      <c r="B5990" s="220" t="s">
        <v>13310</v>
      </c>
      <c r="C5990" s="98" t="s">
        <v>14046</v>
      </c>
      <c r="D5990" s="144" t="s">
        <v>14047</v>
      </c>
      <c r="E5990" s="141">
        <v>1994</v>
      </c>
      <c r="F5990" s="141">
        <v>4576</v>
      </c>
      <c r="G5990" s="144" t="s">
        <v>1</v>
      </c>
      <c r="H5990" s="98">
        <v>0</v>
      </c>
      <c r="I5990" s="98">
        <v>0</v>
      </c>
      <c r="J5990" s="98">
        <v>1</v>
      </c>
      <c r="K5990" s="149" t="s">
        <v>400</v>
      </c>
      <c r="L5990" s="149" t="s">
        <v>400</v>
      </c>
      <c r="M5990" s="149" t="s">
        <v>400</v>
      </c>
      <c r="N5990" s="149" t="s">
        <v>400</v>
      </c>
      <c r="O5990" s="149" t="s">
        <v>400</v>
      </c>
      <c r="P5990" s="149" t="s">
        <v>400</v>
      </c>
      <c r="Q5990" s="149" t="s">
        <v>400</v>
      </c>
      <c r="R5990" s="149" t="s">
        <v>400</v>
      </c>
      <c r="S5990" s="149" t="s">
        <v>400</v>
      </c>
      <c r="T5990" s="149" t="s">
        <v>400</v>
      </c>
      <c r="U5990" s="99"/>
      <c r="V5990" s="99"/>
      <c r="W5990" s="99"/>
      <c r="X5990" s="99"/>
      <c r="Y5990" s="99"/>
      <c r="Z5990" s="99"/>
      <c r="AA5990" s="99"/>
      <c r="AB5990" s="99"/>
      <c r="AC5990" s="99"/>
      <c r="AD5990" s="99"/>
      <c r="AE5990" s="99"/>
      <c r="AF5990" s="99"/>
      <c r="AG5990" s="99"/>
      <c r="AH5990" s="99"/>
      <c r="AI5990" s="99"/>
      <c r="AJ5990" s="99"/>
      <c r="AK5990" s="99"/>
      <c r="AL5990" s="99"/>
      <c r="AM5990" s="99"/>
      <c r="AN5990" s="99"/>
      <c r="AO5990" s="99"/>
      <c r="AP5990" s="99"/>
      <c r="AQ5990" s="99"/>
      <c r="AR5990" s="99"/>
      <c r="AS5990" s="99"/>
      <c r="AT5990" s="99"/>
      <c r="AU5990" s="99"/>
      <c r="AV5990" s="99"/>
      <c r="AW5990" s="99"/>
      <c r="AX5990" s="99"/>
      <c r="AY5990" s="99"/>
      <c r="AZ5990" s="99"/>
      <c r="BA5990" s="99"/>
      <c r="BB5990" s="107">
        <v>45884</v>
      </c>
    </row>
    <row r="5991" spans="1:54" s="8" customFormat="1" ht="13.95" customHeight="1" x14ac:dyDescent="0.25">
      <c r="A5991" s="219" t="s">
        <v>14048</v>
      </c>
      <c r="B5991" s="220" t="s">
        <v>13310</v>
      </c>
      <c r="C5991" s="98" t="s">
        <v>14049</v>
      </c>
      <c r="D5991" s="144" t="s">
        <v>14050</v>
      </c>
      <c r="E5991" s="141">
        <v>1966</v>
      </c>
      <c r="F5991" s="141">
        <v>4066</v>
      </c>
      <c r="G5991" s="144" t="s">
        <v>1</v>
      </c>
      <c r="H5991" s="98">
        <v>0</v>
      </c>
      <c r="I5991" s="98">
        <v>0</v>
      </c>
      <c r="J5991" s="98">
        <v>1</v>
      </c>
      <c r="K5991" s="149" t="s">
        <v>400</v>
      </c>
      <c r="L5991" s="149" t="s">
        <v>400</v>
      </c>
      <c r="M5991" s="149" t="s">
        <v>400</v>
      </c>
      <c r="N5991" s="149" t="s">
        <v>400</v>
      </c>
      <c r="O5991" s="149" t="s">
        <v>400</v>
      </c>
      <c r="P5991" s="149" t="s">
        <v>400</v>
      </c>
      <c r="Q5991" s="149" t="s">
        <v>400</v>
      </c>
      <c r="R5991" s="149" t="s">
        <v>400</v>
      </c>
      <c r="S5991" s="149" t="s">
        <v>400</v>
      </c>
      <c r="T5991" s="149" t="s">
        <v>400</v>
      </c>
      <c r="U5991" s="99"/>
      <c r="V5991" s="99"/>
      <c r="W5991" s="99"/>
      <c r="X5991" s="99"/>
      <c r="Y5991" s="99"/>
      <c r="Z5991" s="99"/>
      <c r="AA5991" s="99"/>
      <c r="AB5991" s="99"/>
      <c r="AC5991" s="99"/>
      <c r="AD5991" s="99"/>
      <c r="AE5991" s="99"/>
      <c r="AF5991" s="99"/>
      <c r="AG5991" s="99"/>
      <c r="AH5991" s="99"/>
      <c r="AI5991" s="99"/>
      <c r="AJ5991" s="99"/>
      <c r="AK5991" s="99"/>
      <c r="AL5991" s="99"/>
      <c r="AM5991" s="99"/>
      <c r="AN5991" s="99"/>
      <c r="AO5991" s="99"/>
      <c r="AP5991" s="99"/>
      <c r="AQ5991" s="99"/>
      <c r="AR5991" s="99"/>
      <c r="AS5991" s="99"/>
      <c r="AT5991" s="99"/>
      <c r="AU5991" s="99"/>
      <c r="AV5991" s="99"/>
      <c r="AW5991" s="99"/>
      <c r="AX5991" s="99"/>
      <c r="AY5991" s="99"/>
      <c r="AZ5991" s="99"/>
      <c r="BA5991" s="99"/>
      <c r="BB5991" s="107">
        <v>45884</v>
      </c>
    </row>
    <row r="5992" spans="1:54" s="8" customFormat="1" ht="13.95" customHeight="1" x14ac:dyDescent="0.25">
      <c r="A5992" s="219" t="s">
        <v>14051</v>
      </c>
      <c r="B5992" s="220" t="s">
        <v>13310</v>
      </c>
      <c r="C5992" s="98" t="s">
        <v>4921</v>
      </c>
      <c r="D5992" s="144" t="s">
        <v>14052</v>
      </c>
      <c r="E5992" s="141">
        <v>1968</v>
      </c>
      <c r="F5992" s="141">
        <v>4297</v>
      </c>
      <c r="G5992" s="144" t="s">
        <v>1</v>
      </c>
      <c r="H5992" s="98">
        <v>0</v>
      </c>
      <c r="I5992" s="98">
        <v>0</v>
      </c>
      <c r="J5992" s="98">
        <v>1</v>
      </c>
      <c r="K5992" s="149" t="s">
        <v>400</v>
      </c>
      <c r="L5992" s="149" t="s">
        <v>400</v>
      </c>
      <c r="M5992" s="149" t="s">
        <v>400</v>
      </c>
      <c r="N5992" s="149" t="s">
        <v>400</v>
      </c>
      <c r="O5992" s="149" t="s">
        <v>400</v>
      </c>
      <c r="P5992" s="149" t="s">
        <v>400</v>
      </c>
      <c r="Q5992" s="149" t="s">
        <v>400</v>
      </c>
      <c r="R5992" s="149" t="s">
        <v>400</v>
      </c>
      <c r="S5992" s="149" t="s">
        <v>400</v>
      </c>
      <c r="T5992" s="149" t="s">
        <v>400</v>
      </c>
      <c r="U5992" s="99"/>
      <c r="V5992" s="99"/>
      <c r="W5992" s="99"/>
      <c r="X5992" s="99"/>
      <c r="Y5992" s="99"/>
      <c r="Z5992" s="99"/>
      <c r="AA5992" s="99"/>
      <c r="AB5992" s="99"/>
      <c r="AC5992" s="99"/>
      <c r="AD5992" s="99"/>
      <c r="AE5992" s="99"/>
      <c r="AF5992" s="99"/>
      <c r="AG5992" s="99"/>
      <c r="AH5992" s="99"/>
      <c r="AI5992" s="99"/>
      <c r="AJ5992" s="99"/>
      <c r="AK5992" s="99"/>
      <c r="AL5992" s="99"/>
      <c r="AM5992" s="99"/>
      <c r="AN5992" s="99"/>
      <c r="AO5992" s="99"/>
      <c r="AP5992" s="99"/>
      <c r="AQ5992" s="99"/>
      <c r="AR5992" s="99"/>
      <c r="AS5992" s="99"/>
      <c r="AT5992" s="99"/>
      <c r="AU5992" s="99"/>
      <c r="AV5992" s="99"/>
      <c r="AW5992" s="99"/>
      <c r="AX5992" s="99"/>
      <c r="AY5992" s="99"/>
      <c r="AZ5992" s="99"/>
      <c r="BA5992" s="99"/>
      <c r="BB5992" s="107">
        <v>45884</v>
      </c>
    </row>
    <row r="5993" spans="1:54" s="8" customFormat="1" ht="13.95" customHeight="1" x14ac:dyDescent="0.25">
      <c r="A5993" s="219" t="s">
        <v>14053</v>
      </c>
      <c r="B5993" s="220" t="s">
        <v>13310</v>
      </c>
      <c r="C5993" s="98" t="s">
        <v>14054</v>
      </c>
      <c r="D5993" s="144" t="s">
        <v>14055</v>
      </c>
      <c r="E5993" s="141">
        <v>1968</v>
      </c>
      <c r="F5993" s="141">
        <v>4308</v>
      </c>
      <c r="G5993" s="144" t="s">
        <v>1</v>
      </c>
      <c r="H5993" s="98">
        <v>0</v>
      </c>
      <c r="I5993" s="98">
        <v>0</v>
      </c>
      <c r="J5993" s="98">
        <v>1</v>
      </c>
      <c r="K5993" s="149" t="s">
        <v>400</v>
      </c>
      <c r="L5993" s="149" t="s">
        <v>400</v>
      </c>
      <c r="M5993" s="149" t="s">
        <v>400</v>
      </c>
      <c r="N5993" s="149" t="s">
        <v>400</v>
      </c>
      <c r="O5993" s="149" t="s">
        <v>400</v>
      </c>
      <c r="P5993" s="149" t="s">
        <v>400</v>
      </c>
      <c r="Q5993" s="149" t="s">
        <v>400</v>
      </c>
      <c r="R5993" s="149" t="s">
        <v>400</v>
      </c>
      <c r="S5993" s="149" t="s">
        <v>400</v>
      </c>
      <c r="T5993" s="149" t="s">
        <v>400</v>
      </c>
      <c r="U5993" s="99"/>
      <c r="V5993" s="99"/>
      <c r="W5993" s="99"/>
      <c r="X5993" s="99"/>
      <c r="Y5993" s="99"/>
      <c r="Z5993" s="99"/>
      <c r="AA5993" s="99"/>
      <c r="AB5993" s="99"/>
      <c r="AC5993" s="99"/>
      <c r="AD5993" s="99"/>
      <c r="AE5993" s="99"/>
      <c r="AF5993" s="99"/>
      <c r="AG5993" s="99"/>
      <c r="AH5993" s="99"/>
      <c r="AI5993" s="99"/>
      <c r="AJ5993" s="99"/>
      <c r="AK5993" s="99"/>
      <c r="AL5993" s="99"/>
      <c r="AM5993" s="99"/>
      <c r="AN5993" s="99"/>
      <c r="AO5993" s="99"/>
      <c r="AP5993" s="99"/>
      <c r="AQ5993" s="99"/>
      <c r="AR5993" s="99"/>
      <c r="AS5993" s="99"/>
      <c r="AT5993" s="99"/>
      <c r="AU5993" s="99"/>
      <c r="AV5993" s="99"/>
      <c r="AW5993" s="99"/>
      <c r="AX5993" s="99"/>
      <c r="AY5993" s="99"/>
      <c r="AZ5993" s="99"/>
      <c r="BA5993" s="99"/>
      <c r="BB5993" s="107">
        <v>45884</v>
      </c>
    </row>
    <row r="5994" spans="1:54" s="8" customFormat="1" ht="13.95" customHeight="1" x14ac:dyDescent="0.25">
      <c r="A5994" s="219" t="s">
        <v>14056</v>
      </c>
      <c r="B5994" s="220" t="s">
        <v>13310</v>
      </c>
      <c r="C5994" s="98" t="s">
        <v>14057</v>
      </c>
      <c r="D5994" s="144" t="s">
        <v>14058</v>
      </c>
      <c r="E5994" s="141">
        <v>1987</v>
      </c>
      <c r="F5994" s="141">
        <v>4839</v>
      </c>
      <c r="G5994" s="144" t="s">
        <v>3</v>
      </c>
      <c r="H5994" s="98">
        <v>0</v>
      </c>
      <c r="I5994" s="98">
        <v>0</v>
      </c>
      <c r="J5994" s="98">
        <v>1</v>
      </c>
      <c r="K5994" s="149" t="s">
        <v>400</v>
      </c>
      <c r="L5994" s="149" t="s">
        <v>400</v>
      </c>
      <c r="M5994" s="149" t="s">
        <v>400</v>
      </c>
      <c r="N5994" s="149" t="s">
        <v>400</v>
      </c>
      <c r="O5994" s="149" t="s">
        <v>400</v>
      </c>
      <c r="P5994" s="149" t="s">
        <v>400</v>
      </c>
      <c r="Q5994" s="149" t="s">
        <v>400</v>
      </c>
      <c r="R5994" s="149" t="s">
        <v>400</v>
      </c>
      <c r="S5994" s="149" t="s">
        <v>400</v>
      </c>
      <c r="T5994" s="149" t="s">
        <v>400</v>
      </c>
      <c r="U5994" s="149" t="s">
        <v>400</v>
      </c>
      <c r="V5994" s="149" t="s">
        <v>400</v>
      </c>
      <c r="W5994" s="149" t="s">
        <v>400</v>
      </c>
      <c r="X5994" s="149" t="s">
        <v>400</v>
      </c>
      <c r="Y5994" s="149" t="s">
        <v>400</v>
      </c>
      <c r="Z5994" s="149" t="s">
        <v>400</v>
      </c>
      <c r="AA5994" s="149" t="s">
        <v>400</v>
      </c>
      <c r="AB5994" s="149" t="s">
        <v>400</v>
      </c>
      <c r="AC5994" s="149" t="s">
        <v>400</v>
      </c>
      <c r="AD5994" s="149" t="s">
        <v>400</v>
      </c>
      <c r="AE5994" s="149" t="s">
        <v>400</v>
      </c>
      <c r="AF5994" s="149" t="s">
        <v>400</v>
      </c>
      <c r="AG5994" s="149" t="s">
        <v>400</v>
      </c>
      <c r="AH5994" s="149" t="s">
        <v>400</v>
      </c>
      <c r="AI5994" s="149" t="s">
        <v>400</v>
      </c>
      <c r="AJ5994" s="149" t="s">
        <v>400</v>
      </c>
      <c r="AK5994" s="149" t="s">
        <v>400</v>
      </c>
      <c r="AL5994" s="149" t="s">
        <v>400</v>
      </c>
      <c r="AM5994" s="149" t="s">
        <v>400</v>
      </c>
      <c r="AN5994" s="149" t="s">
        <v>400</v>
      </c>
      <c r="AO5994" s="149" t="s">
        <v>400</v>
      </c>
      <c r="AP5994" s="149" t="s">
        <v>400</v>
      </c>
      <c r="AQ5994" s="149" t="s">
        <v>400</v>
      </c>
      <c r="AR5994" s="149" t="s">
        <v>400</v>
      </c>
      <c r="AS5994" s="149" t="s">
        <v>400</v>
      </c>
      <c r="AT5994" s="129" t="s">
        <v>400</v>
      </c>
      <c r="AU5994" s="149" t="s">
        <v>400</v>
      </c>
      <c r="AV5994" s="149" t="s">
        <v>400</v>
      </c>
      <c r="AW5994" s="149" t="s">
        <v>400</v>
      </c>
      <c r="AX5994" s="98"/>
      <c r="AY5994" s="98"/>
      <c r="AZ5994" s="98"/>
      <c r="BA5994" s="98"/>
      <c r="BB5994" s="107">
        <v>45884</v>
      </c>
    </row>
    <row r="5995" spans="1:54" s="8" customFormat="1" ht="13.95" customHeight="1" x14ac:dyDescent="0.25">
      <c r="A5995" s="219" t="s">
        <v>14059</v>
      </c>
      <c r="B5995" s="220" t="s">
        <v>13310</v>
      </c>
      <c r="C5995" s="98" t="s">
        <v>14060</v>
      </c>
      <c r="D5995" s="144" t="s">
        <v>14061</v>
      </c>
      <c r="E5995" s="141">
        <v>1971</v>
      </c>
      <c r="F5995" s="141">
        <v>4492</v>
      </c>
      <c r="G5995" s="144" t="s">
        <v>1</v>
      </c>
      <c r="H5995" s="98">
        <v>0</v>
      </c>
      <c r="I5995" s="98">
        <v>0</v>
      </c>
      <c r="J5995" s="98">
        <v>1</v>
      </c>
      <c r="K5995" s="149" t="s">
        <v>400</v>
      </c>
      <c r="L5995" s="149" t="s">
        <v>400</v>
      </c>
      <c r="M5995" s="149" t="s">
        <v>400</v>
      </c>
      <c r="N5995" s="149" t="s">
        <v>400</v>
      </c>
      <c r="O5995" s="149" t="s">
        <v>400</v>
      </c>
      <c r="P5995" s="149" t="s">
        <v>400</v>
      </c>
      <c r="Q5995" s="149" t="s">
        <v>400</v>
      </c>
      <c r="R5995" s="149" t="s">
        <v>400</v>
      </c>
      <c r="S5995" s="149" t="s">
        <v>400</v>
      </c>
      <c r="T5995" s="149" t="s">
        <v>400</v>
      </c>
      <c r="U5995" s="99"/>
      <c r="V5995" s="99"/>
      <c r="W5995" s="99"/>
      <c r="X5995" s="99"/>
      <c r="Y5995" s="99"/>
      <c r="Z5995" s="99"/>
      <c r="AA5995" s="99"/>
      <c r="AB5995" s="99"/>
      <c r="AC5995" s="99"/>
      <c r="AD5995" s="99"/>
      <c r="AE5995" s="99"/>
      <c r="AF5995" s="99"/>
      <c r="AG5995" s="99"/>
      <c r="AH5995" s="99"/>
      <c r="AI5995" s="99"/>
      <c r="AJ5995" s="99"/>
      <c r="AK5995" s="99"/>
      <c r="AL5995" s="99"/>
      <c r="AM5995" s="99"/>
      <c r="AN5995" s="99"/>
      <c r="AO5995" s="99"/>
      <c r="AP5995" s="99"/>
      <c r="AQ5995" s="99"/>
      <c r="AR5995" s="99"/>
      <c r="AS5995" s="99"/>
      <c r="AT5995" s="99"/>
      <c r="AU5995" s="99"/>
      <c r="AV5995" s="99"/>
      <c r="AW5995" s="99"/>
      <c r="AX5995" s="99"/>
      <c r="AY5995" s="99"/>
      <c r="AZ5995" s="99"/>
      <c r="BA5995" s="99"/>
      <c r="BB5995" s="107">
        <v>45884</v>
      </c>
    </row>
    <row r="5996" spans="1:54" s="8" customFormat="1" ht="13.95" customHeight="1" x14ac:dyDescent="0.25">
      <c r="A5996" s="219" t="s">
        <v>14062</v>
      </c>
      <c r="B5996" s="220" t="s">
        <v>13310</v>
      </c>
      <c r="C5996" s="98" t="s">
        <v>14063</v>
      </c>
      <c r="D5996" s="144" t="s">
        <v>14064</v>
      </c>
      <c r="E5996" s="141">
        <v>1971</v>
      </c>
      <c r="F5996" s="141">
        <v>4667</v>
      </c>
      <c r="G5996" s="144" t="s">
        <v>1</v>
      </c>
      <c r="H5996" s="98">
        <v>0</v>
      </c>
      <c r="I5996" s="98">
        <v>0</v>
      </c>
      <c r="J5996" s="98">
        <v>1</v>
      </c>
      <c r="K5996" s="149" t="s">
        <v>400</v>
      </c>
      <c r="L5996" s="149" t="s">
        <v>400</v>
      </c>
      <c r="M5996" s="149" t="s">
        <v>400</v>
      </c>
      <c r="N5996" s="149" t="s">
        <v>400</v>
      </c>
      <c r="O5996" s="149" t="s">
        <v>400</v>
      </c>
      <c r="P5996" s="149" t="s">
        <v>400</v>
      </c>
      <c r="Q5996" s="149" t="s">
        <v>400</v>
      </c>
      <c r="R5996" s="149" t="s">
        <v>400</v>
      </c>
      <c r="S5996" s="149" t="s">
        <v>400</v>
      </c>
      <c r="T5996" s="149" t="s">
        <v>400</v>
      </c>
      <c r="U5996" s="99"/>
      <c r="V5996" s="99"/>
      <c r="W5996" s="99"/>
      <c r="X5996" s="99"/>
      <c r="Y5996" s="99"/>
      <c r="Z5996" s="99"/>
      <c r="AA5996" s="99"/>
      <c r="AB5996" s="99"/>
      <c r="AC5996" s="99"/>
      <c r="AD5996" s="99"/>
      <c r="AE5996" s="99"/>
      <c r="AF5996" s="99"/>
      <c r="AG5996" s="99"/>
      <c r="AH5996" s="99"/>
      <c r="AI5996" s="99"/>
      <c r="AJ5996" s="99"/>
      <c r="AK5996" s="99"/>
      <c r="AL5996" s="99"/>
      <c r="AM5996" s="99"/>
      <c r="AN5996" s="99"/>
      <c r="AO5996" s="99"/>
      <c r="AP5996" s="99"/>
      <c r="AQ5996" s="99"/>
      <c r="AR5996" s="99"/>
      <c r="AS5996" s="99"/>
      <c r="AT5996" s="99"/>
      <c r="AU5996" s="99"/>
      <c r="AV5996" s="99"/>
      <c r="AW5996" s="99"/>
      <c r="AX5996" s="99"/>
      <c r="AY5996" s="99"/>
      <c r="AZ5996" s="99"/>
      <c r="BA5996" s="99"/>
      <c r="BB5996" s="107">
        <v>45884</v>
      </c>
    </row>
    <row r="5997" spans="1:54" s="8" customFormat="1" ht="13.95" customHeight="1" x14ac:dyDescent="0.25">
      <c r="A5997" s="219" t="s">
        <v>14065</v>
      </c>
      <c r="B5997" s="220" t="s">
        <v>13310</v>
      </c>
      <c r="C5997" s="98" t="s">
        <v>14066</v>
      </c>
      <c r="D5997" s="144" t="s">
        <v>14067</v>
      </c>
      <c r="E5997" s="141">
        <v>2003</v>
      </c>
      <c r="F5997" s="141">
        <v>4808</v>
      </c>
      <c r="G5997" s="144" t="s">
        <v>1</v>
      </c>
      <c r="H5997" s="98">
        <v>0</v>
      </c>
      <c r="I5997" s="98">
        <v>0</v>
      </c>
      <c r="J5997" s="98">
        <v>1</v>
      </c>
      <c r="K5997" s="149" t="s">
        <v>400</v>
      </c>
      <c r="L5997" s="149" t="s">
        <v>400</v>
      </c>
      <c r="M5997" s="149" t="s">
        <v>400</v>
      </c>
      <c r="N5997" s="149" t="s">
        <v>400</v>
      </c>
      <c r="O5997" s="149" t="s">
        <v>400</v>
      </c>
      <c r="P5997" s="149" t="s">
        <v>400</v>
      </c>
      <c r="Q5997" s="149" t="s">
        <v>400</v>
      </c>
      <c r="R5997" s="149" t="s">
        <v>400</v>
      </c>
      <c r="S5997" s="149" t="s">
        <v>400</v>
      </c>
      <c r="T5997" s="149" t="s">
        <v>400</v>
      </c>
      <c r="U5997" s="99"/>
      <c r="V5997" s="99"/>
      <c r="W5997" s="99"/>
      <c r="X5997" s="99"/>
      <c r="Y5997" s="99"/>
      <c r="Z5997" s="99"/>
      <c r="AA5997" s="99"/>
      <c r="AB5997" s="99"/>
      <c r="AC5997" s="99"/>
      <c r="AD5997" s="99"/>
      <c r="AE5997" s="99"/>
      <c r="AF5997" s="99"/>
      <c r="AG5997" s="99"/>
      <c r="AH5997" s="99"/>
      <c r="AI5997" s="99"/>
      <c r="AJ5997" s="99"/>
      <c r="AK5997" s="99"/>
      <c r="AL5997" s="99"/>
      <c r="AM5997" s="99"/>
      <c r="AN5997" s="99"/>
      <c r="AO5997" s="99"/>
      <c r="AP5997" s="99"/>
      <c r="AQ5997" s="99"/>
      <c r="AR5997" s="99"/>
      <c r="AS5997" s="99"/>
      <c r="AT5997" s="99"/>
      <c r="AU5997" s="99"/>
      <c r="AV5997" s="99"/>
      <c r="AW5997" s="99"/>
      <c r="AX5997" s="99"/>
      <c r="AY5997" s="99"/>
      <c r="AZ5997" s="99"/>
      <c r="BA5997" s="99"/>
      <c r="BB5997" s="107">
        <v>45884</v>
      </c>
    </row>
    <row r="5998" spans="1:54" s="8" customFormat="1" ht="13.95" customHeight="1" x14ac:dyDescent="0.25">
      <c r="A5998" s="219" t="s">
        <v>14068</v>
      </c>
      <c r="B5998" s="220" t="s">
        <v>13310</v>
      </c>
      <c r="C5998" s="98" t="s">
        <v>14069</v>
      </c>
      <c r="D5998" s="144" t="s">
        <v>14070</v>
      </c>
      <c r="E5998" s="141">
        <v>1985</v>
      </c>
      <c r="F5998" s="141">
        <v>4809</v>
      </c>
      <c r="G5998" s="144" t="s">
        <v>1</v>
      </c>
      <c r="H5998" s="98">
        <v>0</v>
      </c>
      <c r="I5998" s="98">
        <v>0</v>
      </c>
      <c r="J5998" s="98">
        <v>1</v>
      </c>
      <c r="K5998" s="149" t="s">
        <v>400</v>
      </c>
      <c r="L5998" s="149" t="s">
        <v>400</v>
      </c>
      <c r="M5998" s="149" t="s">
        <v>400</v>
      </c>
      <c r="N5998" s="149" t="s">
        <v>400</v>
      </c>
      <c r="O5998" s="149" t="s">
        <v>400</v>
      </c>
      <c r="P5998" s="149" t="s">
        <v>400</v>
      </c>
      <c r="Q5998" s="149" t="s">
        <v>400</v>
      </c>
      <c r="R5998" s="149" t="s">
        <v>400</v>
      </c>
      <c r="S5998" s="149" t="s">
        <v>400</v>
      </c>
      <c r="T5998" s="149" t="s">
        <v>400</v>
      </c>
      <c r="U5998" s="99"/>
      <c r="V5998" s="99"/>
      <c r="W5998" s="99"/>
      <c r="X5998" s="99"/>
      <c r="Y5998" s="99"/>
      <c r="Z5998" s="99"/>
      <c r="AA5998" s="99"/>
      <c r="AB5998" s="99"/>
      <c r="AC5998" s="99"/>
      <c r="AD5998" s="99"/>
      <c r="AE5998" s="99"/>
      <c r="AF5998" s="99"/>
      <c r="AG5998" s="99"/>
      <c r="AH5998" s="99"/>
      <c r="AI5998" s="99"/>
      <c r="AJ5998" s="99"/>
      <c r="AK5998" s="99"/>
      <c r="AL5998" s="99"/>
      <c r="AM5998" s="99"/>
      <c r="AN5998" s="99"/>
      <c r="AO5998" s="99"/>
      <c r="AP5998" s="99"/>
      <c r="AQ5998" s="99"/>
      <c r="AR5998" s="99"/>
      <c r="AS5998" s="99"/>
      <c r="AT5998" s="99"/>
      <c r="AU5998" s="99"/>
      <c r="AV5998" s="99"/>
      <c r="AW5998" s="99"/>
      <c r="AX5998" s="99"/>
      <c r="AY5998" s="99"/>
      <c r="AZ5998" s="99"/>
      <c r="BA5998" s="99"/>
      <c r="BB5998" s="107">
        <v>45884</v>
      </c>
    </row>
    <row r="5999" spans="1:54" s="8" customFormat="1" ht="13.95" customHeight="1" x14ac:dyDescent="0.25">
      <c r="A5999" s="219" t="s">
        <v>14071</v>
      </c>
      <c r="B5999" s="220" t="s">
        <v>13310</v>
      </c>
      <c r="C5999" s="98" t="s">
        <v>14072</v>
      </c>
      <c r="D5999" s="144" t="s">
        <v>14073</v>
      </c>
      <c r="E5999" s="141">
        <v>1955</v>
      </c>
      <c r="F5999" s="141">
        <v>4816</v>
      </c>
      <c r="G5999" s="144" t="s">
        <v>3</v>
      </c>
      <c r="H5999" s="98">
        <v>0</v>
      </c>
      <c r="I5999" s="98">
        <v>0</v>
      </c>
      <c r="J5999" s="98">
        <v>1</v>
      </c>
      <c r="K5999" s="149" t="s">
        <v>400</v>
      </c>
      <c r="L5999" s="149" t="s">
        <v>400</v>
      </c>
      <c r="M5999" s="149" t="s">
        <v>400</v>
      </c>
      <c r="N5999" s="149" t="s">
        <v>400</v>
      </c>
      <c r="O5999" s="149" t="s">
        <v>400</v>
      </c>
      <c r="P5999" s="149" t="s">
        <v>400</v>
      </c>
      <c r="Q5999" s="149" t="s">
        <v>400</v>
      </c>
      <c r="R5999" s="149" t="s">
        <v>400</v>
      </c>
      <c r="S5999" s="149" t="s">
        <v>400</v>
      </c>
      <c r="T5999" s="149" t="s">
        <v>400</v>
      </c>
      <c r="U5999" s="149" t="s">
        <v>400</v>
      </c>
      <c r="V5999" s="149" t="s">
        <v>400</v>
      </c>
      <c r="W5999" s="149" t="s">
        <v>400</v>
      </c>
      <c r="X5999" s="149" t="s">
        <v>400</v>
      </c>
      <c r="Y5999" s="149" t="s">
        <v>400</v>
      </c>
      <c r="Z5999" s="149" t="s">
        <v>400</v>
      </c>
      <c r="AA5999" s="149" t="s">
        <v>400</v>
      </c>
      <c r="AB5999" s="149" t="s">
        <v>400</v>
      </c>
      <c r="AC5999" s="149" t="s">
        <v>400</v>
      </c>
      <c r="AD5999" s="149" t="s">
        <v>400</v>
      </c>
      <c r="AE5999" s="149" t="s">
        <v>400</v>
      </c>
      <c r="AF5999" s="149" t="s">
        <v>400</v>
      </c>
      <c r="AG5999" s="149" t="s">
        <v>400</v>
      </c>
      <c r="AH5999" s="149" t="s">
        <v>400</v>
      </c>
      <c r="AI5999" s="149" t="s">
        <v>400</v>
      </c>
      <c r="AJ5999" s="149" t="s">
        <v>400</v>
      </c>
      <c r="AK5999" s="149" t="s">
        <v>400</v>
      </c>
      <c r="AL5999" s="149" t="s">
        <v>400</v>
      </c>
      <c r="AM5999" s="149" t="s">
        <v>400</v>
      </c>
      <c r="AN5999" s="149" t="s">
        <v>400</v>
      </c>
      <c r="AO5999" s="149" t="s">
        <v>400</v>
      </c>
      <c r="AP5999" s="149" t="s">
        <v>400</v>
      </c>
      <c r="AQ5999" s="149" t="s">
        <v>400</v>
      </c>
      <c r="AR5999" s="149" t="s">
        <v>400</v>
      </c>
      <c r="AS5999" s="149" t="s">
        <v>400</v>
      </c>
      <c r="AT5999" s="129" t="s">
        <v>400</v>
      </c>
      <c r="AU5999" s="149" t="s">
        <v>400</v>
      </c>
      <c r="AV5999" s="149" t="s">
        <v>400</v>
      </c>
      <c r="AW5999" s="149" t="s">
        <v>400</v>
      </c>
      <c r="AX5999" s="98"/>
      <c r="AY5999" s="98"/>
      <c r="AZ5999" s="98"/>
      <c r="BA5999" s="98"/>
      <c r="BB5999" s="107">
        <v>45884</v>
      </c>
    </row>
    <row r="6000" spans="1:54" s="8" customFormat="1" ht="13.95" customHeight="1" x14ac:dyDescent="0.25">
      <c r="A6000" s="219" t="s">
        <v>14074</v>
      </c>
      <c r="B6000" s="220" t="s">
        <v>13310</v>
      </c>
      <c r="C6000" s="98" t="s">
        <v>14075</v>
      </c>
      <c r="D6000" s="144" t="s">
        <v>14076</v>
      </c>
      <c r="E6000" s="141">
        <v>2005</v>
      </c>
      <c r="F6000" s="141">
        <v>5037</v>
      </c>
      <c r="G6000" s="144" t="s">
        <v>1</v>
      </c>
      <c r="H6000" s="98">
        <v>0</v>
      </c>
      <c r="I6000" s="98">
        <v>0</v>
      </c>
      <c r="J6000" s="98">
        <v>1</v>
      </c>
      <c r="K6000" s="149" t="s">
        <v>400</v>
      </c>
      <c r="L6000" s="149" t="s">
        <v>400</v>
      </c>
      <c r="M6000" s="149" t="s">
        <v>400</v>
      </c>
      <c r="N6000" s="149" t="s">
        <v>400</v>
      </c>
      <c r="O6000" s="149" t="s">
        <v>400</v>
      </c>
      <c r="P6000" s="149" t="s">
        <v>400</v>
      </c>
      <c r="Q6000" s="149" t="s">
        <v>400</v>
      </c>
      <c r="R6000" s="149" t="s">
        <v>400</v>
      </c>
      <c r="S6000" s="149" t="s">
        <v>400</v>
      </c>
      <c r="T6000" s="149" t="s">
        <v>400</v>
      </c>
      <c r="U6000" s="99"/>
      <c r="V6000" s="99"/>
      <c r="W6000" s="99"/>
      <c r="X6000" s="99"/>
      <c r="Y6000" s="99"/>
      <c r="Z6000" s="99"/>
      <c r="AA6000" s="99"/>
      <c r="AB6000" s="99"/>
      <c r="AC6000" s="99"/>
      <c r="AD6000" s="99"/>
      <c r="AE6000" s="99"/>
      <c r="AF6000" s="99"/>
      <c r="AG6000" s="99"/>
      <c r="AH6000" s="99"/>
      <c r="AI6000" s="99"/>
      <c r="AJ6000" s="99"/>
      <c r="AK6000" s="99"/>
      <c r="AL6000" s="99"/>
      <c r="AM6000" s="99"/>
      <c r="AN6000" s="99"/>
      <c r="AO6000" s="99"/>
      <c r="AP6000" s="99"/>
      <c r="AQ6000" s="99"/>
      <c r="AR6000" s="99"/>
      <c r="AS6000" s="99"/>
      <c r="AT6000" s="99"/>
      <c r="AU6000" s="99"/>
      <c r="AV6000" s="99"/>
      <c r="AW6000" s="99"/>
      <c r="AX6000" s="99"/>
      <c r="AY6000" s="99"/>
      <c r="AZ6000" s="99"/>
      <c r="BA6000" s="99"/>
      <c r="BB6000" s="107">
        <v>45884</v>
      </c>
    </row>
    <row r="6001" spans="1:54" s="8" customFormat="1" ht="13.95" customHeight="1" x14ac:dyDescent="0.25">
      <c r="A6001" s="219" t="s">
        <v>14077</v>
      </c>
      <c r="B6001" s="220" t="s">
        <v>13310</v>
      </c>
      <c r="C6001" s="98" t="s">
        <v>14078</v>
      </c>
      <c r="D6001" s="144" t="s">
        <v>14079</v>
      </c>
      <c r="E6001" s="141">
        <v>1998</v>
      </c>
      <c r="F6001" s="141">
        <v>7992</v>
      </c>
      <c r="G6001" s="144" t="s">
        <v>1</v>
      </c>
      <c r="H6001" s="98">
        <v>0</v>
      </c>
      <c r="I6001" s="98">
        <v>0</v>
      </c>
      <c r="J6001" s="98">
        <v>1</v>
      </c>
      <c r="K6001" s="149" t="s">
        <v>400</v>
      </c>
      <c r="L6001" s="149" t="s">
        <v>400</v>
      </c>
      <c r="M6001" s="149" t="s">
        <v>400</v>
      </c>
      <c r="N6001" s="149" t="s">
        <v>400</v>
      </c>
      <c r="O6001" s="149" t="s">
        <v>400</v>
      </c>
      <c r="P6001" s="149" t="s">
        <v>400</v>
      </c>
      <c r="Q6001" s="149" t="s">
        <v>400</v>
      </c>
      <c r="R6001" s="149" t="s">
        <v>400</v>
      </c>
      <c r="S6001" s="149" t="s">
        <v>400</v>
      </c>
      <c r="T6001" s="149" t="s">
        <v>400</v>
      </c>
      <c r="U6001" s="99"/>
      <c r="V6001" s="99"/>
      <c r="W6001" s="99"/>
      <c r="X6001" s="99"/>
      <c r="Y6001" s="99"/>
      <c r="Z6001" s="99"/>
      <c r="AA6001" s="99"/>
      <c r="AB6001" s="99"/>
      <c r="AC6001" s="99"/>
      <c r="AD6001" s="99"/>
      <c r="AE6001" s="99"/>
      <c r="AF6001" s="99"/>
      <c r="AG6001" s="99"/>
      <c r="AH6001" s="99"/>
      <c r="AI6001" s="99"/>
      <c r="AJ6001" s="99"/>
      <c r="AK6001" s="99"/>
      <c r="AL6001" s="99"/>
      <c r="AM6001" s="99"/>
      <c r="AN6001" s="99"/>
      <c r="AO6001" s="99"/>
      <c r="AP6001" s="99"/>
      <c r="AQ6001" s="99"/>
      <c r="AR6001" s="99"/>
      <c r="AS6001" s="99"/>
      <c r="AT6001" s="99"/>
      <c r="AU6001" s="99"/>
      <c r="AV6001" s="99"/>
      <c r="AW6001" s="99"/>
      <c r="AX6001" s="99"/>
      <c r="AY6001" s="99"/>
      <c r="AZ6001" s="99"/>
      <c r="BA6001" s="99"/>
      <c r="BB6001" s="107">
        <v>45884</v>
      </c>
    </row>
    <row r="6002" spans="1:54" s="8" customFormat="1" ht="13.95" customHeight="1" x14ac:dyDescent="0.25">
      <c r="A6002" s="219" t="s">
        <v>14080</v>
      </c>
      <c r="B6002" s="220" t="s">
        <v>13310</v>
      </c>
      <c r="C6002" s="98" t="s">
        <v>14081</v>
      </c>
      <c r="D6002" s="144" t="s">
        <v>14082</v>
      </c>
      <c r="E6002" s="141">
        <v>1996</v>
      </c>
      <c r="F6002" s="141">
        <v>5890</v>
      </c>
      <c r="G6002" s="144" t="s">
        <v>1</v>
      </c>
      <c r="H6002" s="98">
        <v>0</v>
      </c>
      <c r="I6002" s="98">
        <v>0</v>
      </c>
      <c r="J6002" s="98">
        <v>1</v>
      </c>
      <c r="K6002" s="149" t="s">
        <v>400</v>
      </c>
      <c r="L6002" s="149" t="s">
        <v>400</v>
      </c>
      <c r="M6002" s="149" t="s">
        <v>400</v>
      </c>
      <c r="N6002" s="149" t="s">
        <v>400</v>
      </c>
      <c r="O6002" s="149" t="s">
        <v>400</v>
      </c>
      <c r="P6002" s="149" t="s">
        <v>400</v>
      </c>
      <c r="Q6002" s="149" t="s">
        <v>400</v>
      </c>
      <c r="R6002" s="149" t="s">
        <v>400</v>
      </c>
      <c r="S6002" s="149" t="s">
        <v>400</v>
      </c>
      <c r="T6002" s="149" t="s">
        <v>400</v>
      </c>
      <c r="U6002" s="99"/>
      <c r="V6002" s="99"/>
      <c r="W6002" s="99"/>
      <c r="X6002" s="99"/>
      <c r="Y6002" s="99"/>
      <c r="Z6002" s="99"/>
      <c r="AA6002" s="99"/>
      <c r="AB6002" s="99"/>
      <c r="AC6002" s="99"/>
      <c r="AD6002" s="99"/>
      <c r="AE6002" s="99"/>
      <c r="AF6002" s="99"/>
      <c r="AG6002" s="99"/>
      <c r="AH6002" s="99"/>
      <c r="AI6002" s="99"/>
      <c r="AJ6002" s="99"/>
      <c r="AK6002" s="99"/>
      <c r="AL6002" s="99"/>
      <c r="AM6002" s="99"/>
      <c r="AN6002" s="99"/>
      <c r="AO6002" s="99"/>
      <c r="AP6002" s="99"/>
      <c r="AQ6002" s="99"/>
      <c r="AR6002" s="99"/>
      <c r="AS6002" s="99"/>
      <c r="AT6002" s="99"/>
      <c r="AU6002" s="99"/>
      <c r="AV6002" s="99"/>
      <c r="AW6002" s="99"/>
      <c r="AX6002" s="99"/>
      <c r="AY6002" s="99"/>
      <c r="AZ6002" s="99"/>
      <c r="BA6002" s="99"/>
      <c r="BB6002" s="107">
        <v>45884</v>
      </c>
    </row>
    <row r="6003" spans="1:54" s="8" customFormat="1" ht="13.95" customHeight="1" x14ac:dyDescent="0.25">
      <c r="A6003" s="219" t="s">
        <v>14083</v>
      </c>
      <c r="B6003" s="220" t="s">
        <v>13310</v>
      </c>
      <c r="C6003" s="98" t="s">
        <v>14084</v>
      </c>
      <c r="D6003" s="144" t="s">
        <v>14085</v>
      </c>
      <c r="E6003" s="141">
        <v>2010</v>
      </c>
      <c r="F6003" s="141">
        <v>6089</v>
      </c>
      <c r="G6003" s="144" t="s">
        <v>1</v>
      </c>
      <c r="H6003" s="98">
        <v>0</v>
      </c>
      <c r="I6003" s="98">
        <v>0</v>
      </c>
      <c r="J6003" s="98">
        <v>1</v>
      </c>
      <c r="K6003" s="149" t="s">
        <v>400</v>
      </c>
      <c r="L6003" s="149" t="s">
        <v>400</v>
      </c>
      <c r="M6003" s="149" t="s">
        <v>400</v>
      </c>
      <c r="N6003" s="149" t="s">
        <v>400</v>
      </c>
      <c r="O6003" s="149" t="s">
        <v>400</v>
      </c>
      <c r="P6003" s="149" t="s">
        <v>400</v>
      </c>
      <c r="Q6003" s="149" t="s">
        <v>400</v>
      </c>
      <c r="R6003" s="149" t="s">
        <v>400</v>
      </c>
      <c r="S6003" s="149" t="s">
        <v>400</v>
      </c>
      <c r="T6003" s="149" t="s">
        <v>400</v>
      </c>
      <c r="U6003" s="99"/>
      <c r="V6003" s="99"/>
      <c r="W6003" s="99"/>
      <c r="X6003" s="99"/>
      <c r="Y6003" s="99"/>
      <c r="Z6003" s="99"/>
      <c r="AA6003" s="99"/>
      <c r="AB6003" s="99"/>
      <c r="AC6003" s="99"/>
      <c r="AD6003" s="99"/>
      <c r="AE6003" s="99"/>
      <c r="AF6003" s="99"/>
      <c r="AG6003" s="99"/>
      <c r="AH6003" s="99"/>
      <c r="AI6003" s="99"/>
      <c r="AJ6003" s="99"/>
      <c r="AK6003" s="99"/>
      <c r="AL6003" s="99"/>
      <c r="AM6003" s="99"/>
      <c r="AN6003" s="99"/>
      <c r="AO6003" s="99"/>
      <c r="AP6003" s="99"/>
      <c r="AQ6003" s="99"/>
      <c r="AR6003" s="99"/>
      <c r="AS6003" s="99"/>
      <c r="AT6003" s="99"/>
      <c r="AU6003" s="99"/>
      <c r="AV6003" s="99"/>
      <c r="AW6003" s="99"/>
      <c r="AX6003" s="99"/>
      <c r="AY6003" s="99"/>
      <c r="AZ6003" s="99"/>
      <c r="BA6003" s="99"/>
      <c r="BB6003" s="107">
        <v>45884</v>
      </c>
    </row>
    <row r="6004" spans="1:54" s="8" customFormat="1" ht="13.95" customHeight="1" x14ac:dyDescent="0.25">
      <c r="A6004" s="219" t="s">
        <v>14086</v>
      </c>
      <c r="B6004" s="220" t="s">
        <v>13310</v>
      </c>
      <c r="C6004" s="98" t="s">
        <v>14087</v>
      </c>
      <c r="D6004" s="144" t="s">
        <v>14088</v>
      </c>
      <c r="E6004" s="141">
        <v>1959</v>
      </c>
      <c r="F6004" s="141">
        <v>6122</v>
      </c>
      <c r="G6004" s="144" t="s">
        <v>1</v>
      </c>
      <c r="H6004" s="98">
        <v>1</v>
      </c>
      <c r="I6004" s="98">
        <v>1</v>
      </c>
      <c r="J6004" s="98">
        <v>1</v>
      </c>
      <c r="K6004" s="149" t="s">
        <v>400</v>
      </c>
      <c r="L6004" s="149" t="s">
        <v>400</v>
      </c>
      <c r="M6004" s="149" t="s">
        <v>400</v>
      </c>
      <c r="N6004" s="149" t="s">
        <v>400</v>
      </c>
      <c r="O6004" s="149" t="s">
        <v>400</v>
      </c>
      <c r="P6004" s="149" t="s">
        <v>400</v>
      </c>
      <c r="Q6004" s="149" t="s">
        <v>400</v>
      </c>
      <c r="R6004" s="149" t="s">
        <v>400</v>
      </c>
      <c r="S6004" s="149" t="s">
        <v>400</v>
      </c>
      <c r="T6004" s="149" t="s">
        <v>400</v>
      </c>
      <c r="U6004" s="99"/>
      <c r="V6004" s="99"/>
      <c r="W6004" s="99"/>
      <c r="X6004" s="99"/>
      <c r="Y6004" s="99"/>
      <c r="Z6004" s="99"/>
      <c r="AA6004" s="99"/>
      <c r="AB6004" s="99"/>
      <c r="AC6004" s="99"/>
      <c r="AD6004" s="99"/>
      <c r="AE6004" s="99"/>
      <c r="AF6004" s="99"/>
      <c r="AG6004" s="99"/>
      <c r="AH6004" s="99"/>
      <c r="AI6004" s="99"/>
      <c r="AJ6004" s="99"/>
      <c r="AK6004" s="99"/>
      <c r="AL6004" s="99"/>
      <c r="AM6004" s="99"/>
      <c r="AN6004" s="99"/>
      <c r="AO6004" s="99"/>
      <c r="AP6004" s="99"/>
      <c r="AQ6004" s="99"/>
      <c r="AR6004" s="99"/>
      <c r="AS6004" s="99"/>
      <c r="AT6004" s="99"/>
      <c r="AU6004" s="99"/>
      <c r="AV6004" s="99"/>
      <c r="AW6004" s="99"/>
      <c r="AX6004" s="99"/>
      <c r="AY6004" s="99"/>
      <c r="AZ6004" s="99"/>
      <c r="BA6004" s="99"/>
      <c r="BB6004" s="107">
        <v>45884</v>
      </c>
    </row>
    <row r="6005" spans="1:54" s="8" customFormat="1" ht="13.95" customHeight="1" x14ac:dyDescent="0.25">
      <c r="A6005" s="219" t="s">
        <v>14089</v>
      </c>
      <c r="B6005" s="220" t="s">
        <v>13310</v>
      </c>
      <c r="C6005" s="98" t="s">
        <v>14090</v>
      </c>
      <c r="D6005" s="144" t="s">
        <v>14091</v>
      </c>
      <c r="E6005" s="141">
        <v>1968</v>
      </c>
      <c r="F6005" s="141">
        <v>6418</v>
      </c>
      <c r="G6005" s="144" t="s">
        <v>3</v>
      </c>
      <c r="H6005" s="98">
        <v>0</v>
      </c>
      <c r="I6005" s="98">
        <v>0</v>
      </c>
      <c r="J6005" s="98">
        <v>1</v>
      </c>
      <c r="K6005" s="149" t="s">
        <v>400</v>
      </c>
      <c r="L6005" s="149" t="s">
        <v>400</v>
      </c>
      <c r="M6005" s="149" t="s">
        <v>400</v>
      </c>
      <c r="N6005" s="149" t="s">
        <v>400</v>
      </c>
      <c r="O6005" s="149" t="s">
        <v>400</v>
      </c>
      <c r="P6005" s="149" t="s">
        <v>400</v>
      </c>
      <c r="Q6005" s="149" t="s">
        <v>400</v>
      </c>
      <c r="R6005" s="149" t="s">
        <v>400</v>
      </c>
      <c r="S6005" s="149" t="s">
        <v>400</v>
      </c>
      <c r="T6005" s="149" t="s">
        <v>400</v>
      </c>
      <c r="U6005" s="149" t="s">
        <v>400</v>
      </c>
      <c r="V6005" s="149" t="s">
        <v>400</v>
      </c>
      <c r="W6005" s="149" t="s">
        <v>400</v>
      </c>
      <c r="X6005" s="149" t="s">
        <v>400</v>
      </c>
      <c r="Y6005" s="149" t="s">
        <v>400</v>
      </c>
      <c r="Z6005" s="149" t="s">
        <v>400</v>
      </c>
      <c r="AA6005" s="149" t="s">
        <v>400</v>
      </c>
      <c r="AB6005" s="149" t="s">
        <v>400</v>
      </c>
      <c r="AC6005" s="149" t="s">
        <v>400</v>
      </c>
      <c r="AD6005" s="149" t="s">
        <v>400</v>
      </c>
      <c r="AE6005" s="149" t="s">
        <v>400</v>
      </c>
      <c r="AF6005" s="149" t="s">
        <v>400</v>
      </c>
      <c r="AG6005" s="149" t="s">
        <v>400</v>
      </c>
      <c r="AH6005" s="149" t="s">
        <v>400</v>
      </c>
      <c r="AI6005" s="149" t="s">
        <v>400</v>
      </c>
      <c r="AJ6005" s="149" t="s">
        <v>400</v>
      </c>
      <c r="AK6005" s="149" t="s">
        <v>400</v>
      </c>
      <c r="AL6005" s="149" t="s">
        <v>400</v>
      </c>
      <c r="AM6005" s="149" t="s">
        <v>400</v>
      </c>
      <c r="AN6005" s="149" t="s">
        <v>400</v>
      </c>
      <c r="AO6005" s="149" t="s">
        <v>400</v>
      </c>
      <c r="AP6005" s="149" t="s">
        <v>400</v>
      </c>
      <c r="AQ6005" s="149" t="s">
        <v>400</v>
      </c>
      <c r="AR6005" s="149" t="s">
        <v>400</v>
      </c>
      <c r="AS6005" s="149" t="s">
        <v>400</v>
      </c>
      <c r="AT6005" s="129" t="s">
        <v>400</v>
      </c>
      <c r="AU6005" s="149" t="s">
        <v>400</v>
      </c>
      <c r="AV6005" s="149" t="s">
        <v>400</v>
      </c>
      <c r="AW6005" s="149" t="s">
        <v>400</v>
      </c>
      <c r="AX6005" s="98"/>
      <c r="AY6005" s="98"/>
      <c r="AZ6005" s="98"/>
      <c r="BA6005" s="98"/>
      <c r="BB6005" s="107">
        <v>45884</v>
      </c>
    </row>
    <row r="6006" spans="1:54" s="8" customFormat="1" ht="13.95" customHeight="1" x14ac:dyDescent="0.25">
      <c r="A6006" s="219" t="s">
        <v>14092</v>
      </c>
      <c r="B6006" s="220" t="s">
        <v>13310</v>
      </c>
      <c r="C6006" s="98" t="s">
        <v>14093</v>
      </c>
      <c r="D6006" s="144" t="s">
        <v>14094</v>
      </c>
      <c r="E6006" s="141">
        <v>1985</v>
      </c>
      <c r="F6006" s="141">
        <v>6631</v>
      </c>
      <c r="G6006" s="144" t="s">
        <v>1</v>
      </c>
      <c r="H6006" s="98">
        <v>0</v>
      </c>
      <c r="I6006" s="98">
        <v>0</v>
      </c>
      <c r="J6006" s="98">
        <v>1</v>
      </c>
      <c r="K6006" s="149" t="s">
        <v>400</v>
      </c>
      <c r="L6006" s="149" t="s">
        <v>400</v>
      </c>
      <c r="M6006" s="149" t="s">
        <v>400</v>
      </c>
      <c r="N6006" s="149" t="s">
        <v>400</v>
      </c>
      <c r="O6006" s="149" t="s">
        <v>400</v>
      </c>
      <c r="P6006" s="149" t="s">
        <v>400</v>
      </c>
      <c r="Q6006" s="149" t="s">
        <v>400</v>
      </c>
      <c r="R6006" s="149" t="s">
        <v>400</v>
      </c>
      <c r="S6006" s="149" t="s">
        <v>400</v>
      </c>
      <c r="T6006" s="149" t="s">
        <v>400</v>
      </c>
      <c r="U6006" s="99"/>
      <c r="V6006" s="99"/>
      <c r="W6006" s="99"/>
      <c r="X6006" s="99"/>
      <c r="Y6006" s="99"/>
      <c r="Z6006" s="99"/>
      <c r="AA6006" s="99"/>
      <c r="AB6006" s="99"/>
      <c r="AC6006" s="99"/>
      <c r="AD6006" s="99"/>
      <c r="AE6006" s="99"/>
      <c r="AF6006" s="99"/>
      <c r="AG6006" s="99"/>
      <c r="AH6006" s="99"/>
      <c r="AI6006" s="99"/>
      <c r="AJ6006" s="99"/>
      <c r="AK6006" s="99"/>
      <c r="AL6006" s="99"/>
      <c r="AM6006" s="99"/>
      <c r="AN6006" s="99"/>
      <c r="AO6006" s="99"/>
      <c r="AP6006" s="99"/>
      <c r="AQ6006" s="99"/>
      <c r="AR6006" s="99"/>
      <c r="AS6006" s="99"/>
      <c r="AT6006" s="99"/>
      <c r="AU6006" s="99"/>
      <c r="AV6006" s="99"/>
      <c r="AW6006" s="99"/>
      <c r="AX6006" s="99"/>
      <c r="AY6006" s="99"/>
      <c r="AZ6006" s="99"/>
      <c r="BA6006" s="99"/>
      <c r="BB6006" s="107">
        <v>45884</v>
      </c>
    </row>
    <row r="6007" spans="1:54" s="8" customFormat="1" ht="13.95" customHeight="1" x14ac:dyDescent="0.25">
      <c r="A6007" s="219" t="s">
        <v>14095</v>
      </c>
      <c r="B6007" s="220" t="s">
        <v>13310</v>
      </c>
      <c r="C6007" s="98" t="s">
        <v>14096</v>
      </c>
      <c r="D6007" s="144" t="s">
        <v>14097</v>
      </c>
      <c r="E6007" s="141">
        <v>1989</v>
      </c>
      <c r="F6007" s="141">
        <v>6681</v>
      </c>
      <c r="G6007" s="144" t="s">
        <v>1</v>
      </c>
      <c r="H6007" s="98">
        <v>0</v>
      </c>
      <c r="I6007" s="98">
        <v>0</v>
      </c>
      <c r="J6007" s="98">
        <v>1</v>
      </c>
      <c r="K6007" s="149" t="s">
        <v>400</v>
      </c>
      <c r="L6007" s="149" t="s">
        <v>400</v>
      </c>
      <c r="M6007" s="149" t="s">
        <v>400</v>
      </c>
      <c r="N6007" s="149" t="s">
        <v>400</v>
      </c>
      <c r="O6007" s="149" t="s">
        <v>400</v>
      </c>
      <c r="P6007" s="149" t="s">
        <v>400</v>
      </c>
      <c r="Q6007" s="149" t="s">
        <v>400</v>
      </c>
      <c r="R6007" s="149" t="s">
        <v>400</v>
      </c>
      <c r="S6007" s="149" t="s">
        <v>400</v>
      </c>
      <c r="T6007" s="149" t="s">
        <v>400</v>
      </c>
      <c r="U6007" s="99"/>
      <c r="V6007" s="99"/>
      <c r="W6007" s="99"/>
      <c r="X6007" s="99"/>
      <c r="Y6007" s="99"/>
      <c r="Z6007" s="99"/>
      <c r="AA6007" s="99"/>
      <c r="AB6007" s="99"/>
      <c r="AC6007" s="99"/>
      <c r="AD6007" s="99"/>
      <c r="AE6007" s="99"/>
      <c r="AF6007" s="99"/>
      <c r="AG6007" s="99"/>
      <c r="AH6007" s="99"/>
      <c r="AI6007" s="99"/>
      <c r="AJ6007" s="99"/>
      <c r="AK6007" s="99"/>
      <c r="AL6007" s="99"/>
      <c r="AM6007" s="99"/>
      <c r="AN6007" s="99"/>
      <c r="AO6007" s="99"/>
      <c r="AP6007" s="99"/>
      <c r="AQ6007" s="99"/>
      <c r="AR6007" s="99"/>
      <c r="AS6007" s="99"/>
      <c r="AT6007" s="99"/>
      <c r="AU6007" s="99"/>
      <c r="AV6007" s="99"/>
      <c r="AW6007" s="99"/>
      <c r="AX6007" s="99"/>
      <c r="AY6007" s="99"/>
      <c r="AZ6007" s="99"/>
      <c r="BA6007" s="99"/>
      <c r="BB6007" s="107">
        <v>45884</v>
      </c>
    </row>
    <row r="6008" spans="1:54" s="8" customFormat="1" ht="13.95" customHeight="1" x14ac:dyDescent="0.25">
      <c r="A6008" s="219" t="s">
        <v>14098</v>
      </c>
      <c r="B6008" s="220" t="s">
        <v>13310</v>
      </c>
      <c r="C6008" s="98" t="s">
        <v>14099</v>
      </c>
      <c r="D6008" s="144" t="s">
        <v>14100</v>
      </c>
      <c r="E6008" s="141">
        <v>1965</v>
      </c>
      <c r="F6008" s="141">
        <v>6959</v>
      </c>
      <c r="G6008" s="144" t="s">
        <v>3</v>
      </c>
      <c r="H6008" s="98">
        <v>0</v>
      </c>
      <c r="I6008" s="98">
        <v>0</v>
      </c>
      <c r="J6008" s="98">
        <v>1</v>
      </c>
      <c r="K6008" s="149" t="s">
        <v>400</v>
      </c>
      <c r="L6008" s="149" t="s">
        <v>400</v>
      </c>
      <c r="M6008" s="149" t="s">
        <v>400</v>
      </c>
      <c r="N6008" s="149" t="s">
        <v>400</v>
      </c>
      <c r="O6008" s="149" t="s">
        <v>400</v>
      </c>
      <c r="P6008" s="149" t="s">
        <v>400</v>
      </c>
      <c r="Q6008" s="149" t="s">
        <v>400</v>
      </c>
      <c r="R6008" s="149" t="s">
        <v>400</v>
      </c>
      <c r="S6008" s="149" t="s">
        <v>400</v>
      </c>
      <c r="T6008" s="149" t="s">
        <v>400</v>
      </c>
      <c r="U6008" s="149" t="s">
        <v>400</v>
      </c>
      <c r="V6008" s="149" t="s">
        <v>400</v>
      </c>
      <c r="W6008" s="149" t="s">
        <v>400</v>
      </c>
      <c r="X6008" s="149" t="s">
        <v>400</v>
      </c>
      <c r="Y6008" s="149" t="s">
        <v>400</v>
      </c>
      <c r="Z6008" s="149" t="s">
        <v>400</v>
      </c>
      <c r="AA6008" s="149" t="s">
        <v>400</v>
      </c>
      <c r="AB6008" s="149" t="s">
        <v>400</v>
      </c>
      <c r="AC6008" s="149" t="s">
        <v>400</v>
      </c>
      <c r="AD6008" s="149" t="s">
        <v>400</v>
      </c>
      <c r="AE6008" s="149" t="s">
        <v>400</v>
      </c>
      <c r="AF6008" s="149" t="s">
        <v>400</v>
      </c>
      <c r="AG6008" s="149" t="s">
        <v>400</v>
      </c>
      <c r="AH6008" s="149" t="s">
        <v>400</v>
      </c>
      <c r="AI6008" s="149" t="s">
        <v>400</v>
      </c>
      <c r="AJ6008" s="149" t="s">
        <v>400</v>
      </c>
      <c r="AK6008" s="149" t="s">
        <v>400</v>
      </c>
      <c r="AL6008" s="149" t="s">
        <v>400</v>
      </c>
      <c r="AM6008" s="149" t="s">
        <v>400</v>
      </c>
      <c r="AN6008" s="149" t="s">
        <v>400</v>
      </c>
      <c r="AO6008" s="149" t="s">
        <v>400</v>
      </c>
      <c r="AP6008" s="149" t="s">
        <v>400</v>
      </c>
      <c r="AQ6008" s="149" t="s">
        <v>400</v>
      </c>
      <c r="AR6008" s="149" t="s">
        <v>400</v>
      </c>
      <c r="AS6008" s="149" t="s">
        <v>400</v>
      </c>
      <c r="AT6008" s="129" t="s">
        <v>400</v>
      </c>
      <c r="AU6008" s="149" t="s">
        <v>400</v>
      </c>
      <c r="AV6008" s="149" t="s">
        <v>400</v>
      </c>
      <c r="AW6008" s="149" t="s">
        <v>400</v>
      </c>
      <c r="AX6008" s="98"/>
      <c r="AY6008" s="98"/>
      <c r="AZ6008" s="98"/>
      <c r="BA6008" s="98"/>
      <c r="BB6008" s="107">
        <v>45884</v>
      </c>
    </row>
    <row r="6009" spans="1:54" s="8" customFormat="1" ht="13.95" customHeight="1" x14ac:dyDescent="0.25">
      <c r="A6009" s="219" t="s">
        <v>14101</v>
      </c>
      <c r="B6009" s="220" t="s">
        <v>13310</v>
      </c>
      <c r="C6009" s="98" t="s">
        <v>14102</v>
      </c>
      <c r="D6009" s="144" t="s">
        <v>14103</v>
      </c>
      <c r="E6009" s="141">
        <v>1992</v>
      </c>
      <c r="F6009" s="141">
        <v>6985</v>
      </c>
      <c r="G6009" s="144" t="s">
        <v>3</v>
      </c>
      <c r="H6009" s="98">
        <v>1</v>
      </c>
      <c r="I6009" s="98">
        <v>1</v>
      </c>
      <c r="J6009" s="98">
        <v>1</v>
      </c>
      <c r="K6009" s="149" t="s">
        <v>400</v>
      </c>
      <c r="L6009" s="149" t="s">
        <v>400</v>
      </c>
      <c r="M6009" s="149" t="s">
        <v>400</v>
      </c>
      <c r="N6009" s="149" t="s">
        <v>400</v>
      </c>
      <c r="O6009" s="149" t="s">
        <v>400</v>
      </c>
      <c r="P6009" s="149" t="s">
        <v>400</v>
      </c>
      <c r="Q6009" s="149" t="s">
        <v>400</v>
      </c>
      <c r="R6009" s="149" t="s">
        <v>400</v>
      </c>
      <c r="S6009" s="149" t="s">
        <v>400</v>
      </c>
      <c r="T6009" s="149" t="s">
        <v>400</v>
      </c>
      <c r="U6009" s="149" t="s">
        <v>400</v>
      </c>
      <c r="V6009" s="149" t="s">
        <v>400</v>
      </c>
      <c r="W6009" s="149" t="s">
        <v>400</v>
      </c>
      <c r="X6009" s="149" t="s">
        <v>400</v>
      </c>
      <c r="Y6009" s="149" t="s">
        <v>400</v>
      </c>
      <c r="Z6009" s="149" t="s">
        <v>400</v>
      </c>
      <c r="AA6009" s="149" t="s">
        <v>400</v>
      </c>
      <c r="AB6009" s="149" t="s">
        <v>400</v>
      </c>
      <c r="AC6009" s="149" t="s">
        <v>400</v>
      </c>
      <c r="AD6009" s="149" t="s">
        <v>400</v>
      </c>
      <c r="AE6009" s="149" t="s">
        <v>400</v>
      </c>
      <c r="AF6009" s="149" t="s">
        <v>400</v>
      </c>
      <c r="AG6009" s="149" t="s">
        <v>400</v>
      </c>
      <c r="AH6009" s="149" t="s">
        <v>400</v>
      </c>
      <c r="AI6009" s="149" t="s">
        <v>400</v>
      </c>
      <c r="AJ6009" s="149" t="s">
        <v>400</v>
      </c>
      <c r="AK6009" s="149" t="s">
        <v>400</v>
      </c>
      <c r="AL6009" s="149" t="s">
        <v>400</v>
      </c>
      <c r="AM6009" s="149" t="s">
        <v>400</v>
      </c>
      <c r="AN6009" s="149" t="s">
        <v>400</v>
      </c>
      <c r="AO6009" s="149" t="s">
        <v>400</v>
      </c>
      <c r="AP6009" s="149" t="s">
        <v>400</v>
      </c>
      <c r="AQ6009" s="149" t="s">
        <v>400</v>
      </c>
      <c r="AR6009" s="149" t="s">
        <v>400</v>
      </c>
      <c r="AS6009" s="149" t="s">
        <v>400</v>
      </c>
      <c r="AT6009" s="129" t="s">
        <v>400</v>
      </c>
      <c r="AU6009" s="149" t="s">
        <v>400</v>
      </c>
      <c r="AV6009" s="149" t="s">
        <v>400</v>
      </c>
      <c r="AW6009" s="149" t="s">
        <v>400</v>
      </c>
      <c r="AX6009" s="98"/>
      <c r="AY6009" s="98"/>
      <c r="AZ6009" s="98"/>
      <c r="BA6009" s="98"/>
      <c r="BB6009" s="107">
        <v>45884</v>
      </c>
    </row>
    <row r="6010" spans="1:54" s="8" customFormat="1" ht="13.95" customHeight="1" x14ac:dyDescent="0.25">
      <c r="A6010" s="219" t="s">
        <v>14104</v>
      </c>
      <c r="B6010" s="220" t="s">
        <v>13310</v>
      </c>
      <c r="C6010" s="98" t="s">
        <v>14105</v>
      </c>
      <c r="D6010" s="144" t="s">
        <v>14106</v>
      </c>
      <c r="E6010" s="141">
        <v>1990</v>
      </c>
      <c r="F6010" s="141">
        <v>7060</v>
      </c>
      <c r="G6010" s="144" t="s">
        <v>3</v>
      </c>
      <c r="H6010" s="98">
        <v>0</v>
      </c>
      <c r="I6010" s="98">
        <v>0</v>
      </c>
      <c r="J6010" s="98">
        <v>1</v>
      </c>
      <c r="K6010" s="149" t="s">
        <v>400</v>
      </c>
      <c r="L6010" s="149" t="s">
        <v>400</v>
      </c>
      <c r="M6010" s="149" t="s">
        <v>400</v>
      </c>
      <c r="N6010" s="149" t="s">
        <v>400</v>
      </c>
      <c r="O6010" s="149" t="s">
        <v>400</v>
      </c>
      <c r="P6010" s="149" t="s">
        <v>400</v>
      </c>
      <c r="Q6010" s="149" t="s">
        <v>400</v>
      </c>
      <c r="R6010" s="149" t="s">
        <v>400</v>
      </c>
      <c r="S6010" s="149" t="s">
        <v>400</v>
      </c>
      <c r="T6010" s="149" t="s">
        <v>400</v>
      </c>
      <c r="U6010" s="149" t="s">
        <v>400</v>
      </c>
      <c r="V6010" s="149" t="s">
        <v>400</v>
      </c>
      <c r="W6010" s="149" t="s">
        <v>400</v>
      </c>
      <c r="X6010" s="149" t="s">
        <v>400</v>
      </c>
      <c r="Y6010" s="149" t="s">
        <v>400</v>
      </c>
      <c r="Z6010" s="149" t="s">
        <v>400</v>
      </c>
      <c r="AA6010" s="149" t="s">
        <v>400</v>
      </c>
      <c r="AB6010" s="149" t="s">
        <v>400</v>
      </c>
      <c r="AC6010" s="149" t="s">
        <v>400</v>
      </c>
      <c r="AD6010" s="149" t="s">
        <v>400</v>
      </c>
      <c r="AE6010" s="149" t="s">
        <v>400</v>
      </c>
      <c r="AF6010" s="149" t="s">
        <v>400</v>
      </c>
      <c r="AG6010" s="149" t="s">
        <v>400</v>
      </c>
      <c r="AH6010" s="149" t="s">
        <v>400</v>
      </c>
      <c r="AI6010" s="149" t="s">
        <v>400</v>
      </c>
      <c r="AJ6010" s="149" t="s">
        <v>400</v>
      </c>
      <c r="AK6010" s="149" t="s">
        <v>400</v>
      </c>
      <c r="AL6010" s="149" t="s">
        <v>400</v>
      </c>
      <c r="AM6010" s="149" t="s">
        <v>400</v>
      </c>
      <c r="AN6010" s="149" t="s">
        <v>400</v>
      </c>
      <c r="AO6010" s="149" t="s">
        <v>400</v>
      </c>
      <c r="AP6010" s="149" t="s">
        <v>400</v>
      </c>
      <c r="AQ6010" s="149" t="s">
        <v>400</v>
      </c>
      <c r="AR6010" s="149" t="s">
        <v>400</v>
      </c>
      <c r="AS6010" s="149" t="s">
        <v>400</v>
      </c>
      <c r="AT6010" s="129" t="s">
        <v>400</v>
      </c>
      <c r="AU6010" s="149" t="s">
        <v>400</v>
      </c>
      <c r="AV6010" s="149" t="s">
        <v>400</v>
      </c>
      <c r="AW6010" s="149" t="s">
        <v>400</v>
      </c>
      <c r="AX6010" s="98"/>
      <c r="AY6010" s="98"/>
      <c r="AZ6010" s="98"/>
      <c r="BA6010" s="98"/>
      <c r="BB6010" s="107">
        <v>45884</v>
      </c>
    </row>
    <row r="6011" spans="1:54" s="8" customFormat="1" ht="13.95" customHeight="1" x14ac:dyDescent="0.25">
      <c r="A6011" s="219" t="s">
        <v>14107</v>
      </c>
      <c r="B6011" s="220" t="s">
        <v>13310</v>
      </c>
      <c r="C6011" s="98" t="s">
        <v>14108</v>
      </c>
      <c r="D6011" s="144" t="s">
        <v>14109</v>
      </c>
      <c r="E6011" s="141">
        <v>1968</v>
      </c>
      <c r="F6011" s="141">
        <v>7102</v>
      </c>
      <c r="G6011" s="144" t="s">
        <v>3</v>
      </c>
      <c r="H6011" s="98">
        <v>1</v>
      </c>
      <c r="I6011" s="98">
        <v>0</v>
      </c>
      <c r="J6011" s="98">
        <v>1</v>
      </c>
      <c r="K6011" s="149" t="s">
        <v>400</v>
      </c>
      <c r="L6011" s="149" t="s">
        <v>400</v>
      </c>
      <c r="M6011" s="149" t="s">
        <v>400</v>
      </c>
      <c r="N6011" s="149" t="s">
        <v>400</v>
      </c>
      <c r="O6011" s="149" t="s">
        <v>400</v>
      </c>
      <c r="P6011" s="149" t="s">
        <v>400</v>
      </c>
      <c r="Q6011" s="149" t="s">
        <v>400</v>
      </c>
      <c r="R6011" s="149" t="s">
        <v>400</v>
      </c>
      <c r="S6011" s="149" t="s">
        <v>400</v>
      </c>
      <c r="T6011" s="149" t="s">
        <v>400</v>
      </c>
      <c r="U6011" s="149" t="s">
        <v>400</v>
      </c>
      <c r="V6011" s="149" t="s">
        <v>400</v>
      </c>
      <c r="W6011" s="149" t="s">
        <v>400</v>
      </c>
      <c r="X6011" s="149" t="s">
        <v>400</v>
      </c>
      <c r="Y6011" s="149" t="s">
        <v>400</v>
      </c>
      <c r="Z6011" s="261">
        <v>1</v>
      </c>
      <c r="AA6011" s="149" t="s">
        <v>400</v>
      </c>
      <c r="AB6011" s="149" t="s">
        <v>400</v>
      </c>
      <c r="AC6011" s="149" t="s">
        <v>400</v>
      </c>
      <c r="AD6011" s="149" t="s">
        <v>400</v>
      </c>
      <c r="AE6011" s="149" t="s">
        <v>400</v>
      </c>
      <c r="AF6011" s="149" t="s">
        <v>400</v>
      </c>
      <c r="AG6011" s="149" t="s">
        <v>400</v>
      </c>
      <c r="AH6011" s="149" t="s">
        <v>400</v>
      </c>
      <c r="AI6011" s="149" t="s">
        <v>400</v>
      </c>
      <c r="AJ6011" s="149" t="s">
        <v>400</v>
      </c>
      <c r="AK6011" s="149" t="s">
        <v>400</v>
      </c>
      <c r="AL6011" s="149" t="s">
        <v>400</v>
      </c>
      <c r="AM6011" s="149" t="s">
        <v>400</v>
      </c>
      <c r="AN6011" s="149" t="s">
        <v>400</v>
      </c>
      <c r="AO6011" s="149" t="s">
        <v>400</v>
      </c>
      <c r="AP6011" s="149" t="s">
        <v>400</v>
      </c>
      <c r="AQ6011" s="149" t="s">
        <v>400</v>
      </c>
      <c r="AR6011" s="149" t="s">
        <v>400</v>
      </c>
      <c r="AS6011" s="149" t="s">
        <v>400</v>
      </c>
      <c r="AT6011" s="129" t="s">
        <v>400</v>
      </c>
      <c r="AU6011" s="149" t="s">
        <v>400</v>
      </c>
      <c r="AV6011" s="149" t="s">
        <v>400</v>
      </c>
      <c r="AW6011" s="149" t="s">
        <v>400</v>
      </c>
      <c r="AX6011" s="98"/>
      <c r="AY6011" s="98"/>
      <c r="AZ6011" s="98"/>
      <c r="BA6011" s="98"/>
      <c r="BB6011" s="107">
        <v>45884</v>
      </c>
    </row>
    <row r="6012" spans="1:54" s="8" customFormat="1" ht="13.95" customHeight="1" x14ac:dyDescent="0.25">
      <c r="A6012" s="219" t="s">
        <v>14110</v>
      </c>
      <c r="B6012" s="220" t="s">
        <v>13310</v>
      </c>
      <c r="C6012" s="98" t="s">
        <v>14111</v>
      </c>
      <c r="D6012" s="144" t="s">
        <v>14112</v>
      </c>
      <c r="E6012" s="141">
        <v>1970</v>
      </c>
      <c r="F6012" s="141">
        <v>7627</v>
      </c>
      <c r="G6012" s="144" t="s">
        <v>8</v>
      </c>
      <c r="H6012" s="98">
        <v>0</v>
      </c>
      <c r="I6012" s="98">
        <v>0</v>
      </c>
      <c r="J6012" s="98">
        <v>0</v>
      </c>
      <c r="K6012" s="149" t="s">
        <v>400</v>
      </c>
      <c r="L6012" s="149" t="s">
        <v>400</v>
      </c>
      <c r="M6012" s="149" t="s">
        <v>400</v>
      </c>
      <c r="N6012" s="149" t="s">
        <v>400</v>
      </c>
      <c r="O6012" s="149" t="s">
        <v>400</v>
      </c>
      <c r="P6012" s="149" t="s">
        <v>400</v>
      </c>
      <c r="Q6012" s="149" t="s">
        <v>400</v>
      </c>
      <c r="R6012" s="149" t="s">
        <v>400</v>
      </c>
      <c r="S6012" s="149" t="s">
        <v>400</v>
      </c>
      <c r="T6012" s="149" t="s">
        <v>400</v>
      </c>
      <c r="U6012" s="150" t="s">
        <v>174</v>
      </c>
      <c r="V6012" s="150" t="s">
        <v>174</v>
      </c>
      <c r="W6012" s="150" t="s">
        <v>174</v>
      </c>
      <c r="X6012" s="150" t="s">
        <v>174</v>
      </c>
      <c r="Y6012" s="150" t="s">
        <v>174</v>
      </c>
      <c r="Z6012" s="150" t="s">
        <v>174</v>
      </c>
      <c r="AA6012" s="150" t="s">
        <v>174</v>
      </c>
      <c r="AB6012" s="150" t="s">
        <v>174</v>
      </c>
      <c r="AC6012" s="150" t="s">
        <v>174</v>
      </c>
      <c r="AD6012" s="150" t="s">
        <v>174</v>
      </c>
      <c r="AE6012" s="150" t="s">
        <v>174</v>
      </c>
      <c r="AF6012" s="150" t="s">
        <v>174</v>
      </c>
      <c r="AG6012" s="150" t="s">
        <v>174</v>
      </c>
      <c r="AH6012" s="150" t="s">
        <v>174</v>
      </c>
      <c r="AI6012" s="150" t="s">
        <v>174</v>
      </c>
      <c r="AJ6012" s="150" t="s">
        <v>174</v>
      </c>
      <c r="AK6012" s="150" t="s">
        <v>174</v>
      </c>
      <c r="AL6012" s="150" t="s">
        <v>174</v>
      </c>
      <c r="AM6012" s="150" t="s">
        <v>174</v>
      </c>
      <c r="AN6012" s="150" t="s">
        <v>174</v>
      </c>
      <c r="AO6012" s="150" t="s">
        <v>174</v>
      </c>
      <c r="AP6012" s="150" t="s">
        <v>174</v>
      </c>
      <c r="AQ6012" s="150" t="s">
        <v>174</v>
      </c>
      <c r="AR6012" s="150" t="s">
        <v>174</v>
      </c>
      <c r="AS6012" s="150" t="s">
        <v>174</v>
      </c>
      <c r="AT6012" s="151" t="s">
        <v>174</v>
      </c>
      <c r="AU6012" s="150" t="s">
        <v>174</v>
      </c>
      <c r="AV6012" s="150" t="s">
        <v>174</v>
      </c>
      <c r="AW6012" s="150" t="s">
        <v>174</v>
      </c>
      <c r="AX6012" s="98"/>
      <c r="AY6012" s="98"/>
      <c r="AZ6012" s="98"/>
      <c r="BA6012" s="98"/>
      <c r="BB6012" s="107">
        <v>45884</v>
      </c>
    </row>
    <row r="6013" spans="1:54" s="8" customFormat="1" ht="13.95" customHeight="1" x14ac:dyDescent="0.25">
      <c r="A6013" s="219" t="s">
        <v>14113</v>
      </c>
      <c r="B6013" s="220" t="s">
        <v>13310</v>
      </c>
      <c r="C6013" s="98" t="s">
        <v>14114</v>
      </c>
      <c r="D6013" s="144" t="s">
        <v>14115</v>
      </c>
      <c r="E6013" s="141">
        <v>1989</v>
      </c>
      <c r="F6013" s="141">
        <v>7982</v>
      </c>
      <c r="G6013" s="144" t="s">
        <v>1</v>
      </c>
      <c r="H6013" s="98">
        <v>0</v>
      </c>
      <c r="I6013" s="98">
        <v>0</v>
      </c>
      <c r="J6013" s="98">
        <v>1</v>
      </c>
      <c r="K6013" s="149" t="s">
        <v>400</v>
      </c>
      <c r="L6013" s="149" t="s">
        <v>400</v>
      </c>
      <c r="M6013" s="149" t="s">
        <v>400</v>
      </c>
      <c r="N6013" s="149" t="s">
        <v>400</v>
      </c>
      <c r="O6013" s="149" t="s">
        <v>400</v>
      </c>
      <c r="P6013" s="149" t="s">
        <v>400</v>
      </c>
      <c r="Q6013" s="149" t="s">
        <v>400</v>
      </c>
      <c r="R6013" s="149" t="s">
        <v>400</v>
      </c>
      <c r="S6013" s="149" t="s">
        <v>400</v>
      </c>
      <c r="T6013" s="149" t="s">
        <v>400</v>
      </c>
      <c r="U6013" s="99"/>
      <c r="V6013" s="99"/>
      <c r="W6013" s="99"/>
      <c r="X6013" s="99"/>
      <c r="Y6013" s="99"/>
      <c r="Z6013" s="99"/>
      <c r="AA6013" s="99"/>
      <c r="AB6013" s="99"/>
      <c r="AC6013" s="99"/>
      <c r="AD6013" s="99"/>
      <c r="AE6013" s="99"/>
      <c r="AF6013" s="99"/>
      <c r="AG6013" s="99"/>
      <c r="AH6013" s="99"/>
      <c r="AI6013" s="99"/>
      <c r="AJ6013" s="99"/>
      <c r="AK6013" s="99"/>
      <c r="AL6013" s="99"/>
      <c r="AM6013" s="99"/>
      <c r="AN6013" s="99"/>
      <c r="AO6013" s="99"/>
      <c r="AP6013" s="99"/>
      <c r="AQ6013" s="99"/>
      <c r="AR6013" s="99"/>
      <c r="AS6013" s="99"/>
      <c r="AT6013" s="99"/>
      <c r="AU6013" s="99"/>
      <c r="AV6013" s="99"/>
      <c r="AW6013" s="99"/>
      <c r="AX6013" s="99"/>
      <c r="AY6013" s="99"/>
      <c r="AZ6013" s="99"/>
      <c r="BA6013" s="99"/>
      <c r="BB6013" s="107">
        <v>45884</v>
      </c>
    </row>
    <row r="6014" spans="1:54" s="8" customFormat="1" ht="13.95" customHeight="1" x14ac:dyDescent="0.25">
      <c r="A6014" s="219" t="s">
        <v>14116</v>
      </c>
      <c r="B6014" s="220" t="s">
        <v>13310</v>
      </c>
      <c r="C6014" s="98" t="s">
        <v>14117</v>
      </c>
      <c r="D6014" s="144" t="s">
        <v>14118</v>
      </c>
      <c r="E6014" s="141">
        <v>1951</v>
      </c>
      <c r="F6014" s="141">
        <v>8689</v>
      </c>
      <c r="G6014" s="144" t="s">
        <v>8</v>
      </c>
      <c r="H6014" s="98">
        <v>1</v>
      </c>
      <c r="I6014" s="98">
        <v>0</v>
      </c>
      <c r="J6014" s="98">
        <v>1</v>
      </c>
      <c r="K6014" s="149" t="s">
        <v>400</v>
      </c>
      <c r="L6014" s="149" t="s">
        <v>400</v>
      </c>
      <c r="M6014" s="149" t="s">
        <v>400</v>
      </c>
      <c r="N6014" s="149" t="s">
        <v>400</v>
      </c>
      <c r="O6014" s="149" t="s">
        <v>400</v>
      </c>
      <c r="P6014" s="149" t="s">
        <v>400</v>
      </c>
      <c r="Q6014" s="149" t="s">
        <v>400</v>
      </c>
      <c r="R6014" s="149" t="s">
        <v>400</v>
      </c>
      <c r="S6014" s="149" t="s">
        <v>400</v>
      </c>
      <c r="T6014" s="149" t="s">
        <v>400</v>
      </c>
      <c r="U6014" s="149" t="s">
        <v>400</v>
      </c>
      <c r="V6014" s="149" t="s">
        <v>400</v>
      </c>
      <c r="W6014" s="149" t="s">
        <v>400</v>
      </c>
      <c r="X6014" s="149" t="s">
        <v>400</v>
      </c>
      <c r="Y6014" s="149" t="s">
        <v>400</v>
      </c>
      <c r="Z6014" s="149" t="s">
        <v>400</v>
      </c>
      <c r="AA6014" s="149" t="s">
        <v>400</v>
      </c>
      <c r="AB6014" s="149" t="s">
        <v>400</v>
      </c>
      <c r="AC6014" s="149" t="s">
        <v>400</v>
      </c>
      <c r="AD6014" s="149" t="s">
        <v>400</v>
      </c>
      <c r="AE6014" s="149" t="s">
        <v>400</v>
      </c>
      <c r="AF6014" s="149" t="s">
        <v>400</v>
      </c>
      <c r="AG6014" s="149" t="s">
        <v>400</v>
      </c>
      <c r="AH6014" s="149" t="s">
        <v>400</v>
      </c>
      <c r="AI6014" s="149" t="s">
        <v>400</v>
      </c>
      <c r="AJ6014" s="149" t="s">
        <v>400</v>
      </c>
      <c r="AK6014" s="149" t="s">
        <v>400</v>
      </c>
      <c r="AL6014" s="149" t="s">
        <v>400</v>
      </c>
      <c r="AM6014" s="149" t="s">
        <v>400</v>
      </c>
      <c r="AN6014" s="149" t="s">
        <v>400</v>
      </c>
      <c r="AO6014" s="149" t="s">
        <v>400</v>
      </c>
      <c r="AP6014" s="149" t="s">
        <v>400</v>
      </c>
      <c r="AQ6014" s="149" t="s">
        <v>400</v>
      </c>
      <c r="AR6014" s="149" t="s">
        <v>400</v>
      </c>
      <c r="AS6014" s="149" t="s">
        <v>400</v>
      </c>
      <c r="AT6014" s="129" t="s">
        <v>400</v>
      </c>
      <c r="AU6014" s="149" t="s">
        <v>400</v>
      </c>
      <c r="AV6014" s="149" t="s">
        <v>400</v>
      </c>
      <c r="AW6014" s="149" t="s">
        <v>400</v>
      </c>
      <c r="AX6014" s="98"/>
      <c r="AY6014" s="98"/>
      <c r="AZ6014" s="98"/>
      <c r="BA6014" s="98"/>
      <c r="BB6014" s="107">
        <v>45884</v>
      </c>
    </row>
    <row r="6015" spans="1:54" s="8" customFormat="1" ht="13.95" customHeight="1" x14ac:dyDescent="0.25">
      <c r="A6015" s="219" t="s">
        <v>14119</v>
      </c>
      <c r="B6015" s="220" t="s">
        <v>13310</v>
      </c>
      <c r="C6015" s="98" t="s">
        <v>14120</v>
      </c>
      <c r="D6015" s="144" t="s">
        <v>14121</v>
      </c>
      <c r="E6015" s="141">
        <v>1974</v>
      </c>
      <c r="F6015" s="141">
        <v>8755</v>
      </c>
      <c r="G6015" s="144" t="s">
        <v>3</v>
      </c>
      <c r="H6015" s="98">
        <v>1</v>
      </c>
      <c r="I6015" s="98">
        <v>1</v>
      </c>
      <c r="J6015" s="98">
        <v>1</v>
      </c>
      <c r="K6015" s="149" t="s">
        <v>400</v>
      </c>
      <c r="L6015" s="149" t="s">
        <v>400</v>
      </c>
      <c r="M6015" s="149" t="s">
        <v>400</v>
      </c>
      <c r="N6015" s="149" t="s">
        <v>400</v>
      </c>
      <c r="O6015" s="149" t="s">
        <v>400</v>
      </c>
      <c r="P6015" s="149" t="s">
        <v>400</v>
      </c>
      <c r="Q6015" s="149" t="s">
        <v>400</v>
      </c>
      <c r="R6015" s="149" t="s">
        <v>400</v>
      </c>
      <c r="S6015" s="149" t="s">
        <v>400</v>
      </c>
      <c r="T6015" s="149" t="s">
        <v>400</v>
      </c>
      <c r="U6015" s="149" t="s">
        <v>400</v>
      </c>
      <c r="V6015" s="149" t="s">
        <v>400</v>
      </c>
      <c r="W6015" s="149" t="s">
        <v>400</v>
      </c>
      <c r="X6015" s="149" t="s">
        <v>400</v>
      </c>
      <c r="Y6015" s="149" t="s">
        <v>400</v>
      </c>
      <c r="Z6015" s="149" t="s">
        <v>400</v>
      </c>
      <c r="AA6015" s="149" t="s">
        <v>400</v>
      </c>
      <c r="AB6015" s="149" t="s">
        <v>400</v>
      </c>
      <c r="AC6015" s="149" t="s">
        <v>400</v>
      </c>
      <c r="AD6015" s="149" t="s">
        <v>400</v>
      </c>
      <c r="AE6015" s="149" t="s">
        <v>400</v>
      </c>
      <c r="AF6015" s="149" t="s">
        <v>400</v>
      </c>
      <c r="AG6015" s="149" t="s">
        <v>400</v>
      </c>
      <c r="AH6015" s="149" t="s">
        <v>400</v>
      </c>
      <c r="AI6015" s="149" t="s">
        <v>400</v>
      </c>
      <c r="AJ6015" s="149" t="s">
        <v>400</v>
      </c>
      <c r="AK6015" s="149" t="s">
        <v>400</v>
      </c>
      <c r="AL6015" s="149" t="s">
        <v>400</v>
      </c>
      <c r="AM6015" s="149" t="s">
        <v>400</v>
      </c>
      <c r="AN6015" s="149" t="s">
        <v>400</v>
      </c>
      <c r="AO6015" s="149" t="s">
        <v>400</v>
      </c>
      <c r="AP6015" s="149" t="s">
        <v>400</v>
      </c>
      <c r="AQ6015" s="149" t="s">
        <v>400</v>
      </c>
      <c r="AR6015" s="149" t="s">
        <v>400</v>
      </c>
      <c r="AS6015" s="149" t="s">
        <v>400</v>
      </c>
      <c r="AT6015" s="129" t="s">
        <v>400</v>
      </c>
      <c r="AU6015" s="149" t="s">
        <v>400</v>
      </c>
      <c r="AV6015" s="149" t="s">
        <v>400</v>
      </c>
      <c r="AW6015" s="149" t="s">
        <v>400</v>
      </c>
      <c r="AX6015" s="98"/>
      <c r="AY6015" s="98"/>
      <c r="AZ6015" s="98"/>
      <c r="BA6015" s="98"/>
      <c r="BB6015" s="107">
        <v>45884</v>
      </c>
    </row>
    <row r="6016" spans="1:54" s="8" customFormat="1" ht="13.95" customHeight="1" x14ac:dyDescent="0.25">
      <c r="A6016" s="219" t="s">
        <v>14122</v>
      </c>
      <c r="B6016" s="220" t="s">
        <v>13310</v>
      </c>
      <c r="C6016" s="98" t="s">
        <v>14123</v>
      </c>
      <c r="D6016" s="144" t="s">
        <v>14124</v>
      </c>
      <c r="E6016" s="141">
        <v>1985</v>
      </c>
      <c r="F6016" s="141">
        <v>9740</v>
      </c>
      <c r="G6016" s="144" t="s">
        <v>3</v>
      </c>
      <c r="H6016" s="98">
        <v>1</v>
      </c>
      <c r="I6016" s="98">
        <v>1</v>
      </c>
      <c r="J6016" s="98">
        <v>1</v>
      </c>
      <c r="K6016" s="149" t="s">
        <v>400</v>
      </c>
      <c r="L6016" s="149" t="s">
        <v>400</v>
      </c>
      <c r="M6016" s="149" t="s">
        <v>400</v>
      </c>
      <c r="N6016" s="149" t="s">
        <v>400</v>
      </c>
      <c r="O6016" s="149" t="s">
        <v>400</v>
      </c>
      <c r="P6016" s="149" t="s">
        <v>400</v>
      </c>
      <c r="Q6016" s="149" t="s">
        <v>400</v>
      </c>
      <c r="R6016" s="149" t="s">
        <v>400</v>
      </c>
      <c r="S6016" s="149" t="s">
        <v>400</v>
      </c>
      <c r="T6016" s="149" t="s">
        <v>400</v>
      </c>
      <c r="U6016" s="149" t="s">
        <v>400</v>
      </c>
      <c r="V6016" s="149" t="s">
        <v>400</v>
      </c>
      <c r="W6016" s="149" t="s">
        <v>400</v>
      </c>
      <c r="X6016" s="149" t="s">
        <v>400</v>
      </c>
      <c r="Y6016" s="149" t="s">
        <v>400</v>
      </c>
      <c r="Z6016" s="149" t="s">
        <v>400</v>
      </c>
      <c r="AA6016" s="149" t="s">
        <v>400</v>
      </c>
      <c r="AB6016" s="149" t="s">
        <v>400</v>
      </c>
      <c r="AC6016" s="149" t="s">
        <v>400</v>
      </c>
      <c r="AD6016" s="149" t="s">
        <v>400</v>
      </c>
      <c r="AE6016" s="149" t="s">
        <v>400</v>
      </c>
      <c r="AF6016" s="149" t="s">
        <v>400</v>
      </c>
      <c r="AG6016" s="149" t="s">
        <v>400</v>
      </c>
      <c r="AH6016" s="149" t="s">
        <v>400</v>
      </c>
      <c r="AI6016" s="149" t="s">
        <v>400</v>
      </c>
      <c r="AJ6016" s="149" t="s">
        <v>400</v>
      </c>
      <c r="AK6016" s="149" t="s">
        <v>400</v>
      </c>
      <c r="AL6016" s="149" t="s">
        <v>400</v>
      </c>
      <c r="AM6016" s="149" t="s">
        <v>400</v>
      </c>
      <c r="AN6016" s="149" t="s">
        <v>400</v>
      </c>
      <c r="AO6016" s="149" t="s">
        <v>400</v>
      </c>
      <c r="AP6016" s="149" t="s">
        <v>400</v>
      </c>
      <c r="AQ6016" s="149" t="s">
        <v>400</v>
      </c>
      <c r="AR6016" s="149" t="s">
        <v>400</v>
      </c>
      <c r="AS6016" s="149" t="s">
        <v>400</v>
      </c>
      <c r="AT6016" s="129" t="s">
        <v>400</v>
      </c>
      <c r="AU6016" s="149" t="s">
        <v>400</v>
      </c>
      <c r="AV6016" s="149" t="s">
        <v>400</v>
      </c>
      <c r="AW6016" s="149" t="s">
        <v>400</v>
      </c>
      <c r="AX6016" s="98"/>
      <c r="AY6016" s="98"/>
      <c r="AZ6016" s="98"/>
      <c r="BA6016" s="98"/>
      <c r="BB6016" s="107">
        <v>45884</v>
      </c>
    </row>
    <row r="6017" spans="1:54" s="8" customFormat="1" ht="13.95" customHeight="1" x14ac:dyDescent="0.25">
      <c r="A6017" s="219" t="s">
        <v>14125</v>
      </c>
      <c r="B6017" s="220" t="s">
        <v>13310</v>
      </c>
      <c r="C6017" s="98" t="s">
        <v>14126</v>
      </c>
      <c r="D6017" s="144" t="s">
        <v>14127</v>
      </c>
      <c r="E6017" s="141">
        <v>2012</v>
      </c>
      <c r="F6017" s="141">
        <v>10052</v>
      </c>
      <c r="G6017" s="144" t="s">
        <v>3</v>
      </c>
      <c r="H6017" s="98">
        <v>1</v>
      </c>
      <c r="I6017" s="98">
        <v>1</v>
      </c>
      <c r="J6017" s="98">
        <v>1</v>
      </c>
      <c r="K6017" s="149" t="s">
        <v>400</v>
      </c>
      <c r="L6017" s="149" t="s">
        <v>400</v>
      </c>
      <c r="M6017" s="149" t="s">
        <v>400</v>
      </c>
      <c r="N6017" s="149" t="s">
        <v>400</v>
      </c>
      <c r="O6017" s="149" t="s">
        <v>400</v>
      </c>
      <c r="P6017" s="149" t="s">
        <v>400</v>
      </c>
      <c r="Q6017" s="149" t="s">
        <v>400</v>
      </c>
      <c r="R6017" s="149" t="s">
        <v>400</v>
      </c>
      <c r="S6017" s="149" t="s">
        <v>400</v>
      </c>
      <c r="T6017" s="149" t="s">
        <v>400</v>
      </c>
      <c r="U6017" s="150" t="s">
        <v>174</v>
      </c>
      <c r="V6017" s="150" t="s">
        <v>174</v>
      </c>
      <c r="W6017" s="150" t="s">
        <v>174</v>
      </c>
      <c r="X6017" s="150" t="s">
        <v>174</v>
      </c>
      <c r="Y6017" s="150" t="s">
        <v>174</v>
      </c>
      <c r="Z6017" s="150" t="s">
        <v>174</v>
      </c>
      <c r="AA6017" s="150" t="s">
        <v>174</v>
      </c>
      <c r="AB6017" s="150" t="s">
        <v>174</v>
      </c>
      <c r="AC6017" s="150" t="s">
        <v>174</v>
      </c>
      <c r="AD6017" s="150" t="s">
        <v>174</v>
      </c>
      <c r="AE6017" s="150" t="s">
        <v>174</v>
      </c>
      <c r="AF6017" s="150" t="s">
        <v>174</v>
      </c>
      <c r="AG6017" s="150" t="s">
        <v>174</v>
      </c>
      <c r="AH6017" s="150" t="s">
        <v>174</v>
      </c>
      <c r="AI6017" s="150" t="s">
        <v>174</v>
      </c>
      <c r="AJ6017" s="150" t="s">
        <v>174</v>
      </c>
      <c r="AK6017" s="150" t="s">
        <v>174</v>
      </c>
      <c r="AL6017" s="150" t="s">
        <v>174</v>
      </c>
      <c r="AM6017" s="150" t="s">
        <v>174</v>
      </c>
      <c r="AN6017" s="150" t="s">
        <v>174</v>
      </c>
      <c r="AO6017" s="150" t="s">
        <v>174</v>
      </c>
      <c r="AP6017" s="150" t="s">
        <v>174</v>
      </c>
      <c r="AQ6017" s="150" t="s">
        <v>174</v>
      </c>
      <c r="AR6017" s="150" t="s">
        <v>174</v>
      </c>
      <c r="AS6017" s="150" t="s">
        <v>174</v>
      </c>
      <c r="AT6017" s="150">
        <v>1</v>
      </c>
      <c r="AU6017" s="150" t="s">
        <v>174</v>
      </c>
      <c r="AV6017" s="150" t="s">
        <v>174</v>
      </c>
      <c r="AW6017" s="150" t="s">
        <v>174</v>
      </c>
      <c r="AX6017" s="98"/>
      <c r="AY6017" s="98"/>
      <c r="AZ6017" s="98"/>
      <c r="BA6017" s="98"/>
      <c r="BB6017" s="107">
        <v>45884</v>
      </c>
    </row>
    <row r="6018" spans="1:54" s="8" customFormat="1" ht="13.95" customHeight="1" x14ac:dyDescent="0.25">
      <c r="A6018" s="219" t="s">
        <v>14128</v>
      </c>
      <c r="B6018" s="220" t="s">
        <v>13310</v>
      </c>
      <c r="C6018" s="98" t="s">
        <v>14129</v>
      </c>
      <c r="D6018" s="144" t="s">
        <v>14130</v>
      </c>
      <c r="E6018" s="141">
        <v>1984</v>
      </c>
      <c r="F6018" s="141">
        <v>11218</v>
      </c>
      <c r="G6018" s="144" t="s">
        <v>3</v>
      </c>
      <c r="H6018" s="98">
        <v>1</v>
      </c>
      <c r="I6018" s="98">
        <v>0</v>
      </c>
      <c r="J6018" s="98">
        <v>1</v>
      </c>
      <c r="K6018" s="149" t="s">
        <v>400</v>
      </c>
      <c r="L6018" s="149" t="s">
        <v>400</v>
      </c>
      <c r="M6018" s="149" t="s">
        <v>400</v>
      </c>
      <c r="N6018" s="149" t="s">
        <v>400</v>
      </c>
      <c r="O6018" s="149" t="s">
        <v>400</v>
      </c>
      <c r="P6018" s="149" t="s">
        <v>400</v>
      </c>
      <c r="Q6018" s="149" t="s">
        <v>400</v>
      </c>
      <c r="R6018" s="149" t="s">
        <v>400</v>
      </c>
      <c r="S6018" s="149" t="s">
        <v>400</v>
      </c>
      <c r="T6018" s="149" t="s">
        <v>400</v>
      </c>
      <c r="U6018" s="149" t="s">
        <v>400</v>
      </c>
      <c r="V6018" s="149" t="s">
        <v>400</v>
      </c>
      <c r="W6018" s="149" t="s">
        <v>400</v>
      </c>
      <c r="X6018" s="149" t="s">
        <v>400</v>
      </c>
      <c r="Y6018" s="149" t="s">
        <v>400</v>
      </c>
      <c r="Z6018" s="149" t="s">
        <v>400</v>
      </c>
      <c r="AA6018" s="149" t="s">
        <v>400</v>
      </c>
      <c r="AB6018" s="149" t="s">
        <v>400</v>
      </c>
      <c r="AC6018" s="149" t="s">
        <v>400</v>
      </c>
      <c r="AD6018" s="149" t="s">
        <v>400</v>
      </c>
      <c r="AE6018" s="149" t="s">
        <v>400</v>
      </c>
      <c r="AF6018" s="149" t="s">
        <v>400</v>
      </c>
      <c r="AG6018" s="149" t="s">
        <v>400</v>
      </c>
      <c r="AH6018" s="149" t="s">
        <v>400</v>
      </c>
      <c r="AI6018" s="149" t="s">
        <v>400</v>
      </c>
      <c r="AJ6018" s="149" t="s">
        <v>400</v>
      </c>
      <c r="AK6018" s="149" t="s">
        <v>400</v>
      </c>
      <c r="AL6018" s="149" t="s">
        <v>400</v>
      </c>
      <c r="AM6018" s="149" t="s">
        <v>400</v>
      </c>
      <c r="AN6018" s="149" t="s">
        <v>400</v>
      </c>
      <c r="AO6018" s="149" t="s">
        <v>400</v>
      </c>
      <c r="AP6018" s="149" t="s">
        <v>400</v>
      </c>
      <c r="AQ6018" s="149" t="s">
        <v>400</v>
      </c>
      <c r="AR6018" s="149" t="s">
        <v>400</v>
      </c>
      <c r="AS6018" s="149" t="s">
        <v>400</v>
      </c>
      <c r="AT6018" s="129" t="s">
        <v>400</v>
      </c>
      <c r="AU6018" s="149" t="s">
        <v>400</v>
      </c>
      <c r="AV6018" s="149" t="s">
        <v>400</v>
      </c>
      <c r="AW6018" s="149" t="s">
        <v>400</v>
      </c>
      <c r="AX6018" s="98"/>
      <c r="AY6018" s="98"/>
      <c r="AZ6018" s="98"/>
      <c r="BA6018" s="98"/>
      <c r="BB6018" s="107">
        <v>45884</v>
      </c>
    </row>
    <row r="6019" spans="1:54" s="8" customFormat="1" ht="13.95" customHeight="1" x14ac:dyDescent="0.25">
      <c r="A6019" s="219" t="s">
        <v>14131</v>
      </c>
      <c r="B6019" s="220" t="s">
        <v>13310</v>
      </c>
      <c r="C6019" s="98" t="s">
        <v>14132</v>
      </c>
      <c r="D6019" s="144" t="s">
        <v>14133</v>
      </c>
      <c r="E6019" s="141">
        <v>2005</v>
      </c>
      <c r="F6019" s="141">
        <v>13445</v>
      </c>
      <c r="G6019" s="144" t="s">
        <v>3</v>
      </c>
      <c r="H6019" s="98">
        <v>1</v>
      </c>
      <c r="I6019" s="98">
        <v>1</v>
      </c>
      <c r="J6019" s="98">
        <v>1</v>
      </c>
      <c r="K6019" s="149" t="s">
        <v>400</v>
      </c>
      <c r="L6019" s="149" t="s">
        <v>400</v>
      </c>
      <c r="M6019" s="149" t="s">
        <v>400</v>
      </c>
      <c r="N6019" s="149" t="s">
        <v>400</v>
      </c>
      <c r="O6019" s="149" t="s">
        <v>400</v>
      </c>
      <c r="P6019" s="149" t="s">
        <v>400</v>
      </c>
      <c r="Q6019" s="149" t="s">
        <v>400</v>
      </c>
      <c r="R6019" s="149" t="s">
        <v>400</v>
      </c>
      <c r="S6019" s="149" t="s">
        <v>400</v>
      </c>
      <c r="T6019" s="149" t="s">
        <v>400</v>
      </c>
      <c r="U6019" s="149" t="s">
        <v>400</v>
      </c>
      <c r="V6019" s="149" t="s">
        <v>400</v>
      </c>
      <c r="W6019" s="149" t="s">
        <v>400</v>
      </c>
      <c r="X6019" s="149" t="s">
        <v>400</v>
      </c>
      <c r="Y6019" s="149" t="s">
        <v>400</v>
      </c>
      <c r="Z6019" s="149" t="s">
        <v>400</v>
      </c>
      <c r="AA6019" s="149" t="s">
        <v>400</v>
      </c>
      <c r="AB6019" s="149" t="s">
        <v>400</v>
      </c>
      <c r="AC6019" s="149" t="s">
        <v>400</v>
      </c>
      <c r="AD6019" s="149" t="s">
        <v>400</v>
      </c>
      <c r="AE6019" s="149" t="s">
        <v>400</v>
      </c>
      <c r="AF6019" s="149" t="s">
        <v>400</v>
      </c>
      <c r="AG6019" s="149" t="s">
        <v>400</v>
      </c>
      <c r="AH6019" s="149" t="s">
        <v>400</v>
      </c>
      <c r="AI6019" s="149" t="s">
        <v>400</v>
      </c>
      <c r="AJ6019" s="149" t="s">
        <v>400</v>
      </c>
      <c r="AK6019" s="149" t="s">
        <v>400</v>
      </c>
      <c r="AL6019" s="149" t="s">
        <v>400</v>
      </c>
      <c r="AM6019" s="149" t="s">
        <v>400</v>
      </c>
      <c r="AN6019" s="149" t="s">
        <v>400</v>
      </c>
      <c r="AO6019" s="149" t="s">
        <v>400</v>
      </c>
      <c r="AP6019" s="149" t="s">
        <v>400</v>
      </c>
      <c r="AQ6019" s="149" t="s">
        <v>400</v>
      </c>
      <c r="AR6019" s="149" t="s">
        <v>400</v>
      </c>
      <c r="AS6019" s="149" t="s">
        <v>400</v>
      </c>
      <c r="AT6019" s="129" t="s">
        <v>400</v>
      </c>
      <c r="AU6019" s="149" t="s">
        <v>400</v>
      </c>
      <c r="AV6019" s="149" t="s">
        <v>400</v>
      </c>
      <c r="AW6019" s="149" t="s">
        <v>400</v>
      </c>
      <c r="AX6019" s="98"/>
      <c r="AY6019" s="98"/>
      <c r="AZ6019" s="98"/>
      <c r="BA6019" s="98"/>
      <c r="BB6019" s="107">
        <v>45884</v>
      </c>
    </row>
    <row r="6020" spans="1:54" s="8" customFormat="1" ht="13.95" customHeight="1" x14ac:dyDescent="0.25">
      <c r="A6020" s="219" t="s">
        <v>14134</v>
      </c>
      <c r="B6020" s="220" t="s">
        <v>13310</v>
      </c>
      <c r="C6020" s="98" t="s">
        <v>14135</v>
      </c>
      <c r="D6020" s="144" t="s">
        <v>14136</v>
      </c>
      <c r="E6020" s="141">
        <v>1989</v>
      </c>
      <c r="F6020" s="141">
        <v>14820</v>
      </c>
      <c r="G6020" s="144" t="s">
        <v>3</v>
      </c>
      <c r="H6020" s="98">
        <v>1</v>
      </c>
      <c r="I6020" s="98">
        <v>1</v>
      </c>
      <c r="J6020" s="98">
        <v>1</v>
      </c>
      <c r="K6020" s="149" t="s">
        <v>400</v>
      </c>
      <c r="L6020" s="149" t="s">
        <v>400</v>
      </c>
      <c r="M6020" s="149" t="s">
        <v>400</v>
      </c>
      <c r="N6020" s="149" t="s">
        <v>400</v>
      </c>
      <c r="O6020" s="149" t="s">
        <v>400</v>
      </c>
      <c r="P6020" s="149" t="s">
        <v>400</v>
      </c>
      <c r="Q6020" s="149" t="s">
        <v>400</v>
      </c>
      <c r="R6020" s="149" t="s">
        <v>400</v>
      </c>
      <c r="S6020" s="149" t="s">
        <v>400</v>
      </c>
      <c r="T6020" s="149" t="s">
        <v>400</v>
      </c>
      <c r="U6020" s="149" t="s">
        <v>400</v>
      </c>
      <c r="V6020" s="149" t="s">
        <v>400</v>
      </c>
      <c r="W6020" s="149" t="s">
        <v>400</v>
      </c>
      <c r="X6020" s="149" t="s">
        <v>400</v>
      </c>
      <c r="Y6020" s="149" t="s">
        <v>400</v>
      </c>
      <c r="Z6020" s="149" t="s">
        <v>400</v>
      </c>
      <c r="AA6020" s="149" t="s">
        <v>400</v>
      </c>
      <c r="AB6020" s="149" t="s">
        <v>400</v>
      </c>
      <c r="AC6020" s="149" t="s">
        <v>400</v>
      </c>
      <c r="AD6020" s="149" t="s">
        <v>400</v>
      </c>
      <c r="AE6020" s="149" t="s">
        <v>400</v>
      </c>
      <c r="AF6020" s="149" t="s">
        <v>400</v>
      </c>
      <c r="AG6020" s="149" t="s">
        <v>400</v>
      </c>
      <c r="AH6020" s="149" t="s">
        <v>400</v>
      </c>
      <c r="AI6020" s="149" t="s">
        <v>400</v>
      </c>
      <c r="AJ6020" s="149" t="s">
        <v>400</v>
      </c>
      <c r="AK6020" s="149" t="s">
        <v>400</v>
      </c>
      <c r="AL6020" s="149" t="s">
        <v>400</v>
      </c>
      <c r="AM6020" s="149" t="s">
        <v>400</v>
      </c>
      <c r="AN6020" s="149" t="s">
        <v>400</v>
      </c>
      <c r="AO6020" s="149" t="s">
        <v>400</v>
      </c>
      <c r="AP6020" s="149" t="s">
        <v>400</v>
      </c>
      <c r="AQ6020" s="149" t="s">
        <v>400</v>
      </c>
      <c r="AR6020" s="149" t="s">
        <v>400</v>
      </c>
      <c r="AS6020" s="149" t="s">
        <v>400</v>
      </c>
      <c r="AT6020" s="129" t="s">
        <v>400</v>
      </c>
      <c r="AU6020" s="149" t="s">
        <v>400</v>
      </c>
      <c r="AV6020" s="149" t="s">
        <v>400</v>
      </c>
      <c r="AW6020" s="149" t="s">
        <v>400</v>
      </c>
      <c r="AX6020" s="98"/>
      <c r="AY6020" s="98"/>
      <c r="AZ6020" s="98"/>
      <c r="BA6020" s="98"/>
      <c r="BB6020" s="107">
        <v>45884</v>
      </c>
    </row>
    <row r="6021" spans="1:54" s="8" customFormat="1" ht="13.95" customHeight="1" x14ac:dyDescent="0.25">
      <c r="A6021" s="219" t="s">
        <v>14137</v>
      </c>
      <c r="B6021" s="220" t="s">
        <v>13310</v>
      </c>
      <c r="C6021" s="98" t="s">
        <v>14138</v>
      </c>
      <c r="D6021" s="144" t="s">
        <v>14139</v>
      </c>
      <c r="E6021" s="141">
        <v>1966</v>
      </c>
      <c r="F6021" s="141">
        <v>16649</v>
      </c>
      <c r="G6021" s="144" t="s">
        <v>3</v>
      </c>
      <c r="H6021" s="98">
        <v>1</v>
      </c>
      <c r="I6021" s="98">
        <v>1</v>
      </c>
      <c r="J6021" s="98">
        <v>1</v>
      </c>
      <c r="K6021" s="149" t="s">
        <v>400</v>
      </c>
      <c r="L6021" s="149" t="s">
        <v>400</v>
      </c>
      <c r="M6021" s="149" t="s">
        <v>400</v>
      </c>
      <c r="N6021" s="149" t="s">
        <v>400</v>
      </c>
      <c r="O6021" s="149" t="s">
        <v>400</v>
      </c>
      <c r="P6021" s="149" t="s">
        <v>400</v>
      </c>
      <c r="Q6021" s="149" t="s">
        <v>400</v>
      </c>
      <c r="R6021" s="149" t="s">
        <v>400</v>
      </c>
      <c r="S6021" s="149" t="s">
        <v>400</v>
      </c>
      <c r="T6021" s="149" t="s">
        <v>400</v>
      </c>
      <c r="U6021" s="149" t="s">
        <v>400</v>
      </c>
      <c r="V6021" s="149" t="s">
        <v>400</v>
      </c>
      <c r="W6021" s="149" t="s">
        <v>400</v>
      </c>
      <c r="X6021" s="149" t="s">
        <v>400</v>
      </c>
      <c r="Y6021" s="149" t="s">
        <v>400</v>
      </c>
      <c r="Z6021" s="149" t="s">
        <v>400</v>
      </c>
      <c r="AA6021" s="149" t="s">
        <v>400</v>
      </c>
      <c r="AB6021" s="149" t="s">
        <v>400</v>
      </c>
      <c r="AC6021" s="149" t="s">
        <v>400</v>
      </c>
      <c r="AD6021" s="149" t="s">
        <v>400</v>
      </c>
      <c r="AE6021" s="149" t="s">
        <v>400</v>
      </c>
      <c r="AF6021" s="149" t="s">
        <v>400</v>
      </c>
      <c r="AG6021" s="149" t="s">
        <v>400</v>
      </c>
      <c r="AH6021" s="149" t="s">
        <v>400</v>
      </c>
      <c r="AI6021" s="149" t="s">
        <v>400</v>
      </c>
      <c r="AJ6021" s="149" t="s">
        <v>400</v>
      </c>
      <c r="AK6021" s="149" t="s">
        <v>400</v>
      </c>
      <c r="AL6021" s="149" t="s">
        <v>400</v>
      </c>
      <c r="AM6021" s="149" t="s">
        <v>400</v>
      </c>
      <c r="AN6021" s="149" t="s">
        <v>400</v>
      </c>
      <c r="AO6021" s="149" t="s">
        <v>400</v>
      </c>
      <c r="AP6021" s="149" t="s">
        <v>400</v>
      </c>
      <c r="AQ6021" s="149" t="s">
        <v>400</v>
      </c>
      <c r="AR6021" s="149" t="s">
        <v>400</v>
      </c>
      <c r="AS6021" s="149" t="s">
        <v>400</v>
      </c>
      <c r="AT6021" s="141">
        <v>1</v>
      </c>
      <c r="AU6021" s="149" t="s">
        <v>400</v>
      </c>
      <c r="AV6021" s="149" t="s">
        <v>400</v>
      </c>
      <c r="AW6021" s="149" t="s">
        <v>400</v>
      </c>
      <c r="AX6021" s="98"/>
      <c r="AY6021" s="98"/>
      <c r="AZ6021" s="98"/>
      <c r="BA6021" s="98"/>
      <c r="BB6021" s="107">
        <v>45884</v>
      </c>
    </row>
    <row r="6022" spans="1:54" s="8" customFormat="1" ht="13.95" customHeight="1" x14ac:dyDescent="0.25">
      <c r="A6022" s="219" t="s">
        <v>14140</v>
      </c>
      <c r="B6022" s="220" t="s">
        <v>13310</v>
      </c>
      <c r="C6022" s="98" t="s">
        <v>14141</v>
      </c>
      <c r="D6022" s="144" t="s">
        <v>14142</v>
      </c>
      <c r="E6022" s="141">
        <v>1982</v>
      </c>
      <c r="F6022" s="141">
        <v>15668</v>
      </c>
      <c r="G6022" s="144" t="s">
        <v>3</v>
      </c>
      <c r="H6022" s="98">
        <v>1</v>
      </c>
      <c r="I6022" s="98">
        <v>1</v>
      </c>
      <c r="J6022" s="98">
        <v>1</v>
      </c>
      <c r="K6022" s="149" t="s">
        <v>400</v>
      </c>
      <c r="L6022" s="149" t="s">
        <v>400</v>
      </c>
      <c r="M6022" s="149" t="s">
        <v>400</v>
      </c>
      <c r="N6022" s="149" t="s">
        <v>400</v>
      </c>
      <c r="O6022" s="149" t="s">
        <v>400</v>
      </c>
      <c r="P6022" s="149" t="s">
        <v>400</v>
      </c>
      <c r="Q6022" s="149" t="s">
        <v>400</v>
      </c>
      <c r="R6022" s="149" t="s">
        <v>400</v>
      </c>
      <c r="S6022" s="149" t="s">
        <v>400</v>
      </c>
      <c r="T6022" s="149" t="s">
        <v>400</v>
      </c>
      <c r="U6022" s="149" t="s">
        <v>400</v>
      </c>
      <c r="V6022" s="149" t="s">
        <v>400</v>
      </c>
      <c r="W6022" s="149" t="s">
        <v>400</v>
      </c>
      <c r="X6022" s="149" t="s">
        <v>400</v>
      </c>
      <c r="Y6022" s="149" t="s">
        <v>400</v>
      </c>
      <c r="Z6022" s="149" t="s">
        <v>400</v>
      </c>
      <c r="AA6022" s="149" t="s">
        <v>400</v>
      </c>
      <c r="AB6022" s="149" t="s">
        <v>400</v>
      </c>
      <c r="AC6022" s="149" t="s">
        <v>400</v>
      </c>
      <c r="AD6022" s="149" t="s">
        <v>400</v>
      </c>
      <c r="AE6022" s="149" t="s">
        <v>400</v>
      </c>
      <c r="AF6022" s="149" t="s">
        <v>400</v>
      </c>
      <c r="AG6022" s="149" t="s">
        <v>400</v>
      </c>
      <c r="AH6022" s="149" t="s">
        <v>400</v>
      </c>
      <c r="AI6022" s="149" t="s">
        <v>400</v>
      </c>
      <c r="AJ6022" s="149" t="s">
        <v>400</v>
      </c>
      <c r="AK6022" s="149" t="s">
        <v>400</v>
      </c>
      <c r="AL6022" s="149" t="s">
        <v>400</v>
      </c>
      <c r="AM6022" s="149" t="s">
        <v>400</v>
      </c>
      <c r="AN6022" s="149" t="s">
        <v>400</v>
      </c>
      <c r="AO6022" s="149" t="s">
        <v>400</v>
      </c>
      <c r="AP6022" s="149" t="s">
        <v>400</v>
      </c>
      <c r="AQ6022" s="149" t="s">
        <v>400</v>
      </c>
      <c r="AR6022" s="149" t="s">
        <v>400</v>
      </c>
      <c r="AS6022" s="149" t="s">
        <v>400</v>
      </c>
      <c r="AT6022" s="129" t="s">
        <v>400</v>
      </c>
      <c r="AU6022" s="149" t="s">
        <v>400</v>
      </c>
      <c r="AV6022" s="149" t="s">
        <v>400</v>
      </c>
      <c r="AW6022" s="149" t="s">
        <v>400</v>
      </c>
      <c r="AX6022" s="98"/>
      <c r="AY6022" s="98"/>
      <c r="AZ6022" s="98"/>
      <c r="BA6022" s="98"/>
      <c r="BB6022" s="107">
        <v>45884</v>
      </c>
    </row>
    <row r="6023" spans="1:54" s="8" customFormat="1" ht="13.95" customHeight="1" x14ac:dyDescent="0.25">
      <c r="A6023" s="219" t="s">
        <v>14143</v>
      </c>
      <c r="B6023" s="220" t="s">
        <v>13310</v>
      </c>
      <c r="C6023" s="98" t="s">
        <v>14144</v>
      </c>
      <c r="D6023" s="144" t="s">
        <v>14145</v>
      </c>
      <c r="E6023" s="141">
        <v>1961</v>
      </c>
      <c r="F6023" s="141">
        <v>16691</v>
      </c>
      <c r="G6023" s="144" t="s">
        <v>4</v>
      </c>
      <c r="H6023" s="98">
        <v>1</v>
      </c>
      <c r="I6023" s="98">
        <v>0</v>
      </c>
      <c r="J6023" s="98">
        <v>1</v>
      </c>
      <c r="K6023" s="149" t="s">
        <v>400</v>
      </c>
      <c r="L6023" s="149" t="s">
        <v>400</v>
      </c>
      <c r="M6023" s="149" t="s">
        <v>400</v>
      </c>
      <c r="N6023" s="149" t="s">
        <v>400</v>
      </c>
      <c r="O6023" s="149" t="s">
        <v>400</v>
      </c>
      <c r="P6023" s="149" t="s">
        <v>400</v>
      </c>
      <c r="Q6023" s="149" t="s">
        <v>400</v>
      </c>
      <c r="R6023" s="149" t="s">
        <v>400</v>
      </c>
      <c r="S6023" s="149" t="s">
        <v>400</v>
      </c>
      <c r="T6023" s="149" t="s">
        <v>400</v>
      </c>
      <c r="U6023" s="149" t="s">
        <v>400</v>
      </c>
      <c r="V6023" s="149" t="s">
        <v>400</v>
      </c>
      <c r="W6023" s="149" t="s">
        <v>400</v>
      </c>
      <c r="X6023" s="149" t="s">
        <v>400</v>
      </c>
      <c r="Y6023" s="149" t="s">
        <v>400</v>
      </c>
      <c r="Z6023" s="149" t="s">
        <v>400</v>
      </c>
      <c r="AA6023" s="149" t="s">
        <v>400</v>
      </c>
      <c r="AB6023" s="149" t="s">
        <v>400</v>
      </c>
      <c r="AC6023" s="149" t="s">
        <v>400</v>
      </c>
      <c r="AD6023" s="149" t="s">
        <v>400</v>
      </c>
      <c r="AE6023" s="261">
        <v>1</v>
      </c>
      <c r="AF6023" s="149" t="s">
        <v>400</v>
      </c>
      <c r="AG6023" s="149" t="s">
        <v>400</v>
      </c>
      <c r="AH6023" s="149" t="s">
        <v>400</v>
      </c>
      <c r="AI6023" s="149" t="s">
        <v>400</v>
      </c>
      <c r="AJ6023" s="149" t="s">
        <v>400</v>
      </c>
      <c r="AK6023" s="149" t="s">
        <v>400</v>
      </c>
      <c r="AL6023" s="149" t="s">
        <v>400</v>
      </c>
      <c r="AM6023" s="149" t="s">
        <v>400</v>
      </c>
      <c r="AN6023" s="149" t="s">
        <v>400</v>
      </c>
      <c r="AO6023" s="149" t="s">
        <v>400</v>
      </c>
      <c r="AP6023" s="149" t="s">
        <v>400</v>
      </c>
      <c r="AQ6023" s="149" t="s">
        <v>400</v>
      </c>
      <c r="AR6023" s="149" t="s">
        <v>400</v>
      </c>
      <c r="AS6023" s="149" t="s">
        <v>400</v>
      </c>
      <c r="AT6023" s="129" t="s">
        <v>400</v>
      </c>
      <c r="AU6023" s="149" t="s">
        <v>400</v>
      </c>
      <c r="AV6023" s="149" t="s">
        <v>400</v>
      </c>
      <c r="AW6023" s="149" t="s">
        <v>400</v>
      </c>
      <c r="AX6023" s="98"/>
      <c r="AY6023" s="98"/>
      <c r="AZ6023" s="98"/>
      <c r="BA6023" s="98"/>
      <c r="BB6023" s="107">
        <v>45884</v>
      </c>
    </row>
    <row r="6024" spans="1:54" s="8" customFormat="1" ht="13.95" customHeight="1" x14ac:dyDescent="0.25">
      <c r="A6024" s="219" t="s">
        <v>14146</v>
      </c>
      <c r="B6024" s="220" t="s">
        <v>13310</v>
      </c>
      <c r="C6024" s="98" t="s">
        <v>14147</v>
      </c>
      <c r="D6024" s="144" t="s">
        <v>14148</v>
      </c>
      <c r="E6024" s="141">
        <v>1967</v>
      </c>
      <c r="F6024" s="141">
        <v>16988</v>
      </c>
      <c r="G6024" s="144" t="s">
        <v>3</v>
      </c>
      <c r="H6024" s="98">
        <v>1</v>
      </c>
      <c r="I6024" s="98">
        <v>1</v>
      </c>
      <c r="J6024" s="98">
        <v>1</v>
      </c>
      <c r="K6024" s="149" t="s">
        <v>400</v>
      </c>
      <c r="L6024" s="149" t="s">
        <v>400</v>
      </c>
      <c r="M6024" s="149" t="s">
        <v>400</v>
      </c>
      <c r="N6024" s="149" t="s">
        <v>400</v>
      </c>
      <c r="O6024" s="149" t="s">
        <v>400</v>
      </c>
      <c r="P6024" s="149" t="s">
        <v>400</v>
      </c>
      <c r="Q6024" s="149" t="s">
        <v>400</v>
      </c>
      <c r="R6024" s="149" t="s">
        <v>400</v>
      </c>
      <c r="S6024" s="149" t="s">
        <v>400</v>
      </c>
      <c r="T6024" s="149" t="s">
        <v>400</v>
      </c>
      <c r="U6024" s="149" t="s">
        <v>400</v>
      </c>
      <c r="V6024" s="149" t="s">
        <v>400</v>
      </c>
      <c r="W6024" s="149" t="s">
        <v>400</v>
      </c>
      <c r="X6024" s="149" t="s">
        <v>400</v>
      </c>
      <c r="Y6024" s="149" t="s">
        <v>400</v>
      </c>
      <c r="Z6024" s="149" t="s">
        <v>400</v>
      </c>
      <c r="AA6024" s="149" t="s">
        <v>400</v>
      </c>
      <c r="AB6024" s="261">
        <v>1</v>
      </c>
      <c r="AC6024" s="149" t="s">
        <v>400</v>
      </c>
      <c r="AD6024" s="149" t="s">
        <v>400</v>
      </c>
      <c r="AE6024" s="149" t="s">
        <v>400</v>
      </c>
      <c r="AF6024" s="149" t="s">
        <v>400</v>
      </c>
      <c r="AG6024" s="149" t="s">
        <v>400</v>
      </c>
      <c r="AH6024" s="149" t="s">
        <v>400</v>
      </c>
      <c r="AI6024" s="149" t="s">
        <v>400</v>
      </c>
      <c r="AJ6024" s="149" t="s">
        <v>400</v>
      </c>
      <c r="AK6024" s="149" t="s">
        <v>400</v>
      </c>
      <c r="AL6024" s="149" t="s">
        <v>400</v>
      </c>
      <c r="AM6024" s="149" t="s">
        <v>400</v>
      </c>
      <c r="AN6024" s="149" t="s">
        <v>400</v>
      </c>
      <c r="AO6024" s="149" t="s">
        <v>400</v>
      </c>
      <c r="AP6024" s="149" t="s">
        <v>400</v>
      </c>
      <c r="AQ6024" s="149" t="s">
        <v>400</v>
      </c>
      <c r="AR6024" s="149" t="s">
        <v>400</v>
      </c>
      <c r="AS6024" s="149" t="s">
        <v>400</v>
      </c>
      <c r="AT6024" s="129" t="s">
        <v>400</v>
      </c>
      <c r="AU6024" s="149" t="s">
        <v>400</v>
      </c>
      <c r="AV6024" s="149" t="s">
        <v>400</v>
      </c>
      <c r="AW6024" s="149" t="s">
        <v>400</v>
      </c>
      <c r="AX6024" s="98"/>
      <c r="AY6024" s="98"/>
      <c r="AZ6024" s="98"/>
      <c r="BA6024" s="98"/>
      <c r="BB6024" s="107">
        <v>45884</v>
      </c>
    </row>
    <row r="6025" spans="1:54" s="8" customFormat="1" ht="13.95" customHeight="1" x14ac:dyDescent="0.25">
      <c r="A6025" s="219" t="s">
        <v>14149</v>
      </c>
      <c r="B6025" s="220" t="s">
        <v>13310</v>
      </c>
      <c r="C6025" s="98" t="s">
        <v>14150</v>
      </c>
      <c r="D6025" s="144" t="s">
        <v>14151</v>
      </c>
      <c r="E6025" s="141">
        <v>1983</v>
      </c>
      <c r="F6025" s="141">
        <v>19809</v>
      </c>
      <c r="G6025" s="144" t="s">
        <v>3</v>
      </c>
      <c r="H6025" s="98">
        <v>1</v>
      </c>
      <c r="I6025" s="98">
        <v>0</v>
      </c>
      <c r="J6025" s="98">
        <v>1</v>
      </c>
      <c r="K6025" s="149" t="s">
        <v>400</v>
      </c>
      <c r="L6025" s="149" t="s">
        <v>400</v>
      </c>
      <c r="M6025" s="149" t="s">
        <v>400</v>
      </c>
      <c r="N6025" s="149" t="s">
        <v>400</v>
      </c>
      <c r="O6025" s="149" t="s">
        <v>400</v>
      </c>
      <c r="P6025" s="149" t="s">
        <v>400</v>
      </c>
      <c r="Q6025" s="149" t="s">
        <v>400</v>
      </c>
      <c r="R6025" s="149" t="s">
        <v>400</v>
      </c>
      <c r="S6025" s="149" t="s">
        <v>400</v>
      </c>
      <c r="T6025" s="149" t="s">
        <v>400</v>
      </c>
      <c r="U6025" s="149" t="s">
        <v>400</v>
      </c>
      <c r="V6025" s="149" t="s">
        <v>400</v>
      </c>
      <c r="W6025" s="149" t="s">
        <v>400</v>
      </c>
      <c r="X6025" s="149" t="s">
        <v>400</v>
      </c>
      <c r="Y6025" s="149" t="s">
        <v>400</v>
      </c>
      <c r="Z6025" s="261">
        <v>1</v>
      </c>
      <c r="AA6025" s="149" t="s">
        <v>400</v>
      </c>
      <c r="AB6025" s="261">
        <v>1</v>
      </c>
      <c r="AC6025" s="149" t="s">
        <v>400</v>
      </c>
      <c r="AD6025" s="149" t="s">
        <v>400</v>
      </c>
      <c r="AE6025" s="149" t="s">
        <v>400</v>
      </c>
      <c r="AF6025" s="149" t="s">
        <v>400</v>
      </c>
      <c r="AG6025" s="149" t="s">
        <v>400</v>
      </c>
      <c r="AH6025" s="149" t="s">
        <v>400</v>
      </c>
      <c r="AI6025" s="149" t="s">
        <v>400</v>
      </c>
      <c r="AJ6025" s="149" t="s">
        <v>400</v>
      </c>
      <c r="AK6025" s="149" t="s">
        <v>400</v>
      </c>
      <c r="AL6025" s="149" t="s">
        <v>400</v>
      </c>
      <c r="AM6025" s="149" t="s">
        <v>400</v>
      </c>
      <c r="AN6025" s="149" t="s">
        <v>400</v>
      </c>
      <c r="AO6025" s="149" t="s">
        <v>400</v>
      </c>
      <c r="AP6025" s="149" t="s">
        <v>400</v>
      </c>
      <c r="AQ6025" s="149" t="s">
        <v>400</v>
      </c>
      <c r="AR6025" s="149" t="s">
        <v>400</v>
      </c>
      <c r="AS6025" s="149" t="s">
        <v>400</v>
      </c>
      <c r="AT6025" s="129" t="s">
        <v>400</v>
      </c>
      <c r="AU6025" s="149" t="s">
        <v>400</v>
      </c>
      <c r="AV6025" s="149" t="s">
        <v>400</v>
      </c>
      <c r="AW6025" s="149" t="s">
        <v>400</v>
      </c>
      <c r="AX6025" s="98"/>
      <c r="AY6025" s="98"/>
      <c r="AZ6025" s="98"/>
      <c r="BA6025" s="98"/>
      <c r="BB6025" s="107">
        <v>45884</v>
      </c>
    </row>
    <row r="6026" spans="1:54" s="8" customFormat="1" ht="13.95" customHeight="1" x14ac:dyDescent="0.25">
      <c r="A6026" s="219" t="s">
        <v>14152</v>
      </c>
      <c r="B6026" s="220" t="s">
        <v>13310</v>
      </c>
      <c r="C6026" s="98" t="s">
        <v>14153</v>
      </c>
      <c r="D6026" s="144" t="s">
        <v>14154</v>
      </c>
      <c r="E6026" s="141">
        <v>1985</v>
      </c>
      <c r="F6026" s="141">
        <v>20551</v>
      </c>
      <c r="G6026" s="144" t="s">
        <v>3</v>
      </c>
      <c r="H6026" s="98">
        <v>1</v>
      </c>
      <c r="I6026" s="98">
        <v>1</v>
      </c>
      <c r="J6026" s="98">
        <v>1</v>
      </c>
      <c r="K6026" s="149" t="s">
        <v>400</v>
      </c>
      <c r="L6026" s="149" t="s">
        <v>400</v>
      </c>
      <c r="M6026" s="149" t="s">
        <v>400</v>
      </c>
      <c r="N6026" s="149" t="s">
        <v>400</v>
      </c>
      <c r="O6026" s="149" t="s">
        <v>400</v>
      </c>
      <c r="P6026" s="149" t="s">
        <v>400</v>
      </c>
      <c r="Q6026" s="149" t="s">
        <v>400</v>
      </c>
      <c r="R6026" s="149" t="s">
        <v>400</v>
      </c>
      <c r="S6026" s="149" t="s">
        <v>400</v>
      </c>
      <c r="T6026" s="149" t="s">
        <v>400</v>
      </c>
      <c r="U6026" s="149" t="s">
        <v>400</v>
      </c>
      <c r="V6026" s="149" t="s">
        <v>400</v>
      </c>
      <c r="W6026" s="149" t="s">
        <v>400</v>
      </c>
      <c r="X6026" s="149" t="s">
        <v>400</v>
      </c>
      <c r="Y6026" s="149" t="s">
        <v>400</v>
      </c>
      <c r="Z6026" s="261">
        <v>1</v>
      </c>
      <c r="AA6026" s="149" t="s">
        <v>400</v>
      </c>
      <c r="AB6026" s="149" t="s">
        <v>400</v>
      </c>
      <c r="AC6026" s="149" t="s">
        <v>400</v>
      </c>
      <c r="AD6026" s="149" t="s">
        <v>400</v>
      </c>
      <c r="AE6026" s="149" t="s">
        <v>400</v>
      </c>
      <c r="AF6026" s="149" t="s">
        <v>400</v>
      </c>
      <c r="AG6026" s="149" t="s">
        <v>400</v>
      </c>
      <c r="AH6026" s="149" t="s">
        <v>400</v>
      </c>
      <c r="AI6026" s="149" t="s">
        <v>400</v>
      </c>
      <c r="AJ6026" s="149" t="s">
        <v>400</v>
      </c>
      <c r="AK6026" s="149" t="s">
        <v>400</v>
      </c>
      <c r="AL6026" s="149" t="s">
        <v>400</v>
      </c>
      <c r="AM6026" s="149" t="s">
        <v>400</v>
      </c>
      <c r="AN6026" s="149" t="s">
        <v>400</v>
      </c>
      <c r="AO6026" s="149" t="s">
        <v>400</v>
      </c>
      <c r="AP6026" s="149" t="s">
        <v>400</v>
      </c>
      <c r="AQ6026" s="149" t="s">
        <v>400</v>
      </c>
      <c r="AR6026" s="149" t="s">
        <v>400</v>
      </c>
      <c r="AS6026" s="149" t="s">
        <v>400</v>
      </c>
      <c r="AT6026" s="141">
        <v>1</v>
      </c>
      <c r="AU6026" s="149" t="s">
        <v>400</v>
      </c>
      <c r="AV6026" s="149" t="s">
        <v>400</v>
      </c>
      <c r="AW6026" s="149" t="s">
        <v>400</v>
      </c>
      <c r="AX6026" s="98"/>
      <c r="AY6026" s="98"/>
      <c r="AZ6026" s="98"/>
      <c r="BA6026" s="98"/>
      <c r="BB6026" s="107">
        <v>45884</v>
      </c>
    </row>
    <row r="6027" spans="1:54" s="8" customFormat="1" ht="13.95" customHeight="1" x14ac:dyDescent="0.25">
      <c r="A6027" s="219" t="s">
        <v>14155</v>
      </c>
      <c r="B6027" s="220" t="s">
        <v>13310</v>
      </c>
      <c r="C6027" s="98" t="s">
        <v>14156</v>
      </c>
      <c r="D6027" s="144" t="s">
        <v>14157</v>
      </c>
      <c r="E6027" s="141">
        <v>1976</v>
      </c>
      <c r="F6027" s="141">
        <v>23590</v>
      </c>
      <c r="G6027" s="144" t="s">
        <v>3</v>
      </c>
      <c r="H6027" s="98">
        <v>1</v>
      </c>
      <c r="I6027" s="98">
        <v>0</v>
      </c>
      <c r="J6027" s="98">
        <v>1</v>
      </c>
      <c r="K6027" s="149" t="s">
        <v>400</v>
      </c>
      <c r="L6027" s="149" t="s">
        <v>400</v>
      </c>
      <c r="M6027" s="149" t="s">
        <v>400</v>
      </c>
      <c r="N6027" s="149" t="s">
        <v>400</v>
      </c>
      <c r="O6027" s="149" t="s">
        <v>400</v>
      </c>
      <c r="P6027" s="149" t="s">
        <v>400</v>
      </c>
      <c r="Q6027" s="149" t="s">
        <v>400</v>
      </c>
      <c r="R6027" s="149" t="s">
        <v>400</v>
      </c>
      <c r="S6027" s="149" t="s">
        <v>400</v>
      </c>
      <c r="T6027" s="149" t="s">
        <v>400</v>
      </c>
      <c r="U6027" s="149" t="s">
        <v>400</v>
      </c>
      <c r="V6027" s="149" t="s">
        <v>400</v>
      </c>
      <c r="W6027" s="149" t="s">
        <v>400</v>
      </c>
      <c r="X6027" s="149" t="s">
        <v>400</v>
      </c>
      <c r="Y6027" s="149" t="s">
        <v>400</v>
      </c>
      <c r="Z6027" s="149" t="s">
        <v>400</v>
      </c>
      <c r="AA6027" s="149" t="s">
        <v>400</v>
      </c>
      <c r="AB6027" s="149" t="s">
        <v>400</v>
      </c>
      <c r="AC6027" s="149" t="s">
        <v>400</v>
      </c>
      <c r="AD6027" s="149" t="s">
        <v>400</v>
      </c>
      <c r="AE6027" s="149" t="s">
        <v>400</v>
      </c>
      <c r="AF6027" s="149" t="s">
        <v>400</v>
      </c>
      <c r="AG6027" s="149" t="s">
        <v>400</v>
      </c>
      <c r="AH6027" s="149" t="s">
        <v>400</v>
      </c>
      <c r="AI6027" s="149" t="s">
        <v>400</v>
      </c>
      <c r="AJ6027" s="149" t="s">
        <v>400</v>
      </c>
      <c r="AK6027" s="149" t="s">
        <v>400</v>
      </c>
      <c r="AL6027" s="149" t="s">
        <v>400</v>
      </c>
      <c r="AM6027" s="149" t="s">
        <v>400</v>
      </c>
      <c r="AN6027" s="149" t="s">
        <v>400</v>
      </c>
      <c r="AO6027" s="149" t="s">
        <v>400</v>
      </c>
      <c r="AP6027" s="149" t="s">
        <v>400</v>
      </c>
      <c r="AQ6027" s="149" t="s">
        <v>400</v>
      </c>
      <c r="AR6027" s="149" t="s">
        <v>400</v>
      </c>
      <c r="AS6027" s="149" t="s">
        <v>400</v>
      </c>
      <c r="AT6027" s="141">
        <v>1</v>
      </c>
      <c r="AU6027" s="149" t="s">
        <v>400</v>
      </c>
      <c r="AV6027" s="149" t="s">
        <v>400</v>
      </c>
      <c r="AW6027" s="149" t="s">
        <v>400</v>
      </c>
      <c r="AX6027" s="98"/>
      <c r="AY6027" s="98"/>
      <c r="AZ6027" s="98"/>
      <c r="BA6027" s="98"/>
      <c r="BB6027" s="107">
        <v>45884</v>
      </c>
    </row>
    <row r="6028" spans="1:54" s="8" customFormat="1" ht="13.95" customHeight="1" x14ac:dyDescent="0.25">
      <c r="A6028" s="219" t="s">
        <v>14158</v>
      </c>
      <c r="B6028" s="220" t="s">
        <v>13310</v>
      </c>
      <c r="C6028" s="98" t="s">
        <v>14159</v>
      </c>
      <c r="D6028" s="144" t="s">
        <v>14160</v>
      </c>
      <c r="E6028" s="141">
        <v>1976</v>
      </c>
      <c r="F6028" s="141">
        <v>26520</v>
      </c>
      <c r="G6028" s="144" t="s">
        <v>3</v>
      </c>
      <c r="H6028" s="98">
        <v>1</v>
      </c>
      <c r="I6028" s="98">
        <v>1</v>
      </c>
      <c r="J6028" s="98">
        <v>1</v>
      </c>
      <c r="K6028" s="149" t="s">
        <v>400</v>
      </c>
      <c r="L6028" s="149" t="s">
        <v>400</v>
      </c>
      <c r="M6028" s="149" t="s">
        <v>400</v>
      </c>
      <c r="N6028" s="149" t="s">
        <v>400</v>
      </c>
      <c r="O6028" s="149" t="s">
        <v>400</v>
      </c>
      <c r="P6028" s="149" t="s">
        <v>400</v>
      </c>
      <c r="Q6028" s="149" t="s">
        <v>400</v>
      </c>
      <c r="R6028" s="149" t="s">
        <v>400</v>
      </c>
      <c r="S6028" s="149" t="s">
        <v>400</v>
      </c>
      <c r="T6028" s="149" t="s">
        <v>400</v>
      </c>
      <c r="U6028" s="149" t="s">
        <v>400</v>
      </c>
      <c r="V6028" s="149" t="s">
        <v>400</v>
      </c>
      <c r="W6028" s="149" t="s">
        <v>400</v>
      </c>
      <c r="X6028" s="149" t="s">
        <v>400</v>
      </c>
      <c r="Y6028" s="149" t="s">
        <v>400</v>
      </c>
      <c r="Z6028" s="261">
        <v>1</v>
      </c>
      <c r="AA6028" s="261">
        <v>1</v>
      </c>
      <c r="AB6028" s="149" t="s">
        <v>400</v>
      </c>
      <c r="AC6028" s="149" t="s">
        <v>400</v>
      </c>
      <c r="AD6028" s="149" t="s">
        <v>400</v>
      </c>
      <c r="AE6028" s="149" t="s">
        <v>400</v>
      </c>
      <c r="AF6028" s="149" t="s">
        <v>400</v>
      </c>
      <c r="AG6028" s="149" t="s">
        <v>400</v>
      </c>
      <c r="AH6028" s="149" t="s">
        <v>400</v>
      </c>
      <c r="AI6028" s="149" t="s">
        <v>400</v>
      </c>
      <c r="AJ6028" s="149" t="s">
        <v>400</v>
      </c>
      <c r="AK6028" s="149" t="s">
        <v>400</v>
      </c>
      <c r="AL6028" s="149" t="s">
        <v>400</v>
      </c>
      <c r="AM6028" s="149" t="s">
        <v>400</v>
      </c>
      <c r="AN6028" s="149" t="s">
        <v>400</v>
      </c>
      <c r="AO6028" s="149" t="s">
        <v>400</v>
      </c>
      <c r="AP6028" s="149" t="s">
        <v>400</v>
      </c>
      <c r="AQ6028" s="149" t="s">
        <v>400</v>
      </c>
      <c r="AR6028" s="149" t="s">
        <v>400</v>
      </c>
      <c r="AS6028" s="149" t="s">
        <v>400</v>
      </c>
      <c r="AT6028" s="141">
        <v>1</v>
      </c>
      <c r="AU6028" s="149" t="s">
        <v>400</v>
      </c>
      <c r="AV6028" s="149" t="s">
        <v>400</v>
      </c>
      <c r="AW6028" s="149" t="s">
        <v>400</v>
      </c>
      <c r="AX6028" s="98"/>
      <c r="AY6028" s="98"/>
      <c r="AZ6028" s="98"/>
      <c r="BA6028" s="98"/>
      <c r="BB6028" s="107">
        <v>45884</v>
      </c>
    </row>
    <row r="6029" spans="1:54" s="8" customFormat="1" ht="13.95" customHeight="1" x14ac:dyDescent="0.25">
      <c r="A6029" s="219" t="s">
        <v>14161</v>
      </c>
      <c r="B6029" s="220" t="s">
        <v>13310</v>
      </c>
      <c r="C6029" s="98" t="s">
        <v>14162</v>
      </c>
      <c r="D6029" s="144" t="s">
        <v>14163</v>
      </c>
      <c r="E6029" s="141">
        <v>1995</v>
      </c>
      <c r="F6029" s="141">
        <v>26796</v>
      </c>
      <c r="G6029" s="144" t="s">
        <v>9</v>
      </c>
      <c r="H6029" s="98">
        <v>0</v>
      </c>
      <c r="I6029" s="98">
        <v>0</v>
      </c>
      <c r="J6029" s="98">
        <v>0</v>
      </c>
      <c r="K6029" s="149" t="s">
        <v>400</v>
      </c>
      <c r="L6029" s="149" t="s">
        <v>400</v>
      </c>
      <c r="M6029" s="149" t="s">
        <v>400</v>
      </c>
      <c r="N6029" s="149" t="s">
        <v>400</v>
      </c>
      <c r="O6029" s="149" t="s">
        <v>400</v>
      </c>
      <c r="P6029" s="149" t="s">
        <v>400</v>
      </c>
      <c r="Q6029" s="149" t="s">
        <v>400</v>
      </c>
      <c r="R6029" s="149" t="s">
        <v>400</v>
      </c>
      <c r="S6029" s="149" t="s">
        <v>400</v>
      </c>
      <c r="T6029" s="149" t="s">
        <v>400</v>
      </c>
      <c r="U6029" s="149" t="s">
        <v>400</v>
      </c>
      <c r="V6029" s="149" t="s">
        <v>400</v>
      </c>
      <c r="W6029" s="149" t="s">
        <v>400</v>
      </c>
      <c r="X6029" s="149" t="s">
        <v>400</v>
      </c>
      <c r="Y6029" s="149" t="s">
        <v>400</v>
      </c>
      <c r="Z6029" s="149" t="s">
        <v>400</v>
      </c>
      <c r="AA6029" s="149" t="s">
        <v>400</v>
      </c>
      <c r="AB6029" s="149" t="s">
        <v>400</v>
      </c>
      <c r="AC6029" s="149" t="s">
        <v>400</v>
      </c>
      <c r="AD6029" s="149" t="s">
        <v>400</v>
      </c>
      <c r="AE6029" s="149" t="s">
        <v>400</v>
      </c>
      <c r="AF6029" s="149" t="s">
        <v>400</v>
      </c>
      <c r="AG6029" s="149" t="s">
        <v>400</v>
      </c>
      <c r="AH6029" s="149" t="s">
        <v>400</v>
      </c>
      <c r="AI6029" s="149" t="s">
        <v>400</v>
      </c>
      <c r="AJ6029" s="149" t="s">
        <v>400</v>
      </c>
      <c r="AK6029" s="149" t="s">
        <v>400</v>
      </c>
      <c r="AL6029" s="149" t="s">
        <v>400</v>
      </c>
      <c r="AM6029" s="149" t="s">
        <v>400</v>
      </c>
      <c r="AN6029" s="149" t="s">
        <v>400</v>
      </c>
      <c r="AO6029" s="149" t="s">
        <v>400</v>
      </c>
      <c r="AP6029" s="149" t="s">
        <v>400</v>
      </c>
      <c r="AQ6029" s="149" t="s">
        <v>400</v>
      </c>
      <c r="AR6029" s="149" t="s">
        <v>400</v>
      </c>
      <c r="AS6029" s="149" t="s">
        <v>400</v>
      </c>
      <c r="AT6029" s="129" t="s">
        <v>400</v>
      </c>
      <c r="AU6029" s="149" t="s">
        <v>400</v>
      </c>
      <c r="AV6029" s="149" t="s">
        <v>400</v>
      </c>
      <c r="AW6029" s="149" t="s">
        <v>400</v>
      </c>
      <c r="AX6029" s="98"/>
      <c r="AY6029" s="98"/>
      <c r="AZ6029" s="98"/>
      <c r="BA6029" s="98"/>
      <c r="BB6029" s="107">
        <v>45884</v>
      </c>
    </row>
    <row r="6030" spans="1:54" s="8" customFormat="1" ht="13.95" customHeight="1" x14ac:dyDescent="0.25">
      <c r="A6030" s="219" t="s">
        <v>14164</v>
      </c>
      <c r="B6030" s="220" t="s">
        <v>13310</v>
      </c>
      <c r="C6030" s="98" t="s">
        <v>14165</v>
      </c>
      <c r="D6030" s="144" t="s">
        <v>14166</v>
      </c>
      <c r="E6030" s="141">
        <v>1973</v>
      </c>
      <c r="F6030" s="141">
        <v>28678</v>
      </c>
      <c r="G6030" s="144" t="s">
        <v>10</v>
      </c>
      <c r="H6030" s="98">
        <v>1</v>
      </c>
      <c r="I6030" s="98">
        <v>0</v>
      </c>
      <c r="J6030" s="98">
        <v>1</v>
      </c>
      <c r="K6030" s="149" t="s">
        <v>400</v>
      </c>
      <c r="L6030" s="149" t="s">
        <v>400</v>
      </c>
      <c r="M6030" s="149" t="s">
        <v>400</v>
      </c>
      <c r="N6030" s="149" t="s">
        <v>400</v>
      </c>
      <c r="O6030" s="149" t="s">
        <v>400</v>
      </c>
      <c r="P6030" s="149" t="s">
        <v>400</v>
      </c>
      <c r="Q6030" s="149" t="s">
        <v>400</v>
      </c>
      <c r="R6030" s="149" t="s">
        <v>400</v>
      </c>
      <c r="S6030" s="149" t="s">
        <v>400</v>
      </c>
      <c r="T6030" s="149" t="s">
        <v>400</v>
      </c>
      <c r="U6030" s="149" t="s">
        <v>400</v>
      </c>
      <c r="V6030" s="149" t="s">
        <v>400</v>
      </c>
      <c r="W6030" s="149" t="s">
        <v>400</v>
      </c>
      <c r="X6030" s="149" t="s">
        <v>400</v>
      </c>
      <c r="Y6030" s="149" t="s">
        <v>400</v>
      </c>
      <c r="Z6030" s="149" t="s">
        <v>400</v>
      </c>
      <c r="AA6030" s="149" t="s">
        <v>400</v>
      </c>
      <c r="AB6030" s="149" t="s">
        <v>400</v>
      </c>
      <c r="AC6030" s="149" t="s">
        <v>400</v>
      </c>
      <c r="AD6030" s="149" t="s">
        <v>400</v>
      </c>
      <c r="AE6030" s="149" t="s">
        <v>400</v>
      </c>
      <c r="AF6030" s="149" t="s">
        <v>400</v>
      </c>
      <c r="AG6030" s="149" t="s">
        <v>400</v>
      </c>
      <c r="AH6030" s="149" t="s">
        <v>400</v>
      </c>
      <c r="AI6030" s="149" t="s">
        <v>400</v>
      </c>
      <c r="AJ6030" s="149" t="s">
        <v>400</v>
      </c>
      <c r="AK6030" s="149" t="s">
        <v>400</v>
      </c>
      <c r="AL6030" s="149" t="s">
        <v>400</v>
      </c>
      <c r="AM6030" s="149" t="s">
        <v>400</v>
      </c>
      <c r="AN6030" s="149" t="s">
        <v>400</v>
      </c>
      <c r="AO6030" s="149" t="s">
        <v>400</v>
      </c>
      <c r="AP6030" s="149" t="s">
        <v>400</v>
      </c>
      <c r="AQ6030" s="149" t="s">
        <v>400</v>
      </c>
      <c r="AR6030" s="149" t="s">
        <v>400</v>
      </c>
      <c r="AS6030" s="149" t="s">
        <v>400</v>
      </c>
      <c r="AT6030" s="141">
        <v>1</v>
      </c>
      <c r="AU6030" s="149" t="s">
        <v>400</v>
      </c>
      <c r="AV6030" s="149" t="s">
        <v>400</v>
      </c>
      <c r="AW6030" s="149" t="s">
        <v>400</v>
      </c>
      <c r="AX6030" s="98"/>
      <c r="AY6030" s="98"/>
      <c r="AZ6030" s="98"/>
      <c r="BA6030" s="98"/>
      <c r="BB6030" s="107">
        <v>45884</v>
      </c>
    </row>
    <row r="6031" spans="1:54" s="8" customFormat="1" ht="13.95" customHeight="1" x14ac:dyDescent="0.25">
      <c r="A6031" s="219" t="s">
        <v>14167</v>
      </c>
      <c r="B6031" s="220" t="s">
        <v>13310</v>
      </c>
      <c r="C6031" s="98" t="s">
        <v>14168</v>
      </c>
      <c r="D6031" s="144" t="s">
        <v>14169</v>
      </c>
      <c r="E6031" s="141">
        <v>1989</v>
      </c>
      <c r="F6031" s="141">
        <v>34052</v>
      </c>
      <c r="G6031" s="144" t="s">
        <v>7</v>
      </c>
      <c r="H6031" s="98">
        <v>1</v>
      </c>
      <c r="I6031" s="98">
        <v>1</v>
      </c>
      <c r="J6031" s="98">
        <v>1</v>
      </c>
      <c r="K6031" s="149" t="s">
        <v>400</v>
      </c>
      <c r="L6031" s="149" t="s">
        <v>400</v>
      </c>
      <c r="M6031" s="149" t="s">
        <v>400</v>
      </c>
      <c r="N6031" s="149" t="s">
        <v>400</v>
      </c>
      <c r="O6031" s="149" t="s">
        <v>400</v>
      </c>
      <c r="P6031" s="149" t="s">
        <v>400</v>
      </c>
      <c r="Q6031" s="149" t="s">
        <v>400</v>
      </c>
      <c r="R6031" s="149" t="s">
        <v>400</v>
      </c>
      <c r="S6031" s="149" t="s">
        <v>400</v>
      </c>
      <c r="T6031" s="149" t="s">
        <v>400</v>
      </c>
      <c r="U6031" s="149" t="s">
        <v>400</v>
      </c>
      <c r="V6031" s="149" t="s">
        <v>400</v>
      </c>
      <c r="W6031" s="149" t="s">
        <v>400</v>
      </c>
      <c r="X6031" s="149" t="s">
        <v>400</v>
      </c>
      <c r="Y6031" s="149" t="s">
        <v>400</v>
      </c>
      <c r="Z6031" s="149" t="s">
        <v>400</v>
      </c>
      <c r="AA6031" s="149" t="s">
        <v>400</v>
      </c>
      <c r="AB6031" s="149" t="s">
        <v>400</v>
      </c>
      <c r="AC6031" s="149" t="s">
        <v>400</v>
      </c>
      <c r="AD6031" s="149" t="s">
        <v>400</v>
      </c>
      <c r="AE6031" s="149" t="s">
        <v>400</v>
      </c>
      <c r="AF6031" s="149" t="s">
        <v>400</v>
      </c>
      <c r="AG6031" s="149" t="s">
        <v>400</v>
      </c>
      <c r="AH6031" s="149" t="s">
        <v>400</v>
      </c>
      <c r="AI6031" s="149" t="s">
        <v>400</v>
      </c>
      <c r="AJ6031" s="149" t="s">
        <v>400</v>
      </c>
      <c r="AK6031" s="149" t="s">
        <v>400</v>
      </c>
      <c r="AL6031" s="149" t="s">
        <v>400</v>
      </c>
      <c r="AM6031" s="149" t="s">
        <v>400</v>
      </c>
      <c r="AN6031" s="149" t="s">
        <v>400</v>
      </c>
      <c r="AO6031" s="149" t="s">
        <v>400</v>
      </c>
      <c r="AP6031" s="149" t="s">
        <v>400</v>
      </c>
      <c r="AQ6031" s="149" t="s">
        <v>400</v>
      </c>
      <c r="AR6031" s="149" t="s">
        <v>400</v>
      </c>
      <c r="AS6031" s="149" t="s">
        <v>400</v>
      </c>
      <c r="AT6031" s="141">
        <v>1</v>
      </c>
      <c r="AU6031" s="149" t="s">
        <v>400</v>
      </c>
      <c r="AV6031" s="149" t="s">
        <v>400</v>
      </c>
      <c r="AW6031" s="149" t="s">
        <v>400</v>
      </c>
      <c r="AX6031" s="98"/>
      <c r="AY6031" s="98"/>
      <c r="AZ6031" s="98"/>
      <c r="BA6031" s="98"/>
      <c r="BB6031" s="107">
        <v>45884</v>
      </c>
    </row>
    <row r="6032" spans="1:54" s="8" customFormat="1" ht="13.95" customHeight="1" x14ac:dyDescent="0.25">
      <c r="A6032" s="219" t="s">
        <v>14170</v>
      </c>
      <c r="B6032" s="220" t="s">
        <v>13310</v>
      </c>
      <c r="C6032" s="98" t="s">
        <v>14171</v>
      </c>
      <c r="D6032" s="144" t="s">
        <v>14172</v>
      </c>
      <c r="E6032" s="141">
        <v>1968</v>
      </c>
      <c r="F6032" s="141">
        <v>57000</v>
      </c>
      <c r="G6032" s="144" t="s">
        <v>0</v>
      </c>
      <c r="H6032" s="98">
        <v>1</v>
      </c>
      <c r="I6032" s="98">
        <v>1</v>
      </c>
      <c r="J6032" s="98">
        <v>1</v>
      </c>
      <c r="K6032" s="149" t="s">
        <v>400</v>
      </c>
      <c r="L6032" s="149" t="s">
        <v>400</v>
      </c>
      <c r="M6032" s="149" t="s">
        <v>400</v>
      </c>
      <c r="N6032" s="149" t="s">
        <v>400</v>
      </c>
      <c r="O6032" s="149" t="s">
        <v>400</v>
      </c>
      <c r="P6032" s="149" t="s">
        <v>400</v>
      </c>
      <c r="Q6032" s="149" t="s">
        <v>400</v>
      </c>
      <c r="R6032" s="149" t="s">
        <v>400</v>
      </c>
      <c r="S6032" s="149" t="s">
        <v>400</v>
      </c>
      <c r="T6032" s="149" t="s">
        <v>400</v>
      </c>
      <c r="U6032" s="149" t="s">
        <v>400</v>
      </c>
      <c r="V6032" s="149" t="s">
        <v>400</v>
      </c>
      <c r="W6032" s="149" t="s">
        <v>400</v>
      </c>
      <c r="X6032" s="149" t="s">
        <v>400</v>
      </c>
      <c r="Y6032" s="149" t="s">
        <v>400</v>
      </c>
      <c r="Z6032" s="261">
        <v>1</v>
      </c>
      <c r="AA6032" s="261">
        <v>1</v>
      </c>
      <c r="AB6032" s="261">
        <v>1</v>
      </c>
      <c r="AC6032" s="149" t="s">
        <v>400</v>
      </c>
      <c r="AD6032" s="149" t="s">
        <v>400</v>
      </c>
      <c r="AE6032" s="149" t="s">
        <v>400</v>
      </c>
      <c r="AF6032" s="261">
        <v>1</v>
      </c>
      <c r="AG6032" s="149" t="s">
        <v>400</v>
      </c>
      <c r="AH6032" s="149" t="s">
        <v>400</v>
      </c>
      <c r="AI6032" s="149" t="s">
        <v>400</v>
      </c>
      <c r="AJ6032" s="149" t="s">
        <v>400</v>
      </c>
      <c r="AK6032" s="149" t="s">
        <v>400</v>
      </c>
      <c r="AL6032" s="149" t="s">
        <v>400</v>
      </c>
      <c r="AM6032" s="149" t="s">
        <v>400</v>
      </c>
      <c r="AN6032" s="149" t="s">
        <v>400</v>
      </c>
      <c r="AO6032" s="149" t="s">
        <v>400</v>
      </c>
      <c r="AP6032" s="149" t="s">
        <v>400</v>
      </c>
      <c r="AQ6032" s="149" t="s">
        <v>400</v>
      </c>
      <c r="AR6032" s="149" t="s">
        <v>400</v>
      </c>
      <c r="AS6032" s="149" t="s">
        <v>400</v>
      </c>
      <c r="AT6032" s="141">
        <v>1</v>
      </c>
      <c r="AU6032" s="149" t="s">
        <v>400</v>
      </c>
      <c r="AV6032" s="261">
        <v>1</v>
      </c>
      <c r="AW6032" s="149" t="s">
        <v>400</v>
      </c>
      <c r="AX6032" s="98"/>
      <c r="AY6032" s="98"/>
      <c r="AZ6032" s="98"/>
      <c r="BA6032" s="98"/>
      <c r="BB6032" s="107">
        <v>45884</v>
      </c>
    </row>
    <row r="6033" spans="1:54" s="8" customFormat="1" ht="13.95" customHeight="1" x14ac:dyDescent="0.25">
      <c r="A6033" s="219" t="s">
        <v>14173</v>
      </c>
      <c r="B6033" s="220" t="s">
        <v>13310</v>
      </c>
      <c r="C6033" s="98" t="s">
        <v>5727</v>
      </c>
      <c r="D6033" s="144" t="s">
        <v>14174</v>
      </c>
      <c r="E6033" s="141">
        <v>1983</v>
      </c>
      <c r="F6033" s="141">
        <v>77316</v>
      </c>
      <c r="G6033" s="144" t="s">
        <v>0</v>
      </c>
      <c r="H6033" s="98">
        <v>1</v>
      </c>
      <c r="I6033" s="98">
        <v>1</v>
      </c>
      <c r="J6033" s="98">
        <v>1</v>
      </c>
      <c r="K6033" s="149" t="s">
        <v>400</v>
      </c>
      <c r="L6033" s="149" t="s">
        <v>400</v>
      </c>
      <c r="M6033" s="149" t="s">
        <v>400</v>
      </c>
      <c r="N6033" s="149" t="s">
        <v>400</v>
      </c>
      <c r="O6033" s="149" t="s">
        <v>400</v>
      </c>
      <c r="P6033" s="149" t="s">
        <v>400</v>
      </c>
      <c r="Q6033" s="149" t="s">
        <v>400</v>
      </c>
      <c r="R6033" s="149" t="s">
        <v>400</v>
      </c>
      <c r="S6033" s="149" t="s">
        <v>400</v>
      </c>
      <c r="T6033" s="149" t="s">
        <v>400</v>
      </c>
      <c r="U6033" s="149" t="s">
        <v>400</v>
      </c>
      <c r="V6033" s="149" t="s">
        <v>400</v>
      </c>
      <c r="W6033" s="149" t="s">
        <v>400</v>
      </c>
      <c r="X6033" s="149" t="s">
        <v>400</v>
      </c>
      <c r="Y6033" s="149" t="s">
        <v>400</v>
      </c>
      <c r="Z6033" s="149" t="s">
        <v>400</v>
      </c>
      <c r="AA6033" s="261">
        <v>1</v>
      </c>
      <c r="AB6033" s="149" t="s">
        <v>400</v>
      </c>
      <c r="AC6033" s="149" t="s">
        <v>400</v>
      </c>
      <c r="AD6033" s="261">
        <v>1</v>
      </c>
      <c r="AE6033" s="261">
        <v>1</v>
      </c>
      <c r="AF6033" s="261">
        <v>1</v>
      </c>
      <c r="AG6033" s="261">
        <v>1</v>
      </c>
      <c r="AH6033" s="149" t="s">
        <v>174</v>
      </c>
      <c r="AI6033" s="149" t="s">
        <v>400</v>
      </c>
      <c r="AJ6033" s="149" t="s">
        <v>400</v>
      </c>
      <c r="AK6033" s="149" t="s">
        <v>400</v>
      </c>
      <c r="AL6033" s="149" t="s">
        <v>400</v>
      </c>
      <c r="AM6033" s="149" t="s">
        <v>400</v>
      </c>
      <c r="AN6033" s="149" t="s">
        <v>400</v>
      </c>
      <c r="AO6033" s="149" t="s">
        <v>400</v>
      </c>
      <c r="AP6033" s="149" t="s">
        <v>400</v>
      </c>
      <c r="AQ6033" s="149" t="s">
        <v>400</v>
      </c>
      <c r="AR6033" s="149" t="s">
        <v>400</v>
      </c>
      <c r="AS6033" s="149" t="s">
        <v>400</v>
      </c>
      <c r="AT6033" s="141">
        <v>1</v>
      </c>
      <c r="AU6033" s="149" t="s">
        <v>400</v>
      </c>
      <c r="AV6033" s="261">
        <v>1</v>
      </c>
      <c r="AW6033" s="149" t="s">
        <v>400</v>
      </c>
      <c r="AX6033" s="98"/>
      <c r="AY6033" s="98"/>
      <c r="AZ6033" s="98"/>
      <c r="BA6033" s="98"/>
      <c r="BB6033" s="107">
        <v>45884</v>
      </c>
    </row>
    <row r="6034" spans="1:54" s="8" customFormat="1" ht="13.95" customHeight="1" x14ac:dyDescent="0.25">
      <c r="A6034" s="219" t="s">
        <v>14175</v>
      </c>
      <c r="B6034" s="220" t="s">
        <v>13310</v>
      </c>
      <c r="C6034" s="98" t="s">
        <v>14176</v>
      </c>
      <c r="D6034" s="144"/>
      <c r="E6034" s="141">
        <v>1970</v>
      </c>
      <c r="F6034" s="222">
        <v>82138</v>
      </c>
      <c r="G6034" s="144" t="s">
        <v>21873</v>
      </c>
      <c r="H6034" s="98">
        <v>1</v>
      </c>
      <c r="I6034" s="98">
        <v>1</v>
      </c>
      <c r="J6034" s="98">
        <v>1</v>
      </c>
      <c r="K6034" s="149" t="s">
        <v>400</v>
      </c>
      <c r="L6034" s="149" t="s">
        <v>400</v>
      </c>
      <c r="M6034" s="149" t="s">
        <v>400</v>
      </c>
      <c r="N6034" s="149" t="s">
        <v>400</v>
      </c>
      <c r="O6034" s="149" t="s">
        <v>400</v>
      </c>
      <c r="P6034" s="149" t="s">
        <v>400</v>
      </c>
      <c r="Q6034" s="149" t="s">
        <v>400</v>
      </c>
      <c r="R6034" s="149" t="s">
        <v>400</v>
      </c>
      <c r="S6034" s="149" t="s">
        <v>400</v>
      </c>
      <c r="T6034" s="149" t="s">
        <v>400</v>
      </c>
      <c r="U6034" s="149" t="s">
        <v>400</v>
      </c>
      <c r="V6034" s="149" t="s">
        <v>400</v>
      </c>
      <c r="W6034" s="149" t="s">
        <v>400</v>
      </c>
      <c r="X6034" s="149" t="s">
        <v>400</v>
      </c>
      <c r="Y6034" s="149" t="s">
        <v>400</v>
      </c>
      <c r="Z6034" s="149" t="s">
        <v>400</v>
      </c>
      <c r="AA6034" s="149" t="s">
        <v>400</v>
      </c>
      <c r="AB6034" s="149" t="s">
        <v>400</v>
      </c>
      <c r="AC6034" s="149" t="s">
        <v>400</v>
      </c>
      <c r="AD6034" s="149" t="s">
        <v>400</v>
      </c>
      <c r="AE6034" s="149" t="s">
        <v>400</v>
      </c>
      <c r="AF6034" s="149" t="s">
        <v>400</v>
      </c>
      <c r="AG6034" s="149" t="s">
        <v>400</v>
      </c>
      <c r="AH6034" s="149" t="s">
        <v>400</v>
      </c>
      <c r="AI6034" s="149" t="s">
        <v>400</v>
      </c>
      <c r="AJ6034" s="149" t="s">
        <v>400</v>
      </c>
      <c r="AK6034" s="149" t="s">
        <v>400</v>
      </c>
      <c r="AL6034" s="149" t="s">
        <v>400</v>
      </c>
      <c r="AM6034" s="149" t="s">
        <v>400</v>
      </c>
      <c r="AN6034" s="149" t="s">
        <v>400</v>
      </c>
      <c r="AO6034" s="149" t="s">
        <v>400</v>
      </c>
      <c r="AP6034" s="149" t="s">
        <v>400</v>
      </c>
      <c r="AQ6034" s="149" t="s">
        <v>400</v>
      </c>
      <c r="AR6034" s="149" t="s">
        <v>400</v>
      </c>
      <c r="AS6034" s="149" t="s">
        <v>400</v>
      </c>
      <c r="AT6034" s="129" t="s">
        <v>400</v>
      </c>
      <c r="AU6034" s="149" t="s">
        <v>400</v>
      </c>
      <c r="AV6034" s="149" t="s">
        <v>400</v>
      </c>
      <c r="AW6034" s="149" t="s">
        <v>400</v>
      </c>
      <c r="AX6034" s="98"/>
      <c r="AY6034" s="98"/>
      <c r="AZ6034" s="98"/>
      <c r="BA6034" s="98"/>
      <c r="BB6034" s="107">
        <v>45884</v>
      </c>
    </row>
    <row r="6035" spans="1:54" s="8" customFormat="1" ht="13.95" customHeight="1" x14ac:dyDescent="0.25">
      <c r="A6035" s="219" t="s">
        <v>14177</v>
      </c>
      <c r="B6035" s="220" t="s">
        <v>13310</v>
      </c>
      <c r="C6035" s="98" t="s">
        <v>14178</v>
      </c>
      <c r="D6035" s="144" t="s">
        <v>14179</v>
      </c>
      <c r="E6035" s="141">
        <v>1985</v>
      </c>
      <c r="F6035" s="141">
        <v>125779</v>
      </c>
      <c r="G6035" s="144" t="s">
        <v>6</v>
      </c>
      <c r="H6035" s="98">
        <v>1</v>
      </c>
      <c r="I6035" s="98">
        <v>1</v>
      </c>
      <c r="J6035" s="98">
        <v>1</v>
      </c>
      <c r="K6035" s="149" t="s">
        <v>400</v>
      </c>
      <c r="L6035" s="149" t="s">
        <v>400</v>
      </c>
      <c r="M6035" s="149" t="s">
        <v>400</v>
      </c>
      <c r="N6035" s="149" t="s">
        <v>400</v>
      </c>
      <c r="O6035" s="149" t="s">
        <v>400</v>
      </c>
      <c r="P6035" s="149" t="s">
        <v>400</v>
      </c>
      <c r="Q6035" s="149" t="s">
        <v>400</v>
      </c>
      <c r="R6035" s="149" t="s">
        <v>400</v>
      </c>
      <c r="S6035" s="149" t="s">
        <v>400</v>
      </c>
      <c r="T6035" s="149" t="s">
        <v>400</v>
      </c>
      <c r="U6035" s="149" t="s">
        <v>400</v>
      </c>
      <c r="V6035" s="149" t="s">
        <v>400</v>
      </c>
      <c r="W6035" s="149" t="s">
        <v>400</v>
      </c>
      <c r="X6035" s="149" t="s">
        <v>400</v>
      </c>
      <c r="Y6035" s="149" t="s">
        <v>400</v>
      </c>
      <c r="Z6035" s="149" t="s">
        <v>400</v>
      </c>
      <c r="AA6035" s="149" t="s">
        <v>400</v>
      </c>
      <c r="AB6035" s="149" t="s">
        <v>400</v>
      </c>
      <c r="AC6035" s="149" t="s">
        <v>400</v>
      </c>
      <c r="AD6035" s="149" t="s">
        <v>400</v>
      </c>
      <c r="AE6035" s="149" t="s">
        <v>400</v>
      </c>
      <c r="AF6035" s="149" t="s">
        <v>400</v>
      </c>
      <c r="AG6035" s="149" t="s">
        <v>400</v>
      </c>
      <c r="AH6035" s="149" t="s">
        <v>400</v>
      </c>
      <c r="AI6035" s="149" t="s">
        <v>400</v>
      </c>
      <c r="AJ6035" s="149" t="s">
        <v>400</v>
      </c>
      <c r="AK6035" s="149" t="s">
        <v>400</v>
      </c>
      <c r="AL6035" s="149" t="s">
        <v>400</v>
      </c>
      <c r="AM6035" s="149" t="s">
        <v>400</v>
      </c>
      <c r="AN6035" s="149" t="s">
        <v>400</v>
      </c>
      <c r="AO6035" s="149" t="s">
        <v>400</v>
      </c>
      <c r="AP6035" s="149" t="s">
        <v>400</v>
      </c>
      <c r="AQ6035" s="149" t="s">
        <v>400</v>
      </c>
      <c r="AR6035" s="149" t="s">
        <v>400</v>
      </c>
      <c r="AS6035" s="149" t="s">
        <v>400</v>
      </c>
      <c r="AT6035" s="141">
        <v>1</v>
      </c>
      <c r="AU6035" s="149" t="s">
        <v>400</v>
      </c>
      <c r="AV6035" s="149" t="s">
        <v>400</v>
      </c>
      <c r="AW6035" s="149" t="s">
        <v>400</v>
      </c>
      <c r="AX6035" s="98"/>
      <c r="AY6035" s="98"/>
      <c r="AZ6035" s="98"/>
      <c r="BA6035" s="98"/>
      <c r="BB6035" s="107">
        <v>45884</v>
      </c>
    </row>
    <row r="6036" spans="1:54" s="8" customFormat="1" ht="13.95" customHeight="1" x14ac:dyDescent="0.25">
      <c r="A6036" s="219" t="s">
        <v>14180</v>
      </c>
      <c r="B6036" s="220" t="s">
        <v>13310</v>
      </c>
      <c r="C6036" s="98" t="s">
        <v>14181</v>
      </c>
      <c r="D6036" s="144" t="s">
        <v>14182</v>
      </c>
      <c r="E6036" s="141">
        <v>1997</v>
      </c>
      <c r="F6036" s="141">
        <v>161418</v>
      </c>
      <c r="G6036" s="144" t="s">
        <v>7</v>
      </c>
      <c r="H6036" s="98">
        <v>1</v>
      </c>
      <c r="I6036" s="98">
        <v>1</v>
      </c>
      <c r="J6036" s="98">
        <v>1</v>
      </c>
      <c r="K6036" s="149" t="s">
        <v>400</v>
      </c>
      <c r="L6036" s="149" t="s">
        <v>400</v>
      </c>
      <c r="M6036" s="149" t="s">
        <v>400</v>
      </c>
      <c r="N6036" s="149" t="s">
        <v>400</v>
      </c>
      <c r="O6036" s="149" t="s">
        <v>400</v>
      </c>
      <c r="P6036" s="149" t="s">
        <v>400</v>
      </c>
      <c r="Q6036" s="149" t="s">
        <v>400</v>
      </c>
      <c r="R6036" s="149" t="s">
        <v>400</v>
      </c>
      <c r="S6036" s="149" t="s">
        <v>400</v>
      </c>
      <c r="T6036" s="149" t="s">
        <v>400</v>
      </c>
      <c r="U6036" s="149" t="s">
        <v>400</v>
      </c>
      <c r="V6036" s="149" t="s">
        <v>400</v>
      </c>
      <c r="W6036" s="149" t="s">
        <v>400</v>
      </c>
      <c r="X6036" s="149" t="s">
        <v>400</v>
      </c>
      <c r="Y6036" s="149" t="s">
        <v>400</v>
      </c>
      <c r="Z6036" s="149" t="s">
        <v>400</v>
      </c>
      <c r="AA6036" s="149" t="s">
        <v>400</v>
      </c>
      <c r="AB6036" s="149" t="s">
        <v>400</v>
      </c>
      <c r="AC6036" s="149" t="s">
        <v>400</v>
      </c>
      <c r="AD6036" s="149" t="s">
        <v>400</v>
      </c>
      <c r="AE6036" s="149" t="s">
        <v>400</v>
      </c>
      <c r="AF6036" s="149" t="s">
        <v>400</v>
      </c>
      <c r="AG6036" s="149" t="s">
        <v>400</v>
      </c>
      <c r="AH6036" s="261">
        <v>1</v>
      </c>
      <c r="AI6036" s="149" t="s">
        <v>400</v>
      </c>
      <c r="AJ6036" s="149" t="s">
        <v>400</v>
      </c>
      <c r="AK6036" s="149" t="s">
        <v>400</v>
      </c>
      <c r="AL6036" s="149" t="s">
        <v>400</v>
      </c>
      <c r="AM6036" s="149" t="s">
        <v>400</v>
      </c>
      <c r="AN6036" s="149" t="s">
        <v>400</v>
      </c>
      <c r="AO6036" s="149" t="s">
        <v>400</v>
      </c>
      <c r="AP6036" s="149" t="s">
        <v>400</v>
      </c>
      <c r="AQ6036" s="261">
        <v>1</v>
      </c>
      <c r="AR6036" s="149" t="s">
        <v>400</v>
      </c>
      <c r="AS6036" s="149" t="s">
        <v>400</v>
      </c>
      <c r="AT6036" s="129" t="s">
        <v>400</v>
      </c>
      <c r="AU6036" s="149" t="s">
        <v>400</v>
      </c>
      <c r="AV6036" s="149" t="s">
        <v>400</v>
      </c>
      <c r="AW6036" s="149" t="s">
        <v>400</v>
      </c>
      <c r="AX6036" s="98"/>
      <c r="AY6036" s="98"/>
      <c r="AZ6036" s="98"/>
      <c r="BA6036" s="98"/>
      <c r="BB6036" s="107">
        <v>45884</v>
      </c>
    </row>
    <row r="6037" spans="1:54" s="8" customFormat="1" ht="13.95" customHeight="1" x14ac:dyDescent="0.25">
      <c r="A6037" s="219" t="s">
        <v>14183</v>
      </c>
      <c r="B6037" s="220" t="s">
        <v>13310</v>
      </c>
      <c r="C6037" s="98" t="s">
        <v>14184</v>
      </c>
      <c r="D6037" s="144" t="s">
        <v>14185</v>
      </c>
      <c r="E6037" s="141">
        <v>1980</v>
      </c>
      <c r="F6037" s="141">
        <v>161620</v>
      </c>
      <c r="G6037" s="144" t="s">
        <v>6</v>
      </c>
      <c r="H6037" s="98">
        <v>1</v>
      </c>
      <c r="I6037" s="98">
        <v>1</v>
      </c>
      <c r="J6037" s="98">
        <v>1</v>
      </c>
      <c r="K6037" s="149" t="s">
        <v>400</v>
      </c>
      <c r="L6037" s="149" t="s">
        <v>400</v>
      </c>
      <c r="M6037" s="149" t="s">
        <v>400</v>
      </c>
      <c r="N6037" s="149" t="s">
        <v>400</v>
      </c>
      <c r="O6037" s="149" t="s">
        <v>400</v>
      </c>
      <c r="P6037" s="149" t="s">
        <v>400</v>
      </c>
      <c r="Q6037" s="149" t="s">
        <v>400</v>
      </c>
      <c r="R6037" s="149" t="s">
        <v>400</v>
      </c>
      <c r="S6037" s="149" t="s">
        <v>400</v>
      </c>
      <c r="T6037" s="149" t="s">
        <v>400</v>
      </c>
      <c r="U6037" s="149" t="s">
        <v>400</v>
      </c>
      <c r="V6037" s="149" t="s">
        <v>400</v>
      </c>
      <c r="W6037" s="149" t="s">
        <v>400</v>
      </c>
      <c r="X6037" s="149" t="s">
        <v>400</v>
      </c>
      <c r="Y6037" s="149" t="s">
        <v>400</v>
      </c>
      <c r="Z6037" s="149" t="s">
        <v>400</v>
      </c>
      <c r="AA6037" s="149" t="s">
        <v>400</v>
      </c>
      <c r="AB6037" s="149" t="s">
        <v>400</v>
      </c>
      <c r="AC6037" s="149" t="s">
        <v>400</v>
      </c>
      <c r="AD6037" s="149" t="s">
        <v>400</v>
      </c>
      <c r="AE6037" s="149" t="s">
        <v>400</v>
      </c>
      <c r="AF6037" s="149" t="s">
        <v>400</v>
      </c>
      <c r="AG6037" s="149" t="s">
        <v>400</v>
      </c>
      <c r="AH6037" s="149" t="s">
        <v>400</v>
      </c>
      <c r="AI6037" s="149" t="s">
        <v>400</v>
      </c>
      <c r="AJ6037" s="149" t="s">
        <v>400</v>
      </c>
      <c r="AK6037" s="149" t="s">
        <v>400</v>
      </c>
      <c r="AL6037" s="149" t="s">
        <v>400</v>
      </c>
      <c r="AM6037" s="149" t="s">
        <v>400</v>
      </c>
      <c r="AN6037" s="149" t="s">
        <v>400</v>
      </c>
      <c r="AO6037" s="149" t="s">
        <v>400</v>
      </c>
      <c r="AP6037" s="149" t="s">
        <v>400</v>
      </c>
      <c r="AQ6037" s="149" t="s">
        <v>400</v>
      </c>
      <c r="AR6037" s="149" t="s">
        <v>400</v>
      </c>
      <c r="AS6037" s="149" t="s">
        <v>400</v>
      </c>
      <c r="AT6037" s="141">
        <v>1</v>
      </c>
      <c r="AU6037" s="149" t="s">
        <v>400</v>
      </c>
      <c r="AV6037" s="149" t="s">
        <v>400</v>
      </c>
      <c r="AW6037" s="149" t="s">
        <v>400</v>
      </c>
      <c r="AX6037" s="98"/>
      <c r="AY6037" s="98"/>
      <c r="AZ6037" s="98"/>
      <c r="BA6037" s="98"/>
      <c r="BB6037" s="107">
        <v>45884</v>
      </c>
    </row>
    <row r="6038" spans="1:54" s="8" customFormat="1" ht="13.95" customHeight="1" x14ac:dyDescent="0.25">
      <c r="A6038" s="219" t="s">
        <v>14186</v>
      </c>
      <c r="B6038" s="220" t="s">
        <v>13310</v>
      </c>
      <c r="C6038" s="98" t="s">
        <v>14187</v>
      </c>
      <c r="D6038" s="144" t="s">
        <v>14188</v>
      </c>
      <c r="E6038" s="141">
        <v>1995</v>
      </c>
      <c r="F6038" s="141">
        <v>368701</v>
      </c>
      <c r="G6038" s="144" t="s">
        <v>10</v>
      </c>
      <c r="H6038" s="98">
        <v>1</v>
      </c>
      <c r="I6038" s="98">
        <v>1</v>
      </c>
      <c r="J6038" s="98">
        <v>1</v>
      </c>
      <c r="K6038" s="149" t="s">
        <v>400</v>
      </c>
      <c r="L6038" s="149" t="s">
        <v>400</v>
      </c>
      <c r="M6038" s="149" t="s">
        <v>400</v>
      </c>
      <c r="N6038" s="149" t="s">
        <v>400</v>
      </c>
      <c r="O6038" s="149" t="s">
        <v>400</v>
      </c>
      <c r="P6038" s="149" t="s">
        <v>400</v>
      </c>
      <c r="Q6038" s="149" t="s">
        <v>400</v>
      </c>
      <c r="R6038" s="149" t="s">
        <v>400</v>
      </c>
      <c r="S6038" s="149" t="s">
        <v>400</v>
      </c>
      <c r="T6038" s="149" t="s">
        <v>400</v>
      </c>
      <c r="U6038" s="149" t="s">
        <v>400</v>
      </c>
      <c r="V6038" s="149" t="s">
        <v>400</v>
      </c>
      <c r="W6038" s="149" t="s">
        <v>400</v>
      </c>
      <c r="X6038" s="149" t="s">
        <v>400</v>
      </c>
      <c r="Y6038" s="149" t="s">
        <v>400</v>
      </c>
      <c r="Z6038" s="149" t="s">
        <v>400</v>
      </c>
      <c r="AA6038" s="149" t="s">
        <v>400</v>
      </c>
      <c r="AB6038" s="149" t="s">
        <v>400</v>
      </c>
      <c r="AC6038" s="149" t="s">
        <v>400</v>
      </c>
      <c r="AD6038" s="149" t="s">
        <v>400</v>
      </c>
      <c r="AE6038" s="149" t="s">
        <v>400</v>
      </c>
      <c r="AF6038" s="149" t="s">
        <v>400</v>
      </c>
      <c r="AG6038" s="149" t="s">
        <v>400</v>
      </c>
      <c r="AH6038" s="149" t="s">
        <v>400</v>
      </c>
      <c r="AI6038" s="149" t="s">
        <v>400</v>
      </c>
      <c r="AJ6038" s="149" t="s">
        <v>400</v>
      </c>
      <c r="AK6038" s="149" t="s">
        <v>400</v>
      </c>
      <c r="AL6038" s="149" t="s">
        <v>400</v>
      </c>
      <c r="AM6038" s="149" t="s">
        <v>400</v>
      </c>
      <c r="AN6038" s="149" t="s">
        <v>400</v>
      </c>
      <c r="AO6038" s="149" t="s">
        <v>400</v>
      </c>
      <c r="AP6038" s="149" t="s">
        <v>400</v>
      </c>
      <c r="AQ6038" s="149" t="s">
        <v>400</v>
      </c>
      <c r="AR6038" s="149" t="s">
        <v>400</v>
      </c>
      <c r="AS6038" s="149" t="s">
        <v>400</v>
      </c>
      <c r="AT6038" s="129" t="s">
        <v>400</v>
      </c>
      <c r="AU6038" s="149" t="s">
        <v>400</v>
      </c>
      <c r="AV6038" s="149" t="s">
        <v>400</v>
      </c>
      <c r="AW6038" s="149" t="s">
        <v>400</v>
      </c>
      <c r="AX6038" s="98"/>
      <c r="AY6038" s="98"/>
      <c r="AZ6038" s="98"/>
      <c r="BA6038" s="98"/>
      <c r="BB6038" s="107">
        <v>45884</v>
      </c>
    </row>
    <row r="6039" spans="1:54" s="8" customFormat="1" ht="13.95" customHeight="1" x14ac:dyDescent="0.25">
      <c r="A6039" s="219" t="s">
        <v>20285</v>
      </c>
      <c r="B6039" s="220" t="s">
        <v>13310</v>
      </c>
      <c r="C6039" s="98" t="s">
        <v>14189</v>
      </c>
      <c r="D6039" s="144" t="s">
        <v>14190</v>
      </c>
      <c r="E6039" s="141">
        <v>2016</v>
      </c>
      <c r="F6039" s="141">
        <v>307</v>
      </c>
      <c r="G6039" s="144" t="s">
        <v>1</v>
      </c>
      <c r="H6039" s="98">
        <v>0</v>
      </c>
      <c r="I6039" s="98">
        <v>0</v>
      </c>
      <c r="J6039" s="98">
        <v>1</v>
      </c>
      <c r="K6039" s="149" t="s">
        <v>400</v>
      </c>
      <c r="L6039" s="149" t="s">
        <v>400</v>
      </c>
      <c r="M6039" s="149" t="s">
        <v>400</v>
      </c>
      <c r="N6039" s="149" t="s">
        <v>400</v>
      </c>
      <c r="O6039" s="149" t="s">
        <v>400</v>
      </c>
      <c r="P6039" s="149" t="s">
        <v>400</v>
      </c>
      <c r="Q6039" s="149" t="s">
        <v>400</v>
      </c>
      <c r="R6039" s="149" t="s">
        <v>400</v>
      </c>
      <c r="S6039" s="149" t="s">
        <v>400</v>
      </c>
      <c r="T6039" s="149" t="s">
        <v>400</v>
      </c>
      <c r="U6039" s="152"/>
      <c r="V6039" s="152"/>
      <c r="W6039" s="152"/>
      <c r="X6039" s="152"/>
      <c r="Y6039" s="152"/>
      <c r="Z6039" s="152"/>
      <c r="AA6039" s="152"/>
      <c r="AB6039" s="152"/>
      <c r="AC6039" s="152"/>
      <c r="AD6039" s="152"/>
      <c r="AE6039" s="152"/>
      <c r="AF6039" s="152"/>
      <c r="AG6039" s="152"/>
      <c r="AH6039" s="152"/>
      <c r="AI6039" s="152"/>
      <c r="AJ6039" s="152"/>
      <c r="AK6039" s="152"/>
      <c r="AL6039" s="152"/>
      <c r="AM6039" s="152"/>
      <c r="AN6039" s="152"/>
      <c r="AO6039" s="152"/>
      <c r="AP6039" s="152"/>
      <c r="AQ6039" s="152"/>
      <c r="AR6039" s="152"/>
      <c r="AS6039" s="152"/>
      <c r="AT6039" s="152"/>
      <c r="AU6039" s="152"/>
      <c r="AV6039" s="152"/>
      <c r="AW6039" s="152"/>
      <c r="AX6039" s="99"/>
      <c r="AY6039" s="99"/>
      <c r="AZ6039" s="99"/>
      <c r="BA6039" s="99"/>
      <c r="BB6039" s="107">
        <v>45884</v>
      </c>
    </row>
    <row r="6040" spans="1:54" s="8" customFormat="1" ht="13.95" customHeight="1" x14ac:dyDescent="0.25">
      <c r="A6040" s="219" t="s">
        <v>19859</v>
      </c>
      <c r="B6040" s="220" t="s">
        <v>19860</v>
      </c>
      <c r="C6040" s="98" t="s">
        <v>24647</v>
      </c>
      <c r="D6040" s="144" t="s">
        <v>20286</v>
      </c>
      <c r="E6040" s="141">
        <v>1985</v>
      </c>
      <c r="F6040" s="141">
        <v>747</v>
      </c>
      <c r="G6040" s="144" t="s">
        <v>1</v>
      </c>
      <c r="H6040" s="98">
        <v>0</v>
      </c>
      <c r="I6040" s="98">
        <v>0</v>
      </c>
      <c r="J6040" s="98">
        <v>1</v>
      </c>
      <c r="K6040" s="149" t="s">
        <v>400</v>
      </c>
      <c r="L6040" s="149" t="s">
        <v>400</v>
      </c>
      <c r="M6040" s="149" t="s">
        <v>400</v>
      </c>
      <c r="N6040" s="149" t="s">
        <v>400</v>
      </c>
      <c r="O6040" s="149" t="s">
        <v>400</v>
      </c>
      <c r="P6040" s="149" t="s">
        <v>400</v>
      </c>
      <c r="Q6040" s="149" t="s">
        <v>400</v>
      </c>
      <c r="R6040" s="149" t="s">
        <v>400</v>
      </c>
      <c r="S6040" s="149" t="s">
        <v>400</v>
      </c>
      <c r="T6040" s="149" t="s">
        <v>400</v>
      </c>
      <c r="U6040" s="152"/>
      <c r="V6040" s="152"/>
      <c r="W6040" s="152"/>
      <c r="X6040" s="152"/>
      <c r="Y6040" s="152"/>
      <c r="Z6040" s="152"/>
      <c r="AA6040" s="152"/>
      <c r="AB6040" s="152"/>
      <c r="AC6040" s="152"/>
      <c r="AD6040" s="152"/>
      <c r="AE6040" s="152"/>
      <c r="AF6040" s="152"/>
      <c r="AG6040" s="152"/>
      <c r="AH6040" s="152"/>
      <c r="AI6040" s="152"/>
      <c r="AJ6040" s="152"/>
      <c r="AK6040" s="152"/>
      <c r="AL6040" s="152"/>
      <c r="AM6040" s="152"/>
      <c r="AN6040" s="152"/>
      <c r="AO6040" s="152"/>
      <c r="AP6040" s="152"/>
      <c r="AQ6040" s="152"/>
      <c r="AR6040" s="152"/>
      <c r="AS6040" s="152"/>
      <c r="AT6040" s="152"/>
      <c r="AU6040" s="152"/>
      <c r="AV6040" s="152"/>
      <c r="AW6040" s="152"/>
      <c r="AX6040" s="99"/>
      <c r="AY6040" s="99"/>
      <c r="AZ6040" s="99"/>
      <c r="BA6040" s="99"/>
      <c r="BB6040" s="107">
        <v>45884</v>
      </c>
    </row>
    <row r="6041" spans="1:54" s="8" customFormat="1" ht="13.95" customHeight="1" x14ac:dyDescent="0.25">
      <c r="A6041" s="219" t="s">
        <v>19863</v>
      </c>
      <c r="B6041" s="220" t="s">
        <v>13310</v>
      </c>
      <c r="C6041" s="98" t="s">
        <v>19861</v>
      </c>
      <c r="D6041" s="144" t="s">
        <v>20287</v>
      </c>
      <c r="E6041" s="141">
        <v>2017</v>
      </c>
      <c r="F6041" s="141">
        <v>2750</v>
      </c>
      <c r="G6041" s="144" t="s">
        <v>20277</v>
      </c>
      <c r="H6041" s="98">
        <v>0</v>
      </c>
      <c r="I6041" s="98">
        <v>0</v>
      </c>
      <c r="J6041" s="98">
        <v>1</v>
      </c>
      <c r="K6041" s="149" t="s">
        <v>400</v>
      </c>
      <c r="L6041" s="149" t="s">
        <v>400</v>
      </c>
      <c r="M6041" s="149" t="s">
        <v>400</v>
      </c>
      <c r="N6041" s="149" t="s">
        <v>400</v>
      </c>
      <c r="O6041" s="149" t="s">
        <v>400</v>
      </c>
      <c r="P6041" s="149" t="s">
        <v>400</v>
      </c>
      <c r="Q6041" s="149" t="s">
        <v>400</v>
      </c>
      <c r="R6041" s="149" t="s">
        <v>400</v>
      </c>
      <c r="S6041" s="149" t="s">
        <v>400</v>
      </c>
      <c r="T6041" s="149" t="s">
        <v>400</v>
      </c>
      <c r="U6041" s="152"/>
      <c r="V6041" s="152"/>
      <c r="W6041" s="152"/>
      <c r="X6041" s="152"/>
      <c r="Y6041" s="152"/>
      <c r="Z6041" s="152"/>
      <c r="AA6041" s="152"/>
      <c r="AB6041" s="152"/>
      <c r="AC6041" s="152"/>
      <c r="AD6041" s="152"/>
      <c r="AE6041" s="152"/>
      <c r="AF6041" s="152"/>
      <c r="AG6041" s="152"/>
      <c r="AH6041" s="152"/>
      <c r="AI6041" s="152"/>
      <c r="AJ6041" s="152"/>
      <c r="AK6041" s="152"/>
      <c r="AL6041" s="152"/>
      <c r="AM6041" s="152"/>
      <c r="AN6041" s="152"/>
      <c r="AO6041" s="152"/>
      <c r="AP6041" s="152"/>
      <c r="AQ6041" s="152"/>
      <c r="AR6041" s="152"/>
      <c r="AS6041" s="152"/>
      <c r="AT6041" s="152"/>
      <c r="AU6041" s="152"/>
      <c r="AV6041" s="152"/>
      <c r="AW6041" s="152"/>
      <c r="AX6041" s="99"/>
      <c r="AY6041" s="99"/>
      <c r="AZ6041" s="99"/>
      <c r="BA6041" s="99"/>
      <c r="BB6041" s="107">
        <v>45884</v>
      </c>
    </row>
    <row r="6042" spans="1:54" s="8" customFormat="1" ht="13.95" customHeight="1" x14ac:dyDescent="0.25">
      <c r="A6042" s="219" t="s">
        <v>19864</v>
      </c>
      <c r="B6042" s="220" t="s">
        <v>13310</v>
      </c>
      <c r="C6042" s="98" t="s">
        <v>19862</v>
      </c>
      <c r="D6042" s="144" t="s">
        <v>20288</v>
      </c>
      <c r="E6042" s="141">
        <v>2017</v>
      </c>
      <c r="F6042" s="141">
        <v>366</v>
      </c>
      <c r="G6042" s="144" t="s">
        <v>1</v>
      </c>
      <c r="H6042" s="98">
        <v>0</v>
      </c>
      <c r="I6042" s="98">
        <v>0</v>
      </c>
      <c r="J6042" s="98">
        <v>1</v>
      </c>
      <c r="K6042" s="149" t="s">
        <v>400</v>
      </c>
      <c r="L6042" s="149" t="s">
        <v>400</v>
      </c>
      <c r="M6042" s="149" t="s">
        <v>400</v>
      </c>
      <c r="N6042" s="149" t="s">
        <v>400</v>
      </c>
      <c r="O6042" s="149" t="s">
        <v>400</v>
      </c>
      <c r="P6042" s="149" t="s">
        <v>400</v>
      </c>
      <c r="Q6042" s="149" t="s">
        <v>400</v>
      </c>
      <c r="R6042" s="149" t="s">
        <v>400</v>
      </c>
      <c r="S6042" s="149" t="s">
        <v>400</v>
      </c>
      <c r="T6042" s="149" t="s">
        <v>400</v>
      </c>
      <c r="U6042" s="152"/>
      <c r="V6042" s="152"/>
      <c r="W6042" s="152"/>
      <c r="X6042" s="152"/>
      <c r="Y6042" s="152"/>
      <c r="Z6042" s="152"/>
      <c r="AA6042" s="152"/>
      <c r="AB6042" s="152"/>
      <c r="AC6042" s="152"/>
      <c r="AD6042" s="152"/>
      <c r="AE6042" s="152"/>
      <c r="AF6042" s="152"/>
      <c r="AG6042" s="152"/>
      <c r="AH6042" s="152"/>
      <c r="AI6042" s="152"/>
      <c r="AJ6042" s="152"/>
      <c r="AK6042" s="152"/>
      <c r="AL6042" s="152"/>
      <c r="AM6042" s="152"/>
      <c r="AN6042" s="152"/>
      <c r="AO6042" s="152"/>
      <c r="AP6042" s="152"/>
      <c r="AQ6042" s="152"/>
      <c r="AR6042" s="152"/>
      <c r="AS6042" s="152"/>
      <c r="AT6042" s="152"/>
      <c r="AU6042" s="152"/>
      <c r="AV6042" s="152"/>
      <c r="AW6042" s="152"/>
      <c r="AX6042" s="99"/>
      <c r="AY6042" s="99"/>
      <c r="AZ6042" s="99"/>
      <c r="BA6042" s="99"/>
      <c r="BB6042" s="107">
        <v>45884</v>
      </c>
    </row>
    <row r="6043" spans="1:54" s="8" customFormat="1" ht="13.95" customHeight="1" x14ac:dyDescent="0.25">
      <c r="A6043" s="219" t="s">
        <v>20291</v>
      </c>
      <c r="B6043" s="220" t="s">
        <v>13310</v>
      </c>
      <c r="C6043" s="98" t="s">
        <v>24648</v>
      </c>
      <c r="D6043" s="144" t="s">
        <v>20289</v>
      </c>
      <c r="E6043" s="141">
        <v>2018</v>
      </c>
      <c r="F6043" s="141">
        <v>472</v>
      </c>
      <c r="G6043" s="144" t="s">
        <v>1</v>
      </c>
      <c r="H6043" s="98">
        <v>0</v>
      </c>
      <c r="I6043" s="98">
        <v>0</v>
      </c>
      <c r="J6043" s="98">
        <v>1</v>
      </c>
      <c r="K6043" s="149" t="s">
        <v>400</v>
      </c>
      <c r="L6043" s="149" t="s">
        <v>400</v>
      </c>
      <c r="M6043" s="149" t="s">
        <v>400</v>
      </c>
      <c r="N6043" s="149" t="s">
        <v>400</v>
      </c>
      <c r="O6043" s="149" t="s">
        <v>400</v>
      </c>
      <c r="P6043" s="149" t="s">
        <v>400</v>
      </c>
      <c r="Q6043" s="149" t="s">
        <v>400</v>
      </c>
      <c r="R6043" s="149" t="s">
        <v>400</v>
      </c>
      <c r="S6043" s="149" t="s">
        <v>400</v>
      </c>
      <c r="T6043" s="149" t="s">
        <v>400</v>
      </c>
      <c r="U6043" s="152"/>
      <c r="V6043" s="152"/>
      <c r="W6043" s="152"/>
      <c r="X6043" s="152"/>
      <c r="Y6043" s="152"/>
      <c r="Z6043" s="152"/>
      <c r="AA6043" s="152"/>
      <c r="AB6043" s="152"/>
      <c r="AC6043" s="152"/>
      <c r="AD6043" s="152"/>
      <c r="AE6043" s="152"/>
      <c r="AF6043" s="152"/>
      <c r="AG6043" s="152"/>
      <c r="AH6043" s="152"/>
      <c r="AI6043" s="152"/>
      <c r="AJ6043" s="152"/>
      <c r="AK6043" s="152"/>
      <c r="AL6043" s="152"/>
      <c r="AM6043" s="152"/>
      <c r="AN6043" s="152"/>
      <c r="AO6043" s="152"/>
      <c r="AP6043" s="152"/>
      <c r="AQ6043" s="152"/>
      <c r="AR6043" s="152"/>
      <c r="AS6043" s="152"/>
      <c r="AT6043" s="152"/>
      <c r="AU6043" s="152"/>
      <c r="AV6043" s="152"/>
      <c r="AW6043" s="152"/>
      <c r="AX6043" s="99"/>
      <c r="AY6043" s="99"/>
      <c r="AZ6043" s="99"/>
      <c r="BA6043" s="99"/>
      <c r="BB6043" s="107">
        <v>45884</v>
      </c>
    </row>
    <row r="6044" spans="1:54" s="8" customFormat="1" ht="13.95" customHeight="1" x14ac:dyDescent="0.25">
      <c r="A6044" s="219" t="s">
        <v>20292</v>
      </c>
      <c r="B6044" s="220" t="s">
        <v>13310</v>
      </c>
      <c r="C6044" s="98" t="s">
        <v>24649</v>
      </c>
      <c r="D6044" s="144" t="s">
        <v>20290</v>
      </c>
      <c r="E6044" s="141">
        <v>2018</v>
      </c>
      <c r="F6044" s="141">
        <v>1379</v>
      </c>
      <c r="G6044" s="144" t="s">
        <v>1</v>
      </c>
      <c r="H6044" s="98">
        <v>0</v>
      </c>
      <c r="I6044" s="98">
        <v>0</v>
      </c>
      <c r="J6044" s="98">
        <v>1</v>
      </c>
      <c r="K6044" s="149" t="s">
        <v>400</v>
      </c>
      <c r="L6044" s="149" t="s">
        <v>400</v>
      </c>
      <c r="M6044" s="149" t="s">
        <v>400</v>
      </c>
      <c r="N6044" s="149" t="s">
        <v>400</v>
      </c>
      <c r="O6044" s="149" t="s">
        <v>400</v>
      </c>
      <c r="P6044" s="149" t="s">
        <v>400</v>
      </c>
      <c r="Q6044" s="149" t="s">
        <v>400</v>
      </c>
      <c r="R6044" s="149" t="s">
        <v>400</v>
      </c>
      <c r="S6044" s="149" t="s">
        <v>400</v>
      </c>
      <c r="T6044" s="149" t="s">
        <v>400</v>
      </c>
      <c r="U6044" s="152"/>
      <c r="V6044" s="152"/>
      <c r="W6044" s="152"/>
      <c r="X6044" s="152"/>
      <c r="Y6044" s="152"/>
      <c r="Z6044" s="152"/>
      <c r="AA6044" s="152"/>
      <c r="AB6044" s="152"/>
      <c r="AC6044" s="152"/>
      <c r="AD6044" s="152"/>
      <c r="AE6044" s="152"/>
      <c r="AF6044" s="152"/>
      <c r="AG6044" s="152"/>
      <c r="AH6044" s="152"/>
      <c r="AI6044" s="152"/>
      <c r="AJ6044" s="152"/>
      <c r="AK6044" s="152"/>
      <c r="AL6044" s="152"/>
      <c r="AM6044" s="152"/>
      <c r="AN6044" s="152"/>
      <c r="AO6044" s="152"/>
      <c r="AP6044" s="152"/>
      <c r="AQ6044" s="152"/>
      <c r="AR6044" s="152"/>
      <c r="AS6044" s="152"/>
      <c r="AT6044" s="152"/>
      <c r="AU6044" s="152"/>
      <c r="AV6044" s="152"/>
      <c r="AW6044" s="152"/>
      <c r="AX6044" s="99"/>
      <c r="AY6044" s="99"/>
      <c r="AZ6044" s="99"/>
      <c r="BA6044" s="99"/>
      <c r="BB6044" s="107">
        <v>45884</v>
      </c>
    </row>
    <row r="6045" spans="1:54" s="8" customFormat="1" ht="13.95" customHeight="1" x14ac:dyDescent="0.25">
      <c r="A6045" s="219" t="s">
        <v>20582</v>
      </c>
      <c r="B6045" s="220" t="s">
        <v>13310</v>
      </c>
      <c r="C6045" s="98" t="s">
        <v>22243</v>
      </c>
      <c r="D6045" s="144" t="s">
        <v>20579</v>
      </c>
      <c r="E6045" s="141">
        <v>2019</v>
      </c>
      <c r="F6045" s="141">
        <v>16454</v>
      </c>
      <c r="G6045" s="144" t="s">
        <v>3</v>
      </c>
      <c r="H6045" s="98">
        <v>1</v>
      </c>
      <c r="I6045" s="98">
        <v>1</v>
      </c>
      <c r="J6045" s="98">
        <v>1</v>
      </c>
      <c r="K6045" s="149" t="s">
        <v>400</v>
      </c>
      <c r="L6045" s="149" t="s">
        <v>400</v>
      </c>
      <c r="M6045" s="149" t="s">
        <v>400</v>
      </c>
      <c r="N6045" s="149" t="s">
        <v>400</v>
      </c>
      <c r="O6045" s="149" t="s">
        <v>400</v>
      </c>
      <c r="P6045" s="149" t="s">
        <v>400</v>
      </c>
      <c r="Q6045" s="149" t="s">
        <v>400</v>
      </c>
      <c r="R6045" s="149" t="s">
        <v>400</v>
      </c>
      <c r="S6045" s="149" t="s">
        <v>400</v>
      </c>
      <c r="T6045" s="149" t="s">
        <v>400</v>
      </c>
      <c r="U6045" s="152"/>
      <c r="V6045" s="152"/>
      <c r="W6045" s="152"/>
      <c r="X6045" s="152"/>
      <c r="Y6045" s="152"/>
      <c r="Z6045" s="152"/>
      <c r="AA6045" s="152"/>
      <c r="AB6045" s="152"/>
      <c r="AC6045" s="152"/>
      <c r="AD6045" s="152"/>
      <c r="AE6045" s="152"/>
      <c r="AF6045" s="152"/>
      <c r="AG6045" s="152"/>
      <c r="AH6045" s="152"/>
      <c r="AI6045" s="152"/>
      <c r="AJ6045" s="152"/>
      <c r="AK6045" s="152"/>
      <c r="AL6045" s="152"/>
      <c r="AM6045" s="152"/>
      <c r="AN6045" s="152"/>
      <c r="AO6045" s="152"/>
      <c r="AP6045" s="152"/>
      <c r="AQ6045" s="152"/>
      <c r="AR6045" s="152"/>
      <c r="AS6045" s="152"/>
      <c r="AT6045" s="152"/>
      <c r="AU6045" s="152"/>
      <c r="AV6045" s="152"/>
      <c r="AW6045" s="152"/>
      <c r="AX6045" s="99"/>
      <c r="AY6045" s="99"/>
      <c r="AZ6045" s="99"/>
      <c r="BA6045" s="99"/>
      <c r="BB6045" s="107">
        <v>45884</v>
      </c>
    </row>
    <row r="6046" spans="1:54" s="8" customFormat="1" ht="13.95" customHeight="1" x14ac:dyDescent="0.25">
      <c r="A6046" s="219" t="s">
        <v>20583</v>
      </c>
      <c r="B6046" s="220" t="s">
        <v>13310</v>
      </c>
      <c r="C6046" s="98" t="s">
        <v>20580</v>
      </c>
      <c r="D6046" s="144" t="s">
        <v>20581</v>
      </c>
      <c r="E6046" s="141">
        <v>2019</v>
      </c>
      <c r="F6046" s="141">
        <v>1551</v>
      </c>
      <c r="G6046" s="144" t="s">
        <v>1</v>
      </c>
      <c r="H6046" s="98">
        <v>0</v>
      </c>
      <c r="I6046" s="98">
        <v>0</v>
      </c>
      <c r="J6046" s="98">
        <v>1</v>
      </c>
      <c r="K6046" s="149" t="s">
        <v>400</v>
      </c>
      <c r="L6046" s="149" t="s">
        <v>400</v>
      </c>
      <c r="M6046" s="149" t="s">
        <v>400</v>
      </c>
      <c r="N6046" s="149" t="s">
        <v>400</v>
      </c>
      <c r="O6046" s="149" t="s">
        <v>400</v>
      </c>
      <c r="P6046" s="149" t="s">
        <v>400</v>
      </c>
      <c r="Q6046" s="149" t="s">
        <v>400</v>
      </c>
      <c r="R6046" s="149" t="s">
        <v>400</v>
      </c>
      <c r="S6046" s="149" t="s">
        <v>400</v>
      </c>
      <c r="T6046" s="149" t="s">
        <v>400</v>
      </c>
      <c r="U6046" s="152"/>
      <c r="V6046" s="152"/>
      <c r="W6046" s="152"/>
      <c r="X6046" s="152"/>
      <c r="Y6046" s="152"/>
      <c r="Z6046" s="152"/>
      <c r="AA6046" s="152"/>
      <c r="AB6046" s="152"/>
      <c r="AC6046" s="152"/>
      <c r="AD6046" s="152"/>
      <c r="AE6046" s="152"/>
      <c r="AF6046" s="152"/>
      <c r="AG6046" s="152"/>
      <c r="AH6046" s="152"/>
      <c r="AI6046" s="152"/>
      <c r="AJ6046" s="152"/>
      <c r="AK6046" s="152"/>
      <c r="AL6046" s="152"/>
      <c r="AM6046" s="152"/>
      <c r="AN6046" s="152"/>
      <c r="AO6046" s="152"/>
      <c r="AP6046" s="152"/>
      <c r="AQ6046" s="152"/>
      <c r="AR6046" s="152"/>
      <c r="AS6046" s="152"/>
      <c r="AT6046" s="152"/>
      <c r="AU6046" s="152"/>
      <c r="AV6046" s="152"/>
      <c r="AW6046" s="152"/>
      <c r="AX6046" s="99"/>
      <c r="AY6046" s="99"/>
      <c r="AZ6046" s="99"/>
      <c r="BA6046" s="99"/>
      <c r="BB6046" s="107">
        <v>45884</v>
      </c>
    </row>
    <row r="6047" spans="1:54" s="8" customFormat="1" ht="13.95" customHeight="1" x14ac:dyDescent="0.25">
      <c r="A6047" s="219" t="s">
        <v>21684</v>
      </c>
      <c r="B6047" s="220" t="s">
        <v>13310</v>
      </c>
      <c r="C6047" s="98" t="s">
        <v>21682</v>
      </c>
      <c r="D6047" s="144" t="s">
        <v>21683</v>
      </c>
      <c r="E6047" s="141">
        <v>2020</v>
      </c>
      <c r="F6047" s="141">
        <v>2644</v>
      </c>
      <c r="G6047" s="144" t="s">
        <v>1</v>
      </c>
      <c r="H6047" s="98">
        <v>0</v>
      </c>
      <c r="I6047" s="98">
        <v>0</v>
      </c>
      <c r="J6047" s="98">
        <v>1</v>
      </c>
      <c r="K6047" s="149" t="s">
        <v>400</v>
      </c>
      <c r="L6047" s="149" t="s">
        <v>400</v>
      </c>
      <c r="M6047" s="149" t="s">
        <v>400</v>
      </c>
      <c r="N6047" s="149" t="s">
        <v>400</v>
      </c>
      <c r="O6047" s="149" t="s">
        <v>400</v>
      </c>
      <c r="P6047" s="149" t="s">
        <v>400</v>
      </c>
      <c r="Q6047" s="149" t="s">
        <v>400</v>
      </c>
      <c r="R6047" s="149" t="s">
        <v>400</v>
      </c>
      <c r="S6047" s="149" t="s">
        <v>400</v>
      </c>
      <c r="T6047" s="149" t="s">
        <v>400</v>
      </c>
      <c r="U6047" s="152"/>
      <c r="V6047" s="152"/>
      <c r="W6047" s="152"/>
      <c r="X6047" s="152"/>
      <c r="Y6047" s="152"/>
      <c r="Z6047" s="152"/>
      <c r="AA6047" s="152"/>
      <c r="AB6047" s="152"/>
      <c r="AC6047" s="152"/>
      <c r="AD6047" s="152"/>
      <c r="AE6047" s="152"/>
      <c r="AF6047" s="152"/>
      <c r="AG6047" s="152"/>
      <c r="AH6047" s="152"/>
      <c r="AI6047" s="152"/>
      <c r="AJ6047" s="152"/>
      <c r="AK6047" s="152"/>
      <c r="AL6047" s="152"/>
      <c r="AM6047" s="152"/>
      <c r="AN6047" s="152"/>
      <c r="AO6047" s="152"/>
      <c r="AP6047" s="152"/>
      <c r="AQ6047" s="152"/>
      <c r="AR6047" s="152"/>
      <c r="AS6047" s="152"/>
      <c r="AT6047" s="152"/>
      <c r="AU6047" s="152"/>
      <c r="AV6047" s="152"/>
      <c r="AW6047" s="152"/>
      <c r="AX6047" s="99"/>
      <c r="AY6047" s="99"/>
      <c r="AZ6047" s="99"/>
      <c r="BA6047" s="99"/>
      <c r="BB6047" s="107">
        <v>45884</v>
      </c>
    </row>
    <row r="6048" spans="1:54" s="8" customFormat="1" ht="13.95" customHeight="1" x14ac:dyDescent="0.25">
      <c r="A6048" s="219" t="s">
        <v>21878</v>
      </c>
      <c r="B6048" s="220" t="s">
        <v>13310</v>
      </c>
      <c r="C6048" s="98" t="s">
        <v>21874</v>
      </c>
      <c r="D6048" s="144" t="s">
        <v>21875</v>
      </c>
      <c r="E6048" s="141">
        <v>2021</v>
      </c>
      <c r="F6048" s="141">
        <v>201</v>
      </c>
      <c r="G6048" s="144" t="s">
        <v>21798</v>
      </c>
      <c r="H6048" s="149" t="s">
        <v>400</v>
      </c>
      <c r="I6048" s="149" t="s">
        <v>400</v>
      </c>
      <c r="J6048" s="149" t="s">
        <v>400</v>
      </c>
      <c r="K6048" s="149" t="s">
        <v>400</v>
      </c>
      <c r="L6048" s="149" t="s">
        <v>400</v>
      </c>
      <c r="M6048" s="149" t="s">
        <v>400</v>
      </c>
      <c r="N6048" s="149" t="s">
        <v>400</v>
      </c>
      <c r="O6048" s="149" t="s">
        <v>400</v>
      </c>
      <c r="P6048" s="149" t="s">
        <v>400</v>
      </c>
      <c r="Q6048" s="149" t="s">
        <v>400</v>
      </c>
      <c r="R6048" s="149" t="s">
        <v>400</v>
      </c>
      <c r="S6048" s="149" t="s">
        <v>400</v>
      </c>
      <c r="T6048" s="149" t="s">
        <v>400</v>
      </c>
      <c r="U6048" s="149" t="s">
        <v>400</v>
      </c>
      <c r="V6048" s="149" t="s">
        <v>400</v>
      </c>
      <c r="W6048" s="149" t="s">
        <v>400</v>
      </c>
      <c r="X6048" s="149" t="s">
        <v>400</v>
      </c>
      <c r="Y6048" s="149" t="s">
        <v>400</v>
      </c>
      <c r="Z6048" s="149" t="s">
        <v>400</v>
      </c>
      <c r="AA6048" s="149" t="s">
        <v>400</v>
      </c>
      <c r="AB6048" s="149" t="s">
        <v>400</v>
      </c>
      <c r="AC6048" s="149" t="s">
        <v>400</v>
      </c>
      <c r="AD6048" s="149" t="s">
        <v>400</v>
      </c>
      <c r="AE6048" s="149" t="s">
        <v>400</v>
      </c>
      <c r="AF6048" s="149" t="s">
        <v>400</v>
      </c>
      <c r="AG6048" s="149" t="s">
        <v>400</v>
      </c>
      <c r="AH6048" s="149" t="s">
        <v>400</v>
      </c>
      <c r="AI6048" s="149" t="s">
        <v>400</v>
      </c>
      <c r="AJ6048" s="149" t="s">
        <v>400</v>
      </c>
      <c r="AK6048" s="149" t="s">
        <v>400</v>
      </c>
      <c r="AL6048" s="149" t="s">
        <v>400</v>
      </c>
      <c r="AM6048" s="149" t="s">
        <v>400</v>
      </c>
      <c r="AN6048" s="149" t="s">
        <v>400</v>
      </c>
      <c r="AO6048" s="149" t="s">
        <v>400</v>
      </c>
      <c r="AP6048" s="149" t="s">
        <v>400</v>
      </c>
      <c r="AQ6048" s="149" t="s">
        <v>400</v>
      </c>
      <c r="AR6048" s="149" t="s">
        <v>400</v>
      </c>
      <c r="AS6048" s="149" t="s">
        <v>400</v>
      </c>
      <c r="AT6048" s="129" t="s">
        <v>400</v>
      </c>
      <c r="AU6048" s="149" t="s">
        <v>400</v>
      </c>
      <c r="AV6048" s="149" t="s">
        <v>400</v>
      </c>
      <c r="AW6048" s="149" t="s">
        <v>400</v>
      </c>
      <c r="AX6048" s="98"/>
      <c r="AY6048" s="98"/>
      <c r="AZ6048" s="98"/>
      <c r="BA6048" s="98"/>
      <c r="BB6048" s="107">
        <v>45884</v>
      </c>
    </row>
    <row r="6049" spans="1:54" s="8" customFormat="1" ht="13.95" customHeight="1" x14ac:dyDescent="0.25">
      <c r="A6049" s="219" t="s">
        <v>21879</v>
      </c>
      <c r="B6049" s="220" t="s">
        <v>13310</v>
      </c>
      <c r="C6049" s="98" t="s">
        <v>21876</v>
      </c>
      <c r="D6049" s="144" t="s">
        <v>21877</v>
      </c>
      <c r="E6049" s="141">
        <v>2022</v>
      </c>
      <c r="F6049" s="141">
        <v>1510</v>
      </c>
      <c r="G6049" s="144" t="s">
        <v>1</v>
      </c>
      <c r="H6049" s="98">
        <v>0</v>
      </c>
      <c r="I6049" s="98">
        <v>0</v>
      </c>
      <c r="J6049" s="98">
        <v>1</v>
      </c>
      <c r="K6049" s="149" t="s">
        <v>400</v>
      </c>
      <c r="L6049" s="149" t="s">
        <v>400</v>
      </c>
      <c r="M6049" s="149" t="s">
        <v>400</v>
      </c>
      <c r="N6049" s="149" t="s">
        <v>400</v>
      </c>
      <c r="O6049" s="149" t="s">
        <v>400</v>
      </c>
      <c r="P6049" s="149" t="s">
        <v>400</v>
      </c>
      <c r="Q6049" s="149" t="s">
        <v>400</v>
      </c>
      <c r="R6049" s="149" t="s">
        <v>400</v>
      </c>
      <c r="S6049" s="149" t="s">
        <v>400</v>
      </c>
      <c r="T6049" s="149" t="s">
        <v>400</v>
      </c>
      <c r="U6049" s="152"/>
      <c r="V6049" s="152"/>
      <c r="W6049" s="152"/>
      <c r="X6049" s="152"/>
      <c r="Y6049" s="152"/>
      <c r="Z6049" s="152"/>
      <c r="AA6049" s="152"/>
      <c r="AB6049" s="152"/>
      <c r="AC6049" s="152"/>
      <c r="AD6049" s="152"/>
      <c r="AE6049" s="152"/>
      <c r="AF6049" s="152"/>
      <c r="AG6049" s="152"/>
      <c r="AH6049" s="152"/>
      <c r="AI6049" s="152"/>
      <c r="AJ6049" s="152"/>
      <c r="AK6049" s="152"/>
      <c r="AL6049" s="152"/>
      <c r="AM6049" s="152"/>
      <c r="AN6049" s="152"/>
      <c r="AO6049" s="152"/>
      <c r="AP6049" s="152"/>
      <c r="AQ6049" s="152"/>
      <c r="AR6049" s="152"/>
      <c r="AS6049" s="152"/>
      <c r="AT6049" s="152"/>
      <c r="AU6049" s="152"/>
      <c r="AV6049" s="152"/>
      <c r="AW6049" s="152"/>
      <c r="AX6049" s="99"/>
      <c r="AY6049" s="99"/>
      <c r="AZ6049" s="99"/>
      <c r="BA6049" s="99"/>
      <c r="BB6049" s="107">
        <v>45884</v>
      </c>
    </row>
    <row r="6050" spans="1:54" s="8" customFormat="1" ht="13.95" customHeight="1" x14ac:dyDescent="0.25">
      <c r="A6050" s="229" t="s">
        <v>22034</v>
      </c>
      <c r="B6050" s="220" t="s">
        <v>13310</v>
      </c>
      <c r="C6050" s="98" t="s">
        <v>22031</v>
      </c>
      <c r="D6050" s="144" t="s">
        <v>22032</v>
      </c>
      <c r="E6050" s="141">
        <v>2022</v>
      </c>
      <c r="F6050" s="141">
        <v>24640</v>
      </c>
      <c r="G6050" s="144" t="s">
        <v>22033</v>
      </c>
      <c r="H6050" s="98">
        <v>1</v>
      </c>
      <c r="I6050" s="98">
        <v>1</v>
      </c>
      <c r="J6050" s="98">
        <v>1</v>
      </c>
      <c r="K6050" s="149" t="s">
        <v>400</v>
      </c>
      <c r="L6050" s="149" t="s">
        <v>400</v>
      </c>
      <c r="M6050" s="149" t="s">
        <v>400</v>
      </c>
      <c r="N6050" s="149" t="s">
        <v>400</v>
      </c>
      <c r="O6050" s="149" t="s">
        <v>400</v>
      </c>
      <c r="P6050" s="149" t="s">
        <v>400</v>
      </c>
      <c r="Q6050" s="149" t="s">
        <v>400</v>
      </c>
      <c r="R6050" s="149" t="s">
        <v>400</v>
      </c>
      <c r="S6050" s="149" t="s">
        <v>400</v>
      </c>
      <c r="T6050" s="149" t="s">
        <v>400</v>
      </c>
      <c r="U6050" s="152"/>
      <c r="V6050" s="152"/>
      <c r="W6050" s="152"/>
      <c r="X6050" s="152"/>
      <c r="Y6050" s="152"/>
      <c r="Z6050" s="152"/>
      <c r="AA6050" s="152"/>
      <c r="AB6050" s="152"/>
      <c r="AC6050" s="152"/>
      <c r="AD6050" s="152"/>
      <c r="AE6050" s="152"/>
      <c r="AF6050" s="152"/>
      <c r="AG6050" s="152"/>
      <c r="AH6050" s="152"/>
      <c r="AI6050" s="152"/>
      <c r="AJ6050" s="152"/>
      <c r="AK6050" s="152"/>
      <c r="AL6050" s="152"/>
      <c r="AM6050" s="152"/>
      <c r="AN6050" s="152"/>
      <c r="AO6050" s="152"/>
      <c r="AP6050" s="152"/>
      <c r="AQ6050" s="152"/>
      <c r="AR6050" s="152"/>
      <c r="AS6050" s="152"/>
      <c r="AT6050" s="152"/>
      <c r="AU6050" s="152"/>
      <c r="AV6050" s="152"/>
      <c r="AW6050" s="152"/>
      <c r="AX6050" s="99"/>
      <c r="AY6050" s="99"/>
      <c r="AZ6050" s="99"/>
      <c r="BA6050" s="99"/>
      <c r="BB6050" s="107">
        <v>45884</v>
      </c>
    </row>
    <row r="6051" spans="1:54" s="8" customFormat="1" ht="13.95" customHeight="1" x14ac:dyDescent="0.25">
      <c r="A6051" s="219" t="s">
        <v>24404</v>
      </c>
      <c r="B6051" s="250" t="s">
        <v>24398</v>
      </c>
      <c r="C6051" s="140" t="s">
        <v>24399</v>
      </c>
      <c r="D6051" s="153" t="s">
        <v>24400</v>
      </c>
      <c r="E6051" s="139">
        <v>2024</v>
      </c>
      <c r="F6051" s="139">
        <v>27943</v>
      </c>
      <c r="G6051" s="140" t="s">
        <v>24401</v>
      </c>
      <c r="H6051" s="140">
        <v>1</v>
      </c>
      <c r="I6051" s="140">
        <v>1</v>
      </c>
      <c r="J6051" s="140">
        <v>1</v>
      </c>
      <c r="K6051" s="149" t="s">
        <v>400</v>
      </c>
      <c r="L6051" s="149" t="s">
        <v>400</v>
      </c>
      <c r="M6051" s="149" t="s">
        <v>400</v>
      </c>
      <c r="N6051" s="149" t="s">
        <v>400</v>
      </c>
      <c r="O6051" s="149" t="s">
        <v>400</v>
      </c>
      <c r="P6051" s="149" t="s">
        <v>400</v>
      </c>
      <c r="Q6051" s="149" t="s">
        <v>400</v>
      </c>
      <c r="R6051" s="149" t="s">
        <v>400</v>
      </c>
      <c r="S6051" s="149" t="s">
        <v>400</v>
      </c>
      <c r="T6051" s="149" t="s">
        <v>400</v>
      </c>
      <c r="U6051" s="152"/>
      <c r="V6051" s="152"/>
      <c r="W6051" s="152"/>
      <c r="X6051" s="152"/>
      <c r="Y6051" s="152"/>
      <c r="Z6051" s="152"/>
      <c r="AA6051" s="261">
        <v>1</v>
      </c>
      <c r="AB6051" s="152"/>
      <c r="AC6051" s="152"/>
      <c r="AD6051" s="152"/>
      <c r="AE6051" s="152"/>
      <c r="AF6051" s="152"/>
      <c r="AG6051" s="152"/>
      <c r="AH6051" s="152"/>
      <c r="AI6051" s="152"/>
      <c r="AJ6051" s="152"/>
      <c r="AK6051" s="152"/>
      <c r="AL6051" s="152"/>
      <c r="AM6051" s="152"/>
      <c r="AN6051" s="152"/>
      <c r="AO6051" s="152"/>
      <c r="AP6051" s="152"/>
      <c r="AQ6051" s="152"/>
      <c r="AR6051" s="152"/>
      <c r="AS6051" s="152"/>
      <c r="AT6051" s="152"/>
      <c r="AU6051" s="152"/>
      <c r="AV6051" s="152"/>
      <c r="AW6051" s="152"/>
      <c r="AX6051" s="99"/>
      <c r="AY6051" s="99"/>
      <c r="AZ6051" s="99"/>
      <c r="BA6051" s="99"/>
      <c r="BB6051" s="107">
        <v>45884</v>
      </c>
    </row>
    <row r="6052" spans="1:54" s="8" customFormat="1" ht="13.95" customHeight="1" x14ac:dyDescent="0.25">
      <c r="A6052" s="229" t="s">
        <v>24405</v>
      </c>
      <c r="B6052" s="250" t="s">
        <v>24398</v>
      </c>
      <c r="C6052" s="140" t="s">
        <v>24402</v>
      </c>
      <c r="D6052" s="153" t="s">
        <v>24403</v>
      </c>
      <c r="E6052" s="139">
        <v>2024</v>
      </c>
      <c r="F6052" s="139">
        <v>3724</v>
      </c>
      <c r="G6052" s="140" t="s">
        <v>20277</v>
      </c>
      <c r="H6052" s="140">
        <v>0</v>
      </c>
      <c r="I6052" s="140">
        <v>0</v>
      </c>
      <c r="J6052" s="140">
        <v>1</v>
      </c>
      <c r="K6052" s="149" t="s">
        <v>400</v>
      </c>
      <c r="L6052" s="149" t="s">
        <v>400</v>
      </c>
      <c r="M6052" s="149" t="s">
        <v>400</v>
      </c>
      <c r="N6052" s="149" t="s">
        <v>400</v>
      </c>
      <c r="O6052" s="149" t="s">
        <v>400</v>
      </c>
      <c r="P6052" s="149" t="s">
        <v>400</v>
      </c>
      <c r="Q6052" s="149" t="s">
        <v>400</v>
      </c>
      <c r="R6052" s="149" t="s">
        <v>400</v>
      </c>
      <c r="S6052" s="149" t="s">
        <v>400</v>
      </c>
      <c r="T6052" s="149" t="s">
        <v>400</v>
      </c>
      <c r="U6052" s="152"/>
      <c r="V6052" s="152"/>
      <c r="W6052" s="152"/>
      <c r="X6052" s="152"/>
      <c r="Y6052" s="152"/>
      <c r="Z6052" s="152"/>
      <c r="AA6052" s="152"/>
      <c r="AB6052" s="152"/>
      <c r="AC6052" s="152"/>
      <c r="AD6052" s="152"/>
      <c r="AE6052" s="152"/>
      <c r="AF6052" s="152"/>
      <c r="AG6052" s="152"/>
      <c r="AH6052" s="152"/>
      <c r="AI6052" s="152"/>
      <c r="AJ6052" s="152"/>
      <c r="AK6052" s="152"/>
      <c r="AL6052" s="152"/>
      <c r="AM6052" s="152"/>
      <c r="AN6052" s="152"/>
      <c r="AO6052" s="152"/>
      <c r="AP6052" s="152"/>
      <c r="AQ6052" s="152"/>
      <c r="AR6052" s="152"/>
      <c r="AS6052" s="152"/>
      <c r="AT6052" s="152"/>
      <c r="AU6052" s="152"/>
      <c r="AV6052" s="152"/>
      <c r="AW6052" s="152"/>
      <c r="AX6052" s="99"/>
      <c r="AY6052" s="99"/>
      <c r="AZ6052" s="99"/>
      <c r="BA6052" s="99"/>
      <c r="BB6052" s="107">
        <v>45884</v>
      </c>
    </row>
    <row r="6053" spans="1:54" s="8" customFormat="1" ht="13.95" customHeight="1" x14ac:dyDescent="0.25">
      <c r="A6053" s="219" t="s">
        <v>14191</v>
      </c>
      <c r="B6053" s="220" t="s">
        <v>14192</v>
      </c>
      <c r="C6053" s="98" t="s">
        <v>14193</v>
      </c>
      <c r="D6053" s="98" t="s">
        <v>14194</v>
      </c>
      <c r="E6053" s="141">
        <v>1990</v>
      </c>
      <c r="F6053" s="141">
        <v>150</v>
      </c>
      <c r="G6053" s="98" t="s">
        <v>1</v>
      </c>
      <c r="H6053" s="98">
        <v>0</v>
      </c>
      <c r="I6053" s="98">
        <v>0</v>
      </c>
      <c r="J6053" s="98">
        <v>0</v>
      </c>
      <c r="K6053" s="98">
        <v>0</v>
      </c>
      <c r="L6053" s="98">
        <v>0</v>
      </c>
      <c r="M6053" s="98">
        <v>1</v>
      </c>
      <c r="N6053" s="98">
        <v>0</v>
      </c>
      <c r="O6053" s="98">
        <v>0</v>
      </c>
      <c r="P6053" s="98">
        <v>0</v>
      </c>
      <c r="Q6053" s="98">
        <v>0</v>
      </c>
      <c r="R6053" s="98">
        <v>0</v>
      </c>
      <c r="S6053" s="98">
        <v>0</v>
      </c>
      <c r="T6053" s="98">
        <v>0</v>
      </c>
      <c r="U6053" s="99"/>
      <c r="V6053" s="99"/>
      <c r="W6053" s="99"/>
      <c r="X6053" s="99"/>
      <c r="Y6053" s="99"/>
      <c r="Z6053" s="99"/>
      <c r="AA6053" s="99"/>
      <c r="AB6053" s="99"/>
      <c r="AC6053" s="99"/>
      <c r="AD6053" s="99"/>
      <c r="AE6053" s="99"/>
      <c r="AF6053" s="99"/>
      <c r="AG6053" s="99"/>
      <c r="AH6053" s="99"/>
      <c r="AI6053" s="99"/>
      <c r="AJ6053" s="99"/>
      <c r="AK6053" s="99"/>
      <c r="AL6053" s="99"/>
      <c r="AM6053" s="99"/>
      <c r="AN6053" s="99"/>
      <c r="AO6053" s="99"/>
      <c r="AP6053" s="99"/>
      <c r="AQ6053" s="99"/>
      <c r="AR6053" s="99"/>
      <c r="AS6053" s="99"/>
      <c r="AT6053" s="99"/>
      <c r="AU6053" s="99"/>
      <c r="AV6053" s="99"/>
      <c r="AW6053" s="99"/>
      <c r="AX6053" s="99"/>
      <c r="AY6053" s="99"/>
      <c r="AZ6053" s="99"/>
      <c r="BA6053" s="99"/>
      <c r="BB6053" s="107">
        <v>45884</v>
      </c>
    </row>
    <row r="6054" spans="1:54" s="8" customFormat="1" ht="13.95" customHeight="1" x14ac:dyDescent="0.25">
      <c r="A6054" s="219" t="s">
        <v>14195</v>
      </c>
      <c r="B6054" s="220" t="s">
        <v>14192</v>
      </c>
      <c r="C6054" s="98" t="s">
        <v>14196</v>
      </c>
      <c r="D6054" s="98" t="s">
        <v>14197</v>
      </c>
      <c r="E6054" s="141">
        <v>1982</v>
      </c>
      <c r="F6054" s="141">
        <v>150</v>
      </c>
      <c r="G6054" s="98" t="s">
        <v>1</v>
      </c>
      <c r="H6054" s="98">
        <v>0</v>
      </c>
      <c r="I6054" s="98">
        <v>0</v>
      </c>
      <c r="J6054" s="98">
        <v>0</v>
      </c>
      <c r="K6054" s="98">
        <v>0</v>
      </c>
      <c r="L6054" s="98">
        <v>1</v>
      </c>
      <c r="M6054" s="98">
        <v>0</v>
      </c>
      <c r="N6054" s="98">
        <v>0</v>
      </c>
      <c r="O6054" s="98">
        <v>0</v>
      </c>
      <c r="P6054" s="98">
        <v>0</v>
      </c>
      <c r="Q6054" s="98">
        <v>0</v>
      </c>
      <c r="R6054" s="98">
        <v>1</v>
      </c>
      <c r="S6054" s="98">
        <v>0</v>
      </c>
      <c r="T6054" s="98">
        <v>0</v>
      </c>
      <c r="U6054" s="99"/>
      <c r="V6054" s="99"/>
      <c r="W6054" s="99"/>
      <c r="X6054" s="99"/>
      <c r="Y6054" s="99"/>
      <c r="Z6054" s="99"/>
      <c r="AA6054" s="99"/>
      <c r="AB6054" s="99"/>
      <c r="AC6054" s="99"/>
      <c r="AD6054" s="99"/>
      <c r="AE6054" s="99"/>
      <c r="AF6054" s="99"/>
      <c r="AG6054" s="99"/>
      <c r="AH6054" s="99"/>
      <c r="AI6054" s="99"/>
      <c r="AJ6054" s="99"/>
      <c r="AK6054" s="99"/>
      <c r="AL6054" s="99"/>
      <c r="AM6054" s="99"/>
      <c r="AN6054" s="99"/>
      <c r="AO6054" s="99"/>
      <c r="AP6054" s="99"/>
      <c r="AQ6054" s="99"/>
      <c r="AR6054" s="99"/>
      <c r="AS6054" s="99"/>
      <c r="AT6054" s="99"/>
      <c r="AU6054" s="99"/>
      <c r="AV6054" s="99"/>
      <c r="AW6054" s="99"/>
      <c r="AX6054" s="99"/>
      <c r="AY6054" s="99"/>
      <c r="AZ6054" s="99"/>
      <c r="BA6054" s="99"/>
      <c r="BB6054" s="107">
        <v>45884</v>
      </c>
    </row>
    <row r="6055" spans="1:54" s="8" customFormat="1" ht="13.95" customHeight="1" x14ac:dyDescent="0.25">
      <c r="A6055" s="219" t="s">
        <v>14198</v>
      </c>
      <c r="B6055" s="220" t="s">
        <v>14192</v>
      </c>
      <c r="C6055" s="98" t="s">
        <v>14199</v>
      </c>
      <c r="D6055" s="98" t="s">
        <v>22244</v>
      </c>
      <c r="E6055" s="141">
        <v>1997</v>
      </c>
      <c r="F6055" s="141">
        <v>150</v>
      </c>
      <c r="G6055" s="98" t="s">
        <v>1</v>
      </c>
      <c r="H6055" s="98">
        <v>0</v>
      </c>
      <c r="I6055" s="98">
        <v>0</v>
      </c>
      <c r="J6055" s="98">
        <v>0</v>
      </c>
      <c r="K6055" s="98">
        <v>0</v>
      </c>
      <c r="L6055" s="98">
        <v>1</v>
      </c>
      <c r="M6055" s="98">
        <v>0</v>
      </c>
      <c r="N6055" s="98">
        <v>0</v>
      </c>
      <c r="O6055" s="98">
        <v>0</v>
      </c>
      <c r="P6055" s="98">
        <v>1</v>
      </c>
      <c r="Q6055" s="98">
        <v>0</v>
      </c>
      <c r="R6055" s="98">
        <v>1</v>
      </c>
      <c r="S6055" s="98">
        <v>0</v>
      </c>
      <c r="T6055" s="98">
        <v>0</v>
      </c>
      <c r="U6055" s="99"/>
      <c r="V6055" s="99"/>
      <c r="W6055" s="99"/>
      <c r="X6055" s="99"/>
      <c r="Y6055" s="99"/>
      <c r="Z6055" s="99"/>
      <c r="AA6055" s="99"/>
      <c r="AB6055" s="99"/>
      <c r="AC6055" s="99"/>
      <c r="AD6055" s="99"/>
      <c r="AE6055" s="99"/>
      <c r="AF6055" s="99"/>
      <c r="AG6055" s="99"/>
      <c r="AH6055" s="99"/>
      <c r="AI6055" s="99"/>
      <c r="AJ6055" s="99"/>
      <c r="AK6055" s="99"/>
      <c r="AL6055" s="99"/>
      <c r="AM6055" s="99"/>
      <c r="AN6055" s="99"/>
      <c r="AO6055" s="99"/>
      <c r="AP6055" s="99"/>
      <c r="AQ6055" s="99"/>
      <c r="AR6055" s="99"/>
      <c r="AS6055" s="99"/>
      <c r="AT6055" s="99"/>
      <c r="AU6055" s="99"/>
      <c r="AV6055" s="99"/>
      <c r="AW6055" s="99"/>
      <c r="AX6055" s="99"/>
      <c r="AY6055" s="99"/>
      <c r="AZ6055" s="99"/>
      <c r="BA6055" s="99"/>
      <c r="BB6055" s="107">
        <v>45884</v>
      </c>
    </row>
    <row r="6056" spans="1:54" s="8" customFormat="1" ht="13.95" customHeight="1" x14ac:dyDescent="0.25">
      <c r="A6056" s="219" t="s">
        <v>14200</v>
      </c>
      <c r="B6056" s="220" t="s">
        <v>14192</v>
      </c>
      <c r="C6056" s="98" t="s">
        <v>14201</v>
      </c>
      <c r="D6056" s="98" t="s">
        <v>14202</v>
      </c>
      <c r="E6056" s="141">
        <v>1998</v>
      </c>
      <c r="F6056" s="141">
        <v>151</v>
      </c>
      <c r="G6056" s="98" t="s">
        <v>1</v>
      </c>
      <c r="H6056" s="98">
        <v>0</v>
      </c>
      <c r="I6056" s="98">
        <v>0</v>
      </c>
      <c r="J6056" s="98">
        <v>1</v>
      </c>
      <c r="K6056" s="98">
        <v>0</v>
      </c>
      <c r="L6056" s="98">
        <v>1</v>
      </c>
      <c r="M6056" s="98">
        <v>0</v>
      </c>
      <c r="N6056" s="98">
        <v>0</v>
      </c>
      <c r="O6056" s="98">
        <v>1</v>
      </c>
      <c r="P6056" s="98">
        <v>1</v>
      </c>
      <c r="Q6056" s="98">
        <v>0</v>
      </c>
      <c r="R6056" s="98">
        <v>1</v>
      </c>
      <c r="S6056" s="98">
        <v>0</v>
      </c>
      <c r="T6056" s="98">
        <v>0</v>
      </c>
      <c r="U6056" s="99"/>
      <c r="V6056" s="99"/>
      <c r="W6056" s="99"/>
      <c r="X6056" s="99"/>
      <c r="Y6056" s="99"/>
      <c r="Z6056" s="99"/>
      <c r="AA6056" s="99"/>
      <c r="AB6056" s="99"/>
      <c r="AC6056" s="99"/>
      <c r="AD6056" s="99"/>
      <c r="AE6056" s="99"/>
      <c r="AF6056" s="99"/>
      <c r="AG6056" s="99"/>
      <c r="AH6056" s="99"/>
      <c r="AI6056" s="99"/>
      <c r="AJ6056" s="99"/>
      <c r="AK6056" s="99"/>
      <c r="AL6056" s="99"/>
      <c r="AM6056" s="99"/>
      <c r="AN6056" s="99"/>
      <c r="AO6056" s="99"/>
      <c r="AP6056" s="99"/>
      <c r="AQ6056" s="99"/>
      <c r="AR6056" s="99"/>
      <c r="AS6056" s="99"/>
      <c r="AT6056" s="99"/>
      <c r="AU6056" s="99"/>
      <c r="AV6056" s="99"/>
      <c r="AW6056" s="99"/>
      <c r="AX6056" s="99"/>
      <c r="AY6056" s="99"/>
      <c r="AZ6056" s="99"/>
      <c r="BA6056" s="99"/>
      <c r="BB6056" s="107">
        <v>45884</v>
      </c>
    </row>
    <row r="6057" spans="1:54" s="8" customFormat="1" ht="13.95" customHeight="1" x14ac:dyDescent="0.25">
      <c r="A6057" s="219" t="s">
        <v>14203</v>
      </c>
      <c r="B6057" s="220" t="s">
        <v>14192</v>
      </c>
      <c r="C6057" s="98" t="s">
        <v>14204</v>
      </c>
      <c r="D6057" s="98" t="s">
        <v>14205</v>
      </c>
      <c r="E6057" s="141">
        <v>1991</v>
      </c>
      <c r="F6057" s="141">
        <v>154</v>
      </c>
      <c r="G6057" s="98" t="s">
        <v>1</v>
      </c>
      <c r="H6057" s="98">
        <v>0</v>
      </c>
      <c r="I6057" s="98">
        <v>0</v>
      </c>
      <c r="J6057" s="98">
        <v>0</v>
      </c>
      <c r="K6057" s="98">
        <v>0</v>
      </c>
      <c r="L6057" s="98">
        <v>1</v>
      </c>
      <c r="M6057" s="98">
        <v>0</v>
      </c>
      <c r="N6057" s="98">
        <v>0</v>
      </c>
      <c r="O6057" s="98">
        <v>0</v>
      </c>
      <c r="P6057" s="98">
        <v>1</v>
      </c>
      <c r="Q6057" s="98">
        <v>0</v>
      </c>
      <c r="R6057" s="98">
        <v>0</v>
      </c>
      <c r="S6057" s="98">
        <v>1</v>
      </c>
      <c r="T6057" s="98">
        <v>0</v>
      </c>
      <c r="U6057" s="99"/>
      <c r="V6057" s="99"/>
      <c r="W6057" s="99"/>
      <c r="X6057" s="99"/>
      <c r="Y6057" s="99"/>
      <c r="Z6057" s="99"/>
      <c r="AA6057" s="99"/>
      <c r="AB6057" s="99"/>
      <c r="AC6057" s="99"/>
      <c r="AD6057" s="99"/>
      <c r="AE6057" s="99"/>
      <c r="AF6057" s="99"/>
      <c r="AG6057" s="99"/>
      <c r="AH6057" s="99"/>
      <c r="AI6057" s="99"/>
      <c r="AJ6057" s="99"/>
      <c r="AK6057" s="99"/>
      <c r="AL6057" s="99"/>
      <c r="AM6057" s="99"/>
      <c r="AN6057" s="99"/>
      <c r="AO6057" s="99"/>
      <c r="AP6057" s="99"/>
      <c r="AQ6057" s="99"/>
      <c r="AR6057" s="99"/>
      <c r="AS6057" s="99"/>
      <c r="AT6057" s="99"/>
      <c r="AU6057" s="99"/>
      <c r="AV6057" s="99"/>
      <c r="AW6057" s="99"/>
      <c r="AX6057" s="99"/>
      <c r="AY6057" s="99"/>
      <c r="AZ6057" s="99"/>
      <c r="BA6057" s="99"/>
      <c r="BB6057" s="107">
        <v>45884</v>
      </c>
    </row>
    <row r="6058" spans="1:54" s="8" customFormat="1" ht="13.95" customHeight="1" x14ac:dyDescent="0.25">
      <c r="A6058" s="219" t="s">
        <v>14206</v>
      </c>
      <c r="B6058" s="220" t="s">
        <v>14192</v>
      </c>
      <c r="C6058" s="98" t="s">
        <v>9567</v>
      </c>
      <c r="D6058" s="98" t="s">
        <v>14207</v>
      </c>
      <c r="E6058" s="141">
        <v>1996</v>
      </c>
      <c r="F6058" s="141">
        <v>155</v>
      </c>
      <c r="G6058" s="98" t="s">
        <v>1</v>
      </c>
      <c r="H6058" s="98">
        <v>0</v>
      </c>
      <c r="I6058" s="98">
        <v>0</v>
      </c>
      <c r="J6058" s="98">
        <v>0</v>
      </c>
      <c r="K6058" s="98">
        <v>0</v>
      </c>
      <c r="L6058" s="98">
        <v>1</v>
      </c>
      <c r="M6058" s="98">
        <v>0</v>
      </c>
      <c r="N6058" s="98">
        <v>0</v>
      </c>
      <c r="O6058" s="98">
        <v>0</v>
      </c>
      <c r="P6058" s="98">
        <v>1</v>
      </c>
      <c r="Q6058" s="98">
        <v>0</v>
      </c>
      <c r="R6058" s="98">
        <v>1</v>
      </c>
      <c r="S6058" s="98">
        <v>0</v>
      </c>
      <c r="T6058" s="98">
        <v>0</v>
      </c>
      <c r="U6058" s="99"/>
      <c r="V6058" s="99"/>
      <c r="W6058" s="99"/>
      <c r="X6058" s="99"/>
      <c r="Y6058" s="99"/>
      <c r="Z6058" s="99"/>
      <c r="AA6058" s="99"/>
      <c r="AB6058" s="99"/>
      <c r="AC6058" s="99"/>
      <c r="AD6058" s="99"/>
      <c r="AE6058" s="99"/>
      <c r="AF6058" s="99"/>
      <c r="AG6058" s="99"/>
      <c r="AH6058" s="99"/>
      <c r="AI6058" s="99"/>
      <c r="AJ6058" s="99"/>
      <c r="AK6058" s="99"/>
      <c r="AL6058" s="99"/>
      <c r="AM6058" s="99"/>
      <c r="AN6058" s="99"/>
      <c r="AO6058" s="99"/>
      <c r="AP6058" s="99"/>
      <c r="AQ6058" s="99"/>
      <c r="AR6058" s="99"/>
      <c r="AS6058" s="99"/>
      <c r="AT6058" s="99"/>
      <c r="AU6058" s="99"/>
      <c r="AV6058" s="99"/>
      <c r="AW6058" s="99"/>
      <c r="AX6058" s="99"/>
      <c r="AY6058" s="99"/>
      <c r="AZ6058" s="99"/>
      <c r="BA6058" s="99"/>
      <c r="BB6058" s="107">
        <v>45884</v>
      </c>
    </row>
    <row r="6059" spans="1:54" s="8" customFormat="1" ht="13.95" customHeight="1" x14ac:dyDescent="0.25">
      <c r="A6059" s="219" t="s">
        <v>14208</v>
      </c>
      <c r="B6059" s="220" t="s">
        <v>14192</v>
      </c>
      <c r="C6059" s="98" t="s">
        <v>4197</v>
      </c>
      <c r="D6059" s="98" t="s">
        <v>14209</v>
      </c>
      <c r="E6059" s="141">
        <v>1997</v>
      </c>
      <c r="F6059" s="141">
        <v>160</v>
      </c>
      <c r="G6059" s="98" t="s">
        <v>1</v>
      </c>
      <c r="H6059" s="98">
        <v>0</v>
      </c>
      <c r="I6059" s="98">
        <v>0</v>
      </c>
      <c r="J6059" s="98">
        <v>1</v>
      </c>
      <c r="K6059" s="98">
        <v>0</v>
      </c>
      <c r="L6059" s="98">
        <v>1</v>
      </c>
      <c r="M6059" s="98">
        <v>0</v>
      </c>
      <c r="N6059" s="98">
        <v>0</v>
      </c>
      <c r="O6059" s="98">
        <v>0</v>
      </c>
      <c r="P6059" s="98">
        <v>1</v>
      </c>
      <c r="Q6059" s="98">
        <v>0</v>
      </c>
      <c r="R6059" s="98">
        <v>1</v>
      </c>
      <c r="S6059" s="98">
        <v>0</v>
      </c>
      <c r="T6059" s="98">
        <v>0</v>
      </c>
      <c r="U6059" s="99"/>
      <c r="V6059" s="99"/>
      <c r="W6059" s="99"/>
      <c r="X6059" s="99"/>
      <c r="Y6059" s="99"/>
      <c r="Z6059" s="99"/>
      <c r="AA6059" s="99"/>
      <c r="AB6059" s="99"/>
      <c r="AC6059" s="99"/>
      <c r="AD6059" s="99"/>
      <c r="AE6059" s="99"/>
      <c r="AF6059" s="99"/>
      <c r="AG6059" s="99"/>
      <c r="AH6059" s="99"/>
      <c r="AI6059" s="99"/>
      <c r="AJ6059" s="99"/>
      <c r="AK6059" s="99"/>
      <c r="AL6059" s="99"/>
      <c r="AM6059" s="99"/>
      <c r="AN6059" s="99"/>
      <c r="AO6059" s="99"/>
      <c r="AP6059" s="99"/>
      <c r="AQ6059" s="99"/>
      <c r="AR6059" s="99"/>
      <c r="AS6059" s="99"/>
      <c r="AT6059" s="99"/>
      <c r="AU6059" s="99"/>
      <c r="AV6059" s="99"/>
      <c r="AW6059" s="99"/>
      <c r="AX6059" s="99"/>
      <c r="AY6059" s="99"/>
      <c r="AZ6059" s="99"/>
      <c r="BA6059" s="99"/>
      <c r="BB6059" s="107">
        <v>45884</v>
      </c>
    </row>
    <row r="6060" spans="1:54" s="8" customFormat="1" ht="13.95" customHeight="1" x14ac:dyDescent="0.25">
      <c r="A6060" s="219" t="s">
        <v>14210</v>
      </c>
      <c r="B6060" s="220" t="s">
        <v>14192</v>
      </c>
      <c r="C6060" s="98" t="s">
        <v>14211</v>
      </c>
      <c r="D6060" s="98" t="s">
        <v>14212</v>
      </c>
      <c r="E6060" s="141">
        <v>1992</v>
      </c>
      <c r="F6060" s="141">
        <v>171</v>
      </c>
      <c r="G6060" s="98" t="s">
        <v>1</v>
      </c>
      <c r="H6060" s="98">
        <v>0</v>
      </c>
      <c r="I6060" s="98">
        <v>0</v>
      </c>
      <c r="J6060" s="98">
        <v>1</v>
      </c>
      <c r="K6060" s="98">
        <v>0</v>
      </c>
      <c r="L6060" s="98">
        <v>1</v>
      </c>
      <c r="M6060" s="98">
        <v>0</v>
      </c>
      <c r="N6060" s="98">
        <v>0</v>
      </c>
      <c r="O6060" s="98">
        <v>1</v>
      </c>
      <c r="P6060" s="98">
        <v>1</v>
      </c>
      <c r="Q6060" s="98">
        <v>0</v>
      </c>
      <c r="R6060" s="98">
        <v>0</v>
      </c>
      <c r="S6060" s="98">
        <v>0</v>
      </c>
      <c r="T6060" s="98">
        <v>0</v>
      </c>
      <c r="U6060" s="99"/>
      <c r="V6060" s="99"/>
      <c r="W6060" s="99"/>
      <c r="X6060" s="99"/>
      <c r="Y6060" s="99"/>
      <c r="Z6060" s="99"/>
      <c r="AA6060" s="99"/>
      <c r="AB6060" s="99"/>
      <c r="AC6060" s="99"/>
      <c r="AD6060" s="99"/>
      <c r="AE6060" s="99"/>
      <c r="AF6060" s="99"/>
      <c r="AG6060" s="99"/>
      <c r="AH6060" s="99"/>
      <c r="AI6060" s="99"/>
      <c r="AJ6060" s="99"/>
      <c r="AK6060" s="99"/>
      <c r="AL6060" s="99"/>
      <c r="AM6060" s="99"/>
      <c r="AN6060" s="99"/>
      <c r="AO6060" s="99"/>
      <c r="AP6060" s="99"/>
      <c r="AQ6060" s="99"/>
      <c r="AR6060" s="99"/>
      <c r="AS6060" s="99"/>
      <c r="AT6060" s="99"/>
      <c r="AU6060" s="99"/>
      <c r="AV6060" s="99"/>
      <c r="AW6060" s="99"/>
      <c r="AX6060" s="99"/>
      <c r="AY6060" s="99"/>
      <c r="AZ6060" s="99"/>
      <c r="BA6060" s="99"/>
      <c r="BB6060" s="107">
        <v>45884</v>
      </c>
    </row>
    <row r="6061" spans="1:54" s="8" customFormat="1" ht="13.95" customHeight="1" x14ac:dyDescent="0.25">
      <c r="A6061" s="219" t="s">
        <v>14213</v>
      </c>
      <c r="B6061" s="220" t="s">
        <v>14192</v>
      </c>
      <c r="C6061" s="98" t="s">
        <v>14214</v>
      </c>
      <c r="D6061" s="98" t="s">
        <v>14215</v>
      </c>
      <c r="E6061" s="141">
        <v>1998</v>
      </c>
      <c r="F6061" s="141">
        <v>172</v>
      </c>
      <c r="G6061" s="98" t="s">
        <v>1</v>
      </c>
      <c r="H6061" s="98">
        <v>0</v>
      </c>
      <c r="I6061" s="98">
        <v>0</v>
      </c>
      <c r="J6061" s="98">
        <v>0</v>
      </c>
      <c r="K6061" s="98">
        <v>1</v>
      </c>
      <c r="L6061" s="98">
        <v>1</v>
      </c>
      <c r="M6061" s="98">
        <v>0</v>
      </c>
      <c r="N6061" s="98">
        <v>0</v>
      </c>
      <c r="O6061" s="98">
        <v>0</v>
      </c>
      <c r="P6061" s="98">
        <v>1</v>
      </c>
      <c r="Q6061" s="98">
        <v>0</v>
      </c>
      <c r="R6061" s="98">
        <v>0</v>
      </c>
      <c r="S6061" s="98">
        <v>0</v>
      </c>
      <c r="T6061" s="98">
        <v>0</v>
      </c>
      <c r="U6061" s="99"/>
      <c r="V6061" s="99"/>
      <c r="W6061" s="99"/>
      <c r="X6061" s="99"/>
      <c r="Y6061" s="99"/>
      <c r="Z6061" s="99"/>
      <c r="AA6061" s="99"/>
      <c r="AB6061" s="99"/>
      <c r="AC6061" s="99"/>
      <c r="AD6061" s="99"/>
      <c r="AE6061" s="99"/>
      <c r="AF6061" s="99"/>
      <c r="AG6061" s="99"/>
      <c r="AH6061" s="99"/>
      <c r="AI6061" s="99"/>
      <c r="AJ6061" s="99"/>
      <c r="AK6061" s="99"/>
      <c r="AL6061" s="99"/>
      <c r="AM6061" s="99"/>
      <c r="AN6061" s="99"/>
      <c r="AO6061" s="99"/>
      <c r="AP6061" s="99"/>
      <c r="AQ6061" s="99"/>
      <c r="AR6061" s="99"/>
      <c r="AS6061" s="99"/>
      <c r="AT6061" s="99"/>
      <c r="AU6061" s="99"/>
      <c r="AV6061" s="99"/>
      <c r="AW6061" s="99"/>
      <c r="AX6061" s="99"/>
      <c r="AY6061" s="99"/>
      <c r="AZ6061" s="99"/>
      <c r="BA6061" s="99"/>
      <c r="BB6061" s="107">
        <v>45884</v>
      </c>
    </row>
    <row r="6062" spans="1:54" s="8" customFormat="1" ht="13.95" customHeight="1" x14ac:dyDescent="0.25">
      <c r="A6062" s="219" t="s">
        <v>14216</v>
      </c>
      <c r="B6062" s="220" t="s">
        <v>14192</v>
      </c>
      <c r="C6062" s="98" t="s">
        <v>14217</v>
      </c>
      <c r="D6062" s="98" t="s">
        <v>14218</v>
      </c>
      <c r="E6062" s="141">
        <v>1987</v>
      </c>
      <c r="F6062" s="141">
        <v>179</v>
      </c>
      <c r="G6062" s="98" t="s">
        <v>1</v>
      </c>
      <c r="H6062" s="98">
        <v>0</v>
      </c>
      <c r="I6062" s="98">
        <v>0</v>
      </c>
      <c r="J6062" s="98">
        <v>0</v>
      </c>
      <c r="K6062" s="98">
        <v>1</v>
      </c>
      <c r="L6062" s="98">
        <v>1</v>
      </c>
      <c r="M6062" s="98">
        <v>0</v>
      </c>
      <c r="N6062" s="98">
        <v>0</v>
      </c>
      <c r="O6062" s="98">
        <v>0</v>
      </c>
      <c r="P6062" s="98">
        <v>1</v>
      </c>
      <c r="Q6062" s="98">
        <v>0</v>
      </c>
      <c r="R6062" s="98">
        <v>0</v>
      </c>
      <c r="S6062" s="98">
        <v>1</v>
      </c>
      <c r="T6062" s="98">
        <v>0</v>
      </c>
      <c r="U6062" s="99"/>
      <c r="V6062" s="99"/>
      <c r="W6062" s="99"/>
      <c r="X6062" s="99"/>
      <c r="Y6062" s="99"/>
      <c r="Z6062" s="99"/>
      <c r="AA6062" s="99"/>
      <c r="AB6062" s="99"/>
      <c r="AC6062" s="99"/>
      <c r="AD6062" s="99"/>
      <c r="AE6062" s="99"/>
      <c r="AF6062" s="99"/>
      <c r="AG6062" s="99"/>
      <c r="AH6062" s="99"/>
      <c r="AI6062" s="99"/>
      <c r="AJ6062" s="99"/>
      <c r="AK6062" s="99"/>
      <c r="AL6062" s="99"/>
      <c r="AM6062" s="99"/>
      <c r="AN6062" s="99"/>
      <c r="AO6062" s="99"/>
      <c r="AP6062" s="99"/>
      <c r="AQ6062" s="99"/>
      <c r="AR6062" s="99"/>
      <c r="AS6062" s="99"/>
      <c r="AT6062" s="99"/>
      <c r="AU6062" s="99"/>
      <c r="AV6062" s="99"/>
      <c r="AW6062" s="99"/>
      <c r="AX6062" s="99"/>
      <c r="AY6062" s="99"/>
      <c r="AZ6062" s="99"/>
      <c r="BA6062" s="99"/>
      <c r="BB6062" s="107">
        <v>45884</v>
      </c>
    </row>
    <row r="6063" spans="1:54" s="8" customFormat="1" ht="13.95" customHeight="1" x14ac:dyDescent="0.25">
      <c r="A6063" s="219" t="s">
        <v>14219</v>
      </c>
      <c r="B6063" s="220" t="s">
        <v>14192</v>
      </c>
      <c r="C6063" s="98" t="s">
        <v>14220</v>
      </c>
      <c r="D6063" s="98" t="s">
        <v>14221</v>
      </c>
      <c r="E6063" s="141">
        <v>1978</v>
      </c>
      <c r="F6063" s="141">
        <v>180</v>
      </c>
      <c r="G6063" s="98" t="s">
        <v>1</v>
      </c>
      <c r="H6063" s="98">
        <v>0</v>
      </c>
      <c r="I6063" s="98">
        <v>0</v>
      </c>
      <c r="J6063" s="98">
        <v>1</v>
      </c>
      <c r="K6063" s="98">
        <v>1</v>
      </c>
      <c r="L6063" s="98">
        <v>0</v>
      </c>
      <c r="M6063" s="98">
        <v>0</v>
      </c>
      <c r="N6063" s="98">
        <v>0</v>
      </c>
      <c r="O6063" s="98">
        <v>1</v>
      </c>
      <c r="P6063" s="98">
        <v>1</v>
      </c>
      <c r="Q6063" s="98">
        <v>0</v>
      </c>
      <c r="R6063" s="98">
        <v>1</v>
      </c>
      <c r="S6063" s="98">
        <v>0</v>
      </c>
      <c r="T6063" s="98">
        <v>0</v>
      </c>
      <c r="U6063" s="99"/>
      <c r="V6063" s="99"/>
      <c r="W6063" s="99"/>
      <c r="X6063" s="99"/>
      <c r="Y6063" s="99"/>
      <c r="Z6063" s="99"/>
      <c r="AA6063" s="99"/>
      <c r="AB6063" s="99"/>
      <c r="AC6063" s="99"/>
      <c r="AD6063" s="99"/>
      <c r="AE6063" s="99"/>
      <c r="AF6063" s="99"/>
      <c r="AG6063" s="99"/>
      <c r="AH6063" s="99"/>
      <c r="AI6063" s="99"/>
      <c r="AJ6063" s="99"/>
      <c r="AK6063" s="99"/>
      <c r="AL6063" s="99"/>
      <c r="AM6063" s="99"/>
      <c r="AN6063" s="99"/>
      <c r="AO6063" s="99"/>
      <c r="AP6063" s="99"/>
      <c r="AQ6063" s="99"/>
      <c r="AR6063" s="99"/>
      <c r="AS6063" s="99"/>
      <c r="AT6063" s="99"/>
      <c r="AU6063" s="99"/>
      <c r="AV6063" s="99"/>
      <c r="AW6063" s="99"/>
      <c r="AX6063" s="99"/>
      <c r="AY6063" s="99"/>
      <c r="AZ6063" s="99"/>
      <c r="BA6063" s="99"/>
      <c r="BB6063" s="107">
        <v>45884</v>
      </c>
    </row>
    <row r="6064" spans="1:54" s="8" customFormat="1" ht="13.95" customHeight="1" x14ac:dyDescent="0.25">
      <c r="A6064" s="219" t="s">
        <v>14222</v>
      </c>
      <c r="B6064" s="220" t="s">
        <v>14192</v>
      </c>
      <c r="C6064" s="98" t="s">
        <v>14223</v>
      </c>
      <c r="D6064" s="98" t="s">
        <v>14224</v>
      </c>
      <c r="E6064" s="141">
        <v>1980</v>
      </c>
      <c r="F6064" s="141">
        <v>181</v>
      </c>
      <c r="G6064" s="98" t="s">
        <v>1</v>
      </c>
      <c r="H6064" s="98">
        <v>0</v>
      </c>
      <c r="I6064" s="98">
        <v>0</v>
      </c>
      <c r="J6064" s="98">
        <v>1</v>
      </c>
      <c r="K6064" s="98">
        <v>0</v>
      </c>
      <c r="L6064" s="98">
        <v>0</v>
      </c>
      <c r="M6064" s="98">
        <v>0</v>
      </c>
      <c r="N6064" s="98">
        <v>0</v>
      </c>
      <c r="O6064" s="98">
        <v>1</v>
      </c>
      <c r="P6064" s="98">
        <v>1</v>
      </c>
      <c r="Q6064" s="98">
        <v>0</v>
      </c>
      <c r="R6064" s="98">
        <v>0</v>
      </c>
      <c r="S6064" s="98">
        <v>0</v>
      </c>
      <c r="T6064" s="98">
        <v>0</v>
      </c>
      <c r="U6064" s="99"/>
      <c r="V6064" s="99"/>
      <c r="W6064" s="99"/>
      <c r="X6064" s="99"/>
      <c r="Y6064" s="99"/>
      <c r="Z6064" s="99"/>
      <c r="AA6064" s="99"/>
      <c r="AB6064" s="99"/>
      <c r="AC6064" s="99"/>
      <c r="AD6064" s="99"/>
      <c r="AE6064" s="99"/>
      <c r="AF6064" s="99"/>
      <c r="AG6064" s="99"/>
      <c r="AH6064" s="99"/>
      <c r="AI6064" s="99"/>
      <c r="AJ6064" s="99"/>
      <c r="AK6064" s="99"/>
      <c r="AL6064" s="99"/>
      <c r="AM6064" s="99"/>
      <c r="AN6064" s="99"/>
      <c r="AO6064" s="99"/>
      <c r="AP6064" s="99"/>
      <c r="AQ6064" s="99"/>
      <c r="AR6064" s="99"/>
      <c r="AS6064" s="99"/>
      <c r="AT6064" s="99"/>
      <c r="AU6064" s="99"/>
      <c r="AV6064" s="99"/>
      <c r="AW6064" s="99"/>
      <c r="AX6064" s="99"/>
      <c r="AY6064" s="99"/>
      <c r="AZ6064" s="99"/>
      <c r="BA6064" s="99"/>
      <c r="BB6064" s="107">
        <v>45884</v>
      </c>
    </row>
    <row r="6065" spans="1:54" s="8" customFormat="1" ht="13.95" customHeight="1" x14ac:dyDescent="0.25">
      <c r="A6065" s="219" t="s">
        <v>14225</v>
      </c>
      <c r="B6065" s="220" t="s">
        <v>14192</v>
      </c>
      <c r="C6065" s="98" t="s">
        <v>14226</v>
      </c>
      <c r="D6065" s="98" t="s">
        <v>14227</v>
      </c>
      <c r="E6065" s="141">
        <v>1984</v>
      </c>
      <c r="F6065" s="141">
        <v>199</v>
      </c>
      <c r="G6065" s="98" t="s">
        <v>1</v>
      </c>
      <c r="H6065" s="98">
        <v>0</v>
      </c>
      <c r="I6065" s="98">
        <v>0</v>
      </c>
      <c r="J6065" s="98">
        <v>0</v>
      </c>
      <c r="K6065" s="98">
        <v>0</v>
      </c>
      <c r="L6065" s="98">
        <v>0</v>
      </c>
      <c r="M6065" s="98">
        <v>0</v>
      </c>
      <c r="N6065" s="98">
        <v>1</v>
      </c>
      <c r="O6065" s="98">
        <v>0</v>
      </c>
      <c r="P6065" s="98">
        <v>1</v>
      </c>
      <c r="Q6065" s="98">
        <v>0</v>
      </c>
      <c r="R6065" s="98">
        <v>0</v>
      </c>
      <c r="S6065" s="98">
        <v>0</v>
      </c>
      <c r="T6065" s="98">
        <v>0</v>
      </c>
      <c r="U6065" s="99"/>
      <c r="V6065" s="99"/>
      <c r="W6065" s="99"/>
      <c r="X6065" s="99"/>
      <c r="Y6065" s="99"/>
      <c r="Z6065" s="99"/>
      <c r="AA6065" s="99"/>
      <c r="AB6065" s="99"/>
      <c r="AC6065" s="99"/>
      <c r="AD6065" s="99"/>
      <c r="AE6065" s="99"/>
      <c r="AF6065" s="99"/>
      <c r="AG6065" s="99"/>
      <c r="AH6065" s="99"/>
      <c r="AI6065" s="99"/>
      <c r="AJ6065" s="99"/>
      <c r="AK6065" s="99"/>
      <c r="AL6065" s="99"/>
      <c r="AM6065" s="99"/>
      <c r="AN6065" s="99"/>
      <c r="AO6065" s="99"/>
      <c r="AP6065" s="99"/>
      <c r="AQ6065" s="99"/>
      <c r="AR6065" s="99"/>
      <c r="AS6065" s="99"/>
      <c r="AT6065" s="99"/>
      <c r="AU6065" s="99"/>
      <c r="AV6065" s="99"/>
      <c r="AW6065" s="99"/>
      <c r="AX6065" s="99"/>
      <c r="AY6065" s="99"/>
      <c r="AZ6065" s="99"/>
      <c r="BA6065" s="99"/>
      <c r="BB6065" s="107">
        <v>45884</v>
      </c>
    </row>
    <row r="6066" spans="1:54" s="8" customFormat="1" ht="13.95" customHeight="1" x14ac:dyDescent="0.25">
      <c r="A6066" s="219" t="s">
        <v>14228</v>
      </c>
      <c r="B6066" s="220" t="s">
        <v>14192</v>
      </c>
      <c r="C6066" s="98" t="s">
        <v>14229</v>
      </c>
      <c r="D6066" s="98" t="s">
        <v>14230</v>
      </c>
      <c r="E6066" s="141">
        <v>1999</v>
      </c>
      <c r="F6066" s="141">
        <v>200</v>
      </c>
      <c r="G6066" s="98" t="s">
        <v>1</v>
      </c>
      <c r="H6066" s="98">
        <v>0</v>
      </c>
      <c r="I6066" s="98">
        <v>0</v>
      </c>
      <c r="J6066" s="98">
        <v>1</v>
      </c>
      <c r="K6066" s="98">
        <v>0</v>
      </c>
      <c r="L6066" s="98">
        <v>1</v>
      </c>
      <c r="M6066" s="98">
        <v>0</v>
      </c>
      <c r="N6066" s="98">
        <v>0</v>
      </c>
      <c r="O6066" s="98">
        <v>1</v>
      </c>
      <c r="P6066" s="98">
        <v>1</v>
      </c>
      <c r="Q6066" s="98">
        <v>0</v>
      </c>
      <c r="R6066" s="98">
        <v>1</v>
      </c>
      <c r="S6066" s="98">
        <v>0</v>
      </c>
      <c r="T6066" s="98">
        <v>0</v>
      </c>
      <c r="U6066" s="99"/>
      <c r="V6066" s="99"/>
      <c r="W6066" s="99"/>
      <c r="X6066" s="99"/>
      <c r="Y6066" s="99"/>
      <c r="Z6066" s="99"/>
      <c r="AA6066" s="99"/>
      <c r="AB6066" s="99"/>
      <c r="AC6066" s="99"/>
      <c r="AD6066" s="99"/>
      <c r="AE6066" s="99"/>
      <c r="AF6066" s="99"/>
      <c r="AG6066" s="99"/>
      <c r="AH6066" s="99"/>
      <c r="AI6066" s="99"/>
      <c r="AJ6066" s="99"/>
      <c r="AK6066" s="99"/>
      <c r="AL6066" s="99"/>
      <c r="AM6066" s="99"/>
      <c r="AN6066" s="99"/>
      <c r="AO6066" s="99"/>
      <c r="AP6066" s="99"/>
      <c r="AQ6066" s="99"/>
      <c r="AR6066" s="99"/>
      <c r="AS6066" s="99"/>
      <c r="AT6066" s="99"/>
      <c r="AU6066" s="99"/>
      <c r="AV6066" s="99"/>
      <c r="AW6066" s="99"/>
      <c r="AX6066" s="99"/>
      <c r="AY6066" s="99"/>
      <c r="AZ6066" s="99"/>
      <c r="BA6066" s="99"/>
      <c r="BB6066" s="107">
        <v>45884</v>
      </c>
    </row>
    <row r="6067" spans="1:54" s="8" customFormat="1" ht="13.95" customHeight="1" x14ac:dyDescent="0.25">
      <c r="A6067" s="219" t="s">
        <v>14231</v>
      </c>
      <c r="B6067" s="220" t="s">
        <v>14192</v>
      </c>
      <c r="C6067" s="98" t="s">
        <v>14232</v>
      </c>
      <c r="D6067" s="98" t="s">
        <v>14233</v>
      </c>
      <c r="E6067" s="141">
        <v>1990</v>
      </c>
      <c r="F6067" s="141">
        <v>209</v>
      </c>
      <c r="G6067" s="98" t="s">
        <v>1</v>
      </c>
      <c r="H6067" s="98">
        <v>0</v>
      </c>
      <c r="I6067" s="98">
        <v>0</v>
      </c>
      <c r="J6067" s="98">
        <v>1</v>
      </c>
      <c r="K6067" s="98">
        <v>0</v>
      </c>
      <c r="L6067" s="98">
        <v>1</v>
      </c>
      <c r="M6067" s="98">
        <v>0</v>
      </c>
      <c r="N6067" s="98">
        <v>0</v>
      </c>
      <c r="O6067" s="98">
        <v>0</v>
      </c>
      <c r="P6067" s="98">
        <v>0</v>
      </c>
      <c r="Q6067" s="98">
        <v>0</v>
      </c>
      <c r="R6067" s="98">
        <v>1</v>
      </c>
      <c r="S6067" s="98">
        <v>0</v>
      </c>
      <c r="T6067" s="98">
        <v>0</v>
      </c>
      <c r="U6067" s="99"/>
      <c r="V6067" s="99"/>
      <c r="W6067" s="99"/>
      <c r="X6067" s="99"/>
      <c r="Y6067" s="99"/>
      <c r="Z6067" s="99"/>
      <c r="AA6067" s="99"/>
      <c r="AB6067" s="99"/>
      <c r="AC6067" s="99"/>
      <c r="AD6067" s="99"/>
      <c r="AE6067" s="99"/>
      <c r="AF6067" s="99"/>
      <c r="AG6067" s="99"/>
      <c r="AH6067" s="99"/>
      <c r="AI6067" s="99"/>
      <c r="AJ6067" s="99"/>
      <c r="AK6067" s="99"/>
      <c r="AL6067" s="99"/>
      <c r="AM6067" s="99"/>
      <c r="AN6067" s="99"/>
      <c r="AO6067" s="99"/>
      <c r="AP6067" s="99"/>
      <c r="AQ6067" s="99"/>
      <c r="AR6067" s="99"/>
      <c r="AS6067" s="99"/>
      <c r="AT6067" s="99"/>
      <c r="AU6067" s="99"/>
      <c r="AV6067" s="99"/>
      <c r="AW6067" s="99"/>
      <c r="AX6067" s="99"/>
      <c r="AY6067" s="99"/>
      <c r="AZ6067" s="99"/>
      <c r="BA6067" s="99"/>
      <c r="BB6067" s="107">
        <v>45884</v>
      </c>
    </row>
    <row r="6068" spans="1:54" s="8" customFormat="1" ht="13.95" customHeight="1" x14ac:dyDescent="0.25">
      <c r="A6068" s="219" t="s">
        <v>14234</v>
      </c>
      <c r="B6068" s="220" t="s">
        <v>14192</v>
      </c>
      <c r="C6068" s="98" t="s">
        <v>14235</v>
      </c>
      <c r="D6068" s="98" t="s">
        <v>14236</v>
      </c>
      <c r="E6068" s="141">
        <v>1991</v>
      </c>
      <c r="F6068" s="141">
        <v>221</v>
      </c>
      <c r="G6068" s="98" t="s">
        <v>1</v>
      </c>
      <c r="H6068" s="98">
        <v>0</v>
      </c>
      <c r="I6068" s="98">
        <v>0</v>
      </c>
      <c r="J6068" s="98">
        <v>1</v>
      </c>
      <c r="K6068" s="98">
        <v>0</v>
      </c>
      <c r="L6068" s="98">
        <v>1</v>
      </c>
      <c r="M6068" s="98">
        <v>0</v>
      </c>
      <c r="N6068" s="98">
        <v>0</v>
      </c>
      <c r="O6068" s="98">
        <v>1</v>
      </c>
      <c r="P6068" s="98">
        <v>0</v>
      </c>
      <c r="Q6068" s="98">
        <v>0</v>
      </c>
      <c r="R6068" s="98">
        <v>0</v>
      </c>
      <c r="S6068" s="98">
        <v>1</v>
      </c>
      <c r="T6068" s="98">
        <v>0</v>
      </c>
      <c r="U6068" s="99"/>
      <c r="V6068" s="99"/>
      <c r="W6068" s="99"/>
      <c r="X6068" s="99"/>
      <c r="Y6068" s="99"/>
      <c r="Z6068" s="99"/>
      <c r="AA6068" s="99"/>
      <c r="AB6068" s="99"/>
      <c r="AC6068" s="99"/>
      <c r="AD6068" s="99"/>
      <c r="AE6068" s="99"/>
      <c r="AF6068" s="99"/>
      <c r="AG6068" s="99"/>
      <c r="AH6068" s="99"/>
      <c r="AI6068" s="99"/>
      <c r="AJ6068" s="99"/>
      <c r="AK6068" s="99"/>
      <c r="AL6068" s="99"/>
      <c r="AM6068" s="99"/>
      <c r="AN6068" s="99"/>
      <c r="AO6068" s="99"/>
      <c r="AP6068" s="99"/>
      <c r="AQ6068" s="99"/>
      <c r="AR6068" s="99"/>
      <c r="AS6068" s="99"/>
      <c r="AT6068" s="99"/>
      <c r="AU6068" s="99"/>
      <c r="AV6068" s="99"/>
      <c r="AW6068" s="99"/>
      <c r="AX6068" s="99"/>
      <c r="AY6068" s="99"/>
      <c r="AZ6068" s="99"/>
      <c r="BA6068" s="99"/>
      <c r="BB6068" s="107">
        <v>45884</v>
      </c>
    </row>
    <row r="6069" spans="1:54" s="8" customFormat="1" ht="13.95" customHeight="1" x14ac:dyDescent="0.25">
      <c r="A6069" s="219" t="s">
        <v>14237</v>
      </c>
      <c r="B6069" s="220" t="s">
        <v>14192</v>
      </c>
      <c r="C6069" s="98" t="s">
        <v>14238</v>
      </c>
      <c r="D6069" s="98" t="s">
        <v>14239</v>
      </c>
      <c r="E6069" s="141">
        <v>1989</v>
      </c>
      <c r="F6069" s="141">
        <v>224</v>
      </c>
      <c r="G6069" s="98" t="s">
        <v>1</v>
      </c>
      <c r="H6069" s="98">
        <v>0</v>
      </c>
      <c r="I6069" s="98">
        <v>0</v>
      </c>
      <c r="J6069" s="98">
        <v>1</v>
      </c>
      <c r="K6069" s="98">
        <v>0</v>
      </c>
      <c r="L6069" s="98">
        <v>1</v>
      </c>
      <c r="M6069" s="98">
        <v>0</v>
      </c>
      <c r="N6069" s="98">
        <v>0</v>
      </c>
      <c r="O6069" s="98">
        <v>0</v>
      </c>
      <c r="P6069" s="98">
        <v>1</v>
      </c>
      <c r="Q6069" s="98">
        <v>0</v>
      </c>
      <c r="R6069" s="98">
        <v>1</v>
      </c>
      <c r="S6069" s="98">
        <v>1</v>
      </c>
      <c r="T6069" s="98">
        <v>0</v>
      </c>
      <c r="U6069" s="99"/>
      <c r="V6069" s="99"/>
      <c r="W6069" s="99"/>
      <c r="X6069" s="99"/>
      <c r="Y6069" s="99"/>
      <c r="Z6069" s="99"/>
      <c r="AA6069" s="99"/>
      <c r="AB6069" s="99"/>
      <c r="AC6069" s="99"/>
      <c r="AD6069" s="99"/>
      <c r="AE6069" s="99"/>
      <c r="AF6069" s="99"/>
      <c r="AG6069" s="99"/>
      <c r="AH6069" s="99"/>
      <c r="AI6069" s="99"/>
      <c r="AJ6069" s="99"/>
      <c r="AK6069" s="99"/>
      <c r="AL6069" s="99"/>
      <c r="AM6069" s="99"/>
      <c r="AN6069" s="99"/>
      <c r="AO6069" s="99"/>
      <c r="AP6069" s="99"/>
      <c r="AQ6069" s="99"/>
      <c r="AR6069" s="99"/>
      <c r="AS6069" s="99"/>
      <c r="AT6069" s="99"/>
      <c r="AU6069" s="99"/>
      <c r="AV6069" s="99"/>
      <c r="AW6069" s="99"/>
      <c r="AX6069" s="99"/>
      <c r="AY6069" s="99"/>
      <c r="AZ6069" s="99"/>
      <c r="BA6069" s="99"/>
      <c r="BB6069" s="107">
        <v>45884</v>
      </c>
    </row>
    <row r="6070" spans="1:54" s="8" customFormat="1" ht="13.95" customHeight="1" x14ac:dyDescent="0.25">
      <c r="A6070" s="219" t="s">
        <v>14240</v>
      </c>
      <c r="B6070" s="220" t="s">
        <v>14192</v>
      </c>
      <c r="C6070" s="98" t="s">
        <v>14241</v>
      </c>
      <c r="D6070" s="98" t="s">
        <v>14242</v>
      </c>
      <c r="E6070" s="141">
        <v>1984</v>
      </c>
      <c r="F6070" s="141">
        <v>228</v>
      </c>
      <c r="G6070" s="98" t="s">
        <v>1</v>
      </c>
      <c r="H6070" s="98">
        <v>0</v>
      </c>
      <c r="I6070" s="98">
        <v>0</v>
      </c>
      <c r="J6070" s="98">
        <v>1</v>
      </c>
      <c r="K6070" s="98">
        <v>0</v>
      </c>
      <c r="L6070" s="98">
        <v>0</v>
      </c>
      <c r="M6070" s="98">
        <v>0</v>
      </c>
      <c r="N6070" s="98">
        <v>0</v>
      </c>
      <c r="O6070" s="98">
        <v>0</v>
      </c>
      <c r="P6070" s="98">
        <v>1</v>
      </c>
      <c r="Q6070" s="98">
        <v>0</v>
      </c>
      <c r="R6070" s="98">
        <v>0</v>
      </c>
      <c r="S6070" s="98">
        <v>0</v>
      </c>
      <c r="T6070" s="98">
        <v>0</v>
      </c>
      <c r="U6070" s="99"/>
      <c r="V6070" s="99"/>
      <c r="W6070" s="99"/>
      <c r="X6070" s="99"/>
      <c r="Y6070" s="99"/>
      <c r="Z6070" s="99"/>
      <c r="AA6070" s="99"/>
      <c r="AB6070" s="99"/>
      <c r="AC6070" s="99"/>
      <c r="AD6070" s="99"/>
      <c r="AE6070" s="99"/>
      <c r="AF6070" s="99"/>
      <c r="AG6070" s="99"/>
      <c r="AH6070" s="99"/>
      <c r="AI6070" s="99"/>
      <c r="AJ6070" s="99"/>
      <c r="AK6070" s="99"/>
      <c r="AL6070" s="99"/>
      <c r="AM6070" s="99"/>
      <c r="AN6070" s="99"/>
      <c r="AO6070" s="99"/>
      <c r="AP6070" s="99"/>
      <c r="AQ6070" s="99"/>
      <c r="AR6070" s="99"/>
      <c r="AS6070" s="99"/>
      <c r="AT6070" s="99"/>
      <c r="AU6070" s="99"/>
      <c r="AV6070" s="99"/>
      <c r="AW6070" s="99"/>
      <c r="AX6070" s="99"/>
      <c r="AY6070" s="99"/>
      <c r="AZ6070" s="99"/>
      <c r="BA6070" s="99"/>
      <c r="BB6070" s="107">
        <v>45884</v>
      </c>
    </row>
    <row r="6071" spans="1:54" s="8" customFormat="1" ht="13.95" customHeight="1" x14ac:dyDescent="0.25">
      <c r="A6071" s="219" t="s">
        <v>14243</v>
      </c>
      <c r="B6071" s="220" t="s">
        <v>14192</v>
      </c>
      <c r="C6071" s="98" t="s">
        <v>14244</v>
      </c>
      <c r="D6071" s="98" t="s">
        <v>14245</v>
      </c>
      <c r="E6071" s="141">
        <v>1979</v>
      </c>
      <c r="F6071" s="141">
        <v>238</v>
      </c>
      <c r="G6071" s="98" t="s">
        <v>1</v>
      </c>
      <c r="H6071" s="98">
        <v>0</v>
      </c>
      <c r="I6071" s="98">
        <v>0</v>
      </c>
      <c r="J6071" s="98">
        <v>0</v>
      </c>
      <c r="K6071" s="98">
        <v>0</v>
      </c>
      <c r="L6071" s="98">
        <v>1</v>
      </c>
      <c r="M6071" s="98">
        <v>0</v>
      </c>
      <c r="N6071" s="98">
        <v>0</v>
      </c>
      <c r="O6071" s="98">
        <v>1</v>
      </c>
      <c r="P6071" s="98">
        <v>1</v>
      </c>
      <c r="Q6071" s="98">
        <v>0</v>
      </c>
      <c r="R6071" s="98">
        <v>0</v>
      </c>
      <c r="S6071" s="98">
        <v>1</v>
      </c>
      <c r="T6071" s="98">
        <v>0</v>
      </c>
      <c r="U6071" s="99"/>
      <c r="V6071" s="99"/>
      <c r="W6071" s="99"/>
      <c r="X6071" s="99"/>
      <c r="Y6071" s="99"/>
      <c r="Z6071" s="99"/>
      <c r="AA6071" s="99"/>
      <c r="AB6071" s="99"/>
      <c r="AC6071" s="99"/>
      <c r="AD6071" s="99"/>
      <c r="AE6071" s="99"/>
      <c r="AF6071" s="99"/>
      <c r="AG6071" s="99"/>
      <c r="AH6071" s="99"/>
      <c r="AI6071" s="99"/>
      <c r="AJ6071" s="99"/>
      <c r="AK6071" s="99"/>
      <c r="AL6071" s="99"/>
      <c r="AM6071" s="99"/>
      <c r="AN6071" s="99"/>
      <c r="AO6071" s="99"/>
      <c r="AP6071" s="99"/>
      <c r="AQ6071" s="99"/>
      <c r="AR6071" s="99"/>
      <c r="AS6071" s="99"/>
      <c r="AT6071" s="99"/>
      <c r="AU6071" s="99"/>
      <c r="AV6071" s="99"/>
      <c r="AW6071" s="99"/>
      <c r="AX6071" s="99"/>
      <c r="AY6071" s="99"/>
      <c r="AZ6071" s="99"/>
      <c r="BA6071" s="99"/>
      <c r="BB6071" s="107">
        <v>45884</v>
      </c>
    </row>
    <row r="6072" spans="1:54" s="8" customFormat="1" ht="13.95" customHeight="1" x14ac:dyDescent="0.25">
      <c r="A6072" s="219" t="s">
        <v>14246</v>
      </c>
      <c r="B6072" s="220" t="s">
        <v>14192</v>
      </c>
      <c r="C6072" s="98" t="s">
        <v>14247</v>
      </c>
      <c r="D6072" s="98" t="s">
        <v>14248</v>
      </c>
      <c r="E6072" s="141">
        <v>1980</v>
      </c>
      <c r="F6072" s="141">
        <v>243</v>
      </c>
      <c r="G6072" s="98" t="s">
        <v>1</v>
      </c>
      <c r="H6072" s="98">
        <v>0</v>
      </c>
      <c r="I6072" s="98">
        <v>0</v>
      </c>
      <c r="J6072" s="98">
        <v>0</v>
      </c>
      <c r="K6072" s="98">
        <v>0</v>
      </c>
      <c r="L6072" s="98">
        <v>1</v>
      </c>
      <c r="M6072" s="98">
        <v>0</v>
      </c>
      <c r="N6072" s="98">
        <v>1</v>
      </c>
      <c r="O6072" s="98">
        <v>1</v>
      </c>
      <c r="P6072" s="98">
        <v>1</v>
      </c>
      <c r="Q6072" s="98">
        <v>0</v>
      </c>
      <c r="R6072" s="98">
        <v>0</v>
      </c>
      <c r="S6072" s="98">
        <v>1</v>
      </c>
      <c r="T6072" s="98">
        <v>0</v>
      </c>
      <c r="U6072" s="99"/>
      <c r="V6072" s="99"/>
      <c r="W6072" s="99"/>
      <c r="X6072" s="99"/>
      <c r="Y6072" s="99"/>
      <c r="Z6072" s="99"/>
      <c r="AA6072" s="99"/>
      <c r="AB6072" s="99"/>
      <c r="AC6072" s="99"/>
      <c r="AD6072" s="99"/>
      <c r="AE6072" s="99"/>
      <c r="AF6072" s="99"/>
      <c r="AG6072" s="99"/>
      <c r="AH6072" s="99"/>
      <c r="AI6072" s="99"/>
      <c r="AJ6072" s="99"/>
      <c r="AK6072" s="99"/>
      <c r="AL6072" s="99"/>
      <c r="AM6072" s="99"/>
      <c r="AN6072" s="99"/>
      <c r="AO6072" s="99"/>
      <c r="AP6072" s="99"/>
      <c r="AQ6072" s="99"/>
      <c r="AR6072" s="99"/>
      <c r="AS6072" s="99"/>
      <c r="AT6072" s="99"/>
      <c r="AU6072" s="99"/>
      <c r="AV6072" s="99"/>
      <c r="AW6072" s="99"/>
      <c r="AX6072" s="99"/>
      <c r="AY6072" s="99"/>
      <c r="AZ6072" s="99"/>
      <c r="BA6072" s="99"/>
      <c r="BB6072" s="107">
        <v>45884</v>
      </c>
    </row>
    <row r="6073" spans="1:54" s="8" customFormat="1" ht="13.95" customHeight="1" x14ac:dyDescent="0.25">
      <c r="A6073" s="219" t="s">
        <v>14249</v>
      </c>
      <c r="B6073" s="220" t="s">
        <v>14192</v>
      </c>
      <c r="C6073" s="98" t="s">
        <v>14250</v>
      </c>
      <c r="D6073" s="98" t="s">
        <v>14251</v>
      </c>
      <c r="E6073" s="141">
        <v>1987</v>
      </c>
      <c r="F6073" s="141">
        <v>249</v>
      </c>
      <c r="G6073" s="98" t="s">
        <v>1</v>
      </c>
      <c r="H6073" s="98">
        <v>0</v>
      </c>
      <c r="I6073" s="98">
        <v>0</v>
      </c>
      <c r="J6073" s="98">
        <v>1</v>
      </c>
      <c r="K6073" s="98">
        <v>0</v>
      </c>
      <c r="L6073" s="98">
        <v>1</v>
      </c>
      <c r="M6073" s="98">
        <v>0</v>
      </c>
      <c r="N6073" s="98">
        <v>0</v>
      </c>
      <c r="O6073" s="98">
        <v>1</v>
      </c>
      <c r="P6073" s="98">
        <v>1</v>
      </c>
      <c r="Q6073" s="98">
        <v>0</v>
      </c>
      <c r="R6073" s="98">
        <v>0</v>
      </c>
      <c r="S6073" s="98">
        <v>0</v>
      </c>
      <c r="T6073" s="98">
        <v>0</v>
      </c>
      <c r="U6073" s="99"/>
      <c r="V6073" s="99"/>
      <c r="W6073" s="99"/>
      <c r="X6073" s="99"/>
      <c r="Y6073" s="99"/>
      <c r="Z6073" s="99"/>
      <c r="AA6073" s="99"/>
      <c r="AB6073" s="99"/>
      <c r="AC6073" s="99"/>
      <c r="AD6073" s="99"/>
      <c r="AE6073" s="99"/>
      <c r="AF6073" s="99"/>
      <c r="AG6073" s="99"/>
      <c r="AH6073" s="99"/>
      <c r="AI6073" s="99"/>
      <c r="AJ6073" s="99"/>
      <c r="AK6073" s="99"/>
      <c r="AL6073" s="99"/>
      <c r="AM6073" s="99"/>
      <c r="AN6073" s="99"/>
      <c r="AO6073" s="99"/>
      <c r="AP6073" s="99"/>
      <c r="AQ6073" s="99"/>
      <c r="AR6073" s="99"/>
      <c r="AS6073" s="99"/>
      <c r="AT6073" s="99"/>
      <c r="AU6073" s="99"/>
      <c r="AV6073" s="99"/>
      <c r="AW6073" s="99"/>
      <c r="AX6073" s="99"/>
      <c r="AY6073" s="99"/>
      <c r="AZ6073" s="99"/>
      <c r="BA6073" s="99"/>
      <c r="BB6073" s="107">
        <v>45884</v>
      </c>
    </row>
    <row r="6074" spans="1:54" s="8" customFormat="1" ht="13.95" customHeight="1" x14ac:dyDescent="0.25">
      <c r="A6074" s="219" t="s">
        <v>14252</v>
      </c>
      <c r="B6074" s="220" t="s">
        <v>14192</v>
      </c>
      <c r="C6074" s="98" t="s">
        <v>14253</v>
      </c>
      <c r="D6074" s="98" t="s">
        <v>22245</v>
      </c>
      <c r="E6074" s="141">
        <v>1998</v>
      </c>
      <c r="F6074" s="141">
        <v>259</v>
      </c>
      <c r="G6074" s="98" t="s">
        <v>1</v>
      </c>
      <c r="H6074" s="98">
        <v>0</v>
      </c>
      <c r="I6074" s="98">
        <v>0</v>
      </c>
      <c r="J6074" s="98">
        <v>1</v>
      </c>
      <c r="K6074" s="98">
        <v>0</v>
      </c>
      <c r="L6074" s="98">
        <v>1</v>
      </c>
      <c r="M6074" s="98">
        <v>0</v>
      </c>
      <c r="N6074" s="98">
        <v>0</v>
      </c>
      <c r="O6074" s="98">
        <v>1</v>
      </c>
      <c r="P6074" s="98">
        <v>1</v>
      </c>
      <c r="Q6074" s="98">
        <v>0</v>
      </c>
      <c r="R6074" s="98">
        <v>1</v>
      </c>
      <c r="S6074" s="98">
        <v>0</v>
      </c>
      <c r="T6074" s="98">
        <v>0</v>
      </c>
      <c r="U6074" s="99"/>
      <c r="V6074" s="99"/>
      <c r="W6074" s="99"/>
      <c r="X6074" s="99"/>
      <c r="Y6074" s="99"/>
      <c r="Z6074" s="99"/>
      <c r="AA6074" s="99"/>
      <c r="AB6074" s="99"/>
      <c r="AC6074" s="99"/>
      <c r="AD6074" s="99"/>
      <c r="AE6074" s="99"/>
      <c r="AF6074" s="99"/>
      <c r="AG6074" s="99"/>
      <c r="AH6074" s="99"/>
      <c r="AI6074" s="99"/>
      <c r="AJ6074" s="99"/>
      <c r="AK6074" s="99"/>
      <c r="AL6074" s="99"/>
      <c r="AM6074" s="99"/>
      <c r="AN6074" s="99"/>
      <c r="AO6074" s="99"/>
      <c r="AP6074" s="99"/>
      <c r="AQ6074" s="99"/>
      <c r="AR6074" s="99"/>
      <c r="AS6074" s="99"/>
      <c r="AT6074" s="99"/>
      <c r="AU6074" s="99"/>
      <c r="AV6074" s="99"/>
      <c r="AW6074" s="99"/>
      <c r="AX6074" s="99"/>
      <c r="AY6074" s="99"/>
      <c r="AZ6074" s="99"/>
      <c r="BA6074" s="99"/>
      <c r="BB6074" s="107">
        <v>45884</v>
      </c>
    </row>
    <row r="6075" spans="1:54" s="8" customFormat="1" ht="13.95" customHeight="1" x14ac:dyDescent="0.25">
      <c r="A6075" s="219" t="s">
        <v>14254</v>
      </c>
      <c r="B6075" s="220" t="s">
        <v>14192</v>
      </c>
      <c r="C6075" s="98" t="s">
        <v>14255</v>
      </c>
      <c r="D6075" s="98" t="s">
        <v>22246</v>
      </c>
      <c r="E6075" s="141">
        <v>1990</v>
      </c>
      <c r="F6075" s="141">
        <v>261</v>
      </c>
      <c r="G6075" s="98" t="s">
        <v>1</v>
      </c>
      <c r="H6075" s="98">
        <v>0</v>
      </c>
      <c r="I6075" s="98">
        <v>0</v>
      </c>
      <c r="J6075" s="98">
        <v>0</v>
      </c>
      <c r="K6075" s="98">
        <v>1</v>
      </c>
      <c r="L6075" s="98">
        <v>0</v>
      </c>
      <c r="M6075" s="98">
        <v>0</v>
      </c>
      <c r="N6075" s="98">
        <v>0</v>
      </c>
      <c r="O6075" s="98">
        <v>1</v>
      </c>
      <c r="P6075" s="98">
        <v>1</v>
      </c>
      <c r="Q6075" s="98">
        <v>0</v>
      </c>
      <c r="R6075" s="98">
        <v>0</v>
      </c>
      <c r="S6075" s="98">
        <v>0</v>
      </c>
      <c r="T6075" s="98">
        <v>0</v>
      </c>
      <c r="U6075" s="99"/>
      <c r="V6075" s="99"/>
      <c r="W6075" s="99"/>
      <c r="X6075" s="99"/>
      <c r="Y6075" s="99"/>
      <c r="Z6075" s="99"/>
      <c r="AA6075" s="99"/>
      <c r="AB6075" s="99"/>
      <c r="AC6075" s="99"/>
      <c r="AD6075" s="99"/>
      <c r="AE6075" s="99"/>
      <c r="AF6075" s="99"/>
      <c r="AG6075" s="99"/>
      <c r="AH6075" s="99"/>
      <c r="AI6075" s="99"/>
      <c r="AJ6075" s="99"/>
      <c r="AK6075" s="99"/>
      <c r="AL6075" s="99"/>
      <c r="AM6075" s="99"/>
      <c r="AN6075" s="99"/>
      <c r="AO6075" s="99"/>
      <c r="AP6075" s="99"/>
      <c r="AQ6075" s="99"/>
      <c r="AR6075" s="99"/>
      <c r="AS6075" s="99"/>
      <c r="AT6075" s="99"/>
      <c r="AU6075" s="99"/>
      <c r="AV6075" s="99"/>
      <c r="AW6075" s="99"/>
      <c r="AX6075" s="99"/>
      <c r="AY6075" s="99"/>
      <c r="AZ6075" s="99"/>
      <c r="BA6075" s="99"/>
      <c r="BB6075" s="107">
        <v>45884</v>
      </c>
    </row>
    <row r="6076" spans="1:54" s="8" customFormat="1" ht="13.95" customHeight="1" x14ac:dyDescent="0.25">
      <c r="A6076" s="219" t="s">
        <v>14256</v>
      </c>
      <c r="B6076" s="220" t="s">
        <v>14192</v>
      </c>
      <c r="C6076" s="98" t="s">
        <v>14257</v>
      </c>
      <c r="D6076" s="98" t="s">
        <v>14258</v>
      </c>
      <c r="E6076" s="141">
        <v>1992</v>
      </c>
      <c r="F6076" s="141">
        <v>475</v>
      </c>
      <c r="G6076" s="98" t="s">
        <v>1</v>
      </c>
      <c r="H6076" s="98">
        <v>0</v>
      </c>
      <c r="I6076" s="98">
        <v>0</v>
      </c>
      <c r="J6076" s="98">
        <v>0</v>
      </c>
      <c r="K6076" s="98">
        <v>0</v>
      </c>
      <c r="L6076" s="98">
        <v>1</v>
      </c>
      <c r="M6076" s="98">
        <v>1</v>
      </c>
      <c r="N6076" s="98">
        <v>0</v>
      </c>
      <c r="O6076" s="98">
        <v>0</v>
      </c>
      <c r="P6076" s="98">
        <v>1</v>
      </c>
      <c r="Q6076" s="98">
        <v>0</v>
      </c>
      <c r="R6076" s="98">
        <v>0</v>
      </c>
      <c r="S6076" s="98">
        <v>0</v>
      </c>
      <c r="T6076" s="98">
        <v>0</v>
      </c>
      <c r="U6076" s="99"/>
      <c r="V6076" s="99"/>
      <c r="W6076" s="99"/>
      <c r="X6076" s="99"/>
      <c r="Y6076" s="99"/>
      <c r="Z6076" s="99"/>
      <c r="AA6076" s="99"/>
      <c r="AB6076" s="99"/>
      <c r="AC6076" s="99"/>
      <c r="AD6076" s="99"/>
      <c r="AE6076" s="99"/>
      <c r="AF6076" s="99"/>
      <c r="AG6076" s="99"/>
      <c r="AH6076" s="99"/>
      <c r="AI6076" s="99"/>
      <c r="AJ6076" s="99"/>
      <c r="AK6076" s="99"/>
      <c r="AL6076" s="99"/>
      <c r="AM6076" s="99"/>
      <c r="AN6076" s="99"/>
      <c r="AO6076" s="99"/>
      <c r="AP6076" s="99"/>
      <c r="AQ6076" s="99"/>
      <c r="AR6076" s="99"/>
      <c r="AS6076" s="99"/>
      <c r="AT6076" s="99"/>
      <c r="AU6076" s="99"/>
      <c r="AV6076" s="99"/>
      <c r="AW6076" s="99"/>
      <c r="AX6076" s="99"/>
      <c r="AY6076" s="99"/>
      <c r="AZ6076" s="99"/>
      <c r="BA6076" s="99"/>
      <c r="BB6076" s="107">
        <v>45884</v>
      </c>
    </row>
    <row r="6077" spans="1:54" s="8" customFormat="1" ht="13.95" customHeight="1" x14ac:dyDescent="0.25">
      <c r="A6077" s="219" t="s">
        <v>14259</v>
      </c>
      <c r="B6077" s="220" t="s">
        <v>14192</v>
      </c>
      <c r="C6077" s="98" t="s">
        <v>14260</v>
      </c>
      <c r="D6077" s="98" t="s">
        <v>14261</v>
      </c>
      <c r="E6077" s="141">
        <v>1992</v>
      </c>
      <c r="F6077" s="141">
        <v>270</v>
      </c>
      <c r="G6077" s="98" t="s">
        <v>1</v>
      </c>
      <c r="H6077" s="98">
        <v>0</v>
      </c>
      <c r="I6077" s="98">
        <v>0</v>
      </c>
      <c r="J6077" s="98">
        <v>1</v>
      </c>
      <c r="K6077" s="98">
        <v>0</v>
      </c>
      <c r="L6077" s="98">
        <v>1</v>
      </c>
      <c r="M6077" s="98">
        <v>0</v>
      </c>
      <c r="N6077" s="98">
        <v>0</v>
      </c>
      <c r="O6077" s="98">
        <v>1</v>
      </c>
      <c r="P6077" s="98">
        <v>1</v>
      </c>
      <c r="Q6077" s="98">
        <v>0</v>
      </c>
      <c r="R6077" s="98">
        <v>0</v>
      </c>
      <c r="S6077" s="98">
        <v>0</v>
      </c>
      <c r="T6077" s="98">
        <v>0</v>
      </c>
      <c r="U6077" s="99"/>
      <c r="V6077" s="99"/>
      <c r="W6077" s="99"/>
      <c r="X6077" s="99"/>
      <c r="Y6077" s="99"/>
      <c r="Z6077" s="99"/>
      <c r="AA6077" s="99"/>
      <c r="AB6077" s="99"/>
      <c r="AC6077" s="99"/>
      <c r="AD6077" s="99"/>
      <c r="AE6077" s="99"/>
      <c r="AF6077" s="99"/>
      <c r="AG6077" s="99"/>
      <c r="AH6077" s="99"/>
      <c r="AI6077" s="99"/>
      <c r="AJ6077" s="99"/>
      <c r="AK6077" s="99"/>
      <c r="AL6077" s="99"/>
      <c r="AM6077" s="99"/>
      <c r="AN6077" s="99"/>
      <c r="AO6077" s="99"/>
      <c r="AP6077" s="99"/>
      <c r="AQ6077" s="99"/>
      <c r="AR6077" s="99"/>
      <c r="AS6077" s="99"/>
      <c r="AT6077" s="99"/>
      <c r="AU6077" s="99"/>
      <c r="AV6077" s="99"/>
      <c r="AW6077" s="99"/>
      <c r="AX6077" s="99"/>
      <c r="AY6077" s="99"/>
      <c r="AZ6077" s="99"/>
      <c r="BA6077" s="99"/>
      <c r="BB6077" s="107">
        <v>45884</v>
      </c>
    </row>
    <row r="6078" spans="1:54" s="8" customFormat="1" ht="13.95" customHeight="1" x14ac:dyDescent="0.25">
      <c r="A6078" s="219" t="s">
        <v>14262</v>
      </c>
      <c r="B6078" s="220" t="s">
        <v>14192</v>
      </c>
      <c r="C6078" s="98" t="s">
        <v>14263</v>
      </c>
      <c r="D6078" s="98" t="s">
        <v>14264</v>
      </c>
      <c r="E6078" s="141">
        <v>1984</v>
      </c>
      <c r="F6078" s="141">
        <v>273</v>
      </c>
      <c r="G6078" s="98" t="s">
        <v>1</v>
      </c>
      <c r="H6078" s="98">
        <v>0</v>
      </c>
      <c r="I6078" s="98">
        <v>0</v>
      </c>
      <c r="J6078" s="98">
        <v>0</v>
      </c>
      <c r="K6078" s="98">
        <v>0</v>
      </c>
      <c r="L6078" s="98">
        <v>1</v>
      </c>
      <c r="M6078" s="98">
        <v>0</v>
      </c>
      <c r="N6078" s="98">
        <v>0</v>
      </c>
      <c r="O6078" s="98">
        <v>0</v>
      </c>
      <c r="P6078" s="98">
        <v>0</v>
      </c>
      <c r="Q6078" s="98">
        <v>0</v>
      </c>
      <c r="R6078" s="98">
        <v>0</v>
      </c>
      <c r="S6078" s="98">
        <v>0</v>
      </c>
      <c r="T6078" s="98">
        <v>0</v>
      </c>
      <c r="U6078" s="99"/>
      <c r="V6078" s="99"/>
      <c r="W6078" s="99"/>
      <c r="X6078" s="99"/>
      <c r="Y6078" s="99"/>
      <c r="Z6078" s="99"/>
      <c r="AA6078" s="99"/>
      <c r="AB6078" s="99"/>
      <c r="AC6078" s="99"/>
      <c r="AD6078" s="99"/>
      <c r="AE6078" s="99"/>
      <c r="AF6078" s="99"/>
      <c r="AG6078" s="99"/>
      <c r="AH6078" s="99"/>
      <c r="AI6078" s="99"/>
      <c r="AJ6078" s="99"/>
      <c r="AK6078" s="99"/>
      <c r="AL6078" s="99"/>
      <c r="AM6078" s="99"/>
      <c r="AN6078" s="99"/>
      <c r="AO6078" s="99"/>
      <c r="AP6078" s="99"/>
      <c r="AQ6078" s="99"/>
      <c r="AR6078" s="99"/>
      <c r="AS6078" s="99"/>
      <c r="AT6078" s="99"/>
      <c r="AU6078" s="99"/>
      <c r="AV6078" s="99"/>
      <c r="AW6078" s="99"/>
      <c r="AX6078" s="99"/>
      <c r="AY6078" s="99"/>
      <c r="AZ6078" s="99"/>
      <c r="BA6078" s="99"/>
      <c r="BB6078" s="107">
        <v>45884</v>
      </c>
    </row>
    <row r="6079" spans="1:54" s="8" customFormat="1" ht="13.95" customHeight="1" x14ac:dyDescent="0.25">
      <c r="A6079" s="219" t="s">
        <v>14265</v>
      </c>
      <c r="B6079" s="220" t="s">
        <v>14192</v>
      </c>
      <c r="C6079" s="98" t="s">
        <v>14266</v>
      </c>
      <c r="D6079" s="98" t="s">
        <v>14267</v>
      </c>
      <c r="E6079" s="141">
        <v>1981</v>
      </c>
      <c r="F6079" s="141">
        <v>277</v>
      </c>
      <c r="G6079" s="98" t="s">
        <v>1</v>
      </c>
      <c r="H6079" s="98">
        <v>0</v>
      </c>
      <c r="I6079" s="98">
        <v>0</v>
      </c>
      <c r="J6079" s="98">
        <v>1</v>
      </c>
      <c r="K6079" s="98">
        <v>0</v>
      </c>
      <c r="L6079" s="98">
        <v>0</v>
      </c>
      <c r="M6079" s="98">
        <v>0</v>
      </c>
      <c r="N6079" s="98">
        <v>0</v>
      </c>
      <c r="O6079" s="98">
        <v>1</v>
      </c>
      <c r="P6079" s="98">
        <v>0</v>
      </c>
      <c r="Q6079" s="98">
        <v>0</v>
      </c>
      <c r="R6079" s="98">
        <v>1</v>
      </c>
      <c r="S6079" s="98">
        <v>0</v>
      </c>
      <c r="T6079" s="98">
        <v>0</v>
      </c>
      <c r="U6079" s="99"/>
      <c r="V6079" s="99"/>
      <c r="W6079" s="99"/>
      <c r="X6079" s="99"/>
      <c r="Y6079" s="99"/>
      <c r="Z6079" s="99"/>
      <c r="AA6079" s="99"/>
      <c r="AB6079" s="99"/>
      <c r="AC6079" s="99"/>
      <c r="AD6079" s="99"/>
      <c r="AE6079" s="99"/>
      <c r="AF6079" s="99"/>
      <c r="AG6079" s="99"/>
      <c r="AH6079" s="99"/>
      <c r="AI6079" s="99"/>
      <c r="AJ6079" s="99"/>
      <c r="AK6079" s="99"/>
      <c r="AL6079" s="99"/>
      <c r="AM6079" s="99"/>
      <c r="AN6079" s="99"/>
      <c r="AO6079" s="99"/>
      <c r="AP6079" s="99"/>
      <c r="AQ6079" s="99"/>
      <c r="AR6079" s="99"/>
      <c r="AS6079" s="99"/>
      <c r="AT6079" s="99"/>
      <c r="AU6079" s="99"/>
      <c r="AV6079" s="99"/>
      <c r="AW6079" s="99"/>
      <c r="AX6079" s="99"/>
      <c r="AY6079" s="99"/>
      <c r="AZ6079" s="99"/>
      <c r="BA6079" s="99"/>
      <c r="BB6079" s="107">
        <v>45884</v>
      </c>
    </row>
    <row r="6080" spans="1:54" s="8" customFormat="1" ht="13.95" customHeight="1" x14ac:dyDescent="0.25">
      <c r="A6080" s="219" t="s">
        <v>14268</v>
      </c>
      <c r="B6080" s="220" t="s">
        <v>14192</v>
      </c>
      <c r="C6080" s="98" t="s">
        <v>14269</v>
      </c>
      <c r="D6080" s="98" t="s">
        <v>14270</v>
      </c>
      <c r="E6080" s="141">
        <v>1982</v>
      </c>
      <c r="F6080" s="141">
        <v>281</v>
      </c>
      <c r="G6080" s="98" t="s">
        <v>1</v>
      </c>
      <c r="H6080" s="98">
        <v>0</v>
      </c>
      <c r="I6080" s="98">
        <v>0</v>
      </c>
      <c r="J6080" s="98">
        <v>0</v>
      </c>
      <c r="K6080" s="98">
        <v>0</v>
      </c>
      <c r="L6080" s="98">
        <v>1</v>
      </c>
      <c r="M6080" s="98">
        <v>1</v>
      </c>
      <c r="N6080" s="98">
        <v>0</v>
      </c>
      <c r="O6080" s="98">
        <v>0</v>
      </c>
      <c r="P6080" s="98">
        <v>0</v>
      </c>
      <c r="Q6080" s="98">
        <v>0</v>
      </c>
      <c r="R6080" s="98">
        <v>0</v>
      </c>
      <c r="S6080" s="98">
        <v>0</v>
      </c>
      <c r="T6080" s="98">
        <v>0</v>
      </c>
      <c r="U6080" s="99"/>
      <c r="V6080" s="99"/>
      <c r="W6080" s="99"/>
      <c r="X6080" s="99"/>
      <c r="Y6080" s="99"/>
      <c r="Z6080" s="99"/>
      <c r="AA6080" s="99"/>
      <c r="AB6080" s="99"/>
      <c r="AC6080" s="99"/>
      <c r="AD6080" s="99"/>
      <c r="AE6080" s="99"/>
      <c r="AF6080" s="99"/>
      <c r="AG6080" s="99"/>
      <c r="AH6080" s="99"/>
      <c r="AI6080" s="99"/>
      <c r="AJ6080" s="99"/>
      <c r="AK6080" s="99"/>
      <c r="AL6080" s="99"/>
      <c r="AM6080" s="99"/>
      <c r="AN6080" s="99"/>
      <c r="AO6080" s="99"/>
      <c r="AP6080" s="99"/>
      <c r="AQ6080" s="99"/>
      <c r="AR6080" s="99"/>
      <c r="AS6080" s="99"/>
      <c r="AT6080" s="99"/>
      <c r="AU6080" s="99"/>
      <c r="AV6080" s="99"/>
      <c r="AW6080" s="99"/>
      <c r="AX6080" s="99"/>
      <c r="AY6080" s="99"/>
      <c r="AZ6080" s="99"/>
      <c r="BA6080" s="99"/>
      <c r="BB6080" s="107">
        <v>45884</v>
      </c>
    </row>
    <row r="6081" spans="1:54" s="8" customFormat="1" ht="13.95" customHeight="1" x14ac:dyDescent="0.25">
      <c r="A6081" s="219" t="s">
        <v>14271</v>
      </c>
      <c r="B6081" s="220" t="s">
        <v>14192</v>
      </c>
      <c r="C6081" s="98" t="s">
        <v>14272</v>
      </c>
      <c r="D6081" s="98" t="s">
        <v>14273</v>
      </c>
      <c r="E6081" s="141">
        <v>1982</v>
      </c>
      <c r="F6081" s="141">
        <v>291</v>
      </c>
      <c r="G6081" s="98" t="s">
        <v>1</v>
      </c>
      <c r="H6081" s="98">
        <v>0</v>
      </c>
      <c r="I6081" s="98">
        <v>0</v>
      </c>
      <c r="J6081" s="98">
        <v>0</v>
      </c>
      <c r="K6081" s="98">
        <v>0</v>
      </c>
      <c r="L6081" s="98">
        <v>1</v>
      </c>
      <c r="M6081" s="98">
        <v>0</v>
      </c>
      <c r="N6081" s="98">
        <v>0</v>
      </c>
      <c r="O6081" s="98">
        <v>0</v>
      </c>
      <c r="P6081" s="98">
        <v>1</v>
      </c>
      <c r="Q6081" s="98">
        <v>0</v>
      </c>
      <c r="R6081" s="98">
        <v>1</v>
      </c>
      <c r="S6081" s="98">
        <v>0</v>
      </c>
      <c r="T6081" s="98">
        <v>0</v>
      </c>
      <c r="U6081" s="99"/>
      <c r="V6081" s="99"/>
      <c r="W6081" s="99"/>
      <c r="X6081" s="99"/>
      <c r="Y6081" s="99"/>
      <c r="Z6081" s="99"/>
      <c r="AA6081" s="99"/>
      <c r="AB6081" s="99"/>
      <c r="AC6081" s="99"/>
      <c r="AD6081" s="99"/>
      <c r="AE6081" s="99"/>
      <c r="AF6081" s="99"/>
      <c r="AG6081" s="99"/>
      <c r="AH6081" s="99"/>
      <c r="AI6081" s="99"/>
      <c r="AJ6081" s="99"/>
      <c r="AK6081" s="99"/>
      <c r="AL6081" s="99"/>
      <c r="AM6081" s="99"/>
      <c r="AN6081" s="99"/>
      <c r="AO6081" s="99"/>
      <c r="AP6081" s="99"/>
      <c r="AQ6081" s="99"/>
      <c r="AR6081" s="99"/>
      <c r="AS6081" s="99"/>
      <c r="AT6081" s="99"/>
      <c r="AU6081" s="99"/>
      <c r="AV6081" s="99"/>
      <c r="AW6081" s="99"/>
      <c r="AX6081" s="99"/>
      <c r="AY6081" s="99"/>
      <c r="AZ6081" s="99"/>
      <c r="BA6081" s="99"/>
      <c r="BB6081" s="107">
        <v>45884</v>
      </c>
    </row>
    <row r="6082" spans="1:54" s="8" customFormat="1" ht="13.95" customHeight="1" x14ac:dyDescent="0.25">
      <c r="A6082" s="219" t="s">
        <v>14274</v>
      </c>
      <c r="B6082" s="220" t="s">
        <v>14192</v>
      </c>
      <c r="C6082" s="98" t="s">
        <v>14275</v>
      </c>
      <c r="D6082" s="98" t="s">
        <v>14276</v>
      </c>
      <c r="E6082" s="141">
        <v>1986</v>
      </c>
      <c r="F6082" s="141">
        <v>300</v>
      </c>
      <c r="G6082" s="98" t="s">
        <v>1</v>
      </c>
      <c r="H6082" s="98">
        <v>0</v>
      </c>
      <c r="I6082" s="98">
        <v>0</v>
      </c>
      <c r="J6082" s="98">
        <v>0</v>
      </c>
      <c r="K6082" s="98">
        <v>0</v>
      </c>
      <c r="L6082" s="98">
        <v>1</v>
      </c>
      <c r="M6082" s="98">
        <v>0</v>
      </c>
      <c r="N6082" s="98">
        <v>0</v>
      </c>
      <c r="O6082" s="98">
        <v>1</v>
      </c>
      <c r="P6082" s="98">
        <v>1</v>
      </c>
      <c r="Q6082" s="98">
        <v>0</v>
      </c>
      <c r="R6082" s="98">
        <v>0</v>
      </c>
      <c r="S6082" s="98">
        <v>0</v>
      </c>
      <c r="T6082" s="98">
        <v>0</v>
      </c>
      <c r="U6082" s="99"/>
      <c r="V6082" s="99"/>
      <c r="W6082" s="99"/>
      <c r="X6082" s="99"/>
      <c r="Y6082" s="99"/>
      <c r="Z6082" s="99"/>
      <c r="AA6082" s="99"/>
      <c r="AB6082" s="99"/>
      <c r="AC6082" s="99"/>
      <c r="AD6082" s="99"/>
      <c r="AE6082" s="99"/>
      <c r="AF6082" s="99"/>
      <c r="AG6082" s="99"/>
      <c r="AH6082" s="99"/>
      <c r="AI6082" s="99"/>
      <c r="AJ6082" s="99"/>
      <c r="AK6082" s="99"/>
      <c r="AL6082" s="99"/>
      <c r="AM6082" s="99"/>
      <c r="AN6082" s="99"/>
      <c r="AO6082" s="99"/>
      <c r="AP6082" s="99"/>
      <c r="AQ6082" s="99"/>
      <c r="AR6082" s="99"/>
      <c r="AS6082" s="99"/>
      <c r="AT6082" s="99"/>
      <c r="AU6082" s="99"/>
      <c r="AV6082" s="99"/>
      <c r="AW6082" s="99"/>
      <c r="AX6082" s="99"/>
      <c r="AY6082" s="99"/>
      <c r="AZ6082" s="99"/>
      <c r="BA6082" s="99"/>
      <c r="BB6082" s="107">
        <v>45884</v>
      </c>
    </row>
    <row r="6083" spans="1:54" s="8" customFormat="1" ht="13.95" customHeight="1" x14ac:dyDescent="0.25">
      <c r="A6083" s="219" t="s">
        <v>14277</v>
      </c>
      <c r="B6083" s="220" t="s">
        <v>14192</v>
      </c>
      <c r="C6083" s="98" t="s">
        <v>10766</v>
      </c>
      <c r="D6083" s="98" t="s">
        <v>14278</v>
      </c>
      <c r="E6083" s="141">
        <v>2000</v>
      </c>
      <c r="F6083" s="141">
        <v>306</v>
      </c>
      <c r="G6083" s="98" t="s">
        <v>1</v>
      </c>
      <c r="H6083" s="98">
        <v>0</v>
      </c>
      <c r="I6083" s="98">
        <v>0</v>
      </c>
      <c r="J6083" s="98">
        <v>1</v>
      </c>
      <c r="K6083" s="98">
        <v>0</v>
      </c>
      <c r="L6083" s="98">
        <v>1</v>
      </c>
      <c r="M6083" s="98">
        <v>0</v>
      </c>
      <c r="N6083" s="98">
        <v>0</v>
      </c>
      <c r="O6083" s="98">
        <v>1</v>
      </c>
      <c r="P6083" s="98">
        <v>1</v>
      </c>
      <c r="Q6083" s="98">
        <v>0</v>
      </c>
      <c r="R6083" s="98">
        <v>1</v>
      </c>
      <c r="S6083" s="98">
        <v>0</v>
      </c>
      <c r="T6083" s="98">
        <v>0</v>
      </c>
      <c r="U6083" s="99"/>
      <c r="V6083" s="99"/>
      <c r="W6083" s="99"/>
      <c r="X6083" s="99"/>
      <c r="Y6083" s="99"/>
      <c r="Z6083" s="99"/>
      <c r="AA6083" s="99"/>
      <c r="AB6083" s="99"/>
      <c r="AC6083" s="99"/>
      <c r="AD6083" s="99"/>
      <c r="AE6083" s="99"/>
      <c r="AF6083" s="99"/>
      <c r="AG6083" s="99"/>
      <c r="AH6083" s="99"/>
      <c r="AI6083" s="99"/>
      <c r="AJ6083" s="99"/>
      <c r="AK6083" s="99"/>
      <c r="AL6083" s="99"/>
      <c r="AM6083" s="99"/>
      <c r="AN6083" s="99"/>
      <c r="AO6083" s="99"/>
      <c r="AP6083" s="99"/>
      <c r="AQ6083" s="99"/>
      <c r="AR6083" s="99"/>
      <c r="AS6083" s="99"/>
      <c r="AT6083" s="99"/>
      <c r="AU6083" s="99"/>
      <c r="AV6083" s="99"/>
      <c r="AW6083" s="99"/>
      <c r="AX6083" s="99"/>
      <c r="AY6083" s="99"/>
      <c r="AZ6083" s="99"/>
      <c r="BA6083" s="99"/>
      <c r="BB6083" s="107">
        <v>45884</v>
      </c>
    </row>
    <row r="6084" spans="1:54" s="8" customFormat="1" ht="13.95" customHeight="1" x14ac:dyDescent="0.25">
      <c r="A6084" s="219" t="s">
        <v>14279</v>
      </c>
      <c r="B6084" s="220" t="s">
        <v>14192</v>
      </c>
      <c r="C6084" s="98" t="s">
        <v>14280</v>
      </c>
      <c r="D6084" s="98" t="s">
        <v>14281</v>
      </c>
      <c r="E6084" s="141">
        <v>1989</v>
      </c>
      <c r="F6084" s="141">
        <v>312</v>
      </c>
      <c r="G6084" s="98" t="s">
        <v>1</v>
      </c>
      <c r="H6084" s="98">
        <v>0</v>
      </c>
      <c r="I6084" s="98">
        <v>0</v>
      </c>
      <c r="J6084" s="98">
        <v>0</v>
      </c>
      <c r="K6084" s="98">
        <v>0</v>
      </c>
      <c r="L6084" s="98">
        <v>1</v>
      </c>
      <c r="M6084" s="98">
        <v>0</v>
      </c>
      <c r="N6084" s="98">
        <v>0</v>
      </c>
      <c r="O6084" s="98">
        <v>1</v>
      </c>
      <c r="P6084" s="98">
        <v>1</v>
      </c>
      <c r="Q6084" s="98">
        <v>0</v>
      </c>
      <c r="R6084" s="98">
        <v>1</v>
      </c>
      <c r="S6084" s="98">
        <v>0</v>
      </c>
      <c r="T6084" s="98">
        <v>0</v>
      </c>
      <c r="U6084" s="99"/>
      <c r="V6084" s="99"/>
      <c r="W6084" s="99"/>
      <c r="X6084" s="99"/>
      <c r="Y6084" s="99"/>
      <c r="Z6084" s="99"/>
      <c r="AA6084" s="99"/>
      <c r="AB6084" s="99"/>
      <c r="AC6084" s="99"/>
      <c r="AD6084" s="99"/>
      <c r="AE6084" s="99"/>
      <c r="AF6084" s="99"/>
      <c r="AG6084" s="99"/>
      <c r="AH6084" s="99"/>
      <c r="AI6084" s="99"/>
      <c r="AJ6084" s="99"/>
      <c r="AK6084" s="99"/>
      <c r="AL6084" s="99"/>
      <c r="AM6084" s="99"/>
      <c r="AN6084" s="99"/>
      <c r="AO6084" s="99"/>
      <c r="AP6084" s="99"/>
      <c r="AQ6084" s="99"/>
      <c r="AR6084" s="99"/>
      <c r="AS6084" s="99"/>
      <c r="AT6084" s="99"/>
      <c r="AU6084" s="99"/>
      <c r="AV6084" s="99"/>
      <c r="AW6084" s="99"/>
      <c r="AX6084" s="99"/>
      <c r="AY6084" s="99"/>
      <c r="AZ6084" s="99"/>
      <c r="BA6084" s="99"/>
      <c r="BB6084" s="107">
        <v>45884</v>
      </c>
    </row>
    <row r="6085" spans="1:54" s="8" customFormat="1" ht="13.95" customHeight="1" x14ac:dyDescent="0.25">
      <c r="A6085" s="219" t="s">
        <v>14282</v>
      </c>
      <c r="B6085" s="220" t="s">
        <v>14192</v>
      </c>
      <c r="C6085" s="98" t="s">
        <v>14283</v>
      </c>
      <c r="D6085" s="98" t="s">
        <v>14284</v>
      </c>
      <c r="E6085" s="141">
        <v>1979</v>
      </c>
      <c r="F6085" s="141">
        <v>322</v>
      </c>
      <c r="G6085" s="98" t="s">
        <v>1</v>
      </c>
      <c r="H6085" s="98">
        <v>0</v>
      </c>
      <c r="I6085" s="98">
        <v>0</v>
      </c>
      <c r="J6085" s="98">
        <v>0</v>
      </c>
      <c r="K6085" s="98">
        <v>0</v>
      </c>
      <c r="L6085" s="98">
        <v>1</v>
      </c>
      <c r="M6085" s="98">
        <v>1</v>
      </c>
      <c r="N6085" s="98">
        <v>0</v>
      </c>
      <c r="O6085" s="98">
        <v>1</v>
      </c>
      <c r="P6085" s="98">
        <v>0</v>
      </c>
      <c r="Q6085" s="98">
        <v>0</v>
      </c>
      <c r="R6085" s="98">
        <v>0</v>
      </c>
      <c r="S6085" s="98">
        <v>0</v>
      </c>
      <c r="T6085" s="98">
        <v>0</v>
      </c>
      <c r="U6085" s="99"/>
      <c r="V6085" s="99"/>
      <c r="W6085" s="99"/>
      <c r="X6085" s="99"/>
      <c r="Y6085" s="99"/>
      <c r="Z6085" s="99"/>
      <c r="AA6085" s="99"/>
      <c r="AB6085" s="99"/>
      <c r="AC6085" s="99"/>
      <c r="AD6085" s="99"/>
      <c r="AE6085" s="99"/>
      <c r="AF6085" s="99"/>
      <c r="AG6085" s="99"/>
      <c r="AH6085" s="99"/>
      <c r="AI6085" s="99"/>
      <c r="AJ6085" s="99"/>
      <c r="AK6085" s="99"/>
      <c r="AL6085" s="99"/>
      <c r="AM6085" s="99"/>
      <c r="AN6085" s="99"/>
      <c r="AO6085" s="99"/>
      <c r="AP6085" s="99"/>
      <c r="AQ6085" s="99"/>
      <c r="AR6085" s="99"/>
      <c r="AS6085" s="99"/>
      <c r="AT6085" s="99"/>
      <c r="AU6085" s="99"/>
      <c r="AV6085" s="99"/>
      <c r="AW6085" s="99"/>
      <c r="AX6085" s="99"/>
      <c r="AY6085" s="99"/>
      <c r="AZ6085" s="99"/>
      <c r="BA6085" s="99"/>
      <c r="BB6085" s="107">
        <v>45884</v>
      </c>
    </row>
    <row r="6086" spans="1:54" s="8" customFormat="1" ht="13.95" customHeight="1" x14ac:dyDescent="0.25">
      <c r="A6086" s="219" t="s">
        <v>14285</v>
      </c>
      <c r="B6086" s="220" t="s">
        <v>14192</v>
      </c>
      <c r="C6086" s="98" t="s">
        <v>14286</v>
      </c>
      <c r="D6086" s="98" t="s">
        <v>22247</v>
      </c>
      <c r="E6086" s="141">
        <v>1989</v>
      </c>
      <c r="F6086" s="141">
        <v>334</v>
      </c>
      <c r="G6086" s="98" t="s">
        <v>1</v>
      </c>
      <c r="H6086" s="98">
        <v>0</v>
      </c>
      <c r="I6086" s="98">
        <v>0</v>
      </c>
      <c r="J6086" s="98">
        <v>1</v>
      </c>
      <c r="K6086" s="98">
        <v>0</v>
      </c>
      <c r="L6086" s="98">
        <v>1</v>
      </c>
      <c r="M6086" s="98">
        <v>0</v>
      </c>
      <c r="N6086" s="98">
        <v>0</v>
      </c>
      <c r="O6086" s="98">
        <v>1</v>
      </c>
      <c r="P6086" s="98">
        <v>1</v>
      </c>
      <c r="Q6086" s="98">
        <v>0</v>
      </c>
      <c r="R6086" s="98">
        <v>0</v>
      </c>
      <c r="S6086" s="98">
        <v>0</v>
      </c>
      <c r="T6086" s="98">
        <v>0</v>
      </c>
      <c r="U6086" s="99"/>
      <c r="V6086" s="99"/>
      <c r="W6086" s="99"/>
      <c r="X6086" s="99"/>
      <c r="Y6086" s="99"/>
      <c r="Z6086" s="99"/>
      <c r="AA6086" s="99"/>
      <c r="AB6086" s="99"/>
      <c r="AC6086" s="99"/>
      <c r="AD6086" s="99"/>
      <c r="AE6086" s="99"/>
      <c r="AF6086" s="99"/>
      <c r="AG6086" s="99"/>
      <c r="AH6086" s="99"/>
      <c r="AI6086" s="99"/>
      <c r="AJ6086" s="99"/>
      <c r="AK6086" s="99"/>
      <c r="AL6086" s="99"/>
      <c r="AM6086" s="99"/>
      <c r="AN6086" s="99"/>
      <c r="AO6086" s="99"/>
      <c r="AP6086" s="99"/>
      <c r="AQ6086" s="99"/>
      <c r="AR6086" s="99"/>
      <c r="AS6086" s="99"/>
      <c r="AT6086" s="99"/>
      <c r="AU6086" s="99"/>
      <c r="AV6086" s="99"/>
      <c r="AW6086" s="99"/>
      <c r="AX6086" s="99"/>
      <c r="AY6086" s="99"/>
      <c r="AZ6086" s="99"/>
      <c r="BA6086" s="99"/>
      <c r="BB6086" s="107">
        <v>45884</v>
      </c>
    </row>
    <row r="6087" spans="1:54" s="8" customFormat="1" ht="13.95" customHeight="1" x14ac:dyDescent="0.25">
      <c r="A6087" s="219" t="s">
        <v>14287</v>
      </c>
      <c r="B6087" s="220" t="s">
        <v>14192</v>
      </c>
      <c r="C6087" s="98" t="s">
        <v>14288</v>
      </c>
      <c r="D6087" s="98" t="s">
        <v>14289</v>
      </c>
      <c r="E6087" s="141">
        <v>1980</v>
      </c>
      <c r="F6087" s="141">
        <v>348</v>
      </c>
      <c r="G6087" s="98" t="s">
        <v>1</v>
      </c>
      <c r="H6087" s="98">
        <v>0</v>
      </c>
      <c r="I6087" s="98">
        <v>0</v>
      </c>
      <c r="J6087" s="98">
        <v>0</v>
      </c>
      <c r="K6087" s="98">
        <v>0</v>
      </c>
      <c r="L6087" s="98">
        <v>1</v>
      </c>
      <c r="M6087" s="98">
        <v>0</v>
      </c>
      <c r="N6087" s="98">
        <v>0</v>
      </c>
      <c r="O6087" s="98">
        <v>1</v>
      </c>
      <c r="P6087" s="98">
        <v>1</v>
      </c>
      <c r="Q6087" s="98">
        <v>0</v>
      </c>
      <c r="R6087" s="98">
        <v>0</v>
      </c>
      <c r="S6087" s="98">
        <v>0</v>
      </c>
      <c r="T6087" s="98">
        <v>0</v>
      </c>
      <c r="U6087" s="99"/>
      <c r="V6087" s="99"/>
      <c r="W6087" s="99"/>
      <c r="X6087" s="99"/>
      <c r="Y6087" s="99"/>
      <c r="Z6087" s="99"/>
      <c r="AA6087" s="99"/>
      <c r="AB6087" s="99"/>
      <c r="AC6087" s="99"/>
      <c r="AD6087" s="99"/>
      <c r="AE6087" s="99"/>
      <c r="AF6087" s="99"/>
      <c r="AG6087" s="99"/>
      <c r="AH6087" s="99"/>
      <c r="AI6087" s="99"/>
      <c r="AJ6087" s="99"/>
      <c r="AK6087" s="99"/>
      <c r="AL6087" s="99"/>
      <c r="AM6087" s="99"/>
      <c r="AN6087" s="99"/>
      <c r="AO6087" s="99"/>
      <c r="AP6087" s="99"/>
      <c r="AQ6087" s="99"/>
      <c r="AR6087" s="99"/>
      <c r="AS6087" s="99"/>
      <c r="AT6087" s="99"/>
      <c r="AU6087" s="99"/>
      <c r="AV6087" s="99"/>
      <c r="AW6087" s="99"/>
      <c r="AX6087" s="99"/>
      <c r="AY6087" s="99"/>
      <c r="AZ6087" s="99"/>
      <c r="BA6087" s="99"/>
      <c r="BB6087" s="107">
        <v>45884</v>
      </c>
    </row>
    <row r="6088" spans="1:54" s="8" customFormat="1" ht="13.95" customHeight="1" x14ac:dyDescent="0.25">
      <c r="A6088" s="219" t="s">
        <v>14290</v>
      </c>
      <c r="B6088" s="220" t="s">
        <v>14192</v>
      </c>
      <c r="C6088" s="98" t="s">
        <v>14291</v>
      </c>
      <c r="D6088" s="98" t="s">
        <v>14292</v>
      </c>
      <c r="E6088" s="141">
        <v>1978</v>
      </c>
      <c r="F6088" s="141">
        <v>355</v>
      </c>
      <c r="G6088" s="98" t="s">
        <v>1</v>
      </c>
      <c r="H6088" s="98">
        <v>0</v>
      </c>
      <c r="I6088" s="98">
        <v>0</v>
      </c>
      <c r="J6088" s="98">
        <v>0</v>
      </c>
      <c r="K6088" s="98">
        <v>1</v>
      </c>
      <c r="L6088" s="98">
        <v>0</v>
      </c>
      <c r="M6088" s="98">
        <v>0</v>
      </c>
      <c r="N6088" s="98">
        <v>0</v>
      </c>
      <c r="O6088" s="98">
        <v>1</v>
      </c>
      <c r="P6088" s="98">
        <v>0</v>
      </c>
      <c r="Q6088" s="98">
        <v>0</v>
      </c>
      <c r="R6088" s="98">
        <v>0</v>
      </c>
      <c r="S6088" s="98">
        <v>0</v>
      </c>
      <c r="T6088" s="98">
        <v>0</v>
      </c>
      <c r="U6088" s="99"/>
      <c r="V6088" s="99"/>
      <c r="W6088" s="99"/>
      <c r="X6088" s="99"/>
      <c r="Y6088" s="99"/>
      <c r="Z6088" s="99"/>
      <c r="AA6088" s="99"/>
      <c r="AB6088" s="99"/>
      <c r="AC6088" s="99"/>
      <c r="AD6088" s="99"/>
      <c r="AE6088" s="99"/>
      <c r="AF6088" s="99"/>
      <c r="AG6088" s="99"/>
      <c r="AH6088" s="99"/>
      <c r="AI6088" s="99"/>
      <c r="AJ6088" s="99"/>
      <c r="AK6088" s="99"/>
      <c r="AL6088" s="99"/>
      <c r="AM6088" s="99"/>
      <c r="AN6088" s="99"/>
      <c r="AO6088" s="99"/>
      <c r="AP6088" s="99"/>
      <c r="AQ6088" s="99"/>
      <c r="AR6088" s="99"/>
      <c r="AS6088" s="99"/>
      <c r="AT6088" s="99"/>
      <c r="AU6088" s="99"/>
      <c r="AV6088" s="99"/>
      <c r="AW6088" s="99"/>
      <c r="AX6088" s="99"/>
      <c r="AY6088" s="99"/>
      <c r="AZ6088" s="99"/>
      <c r="BA6088" s="99"/>
      <c r="BB6088" s="107">
        <v>45884</v>
      </c>
    </row>
    <row r="6089" spans="1:54" s="8" customFormat="1" ht="13.95" customHeight="1" x14ac:dyDescent="0.25">
      <c r="A6089" s="219" t="s">
        <v>14293</v>
      </c>
      <c r="B6089" s="220" t="s">
        <v>14192</v>
      </c>
      <c r="C6089" s="98" t="s">
        <v>14294</v>
      </c>
      <c r="D6089" s="98" t="s">
        <v>14295</v>
      </c>
      <c r="E6089" s="141">
        <v>1978</v>
      </c>
      <c r="F6089" s="141">
        <v>356</v>
      </c>
      <c r="G6089" s="98" t="s">
        <v>1</v>
      </c>
      <c r="H6089" s="98">
        <v>0</v>
      </c>
      <c r="I6089" s="98">
        <v>0</v>
      </c>
      <c r="J6089" s="98">
        <v>0</v>
      </c>
      <c r="K6089" s="98">
        <v>1</v>
      </c>
      <c r="L6089" s="98">
        <v>1</v>
      </c>
      <c r="M6089" s="98">
        <v>0</v>
      </c>
      <c r="N6089" s="98">
        <v>0</v>
      </c>
      <c r="O6089" s="98">
        <v>1</v>
      </c>
      <c r="P6089" s="98">
        <v>1</v>
      </c>
      <c r="Q6089" s="98">
        <v>0</v>
      </c>
      <c r="R6089" s="98">
        <v>0</v>
      </c>
      <c r="S6089" s="98">
        <v>0</v>
      </c>
      <c r="T6089" s="98">
        <v>0</v>
      </c>
      <c r="U6089" s="99"/>
      <c r="V6089" s="99"/>
      <c r="W6089" s="99"/>
      <c r="X6089" s="99"/>
      <c r="Y6089" s="99"/>
      <c r="Z6089" s="99"/>
      <c r="AA6089" s="99"/>
      <c r="AB6089" s="99"/>
      <c r="AC6089" s="99"/>
      <c r="AD6089" s="99"/>
      <c r="AE6089" s="99"/>
      <c r="AF6089" s="99"/>
      <c r="AG6089" s="99"/>
      <c r="AH6089" s="99"/>
      <c r="AI6089" s="99"/>
      <c r="AJ6089" s="99"/>
      <c r="AK6089" s="99"/>
      <c r="AL6089" s="99"/>
      <c r="AM6089" s="99"/>
      <c r="AN6089" s="99"/>
      <c r="AO6089" s="99"/>
      <c r="AP6089" s="99"/>
      <c r="AQ6089" s="99"/>
      <c r="AR6089" s="99"/>
      <c r="AS6089" s="99"/>
      <c r="AT6089" s="99"/>
      <c r="AU6089" s="99"/>
      <c r="AV6089" s="99"/>
      <c r="AW6089" s="99"/>
      <c r="AX6089" s="99"/>
      <c r="AY6089" s="99"/>
      <c r="AZ6089" s="99"/>
      <c r="BA6089" s="99"/>
      <c r="BB6089" s="107">
        <v>45884</v>
      </c>
    </row>
    <row r="6090" spans="1:54" s="8" customFormat="1" ht="13.95" customHeight="1" x14ac:dyDescent="0.25">
      <c r="A6090" s="219" t="s">
        <v>14296</v>
      </c>
      <c r="B6090" s="220" t="s">
        <v>14192</v>
      </c>
      <c r="C6090" s="98" t="s">
        <v>14297</v>
      </c>
      <c r="D6090" s="98" t="s">
        <v>14298</v>
      </c>
      <c r="E6090" s="141">
        <v>1999</v>
      </c>
      <c r="F6090" s="141">
        <v>369</v>
      </c>
      <c r="G6090" s="98" t="s">
        <v>1</v>
      </c>
      <c r="H6090" s="98">
        <v>0</v>
      </c>
      <c r="I6090" s="98">
        <v>0</v>
      </c>
      <c r="J6090" s="98">
        <v>1</v>
      </c>
      <c r="K6090" s="98">
        <v>1</v>
      </c>
      <c r="L6090" s="98">
        <v>1</v>
      </c>
      <c r="M6090" s="98">
        <v>0</v>
      </c>
      <c r="N6090" s="98">
        <v>0</v>
      </c>
      <c r="O6090" s="98">
        <v>1</v>
      </c>
      <c r="P6090" s="98">
        <v>1</v>
      </c>
      <c r="Q6090" s="98">
        <v>0</v>
      </c>
      <c r="R6090" s="98">
        <v>1</v>
      </c>
      <c r="S6090" s="98">
        <v>0</v>
      </c>
      <c r="T6090" s="98">
        <v>0</v>
      </c>
      <c r="U6090" s="99"/>
      <c r="V6090" s="99"/>
      <c r="W6090" s="99"/>
      <c r="X6090" s="99"/>
      <c r="Y6090" s="99"/>
      <c r="Z6090" s="99"/>
      <c r="AA6090" s="99"/>
      <c r="AB6090" s="99"/>
      <c r="AC6090" s="99"/>
      <c r="AD6090" s="99"/>
      <c r="AE6090" s="99"/>
      <c r="AF6090" s="99"/>
      <c r="AG6090" s="99"/>
      <c r="AH6090" s="99"/>
      <c r="AI6090" s="99"/>
      <c r="AJ6090" s="99"/>
      <c r="AK6090" s="99"/>
      <c r="AL6090" s="99"/>
      <c r="AM6090" s="99"/>
      <c r="AN6090" s="99"/>
      <c r="AO6090" s="99"/>
      <c r="AP6090" s="99"/>
      <c r="AQ6090" s="99"/>
      <c r="AR6090" s="99"/>
      <c r="AS6090" s="99"/>
      <c r="AT6090" s="99"/>
      <c r="AU6090" s="99"/>
      <c r="AV6090" s="99"/>
      <c r="AW6090" s="99"/>
      <c r="AX6090" s="99"/>
      <c r="AY6090" s="99"/>
      <c r="AZ6090" s="99"/>
      <c r="BA6090" s="99"/>
      <c r="BB6090" s="107">
        <v>45884</v>
      </c>
    </row>
    <row r="6091" spans="1:54" s="8" customFormat="1" ht="13.95" customHeight="1" x14ac:dyDescent="0.25">
      <c r="A6091" s="219" t="s">
        <v>14299</v>
      </c>
      <c r="B6091" s="220" t="s">
        <v>14192</v>
      </c>
      <c r="C6091" s="98" t="s">
        <v>14300</v>
      </c>
      <c r="D6091" s="98" t="s">
        <v>14301</v>
      </c>
      <c r="E6091" s="141">
        <v>1999</v>
      </c>
      <c r="F6091" s="141">
        <v>379</v>
      </c>
      <c r="G6091" s="98" t="s">
        <v>1</v>
      </c>
      <c r="H6091" s="98">
        <v>0</v>
      </c>
      <c r="I6091" s="98">
        <v>0</v>
      </c>
      <c r="J6091" s="98">
        <v>0</v>
      </c>
      <c r="K6091" s="98">
        <v>0</v>
      </c>
      <c r="L6091" s="98">
        <v>1</v>
      </c>
      <c r="M6091" s="98">
        <v>0</v>
      </c>
      <c r="N6091" s="98">
        <v>0</v>
      </c>
      <c r="O6091" s="98">
        <v>1</v>
      </c>
      <c r="P6091" s="98">
        <v>1</v>
      </c>
      <c r="Q6091" s="98">
        <v>0</v>
      </c>
      <c r="R6091" s="98">
        <v>1</v>
      </c>
      <c r="S6091" s="98">
        <v>0</v>
      </c>
      <c r="T6091" s="98">
        <v>0</v>
      </c>
      <c r="U6091" s="99"/>
      <c r="V6091" s="99"/>
      <c r="W6091" s="99"/>
      <c r="X6091" s="99"/>
      <c r="Y6091" s="99"/>
      <c r="Z6091" s="99"/>
      <c r="AA6091" s="99"/>
      <c r="AB6091" s="99"/>
      <c r="AC6091" s="99"/>
      <c r="AD6091" s="99"/>
      <c r="AE6091" s="99"/>
      <c r="AF6091" s="99"/>
      <c r="AG6091" s="99"/>
      <c r="AH6091" s="99"/>
      <c r="AI6091" s="99"/>
      <c r="AJ6091" s="99"/>
      <c r="AK6091" s="99"/>
      <c r="AL6091" s="99"/>
      <c r="AM6091" s="99"/>
      <c r="AN6091" s="99"/>
      <c r="AO6091" s="99"/>
      <c r="AP6091" s="99"/>
      <c r="AQ6091" s="99"/>
      <c r="AR6091" s="99"/>
      <c r="AS6091" s="99"/>
      <c r="AT6091" s="99"/>
      <c r="AU6091" s="99"/>
      <c r="AV6091" s="99"/>
      <c r="AW6091" s="99"/>
      <c r="AX6091" s="99"/>
      <c r="AY6091" s="99"/>
      <c r="AZ6091" s="99"/>
      <c r="BA6091" s="99"/>
      <c r="BB6091" s="107">
        <v>45884</v>
      </c>
    </row>
    <row r="6092" spans="1:54" s="8" customFormat="1" ht="13.95" customHeight="1" x14ac:dyDescent="0.25">
      <c r="A6092" s="219" t="s">
        <v>14302</v>
      </c>
      <c r="B6092" s="220" t="s">
        <v>14192</v>
      </c>
      <c r="C6092" s="98" t="s">
        <v>14303</v>
      </c>
      <c r="D6092" s="98" t="s">
        <v>14304</v>
      </c>
      <c r="E6092" s="141">
        <v>1993</v>
      </c>
      <c r="F6092" s="141">
        <v>380</v>
      </c>
      <c r="G6092" s="98" t="s">
        <v>1</v>
      </c>
      <c r="H6092" s="98">
        <v>0</v>
      </c>
      <c r="I6092" s="98">
        <v>0</v>
      </c>
      <c r="J6092" s="98">
        <v>1</v>
      </c>
      <c r="K6092" s="98">
        <v>0</v>
      </c>
      <c r="L6092" s="98">
        <v>1</v>
      </c>
      <c r="M6092" s="98">
        <v>1</v>
      </c>
      <c r="N6092" s="98">
        <v>0</v>
      </c>
      <c r="O6092" s="98">
        <v>0</v>
      </c>
      <c r="P6092" s="98">
        <v>1</v>
      </c>
      <c r="Q6092" s="98">
        <v>0</v>
      </c>
      <c r="R6092" s="98">
        <v>0</v>
      </c>
      <c r="S6092" s="98">
        <v>0</v>
      </c>
      <c r="T6092" s="98">
        <v>0</v>
      </c>
      <c r="U6092" s="99"/>
      <c r="V6092" s="99"/>
      <c r="W6092" s="99"/>
      <c r="X6092" s="99"/>
      <c r="Y6092" s="99"/>
      <c r="Z6092" s="99"/>
      <c r="AA6092" s="99"/>
      <c r="AB6092" s="99"/>
      <c r="AC6092" s="99"/>
      <c r="AD6092" s="99"/>
      <c r="AE6092" s="99"/>
      <c r="AF6092" s="99"/>
      <c r="AG6092" s="99"/>
      <c r="AH6092" s="99"/>
      <c r="AI6092" s="99"/>
      <c r="AJ6092" s="99"/>
      <c r="AK6092" s="99"/>
      <c r="AL6092" s="99"/>
      <c r="AM6092" s="99"/>
      <c r="AN6092" s="99"/>
      <c r="AO6092" s="99"/>
      <c r="AP6092" s="99"/>
      <c r="AQ6092" s="99"/>
      <c r="AR6092" s="99"/>
      <c r="AS6092" s="99"/>
      <c r="AT6092" s="99"/>
      <c r="AU6092" s="99"/>
      <c r="AV6092" s="99"/>
      <c r="AW6092" s="99"/>
      <c r="AX6092" s="99"/>
      <c r="AY6092" s="99"/>
      <c r="AZ6092" s="99"/>
      <c r="BA6092" s="99"/>
      <c r="BB6092" s="107">
        <v>45884</v>
      </c>
    </row>
    <row r="6093" spans="1:54" s="8" customFormat="1" ht="13.95" customHeight="1" x14ac:dyDescent="0.25">
      <c r="A6093" s="219" t="s">
        <v>14305</v>
      </c>
      <c r="B6093" s="220" t="s">
        <v>14192</v>
      </c>
      <c r="C6093" s="98" t="s">
        <v>14306</v>
      </c>
      <c r="D6093" s="98" t="s">
        <v>14307</v>
      </c>
      <c r="E6093" s="141">
        <v>1999</v>
      </c>
      <c r="F6093" s="141">
        <v>401</v>
      </c>
      <c r="G6093" s="98" t="s">
        <v>1</v>
      </c>
      <c r="H6093" s="98">
        <v>0</v>
      </c>
      <c r="I6093" s="98">
        <v>0</v>
      </c>
      <c r="J6093" s="98">
        <v>1</v>
      </c>
      <c r="K6093" s="98">
        <v>1</v>
      </c>
      <c r="L6093" s="98">
        <v>1</v>
      </c>
      <c r="M6093" s="98">
        <v>1</v>
      </c>
      <c r="N6093" s="98">
        <v>0</v>
      </c>
      <c r="O6093" s="98">
        <v>1</v>
      </c>
      <c r="P6093" s="98">
        <v>1</v>
      </c>
      <c r="Q6093" s="98">
        <v>0</v>
      </c>
      <c r="R6093" s="98">
        <v>0</v>
      </c>
      <c r="S6093" s="98">
        <v>0</v>
      </c>
      <c r="T6093" s="98">
        <v>0</v>
      </c>
      <c r="U6093" s="99"/>
      <c r="V6093" s="99"/>
      <c r="W6093" s="99"/>
      <c r="X6093" s="99"/>
      <c r="Y6093" s="99"/>
      <c r="Z6093" s="99"/>
      <c r="AA6093" s="99"/>
      <c r="AB6093" s="99"/>
      <c r="AC6093" s="99"/>
      <c r="AD6093" s="99"/>
      <c r="AE6093" s="99"/>
      <c r="AF6093" s="99"/>
      <c r="AG6093" s="99"/>
      <c r="AH6093" s="99"/>
      <c r="AI6093" s="99"/>
      <c r="AJ6093" s="99"/>
      <c r="AK6093" s="99"/>
      <c r="AL6093" s="99"/>
      <c r="AM6093" s="99"/>
      <c r="AN6093" s="99"/>
      <c r="AO6093" s="99"/>
      <c r="AP6093" s="99"/>
      <c r="AQ6093" s="99"/>
      <c r="AR6093" s="99"/>
      <c r="AS6093" s="99"/>
      <c r="AT6093" s="99"/>
      <c r="AU6093" s="99"/>
      <c r="AV6093" s="99"/>
      <c r="AW6093" s="99"/>
      <c r="AX6093" s="99"/>
      <c r="AY6093" s="99"/>
      <c r="AZ6093" s="99"/>
      <c r="BA6093" s="99"/>
      <c r="BB6093" s="107">
        <v>45884</v>
      </c>
    </row>
    <row r="6094" spans="1:54" s="8" customFormat="1" ht="13.95" customHeight="1" x14ac:dyDescent="0.25">
      <c r="A6094" s="219" t="s">
        <v>14308</v>
      </c>
      <c r="B6094" s="220" t="s">
        <v>14192</v>
      </c>
      <c r="C6094" s="98" t="s">
        <v>14309</v>
      </c>
      <c r="D6094" s="98" t="s">
        <v>14310</v>
      </c>
      <c r="E6094" s="141">
        <v>1991</v>
      </c>
      <c r="F6094" s="141">
        <v>428</v>
      </c>
      <c r="G6094" s="98" t="s">
        <v>1</v>
      </c>
      <c r="H6094" s="98">
        <v>0</v>
      </c>
      <c r="I6094" s="98">
        <v>0</v>
      </c>
      <c r="J6094" s="98">
        <v>0</v>
      </c>
      <c r="K6094" s="98">
        <v>1</v>
      </c>
      <c r="L6094" s="98">
        <v>0</v>
      </c>
      <c r="M6094" s="98">
        <v>0</v>
      </c>
      <c r="N6094" s="98">
        <v>1</v>
      </c>
      <c r="O6094" s="98">
        <v>1</v>
      </c>
      <c r="P6094" s="98">
        <v>0</v>
      </c>
      <c r="Q6094" s="98">
        <v>0</v>
      </c>
      <c r="R6094" s="98">
        <v>0</v>
      </c>
      <c r="S6094" s="98">
        <v>1</v>
      </c>
      <c r="T6094" s="98">
        <v>0</v>
      </c>
      <c r="U6094" s="99"/>
      <c r="V6094" s="99"/>
      <c r="W6094" s="99"/>
      <c r="X6094" s="99"/>
      <c r="Y6094" s="99"/>
      <c r="Z6094" s="99"/>
      <c r="AA6094" s="99"/>
      <c r="AB6094" s="99"/>
      <c r="AC6094" s="99"/>
      <c r="AD6094" s="99"/>
      <c r="AE6094" s="99"/>
      <c r="AF6094" s="99"/>
      <c r="AG6094" s="99"/>
      <c r="AH6094" s="99"/>
      <c r="AI6094" s="99"/>
      <c r="AJ6094" s="99"/>
      <c r="AK6094" s="99"/>
      <c r="AL6094" s="99"/>
      <c r="AM6094" s="99"/>
      <c r="AN6094" s="99"/>
      <c r="AO6094" s="99"/>
      <c r="AP6094" s="99"/>
      <c r="AQ6094" s="99"/>
      <c r="AR6094" s="99"/>
      <c r="AS6094" s="99"/>
      <c r="AT6094" s="99"/>
      <c r="AU6094" s="99"/>
      <c r="AV6094" s="99"/>
      <c r="AW6094" s="99"/>
      <c r="AX6094" s="99"/>
      <c r="AY6094" s="99"/>
      <c r="AZ6094" s="99"/>
      <c r="BA6094" s="99"/>
      <c r="BB6094" s="107">
        <v>45884</v>
      </c>
    </row>
    <row r="6095" spans="1:54" s="8" customFormat="1" ht="13.95" customHeight="1" x14ac:dyDescent="0.25">
      <c r="A6095" s="219" t="s">
        <v>14311</v>
      </c>
      <c r="B6095" s="220" t="s">
        <v>14192</v>
      </c>
      <c r="C6095" s="98" t="s">
        <v>14312</v>
      </c>
      <c r="D6095" s="98" t="s">
        <v>14313</v>
      </c>
      <c r="E6095" s="141">
        <v>1983</v>
      </c>
      <c r="F6095" s="141">
        <v>430</v>
      </c>
      <c r="G6095" s="98" t="s">
        <v>1</v>
      </c>
      <c r="H6095" s="98">
        <v>0</v>
      </c>
      <c r="I6095" s="98">
        <v>0</v>
      </c>
      <c r="J6095" s="98">
        <v>1</v>
      </c>
      <c r="K6095" s="98">
        <v>0</v>
      </c>
      <c r="L6095" s="98">
        <v>1</v>
      </c>
      <c r="M6095" s="98">
        <v>0</v>
      </c>
      <c r="N6095" s="98">
        <v>1</v>
      </c>
      <c r="O6095" s="98">
        <v>1</v>
      </c>
      <c r="P6095" s="98">
        <v>1</v>
      </c>
      <c r="Q6095" s="98">
        <v>0</v>
      </c>
      <c r="R6095" s="98">
        <v>0</v>
      </c>
      <c r="S6095" s="98">
        <v>0</v>
      </c>
      <c r="T6095" s="98">
        <v>0</v>
      </c>
      <c r="U6095" s="99"/>
      <c r="V6095" s="99"/>
      <c r="W6095" s="99"/>
      <c r="X6095" s="99"/>
      <c r="Y6095" s="99"/>
      <c r="Z6095" s="99"/>
      <c r="AA6095" s="99"/>
      <c r="AB6095" s="99"/>
      <c r="AC6095" s="99"/>
      <c r="AD6095" s="99"/>
      <c r="AE6095" s="99"/>
      <c r="AF6095" s="99"/>
      <c r="AG6095" s="99"/>
      <c r="AH6095" s="99"/>
      <c r="AI6095" s="99"/>
      <c r="AJ6095" s="99"/>
      <c r="AK6095" s="99"/>
      <c r="AL6095" s="99"/>
      <c r="AM6095" s="99"/>
      <c r="AN6095" s="99"/>
      <c r="AO6095" s="99"/>
      <c r="AP6095" s="99"/>
      <c r="AQ6095" s="99"/>
      <c r="AR6095" s="99"/>
      <c r="AS6095" s="99"/>
      <c r="AT6095" s="99"/>
      <c r="AU6095" s="99"/>
      <c r="AV6095" s="99"/>
      <c r="AW6095" s="99"/>
      <c r="AX6095" s="99"/>
      <c r="AY6095" s="99"/>
      <c r="AZ6095" s="99"/>
      <c r="BA6095" s="99"/>
      <c r="BB6095" s="107">
        <v>45884</v>
      </c>
    </row>
    <row r="6096" spans="1:54" s="8" customFormat="1" ht="13.95" customHeight="1" x14ac:dyDescent="0.25">
      <c r="A6096" s="219" t="s">
        <v>14314</v>
      </c>
      <c r="B6096" s="220" t="s">
        <v>14192</v>
      </c>
      <c r="C6096" s="98" t="s">
        <v>14315</v>
      </c>
      <c r="D6096" s="98" t="s">
        <v>14316</v>
      </c>
      <c r="E6096" s="141">
        <v>1978</v>
      </c>
      <c r="F6096" s="141">
        <v>446</v>
      </c>
      <c r="G6096" s="98" t="s">
        <v>1</v>
      </c>
      <c r="H6096" s="98">
        <v>0</v>
      </c>
      <c r="I6096" s="98">
        <v>0</v>
      </c>
      <c r="J6096" s="98">
        <v>1</v>
      </c>
      <c r="K6096" s="98">
        <v>0</v>
      </c>
      <c r="L6096" s="98">
        <v>1</v>
      </c>
      <c r="M6096" s="98">
        <v>0</v>
      </c>
      <c r="N6096" s="98">
        <v>0</v>
      </c>
      <c r="O6096" s="98">
        <v>1</v>
      </c>
      <c r="P6096" s="98">
        <v>1</v>
      </c>
      <c r="Q6096" s="98">
        <v>1</v>
      </c>
      <c r="R6096" s="98">
        <v>0</v>
      </c>
      <c r="S6096" s="98">
        <v>0</v>
      </c>
      <c r="T6096" s="98">
        <v>0</v>
      </c>
      <c r="U6096" s="99"/>
      <c r="V6096" s="99"/>
      <c r="W6096" s="99"/>
      <c r="X6096" s="99"/>
      <c r="Y6096" s="99"/>
      <c r="Z6096" s="99"/>
      <c r="AA6096" s="99"/>
      <c r="AB6096" s="99"/>
      <c r="AC6096" s="99"/>
      <c r="AD6096" s="99"/>
      <c r="AE6096" s="99"/>
      <c r="AF6096" s="99"/>
      <c r="AG6096" s="99"/>
      <c r="AH6096" s="99"/>
      <c r="AI6096" s="99"/>
      <c r="AJ6096" s="99"/>
      <c r="AK6096" s="99"/>
      <c r="AL6096" s="99"/>
      <c r="AM6096" s="99"/>
      <c r="AN6096" s="99"/>
      <c r="AO6096" s="99"/>
      <c r="AP6096" s="99"/>
      <c r="AQ6096" s="99"/>
      <c r="AR6096" s="99"/>
      <c r="AS6096" s="99"/>
      <c r="AT6096" s="99"/>
      <c r="AU6096" s="99"/>
      <c r="AV6096" s="99"/>
      <c r="AW6096" s="99"/>
      <c r="AX6096" s="99"/>
      <c r="AY6096" s="99"/>
      <c r="AZ6096" s="99"/>
      <c r="BA6096" s="99"/>
      <c r="BB6096" s="107">
        <v>45884</v>
      </c>
    </row>
    <row r="6097" spans="1:54" s="8" customFormat="1" ht="13.95" customHeight="1" x14ac:dyDescent="0.25">
      <c r="A6097" s="219" t="s">
        <v>14317</v>
      </c>
      <c r="B6097" s="220" t="s">
        <v>14192</v>
      </c>
      <c r="C6097" s="98" t="s">
        <v>14318</v>
      </c>
      <c r="D6097" s="98" t="s">
        <v>22248</v>
      </c>
      <c r="E6097" s="141">
        <v>1980</v>
      </c>
      <c r="F6097" s="141">
        <v>448</v>
      </c>
      <c r="G6097" s="98" t="s">
        <v>1</v>
      </c>
      <c r="H6097" s="98">
        <v>0</v>
      </c>
      <c r="I6097" s="98">
        <v>0</v>
      </c>
      <c r="J6097" s="98">
        <v>1</v>
      </c>
      <c r="K6097" s="98">
        <v>1</v>
      </c>
      <c r="L6097" s="98">
        <v>1</v>
      </c>
      <c r="M6097" s="98">
        <v>0</v>
      </c>
      <c r="N6097" s="98">
        <v>0</v>
      </c>
      <c r="O6097" s="98">
        <v>1</v>
      </c>
      <c r="P6097" s="98">
        <v>1</v>
      </c>
      <c r="Q6097" s="98">
        <v>0</v>
      </c>
      <c r="R6097" s="98">
        <v>0</v>
      </c>
      <c r="S6097" s="98">
        <v>1</v>
      </c>
      <c r="T6097" s="98">
        <v>0</v>
      </c>
      <c r="U6097" s="99"/>
      <c r="V6097" s="99"/>
      <c r="W6097" s="99"/>
      <c r="X6097" s="99"/>
      <c r="Y6097" s="99"/>
      <c r="Z6097" s="99"/>
      <c r="AA6097" s="99"/>
      <c r="AB6097" s="99"/>
      <c r="AC6097" s="99"/>
      <c r="AD6097" s="99"/>
      <c r="AE6097" s="99"/>
      <c r="AF6097" s="99"/>
      <c r="AG6097" s="99"/>
      <c r="AH6097" s="99"/>
      <c r="AI6097" s="99"/>
      <c r="AJ6097" s="99"/>
      <c r="AK6097" s="99"/>
      <c r="AL6097" s="99"/>
      <c r="AM6097" s="99"/>
      <c r="AN6097" s="99"/>
      <c r="AO6097" s="99"/>
      <c r="AP6097" s="99"/>
      <c r="AQ6097" s="99"/>
      <c r="AR6097" s="99"/>
      <c r="AS6097" s="99"/>
      <c r="AT6097" s="99"/>
      <c r="AU6097" s="99"/>
      <c r="AV6097" s="99"/>
      <c r="AW6097" s="99"/>
      <c r="AX6097" s="99"/>
      <c r="AY6097" s="99"/>
      <c r="AZ6097" s="99"/>
      <c r="BA6097" s="99"/>
      <c r="BB6097" s="107">
        <v>45884</v>
      </c>
    </row>
    <row r="6098" spans="1:54" s="8" customFormat="1" ht="13.95" customHeight="1" x14ac:dyDescent="0.25">
      <c r="A6098" s="219" t="s">
        <v>14319</v>
      </c>
      <c r="B6098" s="220" t="s">
        <v>14192</v>
      </c>
      <c r="C6098" s="98" t="s">
        <v>14320</v>
      </c>
      <c r="D6098" s="98" t="s">
        <v>14321</v>
      </c>
      <c r="E6098" s="141">
        <v>1983</v>
      </c>
      <c r="F6098" s="141">
        <v>450</v>
      </c>
      <c r="G6098" s="98" t="s">
        <v>1</v>
      </c>
      <c r="H6098" s="98">
        <v>0</v>
      </c>
      <c r="I6098" s="98">
        <v>0</v>
      </c>
      <c r="J6098" s="98">
        <v>0</v>
      </c>
      <c r="K6098" s="98">
        <v>0</v>
      </c>
      <c r="L6098" s="98">
        <v>1</v>
      </c>
      <c r="M6098" s="98">
        <v>0</v>
      </c>
      <c r="N6098" s="98">
        <v>0</v>
      </c>
      <c r="O6098" s="98">
        <v>1</v>
      </c>
      <c r="P6098" s="98">
        <v>1</v>
      </c>
      <c r="Q6098" s="98">
        <v>0</v>
      </c>
      <c r="R6098" s="98">
        <v>0</v>
      </c>
      <c r="S6098" s="98">
        <v>0</v>
      </c>
      <c r="T6098" s="98">
        <v>0</v>
      </c>
      <c r="U6098" s="99"/>
      <c r="V6098" s="99"/>
      <c r="W6098" s="99"/>
      <c r="X6098" s="99"/>
      <c r="Y6098" s="99"/>
      <c r="Z6098" s="99"/>
      <c r="AA6098" s="99"/>
      <c r="AB6098" s="99"/>
      <c r="AC6098" s="99"/>
      <c r="AD6098" s="99"/>
      <c r="AE6098" s="99"/>
      <c r="AF6098" s="99"/>
      <c r="AG6098" s="99"/>
      <c r="AH6098" s="99"/>
      <c r="AI6098" s="99"/>
      <c r="AJ6098" s="99"/>
      <c r="AK6098" s="99"/>
      <c r="AL6098" s="99"/>
      <c r="AM6098" s="99"/>
      <c r="AN6098" s="99"/>
      <c r="AO6098" s="99"/>
      <c r="AP6098" s="99"/>
      <c r="AQ6098" s="99"/>
      <c r="AR6098" s="99"/>
      <c r="AS6098" s="99"/>
      <c r="AT6098" s="99"/>
      <c r="AU6098" s="99"/>
      <c r="AV6098" s="99"/>
      <c r="AW6098" s="99"/>
      <c r="AX6098" s="99"/>
      <c r="AY6098" s="99"/>
      <c r="AZ6098" s="99"/>
      <c r="BA6098" s="99"/>
      <c r="BB6098" s="107">
        <v>45884</v>
      </c>
    </row>
    <row r="6099" spans="1:54" s="8" customFormat="1" ht="13.95" customHeight="1" x14ac:dyDescent="0.25">
      <c r="A6099" s="219" t="s">
        <v>14322</v>
      </c>
      <c r="B6099" s="220" t="s">
        <v>14192</v>
      </c>
      <c r="C6099" s="98" t="s">
        <v>14323</v>
      </c>
      <c r="D6099" s="98" t="s">
        <v>14324</v>
      </c>
      <c r="E6099" s="141">
        <v>1986</v>
      </c>
      <c r="F6099" s="141">
        <v>453</v>
      </c>
      <c r="G6099" s="98" t="s">
        <v>1</v>
      </c>
      <c r="H6099" s="98">
        <v>0</v>
      </c>
      <c r="I6099" s="98">
        <v>0</v>
      </c>
      <c r="J6099" s="98">
        <v>1</v>
      </c>
      <c r="K6099" s="98">
        <v>0</v>
      </c>
      <c r="L6099" s="98">
        <v>1</v>
      </c>
      <c r="M6099" s="98">
        <v>1</v>
      </c>
      <c r="N6099" s="98">
        <v>0</v>
      </c>
      <c r="O6099" s="98">
        <v>0</v>
      </c>
      <c r="P6099" s="98">
        <v>1</v>
      </c>
      <c r="Q6099" s="98">
        <v>0</v>
      </c>
      <c r="R6099" s="98">
        <v>0</v>
      </c>
      <c r="S6099" s="98">
        <v>0</v>
      </c>
      <c r="T6099" s="98">
        <v>0</v>
      </c>
      <c r="U6099" s="99"/>
      <c r="V6099" s="99"/>
      <c r="W6099" s="99"/>
      <c r="X6099" s="99"/>
      <c r="Y6099" s="99"/>
      <c r="Z6099" s="99"/>
      <c r="AA6099" s="99"/>
      <c r="AB6099" s="99"/>
      <c r="AC6099" s="99"/>
      <c r="AD6099" s="99"/>
      <c r="AE6099" s="99"/>
      <c r="AF6099" s="99"/>
      <c r="AG6099" s="99"/>
      <c r="AH6099" s="99"/>
      <c r="AI6099" s="99"/>
      <c r="AJ6099" s="99"/>
      <c r="AK6099" s="99"/>
      <c r="AL6099" s="99"/>
      <c r="AM6099" s="99"/>
      <c r="AN6099" s="99"/>
      <c r="AO6099" s="99"/>
      <c r="AP6099" s="99"/>
      <c r="AQ6099" s="99"/>
      <c r="AR6099" s="99"/>
      <c r="AS6099" s="99"/>
      <c r="AT6099" s="99"/>
      <c r="AU6099" s="99"/>
      <c r="AV6099" s="99"/>
      <c r="AW6099" s="99"/>
      <c r="AX6099" s="99"/>
      <c r="AY6099" s="99"/>
      <c r="AZ6099" s="99"/>
      <c r="BA6099" s="99"/>
      <c r="BB6099" s="107">
        <v>45884</v>
      </c>
    </row>
    <row r="6100" spans="1:54" s="8" customFormat="1" ht="13.95" customHeight="1" x14ac:dyDescent="0.25">
      <c r="A6100" s="219" t="s">
        <v>14325</v>
      </c>
      <c r="B6100" s="220" t="s">
        <v>14192</v>
      </c>
      <c r="C6100" s="98" t="s">
        <v>14326</v>
      </c>
      <c r="D6100" s="98" t="s">
        <v>14327</v>
      </c>
      <c r="E6100" s="141">
        <v>1987</v>
      </c>
      <c r="F6100" s="141">
        <v>459</v>
      </c>
      <c r="G6100" s="98" t="s">
        <v>1</v>
      </c>
      <c r="H6100" s="98">
        <v>0</v>
      </c>
      <c r="I6100" s="98">
        <v>0</v>
      </c>
      <c r="J6100" s="98">
        <v>1</v>
      </c>
      <c r="K6100" s="98">
        <v>1</v>
      </c>
      <c r="L6100" s="98">
        <v>1</v>
      </c>
      <c r="M6100" s="98">
        <v>0</v>
      </c>
      <c r="N6100" s="98">
        <v>0</v>
      </c>
      <c r="O6100" s="98">
        <v>1</v>
      </c>
      <c r="P6100" s="98">
        <v>1</v>
      </c>
      <c r="Q6100" s="98">
        <v>0</v>
      </c>
      <c r="R6100" s="98">
        <v>1</v>
      </c>
      <c r="S6100" s="98">
        <v>0</v>
      </c>
      <c r="T6100" s="98">
        <v>0</v>
      </c>
      <c r="U6100" s="99"/>
      <c r="V6100" s="99"/>
      <c r="W6100" s="99"/>
      <c r="X6100" s="99"/>
      <c r="Y6100" s="99"/>
      <c r="Z6100" s="99"/>
      <c r="AA6100" s="99"/>
      <c r="AB6100" s="99"/>
      <c r="AC6100" s="99"/>
      <c r="AD6100" s="99"/>
      <c r="AE6100" s="99"/>
      <c r="AF6100" s="99"/>
      <c r="AG6100" s="99"/>
      <c r="AH6100" s="99"/>
      <c r="AI6100" s="99"/>
      <c r="AJ6100" s="99"/>
      <c r="AK6100" s="99"/>
      <c r="AL6100" s="99"/>
      <c r="AM6100" s="99"/>
      <c r="AN6100" s="99"/>
      <c r="AO6100" s="99"/>
      <c r="AP6100" s="99"/>
      <c r="AQ6100" s="99"/>
      <c r="AR6100" s="99"/>
      <c r="AS6100" s="99"/>
      <c r="AT6100" s="99"/>
      <c r="AU6100" s="99"/>
      <c r="AV6100" s="99"/>
      <c r="AW6100" s="99"/>
      <c r="AX6100" s="99"/>
      <c r="AY6100" s="99"/>
      <c r="AZ6100" s="99"/>
      <c r="BA6100" s="99"/>
      <c r="BB6100" s="107">
        <v>45884</v>
      </c>
    </row>
    <row r="6101" spans="1:54" s="8" customFormat="1" ht="13.95" customHeight="1" x14ac:dyDescent="0.25">
      <c r="A6101" s="219" t="s">
        <v>14328</v>
      </c>
      <c r="B6101" s="220" t="s">
        <v>14192</v>
      </c>
      <c r="C6101" s="98" t="s">
        <v>14329</v>
      </c>
      <c r="D6101" s="98" t="s">
        <v>14330</v>
      </c>
      <c r="E6101" s="141">
        <v>1973</v>
      </c>
      <c r="F6101" s="141">
        <v>464</v>
      </c>
      <c r="G6101" s="98" t="s">
        <v>1</v>
      </c>
      <c r="H6101" s="98">
        <v>0</v>
      </c>
      <c r="I6101" s="98">
        <v>0</v>
      </c>
      <c r="J6101" s="98">
        <v>0</v>
      </c>
      <c r="K6101" s="98">
        <v>0</v>
      </c>
      <c r="L6101" s="98">
        <v>0</v>
      </c>
      <c r="M6101" s="98">
        <v>0</v>
      </c>
      <c r="N6101" s="98">
        <v>1</v>
      </c>
      <c r="O6101" s="98">
        <v>1</v>
      </c>
      <c r="P6101" s="98">
        <v>1</v>
      </c>
      <c r="Q6101" s="98">
        <v>0</v>
      </c>
      <c r="R6101" s="98">
        <v>0</v>
      </c>
      <c r="S6101" s="98">
        <v>1</v>
      </c>
      <c r="T6101" s="98">
        <v>0</v>
      </c>
      <c r="U6101" s="99"/>
      <c r="V6101" s="99"/>
      <c r="W6101" s="99"/>
      <c r="X6101" s="99"/>
      <c r="Y6101" s="99"/>
      <c r="Z6101" s="99"/>
      <c r="AA6101" s="99"/>
      <c r="AB6101" s="99"/>
      <c r="AC6101" s="99"/>
      <c r="AD6101" s="99"/>
      <c r="AE6101" s="99"/>
      <c r="AF6101" s="99"/>
      <c r="AG6101" s="99"/>
      <c r="AH6101" s="99"/>
      <c r="AI6101" s="99"/>
      <c r="AJ6101" s="99"/>
      <c r="AK6101" s="99"/>
      <c r="AL6101" s="99"/>
      <c r="AM6101" s="99"/>
      <c r="AN6101" s="99"/>
      <c r="AO6101" s="99"/>
      <c r="AP6101" s="99"/>
      <c r="AQ6101" s="99"/>
      <c r="AR6101" s="99"/>
      <c r="AS6101" s="99"/>
      <c r="AT6101" s="99"/>
      <c r="AU6101" s="99"/>
      <c r="AV6101" s="99"/>
      <c r="AW6101" s="99"/>
      <c r="AX6101" s="99"/>
      <c r="AY6101" s="99"/>
      <c r="AZ6101" s="99"/>
      <c r="BA6101" s="99"/>
      <c r="BB6101" s="107">
        <v>45884</v>
      </c>
    </row>
    <row r="6102" spans="1:54" s="8" customFormat="1" ht="13.95" customHeight="1" x14ac:dyDescent="0.25">
      <c r="A6102" s="219" t="s">
        <v>14331</v>
      </c>
      <c r="B6102" s="220" t="s">
        <v>14192</v>
      </c>
      <c r="C6102" s="98" t="s">
        <v>14332</v>
      </c>
      <c r="D6102" s="98" t="s">
        <v>14333</v>
      </c>
      <c r="E6102" s="141">
        <v>1992</v>
      </c>
      <c r="F6102" s="141">
        <v>477</v>
      </c>
      <c r="G6102" s="98" t="s">
        <v>1</v>
      </c>
      <c r="H6102" s="98">
        <v>0</v>
      </c>
      <c r="I6102" s="98">
        <v>0</v>
      </c>
      <c r="J6102" s="98">
        <v>1</v>
      </c>
      <c r="K6102" s="98">
        <v>1</v>
      </c>
      <c r="L6102" s="98">
        <v>0</v>
      </c>
      <c r="M6102" s="98">
        <v>1</v>
      </c>
      <c r="N6102" s="98">
        <v>0</v>
      </c>
      <c r="O6102" s="98">
        <v>1</v>
      </c>
      <c r="P6102" s="98">
        <v>1</v>
      </c>
      <c r="Q6102" s="98">
        <v>0</v>
      </c>
      <c r="R6102" s="98">
        <v>0</v>
      </c>
      <c r="S6102" s="98">
        <v>0</v>
      </c>
      <c r="T6102" s="98">
        <v>0</v>
      </c>
      <c r="U6102" s="99"/>
      <c r="V6102" s="99"/>
      <c r="W6102" s="99"/>
      <c r="X6102" s="99"/>
      <c r="Y6102" s="99"/>
      <c r="Z6102" s="99"/>
      <c r="AA6102" s="99"/>
      <c r="AB6102" s="99"/>
      <c r="AC6102" s="99"/>
      <c r="AD6102" s="99"/>
      <c r="AE6102" s="99"/>
      <c r="AF6102" s="99"/>
      <c r="AG6102" s="99"/>
      <c r="AH6102" s="99"/>
      <c r="AI6102" s="99"/>
      <c r="AJ6102" s="99"/>
      <c r="AK6102" s="99"/>
      <c r="AL6102" s="99"/>
      <c r="AM6102" s="99"/>
      <c r="AN6102" s="99"/>
      <c r="AO6102" s="99"/>
      <c r="AP6102" s="99"/>
      <c r="AQ6102" s="99"/>
      <c r="AR6102" s="99"/>
      <c r="AS6102" s="99"/>
      <c r="AT6102" s="99"/>
      <c r="AU6102" s="99"/>
      <c r="AV6102" s="99"/>
      <c r="AW6102" s="99"/>
      <c r="AX6102" s="99"/>
      <c r="AY6102" s="99"/>
      <c r="AZ6102" s="99"/>
      <c r="BA6102" s="99"/>
      <c r="BB6102" s="107">
        <v>45884</v>
      </c>
    </row>
    <row r="6103" spans="1:54" s="8" customFormat="1" ht="13.95" customHeight="1" x14ac:dyDescent="0.25">
      <c r="A6103" s="219" t="s">
        <v>14334</v>
      </c>
      <c r="B6103" s="220" t="s">
        <v>14192</v>
      </c>
      <c r="C6103" s="98" t="s">
        <v>14335</v>
      </c>
      <c r="D6103" s="98" t="s">
        <v>14336</v>
      </c>
      <c r="E6103" s="141">
        <v>1984</v>
      </c>
      <c r="F6103" s="141">
        <v>515</v>
      </c>
      <c r="G6103" s="98" t="s">
        <v>1</v>
      </c>
      <c r="H6103" s="98">
        <v>0</v>
      </c>
      <c r="I6103" s="98">
        <v>0</v>
      </c>
      <c r="J6103" s="98">
        <v>0</v>
      </c>
      <c r="K6103" s="98">
        <v>0</v>
      </c>
      <c r="L6103" s="98">
        <v>0</v>
      </c>
      <c r="M6103" s="98">
        <v>0</v>
      </c>
      <c r="N6103" s="98">
        <v>0</v>
      </c>
      <c r="O6103" s="98">
        <v>1</v>
      </c>
      <c r="P6103" s="98">
        <v>0</v>
      </c>
      <c r="Q6103" s="98">
        <v>0</v>
      </c>
      <c r="R6103" s="98">
        <v>0</v>
      </c>
      <c r="S6103" s="98">
        <v>0</v>
      </c>
      <c r="T6103" s="98">
        <v>0</v>
      </c>
      <c r="U6103" s="99"/>
      <c r="V6103" s="99"/>
      <c r="W6103" s="99"/>
      <c r="X6103" s="99"/>
      <c r="Y6103" s="99"/>
      <c r="Z6103" s="99"/>
      <c r="AA6103" s="99"/>
      <c r="AB6103" s="99"/>
      <c r="AC6103" s="99"/>
      <c r="AD6103" s="99"/>
      <c r="AE6103" s="99"/>
      <c r="AF6103" s="99"/>
      <c r="AG6103" s="99"/>
      <c r="AH6103" s="99"/>
      <c r="AI6103" s="99"/>
      <c r="AJ6103" s="99"/>
      <c r="AK6103" s="99"/>
      <c r="AL6103" s="99"/>
      <c r="AM6103" s="99"/>
      <c r="AN6103" s="99"/>
      <c r="AO6103" s="99"/>
      <c r="AP6103" s="99"/>
      <c r="AQ6103" s="99"/>
      <c r="AR6103" s="99"/>
      <c r="AS6103" s="99"/>
      <c r="AT6103" s="99"/>
      <c r="AU6103" s="99"/>
      <c r="AV6103" s="99"/>
      <c r="AW6103" s="99"/>
      <c r="AX6103" s="99"/>
      <c r="AY6103" s="99"/>
      <c r="AZ6103" s="99"/>
      <c r="BA6103" s="99"/>
      <c r="BB6103" s="107">
        <v>45884</v>
      </c>
    </row>
    <row r="6104" spans="1:54" s="8" customFormat="1" ht="13.95" customHeight="1" x14ac:dyDescent="0.25">
      <c r="A6104" s="219" t="s">
        <v>14337</v>
      </c>
      <c r="B6104" s="220" t="s">
        <v>14192</v>
      </c>
      <c r="C6104" s="98" t="s">
        <v>14338</v>
      </c>
      <c r="D6104" s="98" t="s">
        <v>14236</v>
      </c>
      <c r="E6104" s="141">
        <v>1991</v>
      </c>
      <c r="F6104" s="141">
        <v>529</v>
      </c>
      <c r="G6104" s="98" t="s">
        <v>1</v>
      </c>
      <c r="H6104" s="98">
        <v>0</v>
      </c>
      <c r="I6104" s="98">
        <v>0</v>
      </c>
      <c r="J6104" s="98">
        <v>1</v>
      </c>
      <c r="K6104" s="98">
        <v>0</v>
      </c>
      <c r="L6104" s="98">
        <v>1</v>
      </c>
      <c r="M6104" s="98">
        <v>0</v>
      </c>
      <c r="N6104" s="98">
        <v>0</v>
      </c>
      <c r="O6104" s="98">
        <v>0</v>
      </c>
      <c r="P6104" s="98">
        <v>0</v>
      </c>
      <c r="Q6104" s="98">
        <v>0</v>
      </c>
      <c r="R6104" s="98">
        <v>0</v>
      </c>
      <c r="S6104" s="98">
        <v>0</v>
      </c>
      <c r="T6104" s="98">
        <v>0</v>
      </c>
      <c r="U6104" s="99"/>
      <c r="V6104" s="99"/>
      <c r="W6104" s="99"/>
      <c r="X6104" s="99"/>
      <c r="Y6104" s="99"/>
      <c r="Z6104" s="99"/>
      <c r="AA6104" s="99"/>
      <c r="AB6104" s="99"/>
      <c r="AC6104" s="99"/>
      <c r="AD6104" s="99"/>
      <c r="AE6104" s="99"/>
      <c r="AF6104" s="99"/>
      <c r="AG6104" s="99"/>
      <c r="AH6104" s="99"/>
      <c r="AI6104" s="99"/>
      <c r="AJ6104" s="99"/>
      <c r="AK6104" s="99"/>
      <c r="AL6104" s="99"/>
      <c r="AM6104" s="99"/>
      <c r="AN6104" s="99"/>
      <c r="AO6104" s="99"/>
      <c r="AP6104" s="99"/>
      <c r="AQ6104" s="99"/>
      <c r="AR6104" s="99"/>
      <c r="AS6104" s="99"/>
      <c r="AT6104" s="99"/>
      <c r="AU6104" s="99"/>
      <c r="AV6104" s="99"/>
      <c r="AW6104" s="99"/>
      <c r="AX6104" s="99"/>
      <c r="AY6104" s="99"/>
      <c r="AZ6104" s="99"/>
      <c r="BA6104" s="99"/>
      <c r="BB6104" s="107">
        <v>45884</v>
      </c>
    </row>
    <row r="6105" spans="1:54" s="8" customFormat="1" ht="13.95" customHeight="1" x14ac:dyDescent="0.25">
      <c r="A6105" s="219" t="s">
        <v>14339</v>
      </c>
      <c r="B6105" s="220" t="s">
        <v>14192</v>
      </c>
      <c r="C6105" s="98" t="s">
        <v>14340</v>
      </c>
      <c r="D6105" s="98" t="s">
        <v>14341</v>
      </c>
      <c r="E6105" s="141">
        <v>1980</v>
      </c>
      <c r="F6105" s="141">
        <v>537</v>
      </c>
      <c r="G6105" s="98" t="s">
        <v>1</v>
      </c>
      <c r="H6105" s="98">
        <v>0</v>
      </c>
      <c r="I6105" s="98">
        <v>0</v>
      </c>
      <c r="J6105" s="98">
        <v>1</v>
      </c>
      <c r="K6105" s="98">
        <v>0</v>
      </c>
      <c r="L6105" s="98">
        <v>1</v>
      </c>
      <c r="M6105" s="98">
        <v>0</v>
      </c>
      <c r="N6105" s="98">
        <v>0</v>
      </c>
      <c r="O6105" s="98">
        <v>1</v>
      </c>
      <c r="P6105" s="98">
        <v>1</v>
      </c>
      <c r="Q6105" s="98">
        <v>0</v>
      </c>
      <c r="R6105" s="98">
        <v>1</v>
      </c>
      <c r="S6105" s="98">
        <v>0</v>
      </c>
      <c r="T6105" s="98">
        <v>0</v>
      </c>
      <c r="U6105" s="99"/>
      <c r="V6105" s="99"/>
      <c r="W6105" s="99"/>
      <c r="X6105" s="99"/>
      <c r="Y6105" s="99"/>
      <c r="Z6105" s="99"/>
      <c r="AA6105" s="99"/>
      <c r="AB6105" s="99"/>
      <c r="AC6105" s="99"/>
      <c r="AD6105" s="99"/>
      <c r="AE6105" s="99"/>
      <c r="AF6105" s="99"/>
      <c r="AG6105" s="99"/>
      <c r="AH6105" s="99"/>
      <c r="AI6105" s="99"/>
      <c r="AJ6105" s="99"/>
      <c r="AK6105" s="99"/>
      <c r="AL6105" s="99"/>
      <c r="AM6105" s="99"/>
      <c r="AN6105" s="99"/>
      <c r="AO6105" s="99"/>
      <c r="AP6105" s="99"/>
      <c r="AQ6105" s="99"/>
      <c r="AR6105" s="99"/>
      <c r="AS6105" s="99"/>
      <c r="AT6105" s="99"/>
      <c r="AU6105" s="99"/>
      <c r="AV6105" s="99"/>
      <c r="AW6105" s="99"/>
      <c r="AX6105" s="99"/>
      <c r="AY6105" s="99"/>
      <c r="AZ6105" s="99"/>
      <c r="BA6105" s="99"/>
      <c r="BB6105" s="107">
        <v>45884</v>
      </c>
    </row>
    <row r="6106" spans="1:54" s="8" customFormat="1" ht="13.95" customHeight="1" x14ac:dyDescent="0.25">
      <c r="A6106" s="219" t="s">
        <v>14342</v>
      </c>
      <c r="B6106" s="220" t="s">
        <v>14192</v>
      </c>
      <c r="C6106" s="98" t="s">
        <v>14343</v>
      </c>
      <c r="D6106" s="98" t="s">
        <v>22035</v>
      </c>
      <c r="E6106" s="141">
        <v>1987</v>
      </c>
      <c r="F6106" s="141">
        <v>542</v>
      </c>
      <c r="G6106" s="98" t="s">
        <v>1</v>
      </c>
      <c r="H6106" s="98">
        <v>0</v>
      </c>
      <c r="I6106" s="98">
        <v>0</v>
      </c>
      <c r="J6106" s="98">
        <v>0</v>
      </c>
      <c r="K6106" s="98">
        <v>1</v>
      </c>
      <c r="L6106" s="98">
        <v>1</v>
      </c>
      <c r="M6106" s="98">
        <v>0</v>
      </c>
      <c r="N6106" s="98">
        <v>0</v>
      </c>
      <c r="O6106" s="98">
        <v>1</v>
      </c>
      <c r="P6106" s="98">
        <v>0</v>
      </c>
      <c r="Q6106" s="98">
        <v>0</v>
      </c>
      <c r="R6106" s="98">
        <v>0</v>
      </c>
      <c r="S6106" s="98">
        <v>0</v>
      </c>
      <c r="T6106" s="98">
        <v>0</v>
      </c>
      <c r="U6106" s="99"/>
      <c r="V6106" s="99"/>
      <c r="W6106" s="99"/>
      <c r="X6106" s="99"/>
      <c r="Y6106" s="99"/>
      <c r="Z6106" s="99"/>
      <c r="AA6106" s="99"/>
      <c r="AB6106" s="99"/>
      <c r="AC6106" s="99"/>
      <c r="AD6106" s="99"/>
      <c r="AE6106" s="99"/>
      <c r="AF6106" s="99"/>
      <c r="AG6106" s="99"/>
      <c r="AH6106" s="99"/>
      <c r="AI6106" s="99"/>
      <c r="AJ6106" s="99"/>
      <c r="AK6106" s="99"/>
      <c r="AL6106" s="99"/>
      <c r="AM6106" s="99"/>
      <c r="AN6106" s="99"/>
      <c r="AO6106" s="99"/>
      <c r="AP6106" s="99"/>
      <c r="AQ6106" s="99"/>
      <c r="AR6106" s="99"/>
      <c r="AS6106" s="99"/>
      <c r="AT6106" s="99"/>
      <c r="AU6106" s="99"/>
      <c r="AV6106" s="99"/>
      <c r="AW6106" s="99"/>
      <c r="AX6106" s="99"/>
      <c r="AY6106" s="99"/>
      <c r="AZ6106" s="99"/>
      <c r="BA6106" s="99"/>
      <c r="BB6106" s="107">
        <v>45884</v>
      </c>
    </row>
    <row r="6107" spans="1:54" s="8" customFormat="1" ht="13.95" customHeight="1" x14ac:dyDescent="0.25">
      <c r="A6107" s="219" t="s">
        <v>14344</v>
      </c>
      <c r="B6107" s="220" t="s">
        <v>14192</v>
      </c>
      <c r="C6107" s="98" t="s">
        <v>14345</v>
      </c>
      <c r="D6107" s="98" t="s">
        <v>14346</v>
      </c>
      <c r="E6107" s="141">
        <v>2000</v>
      </c>
      <c r="F6107" s="141">
        <v>549</v>
      </c>
      <c r="G6107" s="98" t="s">
        <v>1</v>
      </c>
      <c r="H6107" s="98">
        <v>0</v>
      </c>
      <c r="I6107" s="98">
        <v>0</v>
      </c>
      <c r="J6107" s="98">
        <v>1</v>
      </c>
      <c r="K6107" s="98">
        <v>0</v>
      </c>
      <c r="L6107" s="98">
        <v>0</v>
      </c>
      <c r="M6107" s="98">
        <v>0</v>
      </c>
      <c r="N6107" s="98">
        <v>0</v>
      </c>
      <c r="O6107" s="98">
        <v>1</v>
      </c>
      <c r="P6107" s="98">
        <v>1</v>
      </c>
      <c r="Q6107" s="98">
        <v>0</v>
      </c>
      <c r="R6107" s="98">
        <v>1</v>
      </c>
      <c r="S6107" s="98">
        <v>0</v>
      </c>
      <c r="T6107" s="98">
        <v>0</v>
      </c>
      <c r="U6107" s="99"/>
      <c r="V6107" s="99"/>
      <c r="W6107" s="99"/>
      <c r="X6107" s="99"/>
      <c r="Y6107" s="99"/>
      <c r="Z6107" s="99"/>
      <c r="AA6107" s="99"/>
      <c r="AB6107" s="99"/>
      <c r="AC6107" s="99"/>
      <c r="AD6107" s="99"/>
      <c r="AE6107" s="99"/>
      <c r="AF6107" s="99"/>
      <c r="AG6107" s="99"/>
      <c r="AH6107" s="99"/>
      <c r="AI6107" s="99"/>
      <c r="AJ6107" s="99"/>
      <c r="AK6107" s="99"/>
      <c r="AL6107" s="99"/>
      <c r="AM6107" s="99"/>
      <c r="AN6107" s="99"/>
      <c r="AO6107" s="99"/>
      <c r="AP6107" s="99"/>
      <c r="AQ6107" s="99"/>
      <c r="AR6107" s="99"/>
      <c r="AS6107" s="99"/>
      <c r="AT6107" s="99"/>
      <c r="AU6107" s="99"/>
      <c r="AV6107" s="99"/>
      <c r="AW6107" s="99"/>
      <c r="AX6107" s="99"/>
      <c r="AY6107" s="99"/>
      <c r="AZ6107" s="99"/>
      <c r="BA6107" s="99"/>
      <c r="BB6107" s="107">
        <v>45884</v>
      </c>
    </row>
    <row r="6108" spans="1:54" s="8" customFormat="1" ht="13.95" customHeight="1" x14ac:dyDescent="0.25">
      <c r="A6108" s="219" t="s">
        <v>14347</v>
      </c>
      <c r="B6108" s="220" t="s">
        <v>14192</v>
      </c>
      <c r="C6108" s="98" t="s">
        <v>14348</v>
      </c>
      <c r="D6108" s="98" t="s">
        <v>14349</v>
      </c>
      <c r="E6108" s="141">
        <v>1980</v>
      </c>
      <c r="F6108" s="141">
        <v>564</v>
      </c>
      <c r="G6108" s="98" t="s">
        <v>1</v>
      </c>
      <c r="H6108" s="98">
        <v>0</v>
      </c>
      <c r="I6108" s="98">
        <v>0</v>
      </c>
      <c r="J6108" s="98">
        <v>1</v>
      </c>
      <c r="K6108" s="98">
        <v>1</v>
      </c>
      <c r="L6108" s="98">
        <v>1</v>
      </c>
      <c r="M6108" s="98">
        <v>0</v>
      </c>
      <c r="N6108" s="98">
        <v>0</v>
      </c>
      <c r="O6108" s="98">
        <v>1</v>
      </c>
      <c r="P6108" s="98">
        <v>1</v>
      </c>
      <c r="Q6108" s="98">
        <v>0</v>
      </c>
      <c r="R6108" s="98">
        <v>1</v>
      </c>
      <c r="S6108" s="98">
        <v>0</v>
      </c>
      <c r="T6108" s="98">
        <v>0</v>
      </c>
      <c r="U6108" s="99"/>
      <c r="V6108" s="99"/>
      <c r="W6108" s="99"/>
      <c r="X6108" s="99"/>
      <c r="Y6108" s="99"/>
      <c r="Z6108" s="99"/>
      <c r="AA6108" s="99"/>
      <c r="AB6108" s="99"/>
      <c r="AC6108" s="99"/>
      <c r="AD6108" s="99"/>
      <c r="AE6108" s="99"/>
      <c r="AF6108" s="99"/>
      <c r="AG6108" s="99"/>
      <c r="AH6108" s="99"/>
      <c r="AI6108" s="99"/>
      <c r="AJ6108" s="99"/>
      <c r="AK6108" s="99"/>
      <c r="AL6108" s="99"/>
      <c r="AM6108" s="99"/>
      <c r="AN6108" s="99"/>
      <c r="AO6108" s="99"/>
      <c r="AP6108" s="99"/>
      <c r="AQ6108" s="99"/>
      <c r="AR6108" s="99"/>
      <c r="AS6108" s="99"/>
      <c r="AT6108" s="99"/>
      <c r="AU6108" s="99"/>
      <c r="AV6108" s="99"/>
      <c r="AW6108" s="99"/>
      <c r="AX6108" s="99"/>
      <c r="AY6108" s="99"/>
      <c r="AZ6108" s="99"/>
      <c r="BA6108" s="99"/>
      <c r="BB6108" s="107">
        <v>45884</v>
      </c>
    </row>
    <row r="6109" spans="1:54" s="8" customFormat="1" ht="13.95" customHeight="1" x14ac:dyDescent="0.25">
      <c r="A6109" s="219" t="s">
        <v>14350</v>
      </c>
      <c r="B6109" s="220" t="s">
        <v>14192</v>
      </c>
      <c r="C6109" s="98" t="s">
        <v>14351</v>
      </c>
      <c r="D6109" s="98" t="s">
        <v>14352</v>
      </c>
      <c r="E6109" s="141">
        <v>1988</v>
      </c>
      <c r="F6109" s="141">
        <v>577</v>
      </c>
      <c r="G6109" s="98" t="s">
        <v>1</v>
      </c>
      <c r="H6109" s="98">
        <v>0</v>
      </c>
      <c r="I6109" s="98">
        <v>0</v>
      </c>
      <c r="J6109" s="98">
        <v>1</v>
      </c>
      <c r="K6109" s="98">
        <v>0</v>
      </c>
      <c r="L6109" s="98">
        <v>0</v>
      </c>
      <c r="M6109" s="98">
        <v>0</v>
      </c>
      <c r="N6109" s="98">
        <v>0</v>
      </c>
      <c r="O6109" s="98">
        <v>1</v>
      </c>
      <c r="P6109" s="98">
        <v>1</v>
      </c>
      <c r="Q6109" s="98">
        <v>0</v>
      </c>
      <c r="R6109" s="98">
        <v>0</v>
      </c>
      <c r="S6109" s="98">
        <v>0</v>
      </c>
      <c r="T6109" s="98">
        <v>0</v>
      </c>
      <c r="U6109" s="99"/>
      <c r="V6109" s="99"/>
      <c r="W6109" s="99"/>
      <c r="X6109" s="99"/>
      <c r="Y6109" s="99"/>
      <c r="Z6109" s="99"/>
      <c r="AA6109" s="99"/>
      <c r="AB6109" s="99"/>
      <c r="AC6109" s="99"/>
      <c r="AD6109" s="99"/>
      <c r="AE6109" s="99"/>
      <c r="AF6109" s="99"/>
      <c r="AG6109" s="99"/>
      <c r="AH6109" s="99"/>
      <c r="AI6109" s="99"/>
      <c r="AJ6109" s="99"/>
      <c r="AK6109" s="99"/>
      <c r="AL6109" s="99"/>
      <c r="AM6109" s="99"/>
      <c r="AN6109" s="99"/>
      <c r="AO6109" s="99"/>
      <c r="AP6109" s="99"/>
      <c r="AQ6109" s="99"/>
      <c r="AR6109" s="99"/>
      <c r="AS6109" s="99"/>
      <c r="AT6109" s="99"/>
      <c r="AU6109" s="99"/>
      <c r="AV6109" s="99"/>
      <c r="AW6109" s="99"/>
      <c r="AX6109" s="99"/>
      <c r="AY6109" s="99"/>
      <c r="AZ6109" s="99"/>
      <c r="BA6109" s="99"/>
      <c r="BB6109" s="107">
        <v>45884</v>
      </c>
    </row>
    <row r="6110" spans="1:54" s="8" customFormat="1" ht="13.95" customHeight="1" x14ac:dyDescent="0.25">
      <c r="A6110" s="219" t="s">
        <v>14353</v>
      </c>
      <c r="B6110" s="220" t="s">
        <v>14192</v>
      </c>
      <c r="C6110" s="98" t="s">
        <v>14354</v>
      </c>
      <c r="D6110" s="98" t="s">
        <v>14355</v>
      </c>
      <c r="E6110" s="141">
        <v>1979</v>
      </c>
      <c r="F6110" s="141">
        <v>593</v>
      </c>
      <c r="G6110" s="98" t="s">
        <v>1</v>
      </c>
      <c r="H6110" s="98">
        <v>0</v>
      </c>
      <c r="I6110" s="98">
        <v>0</v>
      </c>
      <c r="J6110" s="98">
        <v>1</v>
      </c>
      <c r="K6110" s="98">
        <v>1</v>
      </c>
      <c r="L6110" s="98">
        <v>0</v>
      </c>
      <c r="M6110" s="98">
        <v>0</v>
      </c>
      <c r="N6110" s="98">
        <v>1</v>
      </c>
      <c r="O6110" s="98">
        <v>0</v>
      </c>
      <c r="P6110" s="98">
        <v>1</v>
      </c>
      <c r="Q6110" s="98">
        <v>0</v>
      </c>
      <c r="R6110" s="98">
        <v>1</v>
      </c>
      <c r="S6110" s="98">
        <v>1</v>
      </c>
      <c r="T6110" s="98">
        <v>0</v>
      </c>
      <c r="U6110" s="99"/>
      <c r="V6110" s="99"/>
      <c r="W6110" s="99"/>
      <c r="X6110" s="99"/>
      <c r="Y6110" s="99"/>
      <c r="Z6110" s="99"/>
      <c r="AA6110" s="99"/>
      <c r="AB6110" s="99"/>
      <c r="AC6110" s="99"/>
      <c r="AD6110" s="99"/>
      <c r="AE6110" s="99"/>
      <c r="AF6110" s="99"/>
      <c r="AG6110" s="99"/>
      <c r="AH6110" s="99"/>
      <c r="AI6110" s="99"/>
      <c r="AJ6110" s="99"/>
      <c r="AK6110" s="99"/>
      <c r="AL6110" s="99"/>
      <c r="AM6110" s="99"/>
      <c r="AN6110" s="99"/>
      <c r="AO6110" s="99"/>
      <c r="AP6110" s="99"/>
      <c r="AQ6110" s="99"/>
      <c r="AR6110" s="99"/>
      <c r="AS6110" s="99"/>
      <c r="AT6110" s="99"/>
      <c r="AU6110" s="99"/>
      <c r="AV6110" s="99"/>
      <c r="AW6110" s="99"/>
      <c r="AX6110" s="99"/>
      <c r="AY6110" s="99"/>
      <c r="AZ6110" s="99"/>
      <c r="BA6110" s="99"/>
      <c r="BB6110" s="107">
        <v>45884</v>
      </c>
    </row>
    <row r="6111" spans="1:54" s="8" customFormat="1" ht="13.95" customHeight="1" x14ac:dyDescent="0.25">
      <c r="A6111" s="219" t="s">
        <v>14356</v>
      </c>
      <c r="B6111" s="220" t="s">
        <v>14192</v>
      </c>
      <c r="C6111" s="98" t="s">
        <v>14357</v>
      </c>
      <c r="D6111" s="98" t="s">
        <v>22249</v>
      </c>
      <c r="E6111" s="141">
        <v>2000</v>
      </c>
      <c r="F6111" s="141">
        <v>638</v>
      </c>
      <c r="G6111" s="98" t="s">
        <v>1</v>
      </c>
      <c r="H6111" s="98">
        <v>0</v>
      </c>
      <c r="I6111" s="98">
        <v>0</v>
      </c>
      <c r="J6111" s="98">
        <v>0</v>
      </c>
      <c r="K6111" s="98">
        <v>0</v>
      </c>
      <c r="L6111" s="98">
        <v>0</v>
      </c>
      <c r="M6111" s="98">
        <v>0</v>
      </c>
      <c r="N6111" s="98">
        <v>0</v>
      </c>
      <c r="O6111" s="98">
        <v>0</v>
      </c>
      <c r="P6111" s="98">
        <v>0</v>
      </c>
      <c r="Q6111" s="98">
        <v>0</v>
      </c>
      <c r="R6111" s="98">
        <v>0</v>
      </c>
      <c r="S6111" s="98">
        <v>0</v>
      </c>
      <c r="T6111" s="98">
        <v>0</v>
      </c>
      <c r="U6111" s="99"/>
      <c r="V6111" s="99"/>
      <c r="W6111" s="99"/>
      <c r="X6111" s="99"/>
      <c r="Y6111" s="99"/>
      <c r="Z6111" s="99"/>
      <c r="AA6111" s="99"/>
      <c r="AB6111" s="99"/>
      <c r="AC6111" s="99"/>
      <c r="AD6111" s="99"/>
      <c r="AE6111" s="99"/>
      <c r="AF6111" s="99"/>
      <c r="AG6111" s="99"/>
      <c r="AH6111" s="99"/>
      <c r="AI6111" s="99"/>
      <c r="AJ6111" s="99"/>
      <c r="AK6111" s="99"/>
      <c r="AL6111" s="99"/>
      <c r="AM6111" s="99"/>
      <c r="AN6111" s="99"/>
      <c r="AO6111" s="99"/>
      <c r="AP6111" s="99"/>
      <c r="AQ6111" s="99"/>
      <c r="AR6111" s="99"/>
      <c r="AS6111" s="99"/>
      <c r="AT6111" s="99"/>
      <c r="AU6111" s="99"/>
      <c r="AV6111" s="99"/>
      <c r="AW6111" s="99"/>
      <c r="AX6111" s="99"/>
      <c r="AY6111" s="99"/>
      <c r="AZ6111" s="99"/>
      <c r="BA6111" s="99"/>
      <c r="BB6111" s="107">
        <v>45884</v>
      </c>
    </row>
    <row r="6112" spans="1:54" s="8" customFormat="1" ht="13.95" customHeight="1" x14ac:dyDescent="0.25">
      <c r="A6112" s="219" t="s">
        <v>14358</v>
      </c>
      <c r="B6112" s="220" t="s">
        <v>14192</v>
      </c>
      <c r="C6112" s="98" t="s">
        <v>14359</v>
      </c>
      <c r="D6112" s="98" t="s">
        <v>14360</v>
      </c>
      <c r="E6112" s="141">
        <v>1981</v>
      </c>
      <c r="F6112" s="141">
        <v>673</v>
      </c>
      <c r="G6112" s="98" t="s">
        <v>1</v>
      </c>
      <c r="H6112" s="98">
        <v>0</v>
      </c>
      <c r="I6112" s="98">
        <v>0</v>
      </c>
      <c r="J6112" s="98">
        <v>0</v>
      </c>
      <c r="K6112" s="98">
        <v>0</v>
      </c>
      <c r="L6112" s="98">
        <v>1</v>
      </c>
      <c r="M6112" s="98">
        <v>0</v>
      </c>
      <c r="N6112" s="98">
        <v>0</v>
      </c>
      <c r="O6112" s="98">
        <v>1</v>
      </c>
      <c r="P6112" s="98">
        <v>1</v>
      </c>
      <c r="Q6112" s="98">
        <v>0</v>
      </c>
      <c r="R6112" s="98">
        <v>1</v>
      </c>
      <c r="S6112" s="98">
        <v>0</v>
      </c>
      <c r="T6112" s="98">
        <v>0</v>
      </c>
      <c r="U6112" s="99"/>
      <c r="V6112" s="99"/>
      <c r="W6112" s="99"/>
      <c r="X6112" s="99"/>
      <c r="Y6112" s="99"/>
      <c r="Z6112" s="99"/>
      <c r="AA6112" s="99"/>
      <c r="AB6112" s="99"/>
      <c r="AC6112" s="99"/>
      <c r="AD6112" s="99"/>
      <c r="AE6112" s="99"/>
      <c r="AF6112" s="99"/>
      <c r="AG6112" s="99"/>
      <c r="AH6112" s="99"/>
      <c r="AI6112" s="99"/>
      <c r="AJ6112" s="99"/>
      <c r="AK6112" s="99"/>
      <c r="AL6112" s="99"/>
      <c r="AM6112" s="99"/>
      <c r="AN6112" s="99"/>
      <c r="AO6112" s="99"/>
      <c r="AP6112" s="99"/>
      <c r="AQ6112" s="99"/>
      <c r="AR6112" s="99"/>
      <c r="AS6112" s="99"/>
      <c r="AT6112" s="99"/>
      <c r="AU6112" s="99"/>
      <c r="AV6112" s="99"/>
      <c r="AW6112" s="99"/>
      <c r="AX6112" s="99"/>
      <c r="AY6112" s="99"/>
      <c r="AZ6112" s="99"/>
      <c r="BA6112" s="99"/>
      <c r="BB6112" s="107">
        <v>45884</v>
      </c>
    </row>
    <row r="6113" spans="1:54" s="8" customFormat="1" ht="13.95" customHeight="1" x14ac:dyDescent="0.25">
      <c r="A6113" s="219" t="s">
        <v>14361</v>
      </c>
      <c r="B6113" s="220" t="s">
        <v>14192</v>
      </c>
      <c r="C6113" s="98" t="s">
        <v>14362</v>
      </c>
      <c r="D6113" s="98" t="s">
        <v>14363</v>
      </c>
      <c r="E6113" s="141">
        <v>1996</v>
      </c>
      <c r="F6113" s="141">
        <v>730</v>
      </c>
      <c r="G6113" s="98" t="s">
        <v>1</v>
      </c>
      <c r="H6113" s="98">
        <v>0</v>
      </c>
      <c r="I6113" s="98">
        <v>0</v>
      </c>
      <c r="J6113" s="98">
        <v>1</v>
      </c>
      <c r="K6113" s="98">
        <v>0</v>
      </c>
      <c r="L6113" s="98">
        <v>0</v>
      </c>
      <c r="M6113" s="98">
        <v>0</v>
      </c>
      <c r="N6113" s="98">
        <v>0</v>
      </c>
      <c r="O6113" s="98">
        <v>1</v>
      </c>
      <c r="P6113" s="98">
        <v>1</v>
      </c>
      <c r="Q6113" s="98">
        <v>0</v>
      </c>
      <c r="R6113" s="98">
        <v>0</v>
      </c>
      <c r="S6113" s="98">
        <v>0</v>
      </c>
      <c r="T6113" s="98">
        <v>0</v>
      </c>
      <c r="U6113" s="99"/>
      <c r="V6113" s="99"/>
      <c r="W6113" s="99"/>
      <c r="X6113" s="99"/>
      <c r="Y6113" s="99"/>
      <c r="Z6113" s="99"/>
      <c r="AA6113" s="99"/>
      <c r="AB6113" s="99"/>
      <c r="AC6113" s="99"/>
      <c r="AD6113" s="99"/>
      <c r="AE6113" s="99"/>
      <c r="AF6113" s="99"/>
      <c r="AG6113" s="99"/>
      <c r="AH6113" s="99"/>
      <c r="AI6113" s="99"/>
      <c r="AJ6113" s="99"/>
      <c r="AK6113" s="99"/>
      <c r="AL6113" s="99"/>
      <c r="AM6113" s="99"/>
      <c r="AN6113" s="99"/>
      <c r="AO6113" s="99"/>
      <c r="AP6113" s="99"/>
      <c r="AQ6113" s="99"/>
      <c r="AR6113" s="99"/>
      <c r="AS6113" s="99"/>
      <c r="AT6113" s="99"/>
      <c r="AU6113" s="99"/>
      <c r="AV6113" s="99"/>
      <c r="AW6113" s="99"/>
      <c r="AX6113" s="99"/>
      <c r="AY6113" s="99"/>
      <c r="AZ6113" s="99"/>
      <c r="BA6113" s="99"/>
      <c r="BB6113" s="107">
        <v>45884</v>
      </c>
    </row>
    <row r="6114" spans="1:54" s="8" customFormat="1" ht="13.95" customHeight="1" x14ac:dyDescent="0.25">
      <c r="A6114" s="219" t="s">
        <v>14364</v>
      </c>
      <c r="B6114" s="220" t="s">
        <v>14192</v>
      </c>
      <c r="C6114" s="98" t="s">
        <v>14365</v>
      </c>
      <c r="D6114" s="98" t="s">
        <v>14366</v>
      </c>
      <c r="E6114" s="141">
        <v>1981</v>
      </c>
      <c r="F6114" s="141">
        <v>751</v>
      </c>
      <c r="G6114" s="98" t="s">
        <v>1</v>
      </c>
      <c r="H6114" s="98">
        <v>0</v>
      </c>
      <c r="I6114" s="98">
        <v>0</v>
      </c>
      <c r="J6114" s="98">
        <v>0</v>
      </c>
      <c r="K6114" s="98">
        <v>0</v>
      </c>
      <c r="L6114" s="98">
        <v>1</v>
      </c>
      <c r="M6114" s="98">
        <v>0</v>
      </c>
      <c r="N6114" s="98">
        <v>0</v>
      </c>
      <c r="O6114" s="98">
        <v>1</v>
      </c>
      <c r="P6114" s="98">
        <v>1</v>
      </c>
      <c r="Q6114" s="98">
        <v>0</v>
      </c>
      <c r="R6114" s="98">
        <v>0</v>
      </c>
      <c r="S6114" s="98">
        <v>0</v>
      </c>
      <c r="T6114" s="98">
        <v>0</v>
      </c>
      <c r="U6114" s="99"/>
      <c r="V6114" s="99"/>
      <c r="W6114" s="99"/>
      <c r="X6114" s="99"/>
      <c r="Y6114" s="99"/>
      <c r="Z6114" s="99"/>
      <c r="AA6114" s="99"/>
      <c r="AB6114" s="99"/>
      <c r="AC6114" s="99"/>
      <c r="AD6114" s="99"/>
      <c r="AE6114" s="99"/>
      <c r="AF6114" s="99"/>
      <c r="AG6114" s="99"/>
      <c r="AH6114" s="99"/>
      <c r="AI6114" s="99"/>
      <c r="AJ6114" s="99"/>
      <c r="AK6114" s="99"/>
      <c r="AL6114" s="99"/>
      <c r="AM6114" s="99"/>
      <c r="AN6114" s="99"/>
      <c r="AO6114" s="99"/>
      <c r="AP6114" s="99"/>
      <c r="AQ6114" s="99"/>
      <c r="AR6114" s="99"/>
      <c r="AS6114" s="99"/>
      <c r="AT6114" s="99"/>
      <c r="AU6114" s="99"/>
      <c r="AV6114" s="99"/>
      <c r="AW6114" s="99"/>
      <c r="AX6114" s="99"/>
      <c r="AY6114" s="99"/>
      <c r="AZ6114" s="99"/>
      <c r="BA6114" s="99"/>
      <c r="BB6114" s="107">
        <v>45884</v>
      </c>
    </row>
    <row r="6115" spans="1:54" s="8" customFormat="1" ht="13.95" customHeight="1" x14ac:dyDescent="0.25">
      <c r="A6115" s="219" t="s">
        <v>14367</v>
      </c>
      <c r="B6115" s="220" t="s">
        <v>14192</v>
      </c>
      <c r="C6115" s="98" t="s">
        <v>14368</v>
      </c>
      <c r="D6115" s="98" t="s">
        <v>14369</v>
      </c>
      <c r="E6115" s="141">
        <v>1996</v>
      </c>
      <c r="F6115" s="141">
        <v>766</v>
      </c>
      <c r="G6115" s="98" t="s">
        <v>1</v>
      </c>
      <c r="H6115" s="98">
        <v>1</v>
      </c>
      <c r="I6115" s="98">
        <v>0</v>
      </c>
      <c r="J6115" s="98">
        <v>1</v>
      </c>
      <c r="K6115" s="98">
        <v>1</v>
      </c>
      <c r="L6115" s="98">
        <v>0</v>
      </c>
      <c r="M6115" s="98">
        <v>1</v>
      </c>
      <c r="N6115" s="98">
        <v>0</v>
      </c>
      <c r="O6115" s="98">
        <v>0</v>
      </c>
      <c r="P6115" s="98">
        <v>1</v>
      </c>
      <c r="Q6115" s="98">
        <v>0</v>
      </c>
      <c r="R6115" s="98">
        <v>0</v>
      </c>
      <c r="S6115" s="98">
        <v>0</v>
      </c>
      <c r="T6115" s="98">
        <v>0</v>
      </c>
      <c r="U6115" s="99"/>
      <c r="V6115" s="99"/>
      <c r="W6115" s="99"/>
      <c r="X6115" s="99"/>
      <c r="Y6115" s="99"/>
      <c r="Z6115" s="99"/>
      <c r="AA6115" s="99"/>
      <c r="AB6115" s="99"/>
      <c r="AC6115" s="99"/>
      <c r="AD6115" s="99"/>
      <c r="AE6115" s="99"/>
      <c r="AF6115" s="99"/>
      <c r="AG6115" s="99"/>
      <c r="AH6115" s="99"/>
      <c r="AI6115" s="99"/>
      <c r="AJ6115" s="99"/>
      <c r="AK6115" s="99"/>
      <c r="AL6115" s="99"/>
      <c r="AM6115" s="99"/>
      <c r="AN6115" s="99"/>
      <c r="AO6115" s="99"/>
      <c r="AP6115" s="99"/>
      <c r="AQ6115" s="99"/>
      <c r="AR6115" s="99"/>
      <c r="AS6115" s="99"/>
      <c r="AT6115" s="99"/>
      <c r="AU6115" s="99"/>
      <c r="AV6115" s="99"/>
      <c r="AW6115" s="99"/>
      <c r="AX6115" s="99"/>
      <c r="AY6115" s="99"/>
      <c r="AZ6115" s="99"/>
      <c r="BA6115" s="99"/>
      <c r="BB6115" s="107">
        <v>45884</v>
      </c>
    </row>
    <row r="6116" spans="1:54" s="8" customFormat="1" ht="13.95" customHeight="1" x14ac:dyDescent="0.25">
      <c r="A6116" s="219" t="s">
        <v>14370</v>
      </c>
      <c r="B6116" s="220" t="s">
        <v>14192</v>
      </c>
      <c r="C6116" s="98" t="s">
        <v>14371</v>
      </c>
      <c r="D6116" s="98" t="s">
        <v>14372</v>
      </c>
      <c r="E6116" s="141">
        <v>1999</v>
      </c>
      <c r="F6116" s="141">
        <v>783</v>
      </c>
      <c r="G6116" s="98" t="s">
        <v>1</v>
      </c>
      <c r="H6116" s="98">
        <v>0</v>
      </c>
      <c r="I6116" s="98">
        <v>0</v>
      </c>
      <c r="J6116" s="98">
        <v>1</v>
      </c>
      <c r="K6116" s="98">
        <v>0</v>
      </c>
      <c r="L6116" s="98">
        <v>1</v>
      </c>
      <c r="M6116" s="98">
        <v>0</v>
      </c>
      <c r="N6116" s="98">
        <v>0</v>
      </c>
      <c r="O6116" s="98">
        <v>1</v>
      </c>
      <c r="P6116" s="98">
        <v>1</v>
      </c>
      <c r="Q6116" s="98">
        <v>0</v>
      </c>
      <c r="R6116" s="98">
        <v>0</v>
      </c>
      <c r="S6116" s="98">
        <v>0</v>
      </c>
      <c r="T6116" s="98">
        <v>0</v>
      </c>
      <c r="U6116" s="99"/>
      <c r="V6116" s="99"/>
      <c r="W6116" s="99"/>
      <c r="X6116" s="99"/>
      <c r="Y6116" s="99"/>
      <c r="Z6116" s="99"/>
      <c r="AA6116" s="99"/>
      <c r="AB6116" s="99"/>
      <c r="AC6116" s="99"/>
      <c r="AD6116" s="99"/>
      <c r="AE6116" s="99"/>
      <c r="AF6116" s="99"/>
      <c r="AG6116" s="99"/>
      <c r="AH6116" s="99"/>
      <c r="AI6116" s="99"/>
      <c r="AJ6116" s="99"/>
      <c r="AK6116" s="99"/>
      <c r="AL6116" s="99"/>
      <c r="AM6116" s="99"/>
      <c r="AN6116" s="99"/>
      <c r="AO6116" s="99"/>
      <c r="AP6116" s="99"/>
      <c r="AQ6116" s="99"/>
      <c r="AR6116" s="99"/>
      <c r="AS6116" s="99"/>
      <c r="AT6116" s="99"/>
      <c r="AU6116" s="99"/>
      <c r="AV6116" s="99"/>
      <c r="AW6116" s="99"/>
      <c r="AX6116" s="99"/>
      <c r="AY6116" s="99"/>
      <c r="AZ6116" s="99"/>
      <c r="BA6116" s="99"/>
      <c r="BB6116" s="107">
        <v>45884</v>
      </c>
    </row>
    <row r="6117" spans="1:54" s="8" customFormat="1" ht="13.95" customHeight="1" x14ac:dyDescent="0.25">
      <c r="A6117" s="219" t="s">
        <v>14373</v>
      </c>
      <c r="B6117" s="220" t="s">
        <v>14192</v>
      </c>
      <c r="C6117" s="98" t="s">
        <v>14374</v>
      </c>
      <c r="D6117" s="98" t="s">
        <v>14375</v>
      </c>
      <c r="E6117" s="141">
        <v>1996</v>
      </c>
      <c r="F6117" s="141">
        <v>828</v>
      </c>
      <c r="G6117" s="98" t="s">
        <v>1</v>
      </c>
      <c r="H6117" s="98">
        <v>0</v>
      </c>
      <c r="I6117" s="98">
        <v>0</v>
      </c>
      <c r="J6117" s="98">
        <v>1</v>
      </c>
      <c r="K6117" s="98">
        <v>0</v>
      </c>
      <c r="L6117" s="98">
        <v>1</v>
      </c>
      <c r="M6117" s="98">
        <v>0</v>
      </c>
      <c r="N6117" s="98">
        <v>0</v>
      </c>
      <c r="O6117" s="98">
        <v>1</v>
      </c>
      <c r="P6117" s="98">
        <v>1</v>
      </c>
      <c r="Q6117" s="98">
        <v>0</v>
      </c>
      <c r="R6117" s="98">
        <v>1</v>
      </c>
      <c r="S6117" s="98">
        <v>1</v>
      </c>
      <c r="T6117" s="98">
        <v>0</v>
      </c>
      <c r="U6117" s="99"/>
      <c r="V6117" s="99"/>
      <c r="W6117" s="99"/>
      <c r="X6117" s="99"/>
      <c r="Y6117" s="99"/>
      <c r="Z6117" s="99"/>
      <c r="AA6117" s="99"/>
      <c r="AB6117" s="99"/>
      <c r="AC6117" s="99"/>
      <c r="AD6117" s="99"/>
      <c r="AE6117" s="99"/>
      <c r="AF6117" s="99"/>
      <c r="AG6117" s="99"/>
      <c r="AH6117" s="99"/>
      <c r="AI6117" s="99"/>
      <c r="AJ6117" s="99"/>
      <c r="AK6117" s="99"/>
      <c r="AL6117" s="99"/>
      <c r="AM6117" s="99"/>
      <c r="AN6117" s="99"/>
      <c r="AO6117" s="99"/>
      <c r="AP6117" s="99"/>
      <c r="AQ6117" s="99"/>
      <c r="AR6117" s="99"/>
      <c r="AS6117" s="99"/>
      <c r="AT6117" s="99"/>
      <c r="AU6117" s="99"/>
      <c r="AV6117" s="99"/>
      <c r="AW6117" s="99"/>
      <c r="AX6117" s="99"/>
      <c r="AY6117" s="99"/>
      <c r="AZ6117" s="99"/>
      <c r="BA6117" s="99"/>
      <c r="BB6117" s="107">
        <v>45884</v>
      </c>
    </row>
    <row r="6118" spans="1:54" s="8" customFormat="1" ht="13.95" customHeight="1" x14ac:dyDescent="0.25">
      <c r="A6118" s="219" t="s">
        <v>14376</v>
      </c>
      <c r="B6118" s="220" t="s">
        <v>14192</v>
      </c>
      <c r="C6118" s="98" t="s">
        <v>14377</v>
      </c>
      <c r="D6118" s="98" t="s">
        <v>14378</v>
      </c>
      <c r="E6118" s="141">
        <v>1973</v>
      </c>
      <c r="F6118" s="141">
        <v>814</v>
      </c>
      <c r="G6118" s="98" t="s">
        <v>1</v>
      </c>
      <c r="H6118" s="98">
        <v>0</v>
      </c>
      <c r="I6118" s="98">
        <v>0</v>
      </c>
      <c r="J6118" s="98">
        <v>1</v>
      </c>
      <c r="K6118" s="98">
        <v>0</v>
      </c>
      <c r="L6118" s="98">
        <v>1</v>
      </c>
      <c r="M6118" s="98">
        <v>1</v>
      </c>
      <c r="N6118" s="98">
        <v>1</v>
      </c>
      <c r="O6118" s="98">
        <v>1</v>
      </c>
      <c r="P6118" s="98">
        <v>1</v>
      </c>
      <c r="Q6118" s="98">
        <v>0</v>
      </c>
      <c r="R6118" s="98">
        <v>0</v>
      </c>
      <c r="S6118" s="98">
        <v>1</v>
      </c>
      <c r="T6118" s="98">
        <v>0</v>
      </c>
      <c r="U6118" s="99"/>
      <c r="V6118" s="99"/>
      <c r="W6118" s="99"/>
      <c r="X6118" s="99"/>
      <c r="Y6118" s="99"/>
      <c r="Z6118" s="99"/>
      <c r="AA6118" s="99"/>
      <c r="AB6118" s="99"/>
      <c r="AC6118" s="99"/>
      <c r="AD6118" s="99"/>
      <c r="AE6118" s="99"/>
      <c r="AF6118" s="99"/>
      <c r="AG6118" s="99"/>
      <c r="AH6118" s="99"/>
      <c r="AI6118" s="99"/>
      <c r="AJ6118" s="99"/>
      <c r="AK6118" s="99"/>
      <c r="AL6118" s="99"/>
      <c r="AM6118" s="99"/>
      <c r="AN6118" s="99"/>
      <c r="AO6118" s="99"/>
      <c r="AP6118" s="99"/>
      <c r="AQ6118" s="99"/>
      <c r="AR6118" s="99"/>
      <c r="AS6118" s="99"/>
      <c r="AT6118" s="99"/>
      <c r="AU6118" s="99"/>
      <c r="AV6118" s="99"/>
      <c r="AW6118" s="99"/>
      <c r="AX6118" s="99"/>
      <c r="AY6118" s="99"/>
      <c r="AZ6118" s="99"/>
      <c r="BA6118" s="99"/>
      <c r="BB6118" s="107">
        <v>45884</v>
      </c>
    </row>
    <row r="6119" spans="1:54" s="8" customFormat="1" ht="13.95" customHeight="1" x14ac:dyDescent="0.25">
      <c r="A6119" s="219" t="s">
        <v>14379</v>
      </c>
      <c r="B6119" s="220" t="s">
        <v>14192</v>
      </c>
      <c r="C6119" s="98" t="s">
        <v>14380</v>
      </c>
      <c r="D6119" s="98" t="s">
        <v>14381</v>
      </c>
      <c r="E6119" s="141">
        <v>1996</v>
      </c>
      <c r="F6119" s="141">
        <v>932</v>
      </c>
      <c r="G6119" s="98" t="s">
        <v>1</v>
      </c>
      <c r="H6119" s="98">
        <v>1</v>
      </c>
      <c r="I6119" s="98">
        <v>0</v>
      </c>
      <c r="J6119" s="98">
        <v>1</v>
      </c>
      <c r="K6119" s="98">
        <v>1</v>
      </c>
      <c r="L6119" s="98">
        <v>1</v>
      </c>
      <c r="M6119" s="98">
        <v>1</v>
      </c>
      <c r="N6119" s="98">
        <v>0</v>
      </c>
      <c r="O6119" s="98">
        <v>0</v>
      </c>
      <c r="P6119" s="98">
        <v>1</v>
      </c>
      <c r="Q6119" s="98">
        <v>0</v>
      </c>
      <c r="R6119" s="98">
        <v>1</v>
      </c>
      <c r="S6119" s="98">
        <v>0</v>
      </c>
      <c r="T6119" s="98">
        <v>0</v>
      </c>
      <c r="U6119" s="99"/>
      <c r="V6119" s="99"/>
      <c r="W6119" s="99"/>
      <c r="X6119" s="99"/>
      <c r="Y6119" s="99"/>
      <c r="Z6119" s="99"/>
      <c r="AA6119" s="99"/>
      <c r="AB6119" s="99"/>
      <c r="AC6119" s="99"/>
      <c r="AD6119" s="99"/>
      <c r="AE6119" s="99"/>
      <c r="AF6119" s="99"/>
      <c r="AG6119" s="99"/>
      <c r="AH6119" s="99"/>
      <c r="AI6119" s="99"/>
      <c r="AJ6119" s="99"/>
      <c r="AK6119" s="99"/>
      <c r="AL6119" s="99"/>
      <c r="AM6119" s="99"/>
      <c r="AN6119" s="99"/>
      <c r="AO6119" s="99"/>
      <c r="AP6119" s="99"/>
      <c r="AQ6119" s="99"/>
      <c r="AR6119" s="99"/>
      <c r="AS6119" s="99"/>
      <c r="AT6119" s="99"/>
      <c r="AU6119" s="99"/>
      <c r="AV6119" s="99"/>
      <c r="AW6119" s="99"/>
      <c r="AX6119" s="99"/>
      <c r="AY6119" s="99"/>
      <c r="AZ6119" s="99"/>
      <c r="BA6119" s="99"/>
      <c r="BB6119" s="107">
        <v>45884</v>
      </c>
    </row>
    <row r="6120" spans="1:54" s="8" customFormat="1" ht="13.95" customHeight="1" x14ac:dyDescent="0.25">
      <c r="A6120" s="219" t="s">
        <v>14382</v>
      </c>
      <c r="B6120" s="220" t="s">
        <v>14192</v>
      </c>
      <c r="C6120" s="98" t="s">
        <v>9789</v>
      </c>
      <c r="D6120" s="98" t="s">
        <v>14383</v>
      </c>
      <c r="E6120" s="141">
        <v>1999</v>
      </c>
      <c r="F6120" s="141">
        <v>980</v>
      </c>
      <c r="G6120" s="98" t="s">
        <v>1</v>
      </c>
      <c r="H6120" s="98">
        <v>0</v>
      </c>
      <c r="I6120" s="98">
        <v>0</v>
      </c>
      <c r="J6120" s="98">
        <v>1</v>
      </c>
      <c r="K6120" s="98">
        <v>0</v>
      </c>
      <c r="L6120" s="98">
        <v>1</v>
      </c>
      <c r="M6120" s="98">
        <v>0</v>
      </c>
      <c r="N6120" s="98">
        <v>0</v>
      </c>
      <c r="O6120" s="98">
        <v>1</v>
      </c>
      <c r="P6120" s="98">
        <v>1</v>
      </c>
      <c r="Q6120" s="98">
        <v>0</v>
      </c>
      <c r="R6120" s="98">
        <v>0</v>
      </c>
      <c r="S6120" s="98">
        <v>0</v>
      </c>
      <c r="T6120" s="98">
        <v>0</v>
      </c>
      <c r="U6120" s="99"/>
      <c r="V6120" s="99"/>
      <c r="W6120" s="99"/>
      <c r="X6120" s="99"/>
      <c r="Y6120" s="99"/>
      <c r="Z6120" s="99"/>
      <c r="AA6120" s="99"/>
      <c r="AB6120" s="99"/>
      <c r="AC6120" s="99"/>
      <c r="AD6120" s="99"/>
      <c r="AE6120" s="99"/>
      <c r="AF6120" s="99"/>
      <c r="AG6120" s="99"/>
      <c r="AH6120" s="99"/>
      <c r="AI6120" s="99"/>
      <c r="AJ6120" s="99"/>
      <c r="AK6120" s="99"/>
      <c r="AL6120" s="99"/>
      <c r="AM6120" s="99"/>
      <c r="AN6120" s="99"/>
      <c r="AO6120" s="99"/>
      <c r="AP6120" s="99"/>
      <c r="AQ6120" s="99"/>
      <c r="AR6120" s="99"/>
      <c r="AS6120" s="99"/>
      <c r="AT6120" s="99"/>
      <c r="AU6120" s="99"/>
      <c r="AV6120" s="99"/>
      <c r="AW6120" s="99"/>
      <c r="AX6120" s="99"/>
      <c r="AY6120" s="99"/>
      <c r="AZ6120" s="99"/>
      <c r="BA6120" s="99"/>
      <c r="BB6120" s="107">
        <v>45884</v>
      </c>
    </row>
    <row r="6121" spans="1:54" s="8" customFormat="1" ht="13.95" customHeight="1" x14ac:dyDescent="0.25">
      <c r="A6121" s="219" t="s">
        <v>14384</v>
      </c>
      <c r="B6121" s="220" t="s">
        <v>14192</v>
      </c>
      <c r="C6121" s="98" t="s">
        <v>14385</v>
      </c>
      <c r="D6121" s="98" t="s">
        <v>14386</v>
      </c>
      <c r="E6121" s="141">
        <v>2000</v>
      </c>
      <c r="F6121" s="141">
        <v>999</v>
      </c>
      <c r="G6121" s="98" t="s">
        <v>1</v>
      </c>
      <c r="H6121" s="98">
        <v>0</v>
      </c>
      <c r="I6121" s="98">
        <v>0</v>
      </c>
      <c r="J6121" s="98">
        <v>1</v>
      </c>
      <c r="K6121" s="98">
        <v>0</v>
      </c>
      <c r="L6121" s="98">
        <v>0</v>
      </c>
      <c r="M6121" s="98">
        <v>0</v>
      </c>
      <c r="N6121" s="98">
        <v>0</v>
      </c>
      <c r="O6121" s="98">
        <v>1</v>
      </c>
      <c r="P6121" s="98">
        <v>0</v>
      </c>
      <c r="Q6121" s="98">
        <v>0</v>
      </c>
      <c r="R6121" s="98">
        <v>0</v>
      </c>
      <c r="S6121" s="98">
        <v>0</v>
      </c>
      <c r="T6121" s="98">
        <v>0</v>
      </c>
      <c r="U6121" s="99"/>
      <c r="V6121" s="99"/>
      <c r="W6121" s="99"/>
      <c r="X6121" s="99"/>
      <c r="Y6121" s="99"/>
      <c r="Z6121" s="99"/>
      <c r="AA6121" s="99"/>
      <c r="AB6121" s="99"/>
      <c r="AC6121" s="99"/>
      <c r="AD6121" s="99"/>
      <c r="AE6121" s="99"/>
      <c r="AF6121" s="99"/>
      <c r="AG6121" s="99"/>
      <c r="AH6121" s="99"/>
      <c r="AI6121" s="99"/>
      <c r="AJ6121" s="99"/>
      <c r="AK6121" s="99"/>
      <c r="AL6121" s="99"/>
      <c r="AM6121" s="99"/>
      <c r="AN6121" s="99"/>
      <c r="AO6121" s="99"/>
      <c r="AP6121" s="99"/>
      <c r="AQ6121" s="99"/>
      <c r="AR6121" s="99"/>
      <c r="AS6121" s="99"/>
      <c r="AT6121" s="99"/>
      <c r="AU6121" s="99"/>
      <c r="AV6121" s="99"/>
      <c r="AW6121" s="99"/>
      <c r="AX6121" s="99"/>
      <c r="AY6121" s="99"/>
      <c r="AZ6121" s="99"/>
      <c r="BA6121" s="99"/>
      <c r="BB6121" s="107">
        <v>45884</v>
      </c>
    </row>
    <row r="6122" spans="1:54" s="8" customFormat="1" ht="13.95" customHeight="1" x14ac:dyDescent="0.25">
      <c r="A6122" s="219" t="s">
        <v>14387</v>
      </c>
      <c r="B6122" s="220" t="s">
        <v>14192</v>
      </c>
      <c r="C6122" s="98" t="s">
        <v>14388</v>
      </c>
      <c r="D6122" s="98" t="s">
        <v>14389</v>
      </c>
      <c r="E6122" s="141">
        <v>1981</v>
      </c>
      <c r="F6122" s="141">
        <v>1006</v>
      </c>
      <c r="G6122" s="98" t="s">
        <v>1</v>
      </c>
      <c r="H6122" s="98">
        <v>1</v>
      </c>
      <c r="I6122" s="98">
        <v>0</v>
      </c>
      <c r="J6122" s="98">
        <v>1</v>
      </c>
      <c r="K6122" s="98">
        <v>0</v>
      </c>
      <c r="L6122" s="98">
        <v>1</v>
      </c>
      <c r="M6122" s="98">
        <v>0</v>
      </c>
      <c r="N6122" s="98">
        <v>0</v>
      </c>
      <c r="O6122" s="98">
        <v>1</v>
      </c>
      <c r="P6122" s="98">
        <v>1</v>
      </c>
      <c r="Q6122" s="98">
        <v>0</v>
      </c>
      <c r="R6122" s="98">
        <v>1</v>
      </c>
      <c r="S6122" s="98">
        <v>1</v>
      </c>
      <c r="T6122" s="98">
        <v>0</v>
      </c>
      <c r="U6122" s="99"/>
      <c r="V6122" s="99"/>
      <c r="W6122" s="99"/>
      <c r="X6122" s="99"/>
      <c r="Y6122" s="99"/>
      <c r="Z6122" s="99"/>
      <c r="AA6122" s="99"/>
      <c r="AB6122" s="99"/>
      <c r="AC6122" s="99"/>
      <c r="AD6122" s="99"/>
      <c r="AE6122" s="99"/>
      <c r="AF6122" s="99"/>
      <c r="AG6122" s="99"/>
      <c r="AH6122" s="99"/>
      <c r="AI6122" s="99"/>
      <c r="AJ6122" s="99"/>
      <c r="AK6122" s="99"/>
      <c r="AL6122" s="99"/>
      <c r="AM6122" s="99"/>
      <c r="AN6122" s="99"/>
      <c r="AO6122" s="99"/>
      <c r="AP6122" s="99"/>
      <c r="AQ6122" s="99"/>
      <c r="AR6122" s="99"/>
      <c r="AS6122" s="99"/>
      <c r="AT6122" s="99"/>
      <c r="AU6122" s="99"/>
      <c r="AV6122" s="99"/>
      <c r="AW6122" s="99"/>
      <c r="AX6122" s="99"/>
      <c r="AY6122" s="99"/>
      <c r="AZ6122" s="99"/>
      <c r="BA6122" s="99"/>
      <c r="BB6122" s="107">
        <v>45884</v>
      </c>
    </row>
    <row r="6123" spans="1:54" s="8" customFormat="1" ht="13.95" customHeight="1" x14ac:dyDescent="0.25">
      <c r="A6123" s="219" t="s">
        <v>14390</v>
      </c>
      <c r="B6123" s="220" t="s">
        <v>14192</v>
      </c>
      <c r="C6123" s="98" t="s">
        <v>14391</v>
      </c>
      <c r="D6123" s="98" t="s">
        <v>14392</v>
      </c>
      <c r="E6123" s="141">
        <v>1993</v>
      </c>
      <c r="F6123" s="141">
        <v>1049</v>
      </c>
      <c r="G6123" s="98" t="s">
        <v>1</v>
      </c>
      <c r="H6123" s="98">
        <v>1</v>
      </c>
      <c r="I6123" s="98">
        <v>0</v>
      </c>
      <c r="J6123" s="98">
        <v>1</v>
      </c>
      <c r="K6123" s="98">
        <v>0</v>
      </c>
      <c r="L6123" s="98">
        <v>0</v>
      </c>
      <c r="M6123" s="98">
        <v>0</v>
      </c>
      <c r="N6123" s="98">
        <v>0</v>
      </c>
      <c r="O6123" s="98">
        <v>0</v>
      </c>
      <c r="P6123" s="98">
        <v>0</v>
      </c>
      <c r="Q6123" s="98">
        <v>0</v>
      </c>
      <c r="R6123" s="98">
        <v>1</v>
      </c>
      <c r="S6123" s="98">
        <v>0</v>
      </c>
      <c r="T6123" s="98">
        <v>0</v>
      </c>
      <c r="U6123" s="99"/>
      <c r="V6123" s="99"/>
      <c r="W6123" s="99"/>
      <c r="X6123" s="99"/>
      <c r="Y6123" s="99"/>
      <c r="Z6123" s="99"/>
      <c r="AA6123" s="99"/>
      <c r="AB6123" s="99"/>
      <c r="AC6123" s="99"/>
      <c r="AD6123" s="99"/>
      <c r="AE6123" s="99"/>
      <c r="AF6123" s="99"/>
      <c r="AG6123" s="99"/>
      <c r="AH6123" s="99"/>
      <c r="AI6123" s="99"/>
      <c r="AJ6123" s="99"/>
      <c r="AK6123" s="99"/>
      <c r="AL6123" s="99"/>
      <c r="AM6123" s="99"/>
      <c r="AN6123" s="99"/>
      <c r="AO6123" s="99"/>
      <c r="AP6123" s="99"/>
      <c r="AQ6123" s="99"/>
      <c r="AR6123" s="99"/>
      <c r="AS6123" s="99"/>
      <c r="AT6123" s="99"/>
      <c r="AU6123" s="99"/>
      <c r="AV6123" s="99"/>
      <c r="AW6123" s="99"/>
      <c r="AX6123" s="99"/>
      <c r="AY6123" s="99"/>
      <c r="AZ6123" s="99"/>
      <c r="BA6123" s="99"/>
      <c r="BB6123" s="107">
        <v>45884</v>
      </c>
    </row>
    <row r="6124" spans="1:54" s="8" customFormat="1" ht="13.95" customHeight="1" x14ac:dyDescent="0.25">
      <c r="A6124" s="219" t="s">
        <v>14393</v>
      </c>
      <c r="B6124" s="220" t="s">
        <v>14192</v>
      </c>
      <c r="C6124" s="98" t="s">
        <v>14394</v>
      </c>
      <c r="D6124" s="98" t="s">
        <v>14395</v>
      </c>
      <c r="E6124" s="141">
        <v>1979</v>
      </c>
      <c r="F6124" s="141">
        <v>1053</v>
      </c>
      <c r="G6124" s="98" t="s">
        <v>1</v>
      </c>
      <c r="H6124" s="98">
        <v>1</v>
      </c>
      <c r="I6124" s="98">
        <v>0</v>
      </c>
      <c r="J6124" s="98">
        <v>1</v>
      </c>
      <c r="K6124" s="98">
        <v>1</v>
      </c>
      <c r="L6124" s="98">
        <v>1</v>
      </c>
      <c r="M6124" s="98">
        <v>0</v>
      </c>
      <c r="N6124" s="98">
        <v>0</v>
      </c>
      <c r="O6124" s="98">
        <v>1</v>
      </c>
      <c r="P6124" s="98">
        <v>1</v>
      </c>
      <c r="Q6124" s="98">
        <v>0</v>
      </c>
      <c r="R6124" s="98">
        <v>1</v>
      </c>
      <c r="S6124" s="98">
        <v>0</v>
      </c>
      <c r="T6124" s="98">
        <v>0</v>
      </c>
      <c r="U6124" s="99"/>
      <c r="V6124" s="99"/>
      <c r="W6124" s="99"/>
      <c r="X6124" s="99"/>
      <c r="Y6124" s="99"/>
      <c r="Z6124" s="99"/>
      <c r="AA6124" s="99"/>
      <c r="AB6124" s="99"/>
      <c r="AC6124" s="99"/>
      <c r="AD6124" s="99"/>
      <c r="AE6124" s="99"/>
      <c r="AF6124" s="99"/>
      <c r="AG6124" s="99"/>
      <c r="AH6124" s="99"/>
      <c r="AI6124" s="99"/>
      <c r="AJ6124" s="99"/>
      <c r="AK6124" s="99"/>
      <c r="AL6124" s="99"/>
      <c r="AM6124" s="99"/>
      <c r="AN6124" s="99"/>
      <c r="AO6124" s="99"/>
      <c r="AP6124" s="99"/>
      <c r="AQ6124" s="99"/>
      <c r="AR6124" s="99"/>
      <c r="AS6124" s="99"/>
      <c r="AT6124" s="99"/>
      <c r="AU6124" s="99"/>
      <c r="AV6124" s="99"/>
      <c r="AW6124" s="99"/>
      <c r="AX6124" s="99"/>
      <c r="AY6124" s="99"/>
      <c r="AZ6124" s="99"/>
      <c r="BA6124" s="98" t="s">
        <v>19738</v>
      </c>
      <c r="BB6124" s="107">
        <v>45884</v>
      </c>
    </row>
    <row r="6125" spans="1:54" s="8" customFormat="1" ht="13.95" customHeight="1" x14ac:dyDescent="0.25">
      <c r="A6125" s="219" t="s">
        <v>14397</v>
      </c>
      <c r="B6125" s="220" t="s">
        <v>14192</v>
      </c>
      <c r="C6125" s="98" t="s">
        <v>14398</v>
      </c>
      <c r="D6125" s="98" t="s">
        <v>14399</v>
      </c>
      <c r="E6125" s="141">
        <v>1997</v>
      </c>
      <c r="F6125" s="141">
        <v>1015</v>
      </c>
      <c r="G6125" s="98" t="s">
        <v>1</v>
      </c>
      <c r="H6125" s="98">
        <v>1</v>
      </c>
      <c r="I6125" s="98">
        <v>0</v>
      </c>
      <c r="J6125" s="98">
        <v>1</v>
      </c>
      <c r="K6125" s="98">
        <v>0</v>
      </c>
      <c r="L6125" s="98">
        <v>0</v>
      </c>
      <c r="M6125" s="98">
        <v>0</v>
      </c>
      <c r="N6125" s="98">
        <v>0</v>
      </c>
      <c r="O6125" s="98">
        <v>0</v>
      </c>
      <c r="P6125" s="98">
        <v>0</v>
      </c>
      <c r="Q6125" s="98">
        <v>0</v>
      </c>
      <c r="R6125" s="98">
        <v>0</v>
      </c>
      <c r="S6125" s="98">
        <v>0</v>
      </c>
      <c r="T6125" s="98">
        <v>0</v>
      </c>
      <c r="U6125" s="99"/>
      <c r="V6125" s="99"/>
      <c r="W6125" s="99"/>
      <c r="X6125" s="99"/>
      <c r="Y6125" s="99"/>
      <c r="Z6125" s="99"/>
      <c r="AA6125" s="99"/>
      <c r="AB6125" s="99"/>
      <c r="AC6125" s="99"/>
      <c r="AD6125" s="99"/>
      <c r="AE6125" s="99"/>
      <c r="AF6125" s="99"/>
      <c r="AG6125" s="99"/>
      <c r="AH6125" s="99"/>
      <c r="AI6125" s="99"/>
      <c r="AJ6125" s="99"/>
      <c r="AK6125" s="99"/>
      <c r="AL6125" s="99"/>
      <c r="AM6125" s="99"/>
      <c r="AN6125" s="99"/>
      <c r="AO6125" s="99"/>
      <c r="AP6125" s="99"/>
      <c r="AQ6125" s="99"/>
      <c r="AR6125" s="99"/>
      <c r="AS6125" s="99"/>
      <c r="AT6125" s="99"/>
      <c r="AU6125" s="99"/>
      <c r="AV6125" s="99"/>
      <c r="AW6125" s="99"/>
      <c r="AX6125" s="99"/>
      <c r="AY6125" s="99"/>
      <c r="AZ6125" s="99"/>
      <c r="BA6125" s="99"/>
      <c r="BB6125" s="107">
        <v>45884</v>
      </c>
    </row>
    <row r="6126" spans="1:54" s="8" customFormat="1" ht="13.95" customHeight="1" x14ac:dyDescent="0.25">
      <c r="A6126" s="219" t="s">
        <v>14400</v>
      </c>
      <c r="B6126" s="220" t="s">
        <v>14192</v>
      </c>
      <c r="C6126" s="98" t="s">
        <v>14401</v>
      </c>
      <c r="D6126" s="98" t="s">
        <v>14402</v>
      </c>
      <c r="E6126" s="141">
        <v>1994</v>
      </c>
      <c r="F6126" s="141">
        <v>1199</v>
      </c>
      <c r="G6126" s="98" t="s">
        <v>1</v>
      </c>
      <c r="H6126" s="98">
        <v>1</v>
      </c>
      <c r="I6126" s="98">
        <v>0</v>
      </c>
      <c r="J6126" s="98">
        <v>1</v>
      </c>
      <c r="K6126" s="98">
        <v>0</v>
      </c>
      <c r="L6126" s="98">
        <v>1</v>
      </c>
      <c r="M6126" s="98">
        <v>1</v>
      </c>
      <c r="N6126" s="98">
        <v>0</v>
      </c>
      <c r="O6126" s="98">
        <v>0</v>
      </c>
      <c r="P6126" s="98">
        <v>1</v>
      </c>
      <c r="Q6126" s="98">
        <v>0</v>
      </c>
      <c r="R6126" s="98">
        <v>1</v>
      </c>
      <c r="S6126" s="98">
        <v>0</v>
      </c>
      <c r="T6126" s="98">
        <v>0</v>
      </c>
      <c r="U6126" s="99"/>
      <c r="V6126" s="99"/>
      <c r="W6126" s="99"/>
      <c r="X6126" s="99"/>
      <c r="Y6126" s="99"/>
      <c r="Z6126" s="99"/>
      <c r="AA6126" s="99"/>
      <c r="AB6126" s="99"/>
      <c r="AC6126" s="99"/>
      <c r="AD6126" s="99"/>
      <c r="AE6126" s="99"/>
      <c r="AF6126" s="99"/>
      <c r="AG6126" s="99"/>
      <c r="AH6126" s="99"/>
      <c r="AI6126" s="99"/>
      <c r="AJ6126" s="99"/>
      <c r="AK6126" s="99"/>
      <c r="AL6126" s="99"/>
      <c r="AM6126" s="99"/>
      <c r="AN6126" s="99"/>
      <c r="AO6126" s="99"/>
      <c r="AP6126" s="99"/>
      <c r="AQ6126" s="99"/>
      <c r="AR6126" s="99"/>
      <c r="AS6126" s="99"/>
      <c r="AT6126" s="99"/>
      <c r="AU6126" s="99"/>
      <c r="AV6126" s="99"/>
      <c r="AW6126" s="99"/>
      <c r="AX6126" s="99"/>
      <c r="AY6126" s="99"/>
      <c r="AZ6126" s="99"/>
      <c r="BA6126" s="99"/>
      <c r="BB6126" s="107">
        <v>45884</v>
      </c>
    </row>
    <row r="6127" spans="1:54" s="8" customFormat="1" ht="13.95" customHeight="1" x14ac:dyDescent="0.25">
      <c r="A6127" s="219" t="s">
        <v>14403</v>
      </c>
      <c r="B6127" s="220" t="s">
        <v>14192</v>
      </c>
      <c r="C6127" s="98" t="s">
        <v>14404</v>
      </c>
      <c r="D6127" s="98" t="s">
        <v>22250</v>
      </c>
      <c r="E6127" s="141">
        <v>1979</v>
      </c>
      <c r="F6127" s="141">
        <v>1201</v>
      </c>
      <c r="G6127" s="98" t="s">
        <v>1</v>
      </c>
      <c r="H6127" s="98">
        <v>0</v>
      </c>
      <c r="I6127" s="98">
        <v>0</v>
      </c>
      <c r="J6127" s="98">
        <v>0</v>
      </c>
      <c r="K6127" s="98">
        <v>1</v>
      </c>
      <c r="L6127" s="98">
        <v>1</v>
      </c>
      <c r="M6127" s="98">
        <v>0</v>
      </c>
      <c r="N6127" s="98">
        <v>0</v>
      </c>
      <c r="O6127" s="98">
        <v>1</v>
      </c>
      <c r="P6127" s="98">
        <v>1</v>
      </c>
      <c r="Q6127" s="98">
        <v>0</v>
      </c>
      <c r="R6127" s="98">
        <v>0</v>
      </c>
      <c r="S6127" s="98">
        <v>1</v>
      </c>
      <c r="T6127" s="98">
        <v>0</v>
      </c>
      <c r="U6127" s="99"/>
      <c r="V6127" s="99"/>
      <c r="W6127" s="99"/>
      <c r="X6127" s="99"/>
      <c r="Y6127" s="99"/>
      <c r="Z6127" s="99"/>
      <c r="AA6127" s="99"/>
      <c r="AB6127" s="99"/>
      <c r="AC6127" s="99"/>
      <c r="AD6127" s="99"/>
      <c r="AE6127" s="99"/>
      <c r="AF6127" s="99"/>
      <c r="AG6127" s="99"/>
      <c r="AH6127" s="99"/>
      <c r="AI6127" s="99"/>
      <c r="AJ6127" s="99"/>
      <c r="AK6127" s="99"/>
      <c r="AL6127" s="99"/>
      <c r="AM6127" s="99"/>
      <c r="AN6127" s="99"/>
      <c r="AO6127" s="99"/>
      <c r="AP6127" s="99"/>
      <c r="AQ6127" s="99"/>
      <c r="AR6127" s="99"/>
      <c r="AS6127" s="99"/>
      <c r="AT6127" s="99"/>
      <c r="AU6127" s="99"/>
      <c r="AV6127" s="99"/>
      <c r="AW6127" s="99"/>
      <c r="AX6127" s="99"/>
      <c r="AY6127" s="99"/>
      <c r="AZ6127" s="99"/>
      <c r="BA6127" s="98" t="s">
        <v>19738</v>
      </c>
      <c r="BB6127" s="107">
        <v>45884</v>
      </c>
    </row>
    <row r="6128" spans="1:54" s="8" customFormat="1" ht="13.95" customHeight="1" x14ac:dyDescent="0.25">
      <c r="A6128" s="219" t="s">
        <v>14405</v>
      </c>
      <c r="B6128" s="220" t="s">
        <v>14192</v>
      </c>
      <c r="C6128" s="98" t="s">
        <v>14406</v>
      </c>
      <c r="D6128" s="98" t="s">
        <v>22251</v>
      </c>
      <c r="E6128" s="141">
        <v>1961</v>
      </c>
      <c r="F6128" s="141">
        <v>1253</v>
      </c>
      <c r="G6128" s="98" t="s">
        <v>1</v>
      </c>
      <c r="H6128" s="98">
        <v>1</v>
      </c>
      <c r="I6128" s="98">
        <v>0</v>
      </c>
      <c r="J6128" s="98">
        <v>1</v>
      </c>
      <c r="K6128" s="98">
        <v>0</v>
      </c>
      <c r="L6128" s="98">
        <v>1</v>
      </c>
      <c r="M6128" s="98">
        <v>1</v>
      </c>
      <c r="N6128" s="98">
        <v>1</v>
      </c>
      <c r="O6128" s="98">
        <v>1</v>
      </c>
      <c r="P6128" s="98">
        <v>1</v>
      </c>
      <c r="Q6128" s="98">
        <v>0</v>
      </c>
      <c r="R6128" s="98">
        <v>0</v>
      </c>
      <c r="S6128" s="98">
        <v>0</v>
      </c>
      <c r="T6128" s="98">
        <v>0</v>
      </c>
      <c r="U6128" s="99"/>
      <c r="V6128" s="99"/>
      <c r="W6128" s="99"/>
      <c r="X6128" s="99"/>
      <c r="Y6128" s="99"/>
      <c r="Z6128" s="99"/>
      <c r="AA6128" s="99"/>
      <c r="AB6128" s="99"/>
      <c r="AC6128" s="99"/>
      <c r="AD6128" s="99"/>
      <c r="AE6128" s="99"/>
      <c r="AF6128" s="99"/>
      <c r="AG6128" s="99"/>
      <c r="AH6128" s="99"/>
      <c r="AI6128" s="99"/>
      <c r="AJ6128" s="99"/>
      <c r="AK6128" s="99"/>
      <c r="AL6128" s="99"/>
      <c r="AM6128" s="99"/>
      <c r="AN6128" s="99"/>
      <c r="AO6128" s="99"/>
      <c r="AP6128" s="99"/>
      <c r="AQ6128" s="99"/>
      <c r="AR6128" s="99"/>
      <c r="AS6128" s="99"/>
      <c r="AT6128" s="99"/>
      <c r="AU6128" s="99"/>
      <c r="AV6128" s="99"/>
      <c r="AW6128" s="99"/>
      <c r="AX6128" s="99"/>
      <c r="AY6128" s="99"/>
      <c r="AZ6128" s="99"/>
      <c r="BA6128" s="99"/>
      <c r="BB6128" s="107">
        <v>45884</v>
      </c>
    </row>
    <row r="6129" spans="1:54" s="8" customFormat="1" ht="13.95" customHeight="1" x14ac:dyDescent="0.25">
      <c r="A6129" s="219" t="s">
        <v>14407</v>
      </c>
      <c r="B6129" s="220" t="s">
        <v>14192</v>
      </c>
      <c r="C6129" s="98" t="s">
        <v>14408</v>
      </c>
      <c r="D6129" s="98" t="s">
        <v>14409</v>
      </c>
      <c r="E6129" s="141">
        <v>1995</v>
      </c>
      <c r="F6129" s="141">
        <v>1356</v>
      </c>
      <c r="G6129" s="98" t="s">
        <v>1</v>
      </c>
      <c r="H6129" s="98">
        <v>1</v>
      </c>
      <c r="I6129" s="98">
        <v>0</v>
      </c>
      <c r="J6129" s="98">
        <v>1</v>
      </c>
      <c r="K6129" s="98">
        <v>0</v>
      </c>
      <c r="L6129" s="98">
        <v>1</v>
      </c>
      <c r="M6129" s="98">
        <v>0</v>
      </c>
      <c r="N6129" s="98">
        <v>0</v>
      </c>
      <c r="O6129" s="98">
        <v>0</v>
      </c>
      <c r="P6129" s="98">
        <v>1</v>
      </c>
      <c r="Q6129" s="98">
        <v>0</v>
      </c>
      <c r="R6129" s="98">
        <v>1</v>
      </c>
      <c r="S6129" s="98">
        <v>0</v>
      </c>
      <c r="T6129" s="98">
        <v>0</v>
      </c>
      <c r="U6129" s="99"/>
      <c r="V6129" s="99"/>
      <c r="W6129" s="99"/>
      <c r="X6129" s="99"/>
      <c r="Y6129" s="99"/>
      <c r="Z6129" s="99"/>
      <c r="AA6129" s="99"/>
      <c r="AB6129" s="99"/>
      <c r="AC6129" s="99"/>
      <c r="AD6129" s="99"/>
      <c r="AE6129" s="99"/>
      <c r="AF6129" s="99"/>
      <c r="AG6129" s="99"/>
      <c r="AH6129" s="99"/>
      <c r="AI6129" s="99"/>
      <c r="AJ6129" s="99"/>
      <c r="AK6129" s="99"/>
      <c r="AL6129" s="99"/>
      <c r="AM6129" s="99"/>
      <c r="AN6129" s="99"/>
      <c r="AO6129" s="99"/>
      <c r="AP6129" s="99"/>
      <c r="AQ6129" s="99"/>
      <c r="AR6129" s="99"/>
      <c r="AS6129" s="99"/>
      <c r="AT6129" s="99"/>
      <c r="AU6129" s="99"/>
      <c r="AV6129" s="99"/>
      <c r="AW6129" s="99"/>
      <c r="AX6129" s="99"/>
      <c r="AY6129" s="99"/>
      <c r="AZ6129" s="99"/>
      <c r="BA6129" s="99"/>
      <c r="BB6129" s="107">
        <v>45884</v>
      </c>
    </row>
    <row r="6130" spans="1:54" s="8" customFormat="1" ht="13.95" customHeight="1" x14ac:dyDescent="0.25">
      <c r="A6130" s="219" t="s">
        <v>14410</v>
      </c>
      <c r="B6130" s="220" t="s">
        <v>14192</v>
      </c>
      <c r="C6130" s="98" t="s">
        <v>14411</v>
      </c>
      <c r="D6130" s="98" t="s">
        <v>14412</v>
      </c>
      <c r="E6130" s="141">
        <v>1973</v>
      </c>
      <c r="F6130" s="141">
        <v>1402</v>
      </c>
      <c r="G6130" s="98" t="s">
        <v>1</v>
      </c>
      <c r="H6130" s="98">
        <v>0</v>
      </c>
      <c r="I6130" s="98">
        <v>0</v>
      </c>
      <c r="J6130" s="98">
        <v>0</v>
      </c>
      <c r="K6130" s="98">
        <v>1</v>
      </c>
      <c r="L6130" s="98">
        <v>0</v>
      </c>
      <c r="M6130" s="98">
        <v>0</v>
      </c>
      <c r="N6130" s="98">
        <v>0</v>
      </c>
      <c r="O6130" s="98">
        <v>1</v>
      </c>
      <c r="P6130" s="98">
        <v>1</v>
      </c>
      <c r="Q6130" s="98">
        <v>0</v>
      </c>
      <c r="R6130" s="98">
        <v>1</v>
      </c>
      <c r="S6130" s="98">
        <v>0</v>
      </c>
      <c r="T6130" s="98">
        <v>0</v>
      </c>
      <c r="U6130" s="99"/>
      <c r="V6130" s="99"/>
      <c r="W6130" s="99"/>
      <c r="X6130" s="99"/>
      <c r="Y6130" s="99"/>
      <c r="Z6130" s="99"/>
      <c r="AA6130" s="99"/>
      <c r="AB6130" s="99"/>
      <c r="AC6130" s="99"/>
      <c r="AD6130" s="99"/>
      <c r="AE6130" s="99"/>
      <c r="AF6130" s="99"/>
      <c r="AG6130" s="99"/>
      <c r="AH6130" s="99"/>
      <c r="AI6130" s="99"/>
      <c r="AJ6130" s="99"/>
      <c r="AK6130" s="99"/>
      <c r="AL6130" s="99"/>
      <c r="AM6130" s="99"/>
      <c r="AN6130" s="99"/>
      <c r="AO6130" s="99"/>
      <c r="AP6130" s="99"/>
      <c r="AQ6130" s="99"/>
      <c r="AR6130" s="99"/>
      <c r="AS6130" s="99"/>
      <c r="AT6130" s="99"/>
      <c r="AU6130" s="99"/>
      <c r="AV6130" s="99"/>
      <c r="AW6130" s="99"/>
      <c r="AX6130" s="99"/>
      <c r="AY6130" s="99"/>
      <c r="AZ6130" s="99"/>
      <c r="BA6130" s="99"/>
      <c r="BB6130" s="107">
        <v>45884</v>
      </c>
    </row>
    <row r="6131" spans="1:54" s="8" customFormat="1" ht="13.95" customHeight="1" x14ac:dyDescent="0.25">
      <c r="A6131" s="219" t="s">
        <v>14413</v>
      </c>
      <c r="B6131" s="220" t="s">
        <v>14192</v>
      </c>
      <c r="C6131" s="98" t="s">
        <v>14414</v>
      </c>
      <c r="D6131" s="98" t="s">
        <v>14415</v>
      </c>
      <c r="E6131" s="141">
        <v>1982</v>
      </c>
      <c r="F6131" s="141">
        <v>1424</v>
      </c>
      <c r="G6131" s="98" t="s">
        <v>1</v>
      </c>
      <c r="H6131" s="98">
        <v>0</v>
      </c>
      <c r="I6131" s="98">
        <v>0</v>
      </c>
      <c r="J6131" s="98">
        <v>1</v>
      </c>
      <c r="K6131" s="98">
        <v>0</v>
      </c>
      <c r="L6131" s="98">
        <v>0</v>
      </c>
      <c r="M6131" s="98">
        <v>0</v>
      </c>
      <c r="N6131" s="98">
        <v>0</v>
      </c>
      <c r="O6131" s="98">
        <v>1</v>
      </c>
      <c r="P6131" s="98">
        <v>1</v>
      </c>
      <c r="Q6131" s="98">
        <v>1</v>
      </c>
      <c r="R6131" s="98">
        <v>0</v>
      </c>
      <c r="S6131" s="98">
        <v>1</v>
      </c>
      <c r="T6131" s="98">
        <v>0</v>
      </c>
      <c r="U6131" s="99"/>
      <c r="V6131" s="99"/>
      <c r="W6131" s="99"/>
      <c r="X6131" s="99"/>
      <c r="Y6131" s="99"/>
      <c r="Z6131" s="99"/>
      <c r="AA6131" s="99"/>
      <c r="AB6131" s="99"/>
      <c r="AC6131" s="99"/>
      <c r="AD6131" s="99"/>
      <c r="AE6131" s="99"/>
      <c r="AF6131" s="99"/>
      <c r="AG6131" s="99"/>
      <c r="AH6131" s="99"/>
      <c r="AI6131" s="99"/>
      <c r="AJ6131" s="99"/>
      <c r="AK6131" s="99"/>
      <c r="AL6131" s="99"/>
      <c r="AM6131" s="99"/>
      <c r="AN6131" s="99"/>
      <c r="AO6131" s="99"/>
      <c r="AP6131" s="99"/>
      <c r="AQ6131" s="99"/>
      <c r="AR6131" s="99"/>
      <c r="AS6131" s="99"/>
      <c r="AT6131" s="99"/>
      <c r="AU6131" s="99"/>
      <c r="AV6131" s="99"/>
      <c r="AW6131" s="99"/>
      <c r="AX6131" s="99"/>
      <c r="AY6131" s="99"/>
      <c r="AZ6131" s="99"/>
      <c r="BA6131" s="99"/>
      <c r="BB6131" s="107">
        <v>45884</v>
      </c>
    </row>
    <row r="6132" spans="1:54" s="8" customFormat="1" ht="13.95" customHeight="1" x14ac:dyDescent="0.25">
      <c r="A6132" s="219" t="s">
        <v>14416</v>
      </c>
      <c r="B6132" s="220" t="s">
        <v>14192</v>
      </c>
      <c r="C6132" s="98" t="s">
        <v>14417</v>
      </c>
      <c r="D6132" s="98" t="s">
        <v>14418</v>
      </c>
      <c r="E6132" s="141">
        <v>1996</v>
      </c>
      <c r="F6132" s="141">
        <v>1468</v>
      </c>
      <c r="G6132" s="98" t="s">
        <v>1</v>
      </c>
      <c r="H6132" s="98">
        <v>1</v>
      </c>
      <c r="I6132" s="98">
        <v>0</v>
      </c>
      <c r="J6132" s="98">
        <v>1</v>
      </c>
      <c r="K6132" s="98">
        <v>1</v>
      </c>
      <c r="L6132" s="98">
        <v>1</v>
      </c>
      <c r="M6132" s="98">
        <v>1</v>
      </c>
      <c r="N6132" s="98">
        <v>0</v>
      </c>
      <c r="O6132" s="98">
        <v>1</v>
      </c>
      <c r="P6132" s="98">
        <v>0</v>
      </c>
      <c r="Q6132" s="98">
        <v>0</v>
      </c>
      <c r="R6132" s="98">
        <v>1</v>
      </c>
      <c r="S6132" s="98">
        <v>0</v>
      </c>
      <c r="T6132" s="98">
        <v>0</v>
      </c>
      <c r="U6132" s="99"/>
      <c r="V6132" s="99"/>
      <c r="W6132" s="99"/>
      <c r="X6132" s="99"/>
      <c r="Y6132" s="99"/>
      <c r="Z6132" s="99"/>
      <c r="AA6132" s="99"/>
      <c r="AB6132" s="99"/>
      <c r="AC6132" s="99"/>
      <c r="AD6132" s="99"/>
      <c r="AE6132" s="99"/>
      <c r="AF6132" s="99"/>
      <c r="AG6132" s="99"/>
      <c r="AH6132" s="99"/>
      <c r="AI6132" s="99"/>
      <c r="AJ6132" s="99"/>
      <c r="AK6132" s="99"/>
      <c r="AL6132" s="99"/>
      <c r="AM6132" s="99"/>
      <c r="AN6132" s="99"/>
      <c r="AO6132" s="99"/>
      <c r="AP6132" s="99"/>
      <c r="AQ6132" s="99"/>
      <c r="AR6132" s="99"/>
      <c r="AS6132" s="99"/>
      <c r="AT6132" s="99"/>
      <c r="AU6132" s="99"/>
      <c r="AV6132" s="99"/>
      <c r="AW6132" s="99"/>
      <c r="AX6132" s="99"/>
      <c r="AY6132" s="99"/>
      <c r="AZ6132" s="99"/>
      <c r="BA6132" s="99"/>
      <c r="BB6132" s="107">
        <v>45884</v>
      </c>
    </row>
    <row r="6133" spans="1:54" s="8" customFormat="1" ht="13.95" customHeight="1" x14ac:dyDescent="0.25">
      <c r="A6133" s="219" t="s">
        <v>14419</v>
      </c>
      <c r="B6133" s="220" t="s">
        <v>14192</v>
      </c>
      <c r="C6133" s="98" t="s">
        <v>14420</v>
      </c>
      <c r="D6133" s="98" t="s">
        <v>14421</v>
      </c>
      <c r="E6133" s="141">
        <v>1985</v>
      </c>
      <c r="F6133" s="141">
        <v>1477</v>
      </c>
      <c r="G6133" s="98" t="s">
        <v>1</v>
      </c>
      <c r="H6133" s="98">
        <v>1</v>
      </c>
      <c r="I6133" s="98">
        <v>0</v>
      </c>
      <c r="J6133" s="98">
        <v>1</v>
      </c>
      <c r="K6133" s="98">
        <v>0</v>
      </c>
      <c r="L6133" s="98">
        <v>1</v>
      </c>
      <c r="M6133" s="98">
        <v>0</v>
      </c>
      <c r="N6133" s="98">
        <v>0</v>
      </c>
      <c r="O6133" s="98">
        <v>1</v>
      </c>
      <c r="P6133" s="98">
        <v>1</v>
      </c>
      <c r="Q6133" s="98">
        <v>0</v>
      </c>
      <c r="R6133" s="98">
        <v>0</v>
      </c>
      <c r="S6133" s="98">
        <v>0</v>
      </c>
      <c r="T6133" s="98">
        <v>0</v>
      </c>
      <c r="U6133" s="99"/>
      <c r="V6133" s="99"/>
      <c r="W6133" s="99"/>
      <c r="X6133" s="99"/>
      <c r="Y6133" s="99"/>
      <c r="Z6133" s="99"/>
      <c r="AA6133" s="99"/>
      <c r="AB6133" s="99"/>
      <c r="AC6133" s="99"/>
      <c r="AD6133" s="99"/>
      <c r="AE6133" s="99"/>
      <c r="AF6133" s="99"/>
      <c r="AG6133" s="99"/>
      <c r="AH6133" s="99"/>
      <c r="AI6133" s="99"/>
      <c r="AJ6133" s="99"/>
      <c r="AK6133" s="99"/>
      <c r="AL6133" s="99"/>
      <c r="AM6133" s="99"/>
      <c r="AN6133" s="99"/>
      <c r="AO6133" s="99"/>
      <c r="AP6133" s="99"/>
      <c r="AQ6133" s="99"/>
      <c r="AR6133" s="99"/>
      <c r="AS6133" s="99"/>
      <c r="AT6133" s="99"/>
      <c r="AU6133" s="99"/>
      <c r="AV6133" s="99"/>
      <c r="AW6133" s="99"/>
      <c r="AX6133" s="99"/>
      <c r="AY6133" s="99"/>
      <c r="AZ6133" s="99"/>
      <c r="BA6133" s="99"/>
      <c r="BB6133" s="107">
        <v>45884</v>
      </c>
    </row>
    <row r="6134" spans="1:54" s="8" customFormat="1" ht="13.95" customHeight="1" x14ac:dyDescent="0.25">
      <c r="A6134" s="219" t="s">
        <v>14422</v>
      </c>
      <c r="B6134" s="220" t="s">
        <v>14192</v>
      </c>
      <c r="C6134" s="98" t="s">
        <v>14423</v>
      </c>
      <c r="D6134" s="98" t="s">
        <v>14424</v>
      </c>
      <c r="E6134" s="141">
        <v>1973</v>
      </c>
      <c r="F6134" s="141">
        <v>1493</v>
      </c>
      <c r="G6134" s="98" t="s">
        <v>1</v>
      </c>
      <c r="H6134" s="98">
        <v>1</v>
      </c>
      <c r="I6134" s="98">
        <v>0</v>
      </c>
      <c r="J6134" s="98">
        <v>1</v>
      </c>
      <c r="K6134" s="98">
        <v>1</v>
      </c>
      <c r="L6134" s="98">
        <v>1</v>
      </c>
      <c r="M6134" s="98">
        <v>0</v>
      </c>
      <c r="N6134" s="98">
        <v>0</v>
      </c>
      <c r="O6134" s="98">
        <v>1</v>
      </c>
      <c r="P6134" s="98">
        <v>1</v>
      </c>
      <c r="Q6134" s="98">
        <v>0</v>
      </c>
      <c r="R6134" s="98">
        <v>1</v>
      </c>
      <c r="S6134" s="98">
        <v>0</v>
      </c>
      <c r="T6134" s="98">
        <v>0</v>
      </c>
      <c r="U6134" s="99"/>
      <c r="V6134" s="99"/>
      <c r="W6134" s="99"/>
      <c r="X6134" s="99"/>
      <c r="Y6134" s="99"/>
      <c r="Z6134" s="99"/>
      <c r="AA6134" s="99"/>
      <c r="AB6134" s="99"/>
      <c r="AC6134" s="99"/>
      <c r="AD6134" s="99"/>
      <c r="AE6134" s="99"/>
      <c r="AF6134" s="99"/>
      <c r="AG6134" s="99"/>
      <c r="AH6134" s="99"/>
      <c r="AI6134" s="99"/>
      <c r="AJ6134" s="99"/>
      <c r="AK6134" s="99"/>
      <c r="AL6134" s="99"/>
      <c r="AM6134" s="99"/>
      <c r="AN6134" s="99"/>
      <c r="AO6134" s="99"/>
      <c r="AP6134" s="99"/>
      <c r="AQ6134" s="99"/>
      <c r="AR6134" s="99"/>
      <c r="AS6134" s="99"/>
      <c r="AT6134" s="99"/>
      <c r="AU6134" s="99"/>
      <c r="AV6134" s="99"/>
      <c r="AW6134" s="99"/>
      <c r="AX6134" s="99"/>
      <c r="AY6134" s="99"/>
      <c r="AZ6134" s="99"/>
      <c r="BA6134" s="99"/>
      <c r="BB6134" s="107">
        <v>45884</v>
      </c>
    </row>
    <row r="6135" spans="1:54" s="8" customFormat="1" ht="13.95" customHeight="1" x14ac:dyDescent="0.25">
      <c r="A6135" s="219" t="s">
        <v>14425</v>
      </c>
      <c r="B6135" s="220" t="s">
        <v>14192</v>
      </c>
      <c r="C6135" s="98" t="s">
        <v>14426</v>
      </c>
      <c r="D6135" s="98" t="s">
        <v>14427</v>
      </c>
      <c r="E6135" s="141">
        <v>1975</v>
      </c>
      <c r="F6135" s="141">
        <v>1509</v>
      </c>
      <c r="G6135" s="98" t="s">
        <v>1</v>
      </c>
      <c r="H6135" s="98">
        <v>1</v>
      </c>
      <c r="I6135" s="98">
        <v>0</v>
      </c>
      <c r="J6135" s="98">
        <v>1</v>
      </c>
      <c r="K6135" s="98">
        <v>1</v>
      </c>
      <c r="L6135" s="98">
        <v>1</v>
      </c>
      <c r="M6135" s="98">
        <v>0</v>
      </c>
      <c r="N6135" s="98">
        <v>0</v>
      </c>
      <c r="O6135" s="98">
        <v>1</v>
      </c>
      <c r="P6135" s="98">
        <v>1</v>
      </c>
      <c r="Q6135" s="98">
        <v>0</v>
      </c>
      <c r="R6135" s="98">
        <v>0</v>
      </c>
      <c r="S6135" s="98">
        <v>1</v>
      </c>
      <c r="T6135" s="98">
        <v>0</v>
      </c>
      <c r="U6135" s="99"/>
      <c r="V6135" s="99"/>
      <c r="W6135" s="99"/>
      <c r="X6135" s="99"/>
      <c r="Y6135" s="99"/>
      <c r="Z6135" s="99"/>
      <c r="AA6135" s="99"/>
      <c r="AB6135" s="99"/>
      <c r="AC6135" s="99"/>
      <c r="AD6135" s="99"/>
      <c r="AE6135" s="99"/>
      <c r="AF6135" s="99"/>
      <c r="AG6135" s="99"/>
      <c r="AH6135" s="99"/>
      <c r="AI6135" s="99"/>
      <c r="AJ6135" s="99"/>
      <c r="AK6135" s="99"/>
      <c r="AL6135" s="99"/>
      <c r="AM6135" s="99"/>
      <c r="AN6135" s="99"/>
      <c r="AO6135" s="99"/>
      <c r="AP6135" s="99"/>
      <c r="AQ6135" s="99"/>
      <c r="AR6135" s="99"/>
      <c r="AS6135" s="99"/>
      <c r="AT6135" s="99"/>
      <c r="AU6135" s="99"/>
      <c r="AV6135" s="99"/>
      <c r="AW6135" s="99"/>
      <c r="AX6135" s="99"/>
      <c r="AY6135" s="99"/>
      <c r="AZ6135" s="99"/>
      <c r="BA6135" s="99"/>
      <c r="BB6135" s="107">
        <v>45884</v>
      </c>
    </row>
    <row r="6136" spans="1:54" s="8" customFormat="1" ht="13.95" customHeight="1" x14ac:dyDescent="0.25">
      <c r="A6136" s="219" t="s">
        <v>14428</v>
      </c>
      <c r="B6136" s="220" t="s">
        <v>14192</v>
      </c>
      <c r="C6136" s="98" t="s">
        <v>14429</v>
      </c>
      <c r="D6136" s="98" t="s">
        <v>14430</v>
      </c>
      <c r="E6136" s="141">
        <v>1992</v>
      </c>
      <c r="F6136" s="141">
        <v>1602</v>
      </c>
      <c r="G6136" s="98" t="s">
        <v>1</v>
      </c>
      <c r="H6136" s="98">
        <v>1</v>
      </c>
      <c r="I6136" s="98">
        <v>0</v>
      </c>
      <c r="J6136" s="98">
        <v>1</v>
      </c>
      <c r="K6136" s="98">
        <v>0</v>
      </c>
      <c r="L6136" s="98">
        <v>1</v>
      </c>
      <c r="M6136" s="98">
        <v>0</v>
      </c>
      <c r="N6136" s="98">
        <v>1</v>
      </c>
      <c r="O6136" s="98">
        <v>1</v>
      </c>
      <c r="P6136" s="98">
        <v>1</v>
      </c>
      <c r="Q6136" s="98">
        <v>0</v>
      </c>
      <c r="R6136" s="98">
        <v>0</v>
      </c>
      <c r="S6136" s="98">
        <v>0</v>
      </c>
      <c r="T6136" s="98">
        <v>0</v>
      </c>
      <c r="U6136" s="99"/>
      <c r="V6136" s="99"/>
      <c r="W6136" s="99"/>
      <c r="X6136" s="99"/>
      <c r="Y6136" s="99"/>
      <c r="Z6136" s="99"/>
      <c r="AA6136" s="99"/>
      <c r="AB6136" s="99"/>
      <c r="AC6136" s="99"/>
      <c r="AD6136" s="99"/>
      <c r="AE6136" s="99"/>
      <c r="AF6136" s="99"/>
      <c r="AG6136" s="99"/>
      <c r="AH6136" s="99"/>
      <c r="AI6136" s="99"/>
      <c r="AJ6136" s="99"/>
      <c r="AK6136" s="99"/>
      <c r="AL6136" s="99"/>
      <c r="AM6136" s="99"/>
      <c r="AN6136" s="99"/>
      <c r="AO6136" s="99"/>
      <c r="AP6136" s="99"/>
      <c r="AQ6136" s="99"/>
      <c r="AR6136" s="99"/>
      <c r="AS6136" s="99"/>
      <c r="AT6136" s="99"/>
      <c r="AU6136" s="99"/>
      <c r="AV6136" s="99"/>
      <c r="AW6136" s="99"/>
      <c r="AX6136" s="99"/>
      <c r="AY6136" s="99"/>
      <c r="AZ6136" s="99"/>
      <c r="BA6136" s="99"/>
      <c r="BB6136" s="107">
        <v>45884</v>
      </c>
    </row>
    <row r="6137" spans="1:54" s="8" customFormat="1" ht="13.95" customHeight="1" x14ac:dyDescent="0.25">
      <c r="A6137" s="219" t="s">
        <v>14431</v>
      </c>
      <c r="B6137" s="220" t="s">
        <v>14192</v>
      </c>
      <c r="C6137" s="98" t="s">
        <v>14432</v>
      </c>
      <c r="D6137" s="98" t="s">
        <v>14433</v>
      </c>
      <c r="E6137" s="141">
        <v>1981</v>
      </c>
      <c r="F6137" s="141">
        <v>1683</v>
      </c>
      <c r="G6137" s="98" t="s">
        <v>1</v>
      </c>
      <c r="H6137" s="98">
        <v>0</v>
      </c>
      <c r="I6137" s="98">
        <v>0</v>
      </c>
      <c r="J6137" s="98">
        <v>1</v>
      </c>
      <c r="K6137" s="98">
        <v>0</v>
      </c>
      <c r="L6137" s="98">
        <v>0</v>
      </c>
      <c r="M6137" s="98">
        <v>1</v>
      </c>
      <c r="N6137" s="98">
        <v>1</v>
      </c>
      <c r="O6137" s="98">
        <v>1</v>
      </c>
      <c r="P6137" s="98">
        <v>1</v>
      </c>
      <c r="Q6137" s="98">
        <v>0</v>
      </c>
      <c r="R6137" s="98">
        <v>0</v>
      </c>
      <c r="S6137" s="98">
        <v>0</v>
      </c>
      <c r="T6137" s="98">
        <v>0</v>
      </c>
      <c r="U6137" s="99"/>
      <c r="V6137" s="99"/>
      <c r="W6137" s="99"/>
      <c r="X6137" s="99"/>
      <c r="Y6137" s="99"/>
      <c r="Z6137" s="99"/>
      <c r="AA6137" s="99"/>
      <c r="AB6137" s="99"/>
      <c r="AC6137" s="99"/>
      <c r="AD6137" s="99"/>
      <c r="AE6137" s="99"/>
      <c r="AF6137" s="99"/>
      <c r="AG6137" s="99"/>
      <c r="AH6137" s="99"/>
      <c r="AI6137" s="99"/>
      <c r="AJ6137" s="99"/>
      <c r="AK6137" s="99"/>
      <c r="AL6137" s="99"/>
      <c r="AM6137" s="99"/>
      <c r="AN6137" s="99"/>
      <c r="AO6137" s="99"/>
      <c r="AP6137" s="99"/>
      <c r="AQ6137" s="99"/>
      <c r="AR6137" s="99"/>
      <c r="AS6137" s="99"/>
      <c r="AT6137" s="99"/>
      <c r="AU6137" s="99"/>
      <c r="AV6137" s="99"/>
      <c r="AW6137" s="99"/>
      <c r="AX6137" s="99"/>
      <c r="AY6137" s="99"/>
      <c r="AZ6137" s="99"/>
      <c r="BA6137" s="99"/>
      <c r="BB6137" s="107">
        <v>45884</v>
      </c>
    </row>
    <row r="6138" spans="1:54" s="8" customFormat="1" ht="13.95" customHeight="1" x14ac:dyDescent="0.25">
      <c r="A6138" s="219" t="s">
        <v>14434</v>
      </c>
      <c r="B6138" s="220" t="s">
        <v>14192</v>
      </c>
      <c r="C6138" s="98" t="s">
        <v>14435</v>
      </c>
      <c r="D6138" s="98" t="s">
        <v>14436</v>
      </c>
      <c r="E6138" s="141">
        <v>1989</v>
      </c>
      <c r="F6138" s="141">
        <v>1737</v>
      </c>
      <c r="G6138" s="98" t="s">
        <v>1</v>
      </c>
      <c r="H6138" s="98">
        <v>0</v>
      </c>
      <c r="I6138" s="98">
        <v>0</v>
      </c>
      <c r="J6138" s="98">
        <v>1</v>
      </c>
      <c r="K6138" s="98">
        <v>1</v>
      </c>
      <c r="L6138" s="98">
        <v>1</v>
      </c>
      <c r="M6138" s="98">
        <v>0</v>
      </c>
      <c r="N6138" s="98">
        <v>0</v>
      </c>
      <c r="O6138" s="98">
        <v>0</v>
      </c>
      <c r="P6138" s="98">
        <v>1</v>
      </c>
      <c r="Q6138" s="98">
        <v>0</v>
      </c>
      <c r="R6138" s="98">
        <v>0</v>
      </c>
      <c r="S6138" s="98">
        <v>0</v>
      </c>
      <c r="T6138" s="98">
        <v>0</v>
      </c>
      <c r="U6138" s="99"/>
      <c r="V6138" s="99"/>
      <c r="W6138" s="99"/>
      <c r="X6138" s="99"/>
      <c r="Y6138" s="99"/>
      <c r="Z6138" s="99"/>
      <c r="AA6138" s="99"/>
      <c r="AB6138" s="99"/>
      <c r="AC6138" s="99"/>
      <c r="AD6138" s="99"/>
      <c r="AE6138" s="99"/>
      <c r="AF6138" s="99"/>
      <c r="AG6138" s="99"/>
      <c r="AH6138" s="99"/>
      <c r="AI6138" s="99"/>
      <c r="AJ6138" s="99"/>
      <c r="AK6138" s="99"/>
      <c r="AL6138" s="99"/>
      <c r="AM6138" s="99"/>
      <c r="AN6138" s="99"/>
      <c r="AO6138" s="99"/>
      <c r="AP6138" s="99"/>
      <c r="AQ6138" s="99"/>
      <c r="AR6138" s="99"/>
      <c r="AS6138" s="99"/>
      <c r="AT6138" s="99"/>
      <c r="AU6138" s="99"/>
      <c r="AV6138" s="99"/>
      <c r="AW6138" s="99"/>
      <c r="AX6138" s="99"/>
      <c r="AY6138" s="99"/>
      <c r="AZ6138" s="99"/>
      <c r="BA6138" s="99"/>
      <c r="BB6138" s="107">
        <v>45884</v>
      </c>
    </row>
    <row r="6139" spans="1:54" s="8" customFormat="1" ht="13.95" customHeight="1" x14ac:dyDescent="0.25">
      <c r="A6139" s="219" t="s">
        <v>14437</v>
      </c>
      <c r="B6139" s="220" t="s">
        <v>14192</v>
      </c>
      <c r="C6139" s="98" t="s">
        <v>14438</v>
      </c>
      <c r="D6139" s="98" t="s">
        <v>14439</v>
      </c>
      <c r="E6139" s="141">
        <v>1992</v>
      </c>
      <c r="F6139" s="141">
        <v>1801</v>
      </c>
      <c r="G6139" s="98" t="s">
        <v>1</v>
      </c>
      <c r="H6139" s="98">
        <v>1</v>
      </c>
      <c r="I6139" s="98">
        <v>0</v>
      </c>
      <c r="J6139" s="98">
        <v>1</v>
      </c>
      <c r="K6139" s="98">
        <v>0</v>
      </c>
      <c r="L6139" s="98">
        <v>1</v>
      </c>
      <c r="M6139" s="98">
        <v>0</v>
      </c>
      <c r="N6139" s="98">
        <v>1</v>
      </c>
      <c r="O6139" s="98">
        <v>0</v>
      </c>
      <c r="P6139" s="98">
        <v>0</v>
      </c>
      <c r="Q6139" s="98">
        <v>0</v>
      </c>
      <c r="R6139" s="98">
        <v>0</v>
      </c>
      <c r="S6139" s="98">
        <v>0</v>
      </c>
      <c r="T6139" s="98">
        <v>0</v>
      </c>
      <c r="U6139" s="99"/>
      <c r="V6139" s="99"/>
      <c r="W6139" s="99"/>
      <c r="X6139" s="99"/>
      <c r="Y6139" s="99"/>
      <c r="Z6139" s="99"/>
      <c r="AA6139" s="99"/>
      <c r="AB6139" s="99"/>
      <c r="AC6139" s="99"/>
      <c r="AD6139" s="99"/>
      <c r="AE6139" s="99"/>
      <c r="AF6139" s="99"/>
      <c r="AG6139" s="99"/>
      <c r="AH6139" s="99"/>
      <c r="AI6139" s="99"/>
      <c r="AJ6139" s="99"/>
      <c r="AK6139" s="99"/>
      <c r="AL6139" s="99"/>
      <c r="AM6139" s="99"/>
      <c r="AN6139" s="99"/>
      <c r="AO6139" s="99"/>
      <c r="AP6139" s="99"/>
      <c r="AQ6139" s="99"/>
      <c r="AR6139" s="99"/>
      <c r="AS6139" s="99"/>
      <c r="AT6139" s="99"/>
      <c r="AU6139" s="99"/>
      <c r="AV6139" s="99"/>
      <c r="AW6139" s="99"/>
      <c r="AX6139" s="99"/>
      <c r="AY6139" s="99"/>
      <c r="AZ6139" s="99"/>
      <c r="BA6139" s="99"/>
      <c r="BB6139" s="107">
        <v>45884</v>
      </c>
    </row>
    <row r="6140" spans="1:54" s="8" customFormat="1" ht="13.95" customHeight="1" x14ac:dyDescent="0.25">
      <c r="A6140" s="219" t="s">
        <v>14440</v>
      </c>
      <c r="B6140" s="220" t="s">
        <v>14192</v>
      </c>
      <c r="C6140" s="98" t="s">
        <v>14441</v>
      </c>
      <c r="D6140" s="98" t="s">
        <v>14442</v>
      </c>
      <c r="E6140" s="141">
        <v>1979</v>
      </c>
      <c r="F6140" s="141">
        <v>1823</v>
      </c>
      <c r="G6140" s="98" t="s">
        <v>1</v>
      </c>
      <c r="H6140" s="98">
        <v>0</v>
      </c>
      <c r="I6140" s="98">
        <v>0</v>
      </c>
      <c r="J6140" s="98">
        <v>1</v>
      </c>
      <c r="K6140" s="98">
        <v>0</v>
      </c>
      <c r="L6140" s="98">
        <v>0</v>
      </c>
      <c r="M6140" s="98">
        <v>0</v>
      </c>
      <c r="N6140" s="98">
        <v>1</v>
      </c>
      <c r="O6140" s="98">
        <v>1</v>
      </c>
      <c r="P6140" s="98">
        <v>0</v>
      </c>
      <c r="Q6140" s="98">
        <v>0</v>
      </c>
      <c r="R6140" s="98">
        <v>0</v>
      </c>
      <c r="S6140" s="98">
        <v>0</v>
      </c>
      <c r="T6140" s="98">
        <v>0</v>
      </c>
      <c r="U6140" s="99"/>
      <c r="V6140" s="99"/>
      <c r="W6140" s="99"/>
      <c r="X6140" s="99"/>
      <c r="Y6140" s="99"/>
      <c r="Z6140" s="99"/>
      <c r="AA6140" s="99"/>
      <c r="AB6140" s="99"/>
      <c r="AC6140" s="99"/>
      <c r="AD6140" s="99"/>
      <c r="AE6140" s="99"/>
      <c r="AF6140" s="99"/>
      <c r="AG6140" s="99"/>
      <c r="AH6140" s="99"/>
      <c r="AI6140" s="99"/>
      <c r="AJ6140" s="99"/>
      <c r="AK6140" s="99"/>
      <c r="AL6140" s="99"/>
      <c r="AM6140" s="99"/>
      <c r="AN6140" s="99"/>
      <c r="AO6140" s="99"/>
      <c r="AP6140" s="99"/>
      <c r="AQ6140" s="99"/>
      <c r="AR6140" s="99"/>
      <c r="AS6140" s="99"/>
      <c r="AT6140" s="99"/>
      <c r="AU6140" s="99"/>
      <c r="AV6140" s="99"/>
      <c r="AW6140" s="99"/>
      <c r="AX6140" s="99"/>
      <c r="AY6140" s="99"/>
      <c r="AZ6140" s="99"/>
      <c r="BA6140" s="99"/>
      <c r="BB6140" s="107">
        <v>45884</v>
      </c>
    </row>
    <row r="6141" spans="1:54" s="8" customFormat="1" ht="13.95" customHeight="1" x14ac:dyDescent="0.25">
      <c r="A6141" s="219" t="s">
        <v>14443</v>
      </c>
      <c r="B6141" s="220" t="s">
        <v>14192</v>
      </c>
      <c r="C6141" s="98" t="s">
        <v>14444</v>
      </c>
      <c r="D6141" s="98" t="s">
        <v>14445</v>
      </c>
      <c r="E6141" s="141">
        <v>1994</v>
      </c>
      <c r="F6141" s="141">
        <v>1848</v>
      </c>
      <c r="G6141" s="98" t="s">
        <v>1</v>
      </c>
      <c r="H6141" s="98">
        <v>1</v>
      </c>
      <c r="I6141" s="98">
        <v>0</v>
      </c>
      <c r="J6141" s="98">
        <v>1</v>
      </c>
      <c r="K6141" s="98">
        <v>1</v>
      </c>
      <c r="L6141" s="98">
        <v>1</v>
      </c>
      <c r="M6141" s="98">
        <v>1</v>
      </c>
      <c r="N6141" s="98">
        <v>0</v>
      </c>
      <c r="O6141" s="98">
        <v>1</v>
      </c>
      <c r="P6141" s="98">
        <v>1</v>
      </c>
      <c r="Q6141" s="98">
        <v>0</v>
      </c>
      <c r="R6141" s="98">
        <v>1</v>
      </c>
      <c r="S6141" s="98">
        <v>0</v>
      </c>
      <c r="T6141" s="98">
        <v>0</v>
      </c>
      <c r="U6141" s="99"/>
      <c r="V6141" s="99"/>
      <c r="W6141" s="99"/>
      <c r="X6141" s="99"/>
      <c r="Y6141" s="99"/>
      <c r="Z6141" s="99"/>
      <c r="AA6141" s="99"/>
      <c r="AB6141" s="99"/>
      <c r="AC6141" s="99"/>
      <c r="AD6141" s="99"/>
      <c r="AE6141" s="99"/>
      <c r="AF6141" s="99"/>
      <c r="AG6141" s="99"/>
      <c r="AH6141" s="99"/>
      <c r="AI6141" s="99"/>
      <c r="AJ6141" s="99"/>
      <c r="AK6141" s="99"/>
      <c r="AL6141" s="99"/>
      <c r="AM6141" s="99"/>
      <c r="AN6141" s="99"/>
      <c r="AO6141" s="99"/>
      <c r="AP6141" s="99"/>
      <c r="AQ6141" s="99"/>
      <c r="AR6141" s="99"/>
      <c r="AS6141" s="99"/>
      <c r="AT6141" s="99"/>
      <c r="AU6141" s="99"/>
      <c r="AV6141" s="99"/>
      <c r="AW6141" s="99"/>
      <c r="AX6141" s="99"/>
      <c r="AY6141" s="99"/>
      <c r="AZ6141" s="99"/>
      <c r="BA6141" s="99"/>
      <c r="BB6141" s="107">
        <v>45884</v>
      </c>
    </row>
    <row r="6142" spans="1:54" s="8" customFormat="1" ht="13.95" customHeight="1" x14ac:dyDescent="0.25">
      <c r="A6142" s="219" t="s">
        <v>14446</v>
      </c>
      <c r="B6142" s="220" t="s">
        <v>14192</v>
      </c>
      <c r="C6142" s="98" t="s">
        <v>22252</v>
      </c>
      <c r="D6142" s="98" t="s">
        <v>14447</v>
      </c>
      <c r="E6142" s="141">
        <v>1973</v>
      </c>
      <c r="F6142" s="141">
        <v>1880</v>
      </c>
      <c r="G6142" s="98" t="s">
        <v>1</v>
      </c>
      <c r="H6142" s="98">
        <v>0</v>
      </c>
      <c r="I6142" s="98">
        <v>0</v>
      </c>
      <c r="J6142" s="98">
        <v>1</v>
      </c>
      <c r="K6142" s="98">
        <v>0</v>
      </c>
      <c r="L6142" s="98">
        <v>0</v>
      </c>
      <c r="M6142" s="98">
        <v>1</v>
      </c>
      <c r="N6142" s="98">
        <v>0</v>
      </c>
      <c r="O6142" s="98">
        <v>1</v>
      </c>
      <c r="P6142" s="98">
        <v>1</v>
      </c>
      <c r="Q6142" s="98">
        <v>0</v>
      </c>
      <c r="R6142" s="98">
        <v>1</v>
      </c>
      <c r="S6142" s="98">
        <v>0</v>
      </c>
      <c r="T6142" s="98">
        <v>0</v>
      </c>
      <c r="U6142" s="99"/>
      <c r="V6142" s="99"/>
      <c r="W6142" s="99"/>
      <c r="X6142" s="99"/>
      <c r="Y6142" s="99"/>
      <c r="Z6142" s="99"/>
      <c r="AA6142" s="99"/>
      <c r="AB6142" s="99"/>
      <c r="AC6142" s="99"/>
      <c r="AD6142" s="99"/>
      <c r="AE6142" s="99"/>
      <c r="AF6142" s="99"/>
      <c r="AG6142" s="99"/>
      <c r="AH6142" s="99"/>
      <c r="AI6142" s="99"/>
      <c r="AJ6142" s="99"/>
      <c r="AK6142" s="99"/>
      <c r="AL6142" s="99"/>
      <c r="AM6142" s="99"/>
      <c r="AN6142" s="99"/>
      <c r="AO6142" s="99"/>
      <c r="AP6142" s="99"/>
      <c r="AQ6142" s="99"/>
      <c r="AR6142" s="99"/>
      <c r="AS6142" s="99"/>
      <c r="AT6142" s="99"/>
      <c r="AU6142" s="99"/>
      <c r="AV6142" s="99"/>
      <c r="AW6142" s="99"/>
      <c r="AX6142" s="99"/>
      <c r="AY6142" s="99"/>
      <c r="AZ6142" s="99"/>
      <c r="BA6142" s="99"/>
      <c r="BB6142" s="107">
        <v>45884</v>
      </c>
    </row>
    <row r="6143" spans="1:54" s="8" customFormat="1" ht="13.95" customHeight="1" x14ac:dyDescent="0.25">
      <c r="A6143" s="219" t="s">
        <v>14448</v>
      </c>
      <c r="B6143" s="220" t="s">
        <v>14192</v>
      </c>
      <c r="C6143" s="98" t="s">
        <v>14449</v>
      </c>
      <c r="D6143" s="98" t="s">
        <v>14450</v>
      </c>
      <c r="E6143" s="141">
        <v>1994</v>
      </c>
      <c r="F6143" s="141">
        <v>2049</v>
      </c>
      <c r="G6143" s="98" t="s">
        <v>1</v>
      </c>
      <c r="H6143" s="98">
        <v>1</v>
      </c>
      <c r="I6143" s="98">
        <v>0</v>
      </c>
      <c r="J6143" s="98">
        <v>1</v>
      </c>
      <c r="K6143" s="98">
        <v>1</v>
      </c>
      <c r="L6143" s="98">
        <v>1</v>
      </c>
      <c r="M6143" s="98">
        <v>1</v>
      </c>
      <c r="N6143" s="98">
        <v>0</v>
      </c>
      <c r="O6143" s="98">
        <v>1</v>
      </c>
      <c r="P6143" s="98">
        <v>0</v>
      </c>
      <c r="Q6143" s="98">
        <v>1</v>
      </c>
      <c r="R6143" s="98">
        <v>0</v>
      </c>
      <c r="S6143" s="98">
        <v>1</v>
      </c>
      <c r="T6143" s="98">
        <v>0</v>
      </c>
      <c r="U6143" s="99"/>
      <c r="V6143" s="99"/>
      <c r="W6143" s="99"/>
      <c r="X6143" s="99"/>
      <c r="Y6143" s="99"/>
      <c r="Z6143" s="99"/>
      <c r="AA6143" s="99"/>
      <c r="AB6143" s="99"/>
      <c r="AC6143" s="99"/>
      <c r="AD6143" s="99"/>
      <c r="AE6143" s="99"/>
      <c r="AF6143" s="99"/>
      <c r="AG6143" s="99"/>
      <c r="AH6143" s="99"/>
      <c r="AI6143" s="99"/>
      <c r="AJ6143" s="99"/>
      <c r="AK6143" s="99"/>
      <c r="AL6143" s="99"/>
      <c r="AM6143" s="99"/>
      <c r="AN6143" s="99"/>
      <c r="AO6143" s="99"/>
      <c r="AP6143" s="99"/>
      <c r="AQ6143" s="99"/>
      <c r="AR6143" s="99"/>
      <c r="AS6143" s="99"/>
      <c r="AT6143" s="99"/>
      <c r="AU6143" s="99"/>
      <c r="AV6143" s="99"/>
      <c r="AW6143" s="99"/>
      <c r="AX6143" s="99"/>
      <c r="AY6143" s="99"/>
      <c r="AZ6143" s="99"/>
      <c r="BA6143" s="99"/>
      <c r="BB6143" s="107">
        <v>45884</v>
      </c>
    </row>
    <row r="6144" spans="1:54" s="8" customFormat="1" ht="13.95" customHeight="1" x14ac:dyDescent="0.25">
      <c r="A6144" s="219" t="s">
        <v>14451</v>
      </c>
      <c r="B6144" s="220" t="s">
        <v>14192</v>
      </c>
      <c r="C6144" s="98" t="s">
        <v>14452</v>
      </c>
      <c r="D6144" s="98" t="s">
        <v>14453</v>
      </c>
      <c r="E6144" s="141">
        <v>1973</v>
      </c>
      <c r="F6144" s="141">
        <v>2414</v>
      </c>
      <c r="G6144" s="98" t="s">
        <v>1</v>
      </c>
      <c r="H6144" s="98">
        <v>1</v>
      </c>
      <c r="I6144" s="98">
        <v>0</v>
      </c>
      <c r="J6144" s="98">
        <v>1</v>
      </c>
      <c r="K6144" s="98">
        <v>1</v>
      </c>
      <c r="L6144" s="98">
        <v>1</v>
      </c>
      <c r="M6144" s="98">
        <v>0</v>
      </c>
      <c r="N6144" s="98">
        <v>0</v>
      </c>
      <c r="O6144" s="98">
        <v>1</v>
      </c>
      <c r="P6144" s="98">
        <v>1</v>
      </c>
      <c r="Q6144" s="98">
        <v>0</v>
      </c>
      <c r="R6144" s="98">
        <v>0</v>
      </c>
      <c r="S6144" s="98">
        <v>0</v>
      </c>
      <c r="T6144" s="98">
        <v>0</v>
      </c>
      <c r="U6144" s="99"/>
      <c r="V6144" s="99"/>
      <c r="W6144" s="99"/>
      <c r="X6144" s="99"/>
      <c r="Y6144" s="99"/>
      <c r="Z6144" s="99"/>
      <c r="AA6144" s="99"/>
      <c r="AB6144" s="99"/>
      <c r="AC6144" s="99"/>
      <c r="AD6144" s="99"/>
      <c r="AE6144" s="99"/>
      <c r="AF6144" s="99"/>
      <c r="AG6144" s="99"/>
      <c r="AH6144" s="99"/>
      <c r="AI6144" s="99"/>
      <c r="AJ6144" s="99"/>
      <c r="AK6144" s="99"/>
      <c r="AL6144" s="99"/>
      <c r="AM6144" s="99"/>
      <c r="AN6144" s="99"/>
      <c r="AO6144" s="99"/>
      <c r="AP6144" s="99"/>
      <c r="AQ6144" s="99"/>
      <c r="AR6144" s="99"/>
      <c r="AS6144" s="99"/>
      <c r="AT6144" s="99"/>
      <c r="AU6144" s="99"/>
      <c r="AV6144" s="99"/>
      <c r="AW6144" s="99"/>
      <c r="AX6144" s="99"/>
      <c r="AY6144" s="99"/>
      <c r="AZ6144" s="99"/>
      <c r="BA6144" s="99"/>
      <c r="BB6144" s="107">
        <v>45884</v>
      </c>
    </row>
    <row r="6145" spans="1:54" s="8" customFormat="1" ht="13.95" customHeight="1" x14ac:dyDescent="0.25">
      <c r="A6145" s="219" t="s">
        <v>14454</v>
      </c>
      <c r="B6145" s="220" t="s">
        <v>14192</v>
      </c>
      <c r="C6145" s="98" t="s">
        <v>14455</v>
      </c>
      <c r="D6145" s="98" t="s">
        <v>14456</v>
      </c>
      <c r="E6145" s="141">
        <v>1986</v>
      </c>
      <c r="F6145" s="141">
        <v>2427</v>
      </c>
      <c r="G6145" s="98" t="s">
        <v>1</v>
      </c>
      <c r="H6145" s="98">
        <v>1</v>
      </c>
      <c r="I6145" s="98">
        <v>0</v>
      </c>
      <c r="J6145" s="98">
        <v>1</v>
      </c>
      <c r="K6145" s="98">
        <v>1</v>
      </c>
      <c r="L6145" s="98">
        <v>1</v>
      </c>
      <c r="M6145" s="98">
        <v>0</v>
      </c>
      <c r="N6145" s="98">
        <v>0</v>
      </c>
      <c r="O6145" s="98">
        <v>1</v>
      </c>
      <c r="P6145" s="98">
        <v>1</v>
      </c>
      <c r="Q6145" s="98">
        <v>0</v>
      </c>
      <c r="R6145" s="98">
        <v>0</v>
      </c>
      <c r="S6145" s="98">
        <v>0</v>
      </c>
      <c r="T6145" s="98">
        <v>0</v>
      </c>
      <c r="U6145" s="99"/>
      <c r="V6145" s="99"/>
      <c r="W6145" s="99"/>
      <c r="X6145" s="99"/>
      <c r="Y6145" s="99"/>
      <c r="Z6145" s="99"/>
      <c r="AA6145" s="99"/>
      <c r="AB6145" s="99"/>
      <c r="AC6145" s="99"/>
      <c r="AD6145" s="99"/>
      <c r="AE6145" s="99"/>
      <c r="AF6145" s="99"/>
      <c r="AG6145" s="99"/>
      <c r="AH6145" s="99"/>
      <c r="AI6145" s="99"/>
      <c r="AJ6145" s="99"/>
      <c r="AK6145" s="99"/>
      <c r="AL6145" s="99"/>
      <c r="AM6145" s="99"/>
      <c r="AN6145" s="99"/>
      <c r="AO6145" s="99"/>
      <c r="AP6145" s="99"/>
      <c r="AQ6145" s="99"/>
      <c r="AR6145" s="99"/>
      <c r="AS6145" s="99"/>
      <c r="AT6145" s="99"/>
      <c r="AU6145" s="99"/>
      <c r="AV6145" s="99"/>
      <c r="AW6145" s="99"/>
      <c r="AX6145" s="99"/>
      <c r="AY6145" s="99"/>
      <c r="AZ6145" s="99"/>
      <c r="BA6145" s="99"/>
      <c r="BB6145" s="107">
        <v>45884</v>
      </c>
    </row>
    <row r="6146" spans="1:54" s="8" customFormat="1" ht="13.95" customHeight="1" x14ac:dyDescent="0.25">
      <c r="A6146" s="219" t="s">
        <v>14457</v>
      </c>
      <c r="B6146" s="220" t="s">
        <v>14192</v>
      </c>
      <c r="C6146" s="98" t="s">
        <v>14458</v>
      </c>
      <c r="D6146" s="98" t="s">
        <v>14459</v>
      </c>
      <c r="E6146" s="141">
        <v>1997</v>
      </c>
      <c r="F6146" s="141">
        <v>2521</v>
      </c>
      <c r="G6146" s="98" t="s">
        <v>1</v>
      </c>
      <c r="H6146" s="98">
        <v>0</v>
      </c>
      <c r="I6146" s="98">
        <v>0</v>
      </c>
      <c r="J6146" s="98">
        <v>1</v>
      </c>
      <c r="K6146" s="98">
        <v>0</v>
      </c>
      <c r="L6146" s="98">
        <v>0</v>
      </c>
      <c r="M6146" s="98">
        <v>0</v>
      </c>
      <c r="N6146" s="98">
        <v>1</v>
      </c>
      <c r="O6146" s="98">
        <v>0</v>
      </c>
      <c r="P6146" s="98">
        <v>0</v>
      </c>
      <c r="Q6146" s="98">
        <v>0</v>
      </c>
      <c r="R6146" s="98">
        <v>0</v>
      </c>
      <c r="S6146" s="98">
        <v>0</v>
      </c>
      <c r="T6146" s="98">
        <v>0</v>
      </c>
      <c r="U6146" s="99"/>
      <c r="V6146" s="99"/>
      <c r="W6146" s="99"/>
      <c r="X6146" s="99"/>
      <c r="Y6146" s="99"/>
      <c r="Z6146" s="99"/>
      <c r="AA6146" s="99"/>
      <c r="AB6146" s="99"/>
      <c r="AC6146" s="99"/>
      <c r="AD6146" s="99"/>
      <c r="AE6146" s="99"/>
      <c r="AF6146" s="99"/>
      <c r="AG6146" s="99"/>
      <c r="AH6146" s="99"/>
      <c r="AI6146" s="99"/>
      <c r="AJ6146" s="99"/>
      <c r="AK6146" s="99"/>
      <c r="AL6146" s="99"/>
      <c r="AM6146" s="99"/>
      <c r="AN6146" s="99"/>
      <c r="AO6146" s="99"/>
      <c r="AP6146" s="99"/>
      <c r="AQ6146" s="99"/>
      <c r="AR6146" s="99"/>
      <c r="AS6146" s="99"/>
      <c r="AT6146" s="99"/>
      <c r="AU6146" s="99"/>
      <c r="AV6146" s="99"/>
      <c r="AW6146" s="99"/>
      <c r="AX6146" s="99"/>
      <c r="AY6146" s="99"/>
      <c r="AZ6146" s="99"/>
      <c r="BA6146" s="99"/>
      <c r="BB6146" s="107">
        <v>45884</v>
      </c>
    </row>
    <row r="6147" spans="1:54" s="8" customFormat="1" ht="13.95" customHeight="1" x14ac:dyDescent="0.25">
      <c r="A6147" s="219" t="s">
        <v>14460</v>
      </c>
      <c r="B6147" s="220" t="s">
        <v>14192</v>
      </c>
      <c r="C6147" s="98" t="s">
        <v>14461</v>
      </c>
      <c r="D6147" s="98" t="s">
        <v>14462</v>
      </c>
      <c r="E6147" s="141">
        <v>1986</v>
      </c>
      <c r="F6147" s="141">
        <v>2602</v>
      </c>
      <c r="G6147" s="98" t="s">
        <v>1</v>
      </c>
      <c r="H6147" s="98">
        <v>1</v>
      </c>
      <c r="I6147" s="98">
        <v>0</v>
      </c>
      <c r="J6147" s="98">
        <v>1</v>
      </c>
      <c r="K6147" s="98">
        <v>0</v>
      </c>
      <c r="L6147" s="98">
        <v>1</v>
      </c>
      <c r="M6147" s="98">
        <v>0</v>
      </c>
      <c r="N6147" s="98">
        <v>0</v>
      </c>
      <c r="O6147" s="98">
        <v>1</v>
      </c>
      <c r="P6147" s="98">
        <v>1</v>
      </c>
      <c r="Q6147" s="98">
        <v>1</v>
      </c>
      <c r="R6147" s="98">
        <v>1</v>
      </c>
      <c r="S6147" s="98">
        <v>0</v>
      </c>
      <c r="T6147" s="98">
        <v>0</v>
      </c>
      <c r="U6147" s="99"/>
      <c r="V6147" s="99"/>
      <c r="W6147" s="99"/>
      <c r="X6147" s="99"/>
      <c r="Y6147" s="99"/>
      <c r="Z6147" s="99"/>
      <c r="AA6147" s="99"/>
      <c r="AB6147" s="99"/>
      <c r="AC6147" s="99"/>
      <c r="AD6147" s="99"/>
      <c r="AE6147" s="99"/>
      <c r="AF6147" s="99"/>
      <c r="AG6147" s="99"/>
      <c r="AH6147" s="99"/>
      <c r="AI6147" s="99"/>
      <c r="AJ6147" s="99"/>
      <c r="AK6147" s="99"/>
      <c r="AL6147" s="99"/>
      <c r="AM6147" s="99"/>
      <c r="AN6147" s="99"/>
      <c r="AO6147" s="99"/>
      <c r="AP6147" s="99"/>
      <c r="AQ6147" s="99"/>
      <c r="AR6147" s="99"/>
      <c r="AS6147" s="99"/>
      <c r="AT6147" s="99"/>
      <c r="AU6147" s="99"/>
      <c r="AV6147" s="99"/>
      <c r="AW6147" s="99"/>
      <c r="AX6147" s="99"/>
      <c r="AY6147" s="99"/>
      <c r="AZ6147" s="99"/>
      <c r="BA6147" s="99"/>
      <c r="BB6147" s="107">
        <v>45884</v>
      </c>
    </row>
    <row r="6148" spans="1:54" s="8" customFormat="1" ht="13.95" customHeight="1" x14ac:dyDescent="0.25">
      <c r="A6148" s="219" t="s">
        <v>14463</v>
      </c>
      <c r="B6148" s="220" t="s">
        <v>14192</v>
      </c>
      <c r="C6148" s="98" t="s">
        <v>14464</v>
      </c>
      <c r="D6148" s="98" t="s">
        <v>14465</v>
      </c>
      <c r="E6148" s="141">
        <v>1996</v>
      </c>
      <c r="F6148" s="141">
        <v>2698</v>
      </c>
      <c r="G6148" s="98" t="s">
        <v>1</v>
      </c>
      <c r="H6148" s="98">
        <v>1</v>
      </c>
      <c r="I6148" s="98">
        <v>0</v>
      </c>
      <c r="J6148" s="98">
        <v>1</v>
      </c>
      <c r="K6148" s="98">
        <v>0</v>
      </c>
      <c r="L6148" s="98">
        <v>1</v>
      </c>
      <c r="M6148" s="98">
        <v>0</v>
      </c>
      <c r="N6148" s="98">
        <v>0</v>
      </c>
      <c r="O6148" s="98">
        <v>1</v>
      </c>
      <c r="P6148" s="98">
        <v>1</v>
      </c>
      <c r="Q6148" s="98">
        <v>0</v>
      </c>
      <c r="R6148" s="98">
        <v>1</v>
      </c>
      <c r="S6148" s="98">
        <v>0</v>
      </c>
      <c r="T6148" s="98">
        <v>0</v>
      </c>
      <c r="U6148" s="99"/>
      <c r="V6148" s="99"/>
      <c r="W6148" s="99"/>
      <c r="X6148" s="99"/>
      <c r="Y6148" s="99"/>
      <c r="Z6148" s="99"/>
      <c r="AA6148" s="99"/>
      <c r="AB6148" s="99"/>
      <c r="AC6148" s="99"/>
      <c r="AD6148" s="99"/>
      <c r="AE6148" s="99"/>
      <c r="AF6148" s="99"/>
      <c r="AG6148" s="99"/>
      <c r="AH6148" s="99"/>
      <c r="AI6148" s="99"/>
      <c r="AJ6148" s="99"/>
      <c r="AK6148" s="99"/>
      <c r="AL6148" s="99"/>
      <c r="AM6148" s="99"/>
      <c r="AN6148" s="99"/>
      <c r="AO6148" s="99"/>
      <c r="AP6148" s="99"/>
      <c r="AQ6148" s="99"/>
      <c r="AR6148" s="99"/>
      <c r="AS6148" s="99"/>
      <c r="AT6148" s="99"/>
      <c r="AU6148" s="99"/>
      <c r="AV6148" s="99"/>
      <c r="AW6148" s="99"/>
      <c r="AX6148" s="99"/>
      <c r="AY6148" s="99"/>
      <c r="AZ6148" s="99"/>
      <c r="BA6148" s="99"/>
      <c r="BB6148" s="107">
        <v>45884</v>
      </c>
    </row>
    <row r="6149" spans="1:54" s="8" customFormat="1" ht="13.95" customHeight="1" x14ac:dyDescent="0.25">
      <c r="A6149" s="219" t="s">
        <v>14466</v>
      </c>
      <c r="B6149" s="220" t="s">
        <v>14192</v>
      </c>
      <c r="C6149" s="98" t="s">
        <v>14467</v>
      </c>
      <c r="D6149" s="98" t="s">
        <v>14468</v>
      </c>
      <c r="E6149" s="141">
        <v>1987</v>
      </c>
      <c r="F6149" s="141">
        <v>2862</v>
      </c>
      <c r="G6149" s="98" t="s">
        <v>1</v>
      </c>
      <c r="H6149" s="98">
        <v>0</v>
      </c>
      <c r="I6149" s="98">
        <v>0</v>
      </c>
      <c r="J6149" s="98">
        <v>1</v>
      </c>
      <c r="K6149" s="98">
        <v>1</v>
      </c>
      <c r="L6149" s="98">
        <v>1</v>
      </c>
      <c r="M6149" s="98">
        <v>0</v>
      </c>
      <c r="N6149" s="98">
        <v>0</v>
      </c>
      <c r="O6149" s="98">
        <v>1</v>
      </c>
      <c r="P6149" s="98">
        <v>1</v>
      </c>
      <c r="Q6149" s="98">
        <v>0</v>
      </c>
      <c r="R6149" s="98">
        <v>0</v>
      </c>
      <c r="S6149" s="98">
        <v>0</v>
      </c>
      <c r="T6149" s="98">
        <v>0</v>
      </c>
      <c r="U6149" s="99"/>
      <c r="V6149" s="99"/>
      <c r="W6149" s="99"/>
      <c r="X6149" s="99"/>
      <c r="Y6149" s="99"/>
      <c r="Z6149" s="99"/>
      <c r="AA6149" s="99"/>
      <c r="AB6149" s="99"/>
      <c r="AC6149" s="99"/>
      <c r="AD6149" s="99"/>
      <c r="AE6149" s="99"/>
      <c r="AF6149" s="99"/>
      <c r="AG6149" s="99"/>
      <c r="AH6149" s="99"/>
      <c r="AI6149" s="99"/>
      <c r="AJ6149" s="99"/>
      <c r="AK6149" s="99"/>
      <c r="AL6149" s="99"/>
      <c r="AM6149" s="99"/>
      <c r="AN6149" s="99"/>
      <c r="AO6149" s="99"/>
      <c r="AP6149" s="99"/>
      <c r="AQ6149" s="99"/>
      <c r="AR6149" s="99"/>
      <c r="AS6149" s="99"/>
      <c r="AT6149" s="99"/>
      <c r="AU6149" s="99"/>
      <c r="AV6149" s="99"/>
      <c r="AW6149" s="99"/>
      <c r="AX6149" s="99"/>
      <c r="AY6149" s="99"/>
      <c r="AZ6149" s="99"/>
      <c r="BA6149" s="99"/>
      <c r="BB6149" s="107">
        <v>45884</v>
      </c>
    </row>
    <row r="6150" spans="1:54" s="8" customFormat="1" ht="13.95" customHeight="1" x14ac:dyDescent="0.25">
      <c r="A6150" s="219" t="s">
        <v>14469</v>
      </c>
      <c r="B6150" s="220" t="s">
        <v>14192</v>
      </c>
      <c r="C6150" s="98" t="s">
        <v>14470</v>
      </c>
      <c r="D6150" s="98" t="s">
        <v>14471</v>
      </c>
      <c r="E6150" s="141">
        <v>1970</v>
      </c>
      <c r="F6150" s="141">
        <v>2906</v>
      </c>
      <c r="G6150" s="98" t="s">
        <v>1</v>
      </c>
      <c r="H6150" s="98">
        <v>1</v>
      </c>
      <c r="I6150" s="98">
        <v>0</v>
      </c>
      <c r="J6150" s="98">
        <v>1</v>
      </c>
      <c r="K6150" s="98">
        <v>0</v>
      </c>
      <c r="L6150" s="98">
        <v>0</v>
      </c>
      <c r="M6150" s="98">
        <v>1</v>
      </c>
      <c r="N6150" s="98">
        <v>0</v>
      </c>
      <c r="O6150" s="98">
        <v>1</v>
      </c>
      <c r="P6150" s="98">
        <v>1</v>
      </c>
      <c r="Q6150" s="98">
        <v>1</v>
      </c>
      <c r="R6150" s="98">
        <v>1</v>
      </c>
      <c r="S6150" s="98">
        <v>0</v>
      </c>
      <c r="T6150" s="98">
        <v>0</v>
      </c>
      <c r="U6150" s="99"/>
      <c r="V6150" s="99"/>
      <c r="W6150" s="99"/>
      <c r="X6150" s="99"/>
      <c r="Y6150" s="99"/>
      <c r="Z6150" s="99"/>
      <c r="AA6150" s="99"/>
      <c r="AB6150" s="99"/>
      <c r="AC6150" s="99"/>
      <c r="AD6150" s="99"/>
      <c r="AE6150" s="99"/>
      <c r="AF6150" s="99"/>
      <c r="AG6150" s="99"/>
      <c r="AH6150" s="99"/>
      <c r="AI6150" s="99"/>
      <c r="AJ6150" s="99"/>
      <c r="AK6150" s="99"/>
      <c r="AL6150" s="99"/>
      <c r="AM6150" s="99"/>
      <c r="AN6150" s="99"/>
      <c r="AO6150" s="99"/>
      <c r="AP6150" s="99"/>
      <c r="AQ6150" s="99"/>
      <c r="AR6150" s="99"/>
      <c r="AS6150" s="99"/>
      <c r="AT6150" s="99"/>
      <c r="AU6150" s="99"/>
      <c r="AV6150" s="99"/>
      <c r="AW6150" s="99"/>
      <c r="AX6150" s="99"/>
      <c r="AY6150" s="99"/>
      <c r="AZ6150" s="99"/>
      <c r="BA6150" s="99"/>
      <c r="BB6150" s="107">
        <v>45884</v>
      </c>
    </row>
    <row r="6151" spans="1:54" s="8" customFormat="1" ht="13.95" customHeight="1" x14ac:dyDescent="0.25">
      <c r="A6151" s="219" t="s">
        <v>14472</v>
      </c>
      <c r="B6151" s="220" t="s">
        <v>14192</v>
      </c>
      <c r="C6151" s="98" t="s">
        <v>14473</v>
      </c>
      <c r="D6151" s="98" t="s">
        <v>14474</v>
      </c>
      <c r="E6151" s="141">
        <v>1980</v>
      </c>
      <c r="F6151" s="141">
        <v>3263</v>
      </c>
      <c r="G6151" s="98" t="s">
        <v>1</v>
      </c>
      <c r="H6151" s="98">
        <v>0</v>
      </c>
      <c r="I6151" s="98">
        <v>0</v>
      </c>
      <c r="J6151" s="98">
        <v>1</v>
      </c>
      <c r="K6151" s="98">
        <v>1</v>
      </c>
      <c r="L6151" s="98">
        <v>1</v>
      </c>
      <c r="M6151" s="98">
        <v>0</v>
      </c>
      <c r="N6151" s="98">
        <v>1</v>
      </c>
      <c r="O6151" s="98">
        <v>1</v>
      </c>
      <c r="P6151" s="98">
        <v>0</v>
      </c>
      <c r="Q6151" s="98">
        <v>0</v>
      </c>
      <c r="R6151" s="98">
        <v>1</v>
      </c>
      <c r="S6151" s="98">
        <v>0</v>
      </c>
      <c r="T6151" s="98">
        <v>0</v>
      </c>
      <c r="U6151" s="99"/>
      <c r="V6151" s="99"/>
      <c r="W6151" s="99"/>
      <c r="X6151" s="99"/>
      <c r="Y6151" s="99"/>
      <c r="Z6151" s="99"/>
      <c r="AA6151" s="99"/>
      <c r="AB6151" s="99"/>
      <c r="AC6151" s="99"/>
      <c r="AD6151" s="99"/>
      <c r="AE6151" s="99"/>
      <c r="AF6151" s="99"/>
      <c r="AG6151" s="99"/>
      <c r="AH6151" s="99"/>
      <c r="AI6151" s="99"/>
      <c r="AJ6151" s="99"/>
      <c r="AK6151" s="99"/>
      <c r="AL6151" s="99"/>
      <c r="AM6151" s="99"/>
      <c r="AN6151" s="99"/>
      <c r="AO6151" s="99"/>
      <c r="AP6151" s="99"/>
      <c r="AQ6151" s="99"/>
      <c r="AR6151" s="99"/>
      <c r="AS6151" s="99"/>
      <c r="AT6151" s="99"/>
      <c r="AU6151" s="99"/>
      <c r="AV6151" s="99"/>
      <c r="AW6151" s="99"/>
      <c r="AX6151" s="99"/>
      <c r="AY6151" s="99"/>
      <c r="AZ6151" s="99"/>
      <c r="BA6151" s="99"/>
      <c r="BB6151" s="107">
        <v>45884</v>
      </c>
    </row>
    <row r="6152" spans="1:54" s="8" customFormat="1" ht="13.95" customHeight="1" x14ac:dyDescent="0.25">
      <c r="A6152" s="219" t="s">
        <v>14475</v>
      </c>
      <c r="B6152" s="220" t="s">
        <v>14192</v>
      </c>
      <c r="C6152" s="98" t="s">
        <v>14476</v>
      </c>
      <c r="D6152" s="98" t="s">
        <v>14477</v>
      </c>
      <c r="E6152" s="141">
        <v>1986</v>
      </c>
      <c r="F6152" s="141">
        <v>3988</v>
      </c>
      <c r="G6152" s="98" t="s">
        <v>1</v>
      </c>
      <c r="H6152" s="98">
        <v>1</v>
      </c>
      <c r="I6152" s="98">
        <v>0</v>
      </c>
      <c r="J6152" s="98">
        <v>1</v>
      </c>
      <c r="K6152" s="98">
        <v>0</v>
      </c>
      <c r="L6152" s="98">
        <v>1</v>
      </c>
      <c r="M6152" s="98">
        <v>1</v>
      </c>
      <c r="N6152" s="98">
        <v>0</v>
      </c>
      <c r="O6152" s="98">
        <v>1</v>
      </c>
      <c r="P6152" s="98">
        <v>1</v>
      </c>
      <c r="Q6152" s="98">
        <v>1</v>
      </c>
      <c r="R6152" s="98">
        <v>1</v>
      </c>
      <c r="S6152" s="98">
        <v>0</v>
      </c>
      <c r="T6152" s="98">
        <v>0</v>
      </c>
      <c r="U6152" s="99"/>
      <c r="V6152" s="99"/>
      <c r="W6152" s="99"/>
      <c r="X6152" s="99"/>
      <c r="Y6152" s="99"/>
      <c r="Z6152" s="99"/>
      <c r="AA6152" s="99"/>
      <c r="AB6152" s="99"/>
      <c r="AC6152" s="99"/>
      <c r="AD6152" s="99"/>
      <c r="AE6152" s="99"/>
      <c r="AF6152" s="99"/>
      <c r="AG6152" s="99"/>
      <c r="AH6152" s="99"/>
      <c r="AI6152" s="99"/>
      <c r="AJ6152" s="99"/>
      <c r="AK6152" s="99"/>
      <c r="AL6152" s="99"/>
      <c r="AM6152" s="99"/>
      <c r="AN6152" s="99"/>
      <c r="AO6152" s="99"/>
      <c r="AP6152" s="99"/>
      <c r="AQ6152" s="99"/>
      <c r="AR6152" s="99"/>
      <c r="AS6152" s="99"/>
      <c r="AT6152" s="99"/>
      <c r="AU6152" s="99"/>
      <c r="AV6152" s="99"/>
      <c r="AW6152" s="99"/>
      <c r="AX6152" s="99"/>
      <c r="AY6152" s="99"/>
      <c r="AZ6152" s="99"/>
      <c r="BA6152" s="99"/>
      <c r="BB6152" s="107">
        <v>45884</v>
      </c>
    </row>
    <row r="6153" spans="1:54" s="8" customFormat="1" ht="13.95" customHeight="1" x14ac:dyDescent="0.25">
      <c r="A6153" s="219" t="s">
        <v>14478</v>
      </c>
      <c r="B6153" s="220" t="s">
        <v>14192</v>
      </c>
      <c r="C6153" s="98" t="s">
        <v>14479</v>
      </c>
      <c r="D6153" s="98" t="s">
        <v>14480</v>
      </c>
      <c r="E6153" s="141">
        <v>1996</v>
      </c>
      <c r="F6153" s="141">
        <v>4190</v>
      </c>
      <c r="G6153" s="98" t="s">
        <v>11</v>
      </c>
      <c r="H6153" s="98">
        <v>0</v>
      </c>
      <c r="I6153" s="98">
        <v>0</v>
      </c>
      <c r="J6153" s="98">
        <v>0</v>
      </c>
      <c r="K6153" s="98">
        <v>1</v>
      </c>
      <c r="L6153" s="98">
        <v>0</v>
      </c>
      <c r="M6153" s="98">
        <v>1</v>
      </c>
      <c r="N6153" s="98">
        <v>1</v>
      </c>
      <c r="O6153" s="98">
        <v>0</v>
      </c>
      <c r="P6153" s="98">
        <v>0</v>
      </c>
      <c r="Q6153" s="98">
        <v>0</v>
      </c>
      <c r="R6153" s="98">
        <v>0</v>
      </c>
      <c r="S6153" s="98">
        <v>0</v>
      </c>
      <c r="T6153" s="98">
        <v>0</v>
      </c>
      <c r="U6153" s="98">
        <v>0</v>
      </c>
      <c r="V6153" s="98">
        <v>0</v>
      </c>
      <c r="W6153" s="98">
        <v>0</v>
      </c>
      <c r="X6153" s="98">
        <v>0</v>
      </c>
      <c r="Y6153" s="98">
        <v>0</v>
      </c>
      <c r="Z6153" s="98">
        <v>0</v>
      </c>
      <c r="AA6153" s="98">
        <v>0</v>
      </c>
      <c r="AB6153" s="98">
        <v>0</v>
      </c>
      <c r="AC6153" s="98">
        <v>0</v>
      </c>
      <c r="AD6153" s="98">
        <v>0</v>
      </c>
      <c r="AE6153" s="98">
        <v>0</v>
      </c>
      <c r="AF6153" s="98">
        <v>0</v>
      </c>
      <c r="AG6153" s="98">
        <v>0</v>
      </c>
      <c r="AH6153" s="98">
        <v>0</v>
      </c>
      <c r="AI6153" s="98">
        <v>0</v>
      </c>
      <c r="AJ6153" s="98">
        <v>0</v>
      </c>
      <c r="AK6153" s="98">
        <v>0</v>
      </c>
      <c r="AL6153" s="98">
        <v>0</v>
      </c>
      <c r="AM6153" s="98">
        <v>0</v>
      </c>
      <c r="AN6153" s="98">
        <v>0</v>
      </c>
      <c r="AO6153" s="98">
        <v>0</v>
      </c>
      <c r="AP6153" s="98">
        <v>0</v>
      </c>
      <c r="AQ6153" s="98">
        <v>0</v>
      </c>
      <c r="AR6153" s="98">
        <v>0</v>
      </c>
      <c r="AS6153" s="98">
        <v>0</v>
      </c>
      <c r="AT6153" s="129" t="s">
        <v>174</v>
      </c>
      <c r="AU6153" s="98">
        <v>0</v>
      </c>
      <c r="AV6153" s="98">
        <v>0</v>
      </c>
      <c r="AW6153" s="98">
        <v>0</v>
      </c>
      <c r="AX6153" s="98"/>
      <c r="AY6153" s="98"/>
      <c r="AZ6153" s="98"/>
      <c r="BA6153" s="98"/>
      <c r="BB6153" s="107">
        <v>45884</v>
      </c>
    </row>
    <row r="6154" spans="1:54" s="8" customFormat="1" ht="13.95" customHeight="1" x14ac:dyDescent="0.25">
      <c r="A6154" s="219" t="s">
        <v>14481</v>
      </c>
      <c r="B6154" s="220" t="s">
        <v>14192</v>
      </c>
      <c r="C6154" s="98" t="s">
        <v>14482</v>
      </c>
      <c r="D6154" s="98" t="s">
        <v>14483</v>
      </c>
      <c r="E6154" s="141">
        <v>2001</v>
      </c>
      <c r="F6154" s="141">
        <v>4271</v>
      </c>
      <c r="G6154" s="98" t="s">
        <v>11</v>
      </c>
      <c r="H6154" s="98">
        <v>0</v>
      </c>
      <c r="I6154" s="98">
        <v>0</v>
      </c>
      <c r="J6154" s="98">
        <v>1</v>
      </c>
      <c r="K6154" s="98">
        <v>0</v>
      </c>
      <c r="L6154" s="98">
        <v>0</v>
      </c>
      <c r="M6154" s="98">
        <v>0</v>
      </c>
      <c r="N6154" s="98">
        <v>0</v>
      </c>
      <c r="O6154" s="98">
        <v>0</v>
      </c>
      <c r="P6154" s="98">
        <v>0</v>
      </c>
      <c r="Q6154" s="98">
        <v>0</v>
      </c>
      <c r="R6154" s="98">
        <v>0</v>
      </c>
      <c r="S6154" s="98">
        <v>0</v>
      </c>
      <c r="T6154" s="98">
        <v>0</v>
      </c>
      <c r="U6154" s="98">
        <v>0</v>
      </c>
      <c r="V6154" s="98">
        <v>0</v>
      </c>
      <c r="W6154" s="98">
        <v>0</v>
      </c>
      <c r="X6154" s="98">
        <v>0</v>
      </c>
      <c r="Y6154" s="98">
        <v>0</v>
      </c>
      <c r="Z6154" s="98">
        <v>0</v>
      </c>
      <c r="AA6154" s="98">
        <v>0</v>
      </c>
      <c r="AB6154" s="98">
        <v>0</v>
      </c>
      <c r="AC6154" s="98">
        <v>0</v>
      </c>
      <c r="AD6154" s="98">
        <v>0</v>
      </c>
      <c r="AE6154" s="98">
        <v>0</v>
      </c>
      <c r="AF6154" s="98">
        <v>0</v>
      </c>
      <c r="AG6154" s="98">
        <v>0</v>
      </c>
      <c r="AH6154" s="98">
        <v>0</v>
      </c>
      <c r="AI6154" s="98">
        <v>0</v>
      </c>
      <c r="AJ6154" s="98">
        <v>0</v>
      </c>
      <c r="AK6154" s="98">
        <v>0</v>
      </c>
      <c r="AL6154" s="98">
        <v>0</v>
      </c>
      <c r="AM6154" s="98">
        <v>0</v>
      </c>
      <c r="AN6154" s="98">
        <v>0</v>
      </c>
      <c r="AO6154" s="98">
        <v>0</v>
      </c>
      <c r="AP6154" s="98">
        <v>0</v>
      </c>
      <c r="AQ6154" s="98">
        <v>0</v>
      </c>
      <c r="AR6154" s="98">
        <v>0</v>
      </c>
      <c r="AS6154" s="98">
        <v>0</v>
      </c>
      <c r="AT6154" s="129" t="s">
        <v>174</v>
      </c>
      <c r="AU6154" s="98">
        <v>0</v>
      </c>
      <c r="AV6154" s="98">
        <v>0</v>
      </c>
      <c r="AW6154" s="98">
        <v>0</v>
      </c>
      <c r="AX6154" s="98"/>
      <c r="AY6154" s="98"/>
      <c r="AZ6154" s="98"/>
      <c r="BA6154" s="98"/>
      <c r="BB6154" s="107">
        <v>45884</v>
      </c>
    </row>
    <row r="6155" spans="1:54" s="8" customFormat="1" ht="13.95" customHeight="1" x14ac:dyDescent="0.25">
      <c r="A6155" s="219" t="s">
        <v>14484</v>
      </c>
      <c r="B6155" s="220" t="s">
        <v>14192</v>
      </c>
      <c r="C6155" s="98" t="s">
        <v>14485</v>
      </c>
      <c r="D6155" s="98" t="s">
        <v>14486</v>
      </c>
      <c r="E6155" s="141">
        <v>2001</v>
      </c>
      <c r="F6155" s="141">
        <v>4365</v>
      </c>
      <c r="G6155" s="98" t="s">
        <v>1</v>
      </c>
      <c r="H6155" s="98">
        <v>0</v>
      </c>
      <c r="I6155" s="98">
        <v>0</v>
      </c>
      <c r="J6155" s="98">
        <v>0</v>
      </c>
      <c r="K6155" s="98">
        <v>0</v>
      </c>
      <c r="L6155" s="98">
        <v>0</v>
      </c>
      <c r="M6155" s="98">
        <v>0</v>
      </c>
      <c r="N6155" s="98">
        <v>0</v>
      </c>
      <c r="O6155" s="98">
        <v>0</v>
      </c>
      <c r="P6155" s="98">
        <v>0</v>
      </c>
      <c r="Q6155" s="98">
        <v>0</v>
      </c>
      <c r="R6155" s="98">
        <v>0</v>
      </c>
      <c r="S6155" s="98">
        <v>0</v>
      </c>
      <c r="T6155" s="98">
        <v>0</v>
      </c>
      <c r="U6155" s="99"/>
      <c r="V6155" s="99"/>
      <c r="W6155" s="99"/>
      <c r="X6155" s="99"/>
      <c r="Y6155" s="99"/>
      <c r="Z6155" s="99"/>
      <c r="AA6155" s="99"/>
      <c r="AB6155" s="99"/>
      <c r="AC6155" s="99"/>
      <c r="AD6155" s="99"/>
      <c r="AE6155" s="99"/>
      <c r="AF6155" s="99"/>
      <c r="AG6155" s="99"/>
      <c r="AH6155" s="99"/>
      <c r="AI6155" s="99"/>
      <c r="AJ6155" s="99"/>
      <c r="AK6155" s="99"/>
      <c r="AL6155" s="99"/>
      <c r="AM6155" s="99"/>
      <c r="AN6155" s="99"/>
      <c r="AO6155" s="99"/>
      <c r="AP6155" s="99"/>
      <c r="AQ6155" s="99"/>
      <c r="AR6155" s="99"/>
      <c r="AS6155" s="99"/>
      <c r="AT6155" s="99"/>
      <c r="AU6155" s="99"/>
      <c r="AV6155" s="99"/>
      <c r="AW6155" s="99"/>
      <c r="AX6155" s="99"/>
      <c r="AY6155" s="99"/>
      <c r="AZ6155" s="99"/>
      <c r="BA6155" s="99"/>
      <c r="BB6155" s="107">
        <v>45884</v>
      </c>
    </row>
    <row r="6156" spans="1:54" s="8" customFormat="1" ht="13.95" customHeight="1" x14ac:dyDescent="0.25">
      <c r="A6156" s="219" t="s">
        <v>14487</v>
      </c>
      <c r="B6156" s="220" t="s">
        <v>14192</v>
      </c>
      <c r="C6156" s="98" t="s">
        <v>14488</v>
      </c>
      <c r="D6156" s="98" t="s">
        <v>14489</v>
      </c>
      <c r="E6156" s="141">
        <v>1983</v>
      </c>
      <c r="F6156" s="141">
        <v>4373</v>
      </c>
      <c r="G6156" s="98" t="s">
        <v>1</v>
      </c>
      <c r="H6156" s="98">
        <v>0</v>
      </c>
      <c r="I6156" s="98">
        <v>0</v>
      </c>
      <c r="J6156" s="98">
        <v>1</v>
      </c>
      <c r="K6156" s="98">
        <v>0</v>
      </c>
      <c r="L6156" s="98">
        <v>0</v>
      </c>
      <c r="M6156" s="98">
        <v>0</v>
      </c>
      <c r="N6156" s="98">
        <v>0</v>
      </c>
      <c r="O6156" s="98">
        <v>0</v>
      </c>
      <c r="P6156" s="98">
        <v>0</v>
      </c>
      <c r="Q6156" s="98">
        <v>0</v>
      </c>
      <c r="R6156" s="98">
        <v>0</v>
      </c>
      <c r="S6156" s="98">
        <v>0</v>
      </c>
      <c r="T6156" s="98">
        <v>0</v>
      </c>
      <c r="U6156" s="99"/>
      <c r="V6156" s="99"/>
      <c r="W6156" s="99"/>
      <c r="X6156" s="99"/>
      <c r="Y6156" s="99"/>
      <c r="Z6156" s="99"/>
      <c r="AA6156" s="99"/>
      <c r="AB6156" s="99"/>
      <c r="AC6156" s="99"/>
      <c r="AD6156" s="99"/>
      <c r="AE6156" s="99"/>
      <c r="AF6156" s="99"/>
      <c r="AG6156" s="99"/>
      <c r="AH6156" s="99"/>
      <c r="AI6156" s="99"/>
      <c r="AJ6156" s="99"/>
      <c r="AK6156" s="99"/>
      <c r="AL6156" s="99"/>
      <c r="AM6156" s="99"/>
      <c r="AN6156" s="99"/>
      <c r="AO6156" s="99"/>
      <c r="AP6156" s="99"/>
      <c r="AQ6156" s="99"/>
      <c r="AR6156" s="99"/>
      <c r="AS6156" s="99"/>
      <c r="AT6156" s="99"/>
      <c r="AU6156" s="99"/>
      <c r="AV6156" s="99"/>
      <c r="AW6156" s="99"/>
      <c r="AX6156" s="99"/>
      <c r="AY6156" s="99"/>
      <c r="AZ6156" s="99"/>
      <c r="BA6156" s="99"/>
      <c r="BB6156" s="107">
        <v>45884</v>
      </c>
    </row>
    <row r="6157" spans="1:54" s="8" customFormat="1" ht="13.95" customHeight="1" x14ac:dyDescent="0.25">
      <c r="A6157" s="219" t="s">
        <v>14490</v>
      </c>
      <c r="B6157" s="220" t="s">
        <v>14192</v>
      </c>
      <c r="C6157" s="98" t="s">
        <v>14491</v>
      </c>
      <c r="D6157" s="98" t="s">
        <v>22253</v>
      </c>
      <c r="E6157" s="141">
        <v>1981</v>
      </c>
      <c r="F6157" s="141">
        <v>4548</v>
      </c>
      <c r="G6157" s="98" t="s">
        <v>1</v>
      </c>
      <c r="H6157" s="98">
        <v>1</v>
      </c>
      <c r="I6157" s="98">
        <v>0</v>
      </c>
      <c r="J6157" s="98">
        <v>1</v>
      </c>
      <c r="K6157" s="98">
        <v>0</v>
      </c>
      <c r="L6157" s="98">
        <v>1</v>
      </c>
      <c r="M6157" s="98">
        <v>0</v>
      </c>
      <c r="N6157" s="98">
        <v>0</v>
      </c>
      <c r="O6157" s="98">
        <v>1</v>
      </c>
      <c r="P6157" s="98">
        <v>1</v>
      </c>
      <c r="Q6157" s="98">
        <v>0</v>
      </c>
      <c r="R6157" s="98">
        <v>1</v>
      </c>
      <c r="S6157" s="98">
        <v>0</v>
      </c>
      <c r="T6157" s="98">
        <v>0</v>
      </c>
      <c r="U6157" s="99"/>
      <c r="V6157" s="99"/>
      <c r="W6157" s="99"/>
      <c r="X6157" s="99"/>
      <c r="Y6157" s="99"/>
      <c r="Z6157" s="99"/>
      <c r="AA6157" s="99"/>
      <c r="AB6157" s="99"/>
      <c r="AC6157" s="99"/>
      <c r="AD6157" s="99"/>
      <c r="AE6157" s="99"/>
      <c r="AF6157" s="99"/>
      <c r="AG6157" s="99"/>
      <c r="AH6157" s="99"/>
      <c r="AI6157" s="99"/>
      <c r="AJ6157" s="99"/>
      <c r="AK6157" s="99"/>
      <c r="AL6157" s="99"/>
      <c r="AM6157" s="99"/>
      <c r="AN6157" s="99"/>
      <c r="AO6157" s="99"/>
      <c r="AP6157" s="99"/>
      <c r="AQ6157" s="99"/>
      <c r="AR6157" s="99"/>
      <c r="AS6157" s="99"/>
      <c r="AT6157" s="99"/>
      <c r="AU6157" s="99"/>
      <c r="AV6157" s="99"/>
      <c r="AW6157" s="99"/>
      <c r="AX6157" s="99"/>
      <c r="AY6157" s="99"/>
      <c r="AZ6157" s="99"/>
      <c r="BA6157" s="99"/>
      <c r="BB6157" s="107">
        <v>45884</v>
      </c>
    </row>
    <row r="6158" spans="1:54" s="8" customFormat="1" ht="13.95" customHeight="1" x14ac:dyDescent="0.25">
      <c r="A6158" s="219" t="s">
        <v>14492</v>
      </c>
      <c r="B6158" s="220" t="s">
        <v>14192</v>
      </c>
      <c r="C6158" s="98" t="s">
        <v>14493</v>
      </c>
      <c r="D6158" s="98" t="s">
        <v>14494</v>
      </c>
      <c r="E6158" s="141">
        <v>2000</v>
      </c>
      <c r="F6158" s="141">
        <v>3660</v>
      </c>
      <c r="G6158" s="98" t="s">
        <v>1</v>
      </c>
      <c r="H6158" s="98">
        <v>0</v>
      </c>
      <c r="I6158" s="98">
        <v>0</v>
      </c>
      <c r="J6158" s="98">
        <v>0</v>
      </c>
      <c r="K6158" s="98">
        <v>0</v>
      </c>
      <c r="L6158" s="98">
        <v>0</v>
      </c>
      <c r="M6158" s="98">
        <v>0</v>
      </c>
      <c r="N6158" s="98">
        <v>0</v>
      </c>
      <c r="O6158" s="98">
        <v>0</v>
      </c>
      <c r="P6158" s="98">
        <v>0</v>
      </c>
      <c r="Q6158" s="98">
        <v>0</v>
      </c>
      <c r="R6158" s="98">
        <v>0</v>
      </c>
      <c r="S6158" s="98">
        <v>0</v>
      </c>
      <c r="T6158" s="98">
        <v>0</v>
      </c>
      <c r="U6158" s="99"/>
      <c r="V6158" s="99"/>
      <c r="W6158" s="99"/>
      <c r="X6158" s="99"/>
      <c r="Y6158" s="99"/>
      <c r="Z6158" s="99"/>
      <c r="AA6158" s="99"/>
      <c r="AB6158" s="99"/>
      <c r="AC6158" s="99"/>
      <c r="AD6158" s="99"/>
      <c r="AE6158" s="99"/>
      <c r="AF6158" s="99"/>
      <c r="AG6158" s="99"/>
      <c r="AH6158" s="99"/>
      <c r="AI6158" s="99"/>
      <c r="AJ6158" s="99"/>
      <c r="AK6158" s="99"/>
      <c r="AL6158" s="99"/>
      <c r="AM6158" s="99"/>
      <c r="AN6158" s="99"/>
      <c r="AO6158" s="99"/>
      <c r="AP6158" s="99"/>
      <c r="AQ6158" s="99"/>
      <c r="AR6158" s="99"/>
      <c r="AS6158" s="99"/>
      <c r="AT6158" s="99"/>
      <c r="AU6158" s="99"/>
      <c r="AV6158" s="99"/>
      <c r="AW6158" s="99"/>
      <c r="AX6158" s="99"/>
      <c r="AY6158" s="99"/>
      <c r="AZ6158" s="99"/>
      <c r="BA6158" s="99"/>
      <c r="BB6158" s="107">
        <v>45884</v>
      </c>
    </row>
    <row r="6159" spans="1:54" s="8" customFormat="1" ht="13.95" customHeight="1" x14ac:dyDescent="0.25">
      <c r="A6159" s="219" t="s">
        <v>14495</v>
      </c>
      <c r="B6159" s="220" t="s">
        <v>14192</v>
      </c>
      <c r="C6159" s="98" t="s">
        <v>14496</v>
      </c>
      <c r="D6159" s="98" t="s">
        <v>14497</v>
      </c>
      <c r="E6159" s="141">
        <v>1986</v>
      </c>
      <c r="F6159" s="141">
        <v>5831</v>
      </c>
      <c r="G6159" s="98" t="s">
        <v>11</v>
      </c>
      <c r="H6159" s="98">
        <v>0</v>
      </c>
      <c r="I6159" s="98">
        <v>0</v>
      </c>
      <c r="J6159" s="98">
        <v>1</v>
      </c>
      <c r="K6159" s="98">
        <v>0</v>
      </c>
      <c r="L6159" s="98">
        <v>0</v>
      </c>
      <c r="M6159" s="98">
        <v>0</v>
      </c>
      <c r="N6159" s="98">
        <v>0</v>
      </c>
      <c r="O6159" s="98">
        <v>0</v>
      </c>
      <c r="P6159" s="98">
        <v>0</v>
      </c>
      <c r="Q6159" s="98">
        <v>0</v>
      </c>
      <c r="R6159" s="98">
        <v>0</v>
      </c>
      <c r="S6159" s="98">
        <v>0</v>
      </c>
      <c r="T6159" s="98">
        <v>0</v>
      </c>
      <c r="U6159" s="98">
        <v>0</v>
      </c>
      <c r="V6159" s="98">
        <v>0</v>
      </c>
      <c r="W6159" s="98">
        <v>0</v>
      </c>
      <c r="X6159" s="98">
        <v>0</v>
      </c>
      <c r="Y6159" s="98">
        <v>0</v>
      </c>
      <c r="Z6159" s="98">
        <v>0</v>
      </c>
      <c r="AA6159" s="98">
        <v>0</v>
      </c>
      <c r="AB6159" s="98">
        <v>0</v>
      </c>
      <c r="AC6159" s="98">
        <v>0</v>
      </c>
      <c r="AD6159" s="98">
        <v>0</v>
      </c>
      <c r="AE6159" s="98">
        <v>0</v>
      </c>
      <c r="AF6159" s="98">
        <v>0</v>
      </c>
      <c r="AG6159" s="98">
        <v>0</v>
      </c>
      <c r="AH6159" s="98">
        <v>0</v>
      </c>
      <c r="AI6159" s="98">
        <v>0</v>
      </c>
      <c r="AJ6159" s="98">
        <v>0</v>
      </c>
      <c r="AK6159" s="98">
        <v>0</v>
      </c>
      <c r="AL6159" s="98">
        <v>0</v>
      </c>
      <c r="AM6159" s="98">
        <v>0</v>
      </c>
      <c r="AN6159" s="98">
        <v>0</v>
      </c>
      <c r="AO6159" s="98">
        <v>0</v>
      </c>
      <c r="AP6159" s="98">
        <v>0</v>
      </c>
      <c r="AQ6159" s="98">
        <v>0</v>
      </c>
      <c r="AR6159" s="98">
        <v>0</v>
      </c>
      <c r="AS6159" s="98">
        <v>0</v>
      </c>
      <c r="AT6159" s="129" t="s">
        <v>174</v>
      </c>
      <c r="AU6159" s="98">
        <v>0</v>
      </c>
      <c r="AV6159" s="98">
        <v>0</v>
      </c>
      <c r="AW6159" s="98">
        <v>0</v>
      </c>
      <c r="AX6159" s="98"/>
      <c r="AY6159" s="98"/>
      <c r="AZ6159" s="98"/>
      <c r="BA6159" s="98"/>
      <c r="BB6159" s="107">
        <v>45884</v>
      </c>
    </row>
    <row r="6160" spans="1:54" s="8" customFormat="1" ht="13.95" customHeight="1" x14ac:dyDescent="0.25">
      <c r="A6160" s="219" t="s">
        <v>14498</v>
      </c>
      <c r="B6160" s="220" t="s">
        <v>14192</v>
      </c>
      <c r="C6160" s="98" t="s">
        <v>14499</v>
      </c>
      <c r="D6160" s="98" t="s">
        <v>14500</v>
      </c>
      <c r="E6160" s="141">
        <v>1986</v>
      </c>
      <c r="F6160" s="141">
        <v>6811</v>
      </c>
      <c r="G6160" s="98" t="s">
        <v>1</v>
      </c>
      <c r="H6160" s="98">
        <v>1</v>
      </c>
      <c r="I6160" s="98">
        <v>0</v>
      </c>
      <c r="J6160" s="98">
        <v>1</v>
      </c>
      <c r="K6160" s="98">
        <v>0</v>
      </c>
      <c r="L6160" s="98">
        <v>1</v>
      </c>
      <c r="M6160" s="98">
        <v>1</v>
      </c>
      <c r="N6160" s="98">
        <v>0</v>
      </c>
      <c r="O6160" s="98">
        <v>0</v>
      </c>
      <c r="P6160" s="98">
        <v>1</v>
      </c>
      <c r="Q6160" s="98">
        <v>1</v>
      </c>
      <c r="R6160" s="98">
        <v>0</v>
      </c>
      <c r="S6160" s="98">
        <v>0</v>
      </c>
      <c r="T6160" s="98">
        <v>1</v>
      </c>
      <c r="U6160" s="99"/>
      <c r="V6160" s="99"/>
      <c r="W6160" s="99"/>
      <c r="X6160" s="99"/>
      <c r="Y6160" s="99"/>
      <c r="Z6160" s="99"/>
      <c r="AA6160" s="99"/>
      <c r="AB6160" s="99"/>
      <c r="AC6160" s="99"/>
      <c r="AD6160" s="99"/>
      <c r="AE6160" s="99"/>
      <c r="AF6160" s="99"/>
      <c r="AG6160" s="99"/>
      <c r="AH6160" s="99"/>
      <c r="AI6160" s="99"/>
      <c r="AJ6160" s="99"/>
      <c r="AK6160" s="99"/>
      <c r="AL6160" s="99"/>
      <c r="AM6160" s="99"/>
      <c r="AN6160" s="99"/>
      <c r="AO6160" s="99"/>
      <c r="AP6160" s="99"/>
      <c r="AQ6160" s="99"/>
      <c r="AR6160" s="99"/>
      <c r="AS6160" s="99"/>
      <c r="AT6160" s="99"/>
      <c r="AU6160" s="99"/>
      <c r="AV6160" s="99"/>
      <c r="AW6160" s="99"/>
      <c r="AX6160" s="99"/>
      <c r="AY6160" s="99"/>
      <c r="AZ6160" s="99"/>
      <c r="BA6160" s="99"/>
      <c r="BB6160" s="107">
        <v>45884</v>
      </c>
    </row>
    <row r="6161" spans="1:54" s="8" customFormat="1" ht="13.95" customHeight="1" x14ac:dyDescent="0.25">
      <c r="A6161" s="219" t="s">
        <v>14501</v>
      </c>
      <c r="B6161" s="220" t="s">
        <v>14192</v>
      </c>
      <c r="C6161" s="98" t="s">
        <v>14502</v>
      </c>
      <c r="D6161" s="98" t="s">
        <v>14503</v>
      </c>
      <c r="E6161" s="141">
        <v>2004</v>
      </c>
      <c r="F6161" s="141">
        <v>580</v>
      </c>
      <c r="G6161" s="98" t="s">
        <v>1</v>
      </c>
      <c r="H6161" s="98">
        <v>0</v>
      </c>
      <c r="I6161" s="98">
        <v>0</v>
      </c>
      <c r="J6161" s="98">
        <v>1</v>
      </c>
      <c r="K6161" s="98">
        <v>1</v>
      </c>
      <c r="L6161" s="98">
        <v>0</v>
      </c>
      <c r="M6161" s="98">
        <v>0</v>
      </c>
      <c r="N6161" s="98">
        <v>0</v>
      </c>
      <c r="O6161" s="98">
        <v>1</v>
      </c>
      <c r="P6161" s="98">
        <v>1</v>
      </c>
      <c r="Q6161" s="98">
        <v>0</v>
      </c>
      <c r="R6161" s="98">
        <v>0</v>
      </c>
      <c r="S6161" s="98">
        <v>0</v>
      </c>
      <c r="T6161" s="98">
        <v>0</v>
      </c>
      <c r="U6161" s="99"/>
      <c r="V6161" s="99"/>
      <c r="W6161" s="99"/>
      <c r="X6161" s="99"/>
      <c r="Y6161" s="99"/>
      <c r="Z6161" s="99"/>
      <c r="AA6161" s="99"/>
      <c r="AB6161" s="99"/>
      <c r="AC6161" s="99"/>
      <c r="AD6161" s="99"/>
      <c r="AE6161" s="99"/>
      <c r="AF6161" s="99"/>
      <c r="AG6161" s="99"/>
      <c r="AH6161" s="99"/>
      <c r="AI6161" s="99"/>
      <c r="AJ6161" s="99"/>
      <c r="AK6161" s="99"/>
      <c r="AL6161" s="99"/>
      <c r="AM6161" s="99"/>
      <c r="AN6161" s="99"/>
      <c r="AO6161" s="99"/>
      <c r="AP6161" s="99"/>
      <c r="AQ6161" s="99"/>
      <c r="AR6161" s="99"/>
      <c r="AS6161" s="99"/>
      <c r="AT6161" s="99"/>
      <c r="AU6161" s="99"/>
      <c r="AV6161" s="99"/>
      <c r="AW6161" s="99"/>
      <c r="AX6161" s="99"/>
      <c r="AY6161" s="99"/>
      <c r="AZ6161" s="99"/>
      <c r="BA6161" s="99"/>
      <c r="BB6161" s="107">
        <v>45884</v>
      </c>
    </row>
    <row r="6162" spans="1:54" s="8" customFormat="1" ht="13.95" customHeight="1" x14ac:dyDescent="0.25">
      <c r="A6162" s="219" t="s">
        <v>14504</v>
      </c>
      <c r="B6162" s="220" t="s">
        <v>14192</v>
      </c>
      <c r="C6162" s="98" t="s">
        <v>14505</v>
      </c>
      <c r="D6162" s="98" t="s">
        <v>22254</v>
      </c>
      <c r="E6162" s="141">
        <v>1973</v>
      </c>
      <c r="F6162" s="141">
        <v>1433</v>
      </c>
      <c r="G6162" s="98" t="s">
        <v>1</v>
      </c>
      <c r="H6162" s="98">
        <v>0</v>
      </c>
      <c r="I6162" s="98">
        <v>0</v>
      </c>
      <c r="J6162" s="98">
        <v>1</v>
      </c>
      <c r="K6162" s="98">
        <v>0</v>
      </c>
      <c r="L6162" s="98">
        <v>0</v>
      </c>
      <c r="M6162" s="98">
        <v>0</v>
      </c>
      <c r="N6162" s="98">
        <v>0</v>
      </c>
      <c r="O6162" s="98">
        <v>1</v>
      </c>
      <c r="P6162" s="98">
        <v>1</v>
      </c>
      <c r="Q6162" s="98">
        <v>1</v>
      </c>
      <c r="R6162" s="98">
        <v>0</v>
      </c>
      <c r="S6162" s="98">
        <v>0</v>
      </c>
      <c r="T6162" s="98">
        <v>0</v>
      </c>
      <c r="U6162" s="99"/>
      <c r="V6162" s="99"/>
      <c r="W6162" s="99"/>
      <c r="X6162" s="99"/>
      <c r="Y6162" s="99"/>
      <c r="Z6162" s="99"/>
      <c r="AA6162" s="99"/>
      <c r="AB6162" s="99"/>
      <c r="AC6162" s="99"/>
      <c r="AD6162" s="99"/>
      <c r="AE6162" s="99"/>
      <c r="AF6162" s="99"/>
      <c r="AG6162" s="99"/>
      <c r="AH6162" s="99"/>
      <c r="AI6162" s="99"/>
      <c r="AJ6162" s="99"/>
      <c r="AK6162" s="99"/>
      <c r="AL6162" s="99"/>
      <c r="AM6162" s="99"/>
      <c r="AN6162" s="99"/>
      <c r="AO6162" s="99"/>
      <c r="AP6162" s="99"/>
      <c r="AQ6162" s="99"/>
      <c r="AR6162" s="99"/>
      <c r="AS6162" s="99"/>
      <c r="AT6162" s="99"/>
      <c r="AU6162" s="99"/>
      <c r="AV6162" s="99"/>
      <c r="AW6162" s="99"/>
      <c r="AX6162" s="99"/>
      <c r="AY6162" s="99"/>
      <c r="AZ6162" s="99"/>
      <c r="BA6162" s="99"/>
      <c r="BB6162" s="107">
        <v>45884</v>
      </c>
    </row>
    <row r="6163" spans="1:54" s="8" customFormat="1" ht="13.95" customHeight="1" x14ac:dyDescent="0.25">
      <c r="A6163" s="219" t="s">
        <v>14506</v>
      </c>
      <c r="B6163" s="220" t="s">
        <v>14192</v>
      </c>
      <c r="C6163" s="98" t="s">
        <v>14507</v>
      </c>
      <c r="D6163" s="98" t="s">
        <v>14508</v>
      </c>
      <c r="E6163" s="141">
        <v>1984</v>
      </c>
      <c r="F6163" s="141">
        <v>483</v>
      </c>
      <c r="G6163" s="98" t="s">
        <v>1</v>
      </c>
      <c r="H6163" s="98">
        <v>0</v>
      </c>
      <c r="I6163" s="98">
        <v>0</v>
      </c>
      <c r="J6163" s="98">
        <v>0</v>
      </c>
      <c r="K6163" s="98">
        <v>0</v>
      </c>
      <c r="L6163" s="98">
        <v>1</v>
      </c>
      <c r="M6163" s="98">
        <v>0</v>
      </c>
      <c r="N6163" s="98">
        <v>0</v>
      </c>
      <c r="O6163" s="98">
        <v>0</v>
      </c>
      <c r="P6163" s="98">
        <v>1</v>
      </c>
      <c r="Q6163" s="98">
        <v>0</v>
      </c>
      <c r="R6163" s="98">
        <v>0</v>
      </c>
      <c r="S6163" s="98">
        <v>0</v>
      </c>
      <c r="T6163" s="98">
        <v>0</v>
      </c>
      <c r="U6163" s="99"/>
      <c r="V6163" s="99"/>
      <c r="W6163" s="99"/>
      <c r="X6163" s="99"/>
      <c r="Y6163" s="99"/>
      <c r="Z6163" s="99"/>
      <c r="AA6163" s="99"/>
      <c r="AB6163" s="99"/>
      <c r="AC6163" s="99"/>
      <c r="AD6163" s="99"/>
      <c r="AE6163" s="99"/>
      <c r="AF6163" s="99"/>
      <c r="AG6163" s="99"/>
      <c r="AH6163" s="99"/>
      <c r="AI6163" s="99"/>
      <c r="AJ6163" s="99"/>
      <c r="AK6163" s="99"/>
      <c r="AL6163" s="99"/>
      <c r="AM6163" s="99"/>
      <c r="AN6163" s="99"/>
      <c r="AO6163" s="99"/>
      <c r="AP6163" s="99"/>
      <c r="AQ6163" s="99"/>
      <c r="AR6163" s="99"/>
      <c r="AS6163" s="99"/>
      <c r="AT6163" s="99"/>
      <c r="AU6163" s="99"/>
      <c r="AV6163" s="99"/>
      <c r="AW6163" s="99"/>
      <c r="AX6163" s="99"/>
      <c r="AY6163" s="99"/>
      <c r="AZ6163" s="99"/>
      <c r="BA6163" s="99"/>
      <c r="BB6163" s="107">
        <v>45884</v>
      </c>
    </row>
    <row r="6164" spans="1:54" s="8" customFormat="1" ht="13.95" customHeight="1" x14ac:dyDescent="0.25">
      <c r="A6164" s="219" t="s">
        <v>14509</v>
      </c>
      <c r="B6164" s="220" t="s">
        <v>14192</v>
      </c>
      <c r="C6164" s="98" t="s">
        <v>14510</v>
      </c>
      <c r="D6164" s="98" t="s">
        <v>14511</v>
      </c>
      <c r="E6164" s="141">
        <v>1987</v>
      </c>
      <c r="F6164" s="141">
        <v>2007</v>
      </c>
      <c r="G6164" s="98" t="s">
        <v>1</v>
      </c>
      <c r="H6164" s="98">
        <v>0</v>
      </c>
      <c r="I6164" s="98">
        <v>0</v>
      </c>
      <c r="J6164" s="98">
        <v>0</v>
      </c>
      <c r="K6164" s="98">
        <v>1</v>
      </c>
      <c r="L6164" s="98">
        <v>1</v>
      </c>
      <c r="M6164" s="98">
        <v>0</v>
      </c>
      <c r="N6164" s="98">
        <v>0</v>
      </c>
      <c r="O6164" s="98">
        <v>1</v>
      </c>
      <c r="P6164" s="98">
        <v>1</v>
      </c>
      <c r="Q6164" s="98">
        <v>0</v>
      </c>
      <c r="R6164" s="98">
        <v>1</v>
      </c>
      <c r="S6164" s="98">
        <v>0</v>
      </c>
      <c r="T6164" s="98">
        <v>0</v>
      </c>
      <c r="U6164" s="99"/>
      <c r="V6164" s="99"/>
      <c r="W6164" s="99"/>
      <c r="X6164" s="99"/>
      <c r="Y6164" s="99"/>
      <c r="Z6164" s="99"/>
      <c r="AA6164" s="99"/>
      <c r="AB6164" s="99"/>
      <c r="AC6164" s="99"/>
      <c r="AD6164" s="99"/>
      <c r="AE6164" s="99"/>
      <c r="AF6164" s="99"/>
      <c r="AG6164" s="99"/>
      <c r="AH6164" s="99"/>
      <c r="AI6164" s="99"/>
      <c r="AJ6164" s="99"/>
      <c r="AK6164" s="99"/>
      <c r="AL6164" s="99"/>
      <c r="AM6164" s="99"/>
      <c r="AN6164" s="99"/>
      <c r="AO6164" s="99"/>
      <c r="AP6164" s="99"/>
      <c r="AQ6164" s="99"/>
      <c r="AR6164" s="99"/>
      <c r="AS6164" s="99"/>
      <c r="AT6164" s="99"/>
      <c r="AU6164" s="99"/>
      <c r="AV6164" s="99"/>
      <c r="AW6164" s="99"/>
      <c r="AX6164" s="99"/>
      <c r="AY6164" s="99"/>
      <c r="AZ6164" s="99"/>
      <c r="BA6164" s="99"/>
      <c r="BB6164" s="107">
        <v>45884</v>
      </c>
    </row>
    <row r="6165" spans="1:54" s="8" customFormat="1" ht="13.95" customHeight="1" x14ac:dyDescent="0.25">
      <c r="A6165" s="219" t="s">
        <v>14512</v>
      </c>
      <c r="B6165" s="220" t="s">
        <v>14192</v>
      </c>
      <c r="C6165" s="98" t="s">
        <v>14513</v>
      </c>
      <c r="D6165" s="98" t="s">
        <v>14514</v>
      </c>
      <c r="E6165" s="141">
        <v>2010</v>
      </c>
      <c r="F6165" s="141">
        <v>151</v>
      </c>
      <c r="G6165" s="98" t="s">
        <v>1</v>
      </c>
      <c r="H6165" s="98">
        <v>0</v>
      </c>
      <c r="I6165" s="98">
        <v>0</v>
      </c>
      <c r="J6165" s="98">
        <v>1</v>
      </c>
      <c r="K6165" s="98">
        <v>0</v>
      </c>
      <c r="L6165" s="98">
        <v>0</v>
      </c>
      <c r="M6165" s="98">
        <v>1</v>
      </c>
      <c r="N6165" s="98">
        <v>0</v>
      </c>
      <c r="O6165" s="98">
        <v>0</v>
      </c>
      <c r="P6165" s="98">
        <v>1</v>
      </c>
      <c r="Q6165" s="98">
        <v>0</v>
      </c>
      <c r="R6165" s="98">
        <v>0</v>
      </c>
      <c r="S6165" s="98">
        <v>0</v>
      </c>
      <c r="T6165" s="98">
        <v>0</v>
      </c>
      <c r="U6165" s="99"/>
      <c r="V6165" s="99"/>
      <c r="W6165" s="99"/>
      <c r="X6165" s="99"/>
      <c r="Y6165" s="99"/>
      <c r="Z6165" s="99"/>
      <c r="AA6165" s="99"/>
      <c r="AB6165" s="99"/>
      <c r="AC6165" s="99"/>
      <c r="AD6165" s="99"/>
      <c r="AE6165" s="99"/>
      <c r="AF6165" s="99"/>
      <c r="AG6165" s="99"/>
      <c r="AH6165" s="99"/>
      <c r="AI6165" s="99"/>
      <c r="AJ6165" s="99"/>
      <c r="AK6165" s="99"/>
      <c r="AL6165" s="99"/>
      <c r="AM6165" s="99"/>
      <c r="AN6165" s="99"/>
      <c r="AO6165" s="99"/>
      <c r="AP6165" s="99"/>
      <c r="AQ6165" s="99"/>
      <c r="AR6165" s="99"/>
      <c r="AS6165" s="99"/>
      <c r="AT6165" s="99"/>
      <c r="AU6165" s="99"/>
      <c r="AV6165" s="99"/>
      <c r="AW6165" s="99"/>
      <c r="AX6165" s="99"/>
      <c r="AY6165" s="99"/>
      <c r="AZ6165" s="99"/>
      <c r="BA6165" s="99"/>
      <c r="BB6165" s="107">
        <v>45884</v>
      </c>
    </row>
    <row r="6166" spans="1:54" s="8" customFormat="1" ht="13.95" customHeight="1" x14ac:dyDescent="0.25">
      <c r="A6166" s="219" t="s">
        <v>14515</v>
      </c>
      <c r="B6166" s="220" t="s">
        <v>14192</v>
      </c>
      <c r="C6166" s="98" t="s">
        <v>14516</v>
      </c>
      <c r="D6166" s="98" t="s">
        <v>14517</v>
      </c>
      <c r="E6166" s="141">
        <v>1995</v>
      </c>
      <c r="F6166" s="141">
        <v>195</v>
      </c>
      <c r="G6166" s="98" t="s">
        <v>1</v>
      </c>
      <c r="H6166" s="98">
        <v>0</v>
      </c>
      <c r="I6166" s="98">
        <v>0</v>
      </c>
      <c r="J6166" s="98">
        <v>1</v>
      </c>
      <c r="K6166" s="98">
        <v>0</v>
      </c>
      <c r="L6166" s="98">
        <v>0</v>
      </c>
      <c r="M6166" s="98">
        <v>1</v>
      </c>
      <c r="N6166" s="98">
        <v>0</v>
      </c>
      <c r="O6166" s="98">
        <v>0</v>
      </c>
      <c r="P6166" s="98">
        <v>1</v>
      </c>
      <c r="Q6166" s="98">
        <v>0</v>
      </c>
      <c r="R6166" s="98">
        <v>0</v>
      </c>
      <c r="S6166" s="98">
        <v>0</v>
      </c>
      <c r="T6166" s="98">
        <v>0</v>
      </c>
      <c r="U6166" s="99"/>
      <c r="V6166" s="99"/>
      <c r="W6166" s="99"/>
      <c r="X6166" s="99"/>
      <c r="Y6166" s="99"/>
      <c r="Z6166" s="99"/>
      <c r="AA6166" s="99"/>
      <c r="AB6166" s="99"/>
      <c r="AC6166" s="99"/>
      <c r="AD6166" s="99"/>
      <c r="AE6166" s="99"/>
      <c r="AF6166" s="99"/>
      <c r="AG6166" s="99"/>
      <c r="AH6166" s="99"/>
      <c r="AI6166" s="99"/>
      <c r="AJ6166" s="99"/>
      <c r="AK6166" s="99"/>
      <c r="AL6166" s="99"/>
      <c r="AM6166" s="99"/>
      <c r="AN6166" s="99"/>
      <c r="AO6166" s="99"/>
      <c r="AP6166" s="99"/>
      <c r="AQ6166" s="99"/>
      <c r="AR6166" s="99"/>
      <c r="AS6166" s="99"/>
      <c r="AT6166" s="99"/>
      <c r="AU6166" s="99"/>
      <c r="AV6166" s="99"/>
      <c r="AW6166" s="99"/>
      <c r="AX6166" s="99"/>
      <c r="AY6166" s="99"/>
      <c r="AZ6166" s="99"/>
      <c r="BA6166" s="99"/>
      <c r="BB6166" s="107">
        <v>45884</v>
      </c>
    </row>
    <row r="6167" spans="1:54" s="8" customFormat="1" ht="13.95" customHeight="1" x14ac:dyDescent="0.25">
      <c r="A6167" s="219" t="s">
        <v>14518</v>
      </c>
      <c r="B6167" s="220" t="s">
        <v>14192</v>
      </c>
      <c r="C6167" s="98" t="s">
        <v>14519</v>
      </c>
      <c r="D6167" s="98" t="s">
        <v>14520</v>
      </c>
      <c r="E6167" s="141">
        <v>2011</v>
      </c>
      <c r="F6167" s="141">
        <v>150</v>
      </c>
      <c r="G6167" s="98" t="s">
        <v>1</v>
      </c>
      <c r="H6167" s="98">
        <v>0</v>
      </c>
      <c r="I6167" s="98">
        <v>0</v>
      </c>
      <c r="J6167" s="98">
        <v>1</v>
      </c>
      <c r="K6167" s="98">
        <v>0</v>
      </c>
      <c r="L6167" s="98">
        <v>0</v>
      </c>
      <c r="M6167" s="98">
        <v>1</v>
      </c>
      <c r="N6167" s="98">
        <v>0</v>
      </c>
      <c r="O6167" s="98">
        <v>0</v>
      </c>
      <c r="P6167" s="98">
        <v>1</v>
      </c>
      <c r="Q6167" s="98">
        <v>0</v>
      </c>
      <c r="R6167" s="98">
        <v>0</v>
      </c>
      <c r="S6167" s="98">
        <v>0</v>
      </c>
      <c r="T6167" s="98">
        <v>0</v>
      </c>
      <c r="U6167" s="99"/>
      <c r="V6167" s="99"/>
      <c r="W6167" s="99"/>
      <c r="X6167" s="99"/>
      <c r="Y6167" s="99"/>
      <c r="Z6167" s="99"/>
      <c r="AA6167" s="99"/>
      <c r="AB6167" s="99"/>
      <c r="AC6167" s="99"/>
      <c r="AD6167" s="99"/>
      <c r="AE6167" s="99"/>
      <c r="AF6167" s="99"/>
      <c r="AG6167" s="99"/>
      <c r="AH6167" s="99"/>
      <c r="AI6167" s="99"/>
      <c r="AJ6167" s="99"/>
      <c r="AK6167" s="99"/>
      <c r="AL6167" s="99"/>
      <c r="AM6167" s="99"/>
      <c r="AN6167" s="99"/>
      <c r="AO6167" s="99"/>
      <c r="AP6167" s="99"/>
      <c r="AQ6167" s="99"/>
      <c r="AR6167" s="99"/>
      <c r="AS6167" s="99"/>
      <c r="AT6167" s="99"/>
      <c r="AU6167" s="99"/>
      <c r="AV6167" s="99"/>
      <c r="AW6167" s="99"/>
      <c r="AX6167" s="99"/>
      <c r="AY6167" s="99"/>
      <c r="AZ6167" s="99"/>
      <c r="BA6167" s="99"/>
      <c r="BB6167" s="107">
        <v>45884</v>
      </c>
    </row>
    <row r="6168" spans="1:54" s="8" customFormat="1" ht="13.95" customHeight="1" x14ac:dyDescent="0.25">
      <c r="A6168" s="219" t="s">
        <v>14521</v>
      </c>
      <c r="B6168" s="220" t="s">
        <v>14192</v>
      </c>
      <c r="C6168" s="98" t="s">
        <v>14522</v>
      </c>
      <c r="D6168" s="98" t="s">
        <v>14523</v>
      </c>
      <c r="E6168" s="141">
        <v>2012</v>
      </c>
      <c r="F6168" s="141">
        <v>924</v>
      </c>
      <c r="G6168" s="98" t="s">
        <v>1</v>
      </c>
      <c r="H6168" s="98">
        <v>0</v>
      </c>
      <c r="I6168" s="98">
        <v>0</v>
      </c>
      <c r="J6168" s="98">
        <v>1</v>
      </c>
      <c r="K6168" s="98">
        <v>0</v>
      </c>
      <c r="L6168" s="98">
        <v>0</v>
      </c>
      <c r="M6168" s="98">
        <v>0</v>
      </c>
      <c r="N6168" s="98">
        <v>0</v>
      </c>
      <c r="O6168" s="98">
        <v>0</v>
      </c>
      <c r="P6168" s="98">
        <v>0</v>
      </c>
      <c r="Q6168" s="98">
        <v>0</v>
      </c>
      <c r="R6168" s="98">
        <v>0</v>
      </c>
      <c r="S6168" s="98">
        <v>0</v>
      </c>
      <c r="T6168" s="98">
        <v>0</v>
      </c>
      <c r="U6168" s="99"/>
      <c r="V6168" s="99"/>
      <c r="W6168" s="99"/>
      <c r="X6168" s="99"/>
      <c r="Y6168" s="99"/>
      <c r="Z6168" s="99"/>
      <c r="AA6168" s="99"/>
      <c r="AB6168" s="99"/>
      <c r="AC6168" s="99"/>
      <c r="AD6168" s="99"/>
      <c r="AE6168" s="99"/>
      <c r="AF6168" s="99"/>
      <c r="AG6168" s="99"/>
      <c r="AH6168" s="99"/>
      <c r="AI6168" s="99"/>
      <c r="AJ6168" s="99"/>
      <c r="AK6168" s="99"/>
      <c r="AL6168" s="99"/>
      <c r="AM6168" s="99"/>
      <c r="AN6168" s="99"/>
      <c r="AO6168" s="99"/>
      <c r="AP6168" s="99"/>
      <c r="AQ6168" s="99"/>
      <c r="AR6168" s="99"/>
      <c r="AS6168" s="99"/>
      <c r="AT6168" s="99"/>
      <c r="AU6168" s="99"/>
      <c r="AV6168" s="99"/>
      <c r="AW6168" s="99"/>
      <c r="AX6168" s="99"/>
      <c r="AY6168" s="99"/>
      <c r="AZ6168" s="99"/>
      <c r="BA6168" s="99"/>
      <c r="BB6168" s="107">
        <v>45884</v>
      </c>
    </row>
    <row r="6169" spans="1:54" s="8" customFormat="1" ht="13.95" customHeight="1" x14ac:dyDescent="0.25">
      <c r="A6169" s="219" t="s">
        <v>14524</v>
      </c>
      <c r="B6169" s="220" t="s">
        <v>14192</v>
      </c>
      <c r="C6169" s="98" t="s">
        <v>14525</v>
      </c>
      <c r="D6169" s="98" t="s">
        <v>14526</v>
      </c>
      <c r="E6169" s="141">
        <v>1991</v>
      </c>
      <c r="F6169" s="141">
        <v>1200</v>
      </c>
      <c r="G6169" s="98" t="s">
        <v>1</v>
      </c>
      <c r="H6169" s="98">
        <v>0</v>
      </c>
      <c r="I6169" s="98">
        <v>0</v>
      </c>
      <c r="J6169" s="98">
        <v>0</v>
      </c>
      <c r="K6169" s="98">
        <v>0</v>
      </c>
      <c r="L6169" s="98">
        <v>0</v>
      </c>
      <c r="M6169" s="98">
        <v>0</v>
      </c>
      <c r="N6169" s="98">
        <v>0</v>
      </c>
      <c r="O6169" s="98">
        <v>0</v>
      </c>
      <c r="P6169" s="98">
        <v>0</v>
      </c>
      <c r="Q6169" s="98">
        <v>0</v>
      </c>
      <c r="R6169" s="98">
        <v>0</v>
      </c>
      <c r="S6169" s="98">
        <v>0</v>
      </c>
      <c r="T6169" s="98">
        <v>0</v>
      </c>
      <c r="U6169" s="99"/>
      <c r="V6169" s="99"/>
      <c r="W6169" s="99"/>
      <c r="X6169" s="99"/>
      <c r="Y6169" s="99"/>
      <c r="Z6169" s="99"/>
      <c r="AA6169" s="99"/>
      <c r="AB6169" s="99"/>
      <c r="AC6169" s="99"/>
      <c r="AD6169" s="99"/>
      <c r="AE6169" s="99"/>
      <c r="AF6169" s="99"/>
      <c r="AG6169" s="99"/>
      <c r="AH6169" s="99"/>
      <c r="AI6169" s="99"/>
      <c r="AJ6169" s="99"/>
      <c r="AK6169" s="99"/>
      <c r="AL6169" s="99"/>
      <c r="AM6169" s="99"/>
      <c r="AN6169" s="99"/>
      <c r="AO6169" s="99"/>
      <c r="AP6169" s="99"/>
      <c r="AQ6169" s="99"/>
      <c r="AR6169" s="99"/>
      <c r="AS6169" s="99"/>
      <c r="AT6169" s="99"/>
      <c r="AU6169" s="99"/>
      <c r="AV6169" s="99"/>
      <c r="AW6169" s="99"/>
      <c r="AX6169" s="99"/>
      <c r="AY6169" s="99"/>
      <c r="AZ6169" s="99"/>
      <c r="BA6169" s="99"/>
      <c r="BB6169" s="107">
        <v>45884</v>
      </c>
    </row>
    <row r="6170" spans="1:54" s="8" customFormat="1" ht="13.95" customHeight="1" x14ac:dyDescent="0.25">
      <c r="A6170" s="219" t="s">
        <v>14527</v>
      </c>
      <c r="B6170" s="220" t="s">
        <v>14192</v>
      </c>
      <c r="C6170" s="98" t="s">
        <v>14528</v>
      </c>
      <c r="D6170" s="98" t="s">
        <v>14529</v>
      </c>
      <c r="E6170" s="141">
        <v>2005</v>
      </c>
      <c r="F6170" s="141">
        <v>930</v>
      </c>
      <c r="G6170" s="98" t="s">
        <v>1</v>
      </c>
      <c r="H6170" s="98">
        <v>0</v>
      </c>
      <c r="I6170" s="98">
        <v>0</v>
      </c>
      <c r="J6170" s="98">
        <v>1</v>
      </c>
      <c r="K6170" s="98">
        <v>0</v>
      </c>
      <c r="L6170" s="98">
        <v>0</v>
      </c>
      <c r="M6170" s="98">
        <v>0</v>
      </c>
      <c r="N6170" s="98">
        <v>0</v>
      </c>
      <c r="O6170" s="98">
        <v>1</v>
      </c>
      <c r="P6170" s="98">
        <v>1</v>
      </c>
      <c r="Q6170" s="98">
        <v>0</v>
      </c>
      <c r="R6170" s="98">
        <v>1</v>
      </c>
      <c r="S6170" s="98">
        <v>0</v>
      </c>
      <c r="T6170" s="98">
        <v>0</v>
      </c>
      <c r="U6170" s="99"/>
      <c r="V6170" s="99"/>
      <c r="W6170" s="99"/>
      <c r="X6170" s="99"/>
      <c r="Y6170" s="99"/>
      <c r="Z6170" s="99"/>
      <c r="AA6170" s="99"/>
      <c r="AB6170" s="99"/>
      <c r="AC6170" s="99"/>
      <c r="AD6170" s="99"/>
      <c r="AE6170" s="99"/>
      <c r="AF6170" s="99"/>
      <c r="AG6170" s="99"/>
      <c r="AH6170" s="99"/>
      <c r="AI6170" s="99"/>
      <c r="AJ6170" s="99"/>
      <c r="AK6170" s="99"/>
      <c r="AL6170" s="99"/>
      <c r="AM6170" s="99"/>
      <c r="AN6170" s="99"/>
      <c r="AO6170" s="99"/>
      <c r="AP6170" s="99"/>
      <c r="AQ6170" s="99"/>
      <c r="AR6170" s="99"/>
      <c r="AS6170" s="99"/>
      <c r="AT6170" s="99"/>
      <c r="AU6170" s="99"/>
      <c r="AV6170" s="99"/>
      <c r="AW6170" s="99"/>
      <c r="AX6170" s="99"/>
      <c r="AY6170" s="99"/>
      <c r="AZ6170" s="99"/>
      <c r="BA6170" s="99"/>
      <c r="BB6170" s="107">
        <v>45884</v>
      </c>
    </row>
    <row r="6171" spans="1:54" s="8" customFormat="1" ht="13.95" customHeight="1" x14ac:dyDescent="0.25">
      <c r="A6171" s="219" t="s">
        <v>14530</v>
      </c>
      <c r="B6171" s="220" t="s">
        <v>14192</v>
      </c>
      <c r="C6171" s="98" t="s">
        <v>14531</v>
      </c>
      <c r="D6171" s="98" t="s">
        <v>14532</v>
      </c>
      <c r="E6171" s="141">
        <v>1986</v>
      </c>
      <c r="F6171" s="141">
        <v>1255</v>
      </c>
      <c r="G6171" s="98" t="s">
        <v>1</v>
      </c>
      <c r="H6171" s="98">
        <v>0</v>
      </c>
      <c r="I6171" s="98">
        <v>0</v>
      </c>
      <c r="J6171" s="98">
        <v>0</v>
      </c>
      <c r="K6171" s="98">
        <v>0</v>
      </c>
      <c r="L6171" s="98">
        <v>1</v>
      </c>
      <c r="M6171" s="98">
        <v>1</v>
      </c>
      <c r="N6171" s="98">
        <v>0</v>
      </c>
      <c r="O6171" s="98">
        <v>1</v>
      </c>
      <c r="P6171" s="98">
        <v>1</v>
      </c>
      <c r="Q6171" s="98">
        <v>0</v>
      </c>
      <c r="R6171" s="98">
        <v>0</v>
      </c>
      <c r="S6171" s="98">
        <v>0</v>
      </c>
      <c r="T6171" s="98">
        <v>0</v>
      </c>
      <c r="U6171" s="99"/>
      <c r="V6171" s="99"/>
      <c r="W6171" s="99"/>
      <c r="X6171" s="99"/>
      <c r="Y6171" s="99"/>
      <c r="Z6171" s="99"/>
      <c r="AA6171" s="99"/>
      <c r="AB6171" s="99"/>
      <c r="AC6171" s="99"/>
      <c r="AD6171" s="99"/>
      <c r="AE6171" s="99"/>
      <c r="AF6171" s="99"/>
      <c r="AG6171" s="99"/>
      <c r="AH6171" s="99"/>
      <c r="AI6171" s="99"/>
      <c r="AJ6171" s="99"/>
      <c r="AK6171" s="99"/>
      <c r="AL6171" s="99"/>
      <c r="AM6171" s="99"/>
      <c r="AN6171" s="99"/>
      <c r="AO6171" s="99"/>
      <c r="AP6171" s="99"/>
      <c r="AQ6171" s="99"/>
      <c r="AR6171" s="99"/>
      <c r="AS6171" s="99"/>
      <c r="AT6171" s="99"/>
      <c r="AU6171" s="99"/>
      <c r="AV6171" s="99"/>
      <c r="AW6171" s="99"/>
      <c r="AX6171" s="99"/>
      <c r="AY6171" s="99"/>
      <c r="AZ6171" s="99"/>
      <c r="BA6171" s="99"/>
      <c r="BB6171" s="107">
        <v>45884</v>
      </c>
    </row>
    <row r="6172" spans="1:54" s="8" customFormat="1" ht="13.95" customHeight="1" x14ac:dyDescent="0.25">
      <c r="A6172" s="219" t="s">
        <v>14533</v>
      </c>
      <c r="B6172" s="220" t="s">
        <v>14192</v>
      </c>
      <c r="C6172" s="98" t="s">
        <v>14534</v>
      </c>
      <c r="D6172" s="98" t="s">
        <v>14535</v>
      </c>
      <c r="E6172" s="141">
        <v>2009</v>
      </c>
      <c r="F6172" s="141">
        <v>157</v>
      </c>
      <c r="G6172" s="98" t="s">
        <v>1</v>
      </c>
      <c r="H6172" s="98">
        <v>0</v>
      </c>
      <c r="I6172" s="98">
        <v>0</v>
      </c>
      <c r="J6172" s="98">
        <v>1</v>
      </c>
      <c r="K6172" s="98">
        <v>0</v>
      </c>
      <c r="L6172" s="98">
        <v>0</v>
      </c>
      <c r="M6172" s="98">
        <v>1</v>
      </c>
      <c r="N6172" s="98">
        <v>0</v>
      </c>
      <c r="O6172" s="98">
        <v>0</v>
      </c>
      <c r="P6172" s="98">
        <v>1</v>
      </c>
      <c r="Q6172" s="98">
        <v>0</v>
      </c>
      <c r="R6172" s="98">
        <v>0</v>
      </c>
      <c r="S6172" s="98">
        <v>0</v>
      </c>
      <c r="T6172" s="98">
        <v>0</v>
      </c>
      <c r="U6172" s="99"/>
      <c r="V6172" s="99"/>
      <c r="W6172" s="99"/>
      <c r="X6172" s="99"/>
      <c r="Y6172" s="99"/>
      <c r="Z6172" s="99"/>
      <c r="AA6172" s="99"/>
      <c r="AB6172" s="99"/>
      <c r="AC6172" s="99"/>
      <c r="AD6172" s="99"/>
      <c r="AE6172" s="99"/>
      <c r="AF6172" s="99"/>
      <c r="AG6172" s="99"/>
      <c r="AH6172" s="99"/>
      <c r="AI6172" s="99"/>
      <c r="AJ6172" s="99"/>
      <c r="AK6172" s="99"/>
      <c r="AL6172" s="99"/>
      <c r="AM6172" s="99"/>
      <c r="AN6172" s="99"/>
      <c r="AO6172" s="99"/>
      <c r="AP6172" s="99"/>
      <c r="AQ6172" s="99"/>
      <c r="AR6172" s="99"/>
      <c r="AS6172" s="99"/>
      <c r="AT6172" s="99"/>
      <c r="AU6172" s="99"/>
      <c r="AV6172" s="99"/>
      <c r="AW6172" s="99"/>
      <c r="AX6172" s="99"/>
      <c r="AY6172" s="99"/>
      <c r="AZ6172" s="99"/>
      <c r="BA6172" s="99"/>
      <c r="BB6172" s="107">
        <v>45884</v>
      </c>
    </row>
    <row r="6173" spans="1:54" s="8" customFormat="1" ht="13.95" customHeight="1" x14ac:dyDescent="0.25">
      <c r="A6173" s="219" t="s">
        <v>14536</v>
      </c>
      <c r="B6173" s="220" t="s">
        <v>14192</v>
      </c>
      <c r="C6173" s="98" t="s">
        <v>14537</v>
      </c>
      <c r="D6173" s="98" t="s">
        <v>14538</v>
      </c>
      <c r="E6173" s="141">
        <v>2010</v>
      </c>
      <c r="F6173" s="141">
        <v>152</v>
      </c>
      <c r="G6173" s="98" t="s">
        <v>1</v>
      </c>
      <c r="H6173" s="98">
        <v>0</v>
      </c>
      <c r="I6173" s="98">
        <v>0</v>
      </c>
      <c r="J6173" s="98">
        <v>1</v>
      </c>
      <c r="K6173" s="98">
        <v>0</v>
      </c>
      <c r="L6173" s="98">
        <v>0</v>
      </c>
      <c r="M6173" s="98">
        <v>1</v>
      </c>
      <c r="N6173" s="98">
        <v>0</v>
      </c>
      <c r="O6173" s="98">
        <v>0</v>
      </c>
      <c r="P6173" s="98">
        <v>1</v>
      </c>
      <c r="Q6173" s="98">
        <v>0</v>
      </c>
      <c r="R6173" s="98">
        <v>0</v>
      </c>
      <c r="S6173" s="98">
        <v>0</v>
      </c>
      <c r="T6173" s="98">
        <v>0</v>
      </c>
      <c r="U6173" s="99"/>
      <c r="V6173" s="99"/>
      <c r="W6173" s="99"/>
      <c r="X6173" s="99"/>
      <c r="Y6173" s="99"/>
      <c r="Z6173" s="99"/>
      <c r="AA6173" s="99"/>
      <c r="AB6173" s="99"/>
      <c r="AC6173" s="99"/>
      <c r="AD6173" s="99"/>
      <c r="AE6173" s="99"/>
      <c r="AF6173" s="99"/>
      <c r="AG6173" s="99"/>
      <c r="AH6173" s="99"/>
      <c r="AI6173" s="99"/>
      <c r="AJ6173" s="99"/>
      <c r="AK6173" s="99"/>
      <c r="AL6173" s="99"/>
      <c r="AM6173" s="99"/>
      <c r="AN6173" s="99"/>
      <c r="AO6173" s="99"/>
      <c r="AP6173" s="99"/>
      <c r="AQ6173" s="99"/>
      <c r="AR6173" s="99"/>
      <c r="AS6173" s="99"/>
      <c r="AT6173" s="99"/>
      <c r="AU6173" s="99"/>
      <c r="AV6173" s="99"/>
      <c r="AW6173" s="99"/>
      <c r="AX6173" s="99"/>
      <c r="AY6173" s="99"/>
      <c r="AZ6173" s="99"/>
      <c r="BA6173" s="99"/>
      <c r="BB6173" s="107">
        <v>45884</v>
      </c>
    </row>
    <row r="6174" spans="1:54" s="8" customFormat="1" ht="13.95" customHeight="1" x14ac:dyDescent="0.25">
      <c r="A6174" s="219" t="s">
        <v>14539</v>
      </c>
      <c r="B6174" s="220" t="s">
        <v>14192</v>
      </c>
      <c r="C6174" s="98" t="s">
        <v>14540</v>
      </c>
      <c r="D6174" s="98" t="s">
        <v>14541</v>
      </c>
      <c r="E6174" s="141">
        <v>2003</v>
      </c>
      <c r="F6174" s="141">
        <v>352</v>
      </c>
      <c r="G6174" s="98" t="s">
        <v>1</v>
      </c>
      <c r="H6174" s="98">
        <v>0</v>
      </c>
      <c r="I6174" s="98">
        <v>0</v>
      </c>
      <c r="J6174" s="98">
        <v>1</v>
      </c>
      <c r="K6174" s="98">
        <v>0</v>
      </c>
      <c r="L6174" s="98">
        <v>1</v>
      </c>
      <c r="M6174" s="98">
        <v>0</v>
      </c>
      <c r="N6174" s="98">
        <v>0</v>
      </c>
      <c r="O6174" s="98">
        <v>1</v>
      </c>
      <c r="P6174" s="98">
        <v>1</v>
      </c>
      <c r="Q6174" s="98">
        <v>0</v>
      </c>
      <c r="R6174" s="98">
        <v>0</v>
      </c>
      <c r="S6174" s="98">
        <v>0</v>
      </c>
      <c r="T6174" s="98">
        <v>0</v>
      </c>
      <c r="U6174" s="99"/>
      <c r="V6174" s="99"/>
      <c r="W6174" s="99"/>
      <c r="X6174" s="99"/>
      <c r="Y6174" s="99"/>
      <c r="Z6174" s="99"/>
      <c r="AA6174" s="99"/>
      <c r="AB6174" s="99"/>
      <c r="AC6174" s="99"/>
      <c r="AD6174" s="99"/>
      <c r="AE6174" s="99"/>
      <c r="AF6174" s="99"/>
      <c r="AG6174" s="99"/>
      <c r="AH6174" s="99"/>
      <c r="AI6174" s="99"/>
      <c r="AJ6174" s="99"/>
      <c r="AK6174" s="99"/>
      <c r="AL6174" s="99"/>
      <c r="AM6174" s="99"/>
      <c r="AN6174" s="99"/>
      <c r="AO6174" s="99"/>
      <c r="AP6174" s="99"/>
      <c r="AQ6174" s="99"/>
      <c r="AR6174" s="99"/>
      <c r="AS6174" s="99"/>
      <c r="AT6174" s="99"/>
      <c r="AU6174" s="99"/>
      <c r="AV6174" s="99"/>
      <c r="AW6174" s="99"/>
      <c r="AX6174" s="99"/>
      <c r="AY6174" s="99"/>
      <c r="AZ6174" s="99"/>
      <c r="BA6174" s="99"/>
      <c r="BB6174" s="107">
        <v>45884</v>
      </c>
    </row>
    <row r="6175" spans="1:54" s="8" customFormat="1" ht="13.95" customHeight="1" x14ac:dyDescent="0.25">
      <c r="A6175" s="219" t="s">
        <v>14542</v>
      </c>
      <c r="B6175" s="220" t="s">
        <v>14192</v>
      </c>
      <c r="C6175" s="98" t="s">
        <v>14543</v>
      </c>
      <c r="D6175" s="98" t="s">
        <v>14544</v>
      </c>
      <c r="E6175" s="141">
        <v>1996</v>
      </c>
      <c r="F6175" s="141">
        <v>180</v>
      </c>
      <c r="G6175" s="98" t="s">
        <v>1</v>
      </c>
      <c r="H6175" s="98">
        <v>0</v>
      </c>
      <c r="I6175" s="98">
        <v>0</v>
      </c>
      <c r="J6175" s="98">
        <v>0</v>
      </c>
      <c r="K6175" s="98">
        <v>1</v>
      </c>
      <c r="L6175" s="98">
        <v>0</v>
      </c>
      <c r="M6175" s="98">
        <v>0</v>
      </c>
      <c r="N6175" s="98">
        <v>1</v>
      </c>
      <c r="O6175" s="98">
        <v>0</v>
      </c>
      <c r="P6175" s="98">
        <v>0</v>
      </c>
      <c r="Q6175" s="98">
        <v>0</v>
      </c>
      <c r="R6175" s="98">
        <v>0</v>
      </c>
      <c r="S6175" s="98">
        <v>0</v>
      </c>
      <c r="T6175" s="98">
        <v>0</v>
      </c>
      <c r="U6175" s="99"/>
      <c r="V6175" s="99"/>
      <c r="W6175" s="99"/>
      <c r="X6175" s="99"/>
      <c r="Y6175" s="99"/>
      <c r="Z6175" s="99"/>
      <c r="AA6175" s="99"/>
      <c r="AB6175" s="99"/>
      <c r="AC6175" s="99"/>
      <c r="AD6175" s="99"/>
      <c r="AE6175" s="99"/>
      <c r="AF6175" s="99"/>
      <c r="AG6175" s="99"/>
      <c r="AH6175" s="99"/>
      <c r="AI6175" s="99"/>
      <c r="AJ6175" s="99"/>
      <c r="AK6175" s="99"/>
      <c r="AL6175" s="99"/>
      <c r="AM6175" s="99"/>
      <c r="AN6175" s="99"/>
      <c r="AO6175" s="99"/>
      <c r="AP6175" s="99"/>
      <c r="AQ6175" s="99"/>
      <c r="AR6175" s="99"/>
      <c r="AS6175" s="99"/>
      <c r="AT6175" s="99"/>
      <c r="AU6175" s="99"/>
      <c r="AV6175" s="99"/>
      <c r="AW6175" s="99"/>
      <c r="AX6175" s="99"/>
      <c r="AY6175" s="99"/>
      <c r="AZ6175" s="99"/>
      <c r="BA6175" s="99"/>
      <c r="BB6175" s="107">
        <v>45884</v>
      </c>
    </row>
    <row r="6176" spans="1:54" s="8" customFormat="1" ht="13.95" customHeight="1" x14ac:dyDescent="0.25">
      <c r="A6176" s="219" t="s">
        <v>14545</v>
      </c>
      <c r="B6176" s="220" t="s">
        <v>14192</v>
      </c>
      <c r="C6176" s="98" t="s">
        <v>14546</v>
      </c>
      <c r="D6176" s="98" t="s">
        <v>14547</v>
      </c>
      <c r="E6176" s="141">
        <v>1973</v>
      </c>
      <c r="F6176" s="141">
        <v>675</v>
      </c>
      <c r="G6176" s="98" t="s">
        <v>1</v>
      </c>
      <c r="H6176" s="98">
        <v>0</v>
      </c>
      <c r="I6176" s="98">
        <v>0</v>
      </c>
      <c r="J6176" s="98">
        <v>0</v>
      </c>
      <c r="K6176" s="98">
        <v>0</v>
      </c>
      <c r="L6176" s="98">
        <v>0</v>
      </c>
      <c r="M6176" s="98">
        <v>0</v>
      </c>
      <c r="N6176" s="98">
        <v>0</v>
      </c>
      <c r="O6176" s="98">
        <v>0</v>
      </c>
      <c r="P6176" s="98">
        <v>0</v>
      </c>
      <c r="Q6176" s="98">
        <v>0</v>
      </c>
      <c r="R6176" s="98">
        <v>1</v>
      </c>
      <c r="S6176" s="98">
        <v>0</v>
      </c>
      <c r="T6176" s="98">
        <v>0</v>
      </c>
      <c r="U6176" s="99"/>
      <c r="V6176" s="99"/>
      <c r="W6176" s="99"/>
      <c r="X6176" s="99"/>
      <c r="Y6176" s="99"/>
      <c r="Z6176" s="99"/>
      <c r="AA6176" s="99"/>
      <c r="AB6176" s="99"/>
      <c r="AC6176" s="99"/>
      <c r="AD6176" s="99"/>
      <c r="AE6176" s="99"/>
      <c r="AF6176" s="99"/>
      <c r="AG6176" s="99"/>
      <c r="AH6176" s="99"/>
      <c r="AI6176" s="99"/>
      <c r="AJ6176" s="99"/>
      <c r="AK6176" s="99"/>
      <c r="AL6176" s="99"/>
      <c r="AM6176" s="99"/>
      <c r="AN6176" s="99"/>
      <c r="AO6176" s="99"/>
      <c r="AP6176" s="99"/>
      <c r="AQ6176" s="99"/>
      <c r="AR6176" s="99"/>
      <c r="AS6176" s="99"/>
      <c r="AT6176" s="99"/>
      <c r="AU6176" s="99"/>
      <c r="AV6176" s="99"/>
      <c r="AW6176" s="99"/>
      <c r="AX6176" s="99"/>
      <c r="AY6176" s="99"/>
      <c r="AZ6176" s="99"/>
      <c r="BA6176" s="99"/>
      <c r="BB6176" s="107">
        <v>45884</v>
      </c>
    </row>
    <row r="6177" spans="1:54" s="8" customFormat="1" ht="13.95" customHeight="1" x14ac:dyDescent="0.25">
      <c r="A6177" s="219" t="s">
        <v>14548</v>
      </c>
      <c r="B6177" s="220" t="s">
        <v>14192</v>
      </c>
      <c r="C6177" s="98" t="s">
        <v>14549</v>
      </c>
      <c r="D6177" s="98" t="s">
        <v>22255</v>
      </c>
      <c r="E6177" s="141">
        <v>1972</v>
      </c>
      <c r="F6177" s="141">
        <v>6521</v>
      </c>
      <c r="G6177" s="98" t="s">
        <v>1</v>
      </c>
      <c r="H6177" s="98">
        <v>0</v>
      </c>
      <c r="I6177" s="98">
        <v>0</v>
      </c>
      <c r="J6177" s="98">
        <v>1</v>
      </c>
      <c r="K6177" s="98">
        <v>0</v>
      </c>
      <c r="L6177" s="98">
        <v>0</v>
      </c>
      <c r="M6177" s="98">
        <v>0</v>
      </c>
      <c r="N6177" s="98">
        <v>1</v>
      </c>
      <c r="O6177" s="98">
        <v>1</v>
      </c>
      <c r="P6177" s="98">
        <v>1</v>
      </c>
      <c r="Q6177" s="98">
        <v>0</v>
      </c>
      <c r="R6177" s="98">
        <v>1</v>
      </c>
      <c r="S6177" s="98">
        <v>1</v>
      </c>
      <c r="T6177" s="98">
        <v>0</v>
      </c>
      <c r="U6177" s="99"/>
      <c r="V6177" s="99"/>
      <c r="W6177" s="99"/>
      <c r="X6177" s="99"/>
      <c r="Y6177" s="99"/>
      <c r="Z6177" s="99"/>
      <c r="AA6177" s="99"/>
      <c r="AB6177" s="99"/>
      <c r="AC6177" s="99"/>
      <c r="AD6177" s="99"/>
      <c r="AE6177" s="99"/>
      <c r="AF6177" s="99"/>
      <c r="AG6177" s="99"/>
      <c r="AH6177" s="99"/>
      <c r="AI6177" s="99"/>
      <c r="AJ6177" s="99"/>
      <c r="AK6177" s="99"/>
      <c r="AL6177" s="99"/>
      <c r="AM6177" s="99"/>
      <c r="AN6177" s="99"/>
      <c r="AO6177" s="99"/>
      <c r="AP6177" s="99"/>
      <c r="AQ6177" s="99"/>
      <c r="AR6177" s="99"/>
      <c r="AS6177" s="99"/>
      <c r="AT6177" s="99"/>
      <c r="AU6177" s="99"/>
      <c r="AV6177" s="99"/>
      <c r="AW6177" s="99"/>
      <c r="AX6177" s="99"/>
      <c r="AY6177" s="99"/>
      <c r="AZ6177" s="99"/>
      <c r="BA6177" s="99"/>
      <c r="BB6177" s="107">
        <v>45884</v>
      </c>
    </row>
    <row r="6178" spans="1:54" s="8" customFormat="1" ht="13.95" customHeight="1" x14ac:dyDescent="0.25">
      <c r="A6178" s="219" t="s">
        <v>14550</v>
      </c>
      <c r="B6178" s="220" t="s">
        <v>14192</v>
      </c>
      <c r="C6178" s="98" t="s">
        <v>14551</v>
      </c>
      <c r="D6178" s="98" t="s">
        <v>14552</v>
      </c>
      <c r="E6178" s="141">
        <v>2003</v>
      </c>
      <c r="F6178" s="141">
        <v>161</v>
      </c>
      <c r="G6178" s="98" t="s">
        <v>1</v>
      </c>
      <c r="H6178" s="98">
        <v>0</v>
      </c>
      <c r="I6178" s="98">
        <v>0</v>
      </c>
      <c r="J6178" s="98">
        <v>0</v>
      </c>
      <c r="K6178" s="98">
        <v>1</v>
      </c>
      <c r="L6178" s="98">
        <v>0</v>
      </c>
      <c r="M6178" s="98">
        <v>1</v>
      </c>
      <c r="N6178" s="98">
        <v>0</v>
      </c>
      <c r="O6178" s="98">
        <v>0</v>
      </c>
      <c r="P6178" s="98">
        <v>1</v>
      </c>
      <c r="Q6178" s="98">
        <v>0</v>
      </c>
      <c r="R6178" s="98">
        <v>0</v>
      </c>
      <c r="S6178" s="98">
        <v>0</v>
      </c>
      <c r="T6178" s="98">
        <v>0</v>
      </c>
      <c r="U6178" s="99"/>
      <c r="V6178" s="99"/>
      <c r="W6178" s="99"/>
      <c r="X6178" s="99"/>
      <c r="Y6178" s="99"/>
      <c r="Z6178" s="99"/>
      <c r="AA6178" s="99"/>
      <c r="AB6178" s="99"/>
      <c r="AC6178" s="99"/>
      <c r="AD6178" s="99"/>
      <c r="AE6178" s="99"/>
      <c r="AF6178" s="99"/>
      <c r="AG6178" s="99"/>
      <c r="AH6178" s="99"/>
      <c r="AI6178" s="99"/>
      <c r="AJ6178" s="99"/>
      <c r="AK6178" s="99"/>
      <c r="AL6178" s="99"/>
      <c r="AM6178" s="99"/>
      <c r="AN6178" s="99"/>
      <c r="AO6178" s="99"/>
      <c r="AP6178" s="99"/>
      <c r="AQ6178" s="99"/>
      <c r="AR6178" s="99"/>
      <c r="AS6178" s="99"/>
      <c r="AT6178" s="99"/>
      <c r="AU6178" s="99"/>
      <c r="AV6178" s="99"/>
      <c r="AW6178" s="99"/>
      <c r="AX6178" s="99"/>
      <c r="AY6178" s="99"/>
      <c r="AZ6178" s="99"/>
      <c r="BA6178" s="99"/>
      <c r="BB6178" s="107">
        <v>45884</v>
      </c>
    </row>
    <row r="6179" spans="1:54" s="8" customFormat="1" ht="13.95" customHeight="1" x14ac:dyDescent="0.25">
      <c r="A6179" s="219" t="s">
        <v>14553</v>
      </c>
      <c r="B6179" s="220" t="s">
        <v>14192</v>
      </c>
      <c r="C6179" s="98" t="s">
        <v>14554</v>
      </c>
      <c r="D6179" s="98" t="s">
        <v>14555</v>
      </c>
      <c r="E6179" s="141">
        <v>2004</v>
      </c>
      <c r="F6179" s="141">
        <v>150</v>
      </c>
      <c r="G6179" s="98" t="s">
        <v>1</v>
      </c>
      <c r="H6179" s="98">
        <v>0</v>
      </c>
      <c r="I6179" s="98">
        <v>0</v>
      </c>
      <c r="J6179" s="98">
        <v>1</v>
      </c>
      <c r="K6179" s="98">
        <v>0</v>
      </c>
      <c r="L6179" s="98">
        <v>0</v>
      </c>
      <c r="M6179" s="98">
        <v>1</v>
      </c>
      <c r="N6179" s="98">
        <v>0</v>
      </c>
      <c r="O6179" s="98">
        <v>0</v>
      </c>
      <c r="P6179" s="98">
        <v>0</v>
      </c>
      <c r="Q6179" s="98">
        <v>0</v>
      </c>
      <c r="R6179" s="98">
        <v>0</v>
      </c>
      <c r="S6179" s="98">
        <v>0</v>
      </c>
      <c r="T6179" s="98">
        <v>0</v>
      </c>
      <c r="U6179" s="99"/>
      <c r="V6179" s="99"/>
      <c r="W6179" s="99"/>
      <c r="X6179" s="99"/>
      <c r="Y6179" s="99"/>
      <c r="Z6179" s="99"/>
      <c r="AA6179" s="99"/>
      <c r="AB6179" s="99"/>
      <c r="AC6179" s="99"/>
      <c r="AD6179" s="99"/>
      <c r="AE6179" s="99"/>
      <c r="AF6179" s="99"/>
      <c r="AG6179" s="99"/>
      <c r="AH6179" s="99"/>
      <c r="AI6179" s="99"/>
      <c r="AJ6179" s="99"/>
      <c r="AK6179" s="99"/>
      <c r="AL6179" s="99"/>
      <c r="AM6179" s="99"/>
      <c r="AN6179" s="99"/>
      <c r="AO6179" s="99"/>
      <c r="AP6179" s="99"/>
      <c r="AQ6179" s="99"/>
      <c r="AR6179" s="99"/>
      <c r="AS6179" s="99"/>
      <c r="AT6179" s="99"/>
      <c r="AU6179" s="99"/>
      <c r="AV6179" s="99"/>
      <c r="AW6179" s="99"/>
      <c r="AX6179" s="99"/>
      <c r="AY6179" s="99"/>
      <c r="AZ6179" s="99"/>
      <c r="BA6179" s="99"/>
      <c r="BB6179" s="107">
        <v>45884</v>
      </c>
    </row>
    <row r="6180" spans="1:54" s="8" customFormat="1" ht="13.95" customHeight="1" x14ac:dyDescent="0.25">
      <c r="A6180" s="219" t="s">
        <v>14556</v>
      </c>
      <c r="B6180" s="220" t="s">
        <v>14192</v>
      </c>
      <c r="C6180" s="98" t="s">
        <v>14557</v>
      </c>
      <c r="D6180" s="98" t="s">
        <v>14558</v>
      </c>
      <c r="E6180" s="141">
        <v>2006</v>
      </c>
      <c r="F6180" s="141">
        <v>417</v>
      </c>
      <c r="G6180" s="98" t="s">
        <v>1</v>
      </c>
      <c r="H6180" s="98">
        <v>0</v>
      </c>
      <c r="I6180" s="98">
        <v>0</v>
      </c>
      <c r="J6180" s="98">
        <v>1</v>
      </c>
      <c r="K6180" s="98">
        <v>0</v>
      </c>
      <c r="L6180" s="98">
        <v>0</v>
      </c>
      <c r="M6180" s="98">
        <v>0</v>
      </c>
      <c r="N6180" s="98">
        <v>0</v>
      </c>
      <c r="O6180" s="98">
        <v>1</v>
      </c>
      <c r="P6180" s="98">
        <v>1</v>
      </c>
      <c r="Q6180" s="98">
        <v>0</v>
      </c>
      <c r="R6180" s="98">
        <v>1</v>
      </c>
      <c r="S6180" s="98">
        <v>1</v>
      </c>
      <c r="T6180" s="98">
        <v>0</v>
      </c>
      <c r="U6180" s="99"/>
      <c r="V6180" s="99"/>
      <c r="W6180" s="99"/>
      <c r="X6180" s="99"/>
      <c r="Y6180" s="99"/>
      <c r="Z6180" s="99"/>
      <c r="AA6180" s="99"/>
      <c r="AB6180" s="99"/>
      <c r="AC6180" s="99"/>
      <c r="AD6180" s="99"/>
      <c r="AE6180" s="99"/>
      <c r="AF6180" s="99"/>
      <c r="AG6180" s="99"/>
      <c r="AH6180" s="99"/>
      <c r="AI6180" s="99"/>
      <c r="AJ6180" s="99"/>
      <c r="AK6180" s="99"/>
      <c r="AL6180" s="99"/>
      <c r="AM6180" s="99"/>
      <c r="AN6180" s="99"/>
      <c r="AO6180" s="99"/>
      <c r="AP6180" s="99"/>
      <c r="AQ6180" s="99"/>
      <c r="AR6180" s="99"/>
      <c r="AS6180" s="99"/>
      <c r="AT6180" s="99"/>
      <c r="AU6180" s="99"/>
      <c r="AV6180" s="99"/>
      <c r="AW6180" s="99"/>
      <c r="AX6180" s="99"/>
      <c r="AY6180" s="99"/>
      <c r="AZ6180" s="99"/>
      <c r="BA6180" s="99"/>
      <c r="BB6180" s="107">
        <v>45884</v>
      </c>
    </row>
    <row r="6181" spans="1:54" s="8" customFormat="1" ht="13.95" customHeight="1" x14ac:dyDescent="0.25">
      <c r="A6181" s="219" t="s">
        <v>14559</v>
      </c>
      <c r="B6181" s="220" t="s">
        <v>14192</v>
      </c>
      <c r="C6181" s="98" t="s">
        <v>14560</v>
      </c>
      <c r="D6181" s="98" t="s">
        <v>14561</v>
      </c>
      <c r="E6181" s="141">
        <v>2008</v>
      </c>
      <c r="F6181" s="141">
        <v>283</v>
      </c>
      <c r="G6181" s="98" t="s">
        <v>1</v>
      </c>
      <c r="H6181" s="98">
        <v>0</v>
      </c>
      <c r="I6181" s="98">
        <v>0</v>
      </c>
      <c r="J6181" s="98">
        <v>1</v>
      </c>
      <c r="K6181" s="98">
        <v>0</v>
      </c>
      <c r="L6181" s="98">
        <v>0</v>
      </c>
      <c r="M6181" s="98">
        <v>0</v>
      </c>
      <c r="N6181" s="98">
        <v>0</v>
      </c>
      <c r="O6181" s="98">
        <v>1</v>
      </c>
      <c r="P6181" s="98">
        <v>1</v>
      </c>
      <c r="Q6181" s="98">
        <v>0</v>
      </c>
      <c r="R6181" s="223">
        <v>0</v>
      </c>
      <c r="S6181" s="223">
        <v>1</v>
      </c>
      <c r="T6181" s="98">
        <v>0</v>
      </c>
      <c r="U6181" s="99"/>
      <c r="V6181" s="99"/>
      <c r="W6181" s="99"/>
      <c r="X6181" s="99"/>
      <c r="Y6181" s="99"/>
      <c r="Z6181" s="99"/>
      <c r="AA6181" s="99"/>
      <c r="AB6181" s="99"/>
      <c r="AC6181" s="99"/>
      <c r="AD6181" s="99"/>
      <c r="AE6181" s="99"/>
      <c r="AF6181" s="99"/>
      <c r="AG6181" s="99"/>
      <c r="AH6181" s="99"/>
      <c r="AI6181" s="99"/>
      <c r="AJ6181" s="99"/>
      <c r="AK6181" s="99"/>
      <c r="AL6181" s="99"/>
      <c r="AM6181" s="99"/>
      <c r="AN6181" s="99"/>
      <c r="AO6181" s="99"/>
      <c r="AP6181" s="99"/>
      <c r="AQ6181" s="99"/>
      <c r="AR6181" s="99"/>
      <c r="AS6181" s="99"/>
      <c r="AT6181" s="99"/>
      <c r="AU6181" s="99"/>
      <c r="AV6181" s="99"/>
      <c r="AW6181" s="99"/>
      <c r="AX6181" s="99"/>
      <c r="AY6181" s="99"/>
      <c r="AZ6181" s="99"/>
      <c r="BA6181" s="99"/>
      <c r="BB6181" s="107">
        <v>45884</v>
      </c>
    </row>
    <row r="6182" spans="1:54" s="8" customFormat="1" ht="13.95" customHeight="1" x14ac:dyDescent="0.25">
      <c r="A6182" s="219" t="s">
        <v>14562</v>
      </c>
      <c r="B6182" s="220" t="s">
        <v>14192</v>
      </c>
      <c r="C6182" s="98" t="s">
        <v>14563</v>
      </c>
      <c r="D6182" s="98" t="s">
        <v>14564</v>
      </c>
      <c r="E6182" s="141">
        <v>1980</v>
      </c>
      <c r="F6182" s="141">
        <v>206</v>
      </c>
      <c r="G6182" s="98" t="s">
        <v>1</v>
      </c>
      <c r="H6182" s="98">
        <v>0</v>
      </c>
      <c r="I6182" s="98">
        <v>0</v>
      </c>
      <c r="J6182" s="98">
        <v>0</v>
      </c>
      <c r="K6182" s="98">
        <v>0</v>
      </c>
      <c r="L6182" s="98">
        <v>1</v>
      </c>
      <c r="M6182" s="98">
        <v>0</v>
      </c>
      <c r="N6182" s="98">
        <v>1</v>
      </c>
      <c r="O6182" s="98">
        <v>1</v>
      </c>
      <c r="P6182" s="98">
        <v>1</v>
      </c>
      <c r="Q6182" s="98">
        <v>0</v>
      </c>
      <c r="R6182" s="98">
        <v>0</v>
      </c>
      <c r="S6182" s="98">
        <v>0</v>
      </c>
      <c r="T6182" s="98">
        <v>0</v>
      </c>
      <c r="U6182" s="99"/>
      <c r="V6182" s="99"/>
      <c r="W6182" s="99"/>
      <c r="X6182" s="99"/>
      <c r="Y6182" s="99"/>
      <c r="Z6182" s="99"/>
      <c r="AA6182" s="99"/>
      <c r="AB6182" s="99"/>
      <c r="AC6182" s="99"/>
      <c r="AD6182" s="99"/>
      <c r="AE6182" s="99"/>
      <c r="AF6182" s="99"/>
      <c r="AG6182" s="99"/>
      <c r="AH6182" s="99"/>
      <c r="AI6182" s="99"/>
      <c r="AJ6182" s="99"/>
      <c r="AK6182" s="99"/>
      <c r="AL6182" s="99"/>
      <c r="AM6182" s="99"/>
      <c r="AN6182" s="99"/>
      <c r="AO6182" s="99"/>
      <c r="AP6182" s="99"/>
      <c r="AQ6182" s="99"/>
      <c r="AR6182" s="99"/>
      <c r="AS6182" s="99"/>
      <c r="AT6182" s="99"/>
      <c r="AU6182" s="99"/>
      <c r="AV6182" s="99"/>
      <c r="AW6182" s="99"/>
      <c r="AX6182" s="99"/>
      <c r="AY6182" s="99"/>
      <c r="AZ6182" s="99"/>
      <c r="BA6182" s="99"/>
      <c r="BB6182" s="107">
        <v>45884</v>
      </c>
    </row>
    <row r="6183" spans="1:54" s="8" customFormat="1" ht="13.95" customHeight="1" x14ac:dyDescent="0.25">
      <c r="A6183" s="219" t="s">
        <v>14565</v>
      </c>
      <c r="B6183" s="220" t="s">
        <v>14192</v>
      </c>
      <c r="C6183" s="98" t="s">
        <v>14566</v>
      </c>
      <c r="D6183" s="98" t="s">
        <v>14567</v>
      </c>
      <c r="E6183" s="141">
        <v>1996</v>
      </c>
      <c r="F6183" s="141">
        <v>1019</v>
      </c>
      <c r="G6183" s="98" t="s">
        <v>1</v>
      </c>
      <c r="H6183" s="98">
        <v>1</v>
      </c>
      <c r="I6183" s="98">
        <v>0</v>
      </c>
      <c r="J6183" s="98">
        <v>1</v>
      </c>
      <c r="K6183" s="98">
        <v>0</v>
      </c>
      <c r="L6183" s="98">
        <v>0</v>
      </c>
      <c r="M6183" s="98">
        <v>1</v>
      </c>
      <c r="N6183" s="98">
        <v>0</v>
      </c>
      <c r="O6183" s="98">
        <v>0</v>
      </c>
      <c r="P6183" s="98">
        <v>0</v>
      </c>
      <c r="Q6183" s="98">
        <v>0</v>
      </c>
      <c r="R6183" s="98">
        <v>0</v>
      </c>
      <c r="S6183" s="98">
        <v>0</v>
      </c>
      <c r="T6183" s="98">
        <v>0</v>
      </c>
      <c r="U6183" s="99"/>
      <c r="V6183" s="99"/>
      <c r="W6183" s="99"/>
      <c r="X6183" s="99"/>
      <c r="Y6183" s="99"/>
      <c r="Z6183" s="99"/>
      <c r="AA6183" s="99"/>
      <c r="AB6183" s="99"/>
      <c r="AC6183" s="99"/>
      <c r="AD6183" s="99"/>
      <c r="AE6183" s="99"/>
      <c r="AF6183" s="99"/>
      <c r="AG6183" s="99"/>
      <c r="AH6183" s="99"/>
      <c r="AI6183" s="99"/>
      <c r="AJ6183" s="99"/>
      <c r="AK6183" s="99"/>
      <c r="AL6183" s="99"/>
      <c r="AM6183" s="99"/>
      <c r="AN6183" s="99"/>
      <c r="AO6183" s="99"/>
      <c r="AP6183" s="99"/>
      <c r="AQ6183" s="99"/>
      <c r="AR6183" s="99"/>
      <c r="AS6183" s="99"/>
      <c r="AT6183" s="99"/>
      <c r="AU6183" s="99"/>
      <c r="AV6183" s="99"/>
      <c r="AW6183" s="99"/>
      <c r="AX6183" s="99"/>
      <c r="AY6183" s="99"/>
      <c r="AZ6183" s="99"/>
      <c r="BA6183" s="99"/>
      <c r="BB6183" s="107">
        <v>45884</v>
      </c>
    </row>
    <row r="6184" spans="1:54" s="8" customFormat="1" ht="13.95" customHeight="1" x14ac:dyDescent="0.25">
      <c r="A6184" s="219" t="s">
        <v>14568</v>
      </c>
      <c r="B6184" s="220" t="s">
        <v>14192</v>
      </c>
      <c r="C6184" s="98" t="s">
        <v>14569</v>
      </c>
      <c r="D6184" s="98" t="s">
        <v>14570</v>
      </c>
      <c r="E6184" s="141">
        <v>1979</v>
      </c>
      <c r="F6184" s="141">
        <v>150</v>
      </c>
      <c r="G6184" s="98" t="s">
        <v>1</v>
      </c>
      <c r="H6184" s="98">
        <v>0</v>
      </c>
      <c r="I6184" s="98">
        <v>0</v>
      </c>
      <c r="J6184" s="98">
        <v>0</v>
      </c>
      <c r="K6184" s="98">
        <v>0</v>
      </c>
      <c r="L6184" s="98">
        <v>1</v>
      </c>
      <c r="M6184" s="98">
        <v>0</v>
      </c>
      <c r="N6184" s="98">
        <v>0</v>
      </c>
      <c r="O6184" s="98">
        <v>1</v>
      </c>
      <c r="P6184" s="98">
        <v>0</v>
      </c>
      <c r="Q6184" s="98">
        <v>0</v>
      </c>
      <c r="R6184" s="98">
        <v>0</v>
      </c>
      <c r="S6184" s="98">
        <v>0</v>
      </c>
      <c r="T6184" s="98">
        <v>0</v>
      </c>
      <c r="U6184" s="99"/>
      <c r="V6184" s="99"/>
      <c r="W6184" s="99"/>
      <c r="X6184" s="99"/>
      <c r="Y6184" s="99"/>
      <c r="Z6184" s="99"/>
      <c r="AA6184" s="99"/>
      <c r="AB6184" s="99"/>
      <c r="AC6184" s="99"/>
      <c r="AD6184" s="99"/>
      <c r="AE6184" s="99"/>
      <c r="AF6184" s="99"/>
      <c r="AG6184" s="99"/>
      <c r="AH6184" s="99"/>
      <c r="AI6184" s="99"/>
      <c r="AJ6184" s="99"/>
      <c r="AK6184" s="99"/>
      <c r="AL6184" s="99"/>
      <c r="AM6184" s="99"/>
      <c r="AN6184" s="99"/>
      <c r="AO6184" s="99"/>
      <c r="AP6184" s="99"/>
      <c r="AQ6184" s="99"/>
      <c r="AR6184" s="99"/>
      <c r="AS6184" s="99"/>
      <c r="AT6184" s="99"/>
      <c r="AU6184" s="99"/>
      <c r="AV6184" s="99"/>
      <c r="AW6184" s="99"/>
      <c r="AX6184" s="99"/>
      <c r="AY6184" s="99"/>
      <c r="AZ6184" s="99"/>
      <c r="BA6184" s="99"/>
      <c r="BB6184" s="107">
        <v>45884</v>
      </c>
    </row>
    <row r="6185" spans="1:54" s="8" customFormat="1" ht="13.95" customHeight="1" x14ac:dyDescent="0.25">
      <c r="A6185" s="219" t="s">
        <v>14571</v>
      </c>
      <c r="B6185" s="220" t="s">
        <v>14192</v>
      </c>
      <c r="C6185" s="98" t="s">
        <v>14572</v>
      </c>
      <c r="D6185" s="98" t="s">
        <v>14573</v>
      </c>
      <c r="E6185" s="141">
        <v>1982</v>
      </c>
      <c r="F6185" s="141">
        <v>283</v>
      </c>
      <c r="G6185" s="98" t="s">
        <v>1</v>
      </c>
      <c r="H6185" s="98">
        <v>0</v>
      </c>
      <c r="I6185" s="98">
        <v>0</v>
      </c>
      <c r="J6185" s="98">
        <v>1</v>
      </c>
      <c r="K6185" s="98">
        <v>0</v>
      </c>
      <c r="L6185" s="98">
        <v>1</v>
      </c>
      <c r="M6185" s="98">
        <v>0</v>
      </c>
      <c r="N6185" s="98">
        <v>0</v>
      </c>
      <c r="O6185" s="98">
        <v>1</v>
      </c>
      <c r="P6185" s="98">
        <v>1</v>
      </c>
      <c r="Q6185" s="98">
        <v>0</v>
      </c>
      <c r="R6185" s="98">
        <v>0</v>
      </c>
      <c r="S6185" s="98">
        <v>0</v>
      </c>
      <c r="T6185" s="98">
        <v>0</v>
      </c>
      <c r="U6185" s="99"/>
      <c r="V6185" s="99"/>
      <c r="W6185" s="99"/>
      <c r="X6185" s="99"/>
      <c r="Y6185" s="99"/>
      <c r="Z6185" s="99"/>
      <c r="AA6185" s="99"/>
      <c r="AB6185" s="99"/>
      <c r="AC6185" s="99"/>
      <c r="AD6185" s="99"/>
      <c r="AE6185" s="99"/>
      <c r="AF6185" s="99"/>
      <c r="AG6185" s="99"/>
      <c r="AH6185" s="99"/>
      <c r="AI6185" s="99"/>
      <c r="AJ6185" s="99"/>
      <c r="AK6185" s="99"/>
      <c r="AL6185" s="99"/>
      <c r="AM6185" s="99"/>
      <c r="AN6185" s="99"/>
      <c r="AO6185" s="99"/>
      <c r="AP6185" s="99"/>
      <c r="AQ6185" s="99"/>
      <c r="AR6185" s="99"/>
      <c r="AS6185" s="99"/>
      <c r="AT6185" s="99"/>
      <c r="AU6185" s="99"/>
      <c r="AV6185" s="99"/>
      <c r="AW6185" s="99"/>
      <c r="AX6185" s="99"/>
      <c r="AY6185" s="99"/>
      <c r="AZ6185" s="99"/>
      <c r="BA6185" s="99"/>
      <c r="BB6185" s="107">
        <v>45884</v>
      </c>
    </row>
    <row r="6186" spans="1:54" s="8" customFormat="1" ht="13.95" customHeight="1" x14ac:dyDescent="0.25">
      <c r="A6186" s="219" t="s">
        <v>14574</v>
      </c>
      <c r="B6186" s="220" t="s">
        <v>14192</v>
      </c>
      <c r="C6186" s="98" t="s">
        <v>14575</v>
      </c>
      <c r="D6186" s="98" t="s">
        <v>14295</v>
      </c>
      <c r="E6186" s="141">
        <v>1980</v>
      </c>
      <c r="F6186" s="141">
        <v>189</v>
      </c>
      <c r="G6186" s="98" t="s">
        <v>1</v>
      </c>
      <c r="H6186" s="98">
        <v>0</v>
      </c>
      <c r="I6186" s="98">
        <v>0</v>
      </c>
      <c r="J6186" s="98">
        <v>0</v>
      </c>
      <c r="K6186" s="98">
        <v>0</v>
      </c>
      <c r="L6186" s="98">
        <v>1</v>
      </c>
      <c r="M6186" s="98">
        <v>0</v>
      </c>
      <c r="N6186" s="98">
        <v>0</v>
      </c>
      <c r="O6186" s="98">
        <v>1</v>
      </c>
      <c r="P6186" s="98">
        <v>1</v>
      </c>
      <c r="Q6186" s="98">
        <v>0</v>
      </c>
      <c r="R6186" s="98">
        <v>0</v>
      </c>
      <c r="S6186" s="98">
        <v>1</v>
      </c>
      <c r="T6186" s="98">
        <v>0</v>
      </c>
      <c r="U6186" s="99"/>
      <c r="V6186" s="99"/>
      <c r="W6186" s="99"/>
      <c r="X6186" s="99"/>
      <c r="Y6186" s="99"/>
      <c r="Z6186" s="99"/>
      <c r="AA6186" s="99"/>
      <c r="AB6186" s="99"/>
      <c r="AC6186" s="99"/>
      <c r="AD6186" s="99"/>
      <c r="AE6186" s="99"/>
      <c r="AF6186" s="99"/>
      <c r="AG6186" s="99"/>
      <c r="AH6186" s="99"/>
      <c r="AI6186" s="99"/>
      <c r="AJ6186" s="99"/>
      <c r="AK6186" s="99"/>
      <c r="AL6186" s="99"/>
      <c r="AM6186" s="99"/>
      <c r="AN6186" s="99"/>
      <c r="AO6186" s="99"/>
      <c r="AP6186" s="99"/>
      <c r="AQ6186" s="99"/>
      <c r="AR6186" s="99"/>
      <c r="AS6186" s="99"/>
      <c r="AT6186" s="99"/>
      <c r="AU6186" s="99"/>
      <c r="AV6186" s="99"/>
      <c r="AW6186" s="99"/>
      <c r="AX6186" s="99"/>
      <c r="AY6186" s="99"/>
      <c r="AZ6186" s="99"/>
      <c r="BA6186" s="99"/>
      <c r="BB6186" s="107">
        <v>45884</v>
      </c>
    </row>
    <row r="6187" spans="1:54" s="8" customFormat="1" ht="13.95" customHeight="1" x14ac:dyDescent="0.25">
      <c r="A6187" s="219" t="s">
        <v>14576</v>
      </c>
      <c r="B6187" s="220" t="s">
        <v>14192</v>
      </c>
      <c r="C6187" s="98" t="s">
        <v>14577</v>
      </c>
      <c r="D6187" s="98" t="s">
        <v>14578</v>
      </c>
      <c r="E6187" s="141">
        <v>2002</v>
      </c>
      <c r="F6187" s="141">
        <v>31568</v>
      </c>
      <c r="G6187" s="98" t="s">
        <v>20299</v>
      </c>
      <c r="H6187" s="98">
        <v>0</v>
      </c>
      <c r="I6187" s="98">
        <v>0</v>
      </c>
      <c r="J6187" s="98">
        <v>0</v>
      </c>
      <c r="K6187" s="98">
        <v>0</v>
      </c>
      <c r="L6187" s="98">
        <v>0</v>
      </c>
      <c r="M6187" s="98">
        <v>0</v>
      </c>
      <c r="N6187" s="98">
        <v>0</v>
      </c>
      <c r="O6187" s="98">
        <v>0</v>
      </c>
      <c r="P6187" s="98">
        <v>0</v>
      </c>
      <c r="Q6187" s="98">
        <v>0</v>
      </c>
      <c r="R6187" s="98">
        <v>0</v>
      </c>
      <c r="S6187" s="98">
        <v>0</v>
      </c>
      <c r="T6187" s="98">
        <v>0</v>
      </c>
      <c r="U6187" s="98">
        <v>0</v>
      </c>
      <c r="V6187" s="98">
        <v>0</v>
      </c>
      <c r="W6187" s="98">
        <v>0</v>
      </c>
      <c r="X6187" s="98">
        <v>0</v>
      </c>
      <c r="Y6187" s="98">
        <v>0</v>
      </c>
      <c r="Z6187" s="98">
        <v>0</v>
      </c>
      <c r="AA6187" s="98">
        <v>0</v>
      </c>
      <c r="AB6187" s="98">
        <v>0</v>
      </c>
      <c r="AC6187" s="98">
        <v>0</v>
      </c>
      <c r="AD6187" s="98">
        <v>0</v>
      </c>
      <c r="AE6187" s="98">
        <v>0</v>
      </c>
      <c r="AF6187" s="98">
        <v>0</v>
      </c>
      <c r="AG6187" s="98">
        <v>0</v>
      </c>
      <c r="AH6187" s="98">
        <v>0</v>
      </c>
      <c r="AI6187" s="98">
        <v>0</v>
      </c>
      <c r="AJ6187" s="98">
        <v>0</v>
      </c>
      <c r="AK6187" s="98">
        <v>0</v>
      </c>
      <c r="AL6187" s="98">
        <v>0</v>
      </c>
      <c r="AM6187" s="98">
        <v>0</v>
      </c>
      <c r="AN6187" s="98">
        <v>0</v>
      </c>
      <c r="AO6187" s="98">
        <v>0</v>
      </c>
      <c r="AP6187" s="98">
        <v>0</v>
      </c>
      <c r="AQ6187" s="98">
        <v>0</v>
      </c>
      <c r="AR6187" s="98">
        <v>0</v>
      </c>
      <c r="AS6187" s="98">
        <v>0</v>
      </c>
      <c r="AT6187" s="129" t="s">
        <v>174</v>
      </c>
      <c r="AU6187" s="98">
        <v>1</v>
      </c>
      <c r="AV6187" s="98">
        <v>0</v>
      </c>
      <c r="AW6187" s="98">
        <v>0</v>
      </c>
      <c r="AX6187" s="144"/>
      <c r="AY6187" s="144"/>
      <c r="AZ6187" s="144"/>
      <c r="BA6187" s="144" t="s">
        <v>14579</v>
      </c>
      <c r="BB6187" s="107">
        <v>45884</v>
      </c>
    </row>
    <row r="6188" spans="1:54" s="8" customFormat="1" ht="13.95" customHeight="1" x14ac:dyDescent="0.25">
      <c r="A6188" s="219" t="s">
        <v>14580</v>
      </c>
      <c r="B6188" s="220" t="s">
        <v>14192</v>
      </c>
      <c r="C6188" s="98" t="s">
        <v>14581</v>
      </c>
      <c r="D6188" s="98" t="s">
        <v>22256</v>
      </c>
      <c r="E6188" s="141">
        <v>1995</v>
      </c>
      <c r="F6188" s="141">
        <v>42188</v>
      </c>
      <c r="G6188" s="98" t="s">
        <v>10</v>
      </c>
      <c r="H6188" s="98">
        <v>1</v>
      </c>
      <c r="I6188" s="98">
        <v>1</v>
      </c>
      <c r="J6188" s="98">
        <v>1</v>
      </c>
      <c r="K6188" s="98">
        <v>0</v>
      </c>
      <c r="L6188" s="98">
        <v>0</v>
      </c>
      <c r="M6188" s="98">
        <v>0</v>
      </c>
      <c r="N6188" s="98">
        <v>0</v>
      </c>
      <c r="O6188" s="98">
        <v>0</v>
      </c>
      <c r="P6188" s="98">
        <v>1</v>
      </c>
      <c r="Q6188" s="98">
        <v>0</v>
      </c>
      <c r="R6188" s="98">
        <v>0</v>
      </c>
      <c r="S6188" s="98">
        <v>0</v>
      </c>
      <c r="T6188" s="98">
        <v>0</v>
      </c>
      <c r="U6188" s="98">
        <v>0</v>
      </c>
      <c r="V6188" s="98">
        <v>0</v>
      </c>
      <c r="W6188" s="98">
        <v>0</v>
      </c>
      <c r="X6188" s="98">
        <v>1</v>
      </c>
      <c r="Y6188" s="98">
        <v>0</v>
      </c>
      <c r="Z6188" s="98">
        <v>0</v>
      </c>
      <c r="AA6188" s="98">
        <v>0</v>
      </c>
      <c r="AB6188" s="98">
        <v>0</v>
      </c>
      <c r="AC6188" s="98">
        <v>0</v>
      </c>
      <c r="AD6188" s="98">
        <v>0</v>
      </c>
      <c r="AE6188" s="98">
        <v>0</v>
      </c>
      <c r="AF6188" s="98">
        <v>0</v>
      </c>
      <c r="AG6188" s="98">
        <v>0</v>
      </c>
      <c r="AH6188" s="98">
        <v>0</v>
      </c>
      <c r="AI6188" s="98">
        <v>0</v>
      </c>
      <c r="AJ6188" s="98">
        <v>0</v>
      </c>
      <c r="AK6188" s="98">
        <v>0</v>
      </c>
      <c r="AL6188" s="98">
        <v>0</v>
      </c>
      <c r="AM6188" s="98">
        <v>1</v>
      </c>
      <c r="AN6188" s="98">
        <v>1</v>
      </c>
      <c r="AO6188" s="98">
        <v>1</v>
      </c>
      <c r="AP6188" s="98">
        <v>0</v>
      </c>
      <c r="AQ6188" s="98">
        <v>0</v>
      </c>
      <c r="AR6188" s="98">
        <v>1</v>
      </c>
      <c r="AS6188" s="98">
        <v>0</v>
      </c>
      <c r="AT6188" s="129" t="s">
        <v>174</v>
      </c>
      <c r="AU6188" s="98">
        <v>1</v>
      </c>
      <c r="AV6188" s="98">
        <v>0</v>
      </c>
      <c r="AW6188" s="98">
        <v>0</v>
      </c>
      <c r="AX6188" s="144" t="s">
        <v>14582</v>
      </c>
      <c r="AY6188" s="144" t="s">
        <v>14583</v>
      </c>
      <c r="AZ6188" s="144"/>
      <c r="BA6188" s="144" t="s">
        <v>14584</v>
      </c>
      <c r="BB6188" s="107">
        <v>45884</v>
      </c>
    </row>
    <row r="6189" spans="1:54" s="8" customFormat="1" ht="13.95" customHeight="1" x14ac:dyDescent="0.25">
      <c r="A6189" s="219" t="s">
        <v>14585</v>
      </c>
      <c r="B6189" s="220" t="s">
        <v>14192</v>
      </c>
      <c r="C6189" s="98" t="s">
        <v>14586</v>
      </c>
      <c r="D6189" s="98" t="s">
        <v>22036</v>
      </c>
      <c r="E6189" s="141">
        <v>1990</v>
      </c>
      <c r="F6189" s="141">
        <v>46487</v>
      </c>
      <c r="G6189" s="98" t="s">
        <v>10</v>
      </c>
      <c r="H6189" s="98">
        <v>1</v>
      </c>
      <c r="I6189" s="98">
        <v>1</v>
      </c>
      <c r="J6189" s="98">
        <v>1</v>
      </c>
      <c r="K6189" s="98">
        <v>0</v>
      </c>
      <c r="L6189" s="98">
        <v>0</v>
      </c>
      <c r="M6189" s="98">
        <v>0</v>
      </c>
      <c r="N6189" s="98">
        <v>0</v>
      </c>
      <c r="O6189" s="98">
        <v>0</v>
      </c>
      <c r="P6189" s="98">
        <v>0</v>
      </c>
      <c r="Q6189" s="98">
        <v>0</v>
      </c>
      <c r="R6189" s="98">
        <v>0</v>
      </c>
      <c r="S6189" s="98">
        <v>0</v>
      </c>
      <c r="T6189" s="98">
        <v>0</v>
      </c>
      <c r="U6189" s="98">
        <v>0</v>
      </c>
      <c r="V6189" s="98">
        <v>0</v>
      </c>
      <c r="W6189" s="98">
        <v>1</v>
      </c>
      <c r="X6189" s="98">
        <v>0</v>
      </c>
      <c r="Y6189" s="98">
        <v>0</v>
      </c>
      <c r="Z6189" s="98">
        <v>0</v>
      </c>
      <c r="AA6189" s="98">
        <v>0</v>
      </c>
      <c r="AB6189" s="98">
        <v>0</v>
      </c>
      <c r="AC6189" s="98">
        <v>0</v>
      </c>
      <c r="AD6189" s="98">
        <v>0</v>
      </c>
      <c r="AE6189" s="98">
        <v>0</v>
      </c>
      <c r="AF6189" s="98">
        <v>0</v>
      </c>
      <c r="AG6189" s="98">
        <v>0</v>
      </c>
      <c r="AH6189" s="98">
        <v>0</v>
      </c>
      <c r="AI6189" s="98">
        <v>0</v>
      </c>
      <c r="AJ6189" s="98">
        <v>0</v>
      </c>
      <c r="AK6189" s="98">
        <v>0</v>
      </c>
      <c r="AL6189" s="98">
        <v>0</v>
      </c>
      <c r="AM6189" s="98">
        <v>0</v>
      </c>
      <c r="AN6189" s="98">
        <v>0</v>
      </c>
      <c r="AO6189" s="98">
        <v>0</v>
      </c>
      <c r="AP6189" s="98">
        <v>0</v>
      </c>
      <c r="AQ6189" s="98">
        <v>0</v>
      </c>
      <c r="AR6189" s="98">
        <v>0</v>
      </c>
      <c r="AS6189" s="98">
        <v>0</v>
      </c>
      <c r="AT6189" s="129" t="s">
        <v>174</v>
      </c>
      <c r="AU6189" s="98">
        <v>0</v>
      </c>
      <c r="AV6189" s="98">
        <v>1</v>
      </c>
      <c r="AW6189" s="98">
        <v>0</v>
      </c>
      <c r="AX6189" s="144"/>
      <c r="AY6189" s="144"/>
      <c r="AZ6189" s="144"/>
      <c r="BA6189" s="144"/>
      <c r="BB6189" s="107">
        <v>45884</v>
      </c>
    </row>
    <row r="6190" spans="1:54" s="8" customFormat="1" ht="13.95" customHeight="1" x14ac:dyDescent="0.25">
      <c r="A6190" s="219" t="s">
        <v>14587</v>
      </c>
      <c r="B6190" s="220" t="s">
        <v>14192</v>
      </c>
      <c r="C6190" s="98" t="s">
        <v>14588</v>
      </c>
      <c r="D6190" s="98" t="s">
        <v>14589</v>
      </c>
      <c r="E6190" s="141">
        <v>1990</v>
      </c>
      <c r="F6190" s="141">
        <v>99186</v>
      </c>
      <c r="G6190" s="98" t="s">
        <v>6</v>
      </c>
      <c r="H6190" s="98">
        <v>1</v>
      </c>
      <c r="I6190" s="98">
        <v>1</v>
      </c>
      <c r="J6190" s="98">
        <v>1</v>
      </c>
      <c r="K6190" s="98">
        <v>1</v>
      </c>
      <c r="L6190" s="98">
        <v>1</v>
      </c>
      <c r="M6190" s="98">
        <v>1</v>
      </c>
      <c r="N6190" s="98">
        <v>1</v>
      </c>
      <c r="O6190" s="98">
        <v>0</v>
      </c>
      <c r="P6190" s="98">
        <v>1</v>
      </c>
      <c r="Q6190" s="98">
        <v>1</v>
      </c>
      <c r="R6190" s="98">
        <v>0</v>
      </c>
      <c r="S6190" s="98">
        <v>0</v>
      </c>
      <c r="T6190" s="98">
        <v>1</v>
      </c>
      <c r="U6190" s="98">
        <v>0</v>
      </c>
      <c r="V6190" s="98">
        <v>0</v>
      </c>
      <c r="W6190" s="98">
        <v>1</v>
      </c>
      <c r="X6190" s="98">
        <v>0</v>
      </c>
      <c r="Y6190" s="98">
        <v>1</v>
      </c>
      <c r="Z6190" s="98">
        <v>0</v>
      </c>
      <c r="AA6190" s="98">
        <v>1</v>
      </c>
      <c r="AB6190" s="98">
        <v>1</v>
      </c>
      <c r="AC6190" s="98">
        <v>0</v>
      </c>
      <c r="AD6190" s="98">
        <v>1</v>
      </c>
      <c r="AE6190" s="98">
        <v>0</v>
      </c>
      <c r="AF6190" s="98">
        <v>0</v>
      </c>
      <c r="AG6190" s="98">
        <v>0</v>
      </c>
      <c r="AH6190" s="98">
        <v>0</v>
      </c>
      <c r="AI6190" s="98">
        <v>0</v>
      </c>
      <c r="AJ6190" s="98">
        <v>0</v>
      </c>
      <c r="AK6190" s="98">
        <v>0</v>
      </c>
      <c r="AL6190" s="98">
        <v>0</v>
      </c>
      <c r="AM6190" s="98">
        <v>0</v>
      </c>
      <c r="AN6190" s="98">
        <v>0</v>
      </c>
      <c r="AO6190" s="98">
        <v>0</v>
      </c>
      <c r="AP6190" s="98">
        <v>0</v>
      </c>
      <c r="AQ6190" s="98">
        <v>0</v>
      </c>
      <c r="AR6190" s="98">
        <v>1</v>
      </c>
      <c r="AS6190" s="98">
        <v>1</v>
      </c>
      <c r="AT6190" s="129" t="s">
        <v>174</v>
      </c>
      <c r="AU6190" s="98">
        <v>1</v>
      </c>
      <c r="AV6190" s="98">
        <v>0</v>
      </c>
      <c r="AW6190" s="98">
        <v>1</v>
      </c>
      <c r="AX6190" s="144" t="s">
        <v>14590</v>
      </c>
      <c r="AY6190" s="144" t="s">
        <v>14591</v>
      </c>
      <c r="AZ6190" s="144"/>
      <c r="BA6190" s="144"/>
      <c r="BB6190" s="107">
        <v>45884</v>
      </c>
    </row>
    <row r="6191" spans="1:54" s="8" customFormat="1" ht="13.95" customHeight="1" x14ac:dyDescent="0.25">
      <c r="A6191" s="219" t="s">
        <v>14592</v>
      </c>
      <c r="B6191" s="220" t="s">
        <v>14192</v>
      </c>
      <c r="C6191" s="98" t="s">
        <v>14593</v>
      </c>
      <c r="D6191" s="98" t="s">
        <v>14594</v>
      </c>
      <c r="E6191" s="141">
        <v>1958</v>
      </c>
      <c r="F6191" s="141">
        <v>110990</v>
      </c>
      <c r="G6191" s="98" t="s">
        <v>6</v>
      </c>
      <c r="H6191" s="98">
        <v>1</v>
      </c>
      <c r="I6191" s="98">
        <v>1</v>
      </c>
      <c r="J6191" s="98">
        <v>1</v>
      </c>
      <c r="K6191" s="98">
        <v>0</v>
      </c>
      <c r="L6191" s="98">
        <v>0</v>
      </c>
      <c r="M6191" s="98">
        <v>0</v>
      </c>
      <c r="N6191" s="98">
        <v>0</v>
      </c>
      <c r="O6191" s="98">
        <v>0</v>
      </c>
      <c r="P6191" s="98">
        <v>0</v>
      </c>
      <c r="Q6191" s="98">
        <v>0</v>
      </c>
      <c r="R6191" s="98">
        <v>0</v>
      </c>
      <c r="S6191" s="98">
        <v>0</v>
      </c>
      <c r="T6191" s="98">
        <v>0</v>
      </c>
      <c r="U6191" s="98">
        <v>0</v>
      </c>
      <c r="V6191" s="98">
        <v>0</v>
      </c>
      <c r="W6191" s="98">
        <v>1</v>
      </c>
      <c r="X6191" s="98">
        <v>0</v>
      </c>
      <c r="Y6191" s="98">
        <v>0</v>
      </c>
      <c r="Z6191" s="98">
        <v>0</v>
      </c>
      <c r="AA6191" s="98">
        <v>0</v>
      </c>
      <c r="AB6191" s="98">
        <v>0</v>
      </c>
      <c r="AC6191" s="98">
        <v>0</v>
      </c>
      <c r="AD6191" s="98">
        <v>0</v>
      </c>
      <c r="AE6191" s="98">
        <v>0</v>
      </c>
      <c r="AF6191" s="98">
        <v>0</v>
      </c>
      <c r="AG6191" s="98">
        <v>0</v>
      </c>
      <c r="AH6191" s="98">
        <v>0</v>
      </c>
      <c r="AI6191" s="98">
        <v>0</v>
      </c>
      <c r="AJ6191" s="98">
        <v>0</v>
      </c>
      <c r="AK6191" s="98">
        <v>0</v>
      </c>
      <c r="AL6191" s="98">
        <v>0</v>
      </c>
      <c r="AM6191" s="98">
        <v>1</v>
      </c>
      <c r="AN6191" s="98">
        <v>1</v>
      </c>
      <c r="AO6191" s="98">
        <v>1</v>
      </c>
      <c r="AP6191" s="98">
        <v>0</v>
      </c>
      <c r="AQ6191" s="98">
        <v>0</v>
      </c>
      <c r="AR6191" s="98">
        <v>1</v>
      </c>
      <c r="AS6191" s="98">
        <v>1</v>
      </c>
      <c r="AT6191" s="129" t="s">
        <v>174</v>
      </c>
      <c r="AU6191" s="98">
        <v>0</v>
      </c>
      <c r="AV6191" s="98">
        <v>0</v>
      </c>
      <c r="AW6191" s="98">
        <v>0</v>
      </c>
      <c r="AX6191" s="144"/>
      <c r="AY6191" s="144"/>
      <c r="AZ6191" s="144"/>
      <c r="BA6191" s="144" t="s">
        <v>14595</v>
      </c>
      <c r="BB6191" s="107">
        <v>45884</v>
      </c>
    </row>
    <row r="6192" spans="1:54" s="8" customFormat="1" ht="13.95" customHeight="1" x14ac:dyDescent="0.25">
      <c r="A6192" s="219" t="s">
        <v>14596</v>
      </c>
      <c r="B6192" s="220" t="s">
        <v>14192</v>
      </c>
      <c r="C6192" s="98" t="s">
        <v>14597</v>
      </c>
      <c r="D6192" s="98" t="s">
        <v>22257</v>
      </c>
      <c r="E6192" s="141">
        <v>1958</v>
      </c>
      <c r="F6192" s="141">
        <v>124082</v>
      </c>
      <c r="G6192" s="98" t="s">
        <v>0</v>
      </c>
      <c r="H6192" s="98">
        <v>1</v>
      </c>
      <c r="I6192" s="98">
        <v>1</v>
      </c>
      <c r="J6192" s="98">
        <v>1</v>
      </c>
      <c r="K6192" s="98">
        <v>0</v>
      </c>
      <c r="L6192" s="98">
        <v>0</v>
      </c>
      <c r="M6192" s="98">
        <v>0</v>
      </c>
      <c r="N6192" s="98">
        <v>0</v>
      </c>
      <c r="O6192" s="98">
        <v>0</v>
      </c>
      <c r="P6192" s="98">
        <v>0</v>
      </c>
      <c r="Q6192" s="98">
        <v>0</v>
      </c>
      <c r="R6192" s="98">
        <v>0</v>
      </c>
      <c r="S6192" s="98">
        <v>0</v>
      </c>
      <c r="T6192" s="98">
        <v>0</v>
      </c>
      <c r="U6192" s="98">
        <v>0</v>
      </c>
      <c r="V6192" s="98">
        <v>0</v>
      </c>
      <c r="W6192" s="98">
        <v>1</v>
      </c>
      <c r="X6192" s="98">
        <v>0</v>
      </c>
      <c r="Y6192" s="98">
        <v>0</v>
      </c>
      <c r="Z6192" s="98">
        <v>1</v>
      </c>
      <c r="AA6192" s="98">
        <v>0</v>
      </c>
      <c r="AB6192" s="98">
        <v>0</v>
      </c>
      <c r="AC6192" s="98">
        <v>0</v>
      </c>
      <c r="AD6192" s="98">
        <v>0</v>
      </c>
      <c r="AE6192" s="98">
        <v>0</v>
      </c>
      <c r="AF6192" s="98">
        <v>0</v>
      </c>
      <c r="AG6192" s="98">
        <v>0</v>
      </c>
      <c r="AH6192" s="98">
        <v>1</v>
      </c>
      <c r="AI6192" s="98">
        <v>0</v>
      </c>
      <c r="AJ6192" s="98">
        <v>0</v>
      </c>
      <c r="AK6192" s="98">
        <v>0</v>
      </c>
      <c r="AL6192" s="98">
        <v>0</v>
      </c>
      <c r="AM6192" s="98">
        <v>0</v>
      </c>
      <c r="AN6192" s="98">
        <v>0</v>
      </c>
      <c r="AO6192" s="98">
        <v>1</v>
      </c>
      <c r="AP6192" s="98">
        <v>0</v>
      </c>
      <c r="AQ6192" s="98">
        <v>0</v>
      </c>
      <c r="AR6192" s="98">
        <v>1</v>
      </c>
      <c r="AS6192" s="98">
        <v>0</v>
      </c>
      <c r="AT6192" s="129" t="s">
        <v>174</v>
      </c>
      <c r="AU6192" s="98">
        <v>1</v>
      </c>
      <c r="AV6192" s="98">
        <v>0</v>
      </c>
      <c r="AW6192" s="98">
        <v>1</v>
      </c>
      <c r="AX6192" s="144"/>
      <c r="AY6192" s="144"/>
      <c r="AZ6192" s="144"/>
      <c r="BA6192" s="144"/>
      <c r="BB6192" s="107">
        <v>45884</v>
      </c>
    </row>
    <row r="6193" spans="1:54" s="8" customFormat="1" ht="13.95" customHeight="1" x14ac:dyDescent="0.25">
      <c r="A6193" s="219" t="s">
        <v>19867</v>
      </c>
      <c r="B6193" s="220" t="s">
        <v>14192</v>
      </c>
      <c r="C6193" s="98" t="s">
        <v>14598</v>
      </c>
      <c r="D6193" s="98" t="s">
        <v>14599</v>
      </c>
      <c r="E6193" s="141">
        <v>2000</v>
      </c>
      <c r="F6193" s="141">
        <v>125000</v>
      </c>
      <c r="G6193" s="98" t="s">
        <v>6</v>
      </c>
      <c r="H6193" s="98">
        <v>1</v>
      </c>
      <c r="I6193" s="98">
        <v>1</v>
      </c>
      <c r="J6193" s="98">
        <v>1</v>
      </c>
      <c r="K6193" s="98">
        <v>1</v>
      </c>
      <c r="L6193" s="98">
        <v>0</v>
      </c>
      <c r="M6193" s="98">
        <v>1</v>
      </c>
      <c r="N6193" s="98">
        <v>1</v>
      </c>
      <c r="O6193" s="98">
        <v>0</v>
      </c>
      <c r="P6193" s="98">
        <v>1</v>
      </c>
      <c r="Q6193" s="98">
        <v>1</v>
      </c>
      <c r="R6193" s="98">
        <v>0</v>
      </c>
      <c r="S6193" s="98">
        <v>0</v>
      </c>
      <c r="T6193" s="98">
        <v>1</v>
      </c>
      <c r="U6193" s="98">
        <v>1</v>
      </c>
      <c r="V6193" s="98">
        <v>0</v>
      </c>
      <c r="W6193" s="98">
        <v>1</v>
      </c>
      <c r="X6193" s="98">
        <v>1</v>
      </c>
      <c r="Y6193" s="98">
        <v>0</v>
      </c>
      <c r="Z6193" s="98">
        <v>0</v>
      </c>
      <c r="AA6193" s="98">
        <v>0</v>
      </c>
      <c r="AB6193" s="98">
        <v>0</v>
      </c>
      <c r="AC6193" s="98">
        <v>0</v>
      </c>
      <c r="AD6193" s="98">
        <v>0</v>
      </c>
      <c r="AE6193" s="98">
        <v>0</v>
      </c>
      <c r="AF6193" s="98">
        <v>0</v>
      </c>
      <c r="AG6193" s="98">
        <v>0</v>
      </c>
      <c r="AH6193" s="98">
        <v>0</v>
      </c>
      <c r="AI6193" s="98">
        <v>0</v>
      </c>
      <c r="AJ6193" s="98">
        <v>0</v>
      </c>
      <c r="AK6193" s="98">
        <v>0</v>
      </c>
      <c r="AL6193" s="98">
        <v>1</v>
      </c>
      <c r="AM6193" s="98">
        <v>1</v>
      </c>
      <c r="AN6193" s="98">
        <v>1</v>
      </c>
      <c r="AO6193" s="98">
        <v>1</v>
      </c>
      <c r="AP6193" s="98">
        <v>0</v>
      </c>
      <c r="AQ6193" s="98">
        <v>0</v>
      </c>
      <c r="AR6193" s="98">
        <v>1</v>
      </c>
      <c r="AS6193" s="98">
        <v>1</v>
      </c>
      <c r="AT6193" s="129" t="s">
        <v>174</v>
      </c>
      <c r="AU6193" s="98">
        <v>0</v>
      </c>
      <c r="AV6193" s="98">
        <v>1</v>
      </c>
      <c r="AW6193" s="98">
        <v>0</v>
      </c>
      <c r="AX6193" s="144" t="s">
        <v>14590</v>
      </c>
      <c r="AY6193" s="144" t="s">
        <v>14591</v>
      </c>
      <c r="AZ6193" s="144"/>
      <c r="BA6193" s="144" t="s">
        <v>19738</v>
      </c>
      <c r="BB6193" s="107">
        <v>45884</v>
      </c>
    </row>
    <row r="6194" spans="1:54" s="8" customFormat="1" ht="13.95" customHeight="1" x14ac:dyDescent="0.25">
      <c r="A6194" s="219" t="s">
        <v>19868</v>
      </c>
      <c r="B6194" s="220" t="s">
        <v>14192</v>
      </c>
      <c r="C6194" s="98" t="s">
        <v>19865</v>
      </c>
      <c r="D6194" s="98" t="s">
        <v>20293</v>
      </c>
      <c r="E6194" s="141">
        <v>2016</v>
      </c>
      <c r="F6194" s="141">
        <v>151</v>
      </c>
      <c r="G6194" s="98" t="s">
        <v>1</v>
      </c>
      <c r="H6194" s="98">
        <v>0</v>
      </c>
      <c r="I6194" s="98">
        <v>0</v>
      </c>
      <c r="J6194" s="98">
        <v>1</v>
      </c>
      <c r="K6194" s="98">
        <v>0</v>
      </c>
      <c r="L6194" s="98">
        <v>0</v>
      </c>
      <c r="M6194" s="98">
        <v>1</v>
      </c>
      <c r="N6194" s="98">
        <v>0</v>
      </c>
      <c r="O6194" s="98">
        <v>0</v>
      </c>
      <c r="P6194" s="98">
        <v>1</v>
      </c>
      <c r="Q6194" s="98">
        <v>0</v>
      </c>
      <c r="R6194" s="98">
        <v>0</v>
      </c>
      <c r="S6194" s="98">
        <v>0</v>
      </c>
      <c r="T6194" s="98">
        <v>0</v>
      </c>
      <c r="U6194" s="99"/>
      <c r="V6194" s="99"/>
      <c r="W6194" s="99"/>
      <c r="X6194" s="99"/>
      <c r="Y6194" s="99"/>
      <c r="Z6194" s="99"/>
      <c r="AA6194" s="99"/>
      <c r="AB6194" s="99"/>
      <c r="AC6194" s="99"/>
      <c r="AD6194" s="99"/>
      <c r="AE6194" s="99"/>
      <c r="AF6194" s="99"/>
      <c r="AG6194" s="99"/>
      <c r="AH6194" s="99"/>
      <c r="AI6194" s="99"/>
      <c r="AJ6194" s="99"/>
      <c r="AK6194" s="99"/>
      <c r="AL6194" s="99"/>
      <c r="AM6194" s="99"/>
      <c r="AN6194" s="99"/>
      <c r="AO6194" s="99"/>
      <c r="AP6194" s="99"/>
      <c r="AQ6194" s="99"/>
      <c r="AR6194" s="99"/>
      <c r="AS6194" s="99"/>
      <c r="AT6194" s="99"/>
      <c r="AU6194" s="99"/>
      <c r="AV6194" s="99"/>
      <c r="AW6194" s="99"/>
      <c r="AX6194" s="99"/>
      <c r="AY6194" s="99"/>
      <c r="AZ6194" s="99"/>
      <c r="BA6194" s="99"/>
      <c r="BB6194" s="107">
        <v>45884</v>
      </c>
    </row>
    <row r="6195" spans="1:54" s="8" customFormat="1" ht="13.95" customHeight="1" x14ac:dyDescent="0.25">
      <c r="A6195" s="219" t="s">
        <v>19869</v>
      </c>
      <c r="B6195" s="220" t="s">
        <v>14192</v>
      </c>
      <c r="C6195" s="98" t="s">
        <v>19866</v>
      </c>
      <c r="D6195" s="98" t="s">
        <v>20294</v>
      </c>
      <c r="E6195" s="141">
        <v>2017</v>
      </c>
      <c r="F6195" s="141">
        <v>189</v>
      </c>
      <c r="G6195" s="98" t="s">
        <v>1</v>
      </c>
      <c r="H6195" s="98">
        <v>0</v>
      </c>
      <c r="I6195" s="98">
        <v>0</v>
      </c>
      <c r="J6195" s="98">
        <v>1</v>
      </c>
      <c r="K6195" s="98">
        <v>0</v>
      </c>
      <c r="L6195" s="98">
        <v>0</v>
      </c>
      <c r="M6195" s="98">
        <v>1</v>
      </c>
      <c r="N6195" s="98">
        <v>0</v>
      </c>
      <c r="O6195" s="98">
        <v>0</v>
      </c>
      <c r="P6195" s="98">
        <v>1</v>
      </c>
      <c r="Q6195" s="98">
        <v>0</v>
      </c>
      <c r="R6195" s="98">
        <v>0</v>
      </c>
      <c r="S6195" s="98">
        <v>0</v>
      </c>
      <c r="T6195" s="98">
        <v>0</v>
      </c>
      <c r="U6195" s="99"/>
      <c r="V6195" s="99"/>
      <c r="W6195" s="99"/>
      <c r="X6195" s="99"/>
      <c r="Y6195" s="99"/>
      <c r="Z6195" s="99"/>
      <c r="AA6195" s="99"/>
      <c r="AB6195" s="99"/>
      <c r="AC6195" s="99"/>
      <c r="AD6195" s="99"/>
      <c r="AE6195" s="99"/>
      <c r="AF6195" s="99"/>
      <c r="AG6195" s="99"/>
      <c r="AH6195" s="99"/>
      <c r="AI6195" s="99"/>
      <c r="AJ6195" s="99"/>
      <c r="AK6195" s="99"/>
      <c r="AL6195" s="99"/>
      <c r="AM6195" s="99"/>
      <c r="AN6195" s="99"/>
      <c r="AO6195" s="99"/>
      <c r="AP6195" s="99"/>
      <c r="AQ6195" s="99"/>
      <c r="AR6195" s="99"/>
      <c r="AS6195" s="99"/>
      <c r="AT6195" s="99"/>
      <c r="AU6195" s="99"/>
      <c r="AV6195" s="99"/>
      <c r="AW6195" s="99"/>
      <c r="AX6195" s="99"/>
      <c r="AY6195" s="99"/>
      <c r="AZ6195" s="99"/>
      <c r="BA6195" s="99"/>
      <c r="BB6195" s="107">
        <v>45884</v>
      </c>
    </row>
    <row r="6196" spans="1:54" s="8" customFormat="1" ht="13.95" customHeight="1" x14ac:dyDescent="0.25">
      <c r="A6196" s="219" t="s">
        <v>20300</v>
      </c>
      <c r="B6196" s="220" t="s">
        <v>14192</v>
      </c>
      <c r="C6196" s="98" t="s">
        <v>20295</v>
      </c>
      <c r="D6196" s="98" t="s">
        <v>20296</v>
      </c>
      <c r="E6196" s="141">
        <v>2018</v>
      </c>
      <c r="F6196" s="141">
        <v>157</v>
      </c>
      <c r="G6196" s="98" t="s">
        <v>1</v>
      </c>
      <c r="H6196" s="98">
        <v>0</v>
      </c>
      <c r="I6196" s="98">
        <v>0</v>
      </c>
      <c r="J6196" s="98">
        <v>1</v>
      </c>
      <c r="K6196" s="98">
        <v>0</v>
      </c>
      <c r="L6196" s="98">
        <v>0</v>
      </c>
      <c r="M6196" s="98">
        <v>0</v>
      </c>
      <c r="N6196" s="98">
        <v>0</v>
      </c>
      <c r="O6196" s="98">
        <v>0</v>
      </c>
      <c r="P6196" s="98">
        <v>0</v>
      </c>
      <c r="Q6196" s="98">
        <v>0</v>
      </c>
      <c r="R6196" s="98">
        <v>0</v>
      </c>
      <c r="S6196" s="98">
        <v>0</v>
      </c>
      <c r="T6196" s="98">
        <v>0</v>
      </c>
      <c r="U6196" s="99"/>
      <c r="V6196" s="99"/>
      <c r="W6196" s="99"/>
      <c r="X6196" s="99"/>
      <c r="Y6196" s="99"/>
      <c r="Z6196" s="99"/>
      <c r="AA6196" s="99"/>
      <c r="AB6196" s="99"/>
      <c r="AC6196" s="99"/>
      <c r="AD6196" s="99"/>
      <c r="AE6196" s="99"/>
      <c r="AF6196" s="99"/>
      <c r="AG6196" s="99"/>
      <c r="AH6196" s="99"/>
      <c r="AI6196" s="99"/>
      <c r="AJ6196" s="99"/>
      <c r="AK6196" s="99"/>
      <c r="AL6196" s="99"/>
      <c r="AM6196" s="99"/>
      <c r="AN6196" s="99"/>
      <c r="AO6196" s="99"/>
      <c r="AP6196" s="99"/>
      <c r="AQ6196" s="99"/>
      <c r="AR6196" s="99"/>
      <c r="AS6196" s="99"/>
      <c r="AT6196" s="99"/>
      <c r="AU6196" s="99"/>
      <c r="AV6196" s="99"/>
      <c r="AW6196" s="99"/>
      <c r="AX6196" s="99"/>
      <c r="AY6196" s="99"/>
      <c r="AZ6196" s="99"/>
      <c r="BA6196" s="99"/>
      <c r="BB6196" s="107">
        <v>45884</v>
      </c>
    </row>
    <row r="6197" spans="1:54" s="8" customFormat="1" ht="13.95" customHeight="1" x14ac:dyDescent="0.25">
      <c r="A6197" s="219" t="s">
        <v>20301</v>
      </c>
      <c r="B6197" s="220" t="s">
        <v>14192</v>
      </c>
      <c r="C6197" s="98" t="s">
        <v>20297</v>
      </c>
      <c r="D6197" s="98" t="s">
        <v>20298</v>
      </c>
      <c r="E6197" s="141">
        <v>2018</v>
      </c>
      <c r="F6197" s="141">
        <v>155</v>
      </c>
      <c r="G6197" s="98" t="s">
        <v>1</v>
      </c>
      <c r="H6197" s="98">
        <v>0</v>
      </c>
      <c r="I6197" s="98">
        <v>0</v>
      </c>
      <c r="J6197" s="98">
        <v>1</v>
      </c>
      <c r="K6197" s="98">
        <v>0</v>
      </c>
      <c r="L6197" s="98">
        <v>0</v>
      </c>
      <c r="M6197" s="98">
        <v>1</v>
      </c>
      <c r="N6197" s="98">
        <v>0</v>
      </c>
      <c r="O6197" s="98">
        <v>0</v>
      </c>
      <c r="P6197" s="98">
        <v>1</v>
      </c>
      <c r="Q6197" s="98">
        <v>0</v>
      </c>
      <c r="R6197" s="98">
        <v>0</v>
      </c>
      <c r="S6197" s="98">
        <v>0</v>
      </c>
      <c r="T6197" s="98">
        <v>0</v>
      </c>
      <c r="U6197" s="99"/>
      <c r="V6197" s="99"/>
      <c r="W6197" s="99"/>
      <c r="X6197" s="99"/>
      <c r="Y6197" s="99"/>
      <c r="Z6197" s="99"/>
      <c r="AA6197" s="99"/>
      <c r="AB6197" s="99"/>
      <c r="AC6197" s="99"/>
      <c r="AD6197" s="99"/>
      <c r="AE6197" s="99"/>
      <c r="AF6197" s="99"/>
      <c r="AG6197" s="99"/>
      <c r="AH6197" s="99"/>
      <c r="AI6197" s="99"/>
      <c r="AJ6197" s="99"/>
      <c r="AK6197" s="99"/>
      <c r="AL6197" s="99"/>
      <c r="AM6197" s="99"/>
      <c r="AN6197" s="99"/>
      <c r="AO6197" s="99"/>
      <c r="AP6197" s="99"/>
      <c r="AQ6197" s="99"/>
      <c r="AR6197" s="99"/>
      <c r="AS6197" s="99"/>
      <c r="AT6197" s="99"/>
      <c r="AU6197" s="99"/>
      <c r="AV6197" s="99"/>
      <c r="AW6197" s="99"/>
      <c r="AX6197" s="99"/>
      <c r="AY6197" s="99"/>
      <c r="AZ6197" s="99"/>
      <c r="BA6197" s="99"/>
      <c r="BB6197" s="107">
        <v>45884</v>
      </c>
    </row>
    <row r="6198" spans="1:54" s="8" customFormat="1" ht="15.75" customHeight="1" x14ac:dyDescent="0.25">
      <c r="A6198" s="229" t="s">
        <v>22052</v>
      </c>
      <c r="B6198" s="220" t="s">
        <v>14192</v>
      </c>
      <c r="C6198" s="98" t="s">
        <v>22037</v>
      </c>
      <c r="D6198" s="98" t="s">
        <v>22038</v>
      </c>
      <c r="E6198" s="141">
        <v>2020</v>
      </c>
      <c r="F6198" s="141">
        <v>152</v>
      </c>
      <c r="G6198" s="98" t="s">
        <v>1</v>
      </c>
      <c r="H6198" s="98">
        <v>0</v>
      </c>
      <c r="I6198" s="98">
        <v>0</v>
      </c>
      <c r="J6198" s="98">
        <v>1</v>
      </c>
      <c r="K6198" s="98">
        <v>0</v>
      </c>
      <c r="L6198" s="98">
        <v>0</v>
      </c>
      <c r="M6198" s="98">
        <v>1</v>
      </c>
      <c r="N6198" s="98">
        <v>0</v>
      </c>
      <c r="O6198" s="98">
        <v>0</v>
      </c>
      <c r="P6198" s="98">
        <v>1</v>
      </c>
      <c r="Q6198" s="98">
        <v>0</v>
      </c>
      <c r="R6198" s="98">
        <v>0</v>
      </c>
      <c r="S6198" s="98">
        <v>0</v>
      </c>
      <c r="T6198" s="98">
        <v>0</v>
      </c>
      <c r="U6198" s="99"/>
      <c r="V6198" s="99"/>
      <c r="W6198" s="99"/>
      <c r="X6198" s="99"/>
      <c r="Y6198" s="99"/>
      <c r="Z6198" s="99"/>
      <c r="AA6198" s="99"/>
      <c r="AB6198" s="99"/>
      <c r="AC6198" s="99"/>
      <c r="AD6198" s="99"/>
      <c r="AE6198" s="99"/>
      <c r="AF6198" s="99"/>
      <c r="AG6198" s="99"/>
      <c r="AH6198" s="99"/>
      <c r="AI6198" s="99"/>
      <c r="AJ6198" s="99"/>
      <c r="AK6198" s="99"/>
      <c r="AL6198" s="99"/>
      <c r="AM6198" s="99"/>
      <c r="AN6198" s="99"/>
      <c r="AO6198" s="99"/>
      <c r="AP6198" s="99"/>
      <c r="AQ6198" s="99"/>
      <c r="AR6198" s="99"/>
      <c r="AS6198" s="99"/>
      <c r="AT6198" s="99"/>
      <c r="AU6198" s="99"/>
      <c r="AV6198" s="99"/>
      <c r="AW6198" s="99"/>
      <c r="AX6198" s="99"/>
      <c r="AY6198" s="99"/>
      <c r="AZ6198" s="99"/>
      <c r="BA6198" s="99"/>
      <c r="BB6198" s="107">
        <v>45884</v>
      </c>
    </row>
    <row r="6199" spans="1:54" s="8" customFormat="1" ht="15.75" customHeight="1" x14ac:dyDescent="0.25">
      <c r="A6199" s="229" t="s">
        <v>22053</v>
      </c>
      <c r="B6199" s="220" t="s">
        <v>14192</v>
      </c>
      <c r="C6199" s="98" t="s">
        <v>22039</v>
      </c>
      <c r="D6199" s="98" t="s">
        <v>22040</v>
      </c>
      <c r="E6199" s="141">
        <v>2021</v>
      </c>
      <c r="F6199" s="141">
        <v>174</v>
      </c>
      <c r="G6199" s="98" t="s">
        <v>1</v>
      </c>
      <c r="H6199" s="98">
        <v>0</v>
      </c>
      <c r="I6199" s="98">
        <v>0</v>
      </c>
      <c r="J6199" s="98">
        <v>1</v>
      </c>
      <c r="K6199" s="98">
        <v>0</v>
      </c>
      <c r="L6199" s="98">
        <v>0</v>
      </c>
      <c r="M6199" s="98">
        <v>0</v>
      </c>
      <c r="N6199" s="98">
        <v>1</v>
      </c>
      <c r="O6199" s="98">
        <v>0</v>
      </c>
      <c r="P6199" s="98">
        <v>0</v>
      </c>
      <c r="Q6199" s="98">
        <v>0</v>
      </c>
      <c r="R6199" s="98">
        <v>0</v>
      </c>
      <c r="S6199" s="98">
        <v>0</v>
      </c>
      <c r="T6199" s="98">
        <v>0</v>
      </c>
      <c r="U6199" s="99"/>
      <c r="V6199" s="99"/>
      <c r="W6199" s="99"/>
      <c r="X6199" s="99"/>
      <c r="Y6199" s="99"/>
      <c r="Z6199" s="99"/>
      <c r="AA6199" s="99"/>
      <c r="AB6199" s="99"/>
      <c r="AC6199" s="99"/>
      <c r="AD6199" s="99"/>
      <c r="AE6199" s="99"/>
      <c r="AF6199" s="99"/>
      <c r="AG6199" s="99"/>
      <c r="AH6199" s="99"/>
      <c r="AI6199" s="99"/>
      <c r="AJ6199" s="99"/>
      <c r="AK6199" s="99"/>
      <c r="AL6199" s="99"/>
      <c r="AM6199" s="99"/>
      <c r="AN6199" s="99"/>
      <c r="AO6199" s="99"/>
      <c r="AP6199" s="99"/>
      <c r="AQ6199" s="99"/>
      <c r="AR6199" s="99"/>
      <c r="AS6199" s="99"/>
      <c r="AT6199" s="99"/>
      <c r="AU6199" s="99"/>
      <c r="AV6199" s="99"/>
      <c r="AW6199" s="99"/>
      <c r="AX6199" s="99"/>
      <c r="AY6199" s="99"/>
      <c r="AZ6199" s="99"/>
      <c r="BA6199" s="99"/>
      <c r="BB6199" s="107">
        <v>45884</v>
      </c>
    </row>
    <row r="6200" spans="1:54" s="8" customFormat="1" ht="15.75" customHeight="1" x14ac:dyDescent="0.25">
      <c r="A6200" s="229" t="s">
        <v>22054</v>
      </c>
      <c r="B6200" s="220" t="s">
        <v>14192</v>
      </c>
      <c r="C6200" s="98" t="s">
        <v>22041</v>
      </c>
      <c r="D6200" s="98" t="s">
        <v>22042</v>
      </c>
      <c r="E6200" s="141">
        <v>2021</v>
      </c>
      <c r="F6200" s="141">
        <v>4162</v>
      </c>
      <c r="G6200" s="98" t="s">
        <v>1</v>
      </c>
      <c r="H6200" s="98">
        <v>0</v>
      </c>
      <c r="I6200" s="98">
        <v>0</v>
      </c>
      <c r="J6200" s="98">
        <v>0</v>
      </c>
      <c r="K6200" s="98">
        <v>0</v>
      </c>
      <c r="L6200" s="98">
        <v>0</v>
      </c>
      <c r="M6200" s="98">
        <v>0</v>
      </c>
      <c r="N6200" s="98">
        <v>1</v>
      </c>
      <c r="O6200" s="98">
        <v>0</v>
      </c>
      <c r="P6200" s="98">
        <v>0</v>
      </c>
      <c r="Q6200" s="98">
        <v>0</v>
      </c>
      <c r="R6200" s="98">
        <v>0</v>
      </c>
      <c r="S6200" s="98">
        <v>0</v>
      </c>
      <c r="T6200" s="98">
        <v>0</v>
      </c>
      <c r="U6200" s="99"/>
      <c r="V6200" s="99"/>
      <c r="W6200" s="99"/>
      <c r="X6200" s="99"/>
      <c r="Y6200" s="99"/>
      <c r="Z6200" s="99"/>
      <c r="AA6200" s="99"/>
      <c r="AB6200" s="99"/>
      <c r="AC6200" s="99"/>
      <c r="AD6200" s="99"/>
      <c r="AE6200" s="99"/>
      <c r="AF6200" s="99"/>
      <c r="AG6200" s="99"/>
      <c r="AH6200" s="99"/>
      <c r="AI6200" s="99"/>
      <c r="AJ6200" s="99"/>
      <c r="AK6200" s="99"/>
      <c r="AL6200" s="99"/>
      <c r="AM6200" s="99"/>
      <c r="AN6200" s="99"/>
      <c r="AO6200" s="99"/>
      <c r="AP6200" s="99"/>
      <c r="AQ6200" s="99"/>
      <c r="AR6200" s="99"/>
      <c r="AS6200" s="99"/>
      <c r="AT6200" s="99"/>
      <c r="AU6200" s="99"/>
      <c r="AV6200" s="99"/>
      <c r="AW6200" s="99"/>
      <c r="AX6200" s="99"/>
      <c r="AY6200" s="99"/>
      <c r="AZ6200" s="99"/>
      <c r="BA6200" s="99"/>
      <c r="BB6200" s="107">
        <v>45884</v>
      </c>
    </row>
    <row r="6201" spans="1:54" s="8" customFormat="1" ht="15.75" customHeight="1" x14ac:dyDescent="0.25">
      <c r="A6201" s="229" t="s">
        <v>22055</v>
      </c>
      <c r="B6201" s="220" t="s">
        <v>14192</v>
      </c>
      <c r="C6201" s="98" t="s">
        <v>22043</v>
      </c>
      <c r="D6201" s="98" t="s">
        <v>22044</v>
      </c>
      <c r="E6201" s="141">
        <v>1970</v>
      </c>
      <c r="F6201" s="141">
        <v>2520</v>
      </c>
      <c r="G6201" s="98" t="s">
        <v>1</v>
      </c>
      <c r="H6201" s="98">
        <v>1</v>
      </c>
      <c r="I6201" s="98">
        <v>0</v>
      </c>
      <c r="J6201" s="98">
        <v>1</v>
      </c>
      <c r="K6201" s="98">
        <v>0</v>
      </c>
      <c r="L6201" s="98">
        <v>1</v>
      </c>
      <c r="M6201" s="98">
        <v>1</v>
      </c>
      <c r="N6201" s="98">
        <v>0</v>
      </c>
      <c r="O6201" s="98">
        <v>1</v>
      </c>
      <c r="P6201" s="98">
        <v>1</v>
      </c>
      <c r="Q6201" s="98">
        <v>0</v>
      </c>
      <c r="R6201" s="98">
        <v>1</v>
      </c>
      <c r="S6201" s="98">
        <v>0</v>
      </c>
      <c r="T6201" s="98">
        <v>0</v>
      </c>
      <c r="U6201" s="99"/>
      <c r="V6201" s="99"/>
      <c r="W6201" s="99"/>
      <c r="X6201" s="99"/>
      <c r="Y6201" s="99"/>
      <c r="Z6201" s="99"/>
      <c r="AA6201" s="99"/>
      <c r="AB6201" s="99"/>
      <c r="AC6201" s="99"/>
      <c r="AD6201" s="99"/>
      <c r="AE6201" s="99"/>
      <c r="AF6201" s="99"/>
      <c r="AG6201" s="99"/>
      <c r="AH6201" s="99"/>
      <c r="AI6201" s="99"/>
      <c r="AJ6201" s="99"/>
      <c r="AK6201" s="99"/>
      <c r="AL6201" s="99"/>
      <c r="AM6201" s="99"/>
      <c r="AN6201" s="99"/>
      <c r="AO6201" s="99"/>
      <c r="AP6201" s="99"/>
      <c r="AQ6201" s="99"/>
      <c r="AR6201" s="99"/>
      <c r="AS6201" s="99"/>
      <c r="AT6201" s="99"/>
      <c r="AU6201" s="99"/>
      <c r="AV6201" s="99"/>
      <c r="AW6201" s="99"/>
      <c r="AX6201" s="99"/>
      <c r="AY6201" s="99"/>
      <c r="AZ6201" s="99"/>
      <c r="BA6201" s="99"/>
      <c r="BB6201" s="107">
        <v>45884</v>
      </c>
    </row>
    <row r="6202" spans="1:54" s="8" customFormat="1" ht="15.75" customHeight="1" x14ac:dyDescent="0.25">
      <c r="A6202" s="229" t="s">
        <v>22056</v>
      </c>
      <c r="B6202" s="220" t="s">
        <v>14192</v>
      </c>
      <c r="C6202" s="98" t="s">
        <v>22045</v>
      </c>
      <c r="D6202" s="98" t="s">
        <v>22046</v>
      </c>
      <c r="E6202" s="141">
        <v>1989</v>
      </c>
      <c r="F6202" s="141">
        <v>4004</v>
      </c>
      <c r="G6202" s="98" t="s">
        <v>11</v>
      </c>
      <c r="H6202" s="98">
        <v>0</v>
      </c>
      <c r="I6202" s="98">
        <v>0</v>
      </c>
      <c r="J6202" s="98">
        <v>0</v>
      </c>
      <c r="K6202" s="98">
        <v>0</v>
      </c>
      <c r="L6202" s="98">
        <v>0</v>
      </c>
      <c r="M6202" s="98">
        <v>0</v>
      </c>
      <c r="N6202" s="98">
        <v>0</v>
      </c>
      <c r="O6202" s="98">
        <v>0</v>
      </c>
      <c r="P6202" s="98">
        <v>0</v>
      </c>
      <c r="Q6202" s="98">
        <v>0</v>
      </c>
      <c r="R6202" s="98">
        <v>0</v>
      </c>
      <c r="S6202" s="98">
        <v>0</v>
      </c>
      <c r="T6202" s="98">
        <v>0</v>
      </c>
      <c r="U6202" s="99"/>
      <c r="V6202" s="99"/>
      <c r="W6202" s="99"/>
      <c r="X6202" s="99"/>
      <c r="Y6202" s="99"/>
      <c r="Z6202" s="99"/>
      <c r="AA6202" s="99"/>
      <c r="AB6202" s="99"/>
      <c r="AC6202" s="99"/>
      <c r="AD6202" s="99"/>
      <c r="AE6202" s="99"/>
      <c r="AF6202" s="99"/>
      <c r="AG6202" s="99"/>
      <c r="AH6202" s="99"/>
      <c r="AI6202" s="99"/>
      <c r="AJ6202" s="99"/>
      <c r="AK6202" s="99"/>
      <c r="AL6202" s="99"/>
      <c r="AM6202" s="99"/>
      <c r="AN6202" s="99"/>
      <c r="AO6202" s="99"/>
      <c r="AP6202" s="99"/>
      <c r="AQ6202" s="99"/>
      <c r="AR6202" s="99"/>
      <c r="AS6202" s="99"/>
      <c r="AT6202" s="99"/>
      <c r="AU6202" s="99"/>
      <c r="AV6202" s="99"/>
      <c r="AW6202" s="99"/>
      <c r="AX6202" s="99"/>
      <c r="AY6202" s="99"/>
      <c r="AZ6202" s="99"/>
      <c r="BA6202" s="99"/>
      <c r="BB6202" s="107">
        <v>45884</v>
      </c>
    </row>
    <row r="6203" spans="1:54" s="8" customFormat="1" ht="15.75" customHeight="1" x14ac:dyDescent="0.25">
      <c r="A6203" s="229" t="s">
        <v>22057</v>
      </c>
      <c r="B6203" s="220" t="s">
        <v>14192</v>
      </c>
      <c r="C6203" s="98" t="s">
        <v>22047</v>
      </c>
      <c r="D6203" s="98" t="s">
        <v>22048</v>
      </c>
      <c r="E6203" s="141">
        <v>2010</v>
      </c>
      <c r="F6203" s="141">
        <v>2073</v>
      </c>
      <c r="G6203" s="98" t="s">
        <v>1</v>
      </c>
      <c r="H6203" s="98">
        <v>0</v>
      </c>
      <c r="I6203" s="98">
        <v>0</v>
      </c>
      <c r="J6203" s="98">
        <v>0</v>
      </c>
      <c r="K6203" s="98">
        <v>1</v>
      </c>
      <c r="L6203" s="98">
        <v>0</v>
      </c>
      <c r="M6203" s="98">
        <v>0</v>
      </c>
      <c r="N6203" s="98">
        <v>0</v>
      </c>
      <c r="O6203" s="98">
        <v>1</v>
      </c>
      <c r="P6203" s="98">
        <v>0</v>
      </c>
      <c r="Q6203" s="98">
        <v>0</v>
      </c>
      <c r="R6203" s="98">
        <v>1</v>
      </c>
      <c r="S6203" s="98">
        <v>0</v>
      </c>
      <c r="T6203" s="98">
        <v>0</v>
      </c>
      <c r="U6203" s="99"/>
      <c r="V6203" s="99"/>
      <c r="W6203" s="99"/>
      <c r="X6203" s="99"/>
      <c r="Y6203" s="99"/>
      <c r="Z6203" s="99"/>
      <c r="AA6203" s="99"/>
      <c r="AB6203" s="99"/>
      <c r="AC6203" s="99"/>
      <c r="AD6203" s="99"/>
      <c r="AE6203" s="99"/>
      <c r="AF6203" s="99"/>
      <c r="AG6203" s="99"/>
      <c r="AH6203" s="99"/>
      <c r="AI6203" s="99"/>
      <c r="AJ6203" s="99"/>
      <c r="AK6203" s="99"/>
      <c r="AL6203" s="99"/>
      <c r="AM6203" s="99"/>
      <c r="AN6203" s="99"/>
      <c r="AO6203" s="99"/>
      <c r="AP6203" s="99"/>
      <c r="AQ6203" s="99"/>
      <c r="AR6203" s="99"/>
      <c r="AS6203" s="99"/>
      <c r="AT6203" s="99"/>
      <c r="AU6203" s="99"/>
      <c r="AV6203" s="99"/>
      <c r="AW6203" s="99"/>
      <c r="AX6203" s="99"/>
      <c r="AY6203" s="99"/>
      <c r="AZ6203" s="99"/>
      <c r="BA6203" s="99"/>
      <c r="BB6203" s="107">
        <v>45884</v>
      </c>
    </row>
    <row r="6204" spans="1:54" s="8" customFormat="1" ht="15.75" customHeight="1" x14ac:dyDescent="0.25">
      <c r="A6204" s="229" t="s">
        <v>22058</v>
      </c>
      <c r="B6204" s="220" t="s">
        <v>14192</v>
      </c>
      <c r="C6204" s="98" t="s">
        <v>22049</v>
      </c>
      <c r="D6204" s="98" t="s">
        <v>22050</v>
      </c>
      <c r="E6204" s="141">
        <v>2011</v>
      </c>
      <c r="F6204" s="149">
        <v>156</v>
      </c>
      <c r="G6204" s="98" t="s">
        <v>1</v>
      </c>
      <c r="H6204" s="98">
        <v>0</v>
      </c>
      <c r="I6204" s="98">
        <v>0</v>
      </c>
      <c r="J6204" s="98">
        <v>1</v>
      </c>
      <c r="K6204" s="98">
        <v>0</v>
      </c>
      <c r="L6204" s="98">
        <v>0</v>
      </c>
      <c r="M6204" s="98">
        <v>0</v>
      </c>
      <c r="N6204" s="98">
        <v>0</v>
      </c>
      <c r="O6204" s="98">
        <v>0</v>
      </c>
      <c r="P6204" s="98">
        <v>1</v>
      </c>
      <c r="Q6204" s="98">
        <v>0</v>
      </c>
      <c r="R6204" s="98">
        <v>0</v>
      </c>
      <c r="S6204" s="98">
        <v>0</v>
      </c>
      <c r="T6204" s="98">
        <v>0</v>
      </c>
      <c r="U6204" s="99"/>
      <c r="V6204" s="99"/>
      <c r="W6204" s="99"/>
      <c r="X6204" s="99"/>
      <c r="Y6204" s="99"/>
      <c r="Z6204" s="99"/>
      <c r="AA6204" s="99"/>
      <c r="AB6204" s="99"/>
      <c r="AC6204" s="99"/>
      <c r="AD6204" s="99"/>
      <c r="AE6204" s="99"/>
      <c r="AF6204" s="99"/>
      <c r="AG6204" s="99"/>
      <c r="AH6204" s="99"/>
      <c r="AI6204" s="99"/>
      <c r="AJ6204" s="99"/>
      <c r="AK6204" s="99"/>
      <c r="AL6204" s="99"/>
      <c r="AM6204" s="99"/>
      <c r="AN6204" s="99"/>
      <c r="AO6204" s="99"/>
      <c r="AP6204" s="99"/>
      <c r="AQ6204" s="99"/>
      <c r="AR6204" s="99"/>
      <c r="AS6204" s="99"/>
      <c r="AT6204" s="99"/>
      <c r="AU6204" s="99"/>
      <c r="AV6204" s="99"/>
      <c r="AW6204" s="99"/>
      <c r="AX6204" s="99"/>
      <c r="AY6204" s="99"/>
      <c r="AZ6204" s="99"/>
      <c r="BA6204" s="99"/>
      <c r="BB6204" s="107">
        <v>45884</v>
      </c>
    </row>
    <row r="6205" spans="1:54" s="8" customFormat="1" ht="15.75" customHeight="1" x14ac:dyDescent="0.25">
      <c r="A6205" s="229" t="s">
        <v>22059</v>
      </c>
      <c r="B6205" s="220" t="s">
        <v>14192</v>
      </c>
      <c r="C6205" s="98" t="s">
        <v>22051</v>
      </c>
      <c r="D6205" s="98" t="s">
        <v>24409</v>
      </c>
      <c r="E6205" s="141">
        <v>2016</v>
      </c>
      <c r="F6205" s="141">
        <v>133544</v>
      </c>
      <c r="G6205" s="98" t="s">
        <v>10</v>
      </c>
      <c r="H6205" s="98">
        <v>1</v>
      </c>
      <c r="I6205" s="98">
        <v>1</v>
      </c>
      <c r="J6205" s="98">
        <v>1</v>
      </c>
      <c r="K6205" s="98">
        <v>0</v>
      </c>
      <c r="L6205" s="98">
        <v>0</v>
      </c>
      <c r="M6205" s="98">
        <v>0</v>
      </c>
      <c r="N6205" s="98">
        <v>0</v>
      </c>
      <c r="O6205" s="98">
        <v>0</v>
      </c>
      <c r="P6205" s="98">
        <v>0</v>
      </c>
      <c r="Q6205" s="98">
        <v>0</v>
      </c>
      <c r="R6205" s="98">
        <v>0</v>
      </c>
      <c r="S6205" s="98">
        <v>0</v>
      </c>
      <c r="T6205" s="98">
        <v>0</v>
      </c>
      <c r="U6205" s="99"/>
      <c r="V6205" s="99"/>
      <c r="W6205" s="99"/>
      <c r="X6205" s="99"/>
      <c r="Y6205" s="99"/>
      <c r="Z6205" s="99"/>
      <c r="AA6205" s="99"/>
      <c r="AB6205" s="99"/>
      <c r="AC6205" s="99"/>
      <c r="AD6205" s="99"/>
      <c r="AE6205" s="99"/>
      <c r="AF6205" s="99"/>
      <c r="AG6205" s="99"/>
      <c r="AH6205" s="99"/>
      <c r="AI6205" s="99"/>
      <c r="AJ6205" s="99"/>
      <c r="AK6205" s="99"/>
      <c r="AL6205" s="99"/>
      <c r="AM6205" s="99"/>
      <c r="AN6205" s="99"/>
      <c r="AO6205" s="99"/>
      <c r="AP6205" s="99"/>
      <c r="AQ6205" s="99"/>
      <c r="AR6205" s="99"/>
      <c r="AS6205" s="99"/>
      <c r="AT6205" s="99"/>
      <c r="AU6205" s="99"/>
      <c r="AV6205" s="99"/>
      <c r="AW6205" s="99"/>
      <c r="AX6205" s="99"/>
      <c r="AY6205" s="99"/>
      <c r="AZ6205" s="99"/>
      <c r="BA6205" s="99"/>
      <c r="BB6205" s="107">
        <v>45884</v>
      </c>
    </row>
    <row r="6206" spans="1:54" s="101" customFormat="1" ht="15.75" customHeight="1" x14ac:dyDescent="0.25">
      <c r="A6206" s="229" t="s">
        <v>24652</v>
      </c>
      <c r="B6206" s="241" t="s">
        <v>14192</v>
      </c>
      <c r="C6206" s="223" t="s">
        <v>24650</v>
      </c>
      <c r="D6206" s="223" t="s">
        <v>24651</v>
      </c>
      <c r="E6206" s="222">
        <v>2024</v>
      </c>
      <c r="F6206" s="222">
        <v>645</v>
      </c>
      <c r="G6206" s="223" t="s">
        <v>1</v>
      </c>
      <c r="H6206" s="223">
        <v>1</v>
      </c>
      <c r="I6206" s="223">
        <v>1</v>
      </c>
      <c r="J6206" s="223">
        <v>1</v>
      </c>
      <c r="K6206" s="223">
        <v>0</v>
      </c>
      <c r="L6206" s="223">
        <v>0</v>
      </c>
      <c r="M6206" s="223">
        <v>0</v>
      </c>
      <c r="N6206" s="223">
        <v>0</v>
      </c>
      <c r="O6206" s="223">
        <v>0</v>
      </c>
      <c r="P6206" s="223">
        <v>0</v>
      </c>
      <c r="Q6206" s="223">
        <v>0</v>
      </c>
      <c r="R6206" s="223">
        <v>0</v>
      </c>
      <c r="S6206" s="223">
        <v>0</v>
      </c>
      <c r="T6206" s="223">
        <v>0</v>
      </c>
      <c r="U6206" s="244"/>
      <c r="V6206" s="244"/>
      <c r="W6206" s="244"/>
      <c r="X6206" s="244"/>
      <c r="Y6206" s="244"/>
      <c r="Z6206" s="244"/>
      <c r="AA6206" s="244"/>
      <c r="AB6206" s="244"/>
      <c r="AC6206" s="244"/>
      <c r="AD6206" s="244"/>
      <c r="AE6206" s="244"/>
      <c r="AF6206" s="244"/>
      <c r="AG6206" s="244"/>
      <c r="AH6206" s="244"/>
      <c r="AI6206" s="244"/>
      <c r="AJ6206" s="244"/>
      <c r="AK6206" s="244"/>
      <c r="AL6206" s="244"/>
      <c r="AM6206" s="244"/>
      <c r="AN6206" s="244"/>
      <c r="AO6206" s="244"/>
      <c r="AP6206" s="244"/>
      <c r="AQ6206" s="244"/>
      <c r="AR6206" s="244"/>
      <c r="AS6206" s="244"/>
      <c r="AT6206" s="244"/>
      <c r="AU6206" s="244"/>
      <c r="AV6206" s="244"/>
      <c r="AW6206" s="244"/>
      <c r="AX6206" s="244"/>
      <c r="AY6206" s="244"/>
      <c r="AZ6206" s="244"/>
      <c r="BA6206" s="244"/>
      <c r="BB6206" s="107">
        <v>45884</v>
      </c>
    </row>
    <row r="6207" spans="1:54" s="8" customFormat="1" ht="13.95" customHeight="1" x14ac:dyDescent="0.25">
      <c r="A6207" s="219" t="s">
        <v>14600</v>
      </c>
      <c r="B6207" s="220" t="s">
        <v>14601</v>
      </c>
      <c r="C6207" s="98" t="s">
        <v>14602</v>
      </c>
      <c r="D6207" s="98" t="s">
        <v>14603</v>
      </c>
      <c r="E6207" s="141">
        <v>1986</v>
      </c>
      <c r="F6207" s="141">
        <v>108</v>
      </c>
      <c r="G6207" s="98" t="s">
        <v>8</v>
      </c>
      <c r="H6207" s="98">
        <v>0</v>
      </c>
      <c r="I6207" s="98">
        <v>0</v>
      </c>
      <c r="J6207" s="98">
        <v>0</v>
      </c>
      <c r="K6207" s="98">
        <v>0</v>
      </c>
      <c r="L6207" s="98">
        <v>0</v>
      </c>
      <c r="M6207" s="98">
        <v>0</v>
      </c>
      <c r="N6207" s="98">
        <v>0</v>
      </c>
      <c r="O6207" s="98">
        <v>0</v>
      </c>
      <c r="P6207" s="98">
        <v>0</v>
      </c>
      <c r="Q6207" s="98">
        <v>0</v>
      </c>
      <c r="R6207" s="98">
        <v>0</v>
      </c>
      <c r="S6207" s="98">
        <v>0</v>
      </c>
      <c r="T6207" s="98">
        <v>0</v>
      </c>
      <c r="U6207" s="98">
        <v>0</v>
      </c>
      <c r="V6207" s="98">
        <v>0</v>
      </c>
      <c r="W6207" s="98">
        <v>0</v>
      </c>
      <c r="X6207" s="98">
        <v>0</v>
      </c>
      <c r="Y6207" s="98">
        <v>0</v>
      </c>
      <c r="Z6207" s="98">
        <v>0</v>
      </c>
      <c r="AA6207" s="98">
        <v>0</v>
      </c>
      <c r="AB6207" s="98">
        <v>0</v>
      </c>
      <c r="AC6207" s="98">
        <v>0</v>
      </c>
      <c r="AD6207" s="98">
        <v>0</v>
      </c>
      <c r="AE6207" s="98">
        <v>0</v>
      </c>
      <c r="AF6207" s="98">
        <v>0</v>
      </c>
      <c r="AG6207" s="98">
        <v>0</v>
      </c>
      <c r="AH6207" s="98">
        <v>0</v>
      </c>
      <c r="AI6207" s="98">
        <v>0</v>
      </c>
      <c r="AJ6207" s="98">
        <v>0</v>
      </c>
      <c r="AK6207" s="98">
        <v>0</v>
      </c>
      <c r="AL6207" s="98">
        <v>0</v>
      </c>
      <c r="AM6207" s="98">
        <v>0</v>
      </c>
      <c r="AN6207" s="98">
        <v>0</v>
      </c>
      <c r="AO6207" s="98">
        <v>0</v>
      </c>
      <c r="AP6207" s="98">
        <v>0</v>
      </c>
      <c r="AQ6207" s="98">
        <v>0</v>
      </c>
      <c r="AR6207" s="98">
        <v>0</v>
      </c>
      <c r="AS6207" s="98">
        <v>0</v>
      </c>
      <c r="AT6207" s="129" t="s">
        <v>174</v>
      </c>
      <c r="AU6207" s="98">
        <v>0</v>
      </c>
      <c r="AV6207" s="98">
        <v>0</v>
      </c>
      <c r="AW6207" s="98">
        <v>0</v>
      </c>
      <c r="AX6207" s="98"/>
      <c r="AY6207" s="98"/>
      <c r="AZ6207" s="98"/>
      <c r="BA6207" s="98"/>
      <c r="BB6207" s="107">
        <v>45884</v>
      </c>
    </row>
    <row r="6208" spans="1:54" s="8" customFormat="1" ht="13.95" customHeight="1" x14ac:dyDescent="0.25">
      <c r="A6208" s="219" t="s">
        <v>14604</v>
      </c>
      <c r="B6208" s="220" t="s">
        <v>14601</v>
      </c>
      <c r="C6208" s="98" t="s">
        <v>14605</v>
      </c>
      <c r="D6208" s="98" t="s">
        <v>21880</v>
      </c>
      <c r="E6208" s="141">
        <v>1986</v>
      </c>
      <c r="F6208" s="141">
        <v>149</v>
      </c>
      <c r="G6208" s="98" t="s">
        <v>8</v>
      </c>
      <c r="H6208" s="98">
        <v>0</v>
      </c>
      <c r="I6208" s="98">
        <v>0</v>
      </c>
      <c r="J6208" s="98">
        <v>0</v>
      </c>
      <c r="K6208" s="98">
        <v>0</v>
      </c>
      <c r="L6208" s="98">
        <v>0</v>
      </c>
      <c r="M6208" s="98">
        <v>0</v>
      </c>
      <c r="N6208" s="98">
        <v>0</v>
      </c>
      <c r="O6208" s="98">
        <v>0</v>
      </c>
      <c r="P6208" s="98">
        <v>0</v>
      </c>
      <c r="Q6208" s="98">
        <v>0</v>
      </c>
      <c r="R6208" s="98">
        <v>0</v>
      </c>
      <c r="S6208" s="98">
        <v>0</v>
      </c>
      <c r="T6208" s="98">
        <v>0</v>
      </c>
      <c r="U6208" s="98">
        <v>0</v>
      </c>
      <c r="V6208" s="98">
        <v>0</v>
      </c>
      <c r="W6208" s="98">
        <v>0</v>
      </c>
      <c r="X6208" s="98">
        <v>0</v>
      </c>
      <c r="Y6208" s="98">
        <v>0</v>
      </c>
      <c r="Z6208" s="98">
        <v>0</v>
      </c>
      <c r="AA6208" s="98">
        <v>0</v>
      </c>
      <c r="AB6208" s="98">
        <v>0</v>
      </c>
      <c r="AC6208" s="98">
        <v>0</v>
      </c>
      <c r="AD6208" s="98">
        <v>0</v>
      </c>
      <c r="AE6208" s="98">
        <v>0</v>
      </c>
      <c r="AF6208" s="98">
        <v>0</v>
      </c>
      <c r="AG6208" s="98">
        <v>0</v>
      </c>
      <c r="AH6208" s="98">
        <v>0</v>
      </c>
      <c r="AI6208" s="98">
        <v>0</v>
      </c>
      <c r="AJ6208" s="98">
        <v>0</v>
      </c>
      <c r="AK6208" s="98">
        <v>0</v>
      </c>
      <c r="AL6208" s="98">
        <v>0</v>
      </c>
      <c r="AM6208" s="98">
        <v>0</v>
      </c>
      <c r="AN6208" s="98">
        <v>0</v>
      </c>
      <c r="AO6208" s="98">
        <v>0</v>
      </c>
      <c r="AP6208" s="98">
        <v>0</v>
      </c>
      <c r="AQ6208" s="98">
        <v>0</v>
      </c>
      <c r="AR6208" s="98">
        <v>0</v>
      </c>
      <c r="AS6208" s="98">
        <v>0</v>
      </c>
      <c r="AT6208" s="129" t="s">
        <v>174</v>
      </c>
      <c r="AU6208" s="98">
        <v>0</v>
      </c>
      <c r="AV6208" s="98">
        <v>0</v>
      </c>
      <c r="AW6208" s="98">
        <v>0</v>
      </c>
      <c r="AX6208" s="98"/>
      <c r="AY6208" s="98"/>
      <c r="AZ6208" s="98"/>
      <c r="BA6208" s="98"/>
      <c r="BB6208" s="107">
        <v>45884</v>
      </c>
    </row>
    <row r="6209" spans="1:54" s="8" customFormat="1" ht="13.95" customHeight="1" x14ac:dyDescent="0.25">
      <c r="A6209" s="219" t="s">
        <v>14606</v>
      </c>
      <c r="B6209" s="220" t="s">
        <v>14601</v>
      </c>
      <c r="C6209" s="98" t="s">
        <v>14607</v>
      </c>
      <c r="D6209" s="98" t="s">
        <v>14608</v>
      </c>
      <c r="E6209" s="141">
        <v>1997</v>
      </c>
      <c r="F6209" s="141">
        <v>165</v>
      </c>
      <c r="G6209" s="98" t="s">
        <v>1</v>
      </c>
      <c r="H6209" s="98">
        <v>0</v>
      </c>
      <c r="I6209" s="98">
        <v>0</v>
      </c>
      <c r="J6209" s="98">
        <v>0</v>
      </c>
      <c r="K6209" s="98">
        <v>1</v>
      </c>
      <c r="L6209" s="98">
        <v>1</v>
      </c>
      <c r="M6209" s="98">
        <v>0</v>
      </c>
      <c r="N6209" s="98">
        <v>0</v>
      </c>
      <c r="O6209" s="98">
        <v>0</v>
      </c>
      <c r="P6209" s="98">
        <v>0</v>
      </c>
      <c r="Q6209" s="98">
        <v>0</v>
      </c>
      <c r="R6209" s="98">
        <v>0</v>
      </c>
      <c r="S6209" s="98">
        <v>1</v>
      </c>
      <c r="T6209" s="98">
        <v>0</v>
      </c>
      <c r="U6209" s="99"/>
      <c r="V6209" s="99"/>
      <c r="W6209" s="99"/>
      <c r="X6209" s="99"/>
      <c r="Y6209" s="99"/>
      <c r="Z6209" s="99"/>
      <c r="AA6209" s="99"/>
      <c r="AB6209" s="99"/>
      <c r="AC6209" s="99"/>
      <c r="AD6209" s="99"/>
      <c r="AE6209" s="99"/>
      <c r="AF6209" s="99"/>
      <c r="AG6209" s="99"/>
      <c r="AH6209" s="99"/>
      <c r="AI6209" s="99"/>
      <c r="AJ6209" s="99"/>
      <c r="AK6209" s="99"/>
      <c r="AL6209" s="99"/>
      <c r="AM6209" s="99"/>
      <c r="AN6209" s="99"/>
      <c r="AO6209" s="99"/>
      <c r="AP6209" s="99"/>
      <c r="AQ6209" s="99"/>
      <c r="AR6209" s="99"/>
      <c r="AS6209" s="99"/>
      <c r="AT6209" s="99"/>
      <c r="AU6209" s="99"/>
      <c r="AV6209" s="99"/>
      <c r="AW6209" s="99"/>
      <c r="AX6209" s="99"/>
      <c r="AY6209" s="99"/>
      <c r="AZ6209" s="99"/>
      <c r="BA6209" s="99"/>
      <c r="BB6209" s="107">
        <v>45884</v>
      </c>
    </row>
    <row r="6210" spans="1:54" s="8" customFormat="1" ht="13.95" customHeight="1" x14ac:dyDescent="0.25">
      <c r="A6210" s="219" t="s">
        <v>14609</v>
      </c>
      <c r="B6210" s="220" t="s">
        <v>14601</v>
      </c>
      <c r="C6210" s="98" t="s">
        <v>14610</v>
      </c>
      <c r="D6210" s="98" t="s">
        <v>14611</v>
      </c>
      <c r="E6210" s="141">
        <v>2015</v>
      </c>
      <c r="F6210" s="141">
        <v>236</v>
      </c>
      <c r="G6210" s="98" t="s">
        <v>1</v>
      </c>
      <c r="H6210" s="98">
        <v>0</v>
      </c>
      <c r="I6210" s="98">
        <v>0</v>
      </c>
      <c r="J6210" s="98">
        <v>1</v>
      </c>
      <c r="K6210" s="98">
        <v>1</v>
      </c>
      <c r="L6210" s="98">
        <v>0</v>
      </c>
      <c r="M6210" s="98">
        <v>0</v>
      </c>
      <c r="N6210" s="98">
        <v>0</v>
      </c>
      <c r="O6210" s="98">
        <v>0</v>
      </c>
      <c r="P6210" s="98">
        <v>1</v>
      </c>
      <c r="Q6210" s="98">
        <v>0</v>
      </c>
      <c r="R6210" s="98">
        <v>1</v>
      </c>
      <c r="S6210" s="98">
        <v>0</v>
      </c>
      <c r="T6210" s="98">
        <v>0</v>
      </c>
      <c r="U6210" s="99"/>
      <c r="V6210" s="99"/>
      <c r="W6210" s="99"/>
      <c r="X6210" s="99"/>
      <c r="Y6210" s="99"/>
      <c r="Z6210" s="99"/>
      <c r="AA6210" s="99"/>
      <c r="AB6210" s="99"/>
      <c r="AC6210" s="99"/>
      <c r="AD6210" s="99"/>
      <c r="AE6210" s="99"/>
      <c r="AF6210" s="99"/>
      <c r="AG6210" s="99"/>
      <c r="AH6210" s="99"/>
      <c r="AI6210" s="99"/>
      <c r="AJ6210" s="99"/>
      <c r="AK6210" s="99"/>
      <c r="AL6210" s="99"/>
      <c r="AM6210" s="99"/>
      <c r="AN6210" s="99"/>
      <c r="AO6210" s="99"/>
      <c r="AP6210" s="99"/>
      <c r="AQ6210" s="99"/>
      <c r="AR6210" s="99"/>
      <c r="AS6210" s="99"/>
      <c r="AT6210" s="99"/>
      <c r="AU6210" s="99"/>
      <c r="AV6210" s="99"/>
      <c r="AW6210" s="99"/>
      <c r="AX6210" s="99"/>
      <c r="AY6210" s="99"/>
      <c r="AZ6210" s="99"/>
      <c r="BA6210" s="98" t="s">
        <v>14612</v>
      </c>
      <c r="BB6210" s="107">
        <v>45884</v>
      </c>
    </row>
    <row r="6211" spans="1:54" s="8" customFormat="1" ht="13.95" customHeight="1" x14ac:dyDescent="0.25">
      <c r="A6211" s="219" t="s">
        <v>14613</v>
      </c>
      <c r="B6211" s="220" t="s">
        <v>14601</v>
      </c>
      <c r="C6211" s="98" t="s">
        <v>14614</v>
      </c>
      <c r="D6211" s="98" t="s">
        <v>14615</v>
      </c>
      <c r="E6211" s="141">
        <v>1986</v>
      </c>
      <c r="F6211" s="141">
        <v>255</v>
      </c>
      <c r="G6211" s="98" t="s">
        <v>8</v>
      </c>
      <c r="H6211" s="98">
        <v>0</v>
      </c>
      <c r="I6211" s="98">
        <v>0</v>
      </c>
      <c r="J6211" s="98">
        <v>0</v>
      </c>
      <c r="K6211" s="98">
        <v>0</v>
      </c>
      <c r="L6211" s="98">
        <v>0</v>
      </c>
      <c r="M6211" s="98">
        <v>0</v>
      </c>
      <c r="N6211" s="98">
        <v>0</v>
      </c>
      <c r="O6211" s="98">
        <v>0</v>
      </c>
      <c r="P6211" s="98">
        <v>0</v>
      </c>
      <c r="Q6211" s="98">
        <v>0</v>
      </c>
      <c r="R6211" s="98">
        <v>0</v>
      </c>
      <c r="S6211" s="98">
        <v>0</v>
      </c>
      <c r="T6211" s="98">
        <v>0</v>
      </c>
      <c r="U6211" s="98">
        <v>0</v>
      </c>
      <c r="V6211" s="98">
        <v>0</v>
      </c>
      <c r="W6211" s="98">
        <v>0</v>
      </c>
      <c r="X6211" s="98">
        <v>0</v>
      </c>
      <c r="Y6211" s="98">
        <v>0</v>
      </c>
      <c r="Z6211" s="98">
        <v>0</v>
      </c>
      <c r="AA6211" s="98">
        <v>0</v>
      </c>
      <c r="AB6211" s="98">
        <v>0</v>
      </c>
      <c r="AC6211" s="98">
        <v>0</v>
      </c>
      <c r="AD6211" s="98">
        <v>0</v>
      </c>
      <c r="AE6211" s="98">
        <v>0</v>
      </c>
      <c r="AF6211" s="98">
        <v>0</v>
      </c>
      <c r="AG6211" s="98">
        <v>0</v>
      </c>
      <c r="AH6211" s="98">
        <v>0</v>
      </c>
      <c r="AI6211" s="98">
        <v>0</v>
      </c>
      <c r="AJ6211" s="98">
        <v>0</v>
      </c>
      <c r="AK6211" s="98">
        <v>0</v>
      </c>
      <c r="AL6211" s="98">
        <v>0</v>
      </c>
      <c r="AM6211" s="98">
        <v>0</v>
      </c>
      <c r="AN6211" s="98">
        <v>0</v>
      </c>
      <c r="AO6211" s="98">
        <v>0</v>
      </c>
      <c r="AP6211" s="98">
        <v>0</v>
      </c>
      <c r="AQ6211" s="98">
        <v>0</v>
      </c>
      <c r="AR6211" s="98">
        <v>0</v>
      </c>
      <c r="AS6211" s="98">
        <v>0</v>
      </c>
      <c r="AT6211" s="129" t="s">
        <v>174</v>
      </c>
      <c r="AU6211" s="98">
        <v>0</v>
      </c>
      <c r="AV6211" s="98">
        <v>0</v>
      </c>
      <c r="AW6211" s="98">
        <v>0</v>
      </c>
      <c r="AX6211" s="98"/>
      <c r="AY6211" s="98"/>
      <c r="AZ6211" s="98"/>
      <c r="BA6211" s="98"/>
      <c r="BB6211" s="107">
        <v>45884</v>
      </c>
    </row>
    <row r="6212" spans="1:54" s="8" customFormat="1" ht="13.95" customHeight="1" x14ac:dyDescent="0.25">
      <c r="A6212" s="219" t="s">
        <v>14616</v>
      </c>
      <c r="B6212" s="220" t="s">
        <v>14601</v>
      </c>
      <c r="C6212" s="98" t="s">
        <v>14617</v>
      </c>
      <c r="D6212" s="98" t="s">
        <v>14618</v>
      </c>
      <c r="E6212" s="141">
        <v>2012</v>
      </c>
      <c r="F6212" s="141">
        <v>286</v>
      </c>
      <c r="G6212" s="98" t="s">
        <v>1</v>
      </c>
      <c r="H6212" s="98">
        <v>0</v>
      </c>
      <c r="I6212" s="98">
        <v>0</v>
      </c>
      <c r="J6212" s="98">
        <v>1</v>
      </c>
      <c r="K6212" s="98">
        <v>1</v>
      </c>
      <c r="L6212" s="98">
        <v>0</v>
      </c>
      <c r="M6212" s="98">
        <v>0</v>
      </c>
      <c r="N6212" s="98">
        <v>0</v>
      </c>
      <c r="O6212" s="98">
        <v>0</v>
      </c>
      <c r="P6212" s="98">
        <v>0</v>
      </c>
      <c r="Q6212" s="98">
        <v>0</v>
      </c>
      <c r="R6212" s="98">
        <v>0</v>
      </c>
      <c r="S6212" s="98">
        <v>0</v>
      </c>
      <c r="T6212" s="98">
        <v>0</v>
      </c>
      <c r="U6212" s="99"/>
      <c r="V6212" s="99"/>
      <c r="W6212" s="99"/>
      <c r="X6212" s="99"/>
      <c r="Y6212" s="99"/>
      <c r="Z6212" s="99"/>
      <c r="AA6212" s="99"/>
      <c r="AB6212" s="99"/>
      <c r="AC6212" s="99"/>
      <c r="AD6212" s="99"/>
      <c r="AE6212" s="99"/>
      <c r="AF6212" s="99"/>
      <c r="AG6212" s="99"/>
      <c r="AH6212" s="99"/>
      <c r="AI6212" s="99"/>
      <c r="AJ6212" s="99"/>
      <c r="AK6212" s="99"/>
      <c r="AL6212" s="99"/>
      <c r="AM6212" s="99"/>
      <c r="AN6212" s="99"/>
      <c r="AO6212" s="99"/>
      <c r="AP6212" s="99"/>
      <c r="AQ6212" s="99"/>
      <c r="AR6212" s="99"/>
      <c r="AS6212" s="99"/>
      <c r="AT6212" s="99"/>
      <c r="AU6212" s="99"/>
      <c r="AV6212" s="99"/>
      <c r="AW6212" s="99"/>
      <c r="AX6212" s="99"/>
      <c r="AY6212" s="99"/>
      <c r="AZ6212" s="99"/>
      <c r="BA6212" s="99"/>
      <c r="BB6212" s="107">
        <v>45884</v>
      </c>
    </row>
    <row r="6213" spans="1:54" s="8" customFormat="1" ht="13.95" customHeight="1" x14ac:dyDescent="0.25">
      <c r="A6213" s="219" t="s">
        <v>14619</v>
      </c>
      <c r="B6213" s="220" t="s">
        <v>14601</v>
      </c>
      <c r="C6213" s="98" t="s">
        <v>14620</v>
      </c>
      <c r="D6213" s="98" t="s">
        <v>14621</v>
      </c>
      <c r="E6213" s="141">
        <v>1992</v>
      </c>
      <c r="F6213" s="141">
        <v>288</v>
      </c>
      <c r="G6213" s="98" t="s">
        <v>1</v>
      </c>
      <c r="H6213" s="98">
        <v>0</v>
      </c>
      <c r="I6213" s="98">
        <v>0</v>
      </c>
      <c r="J6213" s="98">
        <v>0</v>
      </c>
      <c r="K6213" s="98">
        <v>0</v>
      </c>
      <c r="L6213" s="98">
        <v>1</v>
      </c>
      <c r="M6213" s="98">
        <v>0</v>
      </c>
      <c r="N6213" s="98">
        <v>0</v>
      </c>
      <c r="O6213" s="98">
        <v>1</v>
      </c>
      <c r="P6213" s="98">
        <v>1</v>
      </c>
      <c r="Q6213" s="98">
        <v>0</v>
      </c>
      <c r="R6213" s="98">
        <v>0</v>
      </c>
      <c r="S6213" s="98">
        <v>0</v>
      </c>
      <c r="T6213" s="98">
        <v>0</v>
      </c>
      <c r="U6213" s="99"/>
      <c r="V6213" s="99"/>
      <c r="W6213" s="99"/>
      <c r="X6213" s="99"/>
      <c r="Y6213" s="99"/>
      <c r="Z6213" s="99"/>
      <c r="AA6213" s="99"/>
      <c r="AB6213" s="99"/>
      <c r="AC6213" s="99"/>
      <c r="AD6213" s="99"/>
      <c r="AE6213" s="99"/>
      <c r="AF6213" s="99"/>
      <c r="AG6213" s="99"/>
      <c r="AH6213" s="99"/>
      <c r="AI6213" s="99"/>
      <c r="AJ6213" s="99"/>
      <c r="AK6213" s="99"/>
      <c r="AL6213" s="99"/>
      <c r="AM6213" s="99"/>
      <c r="AN6213" s="99"/>
      <c r="AO6213" s="99"/>
      <c r="AP6213" s="99"/>
      <c r="AQ6213" s="99"/>
      <c r="AR6213" s="99"/>
      <c r="AS6213" s="99"/>
      <c r="AT6213" s="99"/>
      <c r="AU6213" s="99"/>
      <c r="AV6213" s="99"/>
      <c r="AW6213" s="99"/>
      <c r="AX6213" s="99"/>
      <c r="AY6213" s="99"/>
      <c r="AZ6213" s="99"/>
      <c r="BA6213" s="99"/>
      <c r="BB6213" s="107">
        <v>45884</v>
      </c>
    </row>
    <row r="6214" spans="1:54" s="8" customFormat="1" ht="13.95" customHeight="1" x14ac:dyDescent="0.25">
      <c r="A6214" s="219" t="s">
        <v>14622</v>
      </c>
      <c r="B6214" s="220" t="s">
        <v>14601</v>
      </c>
      <c r="C6214" s="98" t="s">
        <v>14623</v>
      </c>
      <c r="D6214" s="98" t="s">
        <v>14624</v>
      </c>
      <c r="E6214" s="141">
        <v>1986</v>
      </c>
      <c r="F6214" s="141">
        <v>294</v>
      </c>
      <c r="G6214" s="98" t="s">
        <v>8</v>
      </c>
      <c r="H6214" s="98">
        <v>0</v>
      </c>
      <c r="I6214" s="98">
        <v>0</v>
      </c>
      <c r="J6214" s="98">
        <v>0</v>
      </c>
      <c r="K6214" s="98">
        <v>0</v>
      </c>
      <c r="L6214" s="98">
        <v>0</v>
      </c>
      <c r="M6214" s="98">
        <v>0</v>
      </c>
      <c r="N6214" s="98">
        <v>0</v>
      </c>
      <c r="O6214" s="98">
        <v>0</v>
      </c>
      <c r="P6214" s="98">
        <v>0</v>
      </c>
      <c r="Q6214" s="98">
        <v>0</v>
      </c>
      <c r="R6214" s="98">
        <v>0</v>
      </c>
      <c r="S6214" s="98">
        <v>0</v>
      </c>
      <c r="T6214" s="98">
        <v>0</v>
      </c>
      <c r="U6214" s="98">
        <v>0</v>
      </c>
      <c r="V6214" s="98">
        <v>0</v>
      </c>
      <c r="W6214" s="98">
        <v>0</v>
      </c>
      <c r="X6214" s="98">
        <v>0</v>
      </c>
      <c r="Y6214" s="98">
        <v>0</v>
      </c>
      <c r="Z6214" s="98">
        <v>0</v>
      </c>
      <c r="AA6214" s="98">
        <v>0</v>
      </c>
      <c r="AB6214" s="98">
        <v>0</v>
      </c>
      <c r="AC6214" s="98">
        <v>0</v>
      </c>
      <c r="AD6214" s="98">
        <v>0</v>
      </c>
      <c r="AE6214" s="98">
        <v>0</v>
      </c>
      <c r="AF6214" s="98">
        <v>0</v>
      </c>
      <c r="AG6214" s="98">
        <v>0</v>
      </c>
      <c r="AH6214" s="98">
        <v>0</v>
      </c>
      <c r="AI6214" s="98">
        <v>0</v>
      </c>
      <c r="AJ6214" s="98">
        <v>0</v>
      </c>
      <c r="AK6214" s="98">
        <v>0</v>
      </c>
      <c r="AL6214" s="98">
        <v>0</v>
      </c>
      <c r="AM6214" s="98">
        <v>0</v>
      </c>
      <c r="AN6214" s="98">
        <v>0</v>
      </c>
      <c r="AO6214" s="98">
        <v>0</v>
      </c>
      <c r="AP6214" s="98">
        <v>0</v>
      </c>
      <c r="AQ6214" s="98">
        <v>0</v>
      </c>
      <c r="AR6214" s="98">
        <v>0</v>
      </c>
      <c r="AS6214" s="98">
        <v>0</v>
      </c>
      <c r="AT6214" s="129" t="s">
        <v>174</v>
      </c>
      <c r="AU6214" s="98">
        <v>0</v>
      </c>
      <c r="AV6214" s="98">
        <v>0</v>
      </c>
      <c r="AW6214" s="98">
        <v>0</v>
      </c>
      <c r="AX6214" s="98"/>
      <c r="AY6214" s="98"/>
      <c r="AZ6214" s="98"/>
      <c r="BA6214" s="98"/>
      <c r="BB6214" s="107">
        <v>45884</v>
      </c>
    </row>
    <row r="6215" spans="1:54" s="8" customFormat="1" ht="13.95" customHeight="1" x14ac:dyDescent="0.25">
      <c r="A6215" s="219" t="s">
        <v>14625</v>
      </c>
      <c r="B6215" s="220" t="s">
        <v>14601</v>
      </c>
      <c r="C6215" s="98" t="s">
        <v>14626</v>
      </c>
      <c r="D6215" s="98" t="s">
        <v>14627</v>
      </c>
      <c r="E6215" s="141">
        <v>1971</v>
      </c>
      <c r="F6215" s="141">
        <v>310</v>
      </c>
      <c r="G6215" s="98" t="s">
        <v>1</v>
      </c>
      <c r="H6215" s="98">
        <v>0</v>
      </c>
      <c r="I6215" s="98">
        <v>0</v>
      </c>
      <c r="J6215" s="98">
        <v>0</v>
      </c>
      <c r="K6215" s="98">
        <v>0</v>
      </c>
      <c r="L6215" s="98">
        <v>0</v>
      </c>
      <c r="M6215" s="98">
        <v>0</v>
      </c>
      <c r="N6215" s="98">
        <v>0</v>
      </c>
      <c r="O6215" s="98">
        <v>0</v>
      </c>
      <c r="P6215" s="98">
        <v>0</v>
      </c>
      <c r="Q6215" s="98">
        <v>0</v>
      </c>
      <c r="R6215" s="98">
        <v>0</v>
      </c>
      <c r="S6215" s="98">
        <v>0</v>
      </c>
      <c r="T6215" s="98">
        <v>0</v>
      </c>
      <c r="U6215" s="99"/>
      <c r="V6215" s="99"/>
      <c r="W6215" s="99"/>
      <c r="X6215" s="99"/>
      <c r="Y6215" s="99"/>
      <c r="Z6215" s="99"/>
      <c r="AA6215" s="99"/>
      <c r="AB6215" s="99"/>
      <c r="AC6215" s="99"/>
      <c r="AD6215" s="99"/>
      <c r="AE6215" s="99"/>
      <c r="AF6215" s="99"/>
      <c r="AG6215" s="99"/>
      <c r="AH6215" s="99"/>
      <c r="AI6215" s="99"/>
      <c r="AJ6215" s="99"/>
      <c r="AK6215" s="99"/>
      <c r="AL6215" s="99"/>
      <c r="AM6215" s="99"/>
      <c r="AN6215" s="99"/>
      <c r="AO6215" s="99"/>
      <c r="AP6215" s="99"/>
      <c r="AQ6215" s="99"/>
      <c r="AR6215" s="99"/>
      <c r="AS6215" s="99"/>
      <c r="AT6215" s="99"/>
      <c r="AU6215" s="99"/>
      <c r="AV6215" s="99"/>
      <c r="AW6215" s="99"/>
      <c r="AX6215" s="99"/>
      <c r="AY6215" s="99"/>
      <c r="AZ6215" s="99"/>
      <c r="BA6215" s="99"/>
      <c r="BB6215" s="107">
        <v>45884</v>
      </c>
    </row>
    <row r="6216" spans="1:54" s="8" customFormat="1" ht="13.95" customHeight="1" x14ac:dyDescent="0.25">
      <c r="A6216" s="219" t="s">
        <v>14628</v>
      </c>
      <c r="B6216" s="220" t="s">
        <v>14601</v>
      </c>
      <c r="C6216" s="98" t="s">
        <v>14629</v>
      </c>
      <c r="D6216" s="98" t="s">
        <v>14630</v>
      </c>
      <c r="E6216" s="141">
        <v>1997</v>
      </c>
      <c r="F6216" s="141">
        <v>324</v>
      </c>
      <c r="G6216" s="98" t="s">
        <v>1</v>
      </c>
      <c r="H6216" s="98">
        <v>0</v>
      </c>
      <c r="I6216" s="98">
        <v>0</v>
      </c>
      <c r="J6216" s="98">
        <v>0</v>
      </c>
      <c r="K6216" s="98">
        <v>0</v>
      </c>
      <c r="L6216" s="98">
        <v>0</v>
      </c>
      <c r="M6216" s="98">
        <v>0</v>
      </c>
      <c r="N6216" s="98">
        <v>0</v>
      </c>
      <c r="O6216" s="98">
        <v>0</v>
      </c>
      <c r="P6216" s="98">
        <v>1</v>
      </c>
      <c r="Q6216" s="98">
        <v>0</v>
      </c>
      <c r="R6216" s="98">
        <v>1</v>
      </c>
      <c r="S6216" s="98">
        <v>1</v>
      </c>
      <c r="T6216" s="98">
        <v>0</v>
      </c>
      <c r="U6216" s="99"/>
      <c r="V6216" s="99"/>
      <c r="W6216" s="99"/>
      <c r="X6216" s="99"/>
      <c r="Y6216" s="99"/>
      <c r="Z6216" s="99"/>
      <c r="AA6216" s="99"/>
      <c r="AB6216" s="99"/>
      <c r="AC6216" s="99"/>
      <c r="AD6216" s="99"/>
      <c r="AE6216" s="99"/>
      <c r="AF6216" s="99"/>
      <c r="AG6216" s="99"/>
      <c r="AH6216" s="99"/>
      <c r="AI6216" s="99"/>
      <c r="AJ6216" s="99"/>
      <c r="AK6216" s="99"/>
      <c r="AL6216" s="99"/>
      <c r="AM6216" s="99"/>
      <c r="AN6216" s="99"/>
      <c r="AO6216" s="99"/>
      <c r="AP6216" s="99"/>
      <c r="AQ6216" s="99"/>
      <c r="AR6216" s="99"/>
      <c r="AS6216" s="99"/>
      <c r="AT6216" s="99"/>
      <c r="AU6216" s="99"/>
      <c r="AV6216" s="99"/>
      <c r="AW6216" s="99"/>
      <c r="AX6216" s="99"/>
      <c r="AY6216" s="99"/>
      <c r="AZ6216" s="99"/>
      <c r="BA6216" s="98" t="s">
        <v>6830</v>
      </c>
      <c r="BB6216" s="107">
        <v>45884</v>
      </c>
    </row>
    <row r="6217" spans="1:54" s="8" customFormat="1" ht="13.95" customHeight="1" x14ac:dyDescent="0.25">
      <c r="A6217" s="219" t="s">
        <v>14631</v>
      </c>
      <c r="B6217" s="220" t="s">
        <v>14601</v>
      </c>
      <c r="C6217" s="98" t="s">
        <v>14632</v>
      </c>
      <c r="D6217" s="98" t="s">
        <v>14633</v>
      </c>
      <c r="E6217" s="141">
        <v>1997</v>
      </c>
      <c r="F6217" s="141">
        <v>392</v>
      </c>
      <c r="G6217" s="98" t="s">
        <v>1</v>
      </c>
      <c r="H6217" s="98">
        <v>0</v>
      </c>
      <c r="I6217" s="98">
        <v>0</v>
      </c>
      <c r="J6217" s="98">
        <v>1</v>
      </c>
      <c r="K6217" s="98">
        <v>0</v>
      </c>
      <c r="L6217" s="98">
        <v>1</v>
      </c>
      <c r="M6217" s="98">
        <v>1</v>
      </c>
      <c r="N6217" s="98">
        <v>0</v>
      </c>
      <c r="O6217" s="98">
        <v>0</v>
      </c>
      <c r="P6217" s="98">
        <v>0</v>
      </c>
      <c r="Q6217" s="98">
        <v>0</v>
      </c>
      <c r="R6217" s="98">
        <v>0</v>
      </c>
      <c r="S6217" s="98">
        <v>0</v>
      </c>
      <c r="T6217" s="98">
        <v>0</v>
      </c>
      <c r="U6217" s="99"/>
      <c r="V6217" s="99"/>
      <c r="W6217" s="99"/>
      <c r="X6217" s="99"/>
      <c r="Y6217" s="99"/>
      <c r="Z6217" s="99"/>
      <c r="AA6217" s="99"/>
      <c r="AB6217" s="99"/>
      <c r="AC6217" s="99"/>
      <c r="AD6217" s="99"/>
      <c r="AE6217" s="99"/>
      <c r="AF6217" s="99"/>
      <c r="AG6217" s="99"/>
      <c r="AH6217" s="99"/>
      <c r="AI6217" s="99"/>
      <c r="AJ6217" s="99"/>
      <c r="AK6217" s="99"/>
      <c r="AL6217" s="99"/>
      <c r="AM6217" s="99"/>
      <c r="AN6217" s="99"/>
      <c r="AO6217" s="99"/>
      <c r="AP6217" s="99"/>
      <c r="AQ6217" s="99"/>
      <c r="AR6217" s="99"/>
      <c r="AS6217" s="99"/>
      <c r="AT6217" s="99"/>
      <c r="AU6217" s="99"/>
      <c r="AV6217" s="99"/>
      <c r="AW6217" s="99"/>
      <c r="AX6217" s="99"/>
      <c r="AY6217" s="99"/>
      <c r="AZ6217" s="99"/>
      <c r="BA6217" s="99"/>
      <c r="BB6217" s="107">
        <v>45884</v>
      </c>
    </row>
    <row r="6218" spans="1:54" s="8" customFormat="1" ht="13.95" customHeight="1" x14ac:dyDescent="0.25">
      <c r="A6218" s="219" t="s">
        <v>14634</v>
      </c>
      <c r="B6218" s="220" t="s">
        <v>14601</v>
      </c>
      <c r="C6218" s="98" t="s">
        <v>14635</v>
      </c>
      <c r="D6218" s="98" t="s">
        <v>14636</v>
      </c>
      <c r="E6218" s="141">
        <v>2014</v>
      </c>
      <c r="F6218" s="141">
        <v>444</v>
      </c>
      <c r="G6218" s="98" t="s">
        <v>1</v>
      </c>
      <c r="H6218" s="98">
        <v>0</v>
      </c>
      <c r="I6218" s="98">
        <v>0</v>
      </c>
      <c r="J6218" s="98">
        <v>1</v>
      </c>
      <c r="K6218" s="98">
        <v>1</v>
      </c>
      <c r="L6218" s="98">
        <v>0</v>
      </c>
      <c r="M6218" s="98">
        <v>0</v>
      </c>
      <c r="N6218" s="98">
        <v>0</v>
      </c>
      <c r="O6218" s="98">
        <v>0</v>
      </c>
      <c r="P6218" s="98">
        <v>1</v>
      </c>
      <c r="Q6218" s="98">
        <v>0</v>
      </c>
      <c r="R6218" s="98">
        <v>1</v>
      </c>
      <c r="S6218" s="98">
        <v>0</v>
      </c>
      <c r="T6218" s="98">
        <v>0</v>
      </c>
      <c r="U6218" s="99"/>
      <c r="V6218" s="99"/>
      <c r="W6218" s="99"/>
      <c r="X6218" s="99"/>
      <c r="Y6218" s="99"/>
      <c r="Z6218" s="99"/>
      <c r="AA6218" s="99"/>
      <c r="AB6218" s="99"/>
      <c r="AC6218" s="99"/>
      <c r="AD6218" s="99"/>
      <c r="AE6218" s="99"/>
      <c r="AF6218" s="99"/>
      <c r="AG6218" s="99"/>
      <c r="AH6218" s="99"/>
      <c r="AI6218" s="99"/>
      <c r="AJ6218" s="99"/>
      <c r="AK6218" s="99"/>
      <c r="AL6218" s="99"/>
      <c r="AM6218" s="99"/>
      <c r="AN6218" s="99"/>
      <c r="AO6218" s="99"/>
      <c r="AP6218" s="99"/>
      <c r="AQ6218" s="99"/>
      <c r="AR6218" s="99"/>
      <c r="AS6218" s="99"/>
      <c r="AT6218" s="99"/>
      <c r="AU6218" s="99"/>
      <c r="AV6218" s="99"/>
      <c r="AW6218" s="99"/>
      <c r="AX6218" s="99"/>
      <c r="AY6218" s="99"/>
      <c r="AZ6218" s="99"/>
      <c r="BA6218" s="99"/>
      <c r="BB6218" s="107">
        <v>45884</v>
      </c>
    </row>
    <row r="6219" spans="1:54" s="8" customFormat="1" ht="13.95" customHeight="1" x14ac:dyDescent="0.25">
      <c r="A6219" s="219" t="s">
        <v>14637</v>
      </c>
      <c r="B6219" s="220" t="s">
        <v>14601</v>
      </c>
      <c r="C6219" s="98" t="s">
        <v>14638</v>
      </c>
      <c r="D6219" s="98" t="s">
        <v>14639</v>
      </c>
      <c r="E6219" s="141">
        <v>1990</v>
      </c>
      <c r="F6219" s="141">
        <v>462</v>
      </c>
      <c r="G6219" s="98" t="s">
        <v>1</v>
      </c>
      <c r="H6219" s="98">
        <v>0</v>
      </c>
      <c r="I6219" s="98">
        <v>0</v>
      </c>
      <c r="J6219" s="98">
        <v>0</v>
      </c>
      <c r="K6219" s="98">
        <v>1</v>
      </c>
      <c r="L6219" s="98">
        <v>1</v>
      </c>
      <c r="M6219" s="98">
        <v>0</v>
      </c>
      <c r="N6219" s="98">
        <v>0</v>
      </c>
      <c r="O6219" s="98">
        <v>1</v>
      </c>
      <c r="P6219" s="98">
        <v>1</v>
      </c>
      <c r="Q6219" s="98">
        <v>0</v>
      </c>
      <c r="R6219" s="98">
        <v>1</v>
      </c>
      <c r="S6219" s="98">
        <v>0</v>
      </c>
      <c r="T6219" s="98">
        <v>0</v>
      </c>
      <c r="U6219" s="99"/>
      <c r="V6219" s="99"/>
      <c r="W6219" s="99"/>
      <c r="X6219" s="99"/>
      <c r="Y6219" s="99"/>
      <c r="Z6219" s="99"/>
      <c r="AA6219" s="99"/>
      <c r="AB6219" s="99"/>
      <c r="AC6219" s="99"/>
      <c r="AD6219" s="99"/>
      <c r="AE6219" s="99"/>
      <c r="AF6219" s="99"/>
      <c r="AG6219" s="99"/>
      <c r="AH6219" s="99"/>
      <c r="AI6219" s="99"/>
      <c r="AJ6219" s="99"/>
      <c r="AK6219" s="99"/>
      <c r="AL6219" s="99"/>
      <c r="AM6219" s="99"/>
      <c r="AN6219" s="99"/>
      <c r="AO6219" s="99"/>
      <c r="AP6219" s="99"/>
      <c r="AQ6219" s="99"/>
      <c r="AR6219" s="99"/>
      <c r="AS6219" s="99"/>
      <c r="AT6219" s="99"/>
      <c r="AU6219" s="99"/>
      <c r="AV6219" s="99"/>
      <c r="AW6219" s="99"/>
      <c r="AX6219" s="99"/>
      <c r="AY6219" s="99"/>
      <c r="AZ6219" s="99"/>
      <c r="BA6219" s="99"/>
      <c r="BB6219" s="107">
        <v>45884</v>
      </c>
    </row>
    <row r="6220" spans="1:54" s="8" customFormat="1" ht="13.95" customHeight="1" x14ac:dyDescent="0.25">
      <c r="A6220" s="219" t="s">
        <v>14640</v>
      </c>
      <c r="B6220" s="220" t="s">
        <v>14601</v>
      </c>
      <c r="C6220" s="98" t="s">
        <v>14641</v>
      </c>
      <c r="D6220" s="98" t="s">
        <v>14642</v>
      </c>
      <c r="E6220" s="141">
        <v>1983</v>
      </c>
      <c r="F6220" s="141">
        <v>503</v>
      </c>
      <c r="G6220" s="98" t="s">
        <v>1</v>
      </c>
      <c r="H6220" s="98">
        <v>0</v>
      </c>
      <c r="I6220" s="98">
        <v>0</v>
      </c>
      <c r="J6220" s="98">
        <v>1</v>
      </c>
      <c r="K6220" s="98">
        <v>0</v>
      </c>
      <c r="L6220" s="98">
        <v>0</v>
      </c>
      <c r="M6220" s="98">
        <v>0</v>
      </c>
      <c r="N6220" s="98">
        <v>0</v>
      </c>
      <c r="O6220" s="98">
        <v>0</v>
      </c>
      <c r="P6220" s="98">
        <v>0</v>
      </c>
      <c r="Q6220" s="98">
        <v>0</v>
      </c>
      <c r="R6220" s="98">
        <v>0</v>
      </c>
      <c r="S6220" s="98">
        <v>0</v>
      </c>
      <c r="T6220" s="98">
        <v>0</v>
      </c>
      <c r="U6220" s="99"/>
      <c r="V6220" s="99"/>
      <c r="W6220" s="99"/>
      <c r="X6220" s="99"/>
      <c r="Y6220" s="99"/>
      <c r="Z6220" s="99"/>
      <c r="AA6220" s="99"/>
      <c r="AB6220" s="99"/>
      <c r="AC6220" s="99"/>
      <c r="AD6220" s="99"/>
      <c r="AE6220" s="99"/>
      <c r="AF6220" s="99"/>
      <c r="AG6220" s="99"/>
      <c r="AH6220" s="99"/>
      <c r="AI6220" s="99"/>
      <c r="AJ6220" s="99"/>
      <c r="AK6220" s="99"/>
      <c r="AL6220" s="99"/>
      <c r="AM6220" s="99"/>
      <c r="AN6220" s="99"/>
      <c r="AO6220" s="99"/>
      <c r="AP6220" s="99"/>
      <c r="AQ6220" s="99"/>
      <c r="AR6220" s="99"/>
      <c r="AS6220" s="99"/>
      <c r="AT6220" s="99"/>
      <c r="AU6220" s="99"/>
      <c r="AV6220" s="99"/>
      <c r="AW6220" s="99"/>
      <c r="AX6220" s="99"/>
      <c r="AY6220" s="99"/>
      <c r="AZ6220" s="99"/>
      <c r="BA6220" s="99"/>
      <c r="BB6220" s="107">
        <v>45884</v>
      </c>
    </row>
    <row r="6221" spans="1:54" s="8" customFormat="1" ht="13.95" customHeight="1" x14ac:dyDescent="0.25">
      <c r="A6221" s="219" t="s">
        <v>14643</v>
      </c>
      <c r="B6221" s="220" t="s">
        <v>14601</v>
      </c>
      <c r="C6221" s="98" t="s">
        <v>14644</v>
      </c>
      <c r="D6221" s="98" t="s">
        <v>14645</v>
      </c>
      <c r="E6221" s="141">
        <v>1968</v>
      </c>
      <c r="F6221" s="141">
        <v>517</v>
      </c>
      <c r="G6221" s="98" t="s">
        <v>1</v>
      </c>
      <c r="H6221" s="98">
        <v>0</v>
      </c>
      <c r="I6221" s="98">
        <v>0</v>
      </c>
      <c r="J6221" s="98">
        <v>0</v>
      </c>
      <c r="K6221" s="98">
        <v>1</v>
      </c>
      <c r="L6221" s="98">
        <v>1</v>
      </c>
      <c r="M6221" s="98">
        <v>0</v>
      </c>
      <c r="N6221" s="98">
        <v>0</v>
      </c>
      <c r="O6221" s="98">
        <v>1</v>
      </c>
      <c r="P6221" s="98">
        <v>1</v>
      </c>
      <c r="Q6221" s="98">
        <v>0</v>
      </c>
      <c r="R6221" s="98">
        <v>0</v>
      </c>
      <c r="S6221" s="98">
        <v>0</v>
      </c>
      <c r="T6221" s="98">
        <v>0</v>
      </c>
      <c r="U6221" s="99"/>
      <c r="V6221" s="99"/>
      <c r="W6221" s="99"/>
      <c r="X6221" s="99"/>
      <c r="Y6221" s="99"/>
      <c r="Z6221" s="99"/>
      <c r="AA6221" s="99"/>
      <c r="AB6221" s="99"/>
      <c r="AC6221" s="99"/>
      <c r="AD6221" s="99"/>
      <c r="AE6221" s="99"/>
      <c r="AF6221" s="99"/>
      <c r="AG6221" s="99"/>
      <c r="AH6221" s="99"/>
      <c r="AI6221" s="99"/>
      <c r="AJ6221" s="99"/>
      <c r="AK6221" s="99"/>
      <c r="AL6221" s="99"/>
      <c r="AM6221" s="99"/>
      <c r="AN6221" s="99"/>
      <c r="AO6221" s="99"/>
      <c r="AP6221" s="99"/>
      <c r="AQ6221" s="99"/>
      <c r="AR6221" s="99"/>
      <c r="AS6221" s="99"/>
      <c r="AT6221" s="99"/>
      <c r="AU6221" s="99"/>
      <c r="AV6221" s="99"/>
      <c r="AW6221" s="99"/>
      <c r="AX6221" s="99"/>
      <c r="AY6221" s="99"/>
      <c r="AZ6221" s="99"/>
      <c r="BA6221" s="99"/>
      <c r="BB6221" s="107">
        <v>45884</v>
      </c>
    </row>
    <row r="6222" spans="1:54" s="8" customFormat="1" ht="13.95" customHeight="1" x14ac:dyDescent="0.25">
      <c r="A6222" s="219" t="s">
        <v>14646</v>
      </c>
      <c r="B6222" s="220" t="s">
        <v>14601</v>
      </c>
      <c r="C6222" s="98" t="s">
        <v>14647</v>
      </c>
      <c r="D6222" s="98" t="s">
        <v>14648</v>
      </c>
      <c r="E6222" s="141">
        <v>1986</v>
      </c>
      <c r="F6222" s="141">
        <v>528</v>
      </c>
      <c r="G6222" s="98" t="s">
        <v>8</v>
      </c>
      <c r="H6222" s="98">
        <v>0</v>
      </c>
      <c r="I6222" s="98">
        <v>0</v>
      </c>
      <c r="J6222" s="98">
        <v>0</v>
      </c>
      <c r="K6222" s="98">
        <v>0</v>
      </c>
      <c r="L6222" s="98">
        <v>0</v>
      </c>
      <c r="M6222" s="98">
        <v>0</v>
      </c>
      <c r="N6222" s="98">
        <v>0</v>
      </c>
      <c r="O6222" s="98">
        <v>0</v>
      </c>
      <c r="P6222" s="98">
        <v>0</v>
      </c>
      <c r="Q6222" s="98">
        <v>0</v>
      </c>
      <c r="R6222" s="98">
        <v>0</v>
      </c>
      <c r="S6222" s="98">
        <v>0</v>
      </c>
      <c r="T6222" s="98">
        <v>0</v>
      </c>
      <c r="U6222" s="98">
        <v>0</v>
      </c>
      <c r="V6222" s="98">
        <v>0</v>
      </c>
      <c r="W6222" s="98">
        <v>0</v>
      </c>
      <c r="X6222" s="98">
        <v>0</v>
      </c>
      <c r="Y6222" s="98">
        <v>0</v>
      </c>
      <c r="Z6222" s="98">
        <v>0</v>
      </c>
      <c r="AA6222" s="98">
        <v>0</v>
      </c>
      <c r="AB6222" s="98">
        <v>0</v>
      </c>
      <c r="AC6222" s="98">
        <v>0</v>
      </c>
      <c r="AD6222" s="98">
        <v>0</v>
      </c>
      <c r="AE6222" s="98">
        <v>0</v>
      </c>
      <c r="AF6222" s="98">
        <v>0</v>
      </c>
      <c r="AG6222" s="98">
        <v>0</v>
      </c>
      <c r="AH6222" s="98">
        <v>0</v>
      </c>
      <c r="AI6222" s="98">
        <v>0</v>
      </c>
      <c r="AJ6222" s="98">
        <v>0</v>
      </c>
      <c r="AK6222" s="98">
        <v>0</v>
      </c>
      <c r="AL6222" s="98">
        <v>0</v>
      </c>
      <c r="AM6222" s="98">
        <v>0</v>
      </c>
      <c r="AN6222" s="98">
        <v>0</v>
      </c>
      <c r="AO6222" s="98">
        <v>0</v>
      </c>
      <c r="AP6222" s="98">
        <v>0</v>
      </c>
      <c r="AQ6222" s="98">
        <v>0</v>
      </c>
      <c r="AR6222" s="98">
        <v>0</v>
      </c>
      <c r="AS6222" s="98">
        <v>0</v>
      </c>
      <c r="AT6222" s="129" t="s">
        <v>174</v>
      </c>
      <c r="AU6222" s="98">
        <v>0</v>
      </c>
      <c r="AV6222" s="98">
        <v>0</v>
      </c>
      <c r="AW6222" s="98">
        <v>0</v>
      </c>
      <c r="AX6222" s="98"/>
      <c r="AY6222" s="98"/>
      <c r="AZ6222" s="98"/>
      <c r="BA6222" s="98"/>
      <c r="BB6222" s="107">
        <v>45884</v>
      </c>
    </row>
    <row r="6223" spans="1:54" s="8" customFormat="1" ht="13.95" customHeight="1" x14ac:dyDescent="0.25">
      <c r="A6223" s="219" t="s">
        <v>14649</v>
      </c>
      <c r="B6223" s="220" t="s">
        <v>14601</v>
      </c>
      <c r="C6223" s="98" t="s">
        <v>14650</v>
      </c>
      <c r="D6223" s="98" t="s">
        <v>14651</v>
      </c>
      <c r="E6223" s="141">
        <v>1983</v>
      </c>
      <c r="F6223" s="141">
        <v>559</v>
      </c>
      <c r="G6223" s="98" t="s">
        <v>1</v>
      </c>
      <c r="H6223" s="98">
        <v>0</v>
      </c>
      <c r="I6223" s="98">
        <v>0</v>
      </c>
      <c r="J6223" s="98">
        <v>1</v>
      </c>
      <c r="K6223" s="98">
        <v>0</v>
      </c>
      <c r="L6223" s="98">
        <v>1</v>
      </c>
      <c r="M6223" s="98">
        <v>1</v>
      </c>
      <c r="N6223" s="98">
        <v>0</v>
      </c>
      <c r="O6223" s="98">
        <v>1</v>
      </c>
      <c r="P6223" s="98">
        <v>0</v>
      </c>
      <c r="Q6223" s="98">
        <v>0</v>
      </c>
      <c r="R6223" s="98">
        <v>1</v>
      </c>
      <c r="S6223" s="98">
        <v>0</v>
      </c>
      <c r="T6223" s="98">
        <v>0</v>
      </c>
      <c r="U6223" s="99"/>
      <c r="V6223" s="99"/>
      <c r="W6223" s="99"/>
      <c r="X6223" s="99"/>
      <c r="Y6223" s="99"/>
      <c r="Z6223" s="99"/>
      <c r="AA6223" s="99"/>
      <c r="AB6223" s="99"/>
      <c r="AC6223" s="99"/>
      <c r="AD6223" s="99"/>
      <c r="AE6223" s="99"/>
      <c r="AF6223" s="99"/>
      <c r="AG6223" s="99"/>
      <c r="AH6223" s="99"/>
      <c r="AI6223" s="99"/>
      <c r="AJ6223" s="99"/>
      <c r="AK6223" s="99"/>
      <c r="AL6223" s="99"/>
      <c r="AM6223" s="99"/>
      <c r="AN6223" s="99"/>
      <c r="AO6223" s="99"/>
      <c r="AP6223" s="99"/>
      <c r="AQ6223" s="99"/>
      <c r="AR6223" s="99"/>
      <c r="AS6223" s="99"/>
      <c r="AT6223" s="99"/>
      <c r="AU6223" s="99"/>
      <c r="AV6223" s="99"/>
      <c r="AW6223" s="99"/>
      <c r="AX6223" s="99"/>
      <c r="AY6223" s="99"/>
      <c r="AZ6223" s="99"/>
      <c r="BA6223" s="99"/>
      <c r="BB6223" s="107">
        <v>45884</v>
      </c>
    </row>
    <row r="6224" spans="1:54" s="8" customFormat="1" ht="13.95" customHeight="1" x14ac:dyDescent="0.25">
      <c r="A6224" s="219" t="s">
        <v>14652</v>
      </c>
      <c r="B6224" s="220" t="s">
        <v>14601</v>
      </c>
      <c r="C6224" s="98" t="s">
        <v>14653</v>
      </c>
      <c r="D6224" s="98" t="s">
        <v>14654</v>
      </c>
      <c r="E6224" s="141">
        <v>1986</v>
      </c>
      <c r="F6224" s="141">
        <v>570</v>
      </c>
      <c r="G6224" s="98" t="s">
        <v>1</v>
      </c>
      <c r="H6224" s="98">
        <v>0</v>
      </c>
      <c r="I6224" s="98">
        <v>0</v>
      </c>
      <c r="J6224" s="98">
        <v>0</v>
      </c>
      <c r="K6224" s="98">
        <v>0</v>
      </c>
      <c r="L6224" s="98">
        <v>0</v>
      </c>
      <c r="M6224" s="98">
        <v>0</v>
      </c>
      <c r="N6224" s="98">
        <v>0</v>
      </c>
      <c r="O6224" s="98">
        <v>0</v>
      </c>
      <c r="P6224" s="98">
        <v>0</v>
      </c>
      <c r="Q6224" s="98">
        <v>0</v>
      </c>
      <c r="R6224" s="98">
        <v>0</v>
      </c>
      <c r="S6224" s="98">
        <v>0</v>
      </c>
      <c r="T6224" s="98">
        <v>0</v>
      </c>
      <c r="U6224" s="99"/>
      <c r="V6224" s="99"/>
      <c r="W6224" s="99"/>
      <c r="X6224" s="99"/>
      <c r="Y6224" s="99"/>
      <c r="Z6224" s="99"/>
      <c r="AA6224" s="99"/>
      <c r="AB6224" s="99"/>
      <c r="AC6224" s="99"/>
      <c r="AD6224" s="99"/>
      <c r="AE6224" s="99"/>
      <c r="AF6224" s="99"/>
      <c r="AG6224" s="99"/>
      <c r="AH6224" s="99"/>
      <c r="AI6224" s="99"/>
      <c r="AJ6224" s="99"/>
      <c r="AK6224" s="99"/>
      <c r="AL6224" s="99"/>
      <c r="AM6224" s="99"/>
      <c r="AN6224" s="99"/>
      <c r="AO6224" s="99"/>
      <c r="AP6224" s="99"/>
      <c r="AQ6224" s="99"/>
      <c r="AR6224" s="99"/>
      <c r="AS6224" s="99"/>
      <c r="AT6224" s="99"/>
      <c r="AU6224" s="99"/>
      <c r="AV6224" s="99"/>
      <c r="AW6224" s="99"/>
      <c r="AX6224" s="99"/>
      <c r="AY6224" s="99"/>
      <c r="AZ6224" s="99"/>
      <c r="BA6224" s="99"/>
      <c r="BB6224" s="107">
        <v>45884</v>
      </c>
    </row>
    <row r="6225" spans="1:54" s="8" customFormat="1" ht="13.95" customHeight="1" x14ac:dyDescent="0.25">
      <c r="A6225" s="219" t="s">
        <v>14655</v>
      </c>
      <c r="B6225" s="220" t="s">
        <v>14601</v>
      </c>
      <c r="C6225" s="98" t="s">
        <v>14656</v>
      </c>
      <c r="D6225" s="98" t="s">
        <v>14657</v>
      </c>
      <c r="E6225" s="141">
        <v>1982</v>
      </c>
      <c r="F6225" s="141">
        <v>577</v>
      </c>
      <c r="G6225" s="98" t="s">
        <v>1</v>
      </c>
      <c r="H6225" s="98">
        <v>0</v>
      </c>
      <c r="I6225" s="98">
        <v>0</v>
      </c>
      <c r="J6225" s="98">
        <v>1</v>
      </c>
      <c r="K6225" s="98">
        <v>0</v>
      </c>
      <c r="L6225" s="98">
        <v>0</v>
      </c>
      <c r="M6225" s="98">
        <v>0</v>
      </c>
      <c r="N6225" s="98">
        <v>0</v>
      </c>
      <c r="O6225" s="98">
        <v>0</v>
      </c>
      <c r="P6225" s="98">
        <v>0</v>
      </c>
      <c r="Q6225" s="98">
        <v>0</v>
      </c>
      <c r="R6225" s="98">
        <v>0</v>
      </c>
      <c r="S6225" s="98">
        <v>0</v>
      </c>
      <c r="T6225" s="98">
        <v>0</v>
      </c>
      <c r="U6225" s="99"/>
      <c r="V6225" s="99"/>
      <c r="W6225" s="99"/>
      <c r="X6225" s="99"/>
      <c r="Y6225" s="99"/>
      <c r="Z6225" s="99"/>
      <c r="AA6225" s="99"/>
      <c r="AB6225" s="99"/>
      <c r="AC6225" s="99"/>
      <c r="AD6225" s="99"/>
      <c r="AE6225" s="99"/>
      <c r="AF6225" s="99"/>
      <c r="AG6225" s="99"/>
      <c r="AH6225" s="99"/>
      <c r="AI6225" s="99"/>
      <c r="AJ6225" s="99"/>
      <c r="AK6225" s="99"/>
      <c r="AL6225" s="99"/>
      <c r="AM6225" s="99"/>
      <c r="AN6225" s="99"/>
      <c r="AO6225" s="99"/>
      <c r="AP6225" s="99"/>
      <c r="AQ6225" s="99"/>
      <c r="AR6225" s="99"/>
      <c r="AS6225" s="99"/>
      <c r="AT6225" s="99"/>
      <c r="AU6225" s="99"/>
      <c r="AV6225" s="99"/>
      <c r="AW6225" s="99"/>
      <c r="AX6225" s="99"/>
      <c r="AY6225" s="99"/>
      <c r="AZ6225" s="99"/>
      <c r="BA6225" s="99"/>
      <c r="BB6225" s="107">
        <v>45884</v>
      </c>
    </row>
    <row r="6226" spans="1:54" s="8" customFormat="1" ht="13.95" customHeight="1" x14ac:dyDescent="0.25">
      <c r="A6226" s="219" t="s">
        <v>14658</v>
      </c>
      <c r="B6226" s="220" t="s">
        <v>14601</v>
      </c>
      <c r="C6226" s="98" t="s">
        <v>14659</v>
      </c>
      <c r="D6226" s="98" t="s">
        <v>14660</v>
      </c>
      <c r="E6226" s="141">
        <v>1971</v>
      </c>
      <c r="F6226" s="141">
        <v>631</v>
      </c>
      <c r="G6226" s="98" t="s">
        <v>1</v>
      </c>
      <c r="H6226" s="98">
        <v>0</v>
      </c>
      <c r="I6226" s="98">
        <v>0</v>
      </c>
      <c r="J6226" s="98">
        <v>1</v>
      </c>
      <c r="K6226" s="98">
        <v>0</v>
      </c>
      <c r="L6226" s="98">
        <v>1</v>
      </c>
      <c r="M6226" s="98">
        <v>0</v>
      </c>
      <c r="N6226" s="98">
        <v>0</v>
      </c>
      <c r="O6226" s="98">
        <v>1</v>
      </c>
      <c r="P6226" s="98">
        <v>1</v>
      </c>
      <c r="Q6226" s="98">
        <v>1</v>
      </c>
      <c r="R6226" s="98">
        <v>0</v>
      </c>
      <c r="S6226" s="98">
        <v>0</v>
      </c>
      <c r="T6226" s="98">
        <v>0</v>
      </c>
      <c r="U6226" s="99"/>
      <c r="V6226" s="99"/>
      <c r="W6226" s="99"/>
      <c r="X6226" s="99"/>
      <c r="Y6226" s="99"/>
      <c r="Z6226" s="99"/>
      <c r="AA6226" s="99"/>
      <c r="AB6226" s="99"/>
      <c r="AC6226" s="99"/>
      <c r="AD6226" s="99"/>
      <c r="AE6226" s="99"/>
      <c r="AF6226" s="99"/>
      <c r="AG6226" s="99"/>
      <c r="AH6226" s="99"/>
      <c r="AI6226" s="99"/>
      <c r="AJ6226" s="99"/>
      <c r="AK6226" s="99"/>
      <c r="AL6226" s="99"/>
      <c r="AM6226" s="99"/>
      <c r="AN6226" s="99"/>
      <c r="AO6226" s="99"/>
      <c r="AP6226" s="99"/>
      <c r="AQ6226" s="99"/>
      <c r="AR6226" s="99"/>
      <c r="AS6226" s="99"/>
      <c r="AT6226" s="99"/>
      <c r="AU6226" s="99"/>
      <c r="AV6226" s="99"/>
      <c r="AW6226" s="99"/>
      <c r="AX6226" s="99"/>
      <c r="AY6226" s="99"/>
      <c r="AZ6226" s="99"/>
      <c r="BA6226" s="98" t="s">
        <v>6830</v>
      </c>
      <c r="BB6226" s="107">
        <v>45884</v>
      </c>
    </row>
    <row r="6227" spans="1:54" s="8" customFormat="1" ht="13.95" customHeight="1" x14ac:dyDescent="0.25">
      <c r="A6227" s="219" t="s">
        <v>14661</v>
      </c>
      <c r="B6227" s="220" t="s">
        <v>14601</v>
      </c>
      <c r="C6227" s="98" t="s">
        <v>14662</v>
      </c>
      <c r="D6227" s="98" t="s">
        <v>14663</v>
      </c>
      <c r="E6227" s="141">
        <v>2002</v>
      </c>
      <c r="F6227" s="141">
        <v>632</v>
      </c>
      <c r="G6227" s="98" t="s">
        <v>1</v>
      </c>
      <c r="H6227" s="98">
        <v>0</v>
      </c>
      <c r="I6227" s="98">
        <v>0</v>
      </c>
      <c r="J6227" s="98">
        <v>1</v>
      </c>
      <c r="K6227" s="98">
        <v>1</v>
      </c>
      <c r="L6227" s="98">
        <v>1</v>
      </c>
      <c r="M6227" s="98">
        <v>0</v>
      </c>
      <c r="N6227" s="98">
        <v>0</v>
      </c>
      <c r="O6227" s="98">
        <v>0</v>
      </c>
      <c r="P6227" s="98">
        <v>1</v>
      </c>
      <c r="Q6227" s="98">
        <v>0</v>
      </c>
      <c r="R6227" s="98">
        <v>1</v>
      </c>
      <c r="S6227" s="98">
        <v>0</v>
      </c>
      <c r="T6227" s="98">
        <v>0</v>
      </c>
      <c r="U6227" s="99"/>
      <c r="V6227" s="99"/>
      <c r="W6227" s="99"/>
      <c r="X6227" s="99"/>
      <c r="Y6227" s="99"/>
      <c r="Z6227" s="99"/>
      <c r="AA6227" s="99"/>
      <c r="AB6227" s="99"/>
      <c r="AC6227" s="99"/>
      <c r="AD6227" s="99"/>
      <c r="AE6227" s="99"/>
      <c r="AF6227" s="99"/>
      <c r="AG6227" s="99"/>
      <c r="AH6227" s="99"/>
      <c r="AI6227" s="99"/>
      <c r="AJ6227" s="99"/>
      <c r="AK6227" s="99"/>
      <c r="AL6227" s="99"/>
      <c r="AM6227" s="99"/>
      <c r="AN6227" s="99"/>
      <c r="AO6227" s="99"/>
      <c r="AP6227" s="99"/>
      <c r="AQ6227" s="99"/>
      <c r="AR6227" s="99"/>
      <c r="AS6227" s="99"/>
      <c r="AT6227" s="99"/>
      <c r="AU6227" s="99"/>
      <c r="AV6227" s="99"/>
      <c r="AW6227" s="99"/>
      <c r="AX6227" s="99"/>
      <c r="AY6227" s="99"/>
      <c r="AZ6227" s="99"/>
      <c r="BA6227" s="98" t="s">
        <v>6830</v>
      </c>
      <c r="BB6227" s="107">
        <v>45884</v>
      </c>
    </row>
    <row r="6228" spans="1:54" s="8" customFormat="1" ht="13.95" customHeight="1" x14ac:dyDescent="0.25">
      <c r="A6228" s="219" t="s">
        <v>14664</v>
      </c>
      <c r="B6228" s="220" t="s">
        <v>14601</v>
      </c>
      <c r="C6228" s="98" t="s">
        <v>1359</v>
      </c>
      <c r="D6228" s="98" t="s">
        <v>14665</v>
      </c>
      <c r="E6228" s="141">
        <v>1970</v>
      </c>
      <c r="F6228" s="141">
        <v>658</v>
      </c>
      <c r="G6228" s="98" t="s">
        <v>1</v>
      </c>
      <c r="H6228" s="98">
        <v>0</v>
      </c>
      <c r="I6228" s="98">
        <v>0</v>
      </c>
      <c r="J6228" s="98">
        <v>1</v>
      </c>
      <c r="K6228" s="98">
        <v>1</v>
      </c>
      <c r="L6228" s="98">
        <v>1</v>
      </c>
      <c r="M6228" s="98">
        <v>0</v>
      </c>
      <c r="N6228" s="98">
        <v>0</v>
      </c>
      <c r="O6228" s="98">
        <v>1</v>
      </c>
      <c r="P6228" s="98">
        <v>1</v>
      </c>
      <c r="Q6228" s="98">
        <v>0</v>
      </c>
      <c r="R6228" s="98">
        <v>0</v>
      </c>
      <c r="S6228" s="98">
        <v>0</v>
      </c>
      <c r="T6228" s="98">
        <v>0</v>
      </c>
      <c r="U6228" s="99"/>
      <c r="V6228" s="99"/>
      <c r="W6228" s="99"/>
      <c r="X6228" s="99"/>
      <c r="Y6228" s="99"/>
      <c r="Z6228" s="99"/>
      <c r="AA6228" s="99"/>
      <c r="AB6228" s="99"/>
      <c r="AC6228" s="99"/>
      <c r="AD6228" s="99"/>
      <c r="AE6228" s="99"/>
      <c r="AF6228" s="99"/>
      <c r="AG6228" s="99"/>
      <c r="AH6228" s="99"/>
      <c r="AI6228" s="99"/>
      <c r="AJ6228" s="99"/>
      <c r="AK6228" s="99"/>
      <c r="AL6228" s="99"/>
      <c r="AM6228" s="99"/>
      <c r="AN6228" s="99"/>
      <c r="AO6228" s="99"/>
      <c r="AP6228" s="99"/>
      <c r="AQ6228" s="99"/>
      <c r="AR6228" s="99"/>
      <c r="AS6228" s="99"/>
      <c r="AT6228" s="99"/>
      <c r="AU6228" s="99"/>
      <c r="AV6228" s="99"/>
      <c r="AW6228" s="99"/>
      <c r="AX6228" s="99"/>
      <c r="AY6228" s="99"/>
      <c r="AZ6228" s="99"/>
      <c r="BA6228" s="99"/>
      <c r="BB6228" s="107">
        <v>45884</v>
      </c>
    </row>
    <row r="6229" spans="1:54" s="8" customFormat="1" ht="13.95" customHeight="1" x14ac:dyDescent="0.25">
      <c r="A6229" s="219" t="s">
        <v>14666</v>
      </c>
      <c r="B6229" s="220" t="s">
        <v>14601</v>
      </c>
      <c r="C6229" s="98" t="s">
        <v>14667</v>
      </c>
      <c r="D6229" s="98" t="s">
        <v>14668</v>
      </c>
      <c r="E6229" s="141">
        <v>1972</v>
      </c>
      <c r="F6229" s="141">
        <v>694</v>
      </c>
      <c r="G6229" s="98" t="s">
        <v>1</v>
      </c>
      <c r="H6229" s="98">
        <v>0</v>
      </c>
      <c r="I6229" s="98">
        <v>0</v>
      </c>
      <c r="J6229" s="98">
        <v>0</v>
      </c>
      <c r="K6229" s="98">
        <v>0</v>
      </c>
      <c r="L6229" s="98">
        <v>1</v>
      </c>
      <c r="M6229" s="98">
        <v>0</v>
      </c>
      <c r="N6229" s="98">
        <v>0</v>
      </c>
      <c r="O6229" s="98">
        <v>1</v>
      </c>
      <c r="P6229" s="98">
        <v>1</v>
      </c>
      <c r="Q6229" s="98">
        <v>0</v>
      </c>
      <c r="R6229" s="98">
        <v>0</v>
      </c>
      <c r="S6229" s="98">
        <v>0</v>
      </c>
      <c r="T6229" s="98">
        <v>0</v>
      </c>
      <c r="U6229" s="99"/>
      <c r="V6229" s="99"/>
      <c r="W6229" s="99"/>
      <c r="X6229" s="99"/>
      <c r="Y6229" s="99"/>
      <c r="Z6229" s="99"/>
      <c r="AA6229" s="99"/>
      <c r="AB6229" s="99"/>
      <c r="AC6229" s="99"/>
      <c r="AD6229" s="99"/>
      <c r="AE6229" s="99"/>
      <c r="AF6229" s="99"/>
      <c r="AG6229" s="99"/>
      <c r="AH6229" s="99"/>
      <c r="AI6229" s="99"/>
      <c r="AJ6229" s="99"/>
      <c r="AK6229" s="99"/>
      <c r="AL6229" s="99"/>
      <c r="AM6229" s="99"/>
      <c r="AN6229" s="99"/>
      <c r="AO6229" s="99"/>
      <c r="AP6229" s="99"/>
      <c r="AQ6229" s="99"/>
      <c r="AR6229" s="99"/>
      <c r="AS6229" s="99"/>
      <c r="AT6229" s="99"/>
      <c r="AU6229" s="99"/>
      <c r="AV6229" s="99"/>
      <c r="AW6229" s="99"/>
      <c r="AX6229" s="99"/>
      <c r="AY6229" s="99"/>
      <c r="AZ6229" s="99"/>
      <c r="BA6229" s="99"/>
      <c r="BB6229" s="107">
        <v>45884</v>
      </c>
    </row>
    <row r="6230" spans="1:54" s="8" customFormat="1" ht="13.95" customHeight="1" x14ac:dyDescent="0.25">
      <c r="A6230" s="219" t="s">
        <v>14669</v>
      </c>
      <c r="B6230" s="220" t="s">
        <v>14601</v>
      </c>
      <c r="C6230" s="98" t="s">
        <v>14670</v>
      </c>
      <c r="D6230" s="98" t="s">
        <v>14671</v>
      </c>
      <c r="E6230" s="141">
        <v>1997</v>
      </c>
      <c r="F6230" s="141">
        <v>721</v>
      </c>
      <c r="G6230" s="98" t="s">
        <v>1</v>
      </c>
      <c r="H6230" s="98">
        <v>0</v>
      </c>
      <c r="I6230" s="98">
        <v>0</v>
      </c>
      <c r="J6230" s="98">
        <v>1</v>
      </c>
      <c r="K6230" s="98">
        <v>0</v>
      </c>
      <c r="L6230" s="98">
        <v>0</v>
      </c>
      <c r="M6230" s="98">
        <v>1</v>
      </c>
      <c r="N6230" s="98">
        <v>0</v>
      </c>
      <c r="O6230" s="98">
        <v>0</v>
      </c>
      <c r="P6230" s="98">
        <v>0</v>
      </c>
      <c r="Q6230" s="98">
        <v>0</v>
      </c>
      <c r="R6230" s="98">
        <v>1</v>
      </c>
      <c r="S6230" s="98">
        <v>0</v>
      </c>
      <c r="T6230" s="98">
        <v>0</v>
      </c>
      <c r="U6230" s="99"/>
      <c r="V6230" s="99"/>
      <c r="W6230" s="99"/>
      <c r="X6230" s="99"/>
      <c r="Y6230" s="99"/>
      <c r="Z6230" s="99"/>
      <c r="AA6230" s="99"/>
      <c r="AB6230" s="99"/>
      <c r="AC6230" s="99"/>
      <c r="AD6230" s="99"/>
      <c r="AE6230" s="99"/>
      <c r="AF6230" s="99"/>
      <c r="AG6230" s="99"/>
      <c r="AH6230" s="99"/>
      <c r="AI6230" s="99"/>
      <c r="AJ6230" s="99"/>
      <c r="AK6230" s="99"/>
      <c r="AL6230" s="99"/>
      <c r="AM6230" s="99"/>
      <c r="AN6230" s="99"/>
      <c r="AO6230" s="99"/>
      <c r="AP6230" s="99"/>
      <c r="AQ6230" s="99"/>
      <c r="AR6230" s="99"/>
      <c r="AS6230" s="99"/>
      <c r="AT6230" s="99"/>
      <c r="AU6230" s="99"/>
      <c r="AV6230" s="99"/>
      <c r="AW6230" s="99"/>
      <c r="AX6230" s="99"/>
      <c r="AY6230" s="99"/>
      <c r="AZ6230" s="99"/>
      <c r="BA6230" s="99"/>
      <c r="BB6230" s="107">
        <v>45884</v>
      </c>
    </row>
    <row r="6231" spans="1:54" s="8" customFormat="1" ht="13.95" customHeight="1" x14ac:dyDescent="0.25">
      <c r="A6231" s="219" t="s">
        <v>14672</v>
      </c>
      <c r="B6231" s="220" t="s">
        <v>14601</v>
      </c>
      <c r="C6231" s="98" t="s">
        <v>14673</v>
      </c>
      <c r="D6231" s="98" t="s">
        <v>14674</v>
      </c>
      <c r="E6231" s="141">
        <v>2002</v>
      </c>
      <c r="F6231" s="141">
        <v>732</v>
      </c>
      <c r="G6231" s="98" t="s">
        <v>1</v>
      </c>
      <c r="H6231" s="98">
        <v>0</v>
      </c>
      <c r="I6231" s="98">
        <v>0</v>
      </c>
      <c r="J6231" s="98">
        <v>1</v>
      </c>
      <c r="K6231" s="98">
        <v>1</v>
      </c>
      <c r="L6231" s="98">
        <v>1</v>
      </c>
      <c r="M6231" s="98">
        <v>0</v>
      </c>
      <c r="N6231" s="98">
        <v>0</v>
      </c>
      <c r="O6231" s="98">
        <v>0</v>
      </c>
      <c r="P6231" s="98">
        <v>1</v>
      </c>
      <c r="Q6231" s="98">
        <v>1</v>
      </c>
      <c r="R6231" s="98">
        <v>0</v>
      </c>
      <c r="S6231" s="98">
        <v>0</v>
      </c>
      <c r="T6231" s="98">
        <v>0</v>
      </c>
      <c r="U6231" s="99"/>
      <c r="V6231" s="99"/>
      <c r="W6231" s="99"/>
      <c r="X6231" s="99"/>
      <c r="Y6231" s="99"/>
      <c r="Z6231" s="99"/>
      <c r="AA6231" s="99"/>
      <c r="AB6231" s="99"/>
      <c r="AC6231" s="99"/>
      <c r="AD6231" s="99"/>
      <c r="AE6231" s="99"/>
      <c r="AF6231" s="99"/>
      <c r="AG6231" s="99"/>
      <c r="AH6231" s="99"/>
      <c r="AI6231" s="99"/>
      <c r="AJ6231" s="99"/>
      <c r="AK6231" s="99"/>
      <c r="AL6231" s="99"/>
      <c r="AM6231" s="99"/>
      <c r="AN6231" s="99"/>
      <c r="AO6231" s="99"/>
      <c r="AP6231" s="99"/>
      <c r="AQ6231" s="99"/>
      <c r="AR6231" s="99"/>
      <c r="AS6231" s="99"/>
      <c r="AT6231" s="99"/>
      <c r="AU6231" s="99"/>
      <c r="AV6231" s="99"/>
      <c r="AW6231" s="99"/>
      <c r="AX6231" s="99"/>
      <c r="AY6231" s="99"/>
      <c r="AZ6231" s="99"/>
      <c r="BA6231" s="98" t="s">
        <v>9271</v>
      </c>
      <c r="BB6231" s="107">
        <v>45884</v>
      </c>
    </row>
    <row r="6232" spans="1:54" s="8" customFormat="1" ht="13.95" customHeight="1" x14ac:dyDescent="0.25">
      <c r="A6232" s="219" t="s">
        <v>14675</v>
      </c>
      <c r="B6232" s="220" t="s">
        <v>14601</v>
      </c>
      <c r="C6232" s="98" t="s">
        <v>2131</v>
      </c>
      <c r="D6232" s="98" t="s">
        <v>14676</v>
      </c>
      <c r="E6232" s="141">
        <v>1995</v>
      </c>
      <c r="F6232" s="141">
        <v>793</v>
      </c>
      <c r="G6232" s="98" t="s">
        <v>1</v>
      </c>
      <c r="H6232" s="98">
        <v>0</v>
      </c>
      <c r="I6232" s="98">
        <v>0</v>
      </c>
      <c r="J6232" s="98">
        <v>1</v>
      </c>
      <c r="K6232" s="98">
        <v>0</v>
      </c>
      <c r="L6232" s="98">
        <v>0</v>
      </c>
      <c r="M6232" s="98">
        <v>1</v>
      </c>
      <c r="N6232" s="98">
        <v>0</v>
      </c>
      <c r="O6232" s="98">
        <v>0</v>
      </c>
      <c r="P6232" s="98">
        <v>0</v>
      </c>
      <c r="Q6232" s="98">
        <v>0</v>
      </c>
      <c r="R6232" s="98">
        <v>0</v>
      </c>
      <c r="S6232" s="98">
        <v>0</v>
      </c>
      <c r="T6232" s="98">
        <v>0</v>
      </c>
      <c r="U6232" s="99"/>
      <c r="V6232" s="99"/>
      <c r="W6232" s="99"/>
      <c r="X6232" s="99"/>
      <c r="Y6232" s="99"/>
      <c r="Z6232" s="99"/>
      <c r="AA6232" s="99"/>
      <c r="AB6232" s="99"/>
      <c r="AC6232" s="99"/>
      <c r="AD6232" s="99"/>
      <c r="AE6232" s="99"/>
      <c r="AF6232" s="99"/>
      <c r="AG6232" s="99"/>
      <c r="AH6232" s="99"/>
      <c r="AI6232" s="99"/>
      <c r="AJ6232" s="99"/>
      <c r="AK6232" s="99"/>
      <c r="AL6232" s="99"/>
      <c r="AM6232" s="99"/>
      <c r="AN6232" s="99"/>
      <c r="AO6232" s="99"/>
      <c r="AP6232" s="99"/>
      <c r="AQ6232" s="99"/>
      <c r="AR6232" s="99"/>
      <c r="AS6232" s="99"/>
      <c r="AT6232" s="99"/>
      <c r="AU6232" s="99"/>
      <c r="AV6232" s="99"/>
      <c r="AW6232" s="99"/>
      <c r="AX6232" s="99"/>
      <c r="AY6232" s="99"/>
      <c r="AZ6232" s="99"/>
      <c r="BA6232" s="99"/>
      <c r="BB6232" s="107">
        <v>45884</v>
      </c>
    </row>
    <row r="6233" spans="1:54" s="8" customFormat="1" ht="13.95" customHeight="1" x14ac:dyDescent="0.25">
      <c r="A6233" s="219" t="s">
        <v>14677</v>
      </c>
      <c r="B6233" s="220" t="s">
        <v>14601</v>
      </c>
      <c r="C6233" s="98" t="s">
        <v>14678</v>
      </c>
      <c r="D6233" s="98" t="s">
        <v>14679</v>
      </c>
      <c r="E6233" s="141">
        <v>1971</v>
      </c>
      <c r="F6233" s="141">
        <v>800</v>
      </c>
      <c r="G6233" s="98" t="s">
        <v>1</v>
      </c>
      <c r="H6233" s="98">
        <v>0</v>
      </c>
      <c r="I6233" s="98">
        <v>0</v>
      </c>
      <c r="J6233" s="98">
        <v>0</v>
      </c>
      <c r="K6233" s="98">
        <v>0</v>
      </c>
      <c r="L6233" s="98">
        <v>1</v>
      </c>
      <c r="M6233" s="98">
        <v>0</v>
      </c>
      <c r="N6233" s="98">
        <v>0</v>
      </c>
      <c r="O6233" s="98">
        <v>1</v>
      </c>
      <c r="P6233" s="98">
        <v>1</v>
      </c>
      <c r="Q6233" s="98">
        <v>0</v>
      </c>
      <c r="R6233" s="98">
        <v>0</v>
      </c>
      <c r="S6233" s="98">
        <v>0</v>
      </c>
      <c r="T6233" s="98">
        <v>0</v>
      </c>
      <c r="U6233" s="99"/>
      <c r="V6233" s="99"/>
      <c r="W6233" s="99"/>
      <c r="X6233" s="99"/>
      <c r="Y6233" s="99"/>
      <c r="Z6233" s="99"/>
      <c r="AA6233" s="99"/>
      <c r="AB6233" s="99"/>
      <c r="AC6233" s="99"/>
      <c r="AD6233" s="99"/>
      <c r="AE6233" s="99"/>
      <c r="AF6233" s="99"/>
      <c r="AG6233" s="99"/>
      <c r="AH6233" s="99"/>
      <c r="AI6233" s="99"/>
      <c r="AJ6233" s="99"/>
      <c r="AK6233" s="99"/>
      <c r="AL6233" s="99"/>
      <c r="AM6233" s="99"/>
      <c r="AN6233" s="99"/>
      <c r="AO6233" s="99"/>
      <c r="AP6233" s="99"/>
      <c r="AQ6233" s="99"/>
      <c r="AR6233" s="99"/>
      <c r="AS6233" s="99"/>
      <c r="AT6233" s="99"/>
      <c r="AU6233" s="99"/>
      <c r="AV6233" s="99"/>
      <c r="AW6233" s="99"/>
      <c r="AX6233" s="99"/>
      <c r="AY6233" s="99"/>
      <c r="AZ6233" s="99"/>
      <c r="BA6233" s="98" t="s">
        <v>6830</v>
      </c>
      <c r="BB6233" s="107">
        <v>45884</v>
      </c>
    </row>
    <row r="6234" spans="1:54" s="8" customFormat="1" ht="13.95" customHeight="1" x14ac:dyDescent="0.25">
      <c r="A6234" s="219" t="s">
        <v>14680</v>
      </c>
      <c r="B6234" s="220" t="s">
        <v>14601</v>
      </c>
      <c r="C6234" s="98" t="s">
        <v>14681</v>
      </c>
      <c r="D6234" s="98" t="s">
        <v>14682</v>
      </c>
      <c r="E6234" s="141">
        <v>1966</v>
      </c>
      <c r="F6234" s="141">
        <v>813</v>
      </c>
      <c r="G6234" s="98" t="s">
        <v>1</v>
      </c>
      <c r="H6234" s="98">
        <v>0</v>
      </c>
      <c r="I6234" s="98">
        <v>0</v>
      </c>
      <c r="J6234" s="98">
        <v>1</v>
      </c>
      <c r="K6234" s="98">
        <v>1</v>
      </c>
      <c r="L6234" s="98">
        <v>1</v>
      </c>
      <c r="M6234" s="98">
        <v>1</v>
      </c>
      <c r="N6234" s="98">
        <v>0</v>
      </c>
      <c r="O6234" s="98">
        <v>1</v>
      </c>
      <c r="P6234" s="98">
        <v>0</v>
      </c>
      <c r="Q6234" s="98">
        <v>1</v>
      </c>
      <c r="R6234" s="98">
        <v>1</v>
      </c>
      <c r="S6234" s="98">
        <v>0</v>
      </c>
      <c r="T6234" s="98">
        <v>0</v>
      </c>
      <c r="U6234" s="99"/>
      <c r="V6234" s="99"/>
      <c r="W6234" s="99"/>
      <c r="X6234" s="99"/>
      <c r="Y6234" s="99"/>
      <c r="Z6234" s="99"/>
      <c r="AA6234" s="99"/>
      <c r="AB6234" s="99"/>
      <c r="AC6234" s="99"/>
      <c r="AD6234" s="99"/>
      <c r="AE6234" s="99"/>
      <c r="AF6234" s="99"/>
      <c r="AG6234" s="99"/>
      <c r="AH6234" s="99"/>
      <c r="AI6234" s="99"/>
      <c r="AJ6234" s="99"/>
      <c r="AK6234" s="99"/>
      <c r="AL6234" s="99"/>
      <c r="AM6234" s="99"/>
      <c r="AN6234" s="99"/>
      <c r="AO6234" s="99"/>
      <c r="AP6234" s="99"/>
      <c r="AQ6234" s="99"/>
      <c r="AR6234" s="99"/>
      <c r="AS6234" s="99"/>
      <c r="AT6234" s="99"/>
      <c r="AU6234" s="99"/>
      <c r="AV6234" s="99"/>
      <c r="AW6234" s="99"/>
      <c r="AX6234" s="99"/>
      <c r="AY6234" s="99"/>
      <c r="AZ6234" s="99"/>
      <c r="BA6234" s="99"/>
      <c r="BB6234" s="107">
        <v>45884</v>
      </c>
    </row>
    <row r="6235" spans="1:54" s="8" customFormat="1" ht="13.95" customHeight="1" x14ac:dyDescent="0.25">
      <c r="A6235" s="219" t="s">
        <v>14683</v>
      </c>
      <c r="B6235" s="220" t="s">
        <v>14601</v>
      </c>
      <c r="C6235" s="98" t="s">
        <v>14684</v>
      </c>
      <c r="D6235" s="98" t="s">
        <v>21881</v>
      </c>
      <c r="E6235" s="141">
        <v>1986</v>
      </c>
      <c r="F6235" s="141">
        <v>986</v>
      </c>
      <c r="G6235" s="98" t="s">
        <v>8</v>
      </c>
      <c r="H6235" s="98">
        <v>0</v>
      </c>
      <c r="I6235" s="98">
        <v>0</v>
      </c>
      <c r="J6235" s="98">
        <v>0</v>
      </c>
      <c r="K6235" s="98">
        <v>0</v>
      </c>
      <c r="L6235" s="98">
        <v>0</v>
      </c>
      <c r="M6235" s="98">
        <v>0</v>
      </c>
      <c r="N6235" s="98">
        <v>0</v>
      </c>
      <c r="O6235" s="98">
        <v>0</v>
      </c>
      <c r="P6235" s="98">
        <v>0</v>
      </c>
      <c r="Q6235" s="98">
        <v>0</v>
      </c>
      <c r="R6235" s="98">
        <v>0</v>
      </c>
      <c r="S6235" s="98">
        <v>0</v>
      </c>
      <c r="T6235" s="98">
        <v>0</v>
      </c>
      <c r="U6235" s="98">
        <v>0</v>
      </c>
      <c r="V6235" s="98">
        <v>0</v>
      </c>
      <c r="W6235" s="98">
        <v>0</v>
      </c>
      <c r="X6235" s="98">
        <v>0</v>
      </c>
      <c r="Y6235" s="98">
        <v>0</v>
      </c>
      <c r="Z6235" s="98">
        <v>0</v>
      </c>
      <c r="AA6235" s="98">
        <v>0</v>
      </c>
      <c r="AB6235" s="98">
        <v>0</v>
      </c>
      <c r="AC6235" s="98">
        <v>0</v>
      </c>
      <c r="AD6235" s="98">
        <v>0</v>
      </c>
      <c r="AE6235" s="98">
        <v>0</v>
      </c>
      <c r="AF6235" s="98">
        <v>0</v>
      </c>
      <c r="AG6235" s="98">
        <v>0</v>
      </c>
      <c r="AH6235" s="98">
        <v>0</v>
      </c>
      <c r="AI6235" s="98">
        <v>0</v>
      </c>
      <c r="AJ6235" s="98">
        <v>0</v>
      </c>
      <c r="AK6235" s="98">
        <v>0</v>
      </c>
      <c r="AL6235" s="98">
        <v>0</v>
      </c>
      <c r="AM6235" s="98">
        <v>0</v>
      </c>
      <c r="AN6235" s="98">
        <v>0</v>
      </c>
      <c r="AO6235" s="98">
        <v>0</v>
      </c>
      <c r="AP6235" s="98">
        <v>0</v>
      </c>
      <c r="AQ6235" s="98">
        <v>0</v>
      </c>
      <c r="AR6235" s="98">
        <v>0</v>
      </c>
      <c r="AS6235" s="98">
        <v>0</v>
      </c>
      <c r="AT6235" s="129" t="s">
        <v>174</v>
      </c>
      <c r="AU6235" s="98">
        <v>0</v>
      </c>
      <c r="AV6235" s="98">
        <v>0</v>
      </c>
      <c r="AW6235" s="98">
        <v>0</v>
      </c>
      <c r="AX6235" s="98"/>
      <c r="AY6235" s="98"/>
      <c r="AZ6235" s="98"/>
      <c r="BA6235" s="98"/>
      <c r="BB6235" s="107">
        <v>45884</v>
      </c>
    </row>
    <row r="6236" spans="1:54" s="8" customFormat="1" ht="13.95" customHeight="1" x14ac:dyDescent="0.25">
      <c r="A6236" s="219" t="s">
        <v>14685</v>
      </c>
      <c r="B6236" s="220" t="s">
        <v>14601</v>
      </c>
      <c r="C6236" s="98" t="s">
        <v>14686</v>
      </c>
      <c r="D6236" s="98" t="s">
        <v>14687</v>
      </c>
      <c r="E6236" s="141">
        <v>1982</v>
      </c>
      <c r="F6236" s="141">
        <v>866</v>
      </c>
      <c r="G6236" s="98" t="s">
        <v>1</v>
      </c>
      <c r="H6236" s="98">
        <v>0</v>
      </c>
      <c r="I6236" s="98">
        <v>0</v>
      </c>
      <c r="J6236" s="98">
        <v>1</v>
      </c>
      <c r="K6236" s="98">
        <v>0</v>
      </c>
      <c r="L6236" s="98">
        <v>1</v>
      </c>
      <c r="M6236" s="98">
        <v>1</v>
      </c>
      <c r="N6236" s="98">
        <v>0</v>
      </c>
      <c r="O6236" s="98">
        <v>1</v>
      </c>
      <c r="P6236" s="98">
        <v>0</v>
      </c>
      <c r="Q6236" s="98">
        <v>0</v>
      </c>
      <c r="R6236" s="98">
        <v>0</v>
      </c>
      <c r="S6236" s="98">
        <v>0</v>
      </c>
      <c r="T6236" s="98">
        <v>0</v>
      </c>
      <c r="U6236" s="99"/>
      <c r="V6236" s="99"/>
      <c r="W6236" s="99"/>
      <c r="X6236" s="99"/>
      <c r="Y6236" s="99"/>
      <c r="Z6236" s="99"/>
      <c r="AA6236" s="99"/>
      <c r="AB6236" s="99"/>
      <c r="AC6236" s="99"/>
      <c r="AD6236" s="99"/>
      <c r="AE6236" s="99"/>
      <c r="AF6236" s="99"/>
      <c r="AG6236" s="99"/>
      <c r="AH6236" s="99"/>
      <c r="AI6236" s="99"/>
      <c r="AJ6236" s="99"/>
      <c r="AK6236" s="99"/>
      <c r="AL6236" s="99"/>
      <c r="AM6236" s="99"/>
      <c r="AN6236" s="99"/>
      <c r="AO6236" s="99"/>
      <c r="AP6236" s="99"/>
      <c r="AQ6236" s="99"/>
      <c r="AR6236" s="99"/>
      <c r="AS6236" s="99"/>
      <c r="AT6236" s="99"/>
      <c r="AU6236" s="99"/>
      <c r="AV6236" s="99"/>
      <c r="AW6236" s="99"/>
      <c r="AX6236" s="99"/>
      <c r="AY6236" s="99"/>
      <c r="AZ6236" s="99"/>
      <c r="BA6236" s="99"/>
      <c r="BB6236" s="107">
        <v>45884</v>
      </c>
    </row>
    <row r="6237" spans="1:54" s="8" customFormat="1" ht="13.95" customHeight="1" x14ac:dyDescent="0.25">
      <c r="A6237" s="219" t="s">
        <v>14688</v>
      </c>
      <c r="B6237" s="220" t="s">
        <v>14601</v>
      </c>
      <c r="C6237" s="98" t="s">
        <v>14689</v>
      </c>
      <c r="D6237" s="98" t="s">
        <v>14690</v>
      </c>
      <c r="E6237" s="141">
        <v>1983</v>
      </c>
      <c r="F6237" s="141">
        <v>961</v>
      </c>
      <c r="G6237" s="98" t="s">
        <v>8</v>
      </c>
      <c r="H6237" s="98">
        <v>0</v>
      </c>
      <c r="I6237" s="98">
        <v>0</v>
      </c>
      <c r="J6237" s="98">
        <v>0</v>
      </c>
      <c r="K6237" s="98">
        <v>0</v>
      </c>
      <c r="L6237" s="98">
        <v>0</v>
      </c>
      <c r="M6237" s="98">
        <v>0</v>
      </c>
      <c r="N6237" s="98">
        <v>1</v>
      </c>
      <c r="O6237" s="98">
        <v>0</v>
      </c>
      <c r="P6237" s="98">
        <v>0</v>
      </c>
      <c r="Q6237" s="98">
        <v>0</v>
      </c>
      <c r="R6237" s="98">
        <v>0</v>
      </c>
      <c r="S6237" s="98">
        <v>0</v>
      </c>
      <c r="T6237" s="98">
        <v>0</v>
      </c>
      <c r="U6237" s="98">
        <v>0</v>
      </c>
      <c r="V6237" s="98">
        <v>0</v>
      </c>
      <c r="W6237" s="98">
        <v>0</v>
      </c>
      <c r="X6237" s="98">
        <v>0</v>
      </c>
      <c r="Y6237" s="98">
        <v>0</v>
      </c>
      <c r="Z6237" s="98">
        <v>0</v>
      </c>
      <c r="AA6237" s="98">
        <v>0</v>
      </c>
      <c r="AB6237" s="98">
        <v>0</v>
      </c>
      <c r="AC6237" s="98">
        <v>0</v>
      </c>
      <c r="AD6237" s="98">
        <v>0</v>
      </c>
      <c r="AE6237" s="98">
        <v>0</v>
      </c>
      <c r="AF6237" s="98">
        <v>0</v>
      </c>
      <c r="AG6237" s="98">
        <v>0</v>
      </c>
      <c r="AH6237" s="98">
        <v>0</v>
      </c>
      <c r="AI6237" s="98">
        <v>0</v>
      </c>
      <c r="AJ6237" s="98">
        <v>0</v>
      </c>
      <c r="AK6237" s="98">
        <v>0</v>
      </c>
      <c r="AL6237" s="98">
        <v>0</v>
      </c>
      <c r="AM6237" s="98">
        <v>0</v>
      </c>
      <c r="AN6237" s="98">
        <v>0</v>
      </c>
      <c r="AO6237" s="98">
        <v>0</v>
      </c>
      <c r="AP6237" s="98">
        <v>0</v>
      </c>
      <c r="AQ6237" s="98">
        <v>0</v>
      </c>
      <c r="AR6237" s="98">
        <v>0</v>
      </c>
      <c r="AS6237" s="98">
        <v>0</v>
      </c>
      <c r="AT6237" s="129" t="s">
        <v>174</v>
      </c>
      <c r="AU6237" s="98">
        <v>0</v>
      </c>
      <c r="AV6237" s="98">
        <v>0</v>
      </c>
      <c r="AW6237" s="98">
        <v>0</v>
      </c>
      <c r="AX6237" s="98"/>
      <c r="AY6237" s="98"/>
      <c r="AZ6237" s="98"/>
      <c r="BA6237" s="98"/>
      <c r="BB6237" s="107">
        <v>45884</v>
      </c>
    </row>
    <row r="6238" spans="1:54" s="8" customFormat="1" ht="13.95" customHeight="1" x14ac:dyDescent="0.25">
      <c r="A6238" s="219" t="s">
        <v>14691</v>
      </c>
      <c r="B6238" s="220" t="s">
        <v>14601</v>
      </c>
      <c r="C6238" s="98" t="s">
        <v>14692</v>
      </c>
      <c r="D6238" s="98" t="s">
        <v>14693</v>
      </c>
      <c r="E6238" s="141">
        <v>1986</v>
      </c>
      <c r="F6238" s="141">
        <v>1054</v>
      </c>
      <c r="G6238" s="98" t="s">
        <v>1</v>
      </c>
      <c r="H6238" s="98">
        <v>0</v>
      </c>
      <c r="I6238" s="98">
        <v>0</v>
      </c>
      <c r="J6238" s="98">
        <v>1</v>
      </c>
      <c r="K6238" s="98">
        <v>0</v>
      </c>
      <c r="L6238" s="98">
        <v>1</v>
      </c>
      <c r="M6238" s="98">
        <v>0</v>
      </c>
      <c r="N6238" s="98">
        <v>0</v>
      </c>
      <c r="O6238" s="98">
        <v>0</v>
      </c>
      <c r="P6238" s="98">
        <v>1</v>
      </c>
      <c r="Q6238" s="98">
        <v>0</v>
      </c>
      <c r="R6238" s="98">
        <v>1</v>
      </c>
      <c r="S6238" s="98">
        <v>0</v>
      </c>
      <c r="T6238" s="98">
        <v>0</v>
      </c>
      <c r="U6238" s="99"/>
      <c r="V6238" s="99"/>
      <c r="W6238" s="99"/>
      <c r="X6238" s="99"/>
      <c r="Y6238" s="99"/>
      <c r="Z6238" s="99"/>
      <c r="AA6238" s="99"/>
      <c r="AB6238" s="99"/>
      <c r="AC6238" s="99"/>
      <c r="AD6238" s="99"/>
      <c r="AE6238" s="99"/>
      <c r="AF6238" s="99"/>
      <c r="AG6238" s="99"/>
      <c r="AH6238" s="99"/>
      <c r="AI6238" s="99"/>
      <c r="AJ6238" s="99"/>
      <c r="AK6238" s="99"/>
      <c r="AL6238" s="99"/>
      <c r="AM6238" s="99"/>
      <c r="AN6238" s="99"/>
      <c r="AO6238" s="99"/>
      <c r="AP6238" s="99"/>
      <c r="AQ6238" s="99"/>
      <c r="AR6238" s="99"/>
      <c r="AS6238" s="99"/>
      <c r="AT6238" s="99"/>
      <c r="AU6238" s="99"/>
      <c r="AV6238" s="99"/>
      <c r="AW6238" s="99"/>
      <c r="AX6238" s="99"/>
      <c r="AY6238" s="99"/>
      <c r="AZ6238" s="99"/>
      <c r="BA6238" s="99"/>
      <c r="BB6238" s="107">
        <v>45884</v>
      </c>
    </row>
    <row r="6239" spans="1:54" s="8" customFormat="1" ht="13.95" customHeight="1" x14ac:dyDescent="0.25">
      <c r="A6239" s="219" t="s">
        <v>14694</v>
      </c>
      <c r="B6239" s="220" t="s">
        <v>14601</v>
      </c>
      <c r="C6239" s="98" t="s">
        <v>14695</v>
      </c>
      <c r="D6239" s="98" t="s">
        <v>14696</v>
      </c>
      <c r="E6239" s="141">
        <v>1973</v>
      </c>
      <c r="F6239" s="141">
        <v>1096</v>
      </c>
      <c r="G6239" s="98" t="s">
        <v>1</v>
      </c>
      <c r="H6239" s="98">
        <v>0</v>
      </c>
      <c r="I6239" s="98">
        <v>0</v>
      </c>
      <c r="J6239" s="98">
        <v>1</v>
      </c>
      <c r="K6239" s="98">
        <v>0</v>
      </c>
      <c r="L6239" s="98">
        <v>1</v>
      </c>
      <c r="M6239" s="98">
        <v>0</v>
      </c>
      <c r="N6239" s="98">
        <v>0</v>
      </c>
      <c r="O6239" s="98">
        <v>1</v>
      </c>
      <c r="P6239" s="98">
        <v>1</v>
      </c>
      <c r="Q6239" s="98">
        <v>0</v>
      </c>
      <c r="R6239" s="98">
        <v>1</v>
      </c>
      <c r="S6239" s="98">
        <v>0</v>
      </c>
      <c r="T6239" s="98">
        <v>0</v>
      </c>
      <c r="U6239" s="99"/>
      <c r="V6239" s="99"/>
      <c r="W6239" s="99"/>
      <c r="X6239" s="99"/>
      <c r="Y6239" s="99"/>
      <c r="Z6239" s="99"/>
      <c r="AA6239" s="99"/>
      <c r="AB6239" s="99"/>
      <c r="AC6239" s="99"/>
      <c r="AD6239" s="99"/>
      <c r="AE6239" s="99"/>
      <c r="AF6239" s="99"/>
      <c r="AG6239" s="99"/>
      <c r="AH6239" s="99"/>
      <c r="AI6239" s="99"/>
      <c r="AJ6239" s="99"/>
      <c r="AK6239" s="99"/>
      <c r="AL6239" s="99"/>
      <c r="AM6239" s="99"/>
      <c r="AN6239" s="99"/>
      <c r="AO6239" s="99"/>
      <c r="AP6239" s="99"/>
      <c r="AQ6239" s="99"/>
      <c r="AR6239" s="99"/>
      <c r="AS6239" s="99"/>
      <c r="AT6239" s="99"/>
      <c r="AU6239" s="99"/>
      <c r="AV6239" s="99"/>
      <c r="AW6239" s="99"/>
      <c r="AX6239" s="99"/>
      <c r="AY6239" s="99"/>
      <c r="AZ6239" s="99"/>
      <c r="BA6239" s="99"/>
      <c r="BB6239" s="107">
        <v>45884</v>
      </c>
    </row>
    <row r="6240" spans="1:54" s="8" customFormat="1" ht="13.95" customHeight="1" x14ac:dyDescent="0.25">
      <c r="A6240" s="219" t="s">
        <v>14697</v>
      </c>
      <c r="B6240" s="220" t="s">
        <v>14601</v>
      </c>
      <c r="C6240" s="98" t="s">
        <v>14698</v>
      </c>
      <c r="D6240" s="98" t="s">
        <v>14699</v>
      </c>
      <c r="E6240" s="141">
        <v>1970</v>
      </c>
      <c r="F6240" s="141">
        <v>1291</v>
      </c>
      <c r="G6240" s="98" t="s">
        <v>1</v>
      </c>
      <c r="H6240" s="98">
        <v>0</v>
      </c>
      <c r="I6240" s="98">
        <v>0</v>
      </c>
      <c r="J6240" s="98">
        <v>1</v>
      </c>
      <c r="K6240" s="98">
        <v>1</v>
      </c>
      <c r="L6240" s="98">
        <v>1</v>
      </c>
      <c r="M6240" s="98">
        <v>0</v>
      </c>
      <c r="N6240" s="98">
        <v>0</v>
      </c>
      <c r="O6240" s="98">
        <v>0</v>
      </c>
      <c r="P6240" s="98">
        <v>0</v>
      </c>
      <c r="Q6240" s="98">
        <v>0</v>
      </c>
      <c r="R6240" s="98">
        <v>1</v>
      </c>
      <c r="S6240" s="98">
        <v>0</v>
      </c>
      <c r="T6240" s="98">
        <v>0</v>
      </c>
      <c r="U6240" s="99"/>
      <c r="V6240" s="99"/>
      <c r="W6240" s="99"/>
      <c r="X6240" s="99"/>
      <c r="Y6240" s="99"/>
      <c r="Z6240" s="99"/>
      <c r="AA6240" s="99"/>
      <c r="AB6240" s="99"/>
      <c r="AC6240" s="99"/>
      <c r="AD6240" s="99"/>
      <c r="AE6240" s="99"/>
      <c r="AF6240" s="99"/>
      <c r="AG6240" s="99"/>
      <c r="AH6240" s="99"/>
      <c r="AI6240" s="99"/>
      <c r="AJ6240" s="99"/>
      <c r="AK6240" s="99"/>
      <c r="AL6240" s="99"/>
      <c r="AM6240" s="99"/>
      <c r="AN6240" s="99"/>
      <c r="AO6240" s="99"/>
      <c r="AP6240" s="99"/>
      <c r="AQ6240" s="99"/>
      <c r="AR6240" s="99"/>
      <c r="AS6240" s="99"/>
      <c r="AT6240" s="99"/>
      <c r="AU6240" s="99"/>
      <c r="AV6240" s="99"/>
      <c r="AW6240" s="99"/>
      <c r="AX6240" s="99"/>
      <c r="AY6240" s="99"/>
      <c r="AZ6240" s="99"/>
      <c r="BA6240" s="98" t="s">
        <v>14700</v>
      </c>
      <c r="BB6240" s="107">
        <v>45884</v>
      </c>
    </row>
    <row r="6241" spans="1:54" s="8" customFormat="1" ht="13.95" customHeight="1" x14ac:dyDescent="0.25">
      <c r="A6241" s="219" t="s">
        <v>14701</v>
      </c>
      <c r="B6241" s="220" t="s">
        <v>14601</v>
      </c>
      <c r="C6241" s="98" t="s">
        <v>14702</v>
      </c>
      <c r="D6241" s="98" t="s">
        <v>14703</v>
      </c>
      <c r="E6241" s="141">
        <v>2012</v>
      </c>
      <c r="F6241" s="141">
        <v>1328</v>
      </c>
      <c r="G6241" s="98" t="s">
        <v>8</v>
      </c>
      <c r="H6241" s="98">
        <v>0</v>
      </c>
      <c r="I6241" s="98">
        <v>0</v>
      </c>
      <c r="J6241" s="98">
        <v>1</v>
      </c>
      <c r="K6241" s="98">
        <v>0</v>
      </c>
      <c r="L6241" s="98">
        <v>0</v>
      </c>
      <c r="M6241" s="98">
        <v>0</v>
      </c>
      <c r="N6241" s="98">
        <v>0</v>
      </c>
      <c r="O6241" s="98">
        <v>0</v>
      </c>
      <c r="P6241" s="98">
        <v>0</v>
      </c>
      <c r="Q6241" s="98">
        <v>0</v>
      </c>
      <c r="R6241" s="98">
        <v>0</v>
      </c>
      <c r="S6241" s="98">
        <v>0</v>
      </c>
      <c r="T6241" s="98">
        <v>0</v>
      </c>
      <c r="U6241" s="98">
        <v>0</v>
      </c>
      <c r="V6241" s="98">
        <v>0</v>
      </c>
      <c r="W6241" s="98">
        <v>0</v>
      </c>
      <c r="X6241" s="98">
        <v>0</v>
      </c>
      <c r="Y6241" s="98">
        <v>0</v>
      </c>
      <c r="Z6241" s="98">
        <v>0</v>
      </c>
      <c r="AA6241" s="98">
        <v>0</v>
      </c>
      <c r="AB6241" s="98">
        <v>0</v>
      </c>
      <c r="AC6241" s="98">
        <v>0</v>
      </c>
      <c r="AD6241" s="98">
        <v>0</v>
      </c>
      <c r="AE6241" s="98">
        <v>0</v>
      </c>
      <c r="AF6241" s="98">
        <v>0</v>
      </c>
      <c r="AG6241" s="98">
        <v>0</v>
      </c>
      <c r="AH6241" s="98">
        <v>0</v>
      </c>
      <c r="AI6241" s="98">
        <v>0</v>
      </c>
      <c r="AJ6241" s="98">
        <v>0</v>
      </c>
      <c r="AK6241" s="98">
        <v>0</v>
      </c>
      <c r="AL6241" s="98">
        <v>0</v>
      </c>
      <c r="AM6241" s="98">
        <v>0</v>
      </c>
      <c r="AN6241" s="98">
        <v>0</v>
      </c>
      <c r="AO6241" s="98">
        <v>0</v>
      </c>
      <c r="AP6241" s="98">
        <v>0</v>
      </c>
      <c r="AQ6241" s="98">
        <v>0</v>
      </c>
      <c r="AR6241" s="98">
        <v>0</v>
      </c>
      <c r="AS6241" s="98">
        <v>0</v>
      </c>
      <c r="AT6241" s="129" t="s">
        <v>174</v>
      </c>
      <c r="AU6241" s="98">
        <v>0</v>
      </c>
      <c r="AV6241" s="98">
        <v>0</v>
      </c>
      <c r="AW6241" s="98">
        <v>0</v>
      </c>
      <c r="AX6241" s="98"/>
      <c r="AY6241" s="98"/>
      <c r="AZ6241" s="98"/>
      <c r="BA6241" s="98"/>
      <c r="BB6241" s="107">
        <v>45884</v>
      </c>
    </row>
    <row r="6242" spans="1:54" s="8" customFormat="1" ht="13.95" customHeight="1" x14ac:dyDescent="0.25">
      <c r="A6242" s="219" t="s">
        <v>14704</v>
      </c>
      <c r="B6242" s="220" t="s">
        <v>14601</v>
      </c>
      <c r="C6242" s="98" t="s">
        <v>14705</v>
      </c>
      <c r="D6242" s="98" t="s">
        <v>14706</v>
      </c>
      <c r="E6242" s="141">
        <v>1973</v>
      </c>
      <c r="F6242" s="141">
        <v>1350</v>
      </c>
      <c r="G6242" s="98" t="s">
        <v>1</v>
      </c>
      <c r="H6242" s="98">
        <v>0</v>
      </c>
      <c r="I6242" s="98">
        <v>0</v>
      </c>
      <c r="J6242" s="98">
        <v>0</v>
      </c>
      <c r="K6242" s="98">
        <v>0</v>
      </c>
      <c r="L6242" s="98">
        <v>1</v>
      </c>
      <c r="M6242" s="98">
        <v>0</v>
      </c>
      <c r="N6242" s="98">
        <v>0</v>
      </c>
      <c r="O6242" s="98">
        <v>1</v>
      </c>
      <c r="P6242" s="98">
        <v>1</v>
      </c>
      <c r="Q6242" s="98">
        <v>0</v>
      </c>
      <c r="R6242" s="98">
        <v>0</v>
      </c>
      <c r="S6242" s="98">
        <v>0</v>
      </c>
      <c r="T6242" s="98">
        <v>0</v>
      </c>
      <c r="U6242" s="99"/>
      <c r="V6242" s="99"/>
      <c r="W6242" s="99"/>
      <c r="X6242" s="99"/>
      <c r="Y6242" s="99"/>
      <c r="Z6242" s="99"/>
      <c r="AA6242" s="99"/>
      <c r="AB6242" s="99"/>
      <c r="AC6242" s="99"/>
      <c r="AD6242" s="99"/>
      <c r="AE6242" s="99"/>
      <c r="AF6242" s="99"/>
      <c r="AG6242" s="99"/>
      <c r="AH6242" s="99"/>
      <c r="AI6242" s="99"/>
      <c r="AJ6242" s="99"/>
      <c r="AK6242" s="99"/>
      <c r="AL6242" s="99"/>
      <c r="AM6242" s="99"/>
      <c r="AN6242" s="99"/>
      <c r="AO6242" s="99"/>
      <c r="AP6242" s="99"/>
      <c r="AQ6242" s="99"/>
      <c r="AR6242" s="99"/>
      <c r="AS6242" s="99"/>
      <c r="AT6242" s="99"/>
      <c r="AU6242" s="99"/>
      <c r="AV6242" s="99"/>
      <c r="AW6242" s="99"/>
      <c r="AX6242" s="99"/>
      <c r="AY6242" s="99"/>
      <c r="AZ6242" s="99"/>
      <c r="BA6242" s="99"/>
      <c r="BB6242" s="107">
        <v>45884</v>
      </c>
    </row>
    <row r="6243" spans="1:54" s="8" customFormat="1" ht="13.95" customHeight="1" x14ac:dyDescent="0.25">
      <c r="A6243" s="219" t="s">
        <v>14707</v>
      </c>
      <c r="B6243" s="220" t="s">
        <v>14601</v>
      </c>
      <c r="C6243" s="98" t="s">
        <v>14708</v>
      </c>
      <c r="D6243" s="98" t="s">
        <v>14709</v>
      </c>
      <c r="E6243" s="141">
        <v>1983</v>
      </c>
      <c r="F6243" s="141">
        <v>1432</v>
      </c>
      <c r="G6243" s="98" t="s">
        <v>1</v>
      </c>
      <c r="H6243" s="98">
        <v>0</v>
      </c>
      <c r="I6243" s="98">
        <v>0</v>
      </c>
      <c r="J6243" s="98">
        <v>1</v>
      </c>
      <c r="K6243" s="98">
        <v>0</v>
      </c>
      <c r="L6243" s="98">
        <v>0</v>
      </c>
      <c r="M6243" s="98">
        <v>0</v>
      </c>
      <c r="N6243" s="98">
        <v>0</v>
      </c>
      <c r="O6243" s="98">
        <v>0</v>
      </c>
      <c r="P6243" s="98">
        <v>0</v>
      </c>
      <c r="Q6243" s="98">
        <v>1</v>
      </c>
      <c r="R6243" s="98">
        <v>0</v>
      </c>
      <c r="S6243" s="98">
        <v>0</v>
      </c>
      <c r="T6243" s="98">
        <v>0</v>
      </c>
      <c r="U6243" s="99"/>
      <c r="V6243" s="99"/>
      <c r="W6243" s="99"/>
      <c r="X6243" s="99"/>
      <c r="Y6243" s="99"/>
      <c r="Z6243" s="99"/>
      <c r="AA6243" s="99"/>
      <c r="AB6243" s="99"/>
      <c r="AC6243" s="99"/>
      <c r="AD6243" s="99"/>
      <c r="AE6243" s="99"/>
      <c r="AF6243" s="99"/>
      <c r="AG6243" s="99"/>
      <c r="AH6243" s="99"/>
      <c r="AI6243" s="99"/>
      <c r="AJ6243" s="99"/>
      <c r="AK6243" s="99"/>
      <c r="AL6243" s="99"/>
      <c r="AM6243" s="99"/>
      <c r="AN6243" s="99"/>
      <c r="AO6243" s="99"/>
      <c r="AP6243" s="99"/>
      <c r="AQ6243" s="99"/>
      <c r="AR6243" s="99"/>
      <c r="AS6243" s="99"/>
      <c r="AT6243" s="99"/>
      <c r="AU6243" s="99"/>
      <c r="AV6243" s="99"/>
      <c r="AW6243" s="99"/>
      <c r="AX6243" s="99"/>
      <c r="AY6243" s="99"/>
      <c r="AZ6243" s="99"/>
      <c r="BA6243" s="99"/>
      <c r="BB6243" s="107">
        <v>45884</v>
      </c>
    </row>
    <row r="6244" spans="1:54" s="8" customFormat="1" ht="13.95" customHeight="1" x14ac:dyDescent="0.25">
      <c r="A6244" s="219" t="s">
        <v>14710</v>
      </c>
      <c r="B6244" s="220" t="s">
        <v>14601</v>
      </c>
      <c r="C6244" s="98" t="s">
        <v>14711</v>
      </c>
      <c r="D6244" s="98" t="s">
        <v>14712</v>
      </c>
      <c r="E6244" s="141">
        <v>1997</v>
      </c>
      <c r="F6244" s="141">
        <v>1477</v>
      </c>
      <c r="G6244" s="98" t="s">
        <v>1</v>
      </c>
      <c r="H6244" s="98">
        <v>0</v>
      </c>
      <c r="I6244" s="98">
        <v>0</v>
      </c>
      <c r="J6244" s="98">
        <v>1</v>
      </c>
      <c r="K6244" s="98">
        <v>1</v>
      </c>
      <c r="L6244" s="98">
        <v>1</v>
      </c>
      <c r="M6244" s="98">
        <v>1</v>
      </c>
      <c r="N6244" s="98">
        <v>1</v>
      </c>
      <c r="O6244" s="98">
        <v>1</v>
      </c>
      <c r="P6244" s="98">
        <v>1</v>
      </c>
      <c r="Q6244" s="98">
        <v>0</v>
      </c>
      <c r="R6244" s="98">
        <v>0</v>
      </c>
      <c r="S6244" s="98">
        <v>0</v>
      </c>
      <c r="T6244" s="98">
        <v>0</v>
      </c>
      <c r="U6244" s="99"/>
      <c r="V6244" s="99"/>
      <c r="W6244" s="99"/>
      <c r="X6244" s="99"/>
      <c r="Y6244" s="99"/>
      <c r="Z6244" s="99"/>
      <c r="AA6244" s="99"/>
      <c r="AB6244" s="99"/>
      <c r="AC6244" s="99"/>
      <c r="AD6244" s="99"/>
      <c r="AE6244" s="99"/>
      <c r="AF6244" s="99"/>
      <c r="AG6244" s="99"/>
      <c r="AH6244" s="99"/>
      <c r="AI6244" s="99"/>
      <c r="AJ6244" s="99"/>
      <c r="AK6244" s="99"/>
      <c r="AL6244" s="99"/>
      <c r="AM6244" s="99"/>
      <c r="AN6244" s="99"/>
      <c r="AO6244" s="99"/>
      <c r="AP6244" s="99"/>
      <c r="AQ6244" s="99"/>
      <c r="AR6244" s="99"/>
      <c r="AS6244" s="99"/>
      <c r="AT6244" s="99"/>
      <c r="AU6244" s="99"/>
      <c r="AV6244" s="99"/>
      <c r="AW6244" s="99"/>
      <c r="AX6244" s="99"/>
      <c r="AY6244" s="99"/>
      <c r="AZ6244" s="99"/>
      <c r="BA6244" s="98" t="s">
        <v>9271</v>
      </c>
      <c r="BB6244" s="107">
        <v>45884</v>
      </c>
    </row>
    <row r="6245" spans="1:54" s="8" customFormat="1" ht="13.95" customHeight="1" x14ac:dyDescent="0.25">
      <c r="A6245" s="219" t="s">
        <v>14713</v>
      </c>
      <c r="B6245" s="220" t="s">
        <v>14601</v>
      </c>
      <c r="C6245" s="98" t="s">
        <v>14714</v>
      </c>
      <c r="D6245" s="98" t="s">
        <v>14715</v>
      </c>
      <c r="E6245" s="141">
        <v>1982</v>
      </c>
      <c r="F6245" s="141">
        <v>1484</v>
      </c>
      <c r="G6245" s="98" t="s">
        <v>1</v>
      </c>
      <c r="H6245" s="98">
        <v>0</v>
      </c>
      <c r="I6245" s="98">
        <v>0</v>
      </c>
      <c r="J6245" s="98">
        <v>0</v>
      </c>
      <c r="K6245" s="98">
        <v>0</v>
      </c>
      <c r="L6245" s="98">
        <v>1</v>
      </c>
      <c r="M6245" s="98">
        <v>0</v>
      </c>
      <c r="N6245" s="98">
        <v>0</v>
      </c>
      <c r="O6245" s="98">
        <v>0</v>
      </c>
      <c r="P6245" s="98">
        <v>0</v>
      </c>
      <c r="Q6245" s="98">
        <v>0</v>
      </c>
      <c r="R6245" s="98">
        <v>0</v>
      </c>
      <c r="S6245" s="98">
        <v>0</v>
      </c>
      <c r="T6245" s="98">
        <v>0</v>
      </c>
      <c r="U6245" s="99"/>
      <c r="V6245" s="99"/>
      <c r="W6245" s="99"/>
      <c r="X6245" s="99"/>
      <c r="Y6245" s="99"/>
      <c r="Z6245" s="99"/>
      <c r="AA6245" s="99"/>
      <c r="AB6245" s="99"/>
      <c r="AC6245" s="99"/>
      <c r="AD6245" s="99"/>
      <c r="AE6245" s="99"/>
      <c r="AF6245" s="99"/>
      <c r="AG6245" s="99"/>
      <c r="AH6245" s="99"/>
      <c r="AI6245" s="99"/>
      <c r="AJ6245" s="99"/>
      <c r="AK6245" s="99"/>
      <c r="AL6245" s="99"/>
      <c r="AM6245" s="99"/>
      <c r="AN6245" s="99"/>
      <c r="AO6245" s="99"/>
      <c r="AP6245" s="99"/>
      <c r="AQ6245" s="99"/>
      <c r="AR6245" s="99"/>
      <c r="AS6245" s="99"/>
      <c r="AT6245" s="99"/>
      <c r="AU6245" s="99"/>
      <c r="AV6245" s="99"/>
      <c r="AW6245" s="99"/>
      <c r="AX6245" s="99"/>
      <c r="AY6245" s="99"/>
      <c r="AZ6245" s="99"/>
      <c r="BA6245" s="99"/>
      <c r="BB6245" s="107">
        <v>45884</v>
      </c>
    </row>
    <row r="6246" spans="1:54" s="8" customFormat="1" ht="13.95" customHeight="1" x14ac:dyDescent="0.25">
      <c r="A6246" s="219" t="s">
        <v>14716</v>
      </c>
      <c r="B6246" s="220" t="s">
        <v>14601</v>
      </c>
      <c r="C6246" s="98" t="s">
        <v>14717</v>
      </c>
      <c r="D6246" s="98" t="s">
        <v>14718</v>
      </c>
      <c r="E6246" s="141">
        <v>1982</v>
      </c>
      <c r="F6246" s="141">
        <v>1788</v>
      </c>
      <c r="G6246" s="98" t="s">
        <v>1</v>
      </c>
      <c r="H6246" s="98">
        <v>0</v>
      </c>
      <c r="I6246" s="98">
        <v>0</v>
      </c>
      <c r="J6246" s="98">
        <v>1</v>
      </c>
      <c r="K6246" s="98">
        <v>1</v>
      </c>
      <c r="L6246" s="98">
        <v>1</v>
      </c>
      <c r="M6246" s="98">
        <v>1</v>
      </c>
      <c r="N6246" s="98">
        <v>0</v>
      </c>
      <c r="O6246" s="98">
        <v>1</v>
      </c>
      <c r="P6246" s="98">
        <v>0</v>
      </c>
      <c r="Q6246" s="98">
        <v>0</v>
      </c>
      <c r="R6246" s="98">
        <v>0</v>
      </c>
      <c r="S6246" s="98">
        <v>0</v>
      </c>
      <c r="T6246" s="98">
        <v>0</v>
      </c>
      <c r="U6246" s="99"/>
      <c r="V6246" s="99"/>
      <c r="W6246" s="99"/>
      <c r="X6246" s="99"/>
      <c r="Y6246" s="99"/>
      <c r="Z6246" s="99"/>
      <c r="AA6246" s="99"/>
      <c r="AB6246" s="99"/>
      <c r="AC6246" s="99"/>
      <c r="AD6246" s="99"/>
      <c r="AE6246" s="99"/>
      <c r="AF6246" s="99"/>
      <c r="AG6246" s="99"/>
      <c r="AH6246" s="99"/>
      <c r="AI6246" s="99"/>
      <c r="AJ6246" s="99"/>
      <c r="AK6246" s="99"/>
      <c r="AL6246" s="99"/>
      <c r="AM6246" s="99"/>
      <c r="AN6246" s="99"/>
      <c r="AO6246" s="99"/>
      <c r="AP6246" s="99"/>
      <c r="AQ6246" s="99"/>
      <c r="AR6246" s="99"/>
      <c r="AS6246" s="99"/>
      <c r="AT6246" s="99"/>
      <c r="AU6246" s="99"/>
      <c r="AV6246" s="99"/>
      <c r="AW6246" s="99"/>
      <c r="AX6246" s="99"/>
      <c r="AY6246" s="99"/>
      <c r="AZ6246" s="99"/>
      <c r="BA6246" s="99"/>
      <c r="BB6246" s="107">
        <v>45884</v>
      </c>
    </row>
    <row r="6247" spans="1:54" s="8" customFormat="1" ht="13.95" customHeight="1" x14ac:dyDescent="0.25">
      <c r="A6247" s="219" t="s">
        <v>14719</v>
      </c>
      <c r="B6247" s="220" t="s">
        <v>14601</v>
      </c>
      <c r="C6247" s="98" t="s">
        <v>14720</v>
      </c>
      <c r="D6247" s="98" t="s">
        <v>14721</v>
      </c>
      <c r="E6247" s="141">
        <v>1990</v>
      </c>
      <c r="F6247" s="141">
        <v>2000</v>
      </c>
      <c r="G6247" s="98" t="s">
        <v>1</v>
      </c>
      <c r="H6247" s="98">
        <v>0</v>
      </c>
      <c r="I6247" s="98">
        <v>0</v>
      </c>
      <c r="J6247" s="98">
        <v>1</v>
      </c>
      <c r="K6247" s="98">
        <v>0</v>
      </c>
      <c r="L6247" s="98">
        <v>1</v>
      </c>
      <c r="M6247" s="98">
        <v>0</v>
      </c>
      <c r="N6247" s="98">
        <v>1</v>
      </c>
      <c r="O6247" s="98">
        <v>1</v>
      </c>
      <c r="P6247" s="98">
        <v>1</v>
      </c>
      <c r="Q6247" s="98">
        <v>1</v>
      </c>
      <c r="R6247" s="98">
        <v>1</v>
      </c>
      <c r="S6247" s="98">
        <v>1</v>
      </c>
      <c r="T6247" s="98">
        <v>0</v>
      </c>
      <c r="U6247" s="99"/>
      <c r="V6247" s="99"/>
      <c r="W6247" s="99"/>
      <c r="X6247" s="99"/>
      <c r="Y6247" s="99"/>
      <c r="Z6247" s="99"/>
      <c r="AA6247" s="99"/>
      <c r="AB6247" s="99"/>
      <c r="AC6247" s="99"/>
      <c r="AD6247" s="99"/>
      <c r="AE6247" s="99"/>
      <c r="AF6247" s="99"/>
      <c r="AG6247" s="99"/>
      <c r="AH6247" s="99"/>
      <c r="AI6247" s="99"/>
      <c r="AJ6247" s="99"/>
      <c r="AK6247" s="99"/>
      <c r="AL6247" s="99"/>
      <c r="AM6247" s="99"/>
      <c r="AN6247" s="99"/>
      <c r="AO6247" s="99"/>
      <c r="AP6247" s="99"/>
      <c r="AQ6247" s="99"/>
      <c r="AR6247" s="99"/>
      <c r="AS6247" s="99"/>
      <c r="AT6247" s="99"/>
      <c r="AU6247" s="99"/>
      <c r="AV6247" s="99"/>
      <c r="AW6247" s="99"/>
      <c r="AX6247" s="99"/>
      <c r="AY6247" s="99"/>
      <c r="AZ6247" s="99"/>
      <c r="BA6247" s="99"/>
      <c r="BB6247" s="107">
        <v>45884</v>
      </c>
    </row>
    <row r="6248" spans="1:54" s="8" customFormat="1" ht="13.95" customHeight="1" x14ac:dyDescent="0.25">
      <c r="A6248" s="219" t="s">
        <v>14722</v>
      </c>
      <c r="B6248" s="220" t="s">
        <v>14601</v>
      </c>
      <c r="C6248" s="98" t="s">
        <v>14723</v>
      </c>
      <c r="D6248" s="98" t="s">
        <v>14724</v>
      </c>
      <c r="E6248" s="141">
        <v>1973</v>
      </c>
      <c r="F6248" s="141">
        <v>2050</v>
      </c>
      <c r="G6248" s="98" t="s">
        <v>1</v>
      </c>
      <c r="H6248" s="98">
        <v>0</v>
      </c>
      <c r="I6248" s="98">
        <v>0</v>
      </c>
      <c r="J6248" s="98">
        <v>0</v>
      </c>
      <c r="K6248" s="98">
        <v>0</v>
      </c>
      <c r="L6248" s="98">
        <v>0</v>
      </c>
      <c r="M6248" s="98">
        <v>0</v>
      </c>
      <c r="N6248" s="98">
        <v>0</v>
      </c>
      <c r="O6248" s="98">
        <v>0</v>
      </c>
      <c r="P6248" s="98">
        <v>0</v>
      </c>
      <c r="Q6248" s="98">
        <v>0</v>
      </c>
      <c r="R6248" s="98">
        <v>0</v>
      </c>
      <c r="S6248" s="98">
        <v>0</v>
      </c>
      <c r="T6248" s="98">
        <v>0</v>
      </c>
      <c r="U6248" s="99"/>
      <c r="V6248" s="99"/>
      <c r="W6248" s="99"/>
      <c r="X6248" s="99"/>
      <c r="Y6248" s="99"/>
      <c r="Z6248" s="99"/>
      <c r="AA6248" s="99"/>
      <c r="AB6248" s="99"/>
      <c r="AC6248" s="99"/>
      <c r="AD6248" s="99"/>
      <c r="AE6248" s="99"/>
      <c r="AF6248" s="99"/>
      <c r="AG6248" s="99"/>
      <c r="AH6248" s="99"/>
      <c r="AI6248" s="99"/>
      <c r="AJ6248" s="99"/>
      <c r="AK6248" s="99"/>
      <c r="AL6248" s="99"/>
      <c r="AM6248" s="99"/>
      <c r="AN6248" s="99"/>
      <c r="AO6248" s="99"/>
      <c r="AP6248" s="99"/>
      <c r="AQ6248" s="99"/>
      <c r="AR6248" s="99"/>
      <c r="AS6248" s="99"/>
      <c r="AT6248" s="99"/>
      <c r="AU6248" s="99"/>
      <c r="AV6248" s="99"/>
      <c r="AW6248" s="99"/>
      <c r="AX6248" s="99"/>
      <c r="AY6248" s="99"/>
      <c r="AZ6248" s="99"/>
      <c r="BA6248" s="99"/>
      <c r="BB6248" s="107">
        <v>45884</v>
      </c>
    </row>
    <row r="6249" spans="1:54" s="8" customFormat="1" ht="13.95" customHeight="1" x14ac:dyDescent="0.25">
      <c r="A6249" s="219" t="s">
        <v>14725</v>
      </c>
      <c r="B6249" s="220" t="s">
        <v>14601</v>
      </c>
      <c r="C6249" s="98" t="s">
        <v>14114</v>
      </c>
      <c r="D6249" s="98" t="s">
        <v>14726</v>
      </c>
      <c r="E6249" s="141">
        <v>1985</v>
      </c>
      <c r="F6249" s="141">
        <v>2080</v>
      </c>
      <c r="G6249" s="98" t="s">
        <v>1</v>
      </c>
      <c r="H6249" s="98">
        <v>0</v>
      </c>
      <c r="I6249" s="98">
        <v>0</v>
      </c>
      <c r="J6249" s="98">
        <v>1</v>
      </c>
      <c r="K6249" s="98">
        <v>1</v>
      </c>
      <c r="L6249" s="98">
        <v>1</v>
      </c>
      <c r="M6249" s="98">
        <v>0</v>
      </c>
      <c r="N6249" s="98">
        <v>0</v>
      </c>
      <c r="O6249" s="98">
        <v>1</v>
      </c>
      <c r="P6249" s="98">
        <v>1</v>
      </c>
      <c r="Q6249" s="98">
        <v>0</v>
      </c>
      <c r="R6249" s="98">
        <v>0</v>
      </c>
      <c r="S6249" s="98">
        <v>0</v>
      </c>
      <c r="T6249" s="98">
        <v>0</v>
      </c>
      <c r="U6249" s="99"/>
      <c r="V6249" s="99"/>
      <c r="W6249" s="99"/>
      <c r="X6249" s="99"/>
      <c r="Y6249" s="99"/>
      <c r="Z6249" s="99"/>
      <c r="AA6249" s="99"/>
      <c r="AB6249" s="99"/>
      <c r="AC6249" s="99"/>
      <c r="AD6249" s="99"/>
      <c r="AE6249" s="99"/>
      <c r="AF6249" s="99"/>
      <c r="AG6249" s="99"/>
      <c r="AH6249" s="99"/>
      <c r="AI6249" s="99"/>
      <c r="AJ6249" s="99"/>
      <c r="AK6249" s="99"/>
      <c r="AL6249" s="99"/>
      <c r="AM6249" s="99"/>
      <c r="AN6249" s="99"/>
      <c r="AO6249" s="99"/>
      <c r="AP6249" s="99"/>
      <c r="AQ6249" s="99"/>
      <c r="AR6249" s="99"/>
      <c r="AS6249" s="99"/>
      <c r="AT6249" s="99"/>
      <c r="AU6249" s="99"/>
      <c r="AV6249" s="99"/>
      <c r="AW6249" s="99"/>
      <c r="AX6249" s="99"/>
      <c r="AY6249" s="99"/>
      <c r="AZ6249" s="99"/>
      <c r="BA6249" s="98" t="s">
        <v>14727</v>
      </c>
      <c r="BB6249" s="107">
        <v>45884</v>
      </c>
    </row>
    <row r="6250" spans="1:54" s="8" customFormat="1" ht="13.95" customHeight="1" x14ac:dyDescent="0.25">
      <c r="A6250" s="219" t="s">
        <v>14728</v>
      </c>
      <c r="B6250" s="220" t="s">
        <v>14601</v>
      </c>
      <c r="C6250" s="98" t="s">
        <v>14729</v>
      </c>
      <c r="D6250" s="98" t="s">
        <v>14730</v>
      </c>
      <c r="E6250" s="141">
        <v>2000</v>
      </c>
      <c r="F6250" s="141">
        <v>2301</v>
      </c>
      <c r="G6250" s="98" t="s">
        <v>1</v>
      </c>
      <c r="H6250" s="98">
        <v>0</v>
      </c>
      <c r="I6250" s="98">
        <v>0</v>
      </c>
      <c r="J6250" s="98">
        <v>0</v>
      </c>
      <c r="K6250" s="98">
        <v>0</v>
      </c>
      <c r="L6250" s="98">
        <v>0</v>
      </c>
      <c r="M6250" s="98">
        <v>1</v>
      </c>
      <c r="N6250" s="98">
        <v>0</v>
      </c>
      <c r="O6250" s="98">
        <v>0</v>
      </c>
      <c r="P6250" s="98">
        <v>0</v>
      </c>
      <c r="Q6250" s="98">
        <v>0</v>
      </c>
      <c r="R6250" s="98">
        <v>0</v>
      </c>
      <c r="S6250" s="98">
        <v>0</v>
      </c>
      <c r="T6250" s="98">
        <v>0</v>
      </c>
      <c r="U6250" s="99"/>
      <c r="V6250" s="99"/>
      <c r="W6250" s="99"/>
      <c r="X6250" s="99"/>
      <c r="Y6250" s="99"/>
      <c r="Z6250" s="99"/>
      <c r="AA6250" s="99"/>
      <c r="AB6250" s="99"/>
      <c r="AC6250" s="99"/>
      <c r="AD6250" s="99"/>
      <c r="AE6250" s="99"/>
      <c r="AF6250" s="99"/>
      <c r="AG6250" s="99"/>
      <c r="AH6250" s="99"/>
      <c r="AI6250" s="99"/>
      <c r="AJ6250" s="99"/>
      <c r="AK6250" s="99"/>
      <c r="AL6250" s="99"/>
      <c r="AM6250" s="99"/>
      <c r="AN6250" s="99"/>
      <c r="AO6250" s="99"/>
      <c r="AP6250" s="99"/>
      <c r="AQ6250" s="99"/>
      <c r="AR6250" s="99"/>
      <c r="AS6250" s="99"/>
      <c r="AT6250" s="99"/>
      <c r="AU6250" s="99"/>
      <c r="AV6250" s="99"/>
      <c r="AW6250" s="99"/>
      <c r="AX6250" s="99"/>
      <c r="AY6250" s="99"/>
      <c r="AZ6250" s="99"/>
      <c r="BA6250" s="99"/>
      <c r="BB6250" s="107">
        <v>45884</v>
      </c>
    </row>
    <row r="6251" spans="1:54" s="8" customFormat="1" ht="13.95" customHeight="1" x14ac:dyDescent="0.25">
      <c r="A6251" s="219" t="s">
        <v>14731</v>
      </c>
      <c r="B6251" s="220" t="s">
        <v>14601</v>
      </c>
      <c r="C6251" s="98" t="s">
        <v>14732</v>
      </c>
      <c r="D6251" s="98" t="s">
        <v>14733</v>
      </c>
      <c r="E6251" s="141">
        <v>1998</v>
      </c>
      <c r="F6251" s="141">
        <v>2351</v>
      </c>
      <c r="G6251" s="98" t="s">
        <v>1</v>
      </c>
      <c r="H6251" s="98">
        <v>0</v>
      </c>
      <c r="I6251" s="98">
        <v>0</v>
      </c>
      <c r="J6251" s="98">
        <v>1</v>
      </c>
      <c r="K6251" s="98">
        <v>1</v>
      </c>
      <c r="L6251" s="98">
        <v>1</v>
      </c>
      <c r="M6251" s="98">
        <v>1</v>
      </c>
      <c r="N6251" s="98">
        <v>0</v>
      </c>
      <c r="O6251" s="98">
        <v>0</v>
      </c>
      <c r="P6251" s="98">
        <v>0</v>
      </c>
      <c r="Q6251" s="98">
        <v>0</v>
      </c>
      <c r="R6251" s="98">
        <v>0</v>
      </c>
      <c r="S6251" s="98">
        <v>0</v>
      </c>
      <c r="T6251" s="98">
        <v>0</v>
      </c>
      <c r="U6251" s="99"/>
      <c r="V6251" s="99"/>
      <c r="W6251" s="99"/>
      <c r="X6251" s="99"/>
      <c r="Y6251" s="99"/>
      <c r="Z6251" s="99"/>
      <c r="AA6251" s="99"/>
      <c r="AB6251" s="99"/>
      <c r="AC6251" s="99"/>
      <c r="AD6251" s="99"/>
      <c r="AE6251" s="99"/>
      <c r="AF6251" s="99"/>
      <c r="AG6251" s="99"/>
      <c r="AH6251" s="99"/>
      <c r="AI6251" s="99"/>
      <c r="AJ6251" s="99"/>
      <c r="AK6251" s="99"/>
      <c r="AL6251" s="99"/>
      <c r="AM6251" s="99"/>
      <c r="AN6251" s="99"/>
      <c r="AO6251" s="99"/>
      <c r="AP6251" s="99"/>
      <c r="AQ6251" s="99"/>
      <c r="AR6251" s="99"/>
      <c r="AS6251" s="99"/>
      <c r="AT6251" s="99"/>
      <c r="AU6251" s="99"/>
      <c r="AV6251" s="99"/>
      <c r="AW6251" s="99"/>
      <c r="AX6251" s="99"/>
      <c r="AY6251" s="99"/>
      <c r="AZ6251" s="99"/>
      <c r="BA6251" s="98"/>
      <c r="BB6251" s="107">
        <v>45884</v>
      </c>
    </row>
    <row r="6252" spans="1:54" s="8" customFormat="1" ht="13.95" customHeight="1" x14ac:dyDescent="0.25">
      <c r="A6252" s="219" t="s">
        <v>14734</v>
      </c>
      <c r="B6252" s="220" t="s">
        <v>14601</v>
      </c>
      <c r="C6252" s="98" t="s">
        <v>14735</v>
      </c>
      <c r="D6252" s="98" t="s">
        <v>14736</v>
      </c>
      <c r="E6252" s="141">
        <v>1970</v>
      </c>
      <c r="F6252" s="141">
        <v>2510</v>
      </c>
      <c r="G6252" s="98" t="s">
        <v>1</v>
      </c>
      <c r="H6252" s="98">
        <v>0</v>
      </c>
      <c r="I6252" s="98">
        <v>0</v>
      </c>
      <c r="J6252" s="98">
        <v>1</v>
      </c>
      <c r="K6252" s="98">
        <v>1</v>
      </c>
      <c r="L6252" s="98">
        <v>1</v>
      </c>
      <c r="M6252" s="98">
        <v>1</v>
      </c>
      <c r="N6252" s="98">
        <v>0</v>
      </c>
      <c r="O6252" s="98">
        <v>1</v>
      </c>
      <c r="P6252" s="98">
        <v>0</v>
      </c>
      <c r="Q6252" s="98">
        <v>0</v>
      </c>
      <c r="R6252" s="98">
        <v>1</v>
      </c>
      <c r="S6252" s="98">
        <v>0</v>
      </c>
      <c r="T6252" s="98">
        <v>0</v>
      </c>
      <c r="U6252" s="99"/>
      <c r="V6252" s="99"/>
      <c r="W6252" s="99"/>
      <c r="X6252" s="99"/>
      <c r="Y6252" s="99"/>
      <c r="Z6252" s="99"/>
      <c r="AA6252" s="99"/>
      <c r="AB6252" s="99"/>
      <c r="AC6252" s="99"/>
      <c r="AD6252" s="99"/>
      <c r="AE6252" s="99"/>
      <c r="AF6252" s="99"/>
      <c r="AG6252" s="99"/>
      <c r="AH6252" s="99"/>
      <c r="AI6252" s="99"/>
      <c r="AJ6252" s="99"/>
      <c r="AK6252" s="99"/>
      <c r="AL6252" s="99"/>
      <c r="AM6252" s="99"/>
      <c r="AN6252" s="99"/>
      <c r="AO6252" s="99"/>
      <c r="AP6252" s="99"/>
      <c r="AQ6252" s="99"/>
      <c r="AR6252" s="99"/>
      <c r="AS6252" s="99"/>
      <c r="AT6252" s="99"/>
      <c r="AU6252" s="99"/>
      <c r="AV6252" s="99"/>
      <c r="AW6252" s="99"/>
      <c r="AX6252" s="99"/>
      <c r="AY6252" s="99"/>
      <c r="AZ6252" s="99"/>
      <c r="BA6252" s="99"/>
      <c r="BB6252" s="107">
        <v>45884</v>
      </c>
    </row>
    <row r="6253" spans="1:54" s="8" customFormat="1" ht="13.95" customHeight="1" x14ac:dyDescent="0.25">
      <c r="A6253" s="219" t="s">
        <v>14737</v>
      </c>
      <c r="B6253" s="220" t="s">
        <v>14601</v>
      </c>
      <c r="C6253" s="98" t="s">
        <v>14738</v>
      </c>
      <c r="D6253" s="98" t="s">
        <v>14739</v>
      </c>
      <c r="E6253" s="141">
        <v>1985</v>
      </c>
      <c r="F6253" s="141">
        <v>2536</v>
      </c>
      <c r="G6253" s="98" t="s">
        <v>1</v>
      </c>
      <c r="H6253" s="98">
        <v>1</v>
      </c>
      <c r="I6253" s="98">
        <v>0</v>
      </c>
      <c r="J6253" s="98">
        <v>1</v>
      </c>
      <c r="K6253" s="98">
        <v>0</v>
      </c>
      <c r="L6253" s="98">
        <v>0</v>
      </c>
      <c r="M6253" s="98">
        <v>0</v>
      </c>
      <c r="N6253" s="98">
        <v>0</v>
      </c>
      <c r="O6253" s="98">
        <v>0</v>
      </c>
      <c r="P6253" s="98">
        <v>0</v>
      </c>
      <c r="Q6253" s="98">
        <v>0</v>
      </c>
      <c r="R6253" s="98">
        <v>0</v>
      </c>
      <c r="S6253" s="98">
        <v>0</v>
      </c>
      <c r="T6253" s="98">
        <v>0</v>
      </c>
      <c r="U6253" s="99"/>
      <c r="V6253" s="99"/>
      <c r="W6253" s="99"/>
      <c r="X6253" s="99"/>
      <c r="Y6253" s="99"/>
      <c r="Z6253" s="99"/>
      <c r="AA6253" s="99"/>
      <c r="AB6253" s="99"/>
      <c r="AC6253" s="99"/>
      <c r="AD6253" s="99"/>
      <c r="AE6253" s="99"/>
      <c r="AF6253" s="99"/>
      <c r="AG6253" s="99"/>
      <c r="AH6253" s="99"/>
      <c r="AI6253" s="99"/>
      <c r="AJ6253" s="99"/>
      <c r="AK6253" s="99"/>
      <c r="AL6253" s="99"/>
      <c r="AM6253" s="99"/>
      <c r="AN6253" s="99"/>
      <c r="AO6253" s="99"/>
      <c r="AP6253" s="99"/>
      <c r="AQ6253" s="99"/>
      <c r="AR6253" s="99"/>
      <c r="AS6253" s="99"/>
      <c r="AT6253" s="99"/>
      <c r="AU6253" s="99"/>
      <c r="AV6253" s="99"/>
      <c r="AW6253" s="99"/>
      <c r="AX6253" s="99"/>
      <c r="AY6253" s="99"/>
      <c r="AZ6253" s="99"/>
      <c r="BA6253" s="99"/>
      <c r="BB6253" s="107">
        <v>45884</v>
      </c>
    </row>
    <row r="6254" spans="1:54" s="8" customFormat="1" ht="13.95" customHeight="1" x14ac:dyDescent="0.25">
      <c r="A6254" s="219" t="s">
        <v>14740</v>
      </c>
      <c r="B6254" s="220" t="s">
        <v>14601</v>
      </c>
      <c r="C6254" s="98" t="s">
        <v>14741</v>
      </c>
      <c r="D6254" s="98" t="s">
        <v>14742</v>
      </c>
      <c r="E6254" s="141">
        <v>1986</v>
      </c>
      <c r="F6254" s="141">
        <v>2556</v>
      </c>
      <c r="G6254" s="98" t="s">
        <v>1</v>
      </c>
      <c r="H6254" s="98">
        <v>0</v>
      </c>
      <c r="I6254" s="98">
        <v>0</v>
      </c>
      <c r="J6254" s="98">
        <v>1</v>
      </c>
      <c r="K6254" s="98">
        <v>0</v>
      </c>
      <c r="L6254" s="98">
        <v>0</v>
      </c>
      <c r="M6254" s="98">
        <v>1</v>
      </c>
      <c r="N6254" s="98">
        <v>1</v>
      </c>
      <c r="O6254" s="98">
        <v>0</v>
      </c>
      <c r="P6254" s="98">
        <v>0</v>
      </c>
      <c r="Q6254" s="98">
        <v>0</v>
      </c>
      <c r="R6254" s="98">
        <v>0</v>
      </c>
      <c r="S6254" s="98">
        <v>0</v>
      </c>
      <c r="T6254" s="98">
        <v>0</v>
      </c>
      <c r="U6254" s="99"/>
      <c r="V6254" s="99"/>
      <c r="W6254" s="99"/>
      <c r="X6254" s="99"/>
      <c r="Y6254" s="99"/>
      <c r="Z6254" s="99"/>
      <c r="AA6254" s="99"/>
      <c r="AB6254" s="99"/>
      <c r="AC6254" s="99"/>
      <c r="AD6254" s="99"/>
      <c r="AE6254" s="99"/>
      <c r="AF6254" s="99"/>
      <c r="AG6254" s="99"/>
      <c r="AH6254" s="99"/>
      <c r="AI6254" s="99"/>
      <c r="AJ6254" s="99"/>
      <c r="AK6254" s="99"/>
      <c r="AL6254" s="99"/>
      <c r="AM6254" s="99"/>
      <c r="AN6254" s="99"/>
      <c r="AO6254" s="99"/>
      <c r="AP6254" s="99"/>
      <c r="AQ6254" s="99"/>
      <c r="AR6254" s="99"/>
      <c r="AS6254" s="99"/>
      <c r="AT6254" s="99"/>
      <c r="AU6254" s="99"/>
      <c r="AV6254" s="99"/>
      <c r="AW6254" s="99"/>
      <c r="AX6254" s="99"/>
      <c r="AY6254" s="99"/>
      <c r="AZ6254" s="99"/>
      <c r="BA6254" s="99"/>
      <c r="BB6254" s="107">
        <v>45884</v>
      </c>
    </row>
    <row r="6255" spans="1:54" s="8" customFormat="1" ht="13.95" customHeight="1" x14ac:dyDescent="0.25">
      <c r="A6255" s="219" t="s">
        <v>14743</v>
      </c>
      <c r="B6255" s="220" t="s">
        <v>14601</v>
      </c>
      <c r="C6255" s="98" t="s">
        <v>14744</v>
      </c>
      <c r="D6255" s="98" t="s">
        <v>14745</v>
      </c>
      <c r="E6255" s="141">
        <v>1995</v>
      </c>
      <c r="F6255" s="141">
        <v>2764</v>
      </c>
      <c r="G6255" s="98" t="s">
        <v>10</v>
      </c>
      <c r="H6255" s="98">
        <v>1</v>
      </c>
      <c r="I6255" s="98">
        <v>1</v>
      </c>
      <c r="J6255" s="98">
        <v>0</v>
      </c>
      <c r="K6255" s="98">
        <v>0</v>
      </c>
      <c r="L6255" s="98">
        <v>0</v>
      </c>
      <c r="M6255" s="98">
        <v>0</v>
      </c>
      <c r="N6255" s="98">
        <v>0</v>
      </c>
      <c r="O6255" s="98">
        <v>0</v>
      </c>
      <c r="P6255" s="98">
        <v>0</v>
      </c>
      <c r="Q6255" s="98">
        <v>0</v>
      </c>
      <c r="R6255" s="98">
        <v>0</v>
      </c>
      <c r="S6255" s="98">
        <v>0</v>
      </c>
      <c r="T6255" s="98">
        <v>0</v>
      </c>
      <c r="U6255" s="98">
        <v>0</v>
      </c>
      <c r="V6255" s="98">
        <v>0</v>
      </c>
      <c r="W6255" s="98">
        <v>0</v>
      </c>
      <c r="X6255" s="98">
        <v>0</v>
      </c>
      <c r="Y6255" s="98">
        <v>0</v>
      </c>
      <c r="Z6255" s="98">
        <v>0</v>
      </c>
      <c r="AA6255" s="98">
        <v>0</v>
      </c>
      <c r="AB6255" s="98">
        <v>0</v>
      </c>
      <c r="AC6255" s="98">
        <v>0</v>
      </c>
      <c r="AD6255" s="98">
        <v>0</v>
      </c>
      <c r="AE6255" s="98">
        <v>0</v>
      </c>
      <c r="AF6255" s="98">
        <v>0</v>
      </c>
      <c r="AG6255" s="98">
        <v>0</v>
      </c>
      <c r="AH6255" s="98">
        <v>0</v>
      </c>
      <c r="AI6255" s="98">
        <v>0</v>
      </c>
      <c r="AJ6255" s="98">
        <v>0</v>
      </c>
      <c r="AK6255" s="98">
        <v>0</v>
      </c>
      <c r="AL6255" s="98">
        <v>0</v>
      </c>
      <c r="AM6255" s="98">
        <v>0</v>
      </c>
      <c r="AN6255" s="98">
        <v>0</v>
      </c>
      <c r="AO6255" s="98">
        <v>0</v>
      </c>
      <c r="AP6255" s="98">
        <v>0</v>
      </c>
      <c r="AQ6255" s="98">
        <v>0</v>
      </c>
      <c r="AR6255" s="98">
        <v>0</v>
      </c>
      <c r="AS6255" s="98">
        <v>0</v>
      </c>
      <c r="AT6255" s="129" t="s">
        <v>174</v>
      </c>
      <c r="AU6255" s="98">
        <v>0</v>
      </c>
      <c r="AV6255" s="98">
        <v>0</v>
      </c>
      <c r="AW6255" s="98">
        <v>0</v>
      </c>
      <c r="AX6255" s="98" t="s">
        <v>22060</v>
      </c>
      <c r="AY6255" s="98" t="s">
        <v>21576</v>
      </c>
      <c r="AZ6255" s="154" t="s">
        <v>21577</v>
      </c>
      <c r="BA6255" s="98"/>
      <c r="BB6255" s="107">
        <v>45884</v>
      </c>
    </row>
    <row r="6256" spans="1:54" s="8" customFormat="1" ht="13.95" customHeight="1" x14ac:dyDescent="0.25">
      <c r="A6256" s="219" t="s">
        <v>14746</v>
      </c>
      <c r="B6256" s="220" t="s">
        <v>14601</v>
      </c>
      <c r="C6256" s="98" t="s">
        <v>9326</v>
      </c>
      <c r="D6256" s="98" t="s">
        <v>14747</v>
      </c>
      <c r="E6256" s="141">
        <v>1985</v>
      </c>
      <c r="F6256" s="141">
        <v>2825</v>
      </c>
      <c r="G6256" s="98" t="s">
        <v>1</v>
      </c>
      <c r="H6256" s="98">
        <v>0</v>
      </c>
      <c r="I6256" s="98">
        <v>0</v>
      </c>
      <c r="J6256" s="98">
        <v>1</v>
      </c>
      <c r="K6256" s="98">
        <v>0</v>
      </c>
      <c r="L6256" s="98">
        <v>1</v>
      </c>
      <c r="M6256" s="98">
        <v>0</v>
      </c>
      <c r="N6256" s="98">
        <v>0</v>
      </c>
      <c r="O6256" s="98">
        <v>1</v>
      </c>
      <c r="P6256" s="98">
        <v>1</v>
      </c>
      <c r="Q6256" s="98">
        <v>1</v>
      </c>
      <c r="R6256" s="98">
        <v>0</v>
      </c>
      <c r="S6256" s="98">
        <v>0</v>
      </c>
      <c r="T6256" s="98">
        <v>0</v>
      </c>
      <c r="U6256" s="99"/>
      <c r="V6256" s="99"/>
      <c r="W6256" s="99"/>
      <c r="X6256" s="99"/>
      <c r="Y6256" s="99"/>
      <c r="Z6256" s="99"/>
      <c r="AA6256" s="99"/>
      <c r="AB6256" s="99"/>
      <c r="AC6256" s="99"/>
      <c r="AD6256" s="99"/>
      <c r="AE6256" s="99"/>
      <c r="AF6256" s="99"/>
      <c r="AG6256" s="99"/>
      <c r="AH6256" s="99"/>
      <c r="AI6256" s="99"/>
      <c r="AJ6256" s="99"/>
      <c r="AK6256" s="99"/>
      <c r="AL6256" s="99"/>
      <c r="AM6256" s="99"/>
      <c r="AN6256" s="99"/>
      <c r="AO6256" s="99"/>
      <c r="AP6256" s="99"/>
      <c r="AQ6256" s="99"/>
      <c r="AR6256" s="99"/>
      <c r="AS6256" s="99"/>
      <c r="AT6256" s="99"/>
      <c r="AU6256" s="99"/>
      <c r="AV6256" s="99"/>
      <c r="AW6256" s="99"/>
      <c r="AX6256" s="99"/>
      <c r="AY6256" s="99"/>
      <c r="AZ6256" s="99"/>
      <c r="BA6256" s="99"/>
      <c r="BB6256" s="107">
        <v>45884</v>
      </c>
    </row>
    <row r="6257" spans="1:54" s="8" customFormat="1" ht="13.95" customHeight="1" x14ac:dyDescent="0.25">
      <c r="A6257" s="219" t="s">
        <v>14748</v>
      </c>
      <c r="B6257" s="220" t="s">
        <v>14601</v>
      </c>
      <c r="C6257" s="98" t="s">
        <v>14749</v>
      </c>
      <c r="D6257" s="98" t="s">
        <v>14750</v>
      </c>
      <c r="E6257" s="141">
        <v>1985</v>
      </c>
      <c r="F6257" s="141">
        <v>2900</v>
      </c>
      <c r="G6257" s="98" t="s">
        <v>1</v>
      </c>
      <c r="H6257" s="98">
        <v>0</v>
      </c>
      <c r="I6257" s="98">
        <v>0</v>
      </c>
      <c r="J6257" s="98">
        <v>1</v>
      </c>
      <c r="K6257" s="98">
        <v>0</v>
      </c>
      <c r="L6257" s="98">
        <v>1</v>
      </c>
      <c r="M6257" s="98">
        <v>0</v>
      </c>
      <c r="N6257" s="98">
        <v>0</v>
      </c>
      <c r="O6257" s="98">
        <v>1</v>
      </c>
      <c r="P6257" s="98">
        <v>1</v>
      </c>
      <c r="Q6257" s="98">
        <v>0</v>
      </c>
      <c r="R6257" s="98">
        <v>1</v>
      </c>
      <c r="S6257" s="98">
        <v>0</v>
      </c>
      <c r="T6257" s="98">
        <v>0</v>
      </c>
      <c r="U6257" s="99"/>
      <c r="V6257" s="99"/>
      <c r="W6257" s="99"/>
      <c r="X6257" s="99"/>
      <c r="Y6257" s="99"/>
      <c r="Z6257" s="99"/>
      <c r="AA6257" s="99"/>
      <c r="AB6257" s="99"/>
      <c r="AC6257" s="99"/>
      <c r="AD6257" s="99"/>
      <c r="AE6257" s="99"/>
      <c r="AF6257" s="99"/>
      <c r="AG6257" s="99"/>
      <c r="AH6257" s="99"/>
      <c r="AI6257" s="99"/>
      <c r="AJ6257" s="99"/>
      <c r="AK6257" s="99"/>
      <c r="AL6257" s="99"/>
      <c r="AM6257" s="99"/>
      <c r="AN6257" s="99"/>
      <c r="AO6257" s="99"/>
      <c r="AP6257" s="99"/>
      <c r="AQ6257" s="99"/>
      <c r="AR6257" s="99"/>
      <c r="AS6257" s="99"/>
      <c r="AT6257" s="99"/>
      <c r="AU6257" s="99"/>
      <c r="AV6257" s="99"/>
      <c r="AW6257" s="99"/>
      <c r="AX6257" s="99"/>
      <c r="AY6257" s="99"/>
      <c r="AZ6257" s="99"/>
      <c r="BA6257" s="98" t="s">
        <v>10374</v>
      </c>
      <c r="BB6257" s="107">
        <v>45884</v>
      </c>
    </row>
    <row r="6258" spans="1:54" s="8" customFormat="1" ht="13.95" customHeight="1" x14ac:dyDescent="0.25">
      <c r="A6258" s="219" t="s">
        <v>14751</v>
      </c>
      <c r="B6258" s="220" t="s">
        <v>14601</v>
      </c>
      <c r="C6258" s="98" t="s">
        <v>14096</v>
      </c>
      <c r="D6258" s="98" t="s">
        <v>14752</v>
      </c>
      <c r="E6258" s="141">
        <v>1985</v>
      </c>
      <c r="F6258" s="141">
        <v>2996</v>
      </c>
      <c r="G6258" s="98" t="s">
        <v>1</v>
      </c>
      <c r="H6258" s="98">
        <v>0</v>
      </c>
      <c r="I6258" s="98">
        <v>0</v>
      </c>
      <c r="J6258" s="98">
        <v>1</v>
      </c>
      <c r="K6258" s="98">
        <v>0</v>
      </c>
      <c r="L6258" s="98">
        <v>1</v>
      </c>
      <c r="M6258" s="98">
        <v>0</v>
      </c>
      <c r="N6258" s="98">
        <v>0</v>
      </c>
      <c r="O6258" s="98">
        <v>1</v>
      </c>
      <c r="P6258" s="98">
        <v>1</v>
      </c>
      <c r="Q6258" s="98">
        <v>0</v>
      </c>
      <c r="R6258" s="98">
        <v>1</v>
      </c>
      <c r="S6258" s="98">
        <v>0</v>
      </c>
      <c r="T6258" s="98">
        <v>0</v>
      </c>
      <c r="U6258" s="99"/>
      <c r="V6258" s="99"/>
      <c r="W6258" s="99"/>
      <c r="X6258" s="99"/>
      <c r="Y6258" s="99"/>
      <c r="Z6258" s="99"/>
      <c r="AA6258" s="99"/>
      <c r="AB6258" s="99"/>
      <c r="AC6258" s="99"/>
      <c r="AD6258" s="99"/>
      <c r="AE6258" s="99"/>
      <c r="AF6258" s="99"/>
      <c r="AG6258" s="99"/>
      <c r="AH6258" s="99"/>
      <c r="AI6258" s="99"/>
      <c r="AJ6258" s="99"/>
      <c r="AK6258" s="99"/>
      <c r="AL6258" s="99"/>
      <c r="AM6258" s="99"/>
      <c r="AN6258" s="99"/>
      <c r="AO6258" s="99"/>
      <c r="AP6258" s="99"/>
      <c r="AQ6258" s="99"/>
      <c r="AR6258" s="99"/>
      <c r="AS6258" s="99"/>
      <c r="AT6258" s="99"/>
      <c r="AU6258" s="99"/>
      <c r="AV6258" s="99"/>
      <c r="AW6258" s="99"/>
      <c r="AX6258" s="99"/>
      <c r="AY6258" s="99"/>
      <c r="AZ6258" s="99"/>
      <c r="BA6258" s="98" t="s">
        <v>14753</v>
      </c>
      <c r="BB6258" s="107">
        <v>45884</v>
      </c>
    </row>
    <row r="6259" spans="1:54" s="8" customFormat="1" ht="13.95" customHeight="1" x14ac:dyDescent="0.25">
      <c r="A6259" s="219" t="s">
        <v>14754</v>
      </c>
      <c r="B6259" s="220" t="s">
        <v>14601</v>
      </c>
      <c r="C6259" s="98" t="s">
        <v>14755</v>
      </c>
      <c r="D6259" s="98" t="s">
        <v>14756</v>
      </c>
      <c r="E6259" s="141">
        <v>1991</v>
      </c>
      <c r="F6259" s="141">
        <v>3095</v>
      </c>
      <c r="G6259" s="98" t="s">
        <v>8</v>
      </c>
      <c r="H6259" s="98">
        <v>0</v>
      </c>
      <c r="I6259" s="98">
        <v>0</v>
      </c>
      <c r="J6259" s="98">
        <v>1</v>
      </c>
      <c r="K6259" s="98">
        <v>0</v>
      </c>
      <c r="L6259" s="98">
        <v>0</v>
      </c>
      <c r="M6259" s="98">
        <v>0</v>
      </c>
      <c r="N6259" s="98">
        <v>0</v>
      </c>
      <c r="O6259" s="98">
        <v>0</v>
      </c>
      <c r="P6259" s="98">
        <v>0</v>
      </c>
      <c r="Q6259" s="98">
        <v>0</v>
      </c>
      <c r="R6259" s="98">
        <v>0</v>
      </c>
      <c r="S6259" s="98">
        <v>0</v>
      </c>
      <c r="T6259" s="98">
        <v>0</v>
      </c>
      <c r="U6259" s="98">
        <v>0</v>
      </c>
      <c r="V6259" s="98">
        <v>0</v>
      </c>
      <c r="W6259" s="98">
        <v>0</v>
      </c>
      <c r="X6259" s="98">
        <v>0</v>
      </c>
      <c r="Y6259" s="98">
        <v>0</v>
      </c>
      <c r="Z6259" s="98">
        <v>0</v>
      </c>
      <c r="AA6259" s="98">
        <v>0</v>
      </c>
      <c r="AB6259" s="98">
        <v>0</v>
      </c>
      <c r="AC6259" s="98">
        <v>0</v>
      </c>
      <c r="AD6259" s="98">
        <v>0</v>
      </c>
      <c r="AE6259" s="98">
        <v>0</v>
      </c>
      <c r="AF6259" s="98">
        <v>0</v>
      </c>
      <c r="AG6259" s="98">
        <v>0</v>
      </c>
      <c r="AH6259" s="98">
        <v>0</v>
      </c>
      <c r="AI6259" s="98">
        <v>0</v>
      </c>
      <c r="AJ6259" s="98">
        <v>0</v>
      </c>
      <c r="AK6259" s="98">
        <v>0</v>
      </c>
      <c r="AL6259" s="98">
        <v>0</v>
      </c>
      <c r="AM6259" s="98">
        <v>0</v>
      </c>
      <c r="AN6259" s="98">
        <v>0</v>
      </c>
      <c r="AO6259" s="98">
        <v>0</v>
      </c>
      <c r="AP6259" s="98">
        <v>0</v>
      </c>
      <c r="AQ6259" s="98">
        <v>0</v>
      </c>
      <c r="AR6259" s="98">
        <v>0</v>
      </c>
      <c r="AS6259" s="98">
        <v>0</v>
      </c>
      <c r="AT6259" s="129" t="s">
        <v>174</v>
      </c>
      <c r="AU6259" s="98">
        <v>0</v>
      </c>
      <c r="AV6259" s="98">
        <v>0</v>
      </c>
      <c r="AW6259" s="98">
        <v>0</v>
      </c>
      <c r="AX6259" s="98"/>
      <c r="AY6259" s="98"/>
      <c r="AZ6259" s="98"/>
      <c r="BA6259" s="98"/>
      <c r="BB6259" s="107">
        <v>45884</v>
      </c>
    </row>
    <row r="6260" spans="1:54" s="8" customFormat="1" ht="13.95" customHeight="1" x14ac:dyDescent="0.25">
      <c r="A6260" s="219" t="s">
        <v>14757</v>
      </c>
      <c r="B6260" s="220" t="s">
        <v>14601</v>
      </c>
      <c r="C6260" s="98" t="s">
        <v>14758</v>
      </c>
      <c r="D6260" s="98" t="s">
        <v>14759</v>
      </c>
      <c r="E6260" s="141">
        <v>1972</v>
      </c>
      <c r="F6260" s="141">
        <v>4764</v>
      </c>
      <c r="G6260" s="98" t="s">
        <v>1</v>
      </c>
      <c r="H6260" s="98">
        <v>0</v>
      </c>
      <c r="I6260" s="98">
        <v>0</v>
      </c>
      <c r="J6260" s="98">
        <v>0</v>
      </c>
      <c r="K6260" s="98">
        <v>0</v>
      </c>
      <c r="L6260" s="98">
        <v>0</v>
      </c>
      <c r="M6260" s="98">
        <v>0</v>
      </c>
      <c r="N6260" s="98">
        <v>0</v>
      </c>
      <c r="O6260" s="98">
        <v>0</v>
      </c>
      <c r="P6260" s="98">
        <v>0</v>
      </c>
      <c r="Q6260" s="98">
        <v>0</v>
      </c>
      <c r="R6260" s="98">
        <v>0</v>
      </c>
      <c r="S6260" s="98">
        <v>0</v>
      </c>
      <c r="T6260" s="98">
        <v>0</v>
      </c>
      <c r="U6260" s="99"/>
      <c r="V6260" s="99"/>
      <c r="W6260" s="99"/>
      <c r="X6260" s="99"/>
      <c r="Y6260" s="99"/>
      <c r="Z6260" s="99"/>
      <c r="AA6260" s="99"/>
      <c r="AB6260" s="99"/>
      <c r="AC6260" s="99"/>
      <c r="AD6260" s="99"/>
      <c r="AE6260" s="99"/>
      <c r="AF6260" s="99"/>
      <c r="AG6260" s="99"/>
      <c r="AH6260" s="99"/>
      <c r="AI6260" s="99"/>
      <c r="AJ6260" s="99"/>
      <c r="AK6260" s="99"/>
      <c r="AL6260" s="99"/>
      <c r="AM6260" s="99"/>
      <c r="AN6260" s="99"/>
      <c r="AO6260" s="99"/>
      <c r="AP6260" s="99"/>
      <c r="AQ6260" s="99"/>
      <c r="AR6260" s="99"/>
      <c r="AS6260" s="99"/>
      <c r="AT6260" s="99"/>
      <c r="AU6260" s="99"/>
      <c r="AV6260" s="99"/>
      <c r="AW6260" s="99"/>
      <c r="AX6260" s="99"/>
      <c r="AY6260" s="99"/>
      <c r="AZ6260" s="99"/>
      <c r="BA6260" s="99"/>
      <c r="BB6260" s="107">
        <v>45884</v>
      </c>
    </row>
    <row r="6261" spans="1:54" s="8" customFormat="1" ht="13.95" customHeight="1" x14ac:dyDescent="0.25">
      <c r="A6261" s="219" t="s">
        <v>14760</v>
      </c>
      <c r="B6261" s="220" t="s">
        <v>14601</v>
      </c>
      <c r="C6261" s="98" t="s">
        <v>14761</v>
      </c>
      <c r="D6261" s="98" t="s">
        <v>14762</v>
      </c>
      <c r="E6261" s="141">
        <v>1982</v>
      </c>
      <c r="F6261" s="141">
        <v>5367</v>
      </c>
      <c r="G6261" s="98" t="s">
        <v>1</v>
      </c>
      <c r="H6261" s="98">
        <v>0</v>
      </c>
      <c r="I6261" s="98">
        <v>0</v>
      </c>
      <c r="J6261" s="98">
        <v>1</v>
      </c>
      <c r="K6261" s="98">
        <v>0</v>
      </c>
      <c r="L6261" s="98">
        <v>0</v>
      </c>
      <c r="M6261" s="98">
        <v>0</v>
      </c>
      <c r="N6261" s="98">
        <v>0</v>
      </c>
      <c r="O6261" s="98">
        <v>1</v>
      </c>
      <c r="P6261" s="98">
        <v>1</v>
      </c>
      <c r="Q6261" s="98">
        <v>0</v>
      </c>
      <c r="R6261" s="98">
        <v>0</v>
      </c>
      <c r="S6261" s="98">
        <v>0</v>
      </c>
      <c r="T6261" s="98">
        <v>0</v>
      </c>
      <c r="U6261" s="99"/>
      <c r="V6261" s="99"/>
      <c r="W6261" s="99"/>
      <c r="X6261" s="99"/>
      <c r="Y6261" s="99"/>
      <c r="Z6261" s="99"/>
      <c r="AA6261" s="99"/>
      <c r="AB6261" s="99"/>
      <c r="AC6261" s="99"/>
      <c r="AD6261" s="99"/>
      <c r="AE6261" s="99"/>
      <c r="AF6261" s="99"/>
      <c r="AG6261" s="99"/>
      <c r="AH6261" s="99"/>
      <c r="AI6261" s="99"/>
      <c r="AJ6261" s="99"/>
      <c r="AK6261" s="99"/>
      <c r="AL6261" s="99"/>
      <c r="AM6261" s="99"/>
      <c r="AN6261" s="99"/>
      <c r="AO6261" s="99"/>
      <c r="AP6261" s="99"/>
      <c r="AQ6261" s="99"/>
      <c r="AR6261" s="99"/>
      <c r="AS6261" s="99"/>
      <c r="AT6261" s="99"/>
      <c r="AU6261" s="99"/>
      <c r="AV6261" s="99"/>
      <c r="AW6261" s="99"/>
      <c r="AX6261" s="99"/>
      <c r="AY6261" s="99"/>
      <c r="AZ6261" s="99"/>
      <c r="BA6261" s="98" t="s">
        <v>14612</v>
      </c>
      <c r="BB6261" s="107">
        <v>45884</v>
      </c>
    </row>
    <row r="6262" spans="1:54" s="8" customFormat="1" ht="13.95" customHeight="1" x14ac:dyDescent="0.25">
      <c r="A6262" s="219" t="s">
        <v>14763</v>
      </c>
      <c r="B6262" s="220" t="s">
        <v>14601</v>
      </c>
      <c r="C6262" s="98" t="s">
        <v>14764</v>
      </c>
      <c r="D6262" s="98" t="s">
        <v>14765</v>
      </c>
      <c r="E6262" s="141">
        <v>1987</v>
      </c>
      <c r="F6262" s="141">
        <v>6577</v>
      </c>
      <c r="G6262" s="98" t="s">
        <v>8</v>
      </c>
      <c r="H6262" s="98">
        <v>0</v>
      </c>
      <c r="I6262" s="98">
        <v>0</v>
      </c>
      <c r="J6262" s="98">
        <v>1</v>
      </c>
      <c r="K6262" s="98">
        <v>0</v>
      </c>
      <c r="L6262" s="98">
        <v>0</v>
      </c>
      <c r="M6262" s="98">
        <v>0</v>
      </c>
      <c r="N6262" s="98">
        <v>0</v>
      </c>
      <c r="O6262" s="98">
        <v>0</v>
      </c>
      <c r="P6262" s="98">
        <v>0</v>
      </c>
      <c r="Q6262" s="98">
        <v>0</v>
      </c>
      <c r="R6262" s="98">
        <v>0</v>
      </c>
      <c r="S6262" s="98">
        <v>0</v>
      </c>
      <c r="T6262" s="98">
        <v>0</v>
      </c>
      <c r="U6262" s="98">
        <v>0</v>
      </c>
      <c r="V6262" s="98">
        <v>0</v>
      </c>
      <c r="W6262" s="98">
        <v>0</v>
      </c>
      <c r="X6262" s="98">
        <v>0</v>
      </c>
      <c r="Y6262" s="98">
        <v>0</v>
      </c>
      <c r="Z6262" s="98">
        <v>0</v>
      </c>
      <c r="AA6262" s="98">
        <v>0</v>
      </c>
      <c r="AB6262" s="98">
        <v>0</v>
      </c>
      <c r="AC6262" s="98">
        <v>0</v>
      </c>
      <c r="AD6262" s="98">
        <v>0</v>
      </c>
      <c r="AE6262" s="98">
        <v>0</v>
      </c>
      <c r="AF6262" s="98">
        <v>0</v>
      </c>
      <c r="AG6262" s="98">
        <v>0</v>
      </c>
      <c r="AH6262" s="98">
        <v>0</v>
      </c>
      <c r="AI6262" s="98">
        <v>0</v>
      </c>
      <c r="AJ6262" s="98">
        <v>0</v>
      </c>
      <c r="AK6262" s="98">
        <v>0</v>
      </c>
      <c r="AL6262" s="98">
        <v>0</v>
      </c>
      <c r="AM6262" s="98">
        <v>0</v>
      </c>
      <c r="AN6262" s="98">
        <v>0</v>
      </c>
      <c r="AO6262" s="98">
        <v>0</v>
      </c>
      <c r="AP6262" s="98">
        <v>0</v>
      </c>
      <c r="AQ6262" s="98">
        <v>0</v>
      </c>
      <c r="AR6262" s="98">
        <v>0</v>
      </c>
      <c r="AS6262" s="98">
        <v>0</v>
      </c>
      <c r="AT6262" s="129" t="s">
        <v>174</v>
      </c>
      <c r="AU6262" s="98">
        <v>1</v>
      </c>
      <c r="AV6262" s="98">
        <v>0</v>
      </c>
      <c r="AW6262" s="98">
        <v>0</v>
      </c>
      <c r="AX6262" s="98"/>
      <c r="AY6262" s="98"/>
      <c r="AZ6262" s="98"/>
      <c r="BA6262" s="98"/>
      <c r="BB6262" s="107">
        <v>45884</v>
      </c>
    </row>
    <row r="6263" spans="1:54" s="8" customFormat="1" ht="13.95" customHeight="1" x14ac:dyDescent="0.25">
      <c r="A6263" s="219" t="s">
        <v>14766</v>
      </c>
      <c r="B6263" s="220" t="s">
        <v>14601</v>
      </c>
      <c r="C6263" s="98" t="s">
        <v>4943</v>
      </c>
      <c r="D6263" s="98" t="s">
        <v>14767</v>
      </c>
      <c r="E6263" s="141">
        <v>1970</v>
      </c>
      <c r="F6263" s="141">
        <v>7874</v>
      </c>
      <c r="G6263" s="98" t="s">
        <v>3</v>
      </c>
      <c r="H6263" s="98">
        <v>0</v>
      </c>
      <c r="I6263" s="98">
        <v>0</v>
      </c>
      <c r="J6263" s="98">
        <v>0</v>
      </c>
      <c r="K6263" s="98">
        <v>0</v>
      </c>
      <c r="L6263" s="98">
        <v>0</v>
      </c>
      <c r="M6263" s="98">
        <v>0</v>
      </c>
      <c r="N6263" s="98">
        <v>0</v>
      </c>
      <c r="O6263" s="98">
        <v>1</v>
      </c>
      <c r="P6263" s="98">
        <v>0</v>
      </c>
      <c r="Q6263" s="98">
        <v>0</v>
      </c>
      <c r="R6263" s="98">
        <v>0</v>
      </c>
      <c r="S6263" s="98">
        <v>0</v>
      </c>
      <c r="T6263" s="98">
        <v>0</v>
      </c>
      <c r="U6263" s="98">
        <v>0</v>
      </c>
      <c r="V6263" s="98">
        <v>0</v>
      </c>
      <c r="W6263" s="98">
        <v>0</v>
      </c>
      <c r="X6263" s="98">
        <v>0</v>
      </c>
      <c r="Y6263" s="98">
        <v>0</v>
      </c>
      <c r="Z6263" s="98">
        <v>0</v>
      </c>
      <c r="AA6263" s="98">
        <v>0</v>
      </c>
      <c r="AB6263" s="98">
        <v>0</v>
      </c>
      <c r="AC6263" s="98">
        <v>0</v>
      </c>
      <c r="AD6263" s="98">
        <v>0</v>
      </c>
      <c r="AE6263" s="98">
        <v>0</v>
      </c>
      <c r="AF6263" s="98">
        <v>1</v>
      </c>
      <c r="AG6263" s="98">
        <v>0</v>
      </c>
      <c r="AH6263" s="98">
        <v>0</v>
      </c>
      <c r="AI6263" s="98">
        <v>0</v>
      </c>
      <c r="AJ6263" s="98">
        <v>0</v>
      </c>
      <c r="AK6263" s="98">
        <v>0</v>
      </c>
      <c r="AL6263" s="98">
        <v>0</v>
      </c>
      <c r="AM6263" s="98">
        <v>0</v>
      </c>
      <c r="AN6263" s="98">
        <v>0</v>
      </c>
      <c r="AO6263" s="98">
        <v>0</v>
      </c>
      <c r="AP6263" s="98">
        <v>0</v>
      </c>
      <c r="AQ6263" s="98">
        <v>0</v>
      </c>
      <c r="AR6263" s="98">
        <v>0</v>
      </c>
      <c r="AS6263" s="98">
        <v>0</v>
      </c>
      <c r="AT6263" s="129" t="s">
        <v>174</v>
      </c>
      <c r="AU6263" s="98">
        <v>0</v>
      </c>
      <c r="AV6263" s="98">
        <v>0</v>
      </c>
      <c r="AW6263" s="98">
        <v>0</v>
      </c>
      <c r="AX6263" s="98" t="s">
        <v>21882</v>
      </c>
      <c r="AY6263" s="98"/>
      <c r="AZ6263" s="154" t="s">
        <v>21883</v>
      </c>
      <c r="BA6263" s="98"/>
      <c r="BB6263" s="107">
        <v>45884</v>
      </c>
    </row>
    <row r="6264" spans="1:54" s="8" customFormat="1" ht="13.95" customHeight="1" x14ac:dyDescent="0.25">
      <c r="A6264" s="219" t="s">
        <v>14768</v>
      </c>
      <c r="B6264" s="220" t="s">
        <v>14601</v>
      </c>
      <c r="C6264" s="98" t="s">
        <v>14769</v>
      </c>
      <c r="D6264" s="98" t="s">
        <v>14770</v>
      </c>
      <c r="E6264" s="141">
        <v>1965</v>
      </c>
      <c r="F6264" s="141">
        <v>8687</v>
      </c>
      <c r="G6264" s="98" t="s">
        <v>3</v>
      </c>
      <c r="H6264" s="98">
        <v>0</v>
      </c>
      <c r="I6264" s="98">
        <v>0</v>
      </c>
      <c r="J6264" s="98">
        <v>0</v>
      </c>
      <c r="K6264" s="98">
        <v>1</v>
      </c>
      <c r="L6264" s="98">
        <v>1</v>
      </c>
      <c r="M6264" s="98">
        <v>0</v>
      </c>
      <c r="N6264" s="98">
        <v>0</v>
      </c>
      <c r="O6264" s="98">
        <v>1</v>
      </c>
      <c r="P6264" s="98">
        <v>1</v>
      </c>
      <c r="Q6264" s="98">
        <v>0</v>
      </c>
      <c r="R6264" s="98">
        <v>1</v>
      </c>
      <c r="S6264" s="98">
        <v>0</v>
      </c>
      <c r="T6264" s="98">
        <v>0</v>
      </c>
      <c r="U6264" s="98">
        <v>0</v>
      </c>
      <c r="V6264" s="98">
        <v>0</v>
      </c>
      <c r="W6264" s="98">
        <v>0</v>
      </c>
      <c r="X6264" s="98">
        <v>0</v>
      </c>
      <c r="Y6264" s="98">
        <v>0</v>
      </c>
      <c r="Z6264" s="98">
        <v>0</v>
      </c>
      <c r="AA6264" s="98">
        <v>0</v>
      </c>
      <c r="AB6264" s="98">
        <v>0</v>
      </c>
      <c r="AC6264" s="98">
        <v>0</v>
      </c>
      <c r="AD6264" s="98">
        <v>0</v>
      </c>
      <c r="AE6264" s="98">
        <v>0</v>
      </c>
      <c r="AF6264" s="98">
        <v>1</v>
      </c>
      <c r="AG6264" s="98">
        <v>0</v>
      </c>
      <c r="AH6264" s="98">
        <v>0</v>
      </c>
      <c r="AI6264" s="98">
        <v>0</v>
      </c>
      <c r="AJ6264" s="98">
        <v>0</v>
      </c>
      <c r="AK6264" s="98">
        <v>0</v>
      </c>
      <c r="AL6264" s="98">
        <v>0</v>
      </c>
      <c r="AM6264" s="98">
        <v>0</v>
      </c>
      <c r="AN6264" s="98">
        <v>0</v>
      </c>
      <c r="AO6264" s="98">
        <v>1</v>
      </c>
      <c r="AP6264" s="98">
        <v>0</v>
      </c>
      <c r="AQ6264" s="98">
        <v>0</v>
      </c>
      <c r="AR6264" s="98">
        <v>0</v>
      </c>
      <c r="AS6264" s="98">
        <v>0</v>
      </c>
      <c r="AT6264" s="129" t="s">
        <v>174</v>
      </c>
      <c r="AU6264" s="98">
        <v>0</v>
      </c>
      <c r="AV6264" s="98">
        <v>0</v>
      </c>
      <c r="AW6264" s="98">
        <v>0</v>
      </c>
      <c r="AX6264" s="98" t="s">
        <v>21578</v>
      </c>
      <c r="AY6264" s="98"/>
      <c r="AZ6264" s="154" t="s">
        <v>21883</v>
      </c>
      <c r="BA6264" s="98" t="s">
        <v>14771</v>
      </c>
      <c r="BB6264" s="107">
        <v>45884</v>
      </c>
    </row>
    <row r="6265" spans="1:54" s="8" customFormat="1" ht="13.95" customHeight="1" x14ac:dyDescent="0.25">
      <c r="A6265" s="219" t="s">
        <v>14772</v>
      </c>
      <c r="B6265" s="220" t="s">
        <v>14601</v>
      </c>
      <c r="C6265" s="98" t="s">
        <v>14773</v>
      </c>
      <c r="D6265" s="98" t="s">
        <v>14774</v>
      </c>
      <c r="E6265" s="141">
        <v>2012</v>
      </c>
      <c r="F6265" s="141">
        <v>218</v>
      </c>
      <c r="G6265" s="98" t="s">
        <v>1</v>
      </c>
      <c r="H6265" s="98">
        <v>0</v>
      </c>
      <c r="I6265" s="98">
        <v>0</v>
      </c>
      <c r="J6265" s="98">
        <v>1</v>
      </c>
      <c r="K6265" s="98">
        <v>0</v>
      </c>
      <c r="L6265" s="98">
        <v>0</v>
      </c>
      <c r="M6265" s="98">
        <v>0</v>
      </c>
      <c r="N6265" s="98">
        <v>0</v>
      </c>
      <c r="O6265" s="98">
        <v>0</v>
      </c>
      <c r="P6265" s="98">
        <v>1</v>
      </c>
      <c r="Q6265" s="98">
        <v>0</v>
      </c>
      <c r="R6265" s="98">
        <v>1</v>
      </c>
      <c r="S6265" s="98">
        <v>0</v>
      </c>
      <c r="T6265" s="98">
        <v>0</v>
      </c>
      <c r="U6265" s="99"/>
      <c r="V6265" s="99"/>
      <c r="W6265" s="99"/>
      <c r="X6265" s="99"/>
      <c r="Y6265" s="99"/>
      <c r="Z6265" s="99"/>
      <c r="AA6265" s="99"/>
      <c r="AB6265" s="99"/>
      <c r="AC6265" s="99"/>
      <c r="AD6265" s="99"/>
      <c r="AE6265" s="99"/>
      <c r="AF6265" s="99"/>
      <c r="AG6265" s="99"/>
      <c r="AH6265" s="99"/>
      <c r="AI6265" s="99"/>
      <c r="AJ6265" s="99"/>
      <c r="AK6265" s="99"/>
      <c r="AL6265" s="99"/>
      <c r="AM6265" s="99"/>
      <c r="AN6265" s="99"/>
      <c r="AO6265" s="99"/>
      <c r="AP6265" s="99"/>
      <c r="AQ6265" s="99"/>
      <c r="AR6265" s="99"/>
      <c r="AS6265" s="99"/>
      <c r="AT6265" s="99"/>
      <c r="AU6265" s="99"/>
      <c r="AV6265" s="99"/>
      <c r="AW6265" s="99"/>
      <c r="AX6265" s="99"/>
      <c r="AY6265" s="99"/>
      <c r="AZ6265" s="99"/>
      <c r="BA6265" s="99"/>
      <c r="BB6265" s="107">
        <v>45884</v>
      </c>
    </row>
    <row r="6266" spans="1:54" s="8" customFormat="1" ht="13.95" customHeight="1" x14ac:dyDescent="0.25">
      <c r="A6266" s="219" t="s">
        <v>14775</v>
      </c>
      <c r="B6266" s="220" t="s">
        <v>14601</v>
      </c>
      <c r="C6266" s="98" t="s">
        <v>14776</v>
      </c>
      <c r="D6266" s="98" t="s">
        <v>14777</v>
      </c>
      <c r="E6266" s="141">
        <v>2016</v>
      </c>
      <c r="F6266" s="141">
        <v>70339</v>
      </c>
      <c r="G6266" s="98" t="s">
        <v>7</v>
      </c>
      <c r="H6266" s="98">
        <v>1</v>
      </c>
      <c r="I6266" s="98">
        <v>1</v>
      </c>
      <c r="J6266" s="98">
        <v>1</v>
      </c>
      <c r="K6266" s="98">
        <v>0</v>
      </c>
      <c r="L6266" s="98">
        <v>0</v>
      </c>
      <c r="M6266" s="98">
        <v>1</v>
      </c>
      <c r="N6266" s="98">
        <v>1</v>
      </c>
      <c r="O6266" s="98">
        <v>0</v>
      </c>
      <c r="P6266" s="98">
        <v>0</v>
      </c>
      <c r="Q6266" s="98">
        <v>0</v>
      </c>
      <c r="R6266" s="98">
        <v>0</v>
      </c>
      <c r="S6266" s="98">
        <v>0</v>
      </c>
      <c r="T6266" s="98">
        <v>0</v>
      </c>
      <c r="U6266" s="98">
        <v>0</v>
      </c>
      <c r="V6266" s="98">
        <v>0</v>
      </c>
      <c r="W6266" s="98">
        <v>0</v>
      </c>
      <c r="X6266" s="98">
        <v>1</v>
      </c>
      <c r="Y6266" s="98">
        <v>1</v>
      </c>
      <c r="Z6266" s="98">
        <v>1</v>
      </c>
      <c r="AA6266" s="98">
        <v>1</v>
      </c>
      <c r="AB6266" s="98">
        <v>0</v>
      </c>
      <c r="AC6266" s="98">
        <v>0</v>
      </c>
      <c r="AD6266" s="98">
        <v>1</v>
      </c>
      <c r="AE6266" s="98">
        <v>0</v>
      </c>
      <c r="AF6266" s="98">
        <v>0</v>
      </c>
      <c r="AG6266" s="98">
        <v>0</v>
      </c>
      <c r="AH6266" s="98">
        <v>0</v>
      </c>
      <c r="AI6266" s="98">
        <v>0</v>
      </c>
      <c r="AJ6266" s="98">
        <v>0</v>
      </c>
      <c r="AK6266" s="98">
        <v>0</v>
      </c>
      <c r="AL6266" s="98">
        <v>0</v>
      </c>
      <c r="AM6266" s="98">
        <v>0</v>
      </c>
      <c r="AN6266" s="98">
        <v>0</v>
      </c>
      <c r="AO6266" s="98">
        <v>1</v>
      </c>
      <c r="AP6266" s="98">
        <v>0</v>
      </c>
      <c r="AQ6266" s="98">
        <v>0</v>
      </c>
      <c r="AR6266" s="98">
        <v>0</v>
      </c>
      <c r="AS6266" s="98">
        <v>0</v>
      </c>
      <c r="AT6266" s="129" t="s">
        <v>174</v>
      </c>
      <c r="AU6266" s="98">
        <v>0</v>
      </c>
      <c r="AV6266" s="98">
        <v>1</v>
      </c>
      <c r="AW6266" s="98">
        <v>0</v>
      </c>
      <c r="AX6266" s="98" t="s">
        <v>21884</v>
      </c>
      <c r="AY6266" s="154"/>
      <c r="AZ6266" s="154" t="s">
        <v>21885</v>
      </c>
      <c r="BA6266" s="98"/>
      <c r="BB6266" s="107">
        <v>45884</v>
      </c>
    </row>
    <row r="6267" spans="1:54" s="8" customFormat="1" ht="13.95" customHeight="1" x14ac:dyDescent="0.25">
      <c r="A6267" s="219" t="s">
        <v>14778</v>
      </c>
      <c r="B6267" s="220" t="s">
        <v>14601</v>
      </c>
      <c r="C6267" s="98" t="s">
        <v>14779</v>
      </c>
      <c r="D6267" s="98" t="s">
        <v>14780</v>
      </c>
      <c r="E6267" s="141">
        <v>1969</v>
      </c>
      <c r="F6267" s="141">
        <v>383</v>
      </c>
      <c r="G6267" s="98" t="s">
        <v>1</v>
      </c>
      <c r="H6267" s="98">
        <v>0</v>
      </c>
      <c r="I6267" s="98">
        <v>0</v>
      </c>
      <c r="J6267" s="98">
        <v>1</v>
      </c>
      <c r="K6267" s="98">
        <v>1</v>
      </c>
      <c r="L6267" s="98">
        <v>1</v>
      </c>
      <c r="M6267" s="98">
        <v>1</v>
      </c>
      <c r="N6267" s="98">
        <v>0</v>
      </c>
      <c r="O6267" s="98">
        <v>0</v>
      </c>
      <c r="P6267" s="98">
        <v>0</v>
      </c>
      <c r="Q6267" s="98">
        <v>0</v>
      </c>
      <c r="R6267" s="98">
        <v>1</v>
      </c>
      <c r="S6267" s="98">
        <v>0</v>
      </c>
      <c r="T6267" s="98">
        <v>0</v>
      </c>
      <c r="U6267" s="99"/>
      <c r="V6267" s="99"/>
      <c r="W6267" s="99"/>
      <c r="X6267" s="99"/>
      <c r="Y6267" s="99"/>
      <c r="Z6267" s="99"/>
      <c r="AA6267" s="99"/>
      <c r="AB6267" s="99"/>
      <c r="AC6267" s="99"/>
      <c r="AD6267" s="99"/>
      <c r="AE6267" s="99"/>
      <c r="AF6267" s="99"/>
      <c r="AG6267" s="99"/>
      <c r="AH6267" s="99"/>
      <c r="AI6267" s="99"/>
      <c r="AJ6267" s="99"/>
      <c r="AK6267" s="99"/>
      <c r="AL6267" s="99"/>
      <c r="AM6267" s="99"/>
      <c r="AN6267" s="99"/>
      <c r="AO6267" s="99"/>
      <c r="AP6267" s="99"/>
      <c r="AQ6267" s="99"/>
      <c r="AR6267" s="99"/>
      <c r="AS6267" s="99"/>
      <c r="AT6267" s="99"/>
      <c r="AU6267" s="99"/>
      <c r="AV6267" s="99"/>
      <c r="AW6267" s="99"/>
      <c r="AX6267" s="99"/>
      <c r="AY6267" s="99"/>
      <c r="AZ6267" s="99"/>
      <c r="BA6267" s="99"/>
      <c r="BB6267" s="107">
        <v>45884</v>
      </c>
    </row>
    <row r="6268" spans="1:54" s="8" customFormat="1" ht="13.95" customHeight="1" x14ac:dyDescent="0.25">
      <c r="A6268" s="219" t="s">
        <v>14781</v>
      </c>
      <c r="B6268" s="220" t="s">
        <v>14601</v>
      </c>
      <c r="C6268" s="98" t="s">
        <v>14782</v>
      </c>
      <c r="D6268" s="98" t="s">
        <v>14783</v>
      </c>
      <c r="E6268" s="141">
        <v>1968</v>
      </c>
      <c r="F6268" s="141">
        <v>329</v>
      </c>
      <c r="G6268" s="98" t="s">
        <v>1</v>
      </c>
      <c r="H6268" s="98">
        <v>0</v>
      </c>
      <c r="I6268" s="98">
        <v>0</v>
      </c>
      <c r="J6268" s="98">
        <v>0</v>
      </c>
      <c r="K6268" s="98">
        <v>0</v>
      </c>
      <c r="L6268" s="98">
        <v>0</v>
      </c>
      <c r="M6268" s="98">
        <v>0</v>
      </c>
      <c r="N6268" s="98">
        <v>0</v>
      </c>
      <c r="O6268" s="98">
        <v>1</v>
      </c>
      <c r="P6268" s="98">
        <v>0</v>
      </c>
      <c r="Q6268" s="98">
        <v>0</v>
      </c>
      <c r="R6268" s="98">
        <v>0</v>
      </c>
      <c r="S6268" s="98">
        <v>0</v>
      </c>
      <c r="T6268" s="98">
        <v>0</v>
      </c>
      <c r="U6268" s="99"/>
      <c r="V6268" s="99"/>
      <c r="W6268" s="99"/>
      <c r="X6268" s="99"/>
      <c r="Y6268" s="99"/>
      <c r="Z6268" s="99"/>
      <c r="AA6268" s="99"/>
      <c r="AB6268" s="99"/>
      <c r="AC6268" s="99"/>
      <c r="AD6268" s="99"/>
      <c r="AE6268" s="99"/>
      <c r="AF6268" s="99"/>
      <c r="AG6268" s="99"/>
      <c r="AH6268" s="99"/>
      <c r="AI6268" s="99"/>
      <c r="AJ6268" s="99"/>
      <c r="AK6268" s="99"/>
      <c r="AL6268" s="99"/>
      <c r="AM6268" s="99"/>
      <c r="AN6268" s="99"/>
      <c r="AO6268" s="99"/>
      <c r="AP6268" s="99"/>
      <c r="AQ6268" s="99"/>
      <c r="AR6268" s="99"/>
      <c r="AS6268" s="99"/>
      <c r="AT6268" s="99"/>
      <c r="AU6268" s="99"/>
      <c r="AV6268" s="99"/>
      <c r="AW6268" s="99"/>
      <c r="AX6268" s="99"/>
      <c r="AY6268" s="99"/>
      <c r="AZ6268" s="99"/>
      <c r="BA6268" s="98" t="s">
        <v>14784</v>
      </c>
      <c r="BB6268" s="107">
        <v>45884</v>
      </c>
    </row>
    <row r="6269" spans="1:54" s="8" customFormat="1" ht="13.95" customHeight="1" x14ac:dyDescent="0.25">
      <c r="A6269" s="219" t="s">
        <v>14785</v>
      </c>
      <c r="B6269" s="220" t="s">
        <v>14601</v>
      </c>
      <c r="C6269" s="98" t="s">
        <v>14786</v>
      </c>
      <c r="D6269" s="98" t="s">
        <v>14787</v>
      </c>
      <c r="E6269" s="141">
        <v>1975</v>
      </c>
      <c r="F6269" s="141">
        <v>545</v>
      </c>
      <c r="G6269" s="98" t="s">
        <v>1</v>
      </c>
      <c r="H6269" s="98">
        <v>0</v>
      </c>
      <c r="I6269" s="98">
        <v>0</v>
      </c>
      <c r="J6269" s="98">
        <v>0</v>
      </c>
      <c r="K6269" s="98">
        <v>0</v>
      </c>
      <c r="L6269" s="98">
        <v>0</v>
      </c>
      <c r="M6269" s="98">
        <v>1</v>
      </c>
      <c r="N6269" s="98">
        <v>1</v>
      </c>
      <c r="O6269" s="98">
        <v>0</v>
      </c>
      <c r="P6269" s="98">
        <v>0</v>
      </c>
      <c r="Q6269" s="98">
        <v>0</v>
      </c>
      <c r="R6269" s="98">
        <v>0</v>
      </c>
      <c r="S6269" s="98">
        <v>0</v>
      </c>
      <c r="T6269" s="98">
        <v>0</v>
      </c>
      <c r="U6269" s="99"/>
      <c r="V6269" s="99"/>
      <c r="W6269" s="99"/>
      <c r="X6269" s="99"/>
      <c r="Y6269" s="99"/>
      <c r="Z6269" s="99"/>
      <c r="AA6269" s="99"/>
      <c r="AB6269" s="99"/>
      <c r="AC6269" s="99"/>
      <c r="AD6269" s="99"/>
      <c r="AE6269" s="99"/>
      <c r="AF6269" s="99"/>
      <c r="AG6269" s="99"/>
      <c r="AH6269" s="99"/>
      <c r="AI6269" s="99"/>
      <c r="AJ6269" s="99"/>
      <c r="AK6269" s="99"/>
      <c r="AL6269" s="99"/>
      <c r="AM6269" s="99"/>
      <c r="AN6269" s="99"/>
      <c r="AO6269" s="99"/>
      <c r="AP6269" s="99"/>
      <c r="AQ6269" s="99"/>
      <c r="AR6269" s="99"/>
      <c r="AS6269" s="99"/>
      <c r="AT6269" s="99"/>
      <c r="AU6269" s="99"/>
      <c r="AV6269" s="99"/>
      <c r="AW6269" s="99"/>
      <c r="AX6269" s="99"/>
      <c r="AY6269" s="99"/>
      <c r="AZ6269" s="99"/>
      <c r="BA6269" s="99"/>
      <c r="BB6269" s="107">
        <v>45884</v>
      </c>
    </row>
    <row r="6270" spans="1:54" s="8" customFormat="1" ht="13.95" customHeight="1" x14ac:dyDescent="0.25">
      <c r="A6270" s="219" t="s">
        <v>14788</v>
      </c>
      <c r="B6270" s="220" t="s">
        <v>14601</v>
      </c>
      <c r="C6270" s="98" t="s">
        <v>11104</v>
      </c>
      <c r="D6270" s="98" t="s">
        <v>14789</v>
      </c>
      <c r="E6270" s="141">
        <v>1971</v>
      </c>
      <c r="F6270" s="141">
        <v>512</v>
      </c>
      <c r="G6270" s="98" t="s">
        <v>1</v>
      </c>
      <c r="H6270" s="98">
        <v>0</v>
      </c>
      <c r="I6270" s="98">
        <v>0</v>
      </c>
      <c r="J6270" s="98">
        <v>0</v>
      </c>
      <c r="K6270" s="98">
        <v>0</v>
      </c>
      <c r="L6270" s="98">
        <v>1</v>
      </c>
      <c r="M6270" s="98">
        <v>0</v>
      </c>
      <c r="N6270" s="98">
        <v>0</v>
      </c>
      <c r="O6270" s="98">
        <v>1</v>
      </c>
      <c r="P6270" s="98">
        <v>1</v>
      </c>
      <c r="Q6270" s="98">
        <v>0</v>
      </c>
      <c r="R6270" s="98">
        <v>0</v>
      </c>
      <c r="S6270" s="98">
        <v>0</v>
      </c>
      <c r="T6270" s="98">
        <v>0</v>
      </c>
      <c r="U6270" s="99"/>
      <c r="V6270" s="99"/>
      <c r="W6270" s="99"/>
      <c r="X6270" s="99"/>
      <c r="Y6270" s="99"/>
      <c r="Z6270" s="99"/>
      <c r="AA6270" s="99"/>
      <c r="AB6270" s="99"/>
      <c r="AC6270" s="99"/>
      <c r="AD6270" s="99"/>
      <c r="AE6270" s="99"/>
      <c r="AF6270" s="99"/>
      <c r="AG6270" s="99"/>
      <c r="AH6270" s="99"/>
      <c r="AI6270" s="99"/>
      <c r="AJ6270" s="99"/>
      <c r="AK6270" s="99"/>
      <c r="AL6270" s="99"/>
      <c r="AM6270" s="99"/>
      <c r="AN6270" s="99"/>
      <c r="AO6270" s="99"/>
      <c r="AP6270" s="99"/>
      <c r="AQ6270" s="99"/>
      <c r="AR6270" s="99"/>
      <c r="AS6270" s="99"/>
      <c r="AT6270" s="99"/>
      <c r="AU6270" s="99"/>
      <c r="AV6270" s="99"/>
      <c r="AW6270" s="99"/>
      <c r="AX6270" s="99"/>
      <c r="AY6270" s="99"/>
      <c r="AZ6270" s="99"/>
      <c r="BA6270" s="99"/>
      <c r="BB6270" s="107">
        <v>45884</v>
      </c>
    </row>
    <row r="6271" spans="1:54" s="8" customFormat="1" ht="13.95" customHeight="1" x14ac:dyDescent="0.25">
      <c r="A6271" s="219" t="s">
        <v>14790</v>
      </c>
      <c r="B6271" s="220" t="s">
        <v>14601</v>
      </c>
      <c r="C6271" s="98" t="s">
        <v>14791</v>
      </c>
      <c r="D6271" s="98" t="s">
        <v>14792</v>
      </c>
      <c r="E6271" s="141">
        <v>1972</v>
      </c>
      <c r="F6271" s="141">
        <v>348</v>
      </c>
      <c r="G6271" s="98" t="s">
        <v>1</v>
      </c>
      <c r="H6271" s="98">
        <v>0</v>
      </c>
      <c r="I6271" s="98">
        <v>0</v>
      </c>
      <c r="J6271" s="98">
        <v>1</v>
      </c>
      <c r="K6271" s="98">
        <v>0</v>
      </c>
      <c r="L6271" s="98">
        <v>0</v>
      </c>
      <c r="M6271" s="98">
        <v>0</v>
      </c>
      <c r="N6271" s="98">
        <v>0</v>
      </c>
      <c r="O6271" s="98">
        <v>1</v>
      </c>
      <c r="P6271" s="98">
        <v>1</v>
      </c>
      <c r="Q6271" s="98">
        <v>1</v>
      </c>
      <c r="R6271" s="98">
        <v>1</v>
      </c>
      <c r="S6271" s="98">
        <v>0</v>
      </c>
      <c r="T6271" s="98">
        <v>0</v>
      </c>
      <c r="U6271" s="99"/>
      <c r="V6271" s="99"/>
      <c r="W6271" s="99"/>
      <c r="X6271" s="99"/>
      <c r="Y6271" s="99"/>
      <c r="Z6271" s="99"/>
      <c r="AA6271" s="99"/>
      <c r="AB6271" s="99"/>
      <c r="AC6271" s="99"/>
      <c r="AD6271" s="99"/>
      <c r="AE6271" s="99"/>
      <c r="AF6271" s="99"/>
      <c r="AG6271" s="99"/>
      <c r="AH6271" s="99"/>
      <c r="AI6271" s="99"/>
      <c r="AJ6271" s="99"/>
      <c r="AK6271" s="99"/>
      <c r="AL6271" s="99"/>
      <c r="AM6271" s="99"/>
      <c r="AN6271" s="99"/>
      <c r="AO6271" s="99"/>
      <c r="AP6271" s="99"/>
      <c r="AQ6271" s="99"/>
      <c r="AR6271" s="99"/>
      <c r="AS6271" s="99"/>
      <c r="AT6271" s="99"/>
      <c r="AU6271" s="99"/>
      <c r="AV6271" s="99"/>
      <c r="AW6271" s="99"/>
      <c r="AX6271" s="99"/>
      <c r="AY6271" s="99"/>
      <c r="AZ6271" s="99"/>
      <c r="BA6271" s="98" t="s">
        <v>14793</v>
      </c>
      <c r="BB6271" s="107">
        <v>45884</v>
      </c>
    </row>
    <row r="6272" spans="1:54" s="8" customFormat="1" ht="13.95" customHeight="1" x14ac:dyDescent="0.25">
      <c r="A6272" s="219" t="s">
        <v>14794</v>
      </c>
      <c r="B6272" s="220" t="s">
        <v>14601</v>
      </c>
      <c r="C6272" s="98" t="s">
        <v>14795</v>
      </c>
      <c r="D6272" s="98" t="s">
        <v>14796</v>
      </c>
      <c r="E6272" s="141">
        <v>1970</v>
      </c>
      <c r="F6272" s="141">
        <v>316</v>
      </c>
      <c r="G6272" s="98" t="s">
        <v>1</v>
      </c>
      <c r="H6272" s="98">
        <v>0</v>
      </c>
      <c r="I6272" s="98">
        <v>0</v>
      </c>
      <c r="J6272" s="98">
        <v>0</v>
      </c>
      <c r="K6272" s="98">
        <v>0</v>
      </c>
      <c r="L6272" s="98">
        <v>1</v>
      </c>
      <c r="M6272" s="98">
        <v>0</v>
      </c>
      <c r="N6272" s="98">
        <v>0</v>
      </c>
      <c r="O6272" s="98">
        <v>0</v>
      </c>
      <c r="P6272" s="98">
        <v>0</v>
      </c>
      <c r="Q6272" s="98">
        <v>0</v>
      </c>
      <c r="R6272" s="98">
        <v>0</v>
      </c>
      <c r="S6272" s="98">
        <v>0</v>
      </c>
      <c r="T6272" s="98">
        <v>0</v>
      </c>
      <c r="U6272" s="99"/>
      <c r="V6272" s="99"/>
      <c r="W6272" s="99"/>
      <c r="X6272" s="99"/>
      <c r="Y6272" s="99"/>
      <c r="Z6272" s="99"/>
      <c r="AA6272" s="99"/>
      <c r="AB6272" s="99"/>
      <c r="AC6272" s="99"/>
      <c r="AD6272" s="99"/>
      <c r="AE6272" s="99"/>
      <c r="AF6272" s="99"/>
      <c r="AG6272" s="99"/>
      <c r="AH6272" s="99"/>
      <c r="AI6272" s="99"/>
      <c r="AJ6272" s="99"/>
      <c r="AK6272" s="99"/>
      <c r="AL6272" s="99"/>
      <c r="AM6272" s="99"/>
      <c r="AN6272" s="99"/>
      <c r="AO6272" s="99"/>
      <c r="AP6272" s="99"/>
      <c r="AQ6272" s="99"/>
      <c r="AR6272" s="99"/>
      <c r="AS6272" s="99"/>
      <c r="AT6272" s="99"/>
      <c r="AU6272" s="99"/>
      <c r="AV6272" s="99"/>
      <c r="AW6272" s="99"/>
      <c r="AX6272" s="99"/>
      <c r="AY6272" s="99"/>
      <c r="AZ6272" s="99"/>
      <c r="BA6272" s="99"/>
      <c r="BB6272" s="107">
        <v>45884</v>
      </c>
    </row>
    <row r="6273" spans="1:54" s="8" customFormat="1" ht="13.95" customHeight="1" x14ac:dyDescent="0.25">
      <c r="A6273" s="219" t="s">
        <v>14797</v>
      </c>
      <c r="B6273" s="220" t="s">
        <v>14601</v>
      </c>
      <c r="C6273" s="98" t="s">
        <v>14798</v>
      </c>
      <c r="D6273" s="98" t="s">
        <v>14799</v>
      </c>
      <c r="E6273" s="141">
        <v>1975</v>
      </c>
      <c r="F6273" s="141">
        <v>492</v>
      </c>
      <c r="G6273" s="98" t="s">
        <v>1</v>
      </c>
      <c r="H6273" s="98">
        <v>0</v>
      </c>
      <c r="I6273" s="98">
        <v>0</v>
      </c>
      <c r="J6273" s="98">
        <v>1</v>
      </c>
      <c r="K6273" s="98">
        <v>0</v>
      </c>
      <c r="L6273" s="98">
        <v>0</v>
      </c>
      <c r="M6273" s="98">
        <v>0</v>
      </c>
      <c r="N6273" s="98">
        <v>0</v>
      </c>
      <c r="O6273" s="98">
        <v>0</v>
      </c>
      <c r="P6273" s="98">
        <v>0</v>
      </c>
      <c r="Q6273" s="98">
        <v>0</v>
      </c>
      <c r="R6273" s="98">
        <v>0</v>
      </c>
      <c r="S6273" s="98">
        <v>0</v>
      </c>
      <c r="T6273" s="98">
        <v>0</v>
      </c>
      <c r="U6273" s="99"/>
      <c r="V6273" s="99"/>
      <c r="W6273" s="99"/>
      <c r="X6273" s="99"/>
      <c r="Y6273" s="99"/>
      <c r="Z6273" s="99"/>
      <c r="AA6273" s="99"/>
      <c r="AB6273" s="99"/>
      <c r="AC6273" s="99"/>
      <c r="AD6273" s="99"/>
      <c r="AE6273" s="99"/>
      <c r="AF6273" s="99"/>
      <c r="AG6273" s="99"/>
      <c r="AH6273" s="99"/>
      <c r="AI6273" s="99"/>
      <c r="AJ6273" s="99"/>
      <c r="AK6273" s="99"/>
      <c r="AL6273" s="99"/>
      <c r="AM6273" s="99"/>
      <c r="AN6273" s="99"/>
      <c r="AO6273" s="99"/>
      <c r="AP6273" s="99"/>
      <c r="AQ6273" s="99"/>
      <c r="AR6273" s="99"/>
      <c r="AS6273" s="99"/>
      <c r="AT6273" s="99"/>
      <c r="AU6273" s="99"/>
      <c r="AV6273" s="99"/>
      <c r="AW6273" s="99"/>
      <c r="AX6273" s="99"/>
      <c r="AY6273" s="99"/>
      <c r="AZ6273" s="99"/>
      <c r="BA6273" s="99"/>
      <c r="BB6273" s="107">
        <v>45884</v>
      </c>
    </row>
    <row r="6274" spans="1:54" s="8" customFormat="1" ht="13.95" customHeight="1" x14ac:dyDescent="0.25">
      <c r="A6274" s="219" t="s">
        <v>14800</v>
      </c>
      <c r="B6274" s="220" t="s">
        <v>14601</v>
      </c>
      <c r="C6274" s="98" t="s">
        <v>14801</v>
      </c>
      <c r="D6274" s="98" t="s">
        <v>14802</v>
      </c>
      <c r="E6274" s="141">
        <v>1982</v>
      </c>
      <c r="F6274" s="141">
        <v>1367</v>
      </c>
      <c r="G6274" s="98" t="s">
        <v>1</v>
      </c>
      <c r="H6274" s="98">
        <v>0</v>
      </c>
      <c r="I6274" s="98">
        <v>0</v>
      </c>
      <c r="J6274" s="98">
        <v>1</v>
      </c>
      <c r="K6274" s="98">
        <v>0</v>
      </c>
      <c r="L6274" s="98">
        <v>1</v>
      </c>
      <c r="M6274" s="98">
        <v>0</v>
      </c>
      <c r="N6274" s="98">
        <v>0</v>
      </c>
      <c r="O6274" s="98">
        <v>1</v>
      </c>
      <c r="P6274" s="98">
        <v>1</v>
      </c>
      <c r="Q6274" s="98">
        <v>0</v>
      </c>
      <c r="R6274" s="98">
        <v>1</v>
      </c>
      <c r="S6274" s="98">
        <v>0</v>
      </c>
      <c r="T6274" s="98">
        <v>0</v>
      </c>
      <c r="U6274" s="99"/>
      <c r="V6274" s="99"/>
      <c r="W6274" s="99"/>
      <c r="X6274" s="99"/>
      <c r="Y6274" s="99"/>
      <c r="Z6274" s="99"/>
      <c r="AA6274" s="99"/>
      <c r="AB6274" s="99"/>
      <c r="AC6274" s="99"/>
      <c r="AD6274" s="99"/>
      <c r="AE6274" s="99"/>
      <c r="AF6274" s="99"/>
      <c r="AG6274" s="99"/>
      <c r="AH6274" s="99"/>
      <c r="AI6274" s="99"/>
      <c r="AJ6274" s="99"/>
      <c r="AK6274" s="99"/>
      <c r="AL6274" s="99"/>
      <c r="AM6274" s="99"/>
      <c r="AN6274" s="99"/>
      <c r="AO6274" s="99"/>
      <c r="AP6274" s="99"/>
      <c r="AQ6274" s="99"/>
      <c r="AR6274" s="99"/>
      <c r="AS6274" s="99"/>
      <c r="AT6274" s="99"/>
      <c r="AU6274" s="99"/>
      <c r="AV6274" s="99"/>
      <c r="AW6274" s="99"/>
      <c r="AX6274" s="99"/>
      <c r="AY6274" s="99"/>
      <c r="AZ6274" s="99"/>
      <c r="BA6274" s="98" t="s">
        <v>14803</v>
      </c>
      <c r="BB6274" s="107">
        <v>45884</v>
      </c>
    </row>
    <row r="6275" spans="1:54" s="8" customFormat="1" ht="13.95" customHeight="1" x14ac:dyDescent="0.25">
      <c r="A6275" s="219" t="s">
        <v>14804</v>
      </c>
      <c r="B6275" s="220" t="s">
        <v>14601</v>
      </c>
      <c r="C6275" s="98" t="s">
        <v>14805</v>
      </c>
      <c r="D6275" s="98" t="s">
        <v>14806</v>
      </c>
      <c r="E6275" s="141">
        <v>1982</v>
      </c>
      <c r="F6275" s="141">
        <v>900</v>
      </c>
      <c r="G6275" s="98" t="s">
        <v>1</v>
      </c>
      <c r="H6275" s="98">
        <v>0</v>
      </c>
      <c r="I6275" s="98">
        <v>0</v>
      </c>
      <c r="J6275" s="98">
        <v>1</v>
      </c>
      <c r="K6275" s="98">
        <v>0</v>
      </c>
      <c r="L6275" s="98">
        <v>1</v>
      </c>
      <c r="M6275" s="98">
        <v>0</v>
      </c>
      <c r="N6275" s="98">
        <v>0</v>
      </c>
      <c r="O6275" s="98">
        <v>0</v>
      </c>
      <c r="P6275" s="98">
        <v>0</v>
      </c>
      <c r="Q6275" s="98">
        <v>0</v>
      </c>
      <c r="R6275" s="98">
        <v>1</v>
      </c>
      <c r="S6275" s="98">
        <v>0</v>
      </c>
      <c r="T6275" s="98">
        <v>0</v>
      </c>
      <c r="U6275" s="99"/>
      <c r="V6275" s="99"/>
      <c r="W6275" s="99"/>
      <c r="X6275" s="99"/>
      <c r="Y6275" s="99"/>
      <c r="Z6275" s="99"/>
      <c r="AA6275" s="99"/>
      <c r="AB6275" s="99"/>
      <c r="AC6275" s="99"/>
      <c r="AD6275" s="99"/>
      <c r="AE6275" s="99"/>
      <c r="AF6275" s="99"/>
      <c r="AG6275" s="99"/>
      <c r="AH6275" s="99"/>
      <c r="AI6275" s="99"/>
      <c r="AJ6275" s="99"/>
      <c r="AK6275" s="99"/>
      <c r="AL6275" s="99"/>
      <c r="AM6275" s="99"/>
      <c r="AN6275" s="99"/>
      <c r="AO6275" s="99"/>
      <c r="AP6275" s="99"/>
      <c r="AQ6275" s="99"/>
      <c r="AR6275" s="99"/>
      <c r="AS6275" s="99"/>
      <c r="AT6275" s="99"/>
      <c r="AU6275" s="99"/>
      <c r="AV6275" s="99"/>
      <c r="AW6275" s="99"/>
      <c r="AX6275" s="99"/>
      <c r="AY6275" s="99"/>
      <c r="AZ6275" s="99"/>
      <c r="BA6275" s="99"/>
      <c r="BB6275" s="107">
        <v>45884</v>
      </c>
    </row>
    <row r="6276" spans="1:54" s="8" customFormat="1" ht="13.95" customHeight="1" x14ac:dyDescent="0.25">
      <c r="A6276" s="219" t="s">
        <v>14807</v>
      </c>
      <c r="B6276" s="220" t="s">
        <v>14601</v>
      </c>
      <c r="C6276" s="98" t="s">
        <v>14808</v>
      </c>
      <c r="D6276" s="98" t="s">
        <v>14809</v>
      </c>
      <c r="E6276" s="141">
        <v>1982</v>
      </c>
      <c r="F6276" s="141">
        <v>2431</v>
      </c>
      <c r="G6276" s="98" t="s">
        <v>1</v>
      </c>
      <c r="H6276" s="98">
        <v>0</v>
      </c>
      <c r="I6276" s="98">
        <v>0</v>
      </c>
      <c r="J6276" s="98">
        <v>1</v>
      </c>
      <c r="K6276" s="98">
        <v>1</v>
      </c>
      <c r="L6276" s="98">
        <v>1</v>
      </c>
      <c r="M6276" s="98">
        <v>0</v>
      </c>
      <c r="N6276" s="98">
        <v>0</v>
      </c>
      <c r="O6276" s="98">
        <v>0</v>
      </c>
      <c r="P6276" s="98">
        <v>1</v>
      </c>
      <c r="Q6276" s="98">
        <v>0</v>
      </c>
      <c r="R6276" s="98">
        <v>1</v>
      </c>
      <c r="S6276" s="98">
        <v>0</v>
      </c>
      <c r="T6276" s="98">
        <v>0</v>
      </c>
      <c r="U6276" s="99"/>
      <c r="V6276" s="99"/>
      <c r="W6276" s="99"/>
      <c r="X6276" s="99"/>
      <c r="Y6276" s="99"/>
      <c r="Z6276" s="99"/>
      <c r="AA6276" s="99"/>
      <c r="AB6276" s="99"/>
      <c r="AC6276" s="99"/>
      <c r="AD6276" s="99"/>
      <c r="AE6276" s="99"/>
      <c r="AF6276" s="99"/>
      <c r="AG6276" s="99"/>
      <c r="AH6276" s="99"/>
      <c r="AI6276" s="99"/>
      <c r="AJ6276" s="99"/>
      <c r="AK6276" s="99"/>
      <c r="AL6276" s="99"/>
      <c r="AM6276" s="99"/>
      <c r="AN6276" s="99"/>
      <c r="AO6276" s="99"/>
      <c r="AP6276" s="99"/>
      <c r="AQ6276" s="99"/>
      <c r="AR6276" s="99"/>
      <c r="AS6276" s="99"/>
      <c r="AT6276" s="99"/>
      <c r="AU6276" s="99"/>
      <c r="AV6276" s="99"/>
      <c r="AW6276" s="99"/>
      <c r="AX6276" s="99"/>
      <c r="AY6276" s="99"/>
      <c r="AZ6276" s="99"/>
      <c r="BA6276" s="99"/>
      <c r="BB6276" s="107">
        <v>45884</v>
      </c>
    </row>
    <row r="6277" spans="1:54" s="8" customFormat="1" ht="13.95" customHeight="1" x14ac:dyDescent="0.25">
      <c r="A6277" s="219" t="s">
        <v>14810</v>
      </c>
      <c r="B6277" s="220" t="s">
        <v>14601</v>
      </c>
      <c r="C6277" s="98" t="s">
        <v>14811</v>
      </c>
      <c r="D6277" s="98" t="s">
        <v>14812</v>
      </c>
      <c r="E6277" s="141">
        <v>1983</v>
      </c>
      <c r="F6277" s="141">
        <v>542</v>
      </c>
      <c r="G6277" s="98" t="s">
        <v>1</v>
      </c>
      <c r="H6277" s="98">
        <v>0</v>
      </c>
      <c r="I6277" s="98">
        <v>0</v>
      </c>
      <c r="J6277" s="98">
        <v>1</v>
      </c>
      <c r="K6277" s="98">
        <v>0</v>
      </c>
      <c r="L6277" s="98">
        <v>1</v>
      </c>
      <c r="M6277" s="98">
        <v>0</v>
      </c>
      <c r="N6277" s="98">
        <v>0</v>
      </c>
      <c r="O6277" s="98">
        <v>0</v>
      </c>
      <c r="P6277" s="98">
        <v>1</v>
      </c>
      <c r="Q6277" s="98">
        <v>0</v>
      </c>
      <c r="R6277" s="98">
        <v>0</v>
      </c>
      <c r="S6277" s="98">
        <v>0</v>
      </c>
      <c r="T6277" s="98">
        <v>0</v>
      </c>
      <c r="U6277" s="99"/>
      <c r="V6277" s="99"/>
      <c r="W6277" s="99"/>
      <c r="X6277" s="99"/>
      <c r="Y6277" s="99"/>
      <c r="Z6277" s="99"/>
      <c r="AA6277" s="99"/>
      <c r="AB6277" s="99"/>
      <c r="AC6277" s="99"/>
      <c r="AD6277" s="99"/>
      <c r="AE6277" s="99"/>
      <c r="AF6277" s="99"/>
      <c r="AG6277" s="99"/>
      <c r="AH6277" s="99"/>
      <c r="AI6277" s="99"/>
      <c r="AJ6277" s="99"/>
      <c r="AK6277" s="99"/>
      <c r="AL6277" s="99"/>
      <c r="AM6277" s="99"/>
      <c r="AN6277" s="99"/>
      <c r="AO6277" s="99"/>
      <c r="AP6277" s="99"/>
      <c r="AQ6277" s="99"/>
      <c r="AR6277" s="99"/>
      <c r="AS6277" s="99"/>
      <c r="AT6277" s="99"/>
      <c r="AU6277" s="99"/>
      <c r="AV6277" s="99"/>
      <c r="AW6277" s="99"/>
      <c r="AX6277" s="99"/>
      <c r="AY6277" s="99"/>
      <c r="AZ6277" s="99"/>
      <c r="BA6277" s="99"/>
      <c r="BB6277" s="107">
        <v>45884</v>
      </c>
    </row>
    <row r="6278" spans="1:54" s="8" customFormat="1" ht="13.95" customHeight="1" x14ac:dyDescent="0.25">
      <c r="A6278" s="219" t="s">
        <v>14813</v>
      </c>
      <c r="B6278" s="220" t="s">
        <v>14601</v>
      </c>
      <c r="C6278" s="98" t="s">
        <v>14814</v>
      </c>
      <c r="D6278" s="98" t="s">
        <v>14815</v>
      </c>
      <c r="E6278" s="141">
        <v>1983</v>
      </c>
      <c r="F6278" s="141">
        <v>790</v>
      </c>
      <c r="G6278" s="98" t="s">
        <v>1</v>
      </c>
      <c r="H6278" s="98">
        <v>0</v>
      </c>
      <c r="I6278" s="98">
        <v>0</v>
      </c>
      <c r="J6278" s="98">
        <v>0</v>
      </c>
      <c r="K6278" s="98">
        <v>0</v>
      </c>
      <c r="L6278" s="98">
        <v>1</v>
      </c>
      <c r="M6278" s="98">
        <v>0</v>
      </c>
      <c r="N6278" s="98">
        <v>0</v>
      </c>
      <c r="O6278" s="98">
        <v>0</v>
      </c>
      <c r="P6278" s="98">
        <v>1</v>
      </c>
      <c r="Q6278" s="98">
        <v>0</v>
      </c>
      <c r="R6278" s="98">
        <v>1</v>
      </c>
      <c r="S6278" s="98">
        <v>0</v>
      </c>
      <c r="T6278" s="98">
        <v>0</v>
      </c>
      <c r="U6278" s="99"/>
      <c r="V6278" s="99"/>
      <c r="W6278" s="99"/>
      <c r="X6278" s="99"/>
      <c r="Y6278" s="99"/>
      <c r="Z6278" s="99"/>
      <c r="AA6278" s="99"/>
      <c r="AB6278" s="99"/>
      <c r="AC6278" s="99"/>
      <c r="AD6278" s="99"/>
      <c r="AE6278" s="99"/>
      <c r="AF6278" s="99"/>
      <c r="AG6278" s="99"/>
      <c r="AH6278" s="99"/>
      <c r="AI6278" s="99"/>
      <c r="AJ6278" s="99"/>
      <c r="AK6278" s="99"/>
      <c r="AL6278" s="99"/>
      <c r="AM6278" s="99"/>
      <c r="AN6278" s="99"/>
      <c r="AO6278" s="99"/>
      <c r="AP6278" s="99"/>
      <c r="AQ6278" s="99"/>
      <c r="AR6278" s="99"/>
      <c r="AS6278" s="99"/>
      <c r="AT6278" s="99"/>
      <c r="AU6278" s="99"/>
      <c r="AV6278" s="99"/>
      <c r="AW6278" s="99"/>
      <c r="AX6278" s="99"/>
      <c r="AY6278" s="99"/>
      <c r="AZ6278" s="99"/>
      <c r="BA6278" s="99"/>
      <c r="BB6278" s="107">
        <v>45884</v>
      </c>
    </row>
    <row r="6279" spans="1:54" s="8" customFormat="1" ht="13.95" customHeight="1" x14ac:dyDescent="0.25">
      <c r="A6279" s="219" t="s">
        <v>14816</v>
      </c>
      <c r="B6279" s="220" t="s">
        <v>14601</v>
      </c>
      <c r="C6279" s="98" t="s">
        <v>14817</v>
      </c>
      <c r="D6279" s="98" t="s">
        <v>14818</v>
      </c>
      <c r="E6279" s="141">
        <v>1985</v>
      </c>
      <c r="F6279" s="141">
        <v>900</v>
      </c>
      <c r="G6279" s="98" t="s">
        <v>1</v>
      </c>
      <c r="H6279" s="98">
        <v>0</v>
      </c>
      <c r="I6279" s="98">
        <v>0</v>
      </c>
      <c r="J6279" s="98">
        <v>0</v>
      </c>
      <c r="K6279" s="98">
        <v>0</v>
      </c>
      <c r="L6279" s="98">
        <v>1</v>
      </c>
      <c r="M6279" s="98">
        <v>0</v>
      </c>
      <c r="N6279" s="98">
        <v>0</v>
      </c>
      <c r="O6279" s="98">
        <v>1</v>
      </c>
      <c r="P6279" s="98">
        <v>1</v>
      </c>
      <c r="Q6279" s="98">
        <v>0</v>
      </c>
      <c r="R6279" s="98">
        <v>0</v>
      </c>
      <c r="S6279" s="98">
        <v>0</v>
      </c>
      <c r="T6279" s="98">
        <v>0</v>
      </c>
      <c r="U6279" s="99"/>
      <c r="V6279" s="99"/>
      <c r="W6279" s="99"/>
      <c r="X6279" s="99"/>
      <c r="Y6279" s="99"/>
      <c r="Z6279" s="99"/>
      <c r="AA6279" s="99"/>
      <c r="AB6279" s="99"/>
      <c r="AC6279" s="99"/>
      <c r="AD6279" s="99"/>
      <c r="AE6279" s="99"/>
      <c r="AF6279" s="99"/>
      <c r="AG6279" s="99"/>
      <c r="AH6279" s="99"/>
      <c r="AI6279" s="99"/>
      <c r="AJ6279" s="99"/>
      <c r="AK6279" s="99"/>
      <c r="AL6279" s="99"/>
      <c r="AM6279" s="99"/>
      <c r="AN6279" s="99"/>
      <c r="AO6279" s="99"/>
      <c r="AP6279" s="99"/>
      <c r="AQ6279" s="99"/>
      <c r="AR6279" s="99"/>
      <c r="AS6279" s="99"/>
      <c r="AT6279" s="99"/>
      <c r="AU6279" s="99"/>
      <c r="AV6279" s="99"/>
      <c r="AW6279" s="99"/>
      <c r="AX6279" s="99"/>
      <c r="AY6279" s="99"/>
      <c r="AZ6279" s="99"/>
      <c r="BA6279" s="99"/>
      <c r="BB6279" s="107">
        <v>45884</v>
      </c>
    </row>
    <row r="6280" spans="1:54" s="8" customFormat="1" ht="13.95" customHeight="1" x14ac:dyDescent="0.25">
      <c r="A6280" s="219" t="s">
        <v>14819</v>
      </c>
      <c r="B6280" s="220" t="s">
        <v>14601</v>
      </c>
      <c r="C6280" s="98" t="s">
        <v>14820</v>
      </c>
      <c r="D6280" s="98" t="s">
        <v>14821</v>
      </c>
      <c r="E6280" s="141">
        <v>1986</v>
      </c>
      <c r="F6280" s="141">
        <v>233</v>
      </c>
      <c r="G6280" s="98" t="s">
        <v>1</v>
      </c>
      <c r="H6280" s="98">
        <v>0</v>
      </c>
      <c r="I6280" s="98">
        <v>0</v>
      </c>
      <c r="J6280" s="98">
        <v>0</v>
      </c>
      <c r="K6280" s="98">
        <v>0</v>
      </c>
      <c r="L6280" s="98">
        <v>0</v>
      </c>
      <c r="M6280" s="98">
        <v>0</v>
      </c>
      <c r="N6280" s="98">
        <v>0</v>
      </c>
      <c r="O6280" s="98">
        <v>0</v>
      </c>
      <c r="P6280" s="98">
        <v>1</v>
      </c>
      <c r="Q6280" s="98">
        <v>1</v>
      </c>
      <c r="R6280" s="98">
        <v>1</v>
      </c>
      <c r="S6280" s="98">
        <v>0</v>
      </c>
      <c r="T6280" s="98">
        <v>0</v>
      </c>
      <c r="U6280" s="99"/>
      <c r="V6280" s="99"/>
      <c r="W6280" s="99"/>
      <c r="X6280" s="99"/>
      <c r="Y6280" s="99"/>
      <c r="Z6280" s="99"/>
      <c r="AA6280" s="99"/>
      <c r="AB6280" s="99"/>
      <c r="AC6280" s="99"/>
      <c r="AD6280" s="99"/>
      <c r="AE6280" s="99"/>
      <c r="AF6280" s="99"/>
      <c r="AG6280" s="99"/>
      <c r="AH6280" s="99"/>
      <c r="AI6280" s="99"/>
      <c r="AJ6280" s="99"/>
      <c r="AK6280" s="99"/>
      <c r="AL6280" s="99"/>
      <c r="AM6280" s="99"/>
      <c r="AN6280" s="99"/>
      <c r="AO6280" s="99"/>
      <c r="AP6280" s="99"/>
      <c r="AQ6280" s="99"/>
      <c r="AR6280" s="99"/>
      <c r="AS6280" s="99"/>
      <c r="AT6280" s="99"/>
      <c r="AU6280" s="99"/>
      <c r="AV6280" s="99"/>
      <c r="AW6280" s="99"/>
      <c r="AX6280" s="99"/>
      <c r="AY6280" s="99"/>
      <c r="AZ6280" s="99"/>
      <c r="BA6280" s="99"/>
      <c r="BB6280" s="107">
        <v>45884</v>
      </c>
    </row>
    <row r="6281" spans="1:54" s="8" customFormat="1" ht="13.95" customHeight="1" x14ac:dyDescent="0.25">
      <c r="A6281" s="219" t="s">
        <v>14822</v>
      </c>
      <c r="B6281" s="220" t="s">
        <v>14601</v>
      </c>
      <c r="C6281" s="98" t="s">
        <v>14823</v>
      </c>
      <c r="D6281" s="98" t="s">
        <v>14824</v>
      </c>
      <c r="E6281" s="141">
        <v>1986</v>
      </c>
      <c r="F6281" s="141">
        <v>270</v>
      </c>
      <c r="G6281" s="98" t="s">
        <v>1</v>
      </c>
      <c r="H6281" s="98">
        <v>0</v>
      </c>
      <c r="I6281" s="98">
        <v>0</v>
      </c>
      <c r="J6281" s="98">
        <v>0</v>
      </c>
      <c r="K6281" s="98">
        <v>0</v>
      </c>
      <c r="L6281" s="98">
        <v>1</v>
      </c>
      <c r="M6281" s="98">
        <v>0</v>
      </c>
      <c r="N6281" s="98">
        <v>0</v>
      </c>
      <c r="O6281" s="98">
        <v>0</v>
      </c>
      <c r="P6281" s="98">
        <v>0</v>
      </c>
      <c r="Q6281" s="98">
        <v>0</v>
      </c>
      <c r="R6281" s="98">
        <v>0</v>
      </c>
      <c r="S6281" s="98">
        <v>0</v>
      </c>
      <c r="T6281" s="98">
        <v>0</v>
      </c>
      <c r="U6281" s="99"/>
      <c r="V6281" s="99"/>
      <c r="W6281" s="99"/>
      <c r="X6281" s="99"/>
      <c r="Y6281" s="99"/>
      <c r="Z6281" s="99"/>
      <c r="AA6281" s="99"/>
      <c r="AB6281" s="99"/>
      <c r="AC6281" s="99"/>
      <c r="AD6281" s="99"/>
      <c r="AE6281" s="99"/>
      <c r="AF6281" s="99"/>
      <c r="AG6281" s="99"/>
      <c r="AH6281" s="99"/>
      <c r="AI6281" s="99"/>
      <c r="AJ6281" s="99"/>
      <c r="AK6281" s="99"/>
      <c r="AL6281" s="99"/>
      <c r="AM6281" s="99"/>
      <c r="AN6281" s="99"/>
      <c r="AO6281" s="99"/>
      <c r="AP6281" s="99"/>
      <c r="AQ6281" s="99"/>
      <c r="AR6281" s="99"/>
      <c r="AS6281" s="99"/>
      <c r="AT6281" s="99"/>
      <c r="AU6281" s="99"/>
      <c r="AV6281" s="99"/>
      <c r="AW6281" s="99"/>
      <c r="AX6281" s="99"/>
      <c r="AY6281" s="99"/>
      <c r="AZ6281" s="99"/>
      <c r="BA6281" s="99"/>
      <c r="BB6281" s="107">
        <v>45884</v>
      </c>
    </row>
    <row r="6282" spans="1:54" s="8" customFormat="1" ht="13.95" customHeight="1" x14ac:dyDescent="0.25">
      <c r="A6282" s="219" t="s">
        <v>14825</v>
      </c>
      <c r="B6282" s="220" t="s">
        <v>14601</v>
      </c>
      <c r="C6282" s="98" t="s">
        <v>14826</v>
      </c>
      <c r="D6282" s="98" t="s">
        <v>14827</v>
      </c>
      <c r="E6282" s="141">
        <v>1986</v>
      </c>
      <c r="F6282" s="141">
        <v>220</v>
      </c>
      <c r="G6282" s="98" t="s">
        <v>1</v>
      </c>
      <c r="H6282" s="98">
        <v>0</v>
      </c>
      <c r="I6282" s="98">
        <v>0</v>
      </c>
      <c r="J6282" s="98">
        <v>0</v>
      </c>
      <c r="K6282" s="98">
        <v>0</v>
      </c>
      <c r="L6282" s="98">
        <v>1</v>
      </c>
      <c r="M6282" s="98">
        <v>0</v>
      </c>
      <c r="N6282" s="98">
        <v>0</v>
      </c>
      <c r="O6282" s="98">
        <v>0</v>
      </c>
      <c r="P6282" s="98">
        <v>0</v>
      </c>
      <c r="Q6282" s="98">
        <v>0</v>
      </c>
      <c r="R6282" s="98">
        <v>0</v>
      </c>
      <c r="S6282" s="98">
        <v>0</v>
      </c>
      <c r="T6282" s="98">
        <v>0</v>
      </c>
      <c r="U6282" s="99"/>
      <c r="V6282" s="99"/>
      <c r="W6282" s="99"/>
      <c r="X6282" s="99"/>
      <c r="Y6282" s="99"/>
      <c r="Z6282" s="99"/>
      <c r="AA6282" s="99"/>
      <c r="AB6282" s="99"/>
      <c r="AC6282" s="99"/>
      <c r="AD6282" s="99"/>
      <c r="AE6282" s="99"/>
      <c r="AF6282" s="99"/>
      <c r="AG6282" s="99"/>
      <c r="AH6282" s="99"/>
      <c r="AI6282" s="99"/>
      <c r="AJ6282" s="99"/>
      <c r="AK6282" s="99"/>
      <c r="AL6282" s="99"/>
      <c r="AM6282" s="99"/>
      <c r="AN6282" s="99"/>
      <c r="AO6282" s="99"/>
      <c r="AP6282" s="99"/>
      <c r="AQ6282" s="99"/>
      <c r="AR6282" s="99"/>
      <c r="AS6282" s="99"/>
      <c r="AT6282" s="99"/>
      <c r="AU6282" s="99"/>
      <c r="AV6282" s="99"/>
      <c r="AW6282" s="99"/>
      <c r="AX6282" s="99"/>
      <c r="AY6282" s="99"/>
      <c r="AZ6282" s="99"/>
      <c r="BA6282" s="99"/>
      <c r="BB6282" s="107">
        <v>45884</v>
      </c>
    </row>
    <row r="6283" spans="1:54" s="8" customFormat="1" ht="13.95" customHeight="1" x14ac:dyDescent="0.25">
      <c r="A6283" s="219" t="s">
        <v>14828</v>
      </c>
      <c r="B6283" s="220" t="s">
        <v>14601</v>
      </c>
      <c r="C6283" s="98" t="s">
        <v>14829</v>
      </c>
      <c r="D6283" s="98" t="s">
        <v>14830</v>
      </c>
      <c r="E6283" s="141">
        <v>1986</v>
      </c>
      <c r="F6283" s="141">
        <v>161</v>
      </c>
      <c r="G6283" s="98" t="s">
        <v>1</v>
      </c>
      <c r="H6283" s="98">
        <v>0</v>
      </c>
      <c r="I6283" s="98">
        <v>0</v>
      </c>
      <c r="J6283" s="98">
        <v>0</v>
      </c>
      <c r="K6283" s="98">
        <v>0</v>
      </c>
      <c r="L6283" s="98">
        <v>1</v>
      </c>
      <c r="M6283" s="98">
        <v>0</v>
      </c>
      <c r="N6283" s="98">
        <v>0</v>
      </c>
      <c r="O6283" s="98">
        <v>0</v>
      </c>
      <c r="P6283" s="98">
        <v>0</v>
      </c>
      <c r="Q6283" s="98">
        <v>0</v>
      </c>
      <c r="R6283" s="98">
        <v>0</v>
      </c>
      <c r="S6283" s="98">
        <v>0</v>
      </c>
      <c r="T6283" s="98">
        <v>0</v>
      </c>
      <c r="U6283" s="99"/>
      <c r="V6283" s="99"/>
      <c r="W6283" s="99"/>
      <c r="X6283" s="99"/>
      <c r="Y6283" s="99"/>
      <c r="Z6283" s="99"/>
      <c r="AA6283" s="99"/>
      <c r="AB6283" s="99"/>
      <c r="AC6283" s="99"/>
      <c r="AD6283" s="99"/>
      <c r="AE6283" s="99"/>
      <c r="AF6283" s="99"/>
      <c r="AG6283" s="99"/>
      <c r="AH6283" s="99"/>
      <c r="AI6283" s="99"/>
      <c r="AJ6283" s="99"/>
      <c r="AK6283" s="99"/>
      <c r="AL6283" s="99"/>
      <c r="AM6283" s="99"/>
      <c r="AN6283" s="99"/>
      <c r="AO6283" s="99"/>
      <c r="AP6283" s="99"/>
      <c r="AQ6283" s="99"/>
      <c r="AR6283" s="99"/>
      <c r="AS6283" s="99"/>
      <c r="AT6283" s="99"/>
      <c r="AU6283" s="99"/>
      <c r="AV6283" s="99"/>
      <c r="AW6283" s="99"/>
      <c r="AX6283" s="99"/>
      <c r="AY6283" s="99"/>
      <c r="AZ6283" s="99"/>
      <c r="BA6283" s="99"/>
      <c r="BB6283" s="107">
        <v>45884</v>
      </c>
    </row>
    <row r="6284" spans="1:54" s="8" customFormat="1" ht="13.95" customHeight="1" x14ac:dyDescent="0.25">
      <c r="A6284" s="219" t="s">
        <v>14831</v>
      </c>
      <c r="B6284" s="220" t="s">
        <v>14601</v>
      </c>
      <c r="C6284" s="98" t="s">
        <v>14832</v>
      </c>
      <c r="D6284" s="98" t="s">
        <v>14833</v>
      </c>
      <c r="E6284" s="141">
        <v>1986</v>
      </c>
      <c r="F6284" s="141">
        <v>326</v>
      </c>
      <c r="G6284" s="98" t="s">
        <v>1</v>
      </c>
      <c r="H6284" s="98">
        <v>0</v>
      </c>
      <c r="I6284" s="98">
        <v>0</v>
      </c>
      <c r="J6284" s="98">
        <v>0</v>
      </c>
      <c r="K6284" s="98">
        <v>0</v>
      </c>
      <c r="L6284" s="98">
        <v>0</v>
      </c>
      <c r="M6284" s="98">
        <v>0</v>
      </c>
      <c r="N6284" s="98">
        <v>0</v>
      </c>
      <c r="O6284" s="98">
        <v>0</v>
      </c>
      <c r="P6284" s="98">
        <v>0</v>
      </c>
      <c r="Q6284" s="98">
        <v>0</v>
      </c>
      <c r="R6284" s="98">
        <v>0</v>
      </c>
      <c r="S6284" s="98">
        <v>0</v>
      </c>
      <c r="T6284" s="98">
        <v>0</v>
      </c>
      <c r="U6284" s="99"/>
      <c r="V6284" s="99"/>
      <c r="W6284" s="99"/>
      <c r="X6284" s="99"/>
      <c r="Y6284" s="99"/>
      <c r="Z6284" s="99"/>
      <c r="AA6284" s="99"/>
      <c r="AB6284" s="99"/>
      <c r="AC6284" s="99"/>
      <c r="AD6284" s="99"/>
      <c r="AE6284" s="99"/>
      <c r="AF6284" s="99"/>
      <c r="AG6284" s="99"/>
      <c r="AH6284" s="99"/>
      <c r="AI6284" s="99"/>
      <c r="AJ6284" s="99"/>
      <c r="AK6284" s="99"/>
      <c r="AL6284" s="99"/>
      <c r="AM6284" s="99"/>
      <c r="AN6284" s="99"/>
      <c r="AO6284" s="99"/>
      <c r="AP6284" s="99"/>
      <c r="AQ6284" s="99"/>
      <c r="AR6284" s="99"/>
      <c r="AS6284" s="99"/>
      <c r="AT6284" s="99"/>
      <c r="AU6284" s="99"/>
      <c r="AV6284" s="99"/>
      <c r="AW6284" s="99"/>
      <c r="AX6284" s="99"/>
      <c r="AY6284" s="99"/>
      <c r="AZ6284" s="99"/>
      <c r="BA6284" s="99"/>
      <c r="BB6284" s="107">
        <v>45884</v>
      </c>
    </row>
    <row r="6285" spans="1:54" s="8" customFormat="1" ht="13.95" customHeight="1" x14ac:dyDescent="0.25">
      <c r="A6285" s="219" t="s">
        <v>14834</v>
      </c>
      <c r="B6285" s="220" t="s">
        <v>14601</v>
      </c>
      <c r="C6285" s="98" t="s">
        <v>14835</v>
      </c>
      <c r="D6285" s="98" t="s">
        <v>14836</v>
      </c>
      <c r="E6285" s="141">
        <v>1986</v>
      </c>
      <c r="F6285" s="141">
        <v>108</v>
      </c>
      <c r="G6285" s="98" t="s">
        <v>1</v>
      </c>
      <c r="H6285" s="98">
        <v>0</v>
      </c>
      <c r="I6285" s="98">
        <v>0</v>
      </c>
      <c r="J6285" s="98">
        <v>0</v>
      </c>
      <c r="K6285" s="98">
        <v>0</v>
      </c>
      <c r="L6285" s="98">
        <v>0</v>
      </c>
      <c r="M6285" s="98">
        <v>0</v>
      </c>
      <c r="N6285" s="98">
        <v>0</v>
      </c>
      <c r="O6285" s="98">
        <v>0</v>
      </c>
      <c r="P6285" s="98">
        <v>0</v>
      </c>
      <c r="Q6285" s="98">
        <v>0</v>
      </c>
      <c r="R6285" s="98">
        <v>0</v>
      </c>
      <c r="S6285" s="98">
        <v>0</v>
      </c>
      <c r="T6285" s="98">
        <v>0</v>
      </c>
      <c r="U6285" s="99"/>
      <c r="V6285" s="99"/>
      <c r="W6285" s="99"/>
      <c r="X6285" s="99"/>
      <c r="Y6285" s="99"/>
      <c r="Z6285" s="99"/>
      <c r="AA6285" s="99"/>
      <c r="AB6285" s="99"/>
      <c r="AC6285" s="99"/>
      <c r="AD6285" s="99"/>
      <c r="AE6285" s="99"/>
      <c r="AF6285" s="99"/>
      <c r="AG6285" s="99"/>
      <c r="AH6285" s="99"/>
      <c r="AI6285" s="99"/>
      <c r="AJ6285" s="99"/>
      <c r="AK6285" s="99"/>
      <c r="AL6285" s="99"/>
      <c r="AM6285" s="99"/>
      <c r="AN6285" s="99"/>
      <c r="AO6285" s="99"/>
      <c r="AP6285" s="99"/>
      <c r="AQ6285" s="99"/>
      <c r="AR6285" s="99"/>
      <c r="AS6285" s="99"/>
      <c r="AT6285" s="99"/>
      <c r="AU6285" s="99"/>
      <c r="AV6285" s="99"/>
      <c r="AW6285" s="99"/>
      <c r="AX6285" s="99"/>
      <c r="AY6285" s="99"/>
      <c r="AZ6285" s="99"/>
      <c r="BA6285" s="99"/>
      <c r="BB6285" s="107">
        <v>45884</v>
      </c>
    </row>
    <row r="6286" spans="1:54" s="8" customFormat="1" ht="13.95" customHeight="1" x14ac:dyDescent="0.25">
      <c r="A6286" s="219" t="s">
        <v>14837</v>
      </c>
      <c r="B6286" s="220" t="s">
        <v>14601</v>
      </c>
      <c r="C6286" s="98" t="s">
        <v>14838</v>
      </c>
      <c r="D6286" s="98" t="s">
        <v>14839</v>
      </c>
      <c r="E6286" s="141">
        <v>1986</v>
      </c>
      <c r="F6286" s="141">
        <v>220</v>
      </c>
      <c r="G6286" s="98" t="s">
        <v>1</v>
      </c>
      <c r="H6286" s="98">
        <v>0</v>
      </c>
      <c r="I6286" s="98">
        <v>0</v>
      </c>
      <c r="J6286" s="98">
        <v>0</v>
      </c>
      <c r="K6286" s="98">
        <v>0</v>
      </c>
      <c r="L6286" s="98">
        <v>0</v>
      </c>
      <c r="M6286" s="98">
        <v>0</v>
      </c>
      <c r="N6286" s="98">
        <v>0</v>
      </c>
      <c r="O6286" s="98">
        <v>0</v>
      </c>
      <c r="P6286" s="98">
        <v>0</v>
      </c>
      <c r="Q6286" s="98">
        <v>0</v>
      </c>
      <c r="R6286" s="98">
        <v>0</v>
      </c>
      <c r="S6286" s="98">
        <v>0</v>
      </c>
      <c r="T6286" s="98">
        <v>0</v>
      </c>
      <c r="U6286" s="99"/>
      <c r="V6286" s="99"/>
      <c r="W6286" s="99"/>
      <c r="X6286" s="99"/>
      <c r="Y6286" s="99"/>
      <c r="Z6286" s="99"/>
      <c r="AA6286" s="99"/>
      <c r="AB6286" s="99"/>
      <c r="AC6286" s="99"/>
      <c r="AD6286" s="99"/>
      <c r="AE6286" s="99"/>
      <c r="AF6286" s="99"/>
      <c r="AG6286" s="99"/>
      <c r="AH6286" s="99"/>
      <c r="AI6286" s="99"/>
      <c r="AJ6286" s="99"/>
      <c r="AK6286" s="99"/>
      <c r="AL6286" s="99"/>
      <c r="AM6286" s="99"/>
      <c r="AN6286" s="99"/>
      <c r="AO6286" s="99"/>
      <c r="AP6286" s="99"/>
      <c r="AQ6286" s="99"/>
      <c r="AR6286" s="99"/>
      <c r="AS6286" s="99"/>
      <c r="AT6286" s="99"/>
      <c r="AU6286" s="99"/>
      <c r="AV6286" s="99"/>
      <c r="AW6286" s="99"/>
      <c r="AX6286" s="99"/>
      <c r="AY6286" s="99"/>
      <c r="AZ6286" s="99"/>
      <c r="BA6286" s="99"/>
      <c r="BB6286" s="107">
        <v>45884</v>
      </c>
    </row>
    <row r="6287" spans="1:54" s="8" customFormat="1" ht="13.95" customHeight="1" x14ac:dyDescent="0.25">
      <c r="A6287" s="219" t="s">
        <v>14840</v>
      </c>
      <c r="B6287" s="220" t="s">
        <v>14601</v>
      </c>
      <c r="C6287" s="98" t="s">
        <v>14841</v>
      </c>
      <c r="D6287" s="98" t="s">
        <v>14842</v>
      </c>
      <c r="E6287" s="141">
        <v>1986</v>
      </c>
      <c r="F6287" s="141">
        <v>98</v>
      </c>
      <c r="G6287" s="98" t="s">
        <v>1</v>
      </c>
      <c r="H6287" s="98">
        <v>0</v>
      </c>
      <c r="I6287" s="98">
        <v>0</v>
      </c>
      <c r="J6287" s="98">
        <v>0</v>
      </c>
      <c r="K6287" s="98">
        <v>1</v>
      </c>
      <c r="L6287" s="98">
        <v>0</v>
      </c>
      <c r="M6287" s="98">
        <v>0</v>
      </c>
      <c r="N6287" s="98">
        <v>0</v>
      </c>
      <c r="O6287" s="98">
        <v>0</v>
      </c>
      <c r="P6287" s="98">
        <v>0</v>
      </c>
      <c r="Q6287" s="98">
        <v>0</v>
      </c>
      <c r="R6287" s="98">
        <v>0</v>
      </c>
      <c r="S6287" s="98">
        <v>0</v>
      </c>
      <c r="T6287" s="98">
        <v>0</v>
      </c>
      <c r="U6287" s="99"/>
      <c r="V6287" s="99"/>
      <c r="W6287" s="99"/>
      <c r="X6287" s="99"/>
      <c r="Y6287" s="99"/>
      <c r="Z6287" s="99"/>
      <c r="AA6287" s="99"/>
      <c r="AB6287" s="99"/>
      <c r="AC6287" s="99"/>
      <c r="AD6287" s="99"/>
      <c r="AE6287" s="99"/>
      <c r="AF6287" s="99"/>
      <c r="AG6287" s="99"/>
      <c r="AH6287" s="99"/>
      <c r="AI6287" s="99"/>
      <c r="AJ6287" s="99"/>
      <c r="AK6287" s="99"/>
      <c r="AL6287" s="99"/>
      <c r="AM6287" s="99"/>
      <c r="AN6287" s="99"/>
      <c r="AO6287" s="99"/>
      <c r="AP6287" s="99"/>
      <c r="AQ6287" s="99"/>
      <c r="AR6287" s="99"/>
      <c r="AS6287" s="99"/>
      <c r="AT6287" s="99"/>
      <c r="AU6287" s="99"/>
      <c r="AV6287" s="99"/>
      <c r="AW6287" s="99"/>
      <c r="AX6287" s="99"/>
      <c r="AY6287" s="99"/>
      <c r="AZ6287" s="99"/>
      <c r="BA6287" s="99"/>
      <c r="BB6287" s="107">
        <v>45884</v>
      </c>
    </row>
    <row r="6288" spans="1:54" s="8" customFormat="1" ht="13.95" customHeight="1" x14ac:dyDescent="0.25">
      <c r="A6288" s="219" t="s">
        <v>14843</v>
      </c>
      <c r="B6288" s="220" t="s">
        <v>14601</v>
      </c>
      <c r="C6288" s="98" t="s">
        <v>14844</v>
      </c>
      <c r="D6288" s="98" t="s">
        <v>14845</v>
      </c>
      <c r="E6288" s="141">
        <v>1986</v>
      </c>
      <c r="F6288" s="141">
        <v>123</v>
      </c>
      <c r="G6288" s="98" t="s">
        <v>1</v>
      </c>
      <c r="H6288" s="98">
        <v>0</v>
      </c>
      <c r="I6288" s="98">
        <v>0</v>
      </c>
      <c r="J6288" s="98">
        <v>0</v>
      </c>
      <c r="K6288" s="98">
        <v>0</v>
      </c>
      <c r="L6288" s="98">
        <v>0</v>
      </c>
      <c r="M6288" s="98">
        <v>0</v>
      </c>
      <c r="N6288" s="98">
        <v>0</v>
      </c>
      <c r="O6288" s="98">
        <v>0</v>
      </c>
      <c r="P6288" s="98">
        <v>0</v>
      </c>
      <c r="Q6288" s="98">
        <v>0</v>
      </c>
      <c r="R6288" s="98">
        <v>0</v>
      </c>
      <c r="S6288" s="98">
        <v>0</v>
      </c>
      <c r="T6288" s="98">
        <v>0</v>
      </c>
      <c r="U6288" s="99"/>
      <c r="V6288" s="99"/>
      <c r="W6288" s="99"/>
      <c r="X6288" s="99"/>
      <c r="Y6288" s="99"/>
      <c r="Z6288" s="99"/>
      <c r="AA6288" s="99"/>
      <c r="AB6288" s="99"/>
      <c r="AC6288" s="99"/>
      <c r="AD6288" s="99"/>
      <c r="AE6288" s="99"/>
      <c r="AF6288" s="99"/>
      <c r="AG6288" s="99"/>
      <c r="AH6288" s="99"/>
      <c r="AI6288" s="99"/>
      <c r="AJ6288" s="99"/>
      <c r="AK6288" s="99"/>
      <c r="AL6288" s="99"/>
      <c r="AM6288" s="99"/>
      <c r="AN6288" s="99"/>
      <c r="AO6288" s="99"/>
      <c r="AP6288" s="99"/>
      <c r="AQ6288" s="99"/>
      <c r="AR6288" s="99"/>
      <c r="AS6288" s="99"/>
      <c r="AT6288" s="99"/>
      <c r="AU6288" s="99"/>
      <c r="AV6288" s="99"/>
      <c r="AW6288" s="99"/>
      <c r="AX6288" s="99"/>
      <c r="AY6288" s="99"/>
      <c r="AZ6288" s="99"/>
      <c r="BA6288" s="99"/>
      <c r="BB6288" s="107">
        <v>45884</v>
      </c>
    </row>
    <row r="6289" spans="1:54" s="8" customFormat="1" ht="13.95" customHeight="1" x14ac:dyDescent="0.25">
      <c r="A6289" s="219" t="s">
        <v>14846</v>
      </c>
      <c r="B6289" s="220" t="s">
        <v>14601</v>
      </c>
      <c r="C6289" s="98" t="s">
        <v>14847</v>
      </c>
      <c r="D6289" s="98" t="s">
        <v>14848</v>
      </c>
      <c r="E6289" s="141">
        <v>1986</v>
      </c>
      <c r="F6289" s="141">
        <v>141</v>
      </c>
      <c r="G6289" s="98" t="s">
        <v>1</v>
      </c>
      <c r="H6289" s="98">
        <v>0</v>
      </c>
      <c r="I6289" s="98">
        <v>0</v>
      </c>
      <c r="J6289" s="98">
        <v>0</v>
      </c>
      <c r="K6289" s="98">
        <v>0</v>
      </c>
      <c r="L6289" s="98">
        <v>1</v>
      </c>
      <c r="M6289" s="98">
        <v>0</v>
      </c>
      <c r="N6289" s="98">
        <v>0</v>
      </c>
      <c r="O6289" s="98">
        <v>0</v>
      </c>
      <c r="P6289" s="98">
        <v>0</v>
      </c>
      <c r="Q6289" s="98">
        <v>0</v>
      </c>
      <c r="R6289" s="98">
        <v>1</v>
      </c>
      <c r="S6289" s="98">
        <v>0</v>
      </c>
      <c r="T6289" s="98">
        <v>0</v>
      </c>
      <c r="U6289" s="99"/>
      <c r="V6289" s="99"/>
      <c r="W6289" s="99"/>
      <c r="X6289" s="99"/>
      <c r="Y6289" s="99"/>
      <c r="Z6289" s="99"/>
      <c r="AA6289" s="99"/>
      <c r="AB6289" s="99"/>
      <c r="AC6289" s="99"/>
      <c r="AD6289" s="99"/>
      <c r="AE6289" s="99"/>
      <c r="AF6289" s="99"/>
      <c r="AG6289" s="99"/>
      <c r="AH6289" s="99"/>
      <c r="AI6289" s="99"/>
      <c r="AJ6289" s="99"/>
      <c r="AK6289" s="99"/>
      <c r="AL6289" s="99"/>
      <c r="AM6289" s="99"/>
      <c r="AN6289" s="99"/>
      <c r="AO6289" s="99"/>
      <c r="AP6289" s="99"/>
      <c r="AQ6289" s="99"/>
      <c r="AR6289" s="99"/>
      <c r="AS6289" s="99"/>
      <c r="AT6289" s="99"/>
      <c r="AU6289" s="99"/>
      <c r="AV6289" s="99"/>
      <c r="AW6289" s="99"/>
      <c r="AX6289" s="99"/>
      <c r="AY6289" s="99"/>
      <c r="AZ6289" s="99"/>
      <c r="BA6289" s="99"/>
      <c r="BB6289" s="107">
        <v>45884</v>
      </c>
    </row>
    <row r="6290" spans="1:54" s="8" customFormat="1" ht="13.95" customHeight="1" x14ac:dyDescent="0.25">
      <c r="A6290" s="219" t="s">
        <v>14849</v>
      </c>
      <c r="B6290" s="220" t="s">
        <v>14601</v>
      </c>
      <c r="C6290" s="98" t="s">
        <v>14850</v>
      </c>
      <c r="D6290" s="98" t="s">
        <v>14851</v>
      </c>
      <c r="E6290" s="141">
        <v>1986</v>
      </c>
      <c r="F6290" s="141">
        <v>130</v>
      </c>
      <c r="G6290" s="98" t="s">
        <v>1</v>
      </c>
      <c r="H6290" s="98">
        <v>0</v>
      </c>
      <c r="I6290" s="98">
        <v>0</v>
      </c>
      <c r="J6290" s="98">
        <v>0</v>
      </c>
      <c r="K6290" s="98">
        <v>0</v>
      </c>
      <c r="L6290" s="98">
        <v>0</v>
      </c>
      <c r="M6290" s="98">
        <v>0</v>
      </c>
      <c r="N6290" s="98">
        <v>0</v>
      </c>
      <c r="O6290" s="98">
        <v>0</v>
      </c>
      <c r="P6290" s="98">
        <v>0</v>
      </c>
      <c r="Q6290" s="98">
        <v>0</v>
      </c>
      <c r="R6290" s="98">
        <v>0</v>
      </c>
      <c r="S6290" s="98">
        <v>0</v>
      </c>
      <c r="T6290" s="98">
        <v>0</v>
      </c>
      <c r="U6290" s="99"/>
      <c r="V6290" s="99"/>
      <c r="W6290" s="99"/>
      <c r="X6290" s="99"/>
      <c r="Y6290" s="99"/>
      <c r="Z6290" s="99"/>
      <c r="AA6290" s="99"/>
      <c r="AB6290" s="99"/>
      <c r="AC6290" s="99"/>
      <c r="AD6290" s="99"/>
      <c r="AE6290" s="99"/>
      <c r="AF6290" s="99"/>
      <c r="AG6290" s="99"/>
      <c r="AH6290" s="99"/>
      <c r="AI6290" s="99"/>
      <c r="AJ6290" s="99"/>
      <c r="AK6290" s="99"/>
      <c r="AL6290" s="99"/>
      <c r="AM6290" s="99"/>
      <c r="AN6290" s="99"/>
      <c r="AO6290" s="99"/>
      <c r="AP6290" s="99"/>
      <c r="AQ6290" s="99"/>
      <c r="AR6290" s="99"/>
      <c r="AS6290" s="99"/>
      <c r="AT6290" s="99"/>
      <c r="AU6290" s="99"/>
      <c r="AV6290" s="99"/>
      <c r="AW6290" s="99"/>
      <c r="AX6290" s="99"/>
      <c r="AY6290" s="99"/>
      <c r="AZ6290" s="99"/>
      <c r="BA6290" s="99"/>
      <c r="BB6290" s="107">
        <v>45884</v>
      </c>
    </row>
    <row r="6291" spans="1:54" s="8" customFormat="1" ht="13.95" customHeight="1" x14ac:dyDescent="0.25">
      <c r="A6291" s="219" t="s">
        <v>14852</v>
      </c>
      <c r="B6291" s="220" t="s">
        <v>14601</v>
      </c>
      <c r="C6291" s="98" t="s">
        <v>14853</v>
      </c>
      <c r="D6291" s="98" t="s">
        <v>14854</v>
      </c>
      <c r="E6291" s="141">
        <v>1986</v>
      </c>
      <c r="F6291" s="141">
        <v>224</v>
      </c>
      <c r="G6291" s="98" t="s">
        <v>1</v>
      </c>
      <c r="H6291" s="98">
        <v>0</v>
      </c>
      <c r="I6291" s="98">
        <v>0</v>
      </c>
      <c r="J6291" s="98">
        <v>0</v>
      </c>
      <c r="K6291" s="98">
        <v>0</v>
      </c>
      <c r="L6291" s="98">
        <v>0</v>
      </c>
      <c r="M6291" s="98">
        <v>0</v>
      </c>
      <c r="N6291" s="98">
        <v>0</v>
      </c>
      <c r="O6291" s="98">
        <v>0</v>
      </c>
      <c r="P6291" s="98">
        <v>1</v>
      </c>
      <c r="Q6291" s="98">
        <v>1</v>
      </c>
      <c r="R6291" s="98">
        <v>0</v>
      </c>
      <c r="S6291" s="98">
        <v>0</v>
      </c>
      <c r="T6291" s="98">
        <v>0</v>
      </c>
      <c r="U6291" s="99"/>
      <c r="V6291" s="99"/>
      <c r="W6291" s="99"/>
      <c r="X6291" s="99"/>
      <c r="Y6291" s="99"/>
      <c r="Z6291" s="99"/>
      <c r="AA6291" s="99"/>
      <c r="AB6291" s="99"/>
      <c r="AC6291" s="99"/>
      <c r="AD6291" s="99"/>
      <c r="AE6291" s="99"/>
      <c r="AF6291" s="99"/>
      <c r="AG6291" s="99"/>
      <c r="AH6291" s="99"/>
      <c r="AI6291" s="99"/>
      <c r="AJ6291" s="99"/>
      <c r="AK6291" s="99"/>
      <c r="AL6291" s="99"/>
      <c r="AM6291" s="99"/>
      <c r="AN6291" s="99"/>
      <c r="AO6291" s="99"/>
      <c r="AP6291" s="99"/>
      <c r="AQ6291" s="99"/>
      <c r="AR6291" s="99"/>
      <c r="AS6291" s="99"/>
      <c r="AT6291" s="99"/>
      <c r="AU6291" s="99"/>
      <c r="AV6291" s="99"/>
      <c r="AW6291" s="99"/>
      <c r="AX6291" s="99"/>
      <c r="AY6291" s="99"/>
      <c r="AZ6291" s="99"/>
      <c r="BA6291" s="99"/>
      <c r="BB6291" s="107">
        <v>45884</v>
      </c>
    </row>
    <row r="6292" spans="1:54" s="8" customFormat="1" ht="13.95" customHeight="1" x14ac:dyDescent="0.25">
      <c r="A6292" s="219" t="s">
        <v>14855</v>
      </c>
      <c r="B6292" s="220" t="s">
        <v>14601</v>
      </c>
      <c r="C6292" s="98" t="s">
        <v>14856</v>
      </c>
      <c r="D6292" s="98" t="s">
        <v>14857</v>
      </c>
      <c r="E6292" s="141">
        <v>1986</v>
      </c>
      <c r="F6292" s="141">
        <v>110</v>
      </c>
      <c r="G6292" s="98" t="s">
        <v>1</v>
      </c>
      <c r="H6292" s="98">
        <v>0</v>
      </c>
      <c r="I6292" s="98">
        <v>0</v>
      </c>
      <c r="J6292" s="98">
        <v>0</v>
      </c>
      <c r="K6292" s="98">
        <v>0</v>
      </c>
      <c r="L6292" s="98">
        <v>0</v>
      </c>
      <c r="M6292" s="98">
        <v>0</v>
      </c>
      <c r="N6292" s="98">
        <v>0</v>
      </c>
      <c r="O6292" s="98">
        <v>0</v>
      </c>
      <c r="P6292" s="98">
        <v>0</v>
      </c>
      <c r="Q6292" s="98">
        <v>0</v>
      </c>
      <c r="R6292" s="98">
        <v>0</v>
      </c>
      <c r="S6292" s="98">
        <v>0</v>
      </c>
      <c r="T6292" s="98">
        <v>0</v>
      </c>
      <c r="U6292" s="99"/>
      <c r="V6292" s="99"/>
      <c r="W6292" s="99"/>
      <c r="X6292" s="99"/>
      <c r="Y6292" s="99"/>
      <c r="Z6292" s="99"/>
      <c r="AA6292" s="99"/>
      <c r="AB6292" s="99"/>
      <c r="AC6292" s="99"/>
      <c r="AD6292" s="99"/>
      <c r="AE6292" s="99"/>
      <c r="AF6292" s="99"/>
      <c r="AG6292" s="99"/>
      <c r="AH6292" s="99"/>
      <c r="AI6292" s="99"/>
      <c r="AJ6292" s="99"/>
      <c r="AK6292" s="99"/>
      <c r="AL6292" s="99"/>
      <c r="AM6292" s="99"/>
      <c r="AN6292" s="99"/>
      <c r="AO6292" s="99"/>
      <c r="AP6292" s="99"/>
      <c r="AQ6292" s="99"/>
      <c r="AR6292" s="99"/>
      <c r="AS6292" s="99"/>
      <c r="AT6292" s="99"/>
      <c r="AU6292" s="99"/>
      <c r="AV6292" s="99"/>
      <c r="AW6292" s="99"/>
      <c r="AX6292" s="99"/>
      <c r="AY6292" s="99"/>
      <c r="AZ6292" s="99"/>
      <c r="BA6292" s="99"/>
      <c r="BB6292" s="107">
        <v>45884</v>
      </c>
    </row>
    <row r="6293" spans="1:54" s="8" customFormat="1" ht="13.95" customHeight="1" x14ac:dyDescent="0.25">
      <c r="A6293" s="219" t="s">
        <v>14858</v>
      </c>
      <c r="B6293" s="220" t="s">
        <v>14601</v>
      </c>
      <c r="C6293" s="98" t="s">
        <v>14859</v>
      </c>
      <c r="D6293" s="98" t="s">
        <v>14860</v>
      </c>
      <c r="E6293" s="141">
        <v>1986</v>
      </c>
      <c r="F6293" s="141">
        <v>491</v>
      </c>
      <c r="G6293" s="98" t="s">
        <v>1</v>
      </c>
      <c r="H6293" s="98">
        <v>0</v>
      </c>
      <c r="I6293" s="98">
        <v>0</v>
      </c>
      <c r="J6293" s="98">
        <v>1</v>
      </c>
      <c r="K6293" s="98">
        <v>0</v>
      </c>
      <c r="L6293" s="98">
        <v>0</v>
      </c>
      <c r="M6293" s="98">
        <v>0</v>
      </c>
      <c r="N6293" s="98">
        <v>0</v>
      </c>
      <c r="O6293" s="98">
        <v>0</v>
      </c>
      <c r="P6293" s="98">
        <v>0</v>
      </c>
      <c r="Q6293" s="98">
        <v>0</v>
      </c>
      <c r="R6293" s="98">
        <v>0</v>
      </c>
      <c r="S6293" s="98">
        <v>0</v>
      </c>
      <c r="T6293" s="98">
        <v>0</v>
      </c>
      <c r="U6293" s="99"/>
      <c r="V6293" s="99"/>
      <c r="W6293" s="99"/>
      <c r="X6293" s="99"/>
      <c r="Y6293" s="99"/>
      <c r="Z6293" s="99"/>
      <c r="AA6293" s="99"/>
      <c r="AB6293" s="99"/>
      <c r="AC6293" s="99"/>
      <c r="AD6293" s="99"/>
      <c r="AE6293" s="99"/>
      <c r="AF6293" s="99"/>
      <c r="AG6293" s="99"/>
      <c r="AH6293" s="99"/>
      <c r="AI6293" s="99"/>
      <c r="AJ6293" s="99"/>
      <c r="AK6293" s="99"/>
      <c r="AL6293" s="99"/>
      <c r="AM6293" s="99"/>
      <c r="AN6293" s="99"/>
      <c r="AO6293" s="99"/>
      <c r="AP6293" s="99"/>
      <c r="AQ6293" s="99"/>
      <c r="AR6293" s="99"/>
      <c r="AS6293" s="99"/>
      <c r="AT6293" s="99"/>
      <c r="AU6293" s="99"/>
      <c r="AV6293" s="99"/>
      <c r="AW6293" s="99"/>
      <c r="AX6293" s="99"/>
      <c r="AY6293" s="99"/>
      <c r="AZ6293" s="99"/>
      <c r="BA6293" s="99"/>
      <c r="BB6293" s="107">
        <v>45884</v>
      </c>
    </row>
    <row r="6294" spans="1:54" s="8" customFormat="1" ht="13.95" customHeight="1" x14ac:dyDescent="0.25">
      <c r="A6294" s="219" t="s">
        <v>14861</v>
      </c>
      <c r="B6294" s="220" t="s">
        <v>14601</v>
      </c>
      <c r="C6294" s="98" t="s">
        <v>14862</v>
      </c>
      <c r="D6294" s="98" t="s">
        <v>14863</v>
      </c>
      <c r="E6294" s="141">
        <v>1986</v>
      </c>
      <c r="F6294" s="141">
        <v>485</v>
      </c>
      <c r="G6294" s="98" t="s">
        <v>1</v>
      </c>
      <c r="H6294" s="98">
        <v>0</v>
      </c>
      <c r="I6294" s="98">
        <v>0</v>
      </c>
      <c r="J6294" s="98">
        <v>0</v>
      </c>
      <c r="K6294" s="98">
        <v>0</v>
      </c>
      <c r="L6294" s="98">
        <v>0</v>
      </c>
      <c r="M6294" s="98">
        <v>0</v>
      </c>
      <c r="N6294" s="98">
        <v>0</v>
      </c>
      <c r="O6294" s="98">
        <v>0</v>
      </c>
      <c r="P6294" s="98">
        <v>0</v>
      </c>
      <c r="Q6294" s="98">
        <v>0</v>
      </c>
      <c r="R6294" s="98">
        <v>0</v>
      </c>
      <c r="S6294" s="98">
        <v>0</v>
      </c>
      <c r="T6294" s="98">
        <v>0</v>
      </c>
      <c r="U6294" s="99"/>
      <c r="V6294" s="99"/>
      <c r="W6294" s="99"/>
      <c r="X6294" s="99"/>
      <c r="Y6294" s="99"/>
      <c r="Z6294" s="99"/>
      <c r="AA6294" s="99"/>
      <c r="AB6294" s="99"/>
      <c r="AC6294" s="99"/>
      <c r="AD6294" s="99"/>
      <c r="AE6294" s="99"/>
      <c r="AF6294" s="99"/>
      <c r="AG6294" s="99"/>
      <c r="AH6294" s="99"/>
      <c r="AI6294" s="99"/>
      <c r="AJ6294" s="99"/>
      <c r="AK6294" s="99"/>
      <c r="AL6294" s="99"/>
      <c r="AM6294" s="99"/>
      <c r="AN6294" s="99"/>
      <c r="AO6294" s="99"/>
      <c r="AP6294" s="99"/>
      <c r="AQ6294" s="99"/>
      <c r="AR6294" s="99"/>
      <c r="AS6294" s="99"/>
      <c r="AT6294" s="99"/>
      <c r="AU6294" s="99"/>
      <c r="AV6294" s="99"/>
      <c r="AW6294" s="99"/>
      <c r="AX6294" s="99"/>
      <c r="AY6294" s="99"/>
      <c r="AZ6294" s="99"/>
      <c r="BA6294" s="99"/>
      <c r="BB6294" s="107">
        <v>45884</v>
      </c>
    </row>
    <row r="6295" spans="1:54" s="8" customFormat="1" ht="13.95" customHeight="1" x14ac:dyDescent="0.25">
      <c r="A6295" s="219" t="s">
        <v>14864</v>
      </c>
      <c r="B6295" s="220" t="s">
        <v>14601</v>
      </c>
      <c r="C6295" s="98" t="s">
        <v>14865</v>
      </c>
      <c r="D6295" s="98" t="s">
        <v>14866</v>
      </c>
      <c r="E6295" s="141">
        <v>1986</v>
      </c>
      <c r="F6295" s="141">
        <v>221</v>
      </c>
      <c r="G6295" s="98" t="s">
        <v>1</v>
      </c>
      <c r="H6295" s="98">
        <v>0</v>
      </c>
      <c r="I6295" s="98">
        <v>0</v>
      </c>
      <c r="J6295" s="98">
        <v>0</v>
      </c>
      <c r="K6295" s="98">
        <v>0</v>
      </c>
      <c r="L6295" s="98">
        <v>1</v>
      </c>
      <c r="M6295" s="98">
        <v>0</v>
      </c>
      <c r="N6295" s="98">
        <v>0</v>
      </c>
      <c r="O6295" s="98">
        <v>0</v>
      </c>
      <c r="P6295" s="98">
        <v>0</v>
      </c>
      <c r="Q6295" s="98">
        <v>0</v>
      </c>
      <c r="R6295" s="98">
        <v>0</v>
      </c>
      <c r="S6295" s="98">
        <v>0</v>
      </c>
      <c r="T6295" s="98">
        <v>0</v>
      </c>
      <c r="U6295" s="99"/>
      <c r="V6295" s="99"/>
      <c r="W6295" s="99"/>
      <c r="X6295" s="99"/>
      <c r="Y6295" s="99"/>
      <c r="Z6295" s="99"/>
      <c r="AA6295" s="99"/>
      <c r="AB6295" s="99"/>
      <c r="AC6295" s="99"/>
      <c r="AD6295" s="99"/>
      <c r="AE6295" s="99"/>
      <c r="AF6295" s="99"/>
      <c r="AG6295" s="99"/>
      <c r="AH6295" s="99"/>
      <c r="AI6295" s="99"/>
      <c r="AJ6295" s="99"/>
      <c r="AK6295" s="99"/>
      <c r="AL6295" s="99"/>
      <c r="AM6295" s="99"/>
      <c r="AN6295" s="99"/>
      <c r="AO6295" s="99"/>
      <c r="AP6295" s="99"/>
      <c r="AQ6295" s="99"/>
      <c r="AR6295" s="99"/>
      <c r="AS6295" s="99"/>
      <c r="AT6295" s="99"/>
      <c r="AU6295" s="99"/>
      <c r="AV6295" s="99"/>
      <c r="AW6295" s="99"/>
      <c r="AX6295" s="99"/>
      <c r="AY6295" s="99"/>
      <c r="AZ6295" s="99"/>
      <c r="BA6295" s="99"/>
      <c r="BB6295" s="107">
        <v>45884</v>
      </c>
    </row>
    <row r="6296" spans="1:54" s="8" customFormat="1" ht="13.95" customHeight="1" x14ac:dyDescent="0.25">
      <c r="A6296" s="219" t="s">
        <v>14867</v>
      </c>
      <c r="B6296" s="220" t="s">
        <v>14601</v>
      </c>
      <c r="C6296" s="98" t="s">
        <v>14868</v>
      </c>
      <c r="D6296" s="98" t="s">
        <v>14869</v>
      </c>
      <c r="E6296" s="141">
        <v>1986</v>
      </c>
      <c r="F6296" s="141">
        <v>149</v>
      </c>
      <c r="G6296" s="98" t="s">
        <v>1</v>
      </c>
      <c r="H6296" s="98">
        <v>0</v>
      </c>
      <c r="I6296" s="98">
        <v>0</v>
      </c>
      <c r="J6296" s="98">
        <v>0</v>
      </c>
      <c r="K6296" s="98">
        <v>0</v>
      </c>
      <c r="L6296" s="98">
        <v>0</v>
      </c>
      <c r="M6296" s="98">
        <v>0</v>
      </c>
      <c r="N6296" s="98">
        <v>0</v>
      </c>
      <c r="O6296" s="98">
        <v>0</v>
      </c>
      <c r="P6296" s="98">
        <v>0</v>
      </c>
      <c r="Q6296" s="98">
        <v>0</v>
      </c>
      <c r="R6296" s="98">
        <v>0</v>
      </c>
      <c r="S6296" s="98">
        <v>0</v>
      </c>
      <c r="T6296" s="98">
        <v>0</v>
      </c>
      <c r="U6296" s="99"/>
      <c r="V6296" s="99"/>
      <c r="W6296" s="99"/>
      <c r="X6296" s="99"/>
      <c r="Y6296" s="99"/>
      <c r="Z6296" s="99"/>
      <c r="AA6296" s="99"/>
      <c r="AB6296" s="99"/>
      <c r="AC6296" s="99"/>
      <c r="AD6296" s="99"/>
      <c r="AE6296" s="99"/>
      <c r="AF6296" s="99"/>
      <c r="AG6296" s="99"/>
      <c r="AH6296" s="99"/>
      <c r="AI6296" s="99"/>
      <c r="AJ6296" s="99"/>
      <c r="AK6296" s="99"/>
      <c r="AL6296" s="99"/>
      <c r="AM6296" s="99"/>
      <c r="AN6296" s="99"/>
      <c r="AO6296" s="99"/>
      <c r="AP6296" s="99"/>
      <c r="AQ6296" s="99"/>
      <c r="AR6296" s="99"/>
      <c r="AS6296" s="99"/>
      <c r="AT6296" s="99"/>
      <c r="AU6296" s="99"/>
      <c r="AV6296" s="99"/>
      <c r="AW6296" s="99"/>
      <c r="AX6296" s="99"/>
      <c r="AY6296" s="99"/>
      <c r="AZ6296" s="99"/>
      <c r="BA6296" s="99"/>
      <c r="BB6296" s="107">
        <v>45884</v>
      </c>
    </row>
    <row r="6297" spans="1:54" s="8" customFormat="1" ht="13.95" customHeight="1" x14ac:dyDescent="0.25">
      <c r="A6297" s="219" t="s">
        <v>14870</v>
      </c>
      <c r="B6297" s="220" t="s">
        <v>14601</v>
      </c>
      <c r="C6297" s="98" t="s">
        <v>14871</v>
      </c>
      <c r="D6297" s="98" t="s">
        <v>14872</v>
      </c>
      <c r="E6297" s="141">
        <v>1986</v>
      </c>
      <c r="F6297" s="141">
        <v>150</v>
      </c>
      <c r="G6297" s="98" t="s">
        <v>1</v>
      </c>
      <c r="H6297" s="98">
        <v>0</v>
      </c>
      <c r="I6297" s="98">
        <v>0</v>
      </c>
      <c r="J6297" s="98">
        <v>0</v>
      </c>
      <c r="K6297" s="98">
        <v>0</v>
      </c>
      <c r="L6297" s="98">
        <v>0</v>
      </c>
      <c r="M6297" s="98">
        <v>0</v>
      </c>
      <c r="N6297" s="98">
        <v>0</v>
      </c>
      <c r="O6297" s="98">
        <v>0</v>
      </c>
      <c r="P6297" s="98">
        <v>0</v>
      </c>
      <c r="Q6297" s="98">
        <v>0</v>
      </c>
      <c r="R6297" s="98">
        <v>0</v>
      </c>
      <c r="S6297" s="98">
        <v>0</v>
      </c>
      <c r="T6297" s="98">
        <v>0</v>
      </c>
      <c r="U6297" s="99"/>
      <c r="V6297" s="99"/>
      <c r="W6297" s="99"/>
      <c r="X6297" s="99"/>
      <c r="Y6297" s="99"/>
      <c r="Z6297" s="99"/>
      <c r="AA6297" s="99"/>
      <c r="AB6297" s="99"/>
      <c r="AC6297" s="99"/>
      <c r="AD6297" s="99"/>
      <c r="AE6297" s="99"/>
      <c r="AF6297" s="99"/>
      <c r="AG6297" s="99"/>
      <c r="AH6297" s="99"/>
      <c r="AI6297" s="99"/>
      <c r="AJ6297" s="99"/>
      <c r="AK6297" s="99"/>
      <c r="AL6297" s="99"/>
      <c r="AM6297" s="99"/>
      <c r="AN6297" s="99"/>
      <c r="AO6297" s="99"/>
      <c r="AP6297" s="99"/>
      <c r="AQ6297" s="99"/>
      <c r="AR6297" s="99"/>
      <c r="AS6297" s="99"/>
      <c r="AT6297" s="99"/>
      <c r="AU6297" s="99"/>
      <c r="AV6297" s="99"/>
      <c r="AW6297" s="99"/>
      <c r="AX6297" s="99"/>
      <c r="AY6297" s="99"/>
      <c r="AZ6297" s="99"/>
      <c r="BA6297" s="99"/>
      <c r="BB6297" s="107">
        <v>45884</v>
      </c>
    </row>
    <row r="6298" spans="1:54" s="8" customFormat="1" ht="13.95" customHeight="1" x14ac:dyDescent="0.25">
      <c r="A6298" s="219" t="s">
        <v>14873</v>
      </c>
      <c r="B6298" s="220" t="s">
        <v>14601</v>
      </c>
      <c r="C6298" s="98" t="s">
        <v>14874</v>
      </c>
      <c r="D6298" s="98" t="s">
        <v>14875</v>
      </c>
      <c r="E6298" s="141">
        <v>1986</v>
      </c>
      <c r="F6298" s="141">
        <v>103</v>
      </c>
      <c r="G6298" s="98" t="s">
        <v>1</v>
      </c>
      <c r="H6298" s="98">
        <v>0</v>
      </c>
      <c r="I6298" s="98">
        <v>0</v>
      </c>
      <c r="J6298" s="98">
        <v>0</v>
      </c>
      <c r="K6298" s="98">
        <v>0</v>
      </c>
      <c r="L6298" s="98">
        <v>1</v>
      </c>
      <c r="M6298" s="98">
        <v>0</v>
      </c>
      <c r="N6298" s="98">
        <v>0</v>
      </c>
      <c r="O6298" s="98">
        <v>0</v>
      </c>
      <c r="P6298" s="98">
        <v>0</v>
      </c>
      <c r="Q6298" s="98">
        <v>0</v>
      </c>
      <c r="R6298" s="98">
        <v>0</v>
      </c>
      <c r="S6298" s="98">
        <v>0</v>
      </c>
      <c r="T6298" s="98">
        <v>0</v>
      </c>
      <c r="U6298" s="99"/>
      <c r="V6298" s="99"/>
      <c r="W6298" s="99"/>
      <c r="X6298" s="99"/>
      <c r="Y6298" s="99"/>
      <c r="Z6298" s="99"/>
      <c r="AA6298" s="99"/>
      <c r="AB6298" s="99"/>
      <c r="AC6298" s="99"/>
      <c r="AD6298" s="99"/>
      <c r="AE6298" s="99"/>
      <c r="AF6298" s="99"/>
      <c r="AG6298" s="99"/>
      <c r="AH6298" s="99"/>
      <c r="AI6298" s="99"/>
      <c r="AJ6298" s="99"/>
      <c r="AK6298" s="99"/>
      <c r="AL6298" s="99"/>
      <c r="AM6298" s="99"/>
      <c r="AN6298" s="99"/>
      <c r="AO6298" s="99"/>
      <c r="AP6298" s="99"/>
      <c r="AQ6298" s="99"/>
      <c r="AR6298" s="99"/>
      <c r="AS6298" s="99"/>
      <c r="AT6298" s="99"/>
      <c r="AU6298" s="99"/>
      <c r="AV6298" s="99"/>
      <c r="AW6298" s="99"/>
      <c r="AX6298" s="99"/>
      <c r="AY6298" s="99"/>
      <c r="AZ6298" s="99"/>
      <c r="BA6298" s="99"/>
      <c r="BB6298" s="107">
        <v>45884</v>
      </c>
    </row>
    <row r="6299" spans="1:54" s="8" customFormat="1" ht="13.95" customHeight="1" x14ac:dyDescent="0.25">
      <c r="A6299" s="219" t="s">
        <v>14876</v>
      </c>
      <c r="B6299" s="220" t="s">
        <v>14601</v>
      </c>
      <c r="C6299" s="98" t="s">
        <v>14877</v>
      </c>
      <c r="D6299" s="98" t="s">
        <v>14878</v>
      </c>
      <c r="E6299" s="141">
        <v>1986</v>
      </c>
      <c r="F6299" s="141">
        <v>140</v>
      </c>
      <c r="G6299" s="98" t="s">
        <v>1</v>
      </c>
      <c r="H6299" s="98">
        <v>0</v>
      </c>
      <c r="I6299" s="98">
        <v>0</v>
      </c>
      <c r="J6299" s="98">
        <v>0</v>
      </c>
      <c r="K6299" s="98">
        <v>0</v>
      </c>
      <c r="L6299" s="98">
        <v>1</v>
      </c>
      <c r="M6299" s="98">
        <v>0</v>
      </c>
      <c r="N6299" s="98">
        <v>0</v>
      </c>
      <c r="O6299" s="98">
        <v>0</v>
      </c>
      <c r="P6299" s="98">
        <v>0</v>
      </c>
      <c r="Q6299" s="98">
        <v>0</v>
      </c>
      <c r="R6299" s="98">
        <v>0</v>
      </c>
      <c r="S6299" s="98">
        <v>0</v>
      </c>
      <c r="T6299" s="98">
        <v>0</v>
      </c>
      <c r="U6299" s="99"/>
      <c r="V6299" s="99"/>
      <c r="W6299" s="99"/>
      <c r="X6299" s="99"/>
      <c r="Y6299" s="99"/>
      <c r="Z6299" s="99"/>
      <c r="AA6299" s="99"/>
      <c r="AB6299" s="99"/>
      <c r="AC6299" s="99"/>
      <c r="AD6299" s="99"/>
      <c r="AE6299" s="99"/>
      <c r="AF6299" s="99"/>
      <c r="AG6299" s="99"/>
      <c r="AH6299" s="99"/>
      <c r="AI6299" s="99"/>
      <c r="AJ6299" s="99"/>
      <c r="AK6299" s="99"/>
      <c r="AL6299" s="99"/>
      <c r="AM6299" s="99"/>
      <c r="AN6299" s="99"/>
      <c r="AO6299" s="99"/>
      <c r="AP6299" s="99"/>
      <c r="AQ6299" s="99"/>
      <c r="AR6299" s="99"/>
      <c r="AS6299" s="99"/>
      <c r="AT6299" s="99"/>
      <c r="AU6299" s="99"/>
      <c r="AV6299" s="99"/>
      <c r="AW6299" s="99"/>
      <c r="AX6299" s="99"/>
      <c r="AY6299" s="99"/>
      <c r="AZ6299" s="99"/>
      <c r="BA6299" s="99"/>
      <c r="BB6299" s="107">
        <v>45884</v>
      </c>
    </row>
    <row r="6300" spans="1:54" s="8" customFormat="1" ht="13.95" customHeight="1" x14ac:dyDescent="0.25">
      <c r="A6300" s="219" t="s">
        <v>14879</v>
      </c>
      <c r="B6300" s="220" t="s">
        <v>14601</v>
      </c>
      <c r="C6300" s="98" t="s">
        <v>14880</v>
      </c>
      <c r="D6300" s="98" t="s">
        <v>14881</v>
      </c>
      <c r="E6300" s="141">
        <v>1986</v>
      </c>
      <c r="F6300" s="141">
        <v>165</v>
      </c>
      <c r="G6300" s="98" t="s">
        <v>1</v>
      </c>
      <c r="H6300" s="98">
        <v>0</v>
      </c>
      <c r="I6300" s="98">
        <v>0</v>
      </c>
      <c r="J6300" s="98">
        <v>0</v>
      </c>
      <c r="K6300" s="98">
        <v>0</v>
      </c>
      <c r="L6300" s="98">
        <v>0</v>
      </c>
      <c r="M6300" s="98">
        <v>0</v>
      </c>
      <c r="N6300" s="98">
        <v>0</v>
      </c>
      <c r="O6300" s="98">
        <v>0</v>
      </c>
      <c r="P6300" s="98">
        <v>0</v>
      </c>
      <c r="Q6300" s="98">
        <v>0</v>
      </c>
      <c r="R6300" s="98">
        <v>0</v>
      </c>
      <c r="S6300" s="98">
        <v>0</v>
      </c>
      <c r="T6300" s="98">
        <v>0</v>
      </c>
      <c r="U6300" s="99"/>
      <c r="V6300" s="99"/>
      <c r="W6300" s="99"/>
      <c r="X6300" s="99"/>
      <c r="Y6300" s="99"/>
      <c r="Z6300" s="99"/>
      <c r="AA6300" s="99"/>
      <c r="AB6300" s="99"/>
      <c r="AC6300" s="99"/>
      <c r="AD6300" s="99"/>
      <c r="AE6300" s="99"/>
      <c r="AF6300" s="99"/>
      <c r="AG6300" s="99"/>
      <c r="AH6300" s="99"/>
      <c r="AI6300" s="99"/>
      <c r="AJ6300" s="99"/>
      <c r="AK6300" s="99"/>
      <c r="AL6300" s="99"/>
      <c r="AM6300" s="99"/>
      <c r="AN6300" s="99"/>
      <c r="AO6300" s="99"/>
      <c r="AP6300" s="99"/>
      <c r="AQ6300" s="99"/>
      <c r="AR6300" s="99"/>
      <c r="AS6300" s="99"/>
      <c r="AT6300" s="99"/>
      <c r="AU6300" s="99"/>
      <c r="AV6300" s="99"/>
      <c r="AW6300" s="99"/>
      <c r="AX6300" s="99"/>
      <c r="AY6300" s="99"/>
      <c r="AZ6300" s="99"/>
      <c r="BA6300" s="99"/>
      <c r="BB6300" s="107">
        <v>45884</v>
      </c>
    </row>
    <row r="6301" spans="1:54" s="8" customFormat="1" ht="13.95" customHeight="1" x14ac:dyDescent="0.25">
      <c r="A6301" s="219" t="s">
        <v>14882</v>
      </c>
      <c r="B6301" s="220" t="s">
        <v>14601</v>
      </c>
      <c r="C6301" s="98" t="s">
        <v>14883</v>
      </c>
      <c r="D6301" s="98" t="s">
        <v>14884</v>
      </c>
      <c r="E6301" s="141">
        <v>1986</v>
      </c>
      <c r="F6301" s="141">
        <v>338</v>
      </c>
      <c r="G6301" s="98" t="s">
        <v>1</v>
      </c>
      <c r="H6301" s="98">
        <v>0</v>
      </c>
      <c r="I6301" s="98">
        <v>0</v>
      </c>
      <c r="J6301" s="98">
        <v>1</v>
      </c>
      <c r="K6301" s="98">
        <v>0</v>
      </c>
      <c r="L6301" s="98">
        <v>0</v>
      </c>
      <c r="M6301" s="98">
        <v>0</v>
      </c>
      <c r="N6301" s="98">
        <v>0</v>
      </c>
      <c r="O6301" s="98">
        <v>0</v>
      </c>
      <c r="P6301" s="98">
        <v>0</v>
      </c>
      <c r="Q6301" s="98">
        <v>0</v>
      </c>
      <c r="R6301" s="98">
        <v>0</v>
      </c>
      <c r="S6301" s="98">
        <v>0</v>
      </c>
      <c r="T6301" s="98">
        <v>0</v>
      </c>
      <c r="U6301" s="99"/>
      <c r="V6301" s="99"/>
      <c r="W6301" s="99"/>
      <c r="X6301" s="99"/>
      <c r="Y6301" s="99"/>
      <c r="Z6301" s="99"/>
      <c r="AA6301" s="99"/>
      <c r="AB6301" s="99"/>
      <c r="AC6301" s="99"/>
      <c r="AD6301" s="99"/>
      <c r="AE6301" s="99"/>
      <c r="AF6301" s="99"/>
      <c r="AG6301" s="99"/>
      <c r="AH6301" s="99"/>
      <c r="AI6301" s="99"/>
      <c r="AJ6301" s="99"/>
      <c r="AK6301" s="99"/>
      <c r="AL6301" s="99"/>
      <c r="AM6301" s="99"/>
      <c r="AN6301" s="99"/>
      <c r="AO6301" s="99"/>
      <c r="AP6301" s="99"/>
      <c r="AQ6301" s="99"/>
      <c r="AR6301" s="99"/>
      <c r="AS6301" s="99"/>
      <c r="AT6301" s="99"/>
      <c r="AU6301" s="99"/>
      <c r="AV6301" s="99"/>
      <c r="AW6301" s="99"/>
      <c r="AX6301" s="99"/>
      <c r="AY6301" s="99"/>
      <c r="AZ6301" s="99"/>
      <c r="BA6301" s="99"/>
      <c r="BB6301" s="107">
        <v>45884</v>
      </c>
    </row>
    <row r="6302" spans="1:54" s="8" customFormat="1" ht="13.95" customHeight="1" x14ac:dyDescent="0.25">
      <c r="A6302" s="219" t="s">
        <v>14885</v>
      </c>
      <c r="B6302" s="220" t="s">
        <v>14601</v>
      </c>
      <c r="C6302" s="98" t="s">
        <v>14886</v>
      </c>
      <c r="D6302" s="98" t="s">
        <v>14887</v>
      </c>
      <c r="E6302" s="141">
        <v>1986</v>
      </c>
      <c r="F6302" s="141">
        <v>154</v>
      </c>
      <c r="G6302" s="98" t="s">
        <v>1</v>
      </c>
      <c r="H6302" s="98">
        <v>0</v>
      </c>
      <c r="I6302" s="98">
        <v>0</v>
      </c>
      <c r="J6302" s="98">
        <v>1</v>
      </c>
      <c r="K6302" s="98">
        <v>0</v>
      </c>
      <c r="L6302" s="98">
        <v>1</v>
      </c>
      <c r="M6302" s="98">
        <v>0</v>
      </c>
      <c r="N6302" s="98">
        <v>0</v>
      </c>
      <c r="O6302" s="98">
        <v>0</v>
      </c>
      <c r="P6302" s="98">
        <v>0</v>
      </c>
      <c r="Q6302" s="98">
        <v>0</v>
      </c>
      <c r="R6302" s="98">
        <v>1</v>
      </c>
      <c r="S6302" s="98">
        <v>0</v>
      </c>
      <c r="T6302" s="98">
        <v>0</v>
      </c>
      <c r="U6302" s="99"/>
      <c r="V6302" s="99"/>
      <c r="W6302" s="99"/>
      <c r="X6302" s="99"/>
      <c r="Y6302" s="99"/>
      <c r="Z6302" s="99"/>
      <c r="AA6302" s="99"/>
      <c r="AB6302" s="99"/>
      <c r="AC6302" s="99"/>
      <c r="AD6302" s="99"/>
      <c r="AE6302" s="99"/>
      <c r="AF6302" s="99"/>
      <c r="AG6302" s="99"/>
      <c r="AH6302" s="99"/>
      <c r="AI6302" s="99"/>
      <c r="AJ6302" s="99"/>
      <c r="AK6302" s="99"/>
      <c r="AL6302" s="99"/>
      <c r="AM6302" s="99"/>
      <c r="AN6302" s="99"/>
      <c r="AO6302" s="99"/>
      <c r="AP6302" s="99"/>
      <c r="AQ6302" s="99"/>
      <c r="AR6302" s="99"/>
      <c r="AS6302" s="99"/>
      <c r="AT6302" s="99"/>
      <c r="AU6302" s="99"/>
      <c r="AV6302" s="99"/>
      <c r="AW6302" s="99"/>
      <c r="AX6302" s="99"/>
      <c r="AY6302" s="99"/>
      <c r="AZ6302" s="99"/>
      <c r="BA6302" s="99"/>
      <c r="BB6302" s="107">
        <v>45884</v>
      </c>
    </row>
    <row r="6303" spans="1:54" s="8" customFormat="1" ht="13.95" customHeight="1" x14ac:dyDescent="0.25">
      <c r="A6303" s="219" t="s">
        <v>14888</v>
      </c>
      <c r="B6303" s="220" t="s">
        <v>14601</v>
      </c>
      <c r="C6303" s="98" t="s">
        <v>14889</v>
      </c>
      <c r="D6303" s="98" t="s">
        <v>14890</v>
      </c>
      <c r="E6303" s="141">
        <v>1986</v>
      </c>
      <c r="F6303" s="141">
        <v>204</v>
      </c>
      <c r="G6303" s="98" t="s">
        <v>1</v>
      </c>
      <c r="H6303" s="98">
        <v>0</v>
      </c>
      <c r="I6303" s="98">
        <v>0</v>
      </c>
      <c r="J6303" s="98">
        <v>0</v>
      </c>
      <c r="K6303" s="98">
        <v>0</v>
      </c>
      <c r="L6303" s="98">
        <v>0</v>
      </c>
      <c r="M6303" s="98">
        <v>0</v>
      </c>
      <c r="N6303" s="98">
        <v>0</v>
      </c>
      <c r="O6303" s="98">
        <v>0</v>
      </c>
      <c r="P6303" s="98">
        <v>0</v>
      </c>
      <c r="Q6303" s="98">
        <v>0</v>
      </c>
      <c r="R6303" s="98">
        <v>0</v>
      </c>
      <c r="S6303" s="98">
        <v>0</v>
      </c>
      <c r="T6303" s="98">
        <v>0</v>
      </c>
      <c r="U6303" s="99"/>
      <c r="V6303" s="99"/>
      <c r="W6303" s="99"/>
      <c r="X6303" s="99"/>
      <c r="Y6303" s="99"/>
      <c r="Z6303" s="99"/>
      <c r="AA6303" s="99"/>
      <c r="AB6303" s="99"/>
      <c r="AC6303" s="99"/>
      <c r="AD6303" s="99"/>
      <c r="AE6303" s="99"/>
      <c r="AF6303" s="99"/>
      <c r="AG6303" s="99"/>
      <c r="AH6303" s="99"/>
      <c r="AI6303" s="99"/>
      <c r="AJ6303" s="99"/>
      <c r="AK6303" s="99"/>
      <c r="AL6303" s="99"/>
      <c r="AM6303" s="99"/>
      <c r="AN6303" s="99"/>
      <c r="AO6303" s="99"/>
      <c r="AP6303" s="99"/>
      <c r="AQ6303" s="99"/>
      <c r="AR6303" s="99"/>
      <c r="AS6303" s="99"/>
      <c r="AT6303" s="99"/>
      <c r="AU6303" s="99"/>
      <c r="AV6303" s="99"/>
      <c r="AW6303" s="99"/>
      <c r="AX6303" s="99"/>
      <c r="AY6303" s="99"/>
      <c r="AZ6303" s="99"/>
      <c r="BA6303" s="99"/>
      <c r="BB6303" s="107">
        <v>45884</v>
      </c>
    </row>
    <row r="6304" spans="1:54" s="8" customFormat="1" ht="13.95" customHeight="1" x14ac:dyDescent="0.25">
      <c r="A6304" s="219" t="s">
        <v>14891</v>
      </c>
      <c r="B6304" s="220" t="s">
        <v>14601</v>
      </c>
      <c r="C6304" s="98" t="s">
        <v>14892</v>
      </c>
      <c r="D6304" s="98" t="s">
        <v>14893</v>
      </c>
      <c r="E6304" s="141">
        <v>1986</v>
      </c>
      <c r="F6304" s="141">
        <v>301</v>
      </c>
      <c r="G6304" s="98" t="s">
        <v>1</v>
      </c>
      <c r="H6304" s="98">
        <v>0</v>
      </c>
      <c r="I6304" s="98">
        <v>0</v>
      </c>
      <c r="J6304" s="98">
        <v>1</v>
      </c>
      <c r="K6304" s="98">
        <v>0</v>
      </c>
      <c r="L6304" s="98">
        <v>0</v>
      </c>
      <c r="M6304" s="98">
        <v>0</v>
      </c>
      <c r="N6304" s="98">
        <v>0</v>
      </c>
      <c r="O6304" s="98">
        <v>0</v>
      </c>
      <c r="P6304" s="98">
        <v>0</v>
      </c>
      <c r="Q6304" s="98">
        <v>0</v>
      </c>
      <c r="R6304" s="98">
        <v>0</v>
      </c>
      <c r="S6304" s="98">
        <v>0</v>
      </c>
      <c r="T6304" s="98">
        <v>0</v>
      </c>
      <c r="U6304" s="99"/>
      <c r="V6304" s="99"/>
      <c r="W6304" s="99"/>
      <c r="X6304" s="99"/>
      <c r="Y6304" s="99"/>
      <c r="Z6304" s="99"/>
      <c r="AA6304" s="99"/>
      <c r="AB6304" s="99"/>
      <c r="AC6304" s="99"/>
      <c r="AD6304" s="99"/>
      <c r="AE6304" s="99"/>
      <c r="AF6304" s="99"/>
      <c r="AG6304" s="99"/>
      <c r="AH6304" s="99"/>
      <c r="AI6304" s="99"/>
      <c r="AJ6304" s="99"/>
      <c r="AK6304" s="99"/>
      <c r="AL6304" s="99"/>
      <c r="AM6304" s="99"/>
      <c r="AN6304" s="99"/>
      <c r="AO6304" s="99"/>
      <c r="AP6304" s="99"/>
      <c r="AQ6304" s="99"/>
      <c r="AR6304" s="99"/>
      <c r="AS6304" s="99"/>
      <c r="AT6304" s="99"/>
      <c r="AU6304" s="99"/>
      <c r="AV6304" s="99"/>
      <c r="AW6304" s="99"/>
      <c r="AX6304" s="99"/>
      <c r="AY6304" s="99"/>
      <c r="AZ6304" s="99"/>
      <c r="BA6304" s="99"/>
      <c r="BB6304" s="107">
        <v>45884</v>
      </c>
    </row>
    <row r="6305" spans="1:54" s="8" customFormat="1" ht="13.95" customHeight="1" x14ac:dyDescent="0.25">
      <c r="A6305" s="219" t="s">
        <v>14894</v>
      </c>
      <c r="B6305" s="220" t="s">
        <v>14601</v>
      </c>
      <c r="C6305" s="98" t="s">
        <v>14895</v>
      </c>
      <c r="D6305" s="98" t="s">
        <v>14896</v>
      </c>
      <c r="E6305" s="141">
        <v>1986</v>
      </c>
      <c r="F6305" s="141">
        <v>231</v>
      </c>
      <c r="G6305" s="98" t="s">
        <v>1</v>
      </c>
      <c r="H6305" s="98">
        <v>0</v>
      </c>
      <c r="I6305" s="98">
        <v>0</v>
      </c>
      <c r="J6305" s="98">
        <v>1</v>
      </c>
      <c r="K6305" s="98">
        <v>0</v>
      </c>
      <c r="L6305" s="98">
        <v>0</v>
      </c>
      <c r="M6305" s="98">
        <v>0</v>
      </c>
      <c r="N6305" s="98">
        <v>0</v>
      </c>
      <c r="O6305" s="98">
        <v>1</v>
      </c>
      <c r="P6305" s="98">
        <v>0</v>
      </c>
      <c r="Q6305" s="98">
        <v>0</v>
      </c>
      <c r="R6305" s="98">
        <v>0</v>
      </c>
      <c r="S6305" s="98">
        <v>0</v>
      </c>
      <c r="T6305" s="98">
        <v>0</v>
      </c>
      <c r="U6305" s="99"/>
      <c r="V6305" s="99"/>
      <c r="W6305" s="99"/>
      <c r="X6305" s="99"/>
      <c r="Y6305" s="99"/>
      <c r="Z6305" s="99"/>
      <c r="AA6305" s="99"/>
      <c r="AB6305" s="99"/>
      <c r="AC6305" s="99"/>
      <c r="AD6305" s="99"/>
      <c r="AE6305" s="99"/>
      <c r="AF6305" s="99"/>
      <c r="AG6305" s="99"/>
      <c r="AH6305" s="99"/>
      <c r="AI6305" s="99"/>
      <c r="AJ6305" s="99"/>
      <c r="AK6305" s="99"/>
      <c r="AL6305" s="99"/>
      <c r="AM6305" s="99"/>
      <c r="AN6305" s="99"/>
      <c r="AO6305" s="99"/>
      <c r="AP6305" s="99"/>
      <c r="AQ6305" s="99"/>
      <c r="AR6305" s="99"/>
      <c r="AS6305" s="99"/>
      <c r="AT6305" s="99"/>
      <c r="AU6305" s="99"/>
      <c r="AV6305" s="99"/>
      <c r="AW6305" s="99"/>
      <c r="AX6305" s="99"/>
      <c r="AY6305" s="99"/>
      <c r="AZ6305" s="99"/>
      <c r="BA6305" s="99"/>
      <c r="BB6305" s="107">
        <v>45884</v>
      </c>
    </row>
    <row r="6306" spans="1:54" s="8" customFormat="1" ht="13.95" customHeight="1" x14ac:dyDescent="0.25">
      <c r="A6306" s="219" t="s">
        <v>14897</v>
      </c>
      <c r="B6306" s="220" t="s">
        <v>14601</v>
      </c>
      <c r="C6306" s="98" t="s">
        <v>14898</v>
      </c>
      <c r="D6306" s="98" t="s">
        <v>14899</v>
      </c>
      <c r="E6306" s="141">
        <v>1986</v>
      </c>
      <c r="F6306" s="141">
        <v>209</v>
      </c>
      <c r="G6306" s="98" t="s">
        <v>1</v>
      </c>
      <c r="H6306" s="98">
        <v>0</v>
      </c>
      <c r="I6306" s="98">
        <v>0</v>
      </c>
      <c r="J6306" s="98">
        <v>0</v>
      </c>
      <c r="K6306" s="98">
        <v>0</v>
      </c>
      <c r="L6306" s="98">
        <v>0</v>
      </c>
      <c r="M6306" s="98">
        <v>0</v>
      </c>
      <c r="N6306" s="98">
        <v>0</v>
      </c>
      <c r="O6306" s="98">
        <v>0</v>
      </c>
      <c r="P6306" s="98">
        <v>0</v>
      </c>
      <c r="Q6306" s="98">
        <v>0</v>
      </c>
      <c r="R6306" s="98">
        <v>0</v>
      </c>
      <c r="S6306" s="98">
        <v>0</v>
      </c>
      <c r="T6306" s="98">
        <v>0</v>
      </c>
      <c r="U6306" s="99"/>
      <c r="V6306" s="99"/>
      <c r="W6306" s="99"/>
      <c r="X6306" s="99"/>
      <c r="Y6306" s="99"/>
      <c r="Z6306" s="99"/>
      <c r="AA6306" s="99"/>
      <c r="AB6306" s="99"/>
      <c r="AC6306" s="99"/>
      <c r="AD6306" s="99"/>
      <c r="AE6306" s="99"/>
      <c r="AF6306" s="99"/>
      <c r="AG6306" s="99"/>
      <c r="AH6306" s="99"/>
      <c r="AI6306" s="99"/>
      <c r="AJ6306" s="99"/>
      <c r="AK6306" s="99"/>
      <c r="AL6306" s="99"/>
      <c r="AM6306" s="99"/>
      <c r="AN6306" s="99"/>
      <c r="AO6306" s="99"/>
      <c r="AP6306" s="99"/>
      <c r="AQ6306" s="99"/>
      <c r="AR6306" s="99"/>
      <c r="AS6306" s="99"/>
      <c r="AT6306" s="99"/>
      <c r="AU6306" s="99"/>
      <c r="AV6306" s="99"/>
      <c r="AW6306" s="99"/>
      <c r="AX6306" s="99"/>
      <c r="AY6306" s="99"/>
      <c r="AZ6306" s="99"/>
      <c r="BA6306" s="99"/>
      <c r="BB6306" s="107">
        <v>45884</v>
      </c>
    </row>
    <row r="6307" spans="1:54" s="8" customFormat="1" ht="13.95" customHeight="1" x14ac:dyDescent="0.25">
      <c r="A6307" s="219" t="s">
        <v>14900</v>
      </c>
      <c r="B6307" s="220" t="s">
        <v>14601</v>
      </c>
      <c r="C6307" s="98" t="s">
        <v>14901</v>
      </c>
      <c r="D6307" s="98" t="s">
        <v>14902</v>
      </c>
      <c r="E6307" s="141">
        <v>1986</v>
      </c>
      <c r="F6307" s="141">
        <v>280</v>
      </c>
      <c r="G6307" s="98" t="s">
        <v>1</v>
      </c>
      <c r="H6307" s="98">
        <v>0</v>
      </c>
      <c r="I6307" s="98">
        <v>0</v>
      </c>
      <c r="J6307" s="98">
        <v>1</v>
      </c>
      <c r="K6307" s="98">
        <v>0</v>
      </c>
      <c r="L6307" s="98">
        <v>1</v>
      </c>
      <c r="M6307" s="98">
        <v>0</v>
      </c>
      <c r="N6307" s="98">
        <v>0</v>
      </c>
      <c r="O6307" s="98">
        <v>0</v>
      </c>
      <c r="P6307" s="98">
        <v>0</v>
      </c>
      <c r="Q6307" s="98">
        <v>0</v>
      </c>
      <c r="R6307" s="98">
        <v>1</v>
      </c>
      <c r="S6307" s="98">
        <v>0</v>
      </c>
      <c r="T6307" s="98">
        <v>0</v>
      </c>
      <c r="U6307" s="99"/>
      <c r="V6307" s="99"/>
      <c r="W6307" s="99"/>
      <c r="X6307" s="99"/>
      <c r="Y6307" s="99"/>
      <c r="Z6307" s="99"/>
      <c r="AA6307" s="99"/>
      <c r="AB6307" s="99"/>
      <c r="AC6307" s="99"/>
      <c r="AD6307" s="99"/>
      <c r="AE6307" s="99"/>
      <c r="AF6307" s="99"/>
      <c r="AG6307" s="99"/>
      <c r="AH6307" s="99"/>
      <c r="AI6307" s="99"/>
      <c r="AJ6307" s="99"/>
      <c r="AK6307" s="99"/>
      <c r="AL6307" s="99"/>
      <c r="AM6307" s="99"/>
      <c r="AN6307" s="99"/>
      <c r="AO6307" s="99"/>
      <c r="AP6307" s="99"/>
      <c r="AQ6307" s="99"/>
      <c r="AR6307" s="99"/>
      <c r="AS6307" s="99"/>
      <c r="AT6307" s="99"/>
      <c r="AU6307" s="99"/>
      <c r="AV6307" s="99"/>
      <c r="AW6307" s="99"/>
      <c r="AX6307" s="99"/>
      <c r="AY6307" s="99"/>
      <c r="AZ6307" s="99"/>
      <c r="BA6307" s="99"/>
      <c r="BB6307" s="107">
        <v>45884</v>
      </c>
    </row>
    <row r="6308" spans="1:54" s="8" customFormat="1" ht="13.95" customHeight="1" x14ac:dyDescent="0.25">
      <c r="A6308" s="219" t="s">
        <v>14903</v>
      </c>
      <c r="B6308" s="220" t="s">
        <v>14601</v>
      </c>
      <c r="C6308" s="98" t="s">
        <v>14904</v>
      </c>
      <c r="D6308" s="98" t="s">
        <v>14905</v>
      </c>
      <c r="E6308" s="141">
        <v>1986</v>
      </c>
      <c r="F6308" s="141">
        <v>378</v>
      </c>
      <c r="G6308" s="98" t="s">
        <v>1</v>
      </c>
      <c r="H6308" s="98">
        <v>0</v>
      </c>
      <c r="I6308" s="98">
        <v>0</v>
      </c>
      <c r="J6308" s="98">
        <v>0</v>
      </c>
      <c r="K6308" s="98">
        <v>0</v>
      </c>
      <c r="L6308" s="98">
        <v>0</v>
      </c>
      <c r="M6308" s="98">
        <v>0</v>
      </c>
      <c r="N6308" s="98">
        <v>0</v>
      </c>
      <c r="O6308" s="98">
        <v>0</v>
      </c>
      <c r="P6308" s="98">
        <v>0</v>
      </c>
      <c r="Q6308" s="98">
        <v>0</v>
      </c>
      <c r="R6308" s="98">
        <v>0</v>
      </c>
      <c r="S6308" s="98">
        <v>0</v>
      </c>
      <c r="T6308" s="98">
        <v>0</v>
      </c>
      <c r="U6308" s="99"/>
      <c r="V6308" s="99"/>
      <c r="W6308" s="99"/>
      <c r="X6308" s="99"/>
      <c r="Y6308" s="99"/>
      <c r="Z6308" s="99"/>
      <c r="AA6308" s="99"/>
      <c r="AB6308" s="99"/>
      <c r="AC6308" s="99"/>
      <c r="AD6308" s="99"/>
      <c r="AE6308" s="99"/>
      <c r="AF6308" s="99"/>
      <c r="AG6308" s="99"/>
      <c r="AH6308" s="99"/>
      <c r="AI6308" s="99"/>
      <c r="AJ6308" s="99"/>
      <c r="AK6308" s="99"/>
      <c r="AL6308" s="99"/>
      <c r="AM6308" s="99"/>
      <c r="AN6308" s="99"/>
      <c r="AO6308" s="99"/>
      <c r="AP6308" s="99"/>
      <c r="AQ6308" s="99"/>
      <c r="AR6308" s="99"/>
      <c r="AS6308" s="99"/>
      <c r="AT6308" s="99"/>
      <c r="AU6308" s="99"/>
      <c r="AV6308" s="99"/>
      <c r="AW6308" s="99"/>
      <c r="AX6308" s="99"/>
      <c r="AY6308" s="99"/>
      <c r="AZ6308" s="99"/>
      <c r="BA6308" s="99"/>
      <c r="BB6308" s="107">
        <v>45884</v>
      </c>
    </row>
    <row r="6309" spans="1:54" s="8" customFormat="1" ht="13.95" customHeight="1" x14ac:dyDescent="0.25">
      <c r="A6309" s="219" t="s">
        <v>14906</v>
      </c>
      <c r="B6309" s="220" t="s">
        <v>14601</v>
      </c>
      <c r="C6309" s="98" t="s">
        <v>14907</v>
      </c>
      <c r="D6309" s="98" t="s">
        <v>14908</v>
      </c>
      <c r="E6309" s="141">
        <v>1986</v>
      </c>
      <c r="F6309" s="141">
        <v>483</v>
      </c>
      <c r="G6309" s="98" t="s">
        <v>1</v>
      </c>
      <c r="H6309" s="98">
        <v>0</v>
      </c>
      <c r="I6309" s="98">
        <v>0</v>
      </c>
      <c r="J6309" s="98">
        <v>0</v>
      </c>
      <c r="K6309" s="98">
        <v>0</v>
      </c>
      <c r="L6309" s="98">
        <v>1</v>
      </c>
      <c r="M6309" s="98">
        <v>0</v>
      </c>
      <c r="N6309" s="98">
        <v>0</v>
      </c>
      <c r="O6309" s="98">
        <v>0</v>
      </c>
      <c r="P6309" s="98">
        <v>1</v>
      </c>
      <c r="Q6309" s="98">
        <v>0</v>
      </c>
      <c r="R6309" s="98">
        <v>1</v>
      </c>
      <c r="S6309" s="98">
        <v>0</v>
      </c>
      <c r="T6309" s="98">
        <v>0</v>
      </c>
      <c r="U6309" s="99"/>
      <c r="V6309" s="99"/>
      <c r="W6309" s="99"/>
      <c r="X6309" s="99"/>
      <c r="Y6309" s="99"/>
      <c r="Z6309" s="99"/>
      <c r="AA6309" s="99"/>
      <c r="AB6309" s="99"/>
      <c r="AC6309" s="99"/>
      <c r="AD6309" s="99"/>
      <c r="AE6309" s="99"/>
      <c r="AF6309" s="99"/>
      <c r="AG6309" s="99"/>
      <c r="AH6309" s="99"/>
      <c r="AI6309" s="99"/>
      <c r="AJ6309" s="99"/>
      <c r="AK6309" s="99"/>
      <c r="AL6309" s="99"/>
      <c r="AM6309" s="99"/>
      <c r="AN6309" s="99"/>
      <c r="AO6309" s="99"/>
      <c r="AP6309" s="99"/>
      <c r="AQ6309" s="99"/>
      <c r="AR6309" s="99"/>
      <c r="AS6309" s="99"/>
      <c r="AT6309" s="99"/>
      <c r="AU6309" s="99"/>
      <c r="AV6309" s="99"/>
      <c r="AW6309" s="99"/>
      <c r="AX6309" s="99"/>
      <c r="AY6309" s="99"/>
      <c r="AZ6309" s="99"/>
      <c r="BA6309" s="98" t="s">
        <v>14909</v>
      </c>
      <c r="BB6309" s="107">
        <v>45884</v>
      </c>
    </row>
    <row r="6310" spans="1:54" s="8" customFormat="1" ht="13.95" customHeight="1" x14ac:dyDescent="0.25">
      <c r="A6310" s="219" t="s">
        <v>14910</v>
      </c>
      <c r="B6310" s="220" t="s">
        <v>14601</v>
      </c>
      <c r="C6310" s="98" t="s">
        <v>14911</v>
      </c>
      <c r="D6310" s="98" t="s">
        <v>14912</v>
      </c>
      <c r="E6310" s="141">
        <v>1987</v>
      </c>
      <c r="F6310" s="141">
        <v>3534</v>
      </c>
      <c r="G6310" s="98" t="s">
        <v>1</v>
      </c>
      <c r="H6310" s="98">
        <v>0</v>
      </c>
      <c r="I6310" s="98">
        <v>0</v>
      </c>
      <c r="J6310" s="98">
        <v>1</v>
      </c>
      <c r="K6310" s="98">
        <v>0</v>
      </c>
      <c r="L6310" s="98">
        <v>1</v>
      </c>
      <c r="M6310" s="98">
        <v>0</v>
      </c>
      <c r="N6310" s="98">
        <v>0</v>
      </c>
      <c r="O6310" s="98">
        <v>1</v>
      </c>
      <c r="P6310" s="98">
        <v>1</v>
      </c>
      <c r="Q6310" s="98">
        <v>0</v>
      </c>
      <c r="R6310" s="98">
        <v>1</v>
      </c>
      <c r="S6310" s="98">
        <v>0</v>
      </c>
      <c r="T6310" s="98">
        <v>0</v>
      </c>
      <c r="U6310" s="99"/>
      <c r="V6310" s="99"/>
      <c r="W6310" s="99"/>
      <c r="X6310" s="99"/>
      <c r="Y6310" s="99"/>
      <c r="Z6310" s="99"/>
      <c r="AA6310" s="99"/>
      <c r="AB6310" s="99"/>
      <c r="AC6310" s="99"/>
      <c r="AD6310" s="99"/>
      <c r="AE6310" s="99"/>
      <c r="AF6310" s="99"/>
      <c r="AG6310" s="99"/>
      <c r="AH6310" s="99"/>
      <c r="AI6310" s="99"/>
      <c r="AJ6310" s="99"/>
      <c r="AK6310" s="99"/>
      <c r="AL6310" s="99"/>
      <c r="AM6310" s="99"/>
      <c r="AN6310" s="99"/>
      <c r="AO6310" s="99"/>
      <c r="AP6310" s="99"/>
      <c r="AQ6310" s="99"/>
      <c r="AR6310" s="99"/>
      <c r="AS6310" s="99"/>
      <c r="AT6310" s="99"/>
      <c r="AU6310" s="99"/>
      <c r="AV6310" s="99"/>
      <c r="AW6310" s="99"/>
      <c r="AX6310" s="99"/>
      <c r="AY6310" s="99"/>
      <c r="AZ6310" s="99"/>
      <c r="BA6310" s="99"/>
      <c r="BB6310" s="107">
        <v>45884</v>
      </c>
    </row>
    <row r="6311" spans="1:54" s="8" customFormat="1" ht="13.95" customHeight="1" x14ac:dyDescent="0.25">
      <c r="A6311" s="219" t="s">
        <v>14913</v>
      </c>
      <c r="B6311" s="220" t="s">
        <v>14601</v>
      </c>
      <c r="C6311" s="98" t="s">
        <v>14914</v>
      </c>
      <c r="D6311" s="98" t="s">
        <v>14915</v>
      </c>
      <c r="E6311" s="141">
        <v>1987</v>
      </c>
      <c r="F6311" s="141">
        <v>401</v>
      </c>
      <c r="G6311" s="98" t="s">
        <v>1</v>
      </c>
      <c r="H6311" s="98">
        <v>0</v>
      </c>
      <c r="I6311" s="98">
        <v>0</v>
      </c>
      <c r="J6311" s="98">
        <v>0</v>
      </c>
      <c r="K6311" s="98">
        <v>0</v>
      </c>
      <c r="L6311" s="98">
        <v>0</v>
      </c>
      <c r="M6311" s="98">
        <v>0</v>
      </c>
      <c r="N6311" s="98">
        <v>1</v>
      </c>
      <c r="O6311" s="98">
        <v>0</v>
      </c>
      <c r="P6311" s="98">
        <v>0</v>
      </c>
      <c r="Q6311" s="98">
        <v>0</v>
      </c>
      <c r="R6311" s="98">
        <v>0</v>
      </c>
      <c r="S6311" s="98">
        <v>0</v>
      </c>
      <c r="T6311" s="98">
        <v>0</v>
      </c>
      <c r="U6311" s="99"/>
      <c r="V6311" s="99"/>
      <c r="W6311" s="99"/>
      <c r="X6311" s="99"/>
      <c r="Y6311" s="99"/>
      <c r="Z6311" s="99"/>
      <c r="AA6311" s="99"/>
      <c r="AB6311" s="99"/>
      <c r="AC6311" s="99"/>
      <c r="AD6311" s="99"/>
      <c r="AE6311" s="99"/>
      <c r="AF6311" s="99"/>
      <c r="AG6311" s="99"/>
      <c r="AH6311" s="99"/>
      <c r="AI6311" s="99"/>
      <c r="AJ6311" s="99"/>
      <c r="AK6311" s="99"/>
      <c r="AL6311" s="99"/>
      <c r="AM6311" s="99"/>
      <c r="AN6311" s="99"/>
      <c r="AO6311" s="99"/>
      <c r="AP6311" s="99"/>
      <c r="AQ6311" s="99"/>
      <c r="AR6311" s="99"/>
      <c r="AS6311" s="99"/>
      <c r="AT6311" s="99"/>
      <c r="AU6311" s="99"/>
      <c r="AV6311" s="99"/>
      <c r="AW6311" s="99"/>
      <c r="AX6311" s="99"/>
      <c r="AY6311" s="99"/>
      <c r="AZ6311" s="99"/>
      <c r="BA6311" s="99"/>
      <c r="BB6311" s="107">
        <v>45884</v>
      </c>
    </row>
    <row r="6312" spans="1:54" s="8" customFormat="1" ht="13.95" customHeight="1" x14ac:dyDescent="0.25">
      <c r="A6312" s="219" t="s">
        <v>14916</v>
      </c>
      <c r="B6312" s="220" t="s">
        <v>14601</v>
      </c>
      <c r="C6312" s="98" t="s">
        <v>14917</v>
      </c>
      <c r="D6312" s="98" t="s">
        <v>14918</v>
      </c>
      <c r="E6312" s="141">
        <v>1988</v>
      </c>
      <c r="F6312" s="222">
        <v>404</v>
      </c>
      <c r="G6312" s="98" t="s">
        <v>1</v>
      </c>
      <c r="H6312" s="98">
        <v>0</v>
      </c>
      <c r="I6312" s="98">
        <v>0</v>
      </c>
      <c r="J6312" s="98">
        <v>1</v>
      </c>
      <c r="K6312" s="98">
        <v>0</v>
      </c>
      <c r="L6312" s="98">
        <v>1</v>
      </c>
      <c r="M6312" s="98">
        <v>1</v>
      </c>
      <c r="N6312" s="98">
        <v>0</v>
      </c>
      <c r="O6312" s="98">
        <v>0</v>
      </c>
      <c r="P6312" s="98">
        <v>1</v>
      </c>
      <c r="Q6312" s="98">
        <v>0</v>
      </c>
      <c r="R6312" s="98">
        <v>0</v>
      </c>
      <c r="S6312" s="98">
        <v>0</v>
      </c>
      <c r="T6312" s="98">
        <v>0</v>
      </c>
      <c r="U6312" s="99"/>
      <c r="V6312" s="99"/>
      <c r="W6312" s="99"/>
      <c r="X6312" s="99"/>
      <c r="Y6312" s="99"/>
      <c r="Z6312" s="99"/>
      <c r="AA6312" s="99"/>
      <c r="AB6312" s="99"/>
      <c r="AC6312" s="99"/>
      <c r="AD6312" s="99"/>
      <c r="AE6312" s="99"/>
      <c r="AF6312" s="99"/>
      <c r="AG6312" s="99"/>
      <c r="AH6312" s="99"/>
      <c r="AI6312" s="99"/>
      <c r="AJ6312" s="99"/>
      <c r="AK6312" s="99"/>
      <c r="AL6312" s="99"/>
      <c r="AM6312" s="99"/>
      <c r="AN6312" s="99"/>
      <c r="AO6312" s="99"/>
      <c r="AP6312" s="99"/>
      <c r="AQ6312" s="99"/>
      <c r="AR6312" s="99"/>
      <c r="AS6312" s="99"/>
      <c r="AT6312" s="99"/>
      <c r="AU6312" s="99"/>
      <c r="AV6312" s="99"/>
      <c r="AW6312" s="99"/>
      <c r="AX6312" s="99"/>
      <c r="AY6312" s="99"/>
      <c r="AZ6312" s="99"/>
      <c r="BA6312" s="99"/>
      <c r="BB6312" s="107">
        <v>45884</v>
      </c>
    </row>
    <row r="6313" spans="1:54" s="8" customFormat="1" ht="13.95" customHeight="1" x14ac:dyDescent="0.25">
      <c r="A6313" s="219" t="s">
        <v>14919</v>
      </c>
      <c r="B6313" s="220" t="s">
        <v>14601</v>
      </c>
      <c r="C6313" s="98" t="s">
        <v>14920</v>
      </c>
      <c r="D6313" s="98" t="s">
        <v>14921</v>
      </c>
      <c r="E6313" s="141">
        <v>1988</v>
      </c>
      <c r="F6313" s="141">
        <v>223</v>
      </c>
      <c r="G6313" s="98" t="s">
        <v>1</v>
      </c>
      <c r="H6313" s="98">
        <v>0</v>
      </c>
      <c r="I6313" s="98">
        <v>0</v>
      </c>
      <c r="J6313" s="98">
        <v>0</v>
      </c>
      <c r="K6313" s="98">
        <v>0</v>
      </c>
      <c r="L6313" s="98">
        <v>0</v>
      </c>
      <c r="M6313" s="98">
        <v>1</v>
      </c>
      <c r="N6313" s="98">
        <v>0</v>
      </c>
      <c r="O6313" s="98">
        <v>0</v>
      </c>
      <c r="P6313" s="98">
        <v>0</v>
      </c>
      <c r="Q6313" s="98">
        <v>0</v>
      </c>
      <c r="R6313" s="98">
        <v>1</v>
      </c>
      <c r="S6313" s="98">
        <v>0</v>
      </c>
      <c r="T6313" s="98">
        <v>0</v>
      </c>
      <c r="U6313" s="99"/>
      <c r="V6313" s="99"/>
      <c r="W6313" s="99"/>
      <c r="X6313" s="99"/>
      <c r="Y6313" s="99"/>
      <c r="Z6313" s="99"/>
      <c r="AA6313" s="99"/>
      <c r="AB6313" s="99"/>
      <c r="AC6313" s="99"/>
      <c r="AD6313" s="99"/>
      <c r="AE6313" s="99"/>
      <c r="AF6313" s="99"/>
      <c r="AG6313" s="99"/>
      <c r="AH6313" s="99"/>
      <c r="AI6313" s="99"/>
      <c r="AJ6313" s="99"/>
      <c r="AK6313" s="99"/>
      <c r="AL6313" s="99"/>
      <c r="AM6313" s="99"/>
      <c r="AN6313" s="99"/>
      <c r="AO6313" s="99"/>
      <c r="AP6313" s="99"/>
      <c r="AQ6313" s="99"/>
      <c r="AR6313" s="99"/>
      <c r="AS6313" s="99"/>
      <c r="AT6313" s="99"/>
      <c r="AU6313" s="99"/>
      <c r="AV6313" s="99"/>
      <c r="AW6313" s="99"/>
      <c r="AX6313" s="99"/>
      <c r="AY6313" s="99"/>
      <c r="AZ6313" s="99"/>
      <c r="BA6313" s="99"/>
      <c r="BB6313" s="107">
        <v>45884</v>
      </c>
    </row>
    <row r="6314" spans="1:54" s="8" customFormat="1" ht="13.95" customHeight="1" x14ac:dyDescent="0.25">
      <c r="A6314" s="219" t="s">
        <v>14922</v>
      </c>
      <c r="B6314" s="220" t="s">
        <v>14601</v>
      </c>
      <c r="C6314" s="98" t="s">
        <v>14923</v>
      </c>
      <c r="D6314" s="98" t="s">
        <v>14924</v>
      </c>
      <c r="E6314" s="141">
        <v>1989</v>
      </c>
      <c r="F6314" s="141">
        <v>1692</v>
      </c>
      <c r="G6314" s="98" t="s">
        <v>1</v>
      </c>
      <c r="H6314" s="98">
        <v>0</v>
      </c>
      <c r="I6314" s="98">
        <v>0</v>
      </c>
      <c r="J6314" s="98">
        <v>0</v>
      </c>
      <c r="K6314" s="98">
        <v>0</v>
      </c>
      <c r="L6314" s="98">
        <v>0</v>
      </c>
      <c r="M6314" s="98">
        <v>0</v>
      </c>
      <c r="N6314" s="98">
        <v>0</v>
      </c>
      <c r="O6314" s="98">
        <v>1</v>
      </c>
      <c r="P6314" s="98">
        <v>0</v>
      </c>
      <c r="Q6314" s="98">
        <v>0</v>
      </c>
      <c r="R6314" s="98">
        <v>1</v>
      </c>
      <c r="S6314" s="98">
        <v>0</v>
      </c>
      <c r="T6314" s="98">
        <v>0</v>
      </c>
      <c r="U6314" s="99"/>
      <c r="V6314" s="99"/>
      <c r="W6314" s="99"/>
      <c r="X6314" s="99"/>
      <c r="Y6314" s="99"/>
      <c r="Z6314" s="99"/>
      <c r="AA6314" s="99"/>
      <c r="AB6314" s="99"/>
      <c r="AC6314" s="99"/>
      <c r="AD6314" s="99"/>
      <c r="AE6314" s="99"/>
      <c r="AF6314" s="99"/>
      <c r="AG6314" s="99"/>
      <c r="AH6314" s="99"/>
      <c r="AI6314" s="99"/>
      <c r="AJ6314" s="99"/>
      <c r="AK6314" s="99"/>
      <c r="AL6314" s="99"/>
      <c r="AM6314" s="99"/>
      <c r="AN6314" s="99"/>
      <c r="AO6314" s="99"/>
      <c r="AP6314" s="99"/>
      <c r="AQ6314" s="99"/>
      <c r="AR6314" s="99"/>
      <c r="AS6314" s="99"/>
      <c r="AT6314" s="99"/>
      <c r="AU6314" s="99"/>
      <c r="AV6314" s="99"/>
      <c r="AW6314" s="99"/>
      <c r="AX6314" s="99"/>
      <c r="AY6314" s="99"/>
      <c r="AZ6314" s="99"/>
      <c r="BA6314" s="99"/>
      <c r="BB6314" s="107">
        <v>45884</v>
      </c>
    </row>
    <row r="6315" spans="1:54" s="8" customFormat="1" ht="13.95" customHeight="1" x14ac:dyDescent="0.25">
      <c r="A6315" s="219" t="s">
        <v>14925</v>
      </c>
      <c r="B6315" s="220" t="s">
        <v>14601</v>
      </c>
      <c r="C6315" s="98" t="s">
        <v>14926</v>
      </c>
      <c r="D6315" s="98" t="s">
        <v>14927</v>
      </c>
      <c r="E6315" s="141">
        <v>1989</v>
      </c>
      <c r="F6315" s="141">
        <v>1856</v>
      </c>
      <c r="G6315" s="98" t="s">
        <v>1</v>
      </c>
      <c r="H6315" s="98">
        <v>0</v>
      </c>
      <c r="I6315" s="98">
        <v>0</v>
      </c>
      <c r="J6315" s="98">
        <v>1</v>
      </c>
      <c r="K6315" s="98">
        <v>1</v>
      </c>
      <c r="L6315" s="98">
        <v>1</v>
      </c>
      <c r="M6315" s="98">
        <v>1</v>
      </c>
      <c r="N6315" s="98">
        <v>0</v>
      </c>
      <c r="O6315" s="98">
        <v>0</v>
      </c>
      <c r="P6315" s="98">
        <v>0</v>
      </c>
      <c r="Q6315" s="98">
        <v>0</v>
      </c>
      <c r="R6315" s="98">
        <v>0</v>
      </c>
      <c r="S6315" s="98">
        <v>0</v>
      </c>
      <c r="T6315" s="98">
        <v>1</v>
      </c>
      <c r="U6315" s="99"/>
      <c r="V6315" s="99"/>
      <c r="W6315" s="99"/>
      <c r="X6315" s="99"/>
      <c r="Y6315" s="99"/>
      <c r="Z6315" s="99"/>
      <c r="AA6315" s="99"/>
      <c r="AB6315" s="99"/>
      <c r="AC6315" s="99"/>
      <c r="AD6315" s="99"/>
      <c r="AE6315" s="99"/>
      <c r="AF6315" s="99"/>
      <c r="AG6315" s="99"/>
      <c r="AH6315" s="99"/>
      <c r="AI6315" s="99"/>
      <c r="AJ6315" s="99"/>
      <c r="AK6315" s="99"/>
      <c r="AL6315" s="99"/>
      <c r="AM6315" s="99"/>
      <c r="AN6315" s="99"/>
      <c r="AO6315" s="99"/>
      <c r="AP6315" s="99"/>
      <c r="AQ6315" s="99"/>
      <c r="AR6315" s="99"/>
      <c r="AS6315" s="99"/>
      <c r="AT6315" s="99"/>
      <c r="AU6315" s="99"/>
      <c r="AV6315" s="99"/>
      <c r="AW6315" s="99"/>
      <c r="AX6315" s="99"/>
      <c r="AY6315" s="99"/>
      <c r="AZ6315" s="99"/>
      <c r="BA6315" s="98" t="s">
        <v>9271</v>
      </c>
      <c r="BB6315" s="107">
        <v>45884</v>
      </c>
    </row>
    <row r="6316" spans="1:54" s="8" customFormat="1" ht="13.95" customHeight="1" x14ac:dyDescent="0.25">
      <c r="A6316" s="219" t="s">
        <v>14928</v>
      </c>
      <c r="B6316" s="220" t="s">
        <v>14601</v>
      </c>
      <c r="C6316" s="98" t="s">
        <v>14929</v>
      </c>
      <c r="D6316" s="98" t="s">
        <v>14930</v>
      </c>
      <c r="E6316" s="141">
        <v>1989</v>
      </c>
      <c r="F6316" s="141">
        <v>22036</v>
      </c>
      <c r="G6316" s="98" t="s">
        <v>1</v>
      </c>
      <c r="H6316" s="98">
        <v>0</v>
      </c>
      <c r="I6316" s="98">
        <v>0</v>
      </c>
      <c r="J6316" s="98">
        <v>1</v>
      </c>
      <c r="K6316" s="98">
        <v>0</v>
      </c>
      <c r="L6316" s="98">
        <v>0</v>
      </c>
      <c r="M6316" s="98">
        <v>0</v>
      </c>
      <c r="N6316" s="98">
        <v>0</v>
      </c>
      <c r="O6316" s="98">
        <v>0</v>
      </c>
      <c r="P6316" s="98">
        <v>0</v>
      </c>
      <c r="Q6316" s="98">
        <v>0</v>
      </c>
      <c r="R6316" s="98">
        <v>0</v>
      </c>
      <c r="S6316" s="98">
        <v>0</v>
      </c>
      <c r="T6316" s="98">
        <v>0</v>
      </c>
      <c r="U6316" s="99"/>
      <c r="V6316" s="99"/>
      <c r="W6316" s="99"/>
      <c r="X6316" s="99"/>
      <c r="Y6316" s="99"/>
      <c r="Z6316" s="99"/>
      <c r="AA6316" s="99"/>
      <c r="AB6316" s="99"/>
      <c r="AC6316" s="99"/>
      <c r="AD6316" s="99"/>
      <c r="AE6316" s="99"/>
      <c r="AF6316" s="99"/>
      <c r="AG6316" s="99"/>
      <c r="AH6316" s="99"/>
      <c r="AI6316" s="99"/>
      <c r="AJ6316" s="99"/>
      <c r="AK6316" s="99"/>
      <c r="AL6316" s="99"/>
      <c r="AM6316" s="99"/>
      <c r="AN6316" s="99"/>
      <c r="AO6316" s="99"/>
      <c r="AP6316" s="99"/>
      <c r="AQ6316" s="99"/>
      <c r="AR6316" s="99"/>
      <c r="AS6316" s="99"/>
      <c r="AT6316" s="99"/>
      <c r="AU6316" s="99"/>
      <c r="AV6316" s="99"/>
      <c r="AW6316" s="99"/>
      <c r="AX6316" s="99"/>
      <c r="AY6316" s="99"/>
      <c r="AZ6316" s="99"/>
      <c r="BA6316" s="98"/>
      <c r="BB6316" s="107">
        <v>45884</v>
      </c>
    </row>
    <row r="6317" spans="1:54" s="8" customFormat="1" ht="13.95" customHeight="1" x14ac:dyDescent="0.25">
      <c r="A6317" s="219" t="s">
        <v>14931</v>
      </c>
      <c r="B6317" s="220" t="s">
        <v>14601</v>
      </c>
      <c r="C6317" s="98" t="s">
        <v>14932</v>
      </c>
      <c r="D6317" s="98" t="s">
        <v>14933</v>
      </c>
      <c r="E6317" s="141">
        <v>1990</v>
      </c>
      <c r="F6317" s="141">
        <v>349</v>
      </c>
      <c r="G6317" s="98" t="s">
        <v>1</v>
      </c>
      <c r="H6317" s="98">
        <v>0</v>
      </c>
      <c r="I6317" s="98">
        <v>0</v>
      </c>
      <c r="J6317" s="98">
        <v>1</v>
      </c>
      <c r="K6317" s="98">
        <v>1</v>
      </c>
      <c r="L6317" s="98">
        <v>0</v>
      </c>
      <c r="M6317" s="98">
        <v>0</v>
      </c>
      <c r="N6317" s="98">
        <v>1</v>
      </c>
      <c r="O6317" s="98">
        <v>0</v>
      </c>
      <c r="P6317" s="98">
        <v>0</v>
      </c>
      <c r="Q6317" s="98">
        <v>0</v>
      </c>
      <c r="R6317" s="98">
        <v>0</v>
      </c>
      <c r="S6317" s="98">
        <v>0</v>
      </c>
      <c r="T6317" s="98">
        <v>0</v>
      </c>
      <c r="U6317" s="99"/>
      <c r="V6317" s="99"/>
      <c r="W6317" s="99"/>
      <c r="X6317" s="99"/>
      <c r="Y6317" s="99"/>
      <c r="Z6317" s="99"/>
      <c r="AA6317" s="99"/>
      <c r="AB6317" s="99"/>
      <c r="AC6317" s="99"/>
      <c r="AD6317" s="99"/>
      <c r="AE6317" s="99"/>
      <c r="AF6317" s="99"/>
      <c r="AG6317" s="99"/>
      <c r="AH6317" s="99"/>
      <c r="AI6317" s="99"/>
      <c r="AJ6317" s="99"/>
      <c r="AK6317" s="99"/>
      <c r="AL6317" s="99"/>
      <c r="AM6317" s="99"/>
      <c r="AN6317" s="99"/>
      <c r="AO6317" s="99"/>
      <c r="AP6317" s="99"/>
      <c r="AQ6317" s="99"/>
      <c r="AR6317" s="99"/>
      <c r="AS6317" s="99"/>
      <c r="AT6317" s="99"/>
      <c r="AU6317" s="99"/>
      <c r="AV6317" s="99"/>
      <c r="AW6317" s="99"/>
      <c r="AX6317" s="99"/>
      <c r="AY6317" s="99"/>
      <c r="AZ6317" s="99"/>
      <c r="BA6317" s="99"/>
      <c r="BB6317" s="107">
        <v>45884</v>
      </c>
    </row>
    <row r="6318" spans="1:54" s="8" customFormat="1" ht="13.95" customHeight="1" x14ac:dyDescent="0.25">
      <c r="A6318" s="219" t="s">
        <v>14934</v>
      </c>
      <c r="B6318" s="220" t="s">
        <v>14601</v>
      </c>
      <c r="C6318" s="98" t="s">
        <v>14935</v>
      </c>
      <c r="D6318" s="98" t="s">
        <v>14936</v>
      </c>
      <c r="E6318" s="141">
        <v>1990</v>
      </c>
      <c r="F6318" s="141">
        <v>418</v>
      </c>
      <c r="G6318" s="98" t="s">
        <v>1</v>
      </c>
      <c r="H6318" s="98">
        <v>0</v>
      </c>
      <c r="I6318" s="98">
        <v>0</v>
      </c>
      <c r="J6318" s="98">
        <v>0</v>
      </c>
      <c r="K6318" s="98">
        <v>0</v>
      </c>
      <c r="L6318" s="98">
        <v>0</v>
      </c>
      <c r="M6318" s="98">
        <v>1</v>
      </c>
      <c r="N6318" s="98">
        <v>0</v>
      </c>
      <c r="O6318" s="98">
        <v>0</v>
      </c>
      <c r="P6318" s="98">
        <v>0</v>
      </c>
      <c r="Q6318" s="98">
        <v>0</v>
      </c>
      <c r="R6318" s="98">
        <v>0</v>
      </c>
      <c r="S6318" s="98">
        <v>0</v>
      </c>
      <c r="T6318" s="98">
        <v>0</v>
      </c>
      <c r="U6318" s="99"/>
      <c r="V6318" s="99"/>
      <c r="W6318" s="99"/>
      <c r="X6318" s="99"/>
      <c r="Y6318" s="99"/>
      <c r="Z6318" s="99"/>
      <c r="AA6318" s="99"/>
      <c r="AB6318" s="99"/>
      <c r="AC6318" s="99"/>
      <c r="AD6318" s="99"/>
      <c r="AE6318" s="99"/>
      <c r="AF6318" s="99"/>
      <c r="AG6318" s="99"/>
      <c r="AH6318" s="99"/>
      <c r="AI6318" s="99"/>
      <c r="AJ6318" s="99"/>
      <c r="AK6318" s="99"/>
      <c r="AL6318" s="99"/>
      <c r="AM6318" s="99"/>
      <c r="AN6318" s="99"/>
      <c r="AO6318" s="99"/>
      <c r="AP6318" s="99"/>
      <c r="AQ6318" s="99"/>
      <c r="AR6318" s="99"/>
      <c r="AS6318" s="99"/>
      <c r="AT6318" s="99"/>
      <c r="AU6318" s="99"/>
      <c r="AV6318" s="99"/>
      <c r="AW6318" s="99"/>
      <c r="AX6318" s="99"/>
      <c r="AY6318" s="99"/>
      <c r="AZ6318" s="99"/>
      <c r="BA6318" s="98" t="s">
        <v>14937</v>
      </c>
      <c r="BB6318" s="107">
        <v>45884</v>
      </c>
    </row>
    <row r="6319" spans="1:54" s="8" customFormat="1" ht="13.95" customHeight="1" x14ac:dyDescent="0.25">
      <c r="A6319" s="219" t="s">
        <v>14938</v>
      </c>
      <c r="B6319" s="220" t="s">
        <v>14601</v>
      </c>
      <c r="C6319" s="98" t="s">
        <v>14939</v>
      </c>
      <c r="D6319" s="98" t="s">
        <v>14940</v>
      </c>
      <c r="E6319" s="141">
        <v>1990</v>
      </c>
      <c r="F6319" s="141">
        <v>238</v>
      </c>
      <c r="G6319" s="98" t="s">
        <v>1</v>
      </c>
      <c r="H6319" s="98">
        <v>0</v>
      </c>
      <c r="I6319" s="98">
        <v>0</v>
      </c>
      <c r="J6319" s="98">
        <v>0</v>
      </c>
      <c r="K6319" s="98">
        <v>0</v>
      </c>
      <c r="L6319" s="98">
        <v>1</v>
      </c>
      <c r="M6319" s="98">
        <v>0</v>
      </c>
      <c r="N6319" s="98">
        <v>0</v>
      </c>
      <c r="O6319" s="98">
        <v>1</v>
      </c>
      <c r="P6319" s="98">
        <v>1</v>
      </c>
      <c r="Q6319" s="98">
        <v>0</v>
      </c>
      <c r="R6319" s="98">
        <v>0</v>
      </c>
      <c r="S6319" s="98">
        <v>0</v>
      </c>
      <c r="T6319" s="98">
        <v>0</v>
      </c>
      <c r="U6319" s="99"/>
      <c r="V6319" s="99"/>
      <c r="W6319" s="99"/>
      <c r="X6319" s="99"/>
      <c r="Y6319" s="99"/>
      <c r="Z6319" s="99"/>
      <c r="AA6319" s="99"/>
      <c r="AB6319" s="99"/>
      <c r="AC6319" s="99"/>
      <c r="AD6319" s="99"/>
      <c r="AE6319" s="99"/>
      <c r="AF6319" s="99"/>
      <c r="AG6319" s="99"/>
      <c r="AH6319" s="99"/>
      <c r="AI6319" s="99"/>
      <c r="AJ6319" s="99"/>
      <c r="AK6319" s="99"/>
      <c r="AL6319" s="99"/>
      <c r="AM6319" s="99"/>
      <c r="AN6319" s="99"/>
      <c r="AO6319" s="99"/>
      <c r="AP6319" s="99"/>
      <c r="AQ6319" s="99"/>
      <c r="AR6319" s="99"/>
      <c r="AS6319" s="99"/>
      <c r="AT6319" s="99"/>
      <c r="AU6319" s="99"/>
      <c r="AV6319" s="99"/>
      <c r="AW6319" s="99"/>
      <c r="AX6319" s="99"/>
      <c r="AY6319" s="99"/>
      <c r="AZ6319" s="99"/>
      <c r="BA6319" s="99"/>
      <c r="BB6319" s="107">
        <v>45884</v>
      </c>
    </row>
    <row r="6320" spans="1:54" s="8" customFormat="1" ht="13.95" customHeight="1" x14ac:dyDescent="0.25">
      <c r="A6320" s="219" t="s">
        <v>14941</v>
      </c>
      <c r="B6320" s="220" t="s">
        <v>14601</v>
      </c>
      <c r="C6320" s="98" t="s">
        <v>14942</v>
      </c>
      <c r="D6320" s="98" t="s">
        <v>14943</v>
      </c>
      <c r="E6320" s="141">
        <v>1990</v>
      </c>
      <c r="F6320" s="141">
        <v>516</v>
      </c>
      <c r="G6320" s="98" t="s">
        <v>1</v>
      </c>
      <c r="H6320" s="98">
        <v>0</v>
      </c>
      <c r="I6320" s="98">
        <v>0</v>
      </c>
      <c r="J6320" s="98">
        <v>1</v>
      </c>
      <c r="K6320" s="98">
        <v>1</v>
      </c>
      <c r="L6320" s="98">
        <v>0</v>
      </c>
      <c r="M6320" s="98">
        <v>1</v>
      </c>
      <c r="N6320" s="98">
        <v>1</v>
      </c>
      <c r="O6320" s="98">
        <v>0</v>
      </c>
      <c r="P6320" s="98">
        <v>0</v>
      </c>
      <c r="Q6320" s="98">
        <v>0</v>
      </c>
      <c r="R6320" s="98">
        <v>0</v>
      </c>
      <c r="S6320" s="98">
        <v>0</v>
      </c>
      <c r="T6320" s="98">
        <v>0</v>
      </c>
      <c r="U6320" s="99"/>
      <c r="V6320" s="99"/>
      <c r="W6320" s="99"/>
      <c r="X6320" s="99"/>
      <c r="Y6320" s="99"/>
      <c r="Z6320" s="99"/>
      <c r="AA6320" s="99"/>
      <c r="AB6320" s="99"/>
      <c r="AC6320" s="99"/>
      <c r="AD6320" s="99"/>
      <c r="AE6320" s="99"/>
      <c r="AF6320" s="99"/>
      <c r="AG6320" s="99"/>
      <c r="AH6320" s="99"/>
      <c r="AI6320" s="99"/>
      <c r="AJ6320" s="99"/>
      <c r="AK6320" s="99"/>
      <c r="AL6320" s="99"/>
      <c r="AM6320" s="99"/>
      <c r="AN6320" s="99"/>
      <c r="AO6320" s="99"/>
      <c r="AP6320" s="99"/>
      <c r="AQ6320" s="99"/>
      <c r="AR6320" s="99"/>
      <c r="AS6320" s="99"/>
      <c r="AT6320" s="99"/>
      <c r="AU6320" s="99"/>
      <c r="AV6320" s="99"/>
      <c r="AW6320" s="99"/>
      <c r="AX6320" s="99"/>
      <c r="AY6320" s="99"/>
      <c r="AZ6320" s="99"/>
      <c r="BA6320" s="99"/>
      <c r="BB6320" s="107">
        <v>45884</v>
      </c>
    </row>
    <row r="6321" spans="1:54" s="8" customFormat="1" ht="13.95" customHeight="1" x14ac:dyDescent="0.25">
      <c r="A6321" s="219" t="s">
        <v>14944</v>
      </c>
      <c r="B6321" s="220" t="s">
        <v>14601</v>
      </c>
      <c r="C6321" s="98" t="s">
        <v>6180</v>
      </c>
      <c r="D6321" s="98" t="s">
        <v>14945</v>
      </c>
      <c r="E6321" s="141">
        <v>1991</v>
      </c>
      <c r="F6321" s="141">
        <v>800</v>
      </c>
      <c r="G6321" s="98" t="s">
        <v>1</v>
      </c>
      <c r="H6321" s="98">
        <v>0</v>
      </c>
      <c r="I6321" s="98">
        <v>0</v>
      </c>
      <c r="J6321" s="98">
        <v>1</v>
      </c>
      <c r="K6321" s="98">
        <v>0</v>
      </c>
      <c r="L6321" s="98">
        <v>0</v>
      </c>
      <c r="M6321" s="98">
        <v>0</v>
      </c>
      <c r="N6321" s="98">
        <v>0</v>
      </c>
      <c r="O6321" s="98">
        <v>1</v>
      </c>
      <c r="P6321" s="98">
        <v>1</v>
      </c>
      <c r="Q6321" s="98">
        <v>1</v>
      </c>
      <c r="R6321" s="98">
        <v>0</v>
      </c>
      <c r="S6321" s="98">
        <v>0</v>
      </c>
      <c r="T6321" s="98">
        <v>0</v>
      </c>
      <c r="U6321" s="99"/>
      <c r="V6321" s="99"/>
      <c r="W6321" s="99"/>
      <c r="X6321" s="99"/>
      <c r="Y6321" s="99"/>
      <c r="Z6321" s="99"/>
      <c r="AA6321" s="99"/>
      <c r="AB6321" s="99"/>
      <c r="AC6321" s="99"/>
      <c r="AD6321" s="99"/>
      <c r="AE6321" s="99"/>
      <c r="AF6321" s="99"/>
      <c r="AG6321" s="99"/>
      <c r="AH6321" s="99"/>
      <c r="AI6321" s="99"/>
      <c r="AJ6321" s="99"/>
      <c r="AK6321" s="99"/>
      <c r="AL6321" s="99"/>
      <c r="AM6321" s="99"/>
      <c r="AN6321" s="99"/>
      <c r="AO6321" s="99"/>
      <c r="AP6321" s="99"/>
      <c r="AQ6321" s="99"/>
      <c r="AR6321" s="99"/>
      <c r="AS6321" s="99"/>
      <c r="AT6321" s="99"/>
      <c r="AU6321" s="99"/>
      <c r="AV6321" s="99"/>
      <c r="AW6321" s="99"/>
      <c r="AX6321" s="99"/>
      <c r="AY6321" s="99"/>
      <c r="AZ6321" s="99"/>
      <c r="BA6321" s="99"/>
      <c r="BB6321" s="107">
        <v>45884</v>
      </c>
    </row>
    <row r="6322" spans="1:54" s="8" customFormat="1" ht="13.95" customHeight="1" x14ac:dyDescent="0.25">
      <c r="A6322" s="219" t="s">
        <v>14946</v>
      </c>
      <c r="B6322" s="220" t="s">
        <v>14601</v>
      </c>
      <c r="C6322" s="98" t="s">
        <v>14947</v>
      </c>
      <c r="D6322" s="98" t="s">
        <v>14948</v>
      </c>
      <c r="E6322" s="141">
        <v>1992</v>
      </c>
      <c r="F6322" s="141">
        <v>1360</v>
      </c>
      <c r="G6322" s="98" t="s">
        <v>1</v>
      </c>
      <c r="H6322" s="98">
        <v>0</v>
      </c>
      <c r="I6322" s="98">
        <v>0</v>
      </c>
      <c r="J6322" s="98">
        <v>1</v>
      </c>
      <c r="K6322" s="98">
        <v>0</v>
      </c>
      <c r="L6322" s="98">
        <v>0</v>
      </c>
      <c r="M6322" s="98">
        <v>0</v>
      </c>
      <c r="N6322" s="98">
        <v>0</v>
      </c>
      <c r="O6322" s="98">
        <v>1</v>
      </c>
      <c r="P6322" s="98">
        <v>1</v>
      </c>
      <c r="Q6322" s="98">
        <v>0</v>
      </c>
      <c r="R6322" s="98">
        <v>1</v>
      </c>
      <c r="S6322" s="98">
        <v>0</v>
      </c>
      <c r="T6322" s="98">
        <v>0</v>
      </c>
      <c r="U6322" s="99"/>
      <c r="V6322" s="99"/>
      <c r="W6322" s="99"/>
      <c r="X6322" s="99"/>
      <c r="Y6322" s="99"/>
      <c r="Z6322" s="99"/>
      <c r="AA6322" s="99"/>
      <c r="AB6322" s="99"/>
      <c r="AC6322" s="99"/>
      <c r="AD6322" s="99"/>
      <c r="AE6322" s="99"/>
      <c r="AF6322" s="99"/>
      <c r="AG6322" s="99"/>
      <c r="AH6322" s="99"/>
      <c r="AI6322" s="99"/>
      <c r="AJ6322" s="99"/>
      <c r="AK6322" s="99"/>
      <c r="AL6322" s="99"/>
      <c r="AM6322" s="99"/>
      <c r="AN6322" s="99"/>
      <c r="AO6322" s="99"/>
      <c r="AP6322" s="99"/>
      <c r="AQ6322" s="99"/>
      <c r="AR6322" s="99"/>
      <c r="AS6322" s="99"/>
      <c r="AT6322" s="99"/>
      <c r="AU6322" s="99"/>
      <c r="AV6322" s="99"/>
      <c r="AW6322" s="99"/>
      <c r="AX6322" s="99"/>
      <c r="AY6322" s="99"/>
      <c r="AZ6322" s="99"/>
      <c r="BA6322" s="99"/>
      <c r="BB6322" s="107">
        <v>45884</v>
      </c>
    </row>
    <row r="6323" spans="1:54" s="8" customFormat="1" ht="13.95" customHeight="1" x14ac:dyDescent="0.25">
      <c r="A6323" s="219" t="s">
        <v>14949</v>
      </c>
      <c r="B6323" s="220" t="s">
        <v>14601</v>
      </c>
      <c r="C6323" s="98" t="s">
        <v>14950</v>
      </c>
      <c r="D6323" s="98" t="s">
        <v>14951</v>
      </c>
      <c r="E6323" s="141">
        <v>1993</v>
      </c>
      <c r="F6323" s="141">
        <v>550</v>
      </c>
      <c r="G6323" s="98" t="s">
        <v>1</v>
      </c>
      <c r="H6323" s="98">
        <v>0</v>
      </c>
      <c r="I6323" s="98">
        <v>0</v>
      </c>
      <c r="J6323" s="98">
        <v>1</v>
      </c>
      <c r="K6323" s="98">
        <v>0</v>
      </c>
      <c r="L6323" s="98">
        <v>0</v>
      </c>
      <c r="M6323" s="98">
        <v>1</v>
      </c>
      <c r="N6323" s="98">
        <v>0</v>
      </c>
      <c r="O6323" s="98">
        <v>0</v>
      </c>
      <c r="P6323" s="98">
        <v>0</v>
      </c>
      <c r="Q6323" s="98">
        <v>0</v>
      </c>
      <c r="R6323" s="98">
        <v>0</v>
      </c>
      <c r="S6323" s="98">
        <v>0</v>
      </c>
      <c r="T6323" s="98">
        <v>0</v>
      </c>
      <c r="U6323" s="99"/>
      <c r="V6323" s="99"/>
      <c r="W6323" s="99"/>
      <c r="X6323" s="99"/>
      <c r="Y6323" s="99"/>
      <c r="Z6323" s="99"/>
      <c r="AA6323" s="99"/>
      <c r="AB6323" s="99"/>
      <c r="AC6323" s="99"/>
      <c r="AD6323" s="99"/>
      <c r="AE6323" s="99"/>
      <c r="AF6323" s="99"/>
      <c r="AG6323" s="99"/>
      <c r="AH6323" s="99"/>
      <c r="AI6323" s="99"/>
      <c r="AJ6323" s="99"/>
      <c r="AK6323" s="99"/>
      <c r="AL6323" s="99"/>
      <c r="AM6323" s="99"/>
      <c r="AN6323" s="99"/>
      <c r="AO6323" s="99"/>
      <c r="AP6323" s="99"/>
      <c r="AQ6323" s="99"/>
      <c r="AR6323" s="99"/>
      <c r="AS6323" s="99"/>
      <c r="AT6323" s="99"/>
      <c r="AU6323" s="99"/>
      <c r="AV6323" s="99"/>
      <c r="AW6323" s="99"/>
      <c r="AX6323" s="99"/>
      <c r="AY6323" s="99"/>
      <c r="AZ6323" s="99"/>
      <c r="BA6323" s="99"/>
      <c r="BB6323" s="107">
        <v>45884</v>
      </c>
    </row>
    <row r="6324" spans="1:54" s="8" customFormat="1" ht="13.95" customHeight="1" x14ac:dyDescent="0.25">
      <c r="A6324" s="219" t="s">
        <v>14952</v>
      </c>
      <c r="B6324" s="220" t="s">
        <v>14601</v>
      </c>
      <c r="C6324" s="98" t="s">
        <v>14953</v>
      </c>
      <c r="D6324" s="98" t="s">
        <v>14954</v>
      </c>
      <c r="E6324" s="141">
        <v>1994</v>
      </c>
      <c r="F6324" s="141">
        <v>1358</v>
      </c>
      <c r="G6324" s="98" t="s">
        <v>1</v>
      </c>
      <c r="H6324" s="98">
        <v>0</v>
      </c>
      <c r="I6324" s="98">
        <v>0</v>
      </c>
      <c r="J6324" s="98">
        <v>0</v>
      </c>
      <c r="K6324" s="98">
        <v>0</v>
      </c>
      <c r="L6324" s="98">
        <v>0</v>
      </c>
      <c r="M6324" s="98">
        <v>0</v>
      </c>
      <c r="N6324" s="98">
        <v>0</v>
      </c>
      <c r="O6324" s="98">
        <v>0</v>
      </c>
      <c r="P6324" s="98">
        <v>0</v>
      </c>
      <c r="Q6324" s="98">
        <v>0</v>
      </c>
      <c r="R6324" s="98">
        <v>0</v>
      </c>
      <c r="S6324" s="98">
        <v>0</v>
      </c>
      <c r="T6324" s="98">
        <v>0</v>
      </c>
      <c r="U6324" s="99"/>
      <c r="V6324" s="99"/>
      <c r="W6324" s="99"/>
      <c r="X6324" s="99"/>
      <c r="Y6324" s="99"/>
      <c r="Z6324" s="99"/>
      <c r="AA6324" s="99"/>
      <c r="AB6324" s="99"/>
      <c r="AC6324" s="99"/>
      <c r="AD6324" s="99"/>
      <c r="AE6324" s="99"/>
      <c r="AF6324" s="99"/>
      <c r="AG6324" s="99"/>
      <c r="AH6324" s="99"/>
      <c r="AI6324" s="99"/>
      <c r="AJ6324" s="99"/>
      <c r="AK6324" s="99"/>
      <c r="AL6324" s="99"/>
      <c r="AM6324" s="99"/>
      <c r="AN6324" s="99"/>
      <c r="AO6324" s="99"/>
      <c r="AP6324" s="99"/>
      <c r="AQ6324" s="99"/>
      <c r="AR6324" s="99"/>
      <c r="AS6324" s="99"/>
      <c r="AT6324" s="99"/>
      <c r="AU6324" s="99"/>
      <c r="AV6324" s="99"/>
      <c r="AW6324" s="99"/>
      <c r="AX6324" s="99"/>
      <c r="AY6324" s="99"/>
      <c r="AZ6324" s="99"/>
      <c r="BA6324" s="99"/>
      <c r="BB6324" s="107">
        <v>45884</v>
      </c>
    </row>
    <row r="6325" spans="1:54" s="8" customFormat="1" ht="13.95" customHeight="1" x14ac:dyDescent="0.25">
      <c r="A6325" s="219" t="s">
        <v>14955</v>
      </c>
      <c r="B6325" s="220" t="s">
        <v>14601</v>
      </c>
      <c r="C6325" s="98" t="s">
        <v>14956</v>
      </c>
      <c r="D6325" s="98" t="s">
        <v>14957</v>
      </c>
      <c r="E6325" s="141">
        <v>1994</v>
      </c>
      <c r="F6325" s="141">
        <v>504</v>
      </c>
      <c r="G6325" s="98" t="s">
        <v>1</v>
      </c>
      <c r="H6325" s="98">
        <v>0</v>
      </c>
      <c r="I6325" s="98">
        <v>0</v>
      </c>
      <c r="J6325" s="98">
        <v>1</v>
      </c>
      <c r="K6325" s="98">
        <v>1</v>
      </c>
      <c r="L6325" s="98">
        <v>0</v>
      </c>
      <c r="M6325" s="98">
        <v>0</v>
      </c>
      <c r="N6325" s="98">
        <v>1</v>
      </c>
      <c r="O6325" s="98">
        <v>0</v>
      </c>
      <c r="P6325" s="98">
        <v>1</v>
      </c>
      <c r="Q6325" s="98">
        <v>0</v>
      </c>
      <c r="R6325" s="98">
        <v>0</v>
      </c>
      <c r="S6325" s="98">
        <v>0</v>
      </c>
      <c r="T6325" s="98">
        <v>0</v>
      </c>
      <c r="U6325" s="99"/>
      <c r="V6325" s="99"/>
      <c r="W6325" s="99"/>
      <c r="X6325" s="99"/>
      <c r="Y6325" s="99"/>
      <c r="Z6325" s="99"/>
      <c r="AA6325" s="99"/>
      <c r="AB6325" s="99"/>
      <c r="AC6325" s="99"/>
      <c r="AD6325" s="99"/>
      <c r="AE6325" s="99"/>
      <c r="AF6325" s="99"/>
      <c r="AG6325" s="99"/>
      <c r="AH6325" s="99"/>
      <c r="AI6325" s="99"/>
      <c r="AJ6325" s="99"/>
      <c r="AK6325" s="99"/>
      <c r="AL6325" s="99"/>
      <c r="AM6325" s="99"/>
      <c r="AN6325" s="99"/>
      <c r="AO6325" s="99"/>
      <c r="AP6325" s="99"/>
      <c r="AQ6325" s="99"/>
      <c r="AR6325" s="99"/>
      <c r="AS6325" s="99"/>
      <c r="AT6325" s="99"/>
      <c r="AU6325" s="99"/>
      <c r="AV6325" s="99"/>
      <c r="AW6325" s="99"/>
      <c r="AX6325" s="99"/>
      <c r="AY6325" s="99"/>
      <c r="AZ6325" s="99"/>
      <c r="BA6325" s="99"/>
      <c r="BB6325" s="107">
        <v>45884</v>
      </c>
    </row>
    <row r="6326" spans="1:54" s="8" customFormat="1" ht="13.95" customHeight="1" x14ac:dyDescent="0.25">
      <c r="A6326" s="219" t="s">
        <v>14958</v>
      </c>
      <c r="B6326" s="220" t="s">
        <v>14601</v>
      </c>
      <c r="C6326" s="98" t="s">
        <v>14959</v>
      </c>
      <c r="D6326" s="98" t="s">
        <v>14960</v>
      </c>
      <c r="E6326" s="141">
        <v>1995</v>
      </c>
      <c r="F6326" s="141">
        <v>144</v>
      </c>
      <c r="G6326" s="98" t="s">
        <v>1</v>
      </c>
      <c r="H6326" s="98">
        <v>0</v>
      </c>
      <c r="I6326" s="98">
        <v>0</v>
      </c>
      <c r="J6326" s="98">
        <v>0</v>
      </c>
      <c r="K6326" s="98">
        <v>0</v>
      </c>
      <c r="L6326" s="98">
        <v>0</v>
      </c>
      <c r="M6326" s="98">
        <v>0</v>
      </c>
      <c r="N6326" s="98">
        <v>0</v>
      </c>
      <c r="O6326" s="98">
        <v>0</v>
      </c>
      <c r="P6326" s="98">
        <v>0</v>
      </c>
      <c r="Q6326" s="98">
        <v>0</v>
      </c>
      <c r="R6326" s="98">
        <v>0</v>
      </c>
      <c r="S6326" s="98">
        <v>0</v>
      </c>
      <c r="T6326" s="98">
        <v>0</v>
      </c>
      <c r="U6326" s="99"/>
      <c r="V6326" s="99"/>
      <c r="W6326" s="99"/>
      <c r="X6326" s="99"/>
      <c r="Y6326" s="99"/>
      <c r="Z6326" s="99"/>
      <c r="AA6326" s="99"/>
      <c r="AB6326" s="99"/>
      <c r="AC6326" s="99"/>
      <c r="AD6326" s="99"/>
      <c r="AE6326" s="99"/>
      <c r="AF6326" s="99"/>
      <c r="AG6326" s="99"/>
      <c r="AH6326" s="99"/>
      <c r="AI6326" s="99"/>
      <c r="AJ6326" s="99"/>
      <c r="AK6326" s="99"/>
      <c r="AL6326" s="99"/>
      <c r="AM6326" s="99"/>
      <c r="AN6326" s="99"/>
      <c r="AO6326" s="99"/>
      <c r="AP6326" s="99"/>
      <c r="AQ6326" s="99"/>
      <c r="AR6326" s="99"/>
      <c r="AS6326" s="99"/>
      <c r="AT6326" s="99"/>
      <c r="AU6326" s="99"/>
      <c r="AV6326" s="99"/>
      <c r="AW6326" s="99"/>
      <c r="AX6326" s="99"/>
      <c r="AY6326" s="99"/>
      <c r="AZ6326" s="99"/>
      <c r="BA6326" s="99"/>
      <c r="BB6326" s="107">
        <v>45884</v>
      </c>
    </row>
    <row r="6327" spans="1:54" s="8" customFormat="1" ht="13.95" customHeight="1" x14ac:dyDescent="0.25">
      <c r="A6327" s="219" t="s">
        <v>14961</v>
      </c>
      <c r="B6327" s="220" t="s">
        <v>14601</v>
      </c>
      <c r="C6327" s="98" t="s">
        <v>14962</v>
      </c>
      <c r="D6327" s="98" t="s">
        <v>14963</v>
      </c>
      <c r="E6327" s="141">
        <v>1995</v>
      </c>
      <c r="F6327" s="141">
        <v>180</v>
      </c>
      <c r="G6327" s="98" t="s">
        <v>1</v>
      </c>
      <c r="H6327" s="98">
        <v>0</v>
      </c>
      <c r="I6327" s="98">
        <v>0</v>
      </c>
      <c r="J6327" s="98">
        <v>0</v>
      </c>
      <c r="K6327" s="98">
        <v>0</v>
      </c>
      <c r="L6327" s="98">
        <v>0</v>
      </c>
      <c r="M6327" s="98">
        <v>1</v>
      </c>
      <c r="N6327" s="98">
        <v>0</v>
      </c>
      <c r="O6327" s="98">
        <v>0</v>
      </c>
      <c r="P6327" s="98">
        <v>0</v>
      </c>
      <c r="Q6327" s="98">
        <v>0</v>
      </c>
      <c r="R6327" s="98">
        <v>0</v>
      </c>
      <c r="S6327" s="98">
        <v>0</v>
      </c>
      <c r="T6327" s="98">
        <v>0</v>
      </c>
      <c r="U6327" s="99"/>
      <c r="V6327" s="99"/>
      <c r="W6327" s="99"/>
      <c r="X6327" s="99"/>
      <c r="Y6327" s="99"/>
      <c r="Z6327" s="99"/>
      <c r="AA6327" s="99"/>
      <c r="AB6327" s="99"/>
      <c r="AC6327" s="99"/>
      <c r="AD6327" s="99"/>
      <c r="AE6327" s="99"/>
      <c r="AF6327" s="99"/>
      <c r="AG6327" s="99"/>
      <c r="AH6327" s="99"/>
      <c r="AI6327" s="99"/>
      <c r="AJ6327" s="99"/>
      <c r="AK6327" s="99"/>
      <c r="AL6327" s="99"/>
      <c r="AM6327" s="99"/>
      <c r="AN6327" s="99"/>
      <c r="AO6327" s="99"/>
      <c r="AP6327" s="99"/>
      <c r="AQ6327" s="99"/>
      <c r="AR6327" s="99"/>
      <c r="AS6327" s="99"/>
      <c r="AT6327" s="99"/>
      <c r="AU6327" s="99"/>
      <c r="AV6327" s="99"/>
      <c r="AW6327" s="99"/>
      <c r="AX6327" s="99"/>
      <c r="AY6327" s="99"/>
      <c r="AZ6327" s="99"/>
      <c r="BA6327" s="99"/>
      <c r="BB6327" s="107">
        <v>45884</v>
      </c>
    </row>
    <row r="6328" spans="1:54" s="8" customFormat="1" ht="13.95" customHeight="1" x14ac:dyDescent="0.25">
      <c r="A6328" s="219" t="s">
        <v>14964</v>
      </c>
      <c r="B6328" s="220" t="s">
        <v>14601</v>
      </c>
      <c r="C6328" s="98" t="s">
        <v>14965</v>
      </c>
      <c r="D6328" s="98" t="s">
        <v>14966</v>
      </c>
      <c r="E6328" s="141">
        <v>1996</v>
      </c>
      <c r="F6328" s="141">
        <v>377</v>
      </c>
      <c r="G6328" s="98" t="s">
        <v>1</v>
      </c>
      <c r="H6328" s="98">
        <v>0</v>
      </c>
      <c r="I6328" s="98">
        <v>0</v>
      </c>
      <c r="J6328" s="98">
        <v>1</v>
      </c>
      <c r="K6328" s="98">
        <v>0</v>
      </c>
      <c r="L6328" s="98">
        <v>0</v>
      </c>
      <c r="M6328" s="98">
        <v>1</v>
      </c>
      <c r="N6328" s="98">
        <v>1</v>
      </c>
      <c r="O6328" s="98">
        <v>0</v>
      </c>
      <c r="P6328" s="98">
        <v>0</v>
      </c>
      <c r="Q6328" s="98">
        <v>0</v>
      </c>
      <c r="R6328" s="98">
        <v>0</v>
      </c>
      <c r="S6328" s="98">
        <v>0</v>
      </c>
      <c r="T6328" s="98">
        <v>0</v>
      </c>
      <c r="U6328" s="99"/>
      <c r="V6328" s="99"/>
      <c r="W6328" s="99"/>
      <c r="X6328" s="99"/>
      <c r="Y6328" s="99"/>
      <c r="Z6328" s="99"/>
      <c r="AA6328" s="99"/>
      <c r="AB6328" s="99"/>
      <c r="AC6328" s="99"/>
      <c r="AD6328" s="99"/>
      <c r="AE6328" s="99"/>
      <c r="AF6328" s="99"/>
      <c r="AG6328" s="99"/>
      <c r="AH6328" s="99"/>
      <c r="AI6328" s="99"/>
      <c r="AJ6328" s="99"/>
      <c r="AK6328" s="99"/>
      <c r="AL6328" s="99"/>
      <c r="AM6328" s="99"/>
      <c r="AN6328" s="99"/>
      <c r="AO6328" s="99"/>
      <c r="AP6328" s="99"/>
      <c r="AQ6328" s="99"/>
      <c r="AR6328" s="99"/>
      <c r="AS6328" s="99"/>
      <c r="AT6328" s="99"/>
      <c r="AU6328" s="99"/>
      <c r="AV6328" s="99"/>
      <c r="AW6328" s="99"/>
      <c r="AX6328" s="99"/>
      <c r="AY6328" s="99"/>
      <c r="AZ6328" s="99"/>
      <c r="BA6328" s="99"/>
      <c r="BB6328" s="107">
        <v>45884</v>
      </c>
    </row>
    <row r="6329" spans="1:54" s="8" customFormat="1" ht="13.95" customHeight="1" x14ac:dyDescent="0.25">
      <c r="A6329" s="219" t="s">
        <v>14967</v>
      </c>
      <c r="B6329" s="220" t="s">
        <v>14601</v>
      </c>
      <c r="C6329" s="98" t="s">
        <v>14968</v>
      </c>
      <c r="D6329" s="98" t="s">
        <v>14969</v>
      </c>
      <c r="E6329" s="141">
        <v>1996</v>
      </c>
      <c r="F6329" s="141">
        <v>218</v>
      </c>
      <c r="G6329" s="98" t="s">
        <v>1</v>
      </c>
      <c r="H6329" s="98">
        <v>0</v>
      </c>
      <c r="I6329" s="98">
        <v>0</v>
      </c>
      <c r="J6329" s="98">
        <v>1</v>
      </c>
      <c r="K6329" s="98">
        <v>1</v>
      </c>
      <c r="L6329" s="98">
        <v>0</v>
      </c>
      <c r="M6329" s="98">
        <v>0</v>
      </c>
      <c r="N6329" s="98">
        <v>0</v>
      </c>
      <c r="O6329" s="98">
        <v>0</v>
      </c>
      <c r="P6329" s="98">
        <v>1</v>
      </c>
      <c r="Q6329" s="98">
        <v>0</v>
      </c>
      <c r="R6329" s="98">
        <v>0</v>
      </c>
      <c r="S6329" s="98">
        <v>0</v>
      </c>
      <c r="T6329" s="98">
        <v>0</v>
      </c>
      <c r="U6329" s="99"/>
      <c r="V6329" s="99"/>
      <c r="W6329" s="99"/>
      <c r="X6329" s="99"/>
      <c r="Y6329" s="99"/>
      <c r="Z6329" s="99"/>
      <c r="AA6329" s="99"/>
      <c r="AB6329" s="99"/>
      <c r="AC6329" s="99"/>
      <c r="AD6329" s="99"/>
      <c r="AE6329" s="99"/>
      <c r="AF6329" s="99"/>
      <c r="AG6329" s="99"/>
      <c r="AH6329" s="99"/>
      <c r="AI6329" s="99"/>
      <c r="AJ6329" s="99"/>
      <c r="AK6329" s="99"/>
      <c r="AL6329" s="99"/>
      <c r="AM6329" s="99"/>
      <c r="AN6329" s="99"/>
      <c r="AO6329" s="99"/>
      <c r="AP6329" s="99"/>
      <c r="AQ6329" s="99"/>
      <c r="AR6329" s="99"/>
      <c r="AS6329" s="99"/>
      <c r="AT6329" s="99"/>
      <c r="AU6329" s="99"/>
      <c r="AV6329" s="99"/>
      <c r="AW6329" s="99"/>
      <c r="AX6329" s="99"/>
      <c r="AY6329" s="99"/>
      <c r="AZ6329" s="99"/>
      <c r="BA6329" s="99"/>
      <c r="BB6329" s="107">
        <v>45884</v>
      </c>
    </row>
    <row r="6330" spans="1:54" s="8" customFormat="1" ht="13.95" customHeight="1" x14ac:dyDescent="0.25">
      <c r="A6330" s="219" t="s">
        <v>14970</v>
      </c>
      <c r="B6330" s="220" t="s">
        <v>14601</v>
      </c>
      <c r="C6330" s="98" t="s">
        <v>14971</v>
      </c>
      <c r="D6330" s="98" t="s">
        <v>14972</v>
      </c>
      <c r="E6330" s="141">
        <v>1996</v>
      </c>
      <c r="F6330" s="141">
        <v>118</v>
      </c>
      <c r="G6330" s="98" t="s">
        <v>1</v>
      </c>
      <c r="H6330" s="98">
        <v>0</v>
      </c>
      <c r="I6330" s="98">
        <v>0</v>
      </c>
      <c r="J6330" s="98">
        <v>1</v>
      </c>
      <c r="K6330" s="98">
        <v>0</v>
      </c>
      <c r="L6330" s="98">
        <v>0</v>
      </c>
      <c r="M6330" s="98">
        <v>1</v>
      </c>
      <c r="N6330" s="98">
        <v>0</v>
      </c>
      <c r="O6330" s="98">
        <v>0</v>
      </c>
      <c r="P6330" s="98">
        <v>0</v>
      </c>
      <c r="Q6330" s="98">
        <v>0</v>
      </c>
      <c r="R6330" s="98">
        <v>0</v>
      </c>
      <c r="S6330" s="98">
        <v>0</v>
      </c>
      <c r="T6330" s="98">
        <v>0</v>
      </c>
      <c r="U6330" s="99"/>
      <c r="V6330" s="99"/>
      <c r="W6330" s="99"/>
      <c r="X6330" s="99"/>
      <c r="Y6330" s="99"/>
      <c r="Z6330" s="99"/>
      <c r="AA6330" s="99"/>
      <c r="AB6330" s="99"/>
      <c r="AC6330" s="99"/>
      <c r="AD6330" s="99"/>
      <c r="AE6330" s="99"/>
      <c r="AF6330" s="99"/>
      <c r="AG6330" s="99"/>
      <c r="AH6330" s="99"/>
      <c r="AI6330" s="99"/>
      <c r="AJ6330" s="99"/>
      <c r="AK6330" s="99"/>
      <c r="AL6330" s="99"/>
      <c r="AM6330" s="99"/>
      <c r="AN6330" s="99"/>
      <c r="AO6330" s="99"/>
      <c r="AP6330" s="99"/>
      <c r="AQ6330" s="99"/>
      <c r="AR6330" s="99"/>
      <c r="AS6330" s="99"/>
      <c r="AT6330" s="99"/>
      <c r="AU6330" s="99"/>
      <c r="AV6330" s="99"/>
      <c r="AW6330" s="99"/>
      <c r="AX6330" s="99"/>
      <c r="AY6330" s="99"/>
      <c r="AZ6330" s="99"/>
      <c r="BA6330" s="99"/>
      <c r="BB6330" s="107">
        <v>45884</v>
      </c>
    </row>
    <row r="6331" spans="1:54" s="8" customFormat="1" ht="13.95" customHeight="1" x14ac:dyDescent="0.25">
      <c r="A6331" s="219" t="s">
        <v>14973</v>
      </c>
      <c r="B6331" s="220" t="s">
        <v>14601</v>
      </c>
      <c r="C6331" s="98" t="s">
        <v>14974</v>
      </c>
      <c r="D6331" s="98" t="s">
        <v>14975</v>
      </c>
      <c r="E6331" s="141">
        <v>1996</v>
      </c>
      <c r="F6331" s="141">
        <v>102</v>
      </c>
      <c r="G6331" s="98" t="s">
        <v>1</v>
      </c>
      <c r="H6331" s="98">
        <v>0</v>
      </c>
      <c r="I6331" s="98">
        <v>0</v>
      </c>
      <c r="J6331" s="98">
        <v>0</v>
      </c>
      <c r="K6331" s="98">
        <v>0</v>
      </c>
      <c r="L6331" s="98">
        <v>0</v>
      </c>
      <c r="M6331" s="98">
        <v>0</v>
      </c>
      <c r="N6331" s="98">
        <v>0</v>
      </c>
      <c r="O6331" s="98">
        <v>0</v>
      </c>
      <c r="P6331" s="98">
        <v>1</v>
      </c>
      <c r="Q6331" s="98">
        <v>0</v>
      </c>
      <c r="R6331" s="98">
        <v>0</v>
      </c>
      <c r="S6331" s="98">
        <v>0</v>
      </c>
      <c r="T6331" s="98">
        <v>0</v>
      </c>
      <c r="U6331" s="99"/>
      <c r="V6331" s="99"/>
      <c r="W6331" s="99"/>
      <c r="X6331" s="99"/>
      <c r="Y6331" s="99"/>
      <c r="Z6331" s="99"/>
      <c r="AA6331" s="99"/>
      <c r="AB6331" s="99"/>
      <c r="AC6331" s="99"/>
      <c r="AD6331" s="99"/>
      <c r="AE6331" s="99"/>
      <c r="AF6331" s="99"/>
      <c r="AG6331" s="99"/>
      <c r="AH6331" s="99"/>
      <c r="AI6331" s="99"/>
      <c r="AJ6331" s="99"/>
      <c r="AK6331" s="99"/>
      <c r="AL6331" s="99"/>
      <c r="AM6331" s="99"/>
      <c r="AN6331" s="99"/>
      <c r="AO6331" s="99"/>
      <c r="AP6331" s="99"/>
      <c r="AQ6331" s="99"/>
      <c r="AR6331" s="99"/>
      <c r="AS6331" s="99"/>
      <c r="AT6331" s="99"/>
      <c r="AU6331" s="99"/>
      <c r="AV6331" s="99"/>
      <c r="AW6331" s="99"/>
      <c r="AX6331" s="99"/>
      <c r="AY6331" s="99"/>
      <c r="AZ6331" s="99"/>
      <c r="BA6331" s="99"/>
      <c r="BB6331" s="107">
        <v>45884</v>
      </c>
    </row>
    <row r="6332" spans="1:54" s="8" customFormat="1" ht="13.95" customHeight="1" x14ac:dyDescent="0.25">
      <c r="A6332" s="219" t="s">
        <v>14976</v>
      </c>
      <c r="B6332" s="220" t="s">
        <v>14601</v>
      </c>
      <c r="C6332" s="98" t="s">
        <v>14977</v>
      </c>
      <c r="D6332" s="98" t="s">
        <v>14978</v>
      </c>
      <c r="E6332" s="141">
        <v>1996</v>
      </c>
      <c r="F6332" s="141">
        <v>2263</v>
      </c>
      <c r="G6332" s="98" t="s">
        <v>1</v>
      </c>
      <c r="H6332" s="98">
        <v>0</v>
      </c>
      <c r="I6332" s="98">
        <v>0</v>
      </c>
      <c r="J6332" s="98">
        <v>1</v>
      </c>
      <c r="K6332" s="98">
        <v>0</v>
      </c>
      <c r="L6332" s="98">
        <v>0</v>
      </c>
      <c r="M6332" s="98">
        <v>0</v>
      </c>
      <c r="N6332" s="98">
        <v>1</v>
      </c>
      <c r="O6332" s="98">
        <v>0</v>
      </c>
      <c r="P6332" s="98">
        <v>0</v>
      </c>
      <c r="Q6332" s="98">
        <v>0</v>
      </c>
      <c r="R6332" s="98">
        <v>0</v>
      </c>
      <c r="S6332" s="98">
        <v>0</v>
      </c>
      <c r="T6332" s="98">
        <v>0</v>
      </c>
      <c r="U6332" s="99"/>
      <c r="V6332" s="99"/>
      <c r="W6332" s="99"/>
      <c r="X6332" s="99"/>
      <c r="Y6332" s="99"/>
      <c r="Z6332" s="99"/>
      <c r="AA6332" s="99"/>
      <c r="AB6332" s="99"/>
      <c r="AC6332" s="99"/>
      <c r="AD6332" s="99"/>
      <c r="AE6332" s="99"/>
      <c r="AF6332" s="99"/>
      <c r="AG6332" s="99"/>
      <c r="AH6332" s="99"/>
      <c r="AI6332" s="99"/>
      <c r="AJ6332" s="99"/>
      <c r="AK6332" s="99"/>
      <c r="AL6332" s="99"/>
      <c r="AM6332" s="99"/>
      <c r="AN6332" s="99"/>
      <c r="AO6332" s="99"/>
      <c r="AP6332" s="99"/>
      <c r="AQ6332" s="99"/>
      <c r="AR6332" s="99"/>
      <c r="AS6332" s="99"/>
      <c r="AT6332" s="99"/>
      <c r="AU6332" s="99"/>
      <c r="AV6332" s="99"/>
      <c r="AW6332" s="99"/>
      <c r="AX6332" s="99"/>
      <c r="AY6332" s="99"/>
      <c r="AZ6332" s="99"/>
      <c r="BA6332" s="99"/>
      <c r="BB6332" s="107">
        <v>45884</v>
      </c>
    </row>
    <row r="6333" spans="1:54" s="8" customFormat="1" ht="13.95" customHeight="1" x14ac:dyDescent="0.25">
      <c r="A6333" s="219" t="s">
        <v>14979</v>
      </c>
      <c r="B6333" s="220" t="s">
        <v>14601</v>
      </c>
      <c r="C6333" s="98" t="s">
        <v>14980</v>
      </c>
      <c r="D6333" s="98" t="s">
        <v>14981</v>
      </c>
      <c r="E6333" s="141">
        <v>1997</v>
      </c>
      <c r="F6333" s="141">
        <v>900</v>
      </c>
      <c r="G6333" s="98" t="s">
        <v>1</v>
      </c>
      <c r="H6333" s="98">
        <v>0</v>
      </c>
      <c r="I6333" s="98">
        <v>0</v>
      </c>
      <c r="J6333" s="98">
        <v>0</v>
      </c>
      <c r="K6333" s="98">
        <v>1</v>
      </c>
      <c r="L6333" s="98">
        <v>0</v>
      </c>
      <c r="M6333" s="98">
        <v>1</v>
      </c>
      <c r="N6333" s="98">
        <v>0</v>
      </c>
      <c r="O6333" s="98">
        <v>0</v>
      </c>
      <c r="P6333" s="98">
        <v>0</v>
      </c>
      <c r="Q6333" s="98">
        <v>0</v>
      </c>
      <c r="R6333" s="98">
        <v>0</v>
      </c>
      <c r="S6333" s="98">
        <v>0</v>
      </c>
      <c r="T6333" s="98">
        <v>0</v>
      </c>
      <c r="U6333" s="99"/>
      <c r="V6333" s="99"/>
      <c r="W6333" s="99"/>
      <c r="X6333" s="99"/>
      <c r="Y6333" s="99"/>
      <c r="Z6333" s="99"/>
      <c r="AA6333" s="99"/>
      <c r="AB6333" s="99"/>
      <c r="AC6333" s="99"/>
      <c r="AD6333" s="99"/>
      <c r="AE6333" s="99"/>
      <c r="AF6333" s="99"/>
      <c r="AG6333" s="99"/>
      <c r="AH6333" s="99"/>
      <c r="AI6333" s="99"/>
      <c r="AJ6333" s="99"/>
      <c r="AK6333" s="99"/>
      <c r="AL6333" s="99"/>
      <c r="AM6333" s="99"/>
      <c r="AN6333" s="99"/>
      <c r="AO6333" s="99"/>
      <c r="AP6333" s="99"/>
      <c r="AQ6333" s="99"/>
      <c r="AR6333" s="99"/>
      <c r="AS6333" s="99"/>
      <c r="AT6333" s="99"/>
      <c r="AU6333" s="99"/>
      <c r="AV6333" s="99"/>
      <c r="AW6333" s="99"/>
      <c r="AX6333" s="99"/>
      <c r="AY6333" s="99"/>
      <c r="AZ6333" s="99"/>
      <c r="BA6333" s="99"/>
      <c r="BB6333" s="107">
        <v>45884</v>
      </c>
    </row>
    <row r="6334" spans="1:54" s="8" customFormat="1" ht="13.95" customHeight="1" x14ac:dyDescent="0.25">
      <c r="A6334" s="219" t="s">
        <v>14982</v>
      </c>
      <c r="B6334" s="220" t="s">
        <v>14601</v>
      </c>
      <c r="C6334" s="98" t="s">
        <v>14983</v>
      </c>
      <c r="D6334" s="98" t="s">
        <v>14984</v>
      </c>
      <c r="E6334" s="141">
        <v>1997</v>
      </c>
      <c r="F6334" s="141">
        <v>357</v>
      </c>
      <c r="G6334" s="98" t="s">
        <v>1</v>
      </c>
      <c r="H6334" s="98">
        <v>0</v>
      </c>
      <c r="I6334" s="98">
        <v>0</v>
      </c>
      <c r="J6334" s="98">
        <v>1</v>
      </c>
      <c r="K6334" s="98">
        <v>0</v>
      </c>
      <c r="L6334" s="98">
        <v>0</v>
      </c>
      <c r="M6334" s="98">
        <v>1</v>
      </c>
      <c r="N6334" s="98">
        <v>0</v>
      </c>
      <c r="O6334" s="98">
        <v>0</v>
      </c>
      <c r="P6334" s="98">
        <v>0</v>
      </c>
      <c r="Q6334" s="98">
        <v>0</v>
      </c>
      <c r="R6334" s="98">
        <v>0</v>
      </c>
      <c r="S6334" s="98">
        <v>0</v>
      </c>
      <c r="T6334" s="98">
        <v>0</v>
      </c>
      <c r="U6334" s="99"/>
      <c r="V6334" s="99"/>
      <c r="W6334" s="99"/>
      <c r="X6334" s="99"/>
      <c r="Y6334" s="99"/>
      <c r="Z6334" s="99"/>
      <c r="AA6334" s="99"/>
      <c r="AB6334" s="99"/>
      <c r="AC6334" s="99"/>
      <c r="AD6334" s="99"/>
      <c r="AE6334" s="99"/>
      <c r="AF6334" s="99"/>
      <c r="AG6334" s="99"/>
      <c r="AH6334" s="99"/>
      <c r="AI6334" s="99"/>
      <c r="AJ6334" s="99"/>
      <c r="AK6334" s="99"/>
      <c r="AL6334" s="99"/>
      <c r="AM6334" s="99"/>
      <c r="AN6334" s="99"/>
      <c r="AO6334" s="99"/>
      <c r="AP6334" s="99"/>
      <c r="AQ6334" s="99"/>
      <c r="AR6334" s="99"/>
      <c r="AS6334" s="99"/>
      <c r="AT6334" s="99"/>
      <c r="AU6334" s="99"/>
      <c r="AV6334" s="99"/>
      <c r="AW6334" s="99"/>
      <c r="AX6334" s="99"/>
      <c r="AY6334" s="99"/>
      <c r="AZ6334" s="99"/>
      <c r="BA6334" s="99"/>
      <c r="BB6334" s="107">
        <v>45884</v>
      </c>
    </row>
    <row r="6335" spans="1:54" s="8" customFormat="1" ht="13.95" customHeight="1" x14ac:dyDescent="0.25">
      <c r="A6335" s="219" t="s">
        <v>14985</v>
      </c>
      <c r="B6335" s="220" t="s">
        <v>14601</v>
      </c>
      <c r="C6335" s="98" t="s">
        <v>14986</v>
      </c>
      <c r="D6335" s="98" t="s">
        <v>14987</v>
      </c>
      <c r="E6335" s="141">
        <v>1997</v>
      </c>
      <c r="F6335" s="141">
        <v>412</v>
      </c>
      <c r="G6335" s="98" t="s">
        <v>1</v>
      </c>
      <c r="H6335" s="98">
        <v>0</v>
      </c>
      <c r="I6335" s="98">
        <v>0</v>
      </c>
      <c r="J6335" s="98">
        <v>1</v>
      </c>
      <c r="K6335" s="98">
        <v>0</v>
      </c>
      <c r="L6335" s="98">
        <v>0</v>
      </c>
      <c r="M6335" s="98">
        <v>0</v>
      </c>
      <c r="N6335" s="98">
        <v>0</v>
      </c>
      <c r="O6335" s="98">
        <v>0</v>
      </c>
      <c r="P6335" s="98">
        <v>0</v>
      </c>
      <c r="Q6335" s="98">
        <v>0</v>
      </c>
      <c r="R6335" s="98">
        <v>0</v>
      </c>
      <c r="S6335" s="98">
        <v>0</v>
      </c>
      <c r="T6335" s="98">
        <v>0</v>
      </c>
      <c r="U6335" s="99"/>
      <c r="V6335" s="99"/>
      <c r="W6335" s="99"/>
      <c r="X6335" s="99"/>
      <c r="Y6335" s="99"/>
      <c r="Z6335" s="99"/>
      <c r="AA6335" s="99"/>
      <c r="AB6335" s="99"/>
      <c r="AC6335" s="99"/>
      <c r="AD6335" s="99"/>
      <c r="AE6335" s="99"/>
      <c r="AF6335" s="99"/>
      <c r="AG6335" s="99"/>
      <c r="AH6335" s="99"/>
      <c r="AI6335" s="99"/>
      <c r="AJ6335" s="99"/>
      <c r="AK6335" s="99"/>
      <c r="AL6335" s="99"/>
      <c r="AM6335" s="99"/>
      <c r="AN6335" s="99"/>
      <c r="AO6335" s="99"/>
      <c r="AP6335" s="99"/>
      <c r="AQ6335" s="99"/>
      <c r="AR6335" s="99"/>
      <c r="AS6335" s="99"/>
      <c r="AT6335" s="99"/>
      <c r="AU6335" s="99"/>
      <c r="AV6335" s="99"/>
      <c r="AW6335" s="99"/>
      <c r="AX6335" s="99"/>
      <c r="AY6335" s="99"/>
      <c r="AZ6335" s="99"/>
      <c r="BA6335" s="99"/>
      <c r="BB6335" s="107">
        <v>45884</v>
      </c>
    </row>
    <row r="6336" spans="1:54" s="8" customFormat="1" ht="13.95" customHeight="1" x14ac:dyDescent="0.25">
      <c r="A6336" s="219" t="s">
        <v>14988</v>
      </c>
      <c r="B6336" s="220" t="s">
        <v>14601</v>
      </c>
      <c r="C6336" s="98" t="s">
        <v>14989</v>
      </c>
      <c r="D6336" s="98" t="s">
        <v>14990</v>
      </c>
      <c r="E6336" s="141">
        <v>1997</v>
      </c>
      <c r="F6336" s="141">
        <v>260</v>
      </c>
      <c r="G6336" s="98" t="s">
        <v>1</v>
      </c>
      <c r="H6336" s="98">
        <v>0</v>
      </c>
      <c r="I6336" s="98">
        <v>0</v>
      </c>
      <c r="J6336" s="98">
        <v>0</v>
      </c>
      <c r="K6336" s="98">
        <v>0</v>
      </c>
      <c r="L6336" s="98">
        <v>0</v>
      </c>
      <c r="M6336" s="98">
        <v>1</v>
      </c>
      <c r="N6336" s="98">
        <v>0</v>
      </c>
      <c r="O6336" s="98">
        <v>0</v>
      </c>
      <c r="P6336" s="98">
        <v>0</v>
      </c>
      <c r="Q6336" s="98">
        <v>0</v>
      </c>
      <c r="R6336" s="98">
        <v>0</v>
      </c>
      <c r="S6336" s="98">
        <v>0</v>
      </c>
      <c r="T6336" s="98">
        <v>0</v>
      </c>
      <c r="U6336" s="99"/>
      <c r="V6336" s="99"/>
      <c r="W6336" s="99"/>
      <c r="X6336" s="99"/>
      <c r="Y6336" s="99"/>
      <c r="Z6336" s="99"/>
      <c r="AA6336" s="99"/>
      <c r="AB6336" s="99"/>
      <c r="AC6336" s="99"/>
      <c r="AD6336" s="99"/>
      <c r="AE6336" s="99"/>
      <c r="AF6336" s="99"/>
      <c r="AG6336" s="99"/>
      <c r="AH6336" s="99"/>
      <c r="AI6336" s="99"/>
      <c r="AJ6336" s="99"/>
      <c r="AK6336" s="99"/>
      <c r="AL6336" s="99"/>
      <c r="AM6336" s="99"/>
      <c r="AN6336" s="99"/>
      <c r="AO6336" s="99"/>
      <c r="AP6336" s="99"/>
      <c r="AQ6336" s="99"/>
      <c r="AR6336" s="99"/>
      <c r="AS6336" s="99"/>
      <c r="AT6336" s="99"/>
      <c r="AU6336" s="99"/>
      <c r="AV6336" s="99"/>
      <c r="AW6336" s="99"/>
      <c r="AX6336" s="99"/>
      <c r="AY6336" s="99"/>
      <c r="AZ6336" s="99"/>
      <c r="BA6336" s="98" t="s">
        <v>14991</v>
      </c>
      <c r="BB6336" s="107">
        <v>45884</v>
      </c>
    </row>
    <row r="6337" spans="1:54" s="8" customFormat="1" ht="13.95" customHeight="1" x14ac:dyDescent="0.25">
      <c r="A6337" s="219" t="s">
        <v>14992</v>
      </c>
      <c r="B6337" s="220" t="s">
        <v>14601</v>
      </c>
      <c r="C6337" s="98" t="s">
        <v>14993</v>
      </c>
      <c r="D6337" s="98" t="s">
        <v>14994</v>
      </c>
      <c r="E6337" s="141">
        <v>1997</v>
      </c>
      <c r="F6337" s="141">
        <v>1300</v>
      </c>
      <c r="G6337" s="98" t="s">
        <v>1</v>
      </c>
      <c r="H6337" s="98">
        <v>0</v>
      </c>
      <c r="I6337" s="98">
        <v>0</v>
      </c>
      <c r="J6337" s="98">
        <v>0</v>
      </c>
      <c r="K6337" s="98">
        <v>0</v>
      </c>
      <c r="L6337" s="98">
        <v>0</v>
      </c>
      <c r="M6337" s="98">
        <v>1</v>
      </c>
      <c r="N6337" s="98">
        <v>0</v>
      </c>
      <c r="O6337" s="98">
        <v>0</v>
      </c>
      <c r="P6337" s="98">
        <v>0</v>
      </c>
      <c r="Q6337" s="98">
        <v>0</v>
      </c>
      <c r="R6337" s="98">
        <v>0</v>
      </c>
      <c r="S6337" s="98">
        <v>0</v>
      </c>
      <c r="T6337" s="98">
        <v>0</v>
      </c>
      <c r="U6337" s="99"/>
      <c r="V6337" s="99"/>
      <c r="W6337" s="99"/>
      <c r="X6337" s="99"/>
      <c r="Y6337" s="99"/>
      <c r="Z6337" s="99"/>
      <c r="AA6337" s="99"/>
      <c r="AB6337" s="99"/>
      <c r="AC6337" s="99"/>
      <c r="AD6337" s="99"/>
      <c r="AE6337" s="99"/>
      <c r="AF6337" s="99"/>
      <c r="AG6337" s="99"/>
      <c r="AH6337" s="99"/>
      <c r="AI6337" s="99"/>
      <c r="AJ6337" s="99"/>
      <c r="AK6337" s="99"/>
      <c r="AL6337" s="99"/>
      <c r="AM6337" s="99"/>
      <c r="AN6337" s="99"/>
      <c r="AO6337" s="99"/>
      <c r="AP6337" s="99"/>
      <c r="AQ6337" s="99"/>
      <c r="AR6337" s="99"/>
      <c r="AS6337" s="99"/>
      <c r="AT6337" s="99"/>
      <c r="AU6337" s="99"/>
      <c r="AV6337" s="99"/>
      <c r="AW6337" s="99"/>
      <c r="AX6337" s="99"/>
      <c r="AY6337" s="99"/>
      <c r="AZ6337" s="99"/>
      <c r="BA6337" s="99"/>
      <c r="BB6337" s="107">
        <v>45884</v>
      </c>
    </row>
    <row r="6338" spans="1:54" s="8" customFormat="1" ht="13.95" customHeight="1" x14ac:dyDescent="0.25">
      <c r="A6338" s="219" t="s">
        <v>14995</v>
      </c>
      <c r="B6338" s="220" t="s">
        <v>14601</v>
      </c>
      <c r="C6338" s="98" t="s">
        <v>14996</v>
      </c>
      <c r="D6338" s="98" t="s">
        <v>14997</v>
      </c>
      <c r="E6338" s="141">
        <v>1997</v>
      </c>
      <c r="F6338" s="141">
        <v>292</v>
      </c>
      <c r="G6338" s="98" t="s">
        <v>1</v>
      </c>
      <c r="H6338" s="98">
        <v>0</v>
      </c>
      <c r="I6338" s="98">
        <v>0</v>
      </c>
      <c r="J6338" s="98">
        <v>0</v>
      </c>
      <c r="K6338" s="98">
        <v>0</v>
      </c>
      <c r="L6338" s="98">
        <v>0</v>
      </c>
      <c r="M6338" s="98">
        <v>1</v>
      </c>
      <c r="N6338" s="98">
        <v>0</v>
      </c>
      <c r="O6338" s="98">
        <v>0</v>
      </c>
      <c r="P6338" s="98">
        <v>0</v>
      </c>
      <c r="Q6338" s="98">
        <v>0</v>
      </c>
      <c r="R6338" s="98">
        <v>0</v>
      </c>
      <c r="S6338" s="98">
        <v>0</v>
      </c>
      <c r="T6338" s="98">
        <v>0</v>
      </c>
      <c r="U6338" s="99"/>
      <c r="V6338" s="99"/>
      <c r="W6338" s="99"/>
      <c r="X6338" s="99"/>
      <c r="Y6338" s="99"/>
      <c r="Z6338" s="99"/>
      <c r="AA6338" s="99"/>
      <c r="AB6338" s="99"/>
      <c r="AC6338" s="99"/>
      <c r="AD6338" s="99"/>
      <c r="AE6338" s="99"/>
      <c r="AF6338" s="99"/>
      <c r="AG6338" s="99"/>
      <c r="AH6338" s="99"/>
      <c r="AI6338" s="99"/>
      <c r="AJ6338" s="99"/>
      <c r="AK6338" s="99"/>
      <c r="AL6338" s="99"/>
      <c r="AM6338" s="99"/>
      <c r="AN6338" s="99"/>
      <c r="AO6338" s="99"/>
      <c r="AP6338" s="99"/>
      <c r="AQ6338" s="99"/>
      <c r="AR6338" s="99"/>
      <c r="AS6338" s="99"/>
      <c r="AT6338" s="99"/>
      <c r="AU6338" s="99"/>
      <c r="AV6338" s="99"/>
      <c r="AW6338" s="99"/>
      <c r="AX6338" s="99"/>
      <c r="AY6338" s="99"/>
      <c r="AZ6338" s="99"/>
      <c r="BA6338" s="99"/>
      <c r="BB6338" s="107">
        <v>45884</v>
      </c>
    </row>
    <row r="6339" spans="1:54" s="8" customFormat="1" ht="13.95" customHeight="1" x14ac:dyDescent="0.25">
      <c r="A6339" s="219" t="s">
        <v>14998</v>
      </c>
      <c r="B6339" s="220" t="s">
        <v>14601</v>
      </c>
      <c r="C6339" s="98" t="s">
        <v>14999</v>
      </c>
      <c r="D6339" s="98" t="s">
        <v>15000</v>
      </c>
      <c r="E6339" s="141">
        <v>1997</v>
      </c>
      <c r="F6339" s="141">
        <v>226</v>
      </c>
      <c r="G6339" s="98" t="s">
        <v>1</v>
      </c>
      <c r="H6339" s="98">
        <v>0</v>
      </c>
      <c r="I6339" s="98">
        <v>0</v>
      </c>
      <c r="J6339" s="98">
        <v>0</v>
      </c>
      <c r="K6339" s="98">
        <v>0</v>
      </c>
      <c r="L6339" s="98">
        <v>0</v>
      </c>
      <c r="M6339" s="98">
        <v>1</v>
      </c>
      <c r="N6339" s="98">
        <v>0</v>
      </c>
      <c r="O6339" s="98">
        <v>0</v>
      </c>
      <c r="P6339" s="98">
        <v>0</v>
      </c>
      <c r="Q6339" s="98">
        <v>0</v>
      </c>
      <c r="R6339" s="98">
        <v>0</v>
      </c>
      <c r="S6339" s="98">
        <v>1</v>
      </c>
      <c r="T6339" s="98">
        <v>0</v>
      </c>
      <c r="U6339" s="99"/>
      <c r="V6339" s="99"/>
      <c r="W6339" s="99"/>
      <c r="X6339" s="99"/>
      <c r="Y6339" s="99"/>
      <c r="Z6339" s="99"/>
      <c r="AA6339" s="99"/>
      <c r="AB6339" s="99"/>
      <c r="AC6339" s="99"/>
      <c r="AD6339" s="99"/>
      <c r="AE6339" s="99"/>
      <c r="AF6339" s="99"/>
      <c r="AG6339" s="99"/>
      <c r="AH6339" s="99"/>
      <c r="AI6339" s="99"/>
      <c r="AJ6339" s="99"/>
      <c r="AK6339" s="99"/>
      <c r="AL6339" s="99"/>
      <c r="AM6339" s="99"/>
      <c r="AN6339" s="99"/>
      <c r="AO6339" s="99"/>
      <c r="AP6339" s="99"/>
      <c r="AQ6339" s="99"/>
      <c r="AR6339" s="99"/>
      <c r="AS6339" s="99"/>
      <c r="AT6339" s="99"/>
      <c r="AU6339" s="99"/>
      <c r="AV6339" s="99"/>
      <c r="AW6339" s="99"/>
      <c r="AX6339" s="99"/>
      <c r="AY6339" s="99"/>
      <c r="AZ6339" s="99"/>
      <c r="BA6339" s="99"/>
      <c r="BB6339" s="107">
        <v>45884</v>
      </c>
    </row>
    <row r="6340" spans="1:54" s="8" customFormat="1" ht="13.95" customHeight="1" x14ac:dyDescent="0.25">
      <c r="A6340" s="219" t="s">
        <v>15001</v>
      </c>
      <c r="B6340" s="220" t="s">
        <v>14601</v>
      </c>
      <c r="C6340" s="98" t="s">
        <v>15002</v>
      </c>
      <c r="D6340" s="98" t="s">
        <v>15003</v>
      </c>
      <c r="E6340" s="141">
        <v>1997</v>
      </c>
      <c r="F6340" s="141">
        <v>1078</v>
      </c>
      <c r="G6340" s="98" t="s">
        <v>1</v>
      </c>
      <c r="H6340" s="98">
        <v>0</v>
      </c>
      <c r="I6340" s="98">
        <v>0</v>
      </c>
      <c r="J6340" s="98">
        <v>1</v>
      </c>
      <c r="K6340" s="98">
        <v>1</v>
      </c>
      <c r="L6340" s="98">
        <v>0</v>
      </c>
      <c r="M6340" s="98">
        <v>0</v>
      </c>
      <c r="N6340" s="98">
        <v>1</v>
      </c>
      <c r="O6340" s="98">
        <v>0</v>
      </c>
      <c r="P6340" s="98">
        <v>1</v>
      </c>
      <c r="Q6340" s="98">
        <v>0</v>
      </c>
      <c r="R6340" s="98">
        <v>1</v>
      </c>
      <c r="S6340" s="98">
        <v>0</v>
      </c>
      <c r="T6340" s="98">
        <v>0</v>
      </c>
      <c r="U6340" s="99"/>
      <c r="V6340" s="99"/>
      <c r="W6340" s="99"/>
      <c r="X6340" s="99"/>
      <c r="Y6340" s="99"/>
      <c r="Z6340" s="99"/>
      <c r="AA6340" s="99"/>
      <c r="AB6340" s="99"/>
      <c r="AC6340" s="99"/>
      <c r="AD6340" s="99"/>
      <c r="AE6340" s="99"/>
      <c r="AF6340" s="99"/>
      <c r="AG6340" s="99"/>
      <c r="AH6340" s="99"/>
      <c r="AI6340" s="99"/>
      <c r="AJ6340" s="99"/>
      <c r="AK6340" s="99"/>
      <c r="AL6340" s="99"/>
      <c r="AM6340" s="99"/>
      <c r="AN6340" s="99"/>
      <c r="AO6340" s="99"/>
      <c r="AP6340" s="99"/>
      <c r="AQ6340" s="99"/>
      <c r="AR6340" s="99"/>
      <c r="AS6340" s="99"/>
      <c r="AT6340" s="99"/>
      <c r="AU6340" s="99"/>
      <c r="AV6340" s="99"/>
      <c r="AW6340" s="99"/>
      <c r="AX6340" s="99"/>
      <c r="AY6340" s="99"/>
      <c r="AZ6340" s="99"/>
      <c r="BA6340" s="99"/>
      <c r="BB6340" s="107">
        <v>45884</v>
      </c>
    </row>
    <row r="6341" spans="1:54" s="8" customFormat="1" ht="13.95" customHeight="1" x14ac:dyDescent="0.25">
      <c r="A6341" s="219" t="s">
        <v>15004</v>
      </c>
      <c r="B6341" s="220" t="s">
        <v>14601</v>
      </c>
      <c r="C6341" s="98" t="s">
        <v>15005</v>
      </c>
      <c r="D6341" s="98" t="s">
        <v>15006</v>
      </c>
      <c r="E6341" s="141">
        <v>1987</v>
      </c>
      <c r="F6341" s="141">
        <v>1074</v>
      </c>
      <c r="G6341" s="98" t="s">
        <v>1</v>
      </c>
      <c r="H6341" s="98">
        <v>0</v>
      </c>
      <c r="I6341" s="98">
        <v>0</v>
      </c>
      <c r="J6341" s="98">
        <v>1</v>
      </c>
      <c r="K6341" s="98">
        <v>1</v>
      </c>
      <c r="L6341" s="98">
        <v>1</v>
      </c>
      <c r="M6341" s="98">
        <v>1</v>
      </c>
      <c r="N6341" s="98">
        <v>0</v>
      </c>
      <c r="O6341" s="98">
        <v>0</v>
      </c>
      <c r="P6341" s="98">
        <v>0</v>
      </c>
      <c r="Q6341" s="98">
        <v>0</v>
      </c>
      <c r="R6341" s="98">
        <v>0</v>
      </c>
      <c r="S6341" s="98">
        <v>0</v>
      </c>
      <c r="T6341" s="98">
        <v>0</v>
      </c>
      <c r="U6341" s="99"/>
      <c r="V6341" s="99"/>
      <c r="W6341" s="99"/>
      <c r="X6341" s="99"/>
      <c r="Y6341" s="99"/>
      <c r="Z6341" s="99"/>
      <c r="AA6341" s="99"/>
      <c r="AB6341" s="99"/>
      <c r="AC6341" s="99"/>
      <c r="AD6341" s="99"/>
      <c r="AE6341" s="99"/>
      <c r="AF6341" s="99"/>
      <c r="AG6341" s="99"/>
      <c r="AH6341" s="99"/>
      <c r="AI6341" s="99"/>
      <c r="AJ6341" s="99"/>
      <c r="AK6341" s="99"/>
      <c r="AL6341" s="99"/>
      <c r="AM6341" s="99"/>
      <c r="AN6341" s="99"/>
      <c r="AO6341" s="99"/>
      <c r="AP6341" s="99"/>
      <c r="AQ6341" s="99"/>
      <c r="AR6341" s="99"/>
      <c r="AS6341" s="99"/>
      <c r="AT6341" s="99"/>
      <c r="AU6341" s="99"/>
      <c r="AV6341" s="99"/>
      <c r="AW6341" s="99"/>
      <c r="AX6341" s="99"/>
      <c r="AY6341" s="99"/>
      <c r="AZ6341" s="99"/>
      <c r="BA6341" s="99"/>
      <c r="BB6341" s="107">
        <v>45884</v>
      </c>
    </row>
    <row r="6342" spans="1:54" s="8" customFormat="1" ht="13.95" customHeight="1" x14ac:dyDescent="0.25">
      <c r="A6342" s="219" t="s">
        <v>15007</v>
      </c>
      <c r="B6342" s="220" t="s">
        <v>14601</v>
      </c>
      <c r="C6342" s="98" t="s">
        <v>15008</v>
      </c>
      <c r="D6342" s="98" t="s">
        <v>15009</v>
      </c>
      <c r="E6342" s="141">
        <v>1998</v>
      </c>
      <c r="F6342" s="141">
        <v>173</v>
      </c>
      <c r="G6342" s="98" t="s">
        <v>1</v>
      </c>
      <c r="H6342" s="98">
        <v>0</v>
      </c>
      <c r="I6342" s="98">
        <v>0</v>
      </c>
      <c r="J6342" s="98">
        <v>0</v>
      </c>
      <c r="K6342" s="98">
        <v>0</v>
      </c>
      <c r="L6342" s="98">
        <v>0</v>
      </c>
      <c r="M6342" s="98">
        <v>1</v>
      </c>
      <c r="N6342" s="98">
        <v>0</v>
      </c>
      <c r="O6342" s="98">
        <v>0</v>
      </c>
      <c r="P6342" s="98">
        <v>0</v>
      </c>
      <c r="Q6342" s="98">
        <v>0</v>
      </c>
      <c r="R6342" s="98">
        <v>0</v>
      </c>
      <c r="S6342" s="98">
        <v>0</v>
      </c>
      <c r="T6342" s="98">
        <v>0</v>
      </c>
      <c r="U6342" s="99"/>
      <c r="V6342" s="99"/>
      <c r="W6342" s="99"/>
      <c r="X6342" s="99"/>
      <c r="Y6342" s="99"/>
      <c r="Z6342" s="99"/>
      <c r="AA6342" s="99"/>
      <c r="AB6342" s="99"/>
      <c r="AC6342" s="99"/>
      <c r="AD6342" s="99"/>
      <c r="AE6342" s="99"/>
      <c r="AF6342" s="99"/>
      <c r="AG6342" s="99"/>
      <c r="AH6342" s="99"/>
      <c r="AI6342" s="99"/>
      <c r="AJ6342" s="99"/>
      <c r="AK6342" s="99"/>
      <c r="AL6342" s="99"/>
      <c r="AM6342" s="99"/>
      <c r="AN6342" s="99"/>
      <c r="AO6342" s="99"/>
      <c r="AP6342" s="99"/>
      <c r="AQ6342" s="99"/>
      <c r="AR6342" s="99"/>
      <c r="AS6342" s="99"/>
      <c r="AT6342" s="99"/>
      <c r="AU6342" s="99"/>
      <c r="AV6342" s="99"/>
      <c r="AW6342" s="99"/>
      <c r="AX6342" s="99"/>
      <c r="AY6342" s="99"/>
      <c r="AZ6342" s="99"/>
      <c r="BA6342" s="99"/>
      <c r="BB6342" s="107">
        <v>45884</v>
      </c>
    </row>
    <row r="6343" spans="1:54" s="8" customFormat="1" ht="13.95" customHeight="1" x14ac:dyDescent="0.25">
      <c r="A6343" s="219" t="s">
        <v>15010</v>
      </c>
      <c r="B6343" s="220" t="s">
        <v>14601</v>
      </c>
      <c r="C6343" s="98" t="s">
        <v>15011</v>
      </c>
      <c r="D6343" s="98" t="s">
        <v>15012</v>
      </c>
      <c r="E6343" s="141">
        <v>1999</v>
      </c>
      <c r="F6343" s="141">
        <v>855</v>
      </c>
      <c r="G6343" s="98" t="s">
        <v>1</v>
      </c>
      <c r="H6343" s="98">
        <v>0</v>
      </c>
      <c r="I6343" s="98">
        <v>0</v>
      </c>
      <c r="J6343" s="98">
        <v>0</v>
      </c>
      <c r="K6343" s="98">
        <v>0</v>
      </c>
      <c r="L6343" s="98">
        <v>0</v>
      </c>
      <c r="M6343" s="98">
        <v>0</v>
      </c>
      <c r="N6343" s="98">
        <v>0</v>
      </c>
      <c r="O6343" s="98">
        <v>0</v>
      </c>
      <c r="P6343" s="98">
        <v>1</v>
      </c>
      <c r="Q6343" s="98">
        <v>0</v>
      </c>
      <c r="R6343" s="98">
        <v>0</v>
      </c>
      <c r="S6343" s="98">
        <v>0</v>
      </c>
      <c r="T6343" s="98">
        <v>0</v>
      </c>
      <c r="U6343" s="99"/>
      <c r="V6343" s="99"/>
      <c r="W6343" s="99"/>
      <c r="X6343" s="99"/>
      <c r="Y6343" s="99"/>
      <c r="Z6343" s="99"/>
      <c r="AA6343" s="99"/>
      <c r="AB6343" s="99"/>
      <c r="AC6343" s="99"/>
      <c r="AD6343" s="99"/>
      <c r="AE6343" s="99"/>
      <c r="AF6343" s="99"/>
      <c r="AG6343" s="99"/>
      <c r="AH6343" s="99"/>
      <c r="AI6343" s="99"/>
      <c r="AJ6343" s="99"/>
      <c r="AK6343" s="99"/>
      <c r="AL6343" s="99"/>
      <c r="AM6343" s="99"/>
      <c r="AN6343" s="99"/>
      <c r="AO6343" s="99"/>
      <c r="AP6343" s="99"/>
      <c r="AQ6343" s="99"/>
      <c r="AR6343" s="99"/>
      <c r="AS6343" s="99"/>
      <c r="AT6343" s="99"/>
      <c r="AU6343" s="99"/>
      <c r="AV6343" s="99"/>
      <c r="AW6343" s="99"/>
      <c r="AX6343" s="99"/>
      <c r="AY6343" s="99"/>
      <c r="AZ6343" s="99"/>
      <c r="BA6343" s="99"/>
      <c r="BB6343" s="107">
        <v>45884</v>
      </c>
    </row>
    <row r="6344" spans="1:54" s="8" customFormat="1" ht="13.95" customHeight="1" x14ac:dyDescent="0.25">
      <c r="A6344" s="219" t="s">
        <v>15013</v>
      </c>
      <c r="B6344" s="220" t="s">
        <v>14601</v>
      </c>
      <c r="C6344" s="98" t="s">
        <v>15014</v>
      </c>
      <c r="D6344" s="98" t="s">
        <v>15015</v>
      </c>
      <c r="E6344" s="141">
        <v>1999</v>
      </c>
      <c r="F6344" s="141">
        <v>1672</v>
      </c>
      <c r="G6344" s="98" t="s">
        <v>1</v>
      </c>
      <c r="H6344" s="98">
        <v>0</v>
      </c>
      <c r="I6344" s="98">
        <v>0</v>
      </c>
      <c r="J6344" s="98">
        <v>1</v>
      </c>
      <c r="K6344" s="98">
        <v>1</v>
      </c>
      <c r="L6344" s="98">
        <v>1</v>
      </c>
      <c r="M6344" s="98">
        <v>0</v>
      </c>
      <c r="N6344" s="98">
        <v>0</v>
      </c>
      <c r="O6344" s="98">
        <v>0</v>
      </c>
      <c r="P6344" s="98">
        <v>1</v>
      </c>
      <c r="Q6344" s="98">
        <v>0</v>
      </c>
      <c r="R6344" s="98">
        <v>1</v>
      </c>
      <c r="S6344" s="98">
        <v>0</v>
      </c>
      <c r="T6344" s="98">
        <v>0</v>
      </c>
      <c r="U6344" s="99"/>
      <c r="V6344" s="99"/>
      <c r="W6344" s="99"/>
      <c r="X6344" s="99"/>
      <c r="Y6344" s="99"/>
      <c r="Z6344" s="99"/>
      <c r="AA6344" s="99"/>
      <c r="AB6344" s="99"/>
      <c r="AC6344" s="99"/>
      <c r="AD6344" s="99"/>
      <c r="AE6344" s="99"/>
      <c r="AF6344" s="99"/>
      <c r="AG6344" s="99"/>
      <c r="AH6344" s="99"/>
      <c r="AI6344" s="99"/>
      <c r="AJ6344" s="99"/>
      <c r="AK6344" s="99"/>
      <c r="AL6344" s="99"/>
      <c r="AM6344" s="99"/>
      <c r="AN6344" s="99"/>
      <c r="AO6344" s="99"/>
      <c r="AP6344" s="99"/>
      <c r="AQ6344" s="99"/>
      <c r="AR6344" s="99"/>
      <c r="AS6344" s="99"/>
      <c r="AT6344" s="99"/>
      <c r="AU6344" s="99"/>
      <c r="AV6344" s="99"/>
      <c r="AW6344" s="99"/>
      <c r="AX6344" s="99"/>
      <c r="AY6344" s="99"/>
      <c r="AZ6344" s="99"/>
      <c r="BA6344" s="99"/>
      <c r="BB6344" s="107">
        <v>45884</v>
      </c>
    </row>
    <row r="6345" spans="1:54" s="8" customFormat="1" ht="13.95" customHeight="1" x14ac:dyDescent="0.25">
      <c r="A6345" s="219" t="s">
        <v>15016</v>
      </c>
      <c r="B6345" s="220" t="s">
        <v>14601</v>
      </c>
      <c r="C6345" s="98" t="s">
        <v>15017</v>
      </c>
      <c r="D6345" s="98" t="s">
        <v>15018</v>
      </c>
      <c r="E6345" s="141">
        <v>2000</v>
      </c>
      <c r="F6345" s="141">
        <v>360</v>
      </c>
      <c r="G6345" s="98" t="s">
        <v>1</v>
      </c>
      <c r="H6345" s="98">
        <v>0</v>
      </c>
      <c r="I6345" s="98">
        <v>0</v>
      </c>
      <c r="J6345" s="98">
        <v>0</v>
      </c>
      <c r="K6345" s="98">
        <v>1</v>
      </c>
      <c r="L6345" s="98">
        <v>0</v>
      </c>
      <c r="M6345" s="98">
        <v>1</v>
      </c>
      <c r="N6345" s="98">
        <v>0</v>
      </c>
      <c r="O6345" s="98">
        <v>0</v>
      </c>
      <c r="P6345" s="98">
        <v>0</v>
      </c>
      <c r="Q6345" s="98">
        <v>0</v>
      </c>
      <c r="R6345" s="98">
        <v>0</v>
      </c>
      <c r="S6345" s="98">
        <v>0</v>
      </c>
      <c r="T6345" s="98">
        <v>0</v>
      </c>
      <c r="U6345" s="99"/>
      <c r="V6345" s="99"/>
      <c r="W6345" s="99"/>
      <c r="X6345" s="99"/>
      <c r="Y6345" s="99"/>
      <c r="Z6345" s="99"/>
      <c r="AA6345" s="99"/>
      <c r="AB6345" s="99"/>
      <c r="AC6345" s="99"/>
      <c r="AD6345" s="99"/>
      <c r="AE6345" s="99"/>
      <c r="AF6345" s="99"/>
      <c r="AG6345" s="99"/>
      <c r="AH6345" s="99"/>
      <c r="AI6345" s="99"/>
      <c r="AJ6345" s="99"/>
      <c r="AK6345" s="99"/>
      <c r="AL6345" s="99"/>
      <c r="AM6345" s="99"/>
      <c r="AN6345" s="99"/>
      <c r="AO6345" s="99"/>
      <c r="AP6345" s="99"/>
      <c r="AQ6345" s="99"/>
      <c r="AR6345" s="99"/>
      <c r="AS6345" s="99"/>
      <c r="AT6345" s="99"/>
      <c r="AU6345" s="99"/>
      <c r="AV6345" s="99"/>
      <c r="AW6345" s="99"/>
      <c r="AX6345" s="99"/>
      <c r="AY6345" s="99"/>
      <c r="AZ6345" s="99"/>
      <c r="BA6345" s="99"/>
      <c r="BB6345" s="107">
        <v>45884</v>
      </c>
    </row>
    <row r="6346" spans="1:54" s="8" customFormat="1" ht="13.95" customHeight="1" x14ac:dyDescent="0.25">
      <c r="A6346" s="219" t="s">
        <v>15019</v>
      </c>
      <c r="B6346" s="220" t="s">
        <v>14601</v>
      </c>
      <c r="C6346" s="98" t="s">
        <v>15020</v>
      </c>
      <c r="D6346" s="98" t="s">
        <v>15021</v>
      </c>
      <c r="E6346" s="141">
        <v>2000</v>
      </c>
      <c r="F6346" s="141">
        <v>684</v>
      </c>
      <c r="G6346" s="98" t="s">
        <v>1</v>
      </c>
      <c r="H6346" s="98">
        <v>0</v>
      </c>
      <c r="I6346" s="98">
        <v>0</v>
      </c>
      <c r="J6346" s="98">
        <v>1</v>
      </c>
      <c r="K6346" s="98">
        <v>0</v>
      </c>
      <c r="L6346" s="98">
        <v>1</v>
      </c>
      <c r="M6346" s="98">
        <v>0</v>
      </c>
      <c r="N6346" s="98">
        <v>0</v>
      </c>
      <c r="O6346" s="98">
        <v>0</v>
      </c>
      <c r="P6346" s="98">
        <v>1</v>
      </c>
      <c r="Q6346" s="98">
        <v>0</v>
      </c>
      <c r="R6346" s="98">
        <v>0</v>
      </c>
      <c r="S6346" s="98">
        <v>0</v>
      </c>
      <c r="T6346" s="98">
        <v>0</v>
      </c>
      <c r="U6346" s="99"/>
      <c r="V6346" s="99"/>
      <c r="W6346" s="99"/>
      <c r="X6346" s="99"/>
      <c r="Y6346" s="99"/>
      <c r="Z6346" s="99"/>
      <c r="AA6346" s="99"/>
      <c r="AB6346" s="99"/>
      <c r="AC6346" s="99"/>
      <c r="AD6346" s="99"/>
      <c r="AE6346" s="99"/>
      <c r="AF6346" s="99"/>
      <c r="AG6346" s="99"/>
      <c r="AH6346" s="99"/>
      <c r="AI6346" s="99"/>
      <c r="AJ6346" s="99"/>
      <c r="AK6346" s="99"/>
      <c r="AL6346" s="99"/>
      <c r="AM6346" s="99"/>
      <c r="AN6346" s="99"/>
      <c r="AO6346" s="99"/>
      <c r="AP6346" s="99"/>
      <c r="AQ6346" s="99"/>
      <c r="AR6346" s="99"/>
      <c r="AS6346" s="99"/>
      <c r="AT6346" s="99"/>
      <c r="AU6346" s="99"/>
      <c r="AV6346" s="99"/>
      <c r="AW6346" s="99"/>
      <c r="AX6346" s="99"/>
      <c r="AY6346" s="99"/>
      <c r="AZ6346" s="99"/>
      <c r="BA6346" s="99"/>
      <c r="BB6346" s="107">
        <v>45884</v>
      </c>
    </row>
    <row r="6347" spans="1:54" s="8" customFormat="1" ht="13.95" customHeight="1" x14ac:dyDescent="0.25">
      <c r="A6347" s="219" t="s">
        <v>15022</v>
      </c>
      <c r="B6347" s="220" t="s">
        <v>14601</v>
      </c>
      <c r="C6347" s="98" t="s">
        <v>15023</v>
      </c>
      <c r="D6347" s="98" t="s">
        <v>15024</v>
      </c>
      <c r="E6347" s="141">
        <v>2002</v>
      </c>
      <c r="F6347" s="141">
        <v>199</v>
      </c>
      <c r="G6347" s="98" t="s">
        <v>1</v>
      </c>
      <c r="H6347" s="98">
        <v>0</v>
      </c>
      <c r="I6347" s="98">
        <v>0</v>
      </c>
      <c r="J6347" s="98">
        <v>1</v>
      </c>
      <c r="K6347" s="98">
        <v>1</v>
      </c>
      <c r="L6347" s="98">
        <v>1</v>
      </c>
      <c r="M6347" s="98">
        <v>0</v>
      </c>
      <c r="N6347" s="98">
        <v>0</v>
      </c>
      <c r="O6347" s="98">
        <v>0</v>
      </c>
      <c r="P6347" s="98">
        <v>1</v>
      </c>
      <c r="Q6347" s="98">
        <v>0</v>
      </c>
      <c r="R6347" s="98">
        <v>0</v>
      </c>
      <c r="S6347" s="98">
        <v>0</v>
      </c>
      <c r="T6347" s="98">
        <v>0</v>
      </c>
      <c r="U6347" s="99"/>
      <c r="V6347" s="99"/>
      <c r="W6347" s="99"/>
      <c r="X6347" s="99"/>
      <c r="Y6347" s="99"/>
      <c r="Z6347" s="99"/>
      <c r="AA6347" s="99"/>
      <c r="AB6347" s="99"/>
      <c r="AC6347" s="99"/>
      <c r="AD6347" s="99"/>
      <c r="AE6347" s="99"/>
      <c r="AF6347" s="99"/>
      <c r="AG6347" s="99"/>
      <c r="AH6347" s="99"/>
      <c r="AI6347" s="99"/>
      <c r="AJ6347" s="99"/>
      <c r="AK6347" s="99"/>
      <c r="AL6347" s="99"/>
      <c r="AM6347" s="99"/>
      <c r="AN6347" s="99"/>
      <c r="AO6347" s="99"/>
      <c r="AP6347" s="99"/>
      <c r="AQ6347" s="99"/>
      <c r="AR6347" s="99"/>
      <c r="AS6347" s="99"/>
      <c r="AT6347" s="99"/>
      <c r="AU6347" s="99"/>
      <c r="AV6347" s="99"/>
      <c r="AW6347" s="99"/>
      <c r="AX6347" s="99"/>
      <c r="AY6347" s="99"/>
      <c r="AZ6347" s="99"/>
      <c r="BA6347" s="99"/>
      <c r="BB6347" s="107">
        <v>45884</v>
      </c>
    </row>
    <row r="6348" spans="1:54" s="8" customFormat="1" ht="13.95" customHeight="1" x14ac:dyDescent="0.25">
      <c r="A6348" s="219" t="s">
        <v>15025</v>
      </c>
      <c r="B6348" s="220" t="s">
        <v>14601</v>
      </c>
      <c r="C6348" s="98" t="s">
        <v>15026</v>
      </c>
      <c r="D6348" s="98" t="s">
        <v>15027</v>
      </c>
      <c r="E6348" s="141">
        <v>2002</v>
      </c>
      <c r="F6348" s="141">
        <v>328</v>
      </c>
      <c r="G6348" s="98" t="s">
        <v>1</v>
      </c>
      <c r="H6348" s="98">
        <v>0</v>
      </c>
      <c r="I6348" s="98">
        <v>0</v>
      </c>
      <c r="J6348" s="98">
        <v>0</v>
      </c>
      <c r="K6348" s="98">
        <v>1</v>
      </c>
      <c r="L6348" s="98">
        <v>0</v>
      </c>
      <c r="M6348" s="98">
        <v>0</v>
      </c>
      <c r="N6348" s="98">
        <v>0</v>
      </c>
      <c r="O6348" s="98">
        <v>0</v>
      </c>
      <c r="P6348" s="98">
        <v>1</v>
      </c>
      <c r="Q6348" s="98">
        <v>0</v>
      </c>
      <c r="R6348" s="98">
        <v>1</v>
      </c>
      <c r="S6348" s="98">
        <v>0</v>
      </c>
      <c r="T6348" s="98">
        <v>0</v>
      </c>
      <c r="U6348" s="99"/>
      <c r="V6348" s="99"/>
      <c r="W6348" s="99"/>
      <c r="X6348" s="99"/>
      <c r="Y6348" s="99"/>
      <c r="Z6348" s="99"/>
      <c r="AA6348" s="99"/>
      <c r="AB6348" s="99"/>
      <c r="AC6348" s="99"/>
      <c r="AD6348" s="99"/>
      <c r="AE6348" s="99"/>
      <c r="AF6348" s="99"/>
      <c r="AG6348" s="99"/>
      <c r="AH6348" s="99"/>
      <c r="AI6348" s="99"/>
      <c r="AJ6348" s="99"/>
      <c r="AK6348" s="99"/>
      <c r="AL6348" s="99"/>
      <c r="AM6348" s="99"/>
      <c r="AN6348" s="99"/>
      <c r="AO6348" s="99"/>
      <c r="AP6348" s="99"/>
      <c r="AQ6348" s="99"/>
      <c r="AR6348" s="99"/>
      <c r="AS6348" s="99"/>
      <c r="AT6348" s="99"/>
      <c r="AU6348" s="99"/>
      <c r="AV6348" s="99"/>
      <c r="AW6348" s="99"/>
      <c r="AX6348" s="99"/>
      <c r="AY6348" s="99"/>
      <c r="AZ6348" s="99"/>
      <c r="BA6348" s="99"/>
      <c r="BB6348" s="107">
        <v>45884</v>
      </c>
    </row>
    <row r="6349" spans="1:54" s="8" customFormat="1" ht="13.95" customHeight="1" x14ac:dyDescent="0.25">
      <c r="A6349" s="219" t="s">
        <v>15028</v>
      </c>
      <c r="B6349" s="220" t="s">
        <v>14601</v>
      </c>
      <c r="C6349" s="98" t="s">
        <v>15029</v>
      </c>
      <c r="D6349" s="98" t="s">
        <v>15030</v>
      </c>
      <c r="E6349" s="141">
        <v>2002</v>
      </c>
      <c r="F6349" s="141">
        <v>268</v>
      </c>
      <c r="G6349" s="98" t="s">
        <v>1</v>
      </c>
      <c r="H6349" s="98">
        <v>0</v>
      </c>
      <c r="I6349" s="98">
        <v>0</v>
      </c>
      <c r="J6349" s="98">
        <v>1</v>
      </c>
      <c r="K6349" s="98">
        <v>1</v>
      </c>
      <c r="L6349" s="98">
        <v>1</v>
      </c>
      <c r="M6349" s="98">
        <v>0</v>
      </c>
      <c r="N6349" s="98">
        <v>0</v>
      </c>
      <c r="O6349" s="98">
        <v>0</v>
      </c>
      <c r="P6349" s="98">
        <v>1</v>
      </c>
      <c r="Q6349" s="98">
        <v>0</v>
      </c>
      <c r="R6349" s="98">
        <v>0</v>
      </c>
      <c r="S6349" s="98">
        <v>0</v>
      </c>
      <c r="T6349" s="98">
        <v>0</v>
      </c>
      <c r="U6349" s="99"/>
      <c r="V6349" s="99"/>
      <c r="W6349" s="99"/>
      <c r="X6349" s="99"/>
      <c r="Y6349" s="99"/>
      <c r="Z6349" s="99"/>
      <c r="AA6349" s="99"/>
      <c r="AB6349" s="99"/>
      <c r="AC6349" s="99"/>
      <c r="AD6349" s="99"/>
      <c r="AE6349" s="99"/>
      <c r="AF6349" s="99"/>
      <c r="AG6349" s="99"/>
      <c r="AH6349" s="99"/>
      <c r="AI6349" s="99"/>
      <c r="AJ6349" s="99"/>
      <c r="AK6349" s="99"/>
      <c r="AL6349" s="99"/>
      <c r="AM6349" s="99"/>
      <c r="AN6349" s="99"/>
      <c r="AO6349" s="99"/>
      <c r="AP6349" s="99"/>
      <c r="AQ6349" s="99"/>
      <c r="AR6349" s="99"/>
      <c r="AS6349" s="99"/>
      <c r="AT6349" s="99"/>
      <c r="AU6349" s="99"/>
      <c r="AV6349" s="99"/>
      <c r="AW6349" s="99"/>
      <c r="AX6349" s="99"/>
      <c r="AY6349" s="99"/>
      <c r="AZ6349" s="99"/>
      <c r="BA6349" s="99"/>
      <c r="BB6349" s="107">
        <v>45884</v>
      </c>
    </row>
    <row r="6350" spans="1:54" s="8" customFormat="1" ht="13.95" customHeight="1" x14ac:dyDescent="0.25">
      <c r="A6350" s="219" t="s">
        <v>15031</v>
      </c>
      <c r="B6350" s="220" t="s">
        <v>14601</v>
      </c>
      <c r="C6350" s="98" t="s">
        <v>15032</v>
      </c>
      <c r="D6350" s="98" t="s">
        <v>15033</v>
      </c>
      <c r="E6350" s="141">
        <v>2003</v>
      </c>
      <c r="F6350" s="141">
        <v>147</v>
      </c>
      <c r="G6350" s="98" t="s">
        <v>1</v>
      </c>
      <c r="H6350" s="98">
        <v>0</v>
      </c>
      <c r="I6350" s="98">
        <v>0</v>
      </c>
      <c r="J6350" s="98">
        <v>0</v>
      </c>
      <c r="K6350" s="98">
        <v>0</v>
      </c>
      <c r="L6350" s="98">
        <v>0</v>
      </c>
      <c r="M6350" s="98">
        <v>0</v>
      </c>
      <c r="N6350" s="98">
        <v>1</v>
      </c>
      <c r="O6350" s="98">
        <v>0</v>
      </c>
      <c r="P6350" s="98">
        <v>0</v>
      </c>
      <c r="Q6350" s="98">
        <v>0</v>
      </c>
      <c r="R6350" s="98">
        <v>0</v>
      </c>
      <c r="S6350" s="98">
        <v>0</v>
      </c>
      <c r="T6350" s="98">
        <v>0</v>
      </c>
      <c r="U6350" s="99"/>
      <c r="V6350" s="99"/>
      <c r="W6350" s="99"/>
      <c r="X6350" s="99"/>
      <c r="Y6350" s="99"/>
      <c r="Z6350" s="99"/>
      <c r="AA6350" s="99"/>
      <c r="AB6350" s="99"/>
      <c r="AC6350" s="99"/>
      <c r="AD6350" s="99"/>
      <c r="AE6350" s="99"/>
      <c r="AF6350" s="99"/>
      <c r="AG6350" s="99"/>
      <c r="AH6350" s="99"/>
      <c r="AI6350" s="99"/>
      <c r="AJ6350" s="99"/>
      <c r="AK6350" s="99"/>
      <c r="AL6350" s="99"/>
      <c r="AM6350" s="99"/>
      <c r="AN6350" s="99"/>
      <c r="AO6350" s="99"/>
      <c r="AP6350" s="99"/>
      <c r="AQ6350" s="99"/>
      <c r="AR6350" s="99"/>
      <c r="AS6350" s="99"/>
      <c r="AT6350" s="99"/>
      <c r="AU6350" s="99"/>
      <c r="AV6350" s="99"/>
      <c r="AW6350" s="99"/>
      <c r="AX6350" s="99"/>
      <c r="AY6350" s="99"/>
      <c r="AZ6350" s="99"/>
      <c r="BA6350" s="99"/>
      <c r="BB6350" s="107">
        <v>45884</v>
      </c>
    </row>
    <row r="6351" spans="1:54" s="8" customFormat="1" ht="13.95" customHeight="1" x14ac:dyDescent="0.25">
      <c r="A6351" s="219" t="s">
        <v>15034</v>
      </c>
      <c r="B6351" s="220" t="s">
        <v>14601</v>
      </c>
      <c r="C6351" s="98" t="s">
        <v>15035</v>
      </c>
      <c r="D6351" s="98" t="s">
        <v>15036</v>
      </c>
      <c r="E6351" s="141">
        <v>2003</v>
      </c>
      <c r="F6351" s="141">
        <v>412</v>
      </c>
      <c r="G6351" s="98" t="s">
        <v>1</v>
      </c>
      <c r="H6351" s="98">
        <v>0</v>
      </c>
      <c r="I6351" s="98">
        <v>0</v>
      </c>
      <c r="J6351" s="98">
        <v>0</v>
      </c>
      <c r="K6351" s="98">
        <v>0</v>
      </c>
      <c r="L6351" s="98">
        <v>0</v>
      </c>
      <c r="M6351" s="98">
        <v>1</v>
      </c>
      <c r="N6351" s="98">
        <v>0</v>
      </c>
      <c r="O6351" s="98">
        <v>0</v>
      </c>
      <c r="P6351" s="98">
        <v>0</v>
      </c>
      <c r="Q6351" s="98">
        <v>0</v>
      </c>
      <c r="R6351" s="98">
        <v>0</v>
      </c>
      <c r="S6351" s="98">
        <v>0</v>
      </c>
      <c r="T6351" s="98">
        <v>0</v>
      </c>
      <c r="U6351" s="99"/>
      <c r="V6351" s="99"/>
      <c r="W6351" s="99"/>
      <c r="X6351" s="99"/>
      <c r="Y6351" s="99"/>
      <c r="Z6351" s="99"/>
      <c r="AA6351" s="99"/>
      <c r="AB6351" s="99"/>
      <c r="AC6351" s="99"/>
      <c r="AD6351" s="99"/>
      <c r="AE6351" s="99"/>
      <c r="AF6351" s="99"/>
      <c r="AG6351" s="99"/>
      <c r="AH6351" s="99"/>
      <c r="AI6351" s="99"/>
      <c r="AJ6351" s="99"/>
      <c r="AK6351" s="99"/>
      <c r="AL6351" s="99"/>
      <c r="AM6351" s="99"/>
      <c r="AN6351" s="99"/>
      <c r="AO6351" s="99"/>
      <c r="AP6351" s="99"/>
      <c r="AQ6351" s="99"/>
      <c r="AR6351" s="99"/>
      <c r="AS6351" s="99"/>
      <c r="AT6351" s="99"/>
      <c r="AU6351" s="99"/>
      <c r="AV6351" s="99"/>
      <c r="AW6351" s="99"/>
      <c r="AX6351" s="99"/>
      <c r="AY6351" s="99"/>
      <c r="AZ6351" s="99"/>
      <c r="BA6351" s="99"/>
      <c r="BB6351" s="107">
        <v>45884</v>
      </c>
    </row>
    <row r="6352" spans="1:54" s="8" customFormat="1" ht="13.95" customHeight="1" x14ac:dyDescent="0.25">
      <c r="A6352" s="219" t="s">
        <v>15037</v>
      </c>
      <c r="B6352" s="220" t="s">
        <v>14601</v>
      </c>
      <c r="C6352" s="98" t="s">
        <v>15038</v>
      </c>
      <c r="D6352" s="98" t="s">
        <v>15039</v>
      </c>
      <c r="E6352" s="141">
        <v>2004</v>
      </c>
      <c r="F6352" s="141">
        <v>196</v>
      </c>
      <c r="G6352" s="98" t="s">
        <v>1</v>
      </c>
      <c r="H6352" s="98">
        <v>0</v>
      </c>
      <c r="I6352" s="98">
        <v>0</v>
      </c>
      <c r="J6352" s="98">
        <v>0</v>
      </c>
      <c r="K6352" s="98">
        <v>1</v>
      </c>
      <c r="L6352" s="98">
        <v>1</v>
      </c>
      <c r="M6352" s="98">
        <v>0</v>
      </c>
      <c r="N6352" s="98">
        <v>0</v>
      </c>
      <c r="O6352" s="98">
        <v>0</v>
      </c>
      <c r="P6352" s="98">
        <v>1</v>
      </c>
      <c r="Q6352" s="98">
        <v>0</v>
      </c>
      <c r="R6352" s="98">
        <v>1</v>
      </c>
      <c r="S6352" s="98">
        <v>0</v>
      </c>
      <c r="T6352" s="98">
        <v>0</v>
      </c>
      <c r="U6352" s="99"/>
      <c r="V6352" s="99"/>
      <c r="W6352" s="99"/>
      <c r="X6352" s="99"/>
      <c r="Y6352" s="99"/>
      <c r="Z6352" s="99"/>
      <c r="AA6352" s="99"/>
      <c r="AB6352" s="99"/>
      <c r="AC6352" s="99"/>
      <c r="AD6352" s="99"/>
      <c r="AE6352" s="99"/>
      <c r="AF6352" s="99"/>
      <c r="AG6352" s="99"/>
      <c r="AH6352" s="99"/>
      <c r="AI6352" s="99"/>
      <c r="AJ6352" s="99"/>
      <c r="AK6352" s="99"/>
      <c r="AL6352" s="99"/>
      <c r="AM6352" s="99"/>
      <c r="AN6352" s="99"/>
      <c r="AO6352" s="99"/>
      <c r="AP6352" s="99"/>
      <c r="AQ6352" s="99"/>
      <c r="AR6352" s="99"/>
      <c r="AS6352" s="99"/>
      <c r="AT6352" s="99"/>
      <c r="AU6352" s="99"/>
      <c r="AV6352" s="99"/>
      <c r="AW6352" s="99"/>
      <c r="AX6352" s="99"/>
      <c r="AY6352" s="99"/>
      <c r="AZ6352" s="99"/>
      <c r="BA6352" s="99"/>
      <c r="BB6352" s="107">
        <v>45884</v>
      </c>
    </row>
    <row r="6353" spans="1:54" s="8" customFormat="1" ht="13.95" customHeight="1" x14ac:dyDescent="0.25">
      <c r="A6353" s="219" t="s">
        <v>15040</v>
      </c>
      <c r="B6353" s="220" t="s">
        <v>14601</v>
      </c>
      <c r="C6353" s="98" t="s">
        <v>15041</v>
      </c>
      <c r="D6353" s="98" t="s">
        <v>15042</v>
      </c>
      <c r="E6353" s="141">
        <v>2005</v>
      </c>
      <c r="F6353" s="141">
        <v>160</v>
      </c>
      <c r="G6353" s="98" t="s">
        <v>1</v>
      </c>
      <c r="H6353" s="98">
        <v>0</v>
      </c>
      <c r="I6353" s="98">
        <v>0</v>
      </c>
      <c r="J6353" s="98">
        <v>0</v>
      </c>
      <c r="K6353" s="98">
        <v>1</v>
      </c>
      <c r="L6353" s="98">
        <v>1</v>
      </c>
      <c r="M6353" s="98">
        <v>0</v>
      </c>
      <c r="N6353" s="98">
        <v>0</v>
      </c>
      <c r="O6353" s="98">
        <v>0</v>
      </c>
      <c r="P6353" s="98">
        <v>1</v>
      </c>
      <c r="Q6353" s="98">
        <v>0</v>
      </c>
      <c r="R6353" s="98">
        <v>0</v>
      </c>
      <c r="S6353" s="98">
        <v>0</v>
      </c>
      <c r="T6353" s="98">
        <v>0</v>
      </c>
      <c r="U6353" s="99"/>
      <c r="V6353" s="99"/>
      <c r="W6353" s="99"/>
      <c r="X6353" s="99"/>
      <c r="Y6353" s="99"/>
      <c r="Z6353" s="99"/>
      <c r="AA6353" s="99"/>
      <c r="AB6353" s="99"/>
      <c r="AC6353" s="99"/>
      <c r="AD6353" s="99"/>
      <c r="AE6353" s="99"/>
      <c r="AF6353" s="99"/>
      <c r="AG6353" s="99"/>
      <c r="AH6353" s="99"/>
      <c r="AI6353" s="99"/>
      <c r="AJ6353" s="99"/>
      <c r="AK6353" s="99"/>
      <c r="AL6353" s="99"/>
      <c r="AM6353" s="99"/>
      <c r="AN6353" s="99"/>
      <c r="AO6353" s="99"/>
      <c r="AP6353" s="99"/>
      <c r="AQ6353" s="99"/>
      <c r="AR6353" s="99"/>
      <c r="AS6353" s="99"/>
      <c r="AT6353" s="99"/>
      <c r="AU6353" s="99"/>
      <c r="AV6353" s="99"/>
      <c r="AW6353" s="99"/>
      <c r="AX6353" s="99"/>
      <c r="AY6353" s="99"/>
      <c r="AZ6353" s="99"/>
      <c r="BA6353" s="99"/>
      <c r="BB6353" s="107">
        <v>45884</v>
      </c>
    </row>
    <row r="6354" spans="1:54" s="8" customFormat="1" ht="13.95" customHeight="1" x14ac:dyDescent="0.25">
      <c r="A6354" s="219" t="s">
        <v>15043</v>
      </c>
      <c r="B6354" s="220" t="s">
        <v>14601</v>
      </c>
      <c r="C6354" s="98" t="s">
        <v>15044</v>
      </c>
      <c r="D6354" s="98" t="s">
        <v>15045</v>
      </c>
      <c r="E6354" s="141">
        <v>2006</v>
      </c>
      <c r="F6354" s="141">
        <v>744</v>
      </c>
      <c r="G6354" s="98" t="s">
        <v>1</v>
      </c>
      <c r="H6354" s="98">
        <v>0</v>
      </c>
      <c r="I6354" s="98">
        <v>0</v>
      </c>
      <c r="J6354" s="98">
        <v>1</v>
      </c>
      <c r="K6354" s="98">
        <v>0</v>
      </c>
      <c r="L6354" s="98">
        <v>0</v>
      </c>
      <c r="M6354" s="98">
        <v>0</v>
      </c>
      <c r="N6354" s="98">
        <v>0</v>
      </c>
      <c r="O6354" s="98">
        <v>0</v>
      </c>
      <c r="P6354" s="98">
        <v>1</v>
      </c>
      <c r="Q6354" s="98">
        <v>0</v>
      </c>
      <c r="R6354" s="98">
        <v>1</v>
      </c>
      <c r="S6354" s="98">
        <v>1</v>
      </c>
      <c r="T6354" s="98">
        <v>0</v>
      </c>
      <c r="U6354" s="99"/>
      <c r="V6354" s="99"/>
      <c r="W6354" s="99"/>
      <c r="X6354" s="99"/>
      <c r="Y6354" s="99"/>
      <c r="Z6354" s="99"/>
      <c r="AA6354" s="99"/>
      <c r="AB6354" s="99"/>
      <c r="AC6354" s="99"/>
      <c r="AD6354" s="99"/>
      <c r="AE6354" s="99"/>
      <c r="AF6354" s="99"/>
      <c r="AG6354" s="99"/>
      <c r="AH6354" s="99"/>
      <c r="AI6354" s="99"/>
      <c r="AJ6354" s="99"/>
      <c r="AK6354" s="99"/>
      <c r="AL6354" s="99"/>
      <c r="AM6354" s="99"/>
      <c r="AN6354" s="99"/>
      <c r="AO6354" s="99"/>
      <c r="AP6354" s="99"/>
      <c r="AQ6354" s="99"/>
      <c r="AR6354" s="99"/>
      <c r="AS6354" s="99"/>
      <c r="AT6354" s="99"/>
      <c r="AU6354" s="99"/>
      <c r="AV6354" s="99"/>
      <c r="AW6354" s="99"/>
      <c r="AX6354" s="99"/>
      <c r="AY6354" s="99"/>
      <c r="AZ6354" s="99"/>
      <c r="BA6354" s="98" t="s">
        <v>6830</v>
      </c>
      <c r="BB6354" s="107">
        <v>45884</v>
      </c>
    </row>
    <row r="6355" spans="1:54" s="8" customFormat="1" ht="13.95" customHeight="1" x14ac:dyDescent="0.25">
      <c r="A6355" s="219" t="s">
        <v>15046</v>
      </c>
      <c r="B6355" s="220" t="s">
        <v>14601</v>
      </c>
      <c r="C6355" s="98" t="s">
        <v>15047</v>
      </c>
      <c r="D6355" s="98" t="s">
        <v>15048</v>
      </c>
      <c r="E6355" s="141">
        <v>2006</v>
      </c>
      <c r="F6355" s="141">
        <v>344</v>
      </c>
      <c r="G6355" s="98" t="s">
        <v>1</v>
      </c>
      <c r="H6355" s="98">
        <v>0</v>
      </c>
      <c r="I6355" s="98">
        <v>0</v>
      </c>
      <c r="J6355" s="98">
        <v>0</v>
      </c>
      <c r="K6355" s="98">
        <v>1</v>
      </c>
      <c r="L6355" s="98">
        <v>1</v>
      </c>
      <c r="M6355" s="98">
        <v>0</v>
      </c>
      <c r="N6355" s="98">
        <v>0</v>
      </c>
      <c r="O6355" s="98">
        <v>0</v>
      </c>
      <c r="P6355" s="98">
        <v>1</v>
      </c>
      <c r="Q6355" s="98">
        <v>0</v>
      </c>
      <c r="R6355" s="98">
        <v>1</v>
      </c>
      <c r="S6355" s="98">
        <v>0</v>
      </c>
      <c r="T6355" s="98">
        <v>0</v>
      </c>
      <c r="U6355" s="99"/>
      <c r="V6355" s="99"/>
      <c r="W6355" s="99"/>
      <c r="X6355" s="99"/>
      <c r="Y6355" s="99"/>
      <c r="Z6355" s="99"/>
      <c r="AA6355" s="99"/>
      <c r="AB6355" s="99"/>
      <c r="AC6355" s="99"/>
      <c r="AD6355" s="99"/>
      <c r="AE6355" s="99"/>
      <c r="AF6355" s="99"/>
      <c r="AG6355" s="99"/>
      <c r="AH6355" s="99"/>
      <c r="AI6355" s="99"/>
      <c r="AJ6355" s="99"/>
      <c r="AK6355" s="99"/>
      <c r="AL6355" s="99"/>
      <c r="AM6355" s="99"/>
      <c r="AN6355" s="99"/>
      <c r="AO6355" s="99"/>
      <c r="AP6355" s="99"/>
      <c r="AQ6355" s="99"/>
      <c r="AR6355" s="99"/>
      <c r="AS6355" s="99"/>
      <c r="AT6355" s="99"/>
      <c r="AU6355" s="99"/>
      <c r="AV6355" s="99"/>
      <c r="AW6355" s="99"/>
      <c r="AX6355" s="99"/>
      <c r="AY6355" s="99"/>
      <c r="AZ6355" s="99"/>
      <c r="BA6355" s="99"/>
      <c r="BB6355" s="107">
        <v>45884</v>
      </c>
    </row>
    <row r="6356" spans="1:54" s="8" customFormat="1" ht="13.95" customHeight="1" x14ac:dyDescent="0.25">
      <c r="A6356" s="219" t="s">
        <v>15049</v>
      </c>
      <c r="B6356" s="220" t="s">
        <v>14601</v>
      </c>
      <c r="C6356" s="98" t="s">
        <v>15050</v>
      </c>
      <c r="D6356" s="98" t="s">
        <v>15051</v>
      </c>
      <c r="E6356" s="141">
        <v>2006</v>
      </c>
      <c r="F6356" s="141">
        <v>347</v>
      </c>
      <c r="G6356" s="98" t="s">
        <v>1</v>
      </c>
      <c r="H6356" s="98">
        <v>0</v>
      </c>
      <c r="I6356" s="98">
        <v>0</v>
      </c>
      <c r="J6356" s="98">
        <v>1</v>
      </c>
      <c r="K6356" s="98">
        <v>0</v>
      </c>
      <c r="L6356" s="98">
        <v>0</v>
      </c>
      <c r="M6356" s="98">
        <v>1</v>
      </c>
      <c r="N6356" s="98">
        <v>0</v>
      </c>
      <c r="O6356" s="98">
        <v>0</v>
      </c>
      <c r="P6356" s="98">
        <v>0</v>
      </c>
      <c r="Q6356" s="98">
        <v>0</v>
      </c>
      <c r="R6356" s="98">
        <v>0</v>
      </c>
      <c r="S6356" s="98">
        <v>0</v>
      </c>
      <c r="T6356" s="98">
        <v>0</v>
      </c>
      <c r="U6356" s="99"/>
      <c r="V6356" s="99"/>
      <c r="W6356" s="99"/>
      <c r="X6356" s="99"/>
      <c r="Y6356" s="99"/>
      <c r="Z6356" s="99"/>
      <c r="AA6356" s="99"/>
      <c r="AB6356" s="99"/>
      <c r="AC6356" s="99"/>
      <c r="AD6356" s="99"/>
      <c r="AE6356" s="99"/>
      <c r="AF6356" s="99"/>
      <c r="AG6356" s="99"/>
      <c r="AH6356" s="99"/>
      <c r="AI6356" s="99"/>
      <c r="AJ6356" s="99"/>
      <c r="AK6356" s="99"/>
      <c r="AL6356" s="99"/>
      <c r="AM6356" s="99"/>
      <c r="AN6356" s="99"/>
      <c r="AO6356" s="99"/>
      <c r="AP6356" s="99"/>
      <c r="AQ6356" s="99"/>
      <c r="AR6356" s="99"/>
      <c r="AS6356" s="99"/>
      <c r="AT6356" s="99"/>
      <c r="AU6356" s="99"/>
      <c r="AV6356" s="99"/>
      <c r="AW6356" s="99"/>
      <c r="AX6356" s="99"/>
      <c r="AY6356" s="99"/>
      <c r="AZ6356" s="99"/>
      <c r="BA6356" s="99"/>
      <c r="BB6356" s="107">
        <v>45884</v>
      </c>
    </row>
    <row r="6357" spans="1:54" s="8" customFormat="1" ht="13.95" customHeight="1" x14ac:dyDescent="0.25">
      <c r="A6357" s="219" t="s">
        <v>15052</v>
      </c>
      <c r="B6357" s="220" t="s">
        <v>14601</v>
      </c>
      <c r="C6357" s="98" t="s">
        <v>6294</v>
      </c>
      <c r="D6357" s="98" t="s">
        <v>15053</v>
      </c>
      <c r="E6357" s="141">
        <v>2006</v>
      </c>
      <c r="F6357" s="141">
        <v>7708</v>
      </c>
      <c r="G6357" s="98" t="s">
        <v>1</v>
      </c>
      <c r="H6357" s="98">
        <v>0</v>
      </c>
      <c r="I6357" s="98">
        <v>0</v>
      </c>
      <c r="J6357" s="98">
        <v>1</v>
      </c>
      <c r="K6357" s="98">
        <v>1</v>
      </c>
      <c r="L6357" s="98">
        <v>1</v>
      </c>
      <c r="M6357" s="98">
        <v>1</v>
      </c>
      <c r="N6357" s="98">
        <v>1</v>
      </c>
      <c r="O6357" s="98">
        <v>0</v>
      </c>
      <c r="P6357" s="98">
        <v>1</v>
      </c>
      <c r="Q6357" s="98">
        <v>0</v>
      </c>
      <c r="R6357" s="98">
        <v>0</v>
      </c>
      <c r="S6357" s="98">
        <v>0</v>
      </c>
      <c r="T6357" s="98">
        <v>0</v>
      </c>
      <c r="U6357" s="99"/>
      <c r="V6357" s="99"/>
      <c r="W6357" s="99"/>
      <c r="X6357" s="99"/>
      <c r="Y6357" s="99"/>
      <c r="Z6357" s="99"/>
      <c r="AA6357" s="99"/>
      <c r="AB6357" s="99"/>
      <c r="AC6357" s="99"/>
      <c r="AD6357" s="99"/>
      <c r="AE6357" s="99"/>
      <c r="AF6357" s="99"/>
      <c r="AG6357" s="99"/>
      <c r="AH6357" s="99"/>
      <c r="AI6357" s="99"/>
      <c r="AJ6357" s="99"/>
      <c r="AK6357" s="99"/>
      <c r="AL6357" s="99"/>
      <c r="AM6357" s="99"/>
      <c r="AN6357" s="99"/>
      <c r="AO6357" s="99"/>
      <c r="AP6357" s="99"/>
      <c r="AQ6357" s="99"/>
      <c r="AR6357" s="99"/>
      <c r="AS6357" s="99"/>
      <c r="AT6357" s="99"/>
      <c r="AU6357" s="99"/>
      <c r="AV6357" s="99"/>
      <c r="AW6357" s="99"/>
      <c r="AX6357" s="99"/>
      <c r="AY6357" s="99"/>
      <c r="AZ6357" s="99"/>
      <c r="BA6357" s="98" t="s">
        <v>14612</v>
      </c>
      <c r="BB6357" s="107">
        <v>45884</v>
      </c>
    </row>
    <row r="6358" spans="1:54" s="8" customFormat="1" ht="13.95" customHeight="1" x14ac:dyDescent="0.25">
      <c r="A6358" s="219" t="s">
        <v>15054</v>
      </c>
      <c r="B6358" s="220" t="s">
        <v>14601</v>
      </c>
      <c r="C6358" s="98" t="s">
        <v>15055</v>
      </c>
      <c r="D6358" s="98" t="s">
        <v>15056</v>
      </c>
      <c r="E6358" s="141">
        <v>2006</v>
      </c>
      <c r="F6358" s="141">
        <v>2205</v>
      </c>
      <c r="G6358" s="98" t="s">
        <v>1</v>
      </c>
      <c r="H6358" s="98">
        <v>0</v>
      </c>
      <c r="I6358" s="98">
        <v>0</v>
      </c>
      <c r="J6358" s="98">
        <v>1</v>
      </c>
      <c r="K6358" s="98">
        <v>1</v>
      </c>
      <c r="L6358" s="98">
        <v>0</v>
      </c>
      <c r="M6358" s="98">
        <v>1</v>
      </c>
      <c r="N6358" s="98">
        <v>1</v>
      </c>
      <c r="O6358" s="98">
        <v>1</v>
      </c>
      <c r="P6358" s="98">
        <v>0</v>
      </c>
      <c r="Q6358" s="98">
        <v>0</v>
      </c>
      <c r="R6358" s="98">
        <v>1</v>
      </c>
      <c r="S6358" s="98">
        <v>0</v>
      </c>
      <c r="T6358" s="98">
        <v>0</v>
      </c>
      <c r="U6358" s="99"/>
      <c r="V6358" s="99"/>
      <c r="W6358" s="99"/>
      <c r="X6358" s="99"/>
      <c r="Y6358" s="99"/>
      <c r="Z6358" s="99"/>
      <c r="AA6358" s="99"/>
      <c r="AB6358" s="99"/>
      <c r="AC6358" s="99"/>
      <c r="AD6358" s="99"/>
      <c r="AE6358" s="99"/>
      <c r="AF6358" s="99"/>
      <c r="AG6358" s="99"/>
      <c r="AH6358" s="99"/>
      <c r="AI6358" s="99"/>
      <c r="AJ6358" s="99"/>
      <c r="AK6358" s="99"/>
      <c r="AL6358" s="99"/>
      <c r="AM6358" s="99"/>
      <c r="AN6358" s="99"/>
      <c r="AO6358" s="99"/>
      <c r="AP6358" s="99"/>
      <c r="AQ6358" s="99"/>
      <c r="AR6358" s="99"/>
      <c r="AS6358" s="99"/>
      <c r="AT6358" s="99"/>
      <c r="AU6358" s="99"/>
      <c r="AV6358" s="99"/>
      <c r="AW6358" s="99"/>
      <c r="AX6358" s="99"/>
      <c r="AY6358" s="99"/>
      <c r="AZ6358" s="99"/>
      <c r="BA6358" s="99"/>
      <c r="BB6358" s="107">
        <v>45884</v>
      </c>
    </row>
    <row r="6359" spans="1:54" s="8" customFormat="1" ht="13.95" customHeight="1" x14ac:dyDescent="0.25">
      <c r="A6359" s="219" t="s">
        <v>15057</v>
      </c>
      <c r="B6359" s="220" t="s">
        <v>14601</v>
      </c>
      <c r="C6359" s="98" t="s">
        <v>15058</v>
      </c>
      <c r="D6359" s="98" t="s">
        <v>15059</v>
      </c>
      <c r="E6359" s="141">
        <v>2007</v>
      </c>
      <c r="F6359" s="141">
        <v>514</v>
      </c>
      <c r="G6359" s="98" t="s">
        <v>1</v>
      </c>
      <c r="H6359" s="98">
        <v>0</v>
      </c>
      <c r="I6359" s="98">
        <v>0</v>
      </c>
      <c r="J6359" s="98">
        <v>1</v>
      </c>
      <c r="K6359" s="98">
        <v>1</v>
      </c>
      <c r="L6359" s="98">
        <v>1</v>
      </c>
      <c r="M6359" s="98">
        <v>0</v>
      </c>
      <c r="N6359" s="98">
        <v>0</v>
      </c>
      <c r="O6359" s="98">
        <v>0</v>
      </c>
      <c r="P6359" s="98">
        <v>0</v>
      </c>
      <c r="Q6359" s="98">
        <v>0</v>
      </c>
      <c r="R6359" s="98">
        <v>0</v>
      </c>
      <c r="S6359" s="98">
        <v>0</v>
      </c>
      <c r="T6359" s="98">
        <v>0</v>
      </c>
      <c r="U6359" s="99"/>
      <c r="V6359" s="99"/>
      <c r="W6359" s="99"/>
      <c r="X6359" s="99"/>
      <c r="Y6359" s="99"/>
      <c r="Z6359" s="99"/>
      <c r="AA6359" s="99"/>
      <c r="AB6359" s="99"/>
      <c r="AC6359" s="99"/>
      <c r="AD6359" s="99"/>
      <c r="AE6359" s="99"/>
      <c r="AF6359" s="99"/>
      <c r="AG6359" s="99"/>
      <c r="AH6359" s="99"/>
      <c r="AI6359" s="99"/>
      <c r="AJ6359" s="99"/>
      <c r="AK6359" s="99"/>
      <c r="AL6359" s="99"/>
      <c r="AM6359" s="99"/>
      <c r="AN6359" s="99"/>
      <c r="AO6359" s="99"/>
      <c r="AP6359" s="99"/>
      <c r="AQ6359" s="99"/>
      <c r="AR6359" s="99"/>
      <c r="AS6359" s="99"/>
      <c r="AT6359" s="99"/>
      <c r="AU6359" s="99"/>
      <c r="AV6359" s="99"/>
      <c r="AW6359" s="99"/>
      <c r="AX6359" s="99"/>
      <c r="AY6359" s="99"/>
      <c r="AZ6359" s="99"/>
      <c r="BA6359" s="99"/>
      <c r="BB6359" s="107">
        <v>45884</v>
      </c>
    </row>
    <row r="6360" spans="1:54" s="8" customFormat="1" ht="13.95" customHeight="1" x14ac:dyDescent="0.25">
      <c r="A6360" s="219" t="s">
        <v>15060</v>
      </c>
      <c r="B6360" s="220" t="s">
        <v>14601</v>
      </c>
      <c r="C6360" s="98" t="s">
        <v>15061</v>
      </c>
      <c r="D6360" s="98" t="s">
        <v>15062</v>
      </c>
      <c r="E6360" s="141">
        <v>2007</v>
      </c>
      <c r="F6360" s="141">
        <v>634</v>
      </c>
      <c r="G6360" s="98" t="s">
        <v>1</v>
      </c>
      <c r="H6360" s="98">
        <v>0</v>
      </c>
      <c r="I6360" s="98">
        <v>0</v>
      </c>
      <c r="J6360" s="98">
        <v>1</v>
      </c>
      <c r="K6360" s="98">
        <v>1</v>
      </c>
      <c r="L6360" s="98">
        <v>1</v>
      </c>
      <c r="M6360" s="98">
        <v>0</v>
      </c>
      <c r="N6360" s="98">
        <v>0</v>
      </c>
      <c r="O6360" s="98">
        <v>1</v>
      </c>
      <c r="P6360" s="98">
        <v>1</v>
      </c>
      <c r="Q6360" s="98">
        <v>0</v>
      </c>
      <c r="R6360" s="98">
        <v>0</v>
      </c>
      <c r="S6360" s="98">
        <v>0</v>
      </c>
      <c r="T6360" s="98">
        <v>0</v>
      </c>
      <c r="U6360" s="99"/>
      <c r="V6360" s="99"/>
      <c r="W6360" s="99"/>
      <c r="X6360" s="99"/>
      <c r="Y6360" s="99"/>
      <c r="Z6360" s="99"/>
      <c r="AA6360" s="99"/>
      <c r="AB6360" s="99"/>
      <c r="AC6360" s="99"/>
      <c r="AD6360" s="99"/>
      <c r="AE6360" s="99"/>
      <c r="AF6360" s="99"/>
      <c r="AG6360" s="99"/>
      <c r="AH6360" s="99"/>
      <c r="AI6360" s="99"/>
      <c r="AJ6360" s="99"/>
      <c r="AK6360" s="99"/>
      <c r="AL6360" s="99"/>
      <c r="AM6360" s="99"/>
      <c r="AN6360" s="99"/>
      <c r="AO6360" s="99"/>
      <c r="AP6360" s="99"/>
      <c r="AQ6360" s="99"/>
      <c r="AR6360" s="99"/>
      <c r="AS6360" s="99"/>
      <c r="AT6360" s="99"/>
      <c r="AU6360" s="99"/>
      <c r="AV6360" s="99"/>
      <c r="AW6360" s="99"/>
      <c r="AX6360" s="99"/>
      <c r="AY6360" s="99"/>
      <c r="AZ6360" s="99"/>
      <c r="BA6360" s="99"/>
      <c r="BB6360" s="107">
        <v>45884</v>
      </c>
    </row>
    <row r="6361" spans="1:54" s="8" customFormat="1" ht="13.95" customHeight="1" x14ac:dyDescent="0.25">
      <c r="A6361" s="219" t="s">
        <v>15063</v>
      </c>
      <c r="B6361" s="220" t="s">
        <v>14601</v>
      </c>
      <c r="C6361" s="98" t="s">
        <v>15064</v>
      </c>
      <c r="D6361" s="98" t="s">
        <v>15065</v>
      </c>
      <c r="E6361" s="141">
        <v>2007</v>
      </c>
      <c r="F6361" s="141">
        <v>376</v>
      </c>
      <c r="G6361" s="98" t="s">
        <v>1</v>
      </c>
      <c r="H6361" s="98">
        <v>0</v>
      </c>
      <c r="I6361" s="98">
        <v>0</v>
      </c>
      <c r="J6361" s="98">
        <v>1</v>
      </c>
      <c r="K6361" s="98">
        <v>0</v>
      </c>
      <c r="L6361" s="98">
        <v>0</v>
      </c>
      <c r="M6361" s="98">
        <v>0</v>
      </c>
      <c r="N6361" s="98">
        <v>0</v>
      </c>
      <c r="O6361" s="98">
        <v>0</v>
      </c>
      <c r="P6361" s="98">
        <v>1</v>
      </c>
      <c r="Q6361" s="98">
        <v>0</v>
      </c>
      <c r="R6361" s="98">
        <v>0</v>
      </c>
      <c r="S6361" s="98">
        <v>0</v>
      </c>
      <c r="T6361" s="98">
        <v>0</v>
      </c>
      <c r="U6361" s="99"/>
      <c r="V6361" s="99"/>
      <c r="W6361" s="99"/>
      <c r="X6361" s="99"/>
      <c r="Y6361" s="99"/>
      <c r="Z6361" s="99"/>
      <c r="AA6361" s="99"/>
      <c r="AB6361" s="99"/>
      <c r="AC6361" s="99"/>
      <c r="AD6361" s="99"/>
      <c r="AE6361" s="99"/>
      <c r="AF6361" s="99"/>
      <c r="AG6361" s="99"/>
      <c r="AH6361" s="99"/>
      <c r="AI6361" s="99"/>
      <c r="AJ6361" s="99"/>
      <c r="AK6361" s="99"/>
      <c r="AL6361" s="99"/>
      <c r="AM6361" s="99"/>
      <c r="AN6361" s="99"/>
      <c r="AO6361" s="99"/>
      <c r="AP6361" s="99"/>
      <c r="AQ6361" s="99"/>
      <c r="AR6361" s="99"/>
      <c r="AS6361" s="99"/>
      <c r="AT6361" s="99"/>
      <c r="AU6361" s="99"/>
      <c r="AV6361" s="99"/>
      <c r="AW6361" s="99"/>
      <c r="AX6361" s="99"/>
      <c r="AY6361" s="99"/>
      <c r="AZ6361" s="99"/>
      <c r="BA6361" s="99"/>
      <c r="BB6361" s="107">
        <v>45884</v>
      </c>
    </row>
    <row r="6362" spans="1:54" s="8" customFormat="1" ht="13.95" customHeight="1" x14ac:dyDescent="0.25">
      <c r="A6362" s="219" t="s">
        <v>15066</v>
      </c>
      <c r="B6362" s="220" t="s">
        <v>14601</v>
      </c>
      <c r="C6362" s="98" t="s">
        <v>15067</v>
      </c>
      <c r="D6362" s="98" t="s">
        <v>15068</v>
      </c>
      <c r="E6362" s="141">
        <v>2007</v>
      </c>
      <c r="F6362" s="141">
        <v>373</v>
      </c>
      <c r="G6362" s="98" t="s">
        <v>1</v>
      </c>
      <c r="H6362" s="98">
        <v>0</v>
      </c>
      <c r="I6362" s="98">
        <v>0</v>
      </c>
      <c r="J6362" s="98">
        <v>1</v>
      </c>
      <c r="K6362" s="98">
        <v>1</v>
      </c>
      <c r="L6362" s="98">
        <v>0</v>
      </c>
      <c r="M6362" s="98">
        <v>0</v>
      </c>
      <c r="N6362" s="98">
        <v>0</v>
      </c>
      <c r="O6362" s="98">
        <v>0</v>
      </c>
      <c r="P6362" s="98">
        <v>1</v>
      </c>
      <c r="Q6362" s="98">
        <v>0</v>
      </c>
      <c r="R6362" s="98">
        <v>1</v>
      </c>
      <c r="S6362" s="98">
        <v>0</v>
      </c>
      <c r="T6362" s="98">
        <v>0</v>
      </c>
      <c r="U6362" s="99"/>
      <c r="V6362" s="99"/>
      <c r="W6362" s="99"/>
      <c r="X6362" s="99"/>
      <c r="Y6362" s="99"/>
      <c r="Z6362" s="99"/>
      <c r="AA6362" s="99"/>
      <c r="AB6362" s="99"/>
      <c r="AC6362" s="99"/>
      <c r="AD6362" s="99"/>
      <c r="AE6362" s="99"/>
      <c r="AF6362" s="99"/>
      <c r="AG6362" s="99"/>
      <c r="AH6362" s="99"/>
      <c r="AI6362" s="99"/>
      <c r="AJ6362" s="99"/>
      <c r="AK6362" s="99"/>
      <c r="AL6362" s="99"/>
      <c r="AM6362" s="99"/>
      <c r="AN6362" s="99"/>
      <c r="AO6362" s="99"/>
      <c r="AP6362" s="99"/>
      <c r="AQ6362" s="99"/>
      <c r="AR6362" s="99"/>
      <c r="AS6362" s="99"/>
      <c r="AT6362" s="99"/>
      <c r="AU6362" s="99"/>
      <c r="AV6362" s="99"/>
      <c r="AW6362" s="99"/>
      <c r="AX6362" s="99"/>
      <c r="AY6362" s="99"/>
      <c r="AZ6362" s="99"/>
      <c r="BA6362" s="99"/>
      <c r="BB6362" s="107">
        <v>45884</v>
      </c>
    </row>
    <row r="6363" spans="1:54" s="8" customFormat="1" ht="13.95" customHeight="1" x14ac:dyDescent="0.25">
      <c r="A6363" s="219" t="s">
        <v>15069</v>
      </c>
      <c r="B6363" s="220" t="s">
        <v>14601</v>
      </c>
      <c r="C6363" s="98" t="s">
        <v>15070</v>
      </c>
      <c r="D6363" s="98" t="s">
        <v>15071</v>
      </c>
      <c r="E6363" s="141">
        <v>2008</v>
      </c>
      <c r="F6363" s="141">
        <v>247</v>
      </c>
      <c r="G6363" s="98" t="s">
        <v>1</v>
      </c>
      <c r="H6363" s="98">
        <v>0</v>
      </c>
      <c r="I6363" s="98">
        <v>0</v>
      </c>
      <c r="J6363" s="98">
        <v>1</v>
      </c>
      <c r="K6363" s="98">
        <v>1</v>
      </c>
      <c r="L6363" s="98">
        <v>1</v>
      </c>
      <c r="M6363" s="98">
        <v>0</v>
      </c>
      <c r="N6363" s="98">
        <v>0</v>
      </c>
      <c r="O6363" s="98">
        <v>0</v>
      </c>
      <c r="P6363" s="98">
        <v>1</v>
      </c>
      <c r="Q6363" s="98">
        <v>0</v>
      </c>
      <c r="R6363" s="98">
        <v>1</v>
      </c>
      <c r="S6363" s="98">
        <v>0</v>
      </c>
      <c r="T6363" s="98">
        <v>0</v>
      </c>
      <c r="U6363" s="99"/>
      <c r="V6363" s="99"/>
      <c r="W6363" s="99"/>
      <c r="X6363" s="99"/>
      <c r="Y6363" s="99"/>
      <c r="Z6363" s="99"/>
      <c r="AA6363" s="99"/>
      <c r="AB6363" s="99"/>
      <c r="AC6363" s="99"/>
      <c r="AD6363" s="99"/>
      <c r="AE6363" s="99"/>
      <c r="AF6363" s="99"/>
      <c r="AG6363" s="99"/>
      <c r="AH6363" s="99"/>
      <c r="AI6363" s="99"/>
      <c r="AJ6363" s="99"/>
      <c r="AK6363" s="99"/>
      <c r="AL6363" s="99"/>
      <c r="AM6363" s="99"/>
      <c r="AN6363" s="99"/>
      <c r="AO6363" s="99"/>
      <c r="AP6363" s="99"/>
      <c r="AQ6363" s="99"/>
      <c r="AR6363" s="99"/>
      <c r="AS6363" s="99"/>
      <c r="AT6363" s="99"/>
      <c r="AU6363" s="99"/>
      <c r="AV6363" s="99"/>
      <c r="AW6363" s="99"/>
      <c r="AX6363" s="99"/>
      <c r="AY6363" s="99"/>
      <c r="AZ6363" s="99"/>
      <c r="BA6363" s="99"/>
      <c r="BB6363" s="107">
        <v>45884</v>
      </c>
    </row>
    <row r="6364" spans="1:54" s="8" customFormat="1" ht="13.95" customHeight="1" x14ac:dyDescent="0.25">
      <c r="A6364" s="219" t="s">
        <v>15072</v>
      </c>
      <c r="B6364" s="220" t="s">
        <v>14601</v>
      </c>
      <c r="C6364" s="98" t="s">
        <v>15073</v>
      </c>
      <c r="D6364" s="98" t="s">
        <v>15074</v>
      </c>
      <c r="E6364" s="141">
        <v>2009</v>
      </c>
      <c r="F6364" s="141">
        <v>378</v>
      </c>
      <c r="G6364" s="98" t="s">
        <v>1</v>
      </c>
      <c r="H6364" s="98">
        <v>0</v>
      </c>
      <c r="I6364" s="98">
        <v>0</v>
      </c>
      <c r="J6364" s="98">
        <v>1</v>
      </c>
      <c r="K6364" s="98">
        <v>0</v>
      </c>
      <c r="L6364" s="98">
        <v>0</v>
      </c>
      <c r="M6364" s="98">
        <v>1</v>
      </c>
      <c r="N6364" s="98">
        <v>0</v>
      </c>
      <c r="O6364" s="98">
        <v>0</v>
      </c>
      <c r="P6364" s="98">
        <v>0</v>
      </c>
      <c r="Q6364" s="98">
        <v>0</v>
      </c>
      <c r="R6364" s="98">
        <v>0</v>
      </c>
      <c r="S6364" s="98">
        <v>0</v>
      </c>
      <c r="T6364" s="98">
        <v>0</v>
      </c>
      <c r="U6364" s="99"/>
      <c r="V6364" s="99"/>
      <c r="W6364" s="99"/>
      <c r="X6364" s="99"/>
      <c r="Y6364" s="99"/>
      <c r="Z6364" s="99"/>
      <c r="AA6364" s="99"/>
      <c r="AB6364" s="99"/>
      <c r="AC6364" s="99"/>
      <c r="AD6364" s="99"/>
      <c r="AE6364" s="99"/>
      <c r="AF6364" s="99"/>
      <c r="AG6364" s="99"/>
      <c r="AH6364" s="99"/>
      <c r="AI6364" s="99"/>
      <c r="AJ6364" s="99"/>
      <c r="AK6364" s="99"/>
      <c r="AL6364" s="99"/>
      <c r="AM6364" s="99"/>
      <c r="AN6364" s="99"/>
      <c r="AO6364" s="99"/>
      <c r="AP6364" s="99"/>
      <c r="AQ6364" s="99"/>
      <c r="AR6364" s="99"/>
      <c r="AS6364" s="99"/>
      <c r="AT6364" s="99"/>
      <c r="AU6364" s="99"/>
      <c r="AV6364" s="99"/>
      <c r="AW6364" s="99"/>
      <c r="AX6364" s="99"/>
      <c r="AY6364" s="99"/>
      <c r="AZ6364" s="99"/>
      <c r="BA6364" s="99"/>
      <c r="BB6364" s="107">
        <v>45884</v>
      </c>
    </row>
    <row r="6365" spans="1:54" s="8" customFormat="1" ht="13.95" customHeight="1" x14ac:dyDescent="0.25">
      <c r="A6365" s="219" t="s">
        <v>15075</v>
      </c>
      <c r="B6365" s="220" t="s">
        <v>14601</v>
      </c>
      <c r="C6365" s="98" t="s">
        <v>15076</v>
      </c>
      <c r="D6365" s="98" t="s">
        <v>15077</v>
      </c>
      <c r="E6365" s="141">
        <v>2007</v>
      </c>
      <c r="F6365" s="141">
        <v>3027</v>
      </c>
      <c r="G6365" s="98" t="s">
        <v>8</v>
      </c>
      <c r="H6365" s="98">
        <v>0</v>
      </c>
      <c r="I6365" s="98">
        <v>0</v>
      </c>
      <c r="J6365" s="98">
        <v>0</v>
      </c>
      <c r="K6365" s="98">
        <v>0</v>
      </c>
      <c r="L6365" s="98">
        <v>0</v>
      </c>
      <c r="M6365" s="98">
        <v>0</v>
      </c>
      <c r="N6365" s="98">
        <v>0</v>
      </c>
      <c r="O6365" s="98">
        <v>0</v>
      </c>
      <c r="P6365" s="98">
        <v>0</v>
      </c>
      <c r="Q6365" s="98">
        <v>0</v>
      </c>
      <c r="R6365" s="98">
        <v>0</v>
      </c>
      <c r="S6365" s="98">
        <v>0</v>
      </c>
      <c r="T6365" s="98">
        <v>0</v>
      </c>
      <c r="U6365" s="98">
        <v>0</v>
      </c>
      <c r="V6365" s="98">
        <v>0</v>
      </c>
      <c r="W6365" s="98">
        <v>0</v>
      </c>
      <c r="X6365" s="98">
        <v>0</v>
      </c>
      <c r="Y6365" s="98">
        <v>0</v>
      </c>
      <c r="Z6365" s="98">
        <v>0</v>
      </c>
      <c r="AA6365" s="98">
        <v>0</v>
      </c>
      <c r="AB6365" s="98">
        <v>0</v>
      </c>
      <c r="AC6365" s="98">
        <v>0</v>
      </c>
      <c r="AD6365" s="98">
        <v>0</v>
      </c>
      <c r="AE6365" s="98">
        <v>0</v>
      </c>
      <c r="AF6365" s="98">
        <v>0</v>
      </c>
      <c r="AG6365" s="98">
        <v>0</v>
      </c>
      <c r="AH6365" s="98">
        <v>0</v>
      </c>
      <c r="AI6365" s="98">
        <v>0</v>
      </c>
      <c r="AJ6365" s="98">
        <v>0</v>
      </c>
      <c r="AK6365" s="98">
        <v>0</v>
      </c>
      <c r="AL6365" s="98">
        <v>0</v>
      </c>
      <c r="AM6365" s="98">
        <v>0</v>
      </c>
      <c r="AN6365" s="98">
        <v>0</v>
      </c>
      <c r="AO6365" s="98">
        <v>0</v>
      </c>
      <c r="AP6365" s="98">
        <v>0</v>
      </c>
      <c r="AQ6365" s="98">
        <v>0</v>
      </c>
      <c r="AR6365" s="98">
        <v>0</v>
      </c>
      <c r="AS6365" s="98">
        <v>0</v>
      </c>
      <c r="AT6365" s="129" t="s">
        <v>174</v>
      </c>
      <c r="AU6365" s="98">
        <v>0</v>
      </c>
      <c r="AV6365" s="98">
        <v>0</v>
      </c>
      <c r="AW6365" s="98">
        <v>0</v>
      </c>
      <c r="AX6365" s="98"/>
      <c r="AY6365" s="98"/>
      <c r="AZ6365" s="98"/>
      <c r="BA6365" s="98"/>
      <c r="BB6365" s="107">
        <v>45884</v>
      </c>
    </row>
    <row r="6366" spans="1:54" s="8" customFormat="1" ht="13.95" customHeight="1" x14ac:dyDescent="0.25">
      <c r="A6366" s="219" t="s">
        <v>15078</v>
      </c>
      <c r="B6366" s="220" t="s">
        <v>14601</v>
      </c>
      <c r="C6366" s="98" t="s">
        <v>15079</v>
      </c>
      <c r="D6366" s="98" t="s">
        <v>15080</v>
      </c>
      <c r="E6366" s="141">
        <v>2009</v>
      </c>
      <c r="F6366" s="141">
        <v>288</v>
      </c>
      <c r="G6366" s="98" t="s">
        <v>8</v>
      </c>
      <c r="H6366" s="98">
        <v>0</v>
      </c>
      <c r="I6366" s="98">
        <v>0</v>
      </c>
      <c r="J6366" s="98">
        <v>1</v>
      </c>
      <c r="K6366" s="98">
        <v>0</v>
      </c>
      <c r="L6366" s="98">
        <v>0</v>
      </c>
      <c r="M6366" s="98">
        <v>0</v>
      </c>
      <c r="N6366" s="98">
        <v>0</v>
      </c>
      <c r="O6366" s="98">
        <v>0</v>
      </c>
      <c r="P6366" s="98">
        <v>0</v>
      </c>
      <c r="Q6366" s="98">
        <v>0</v>
      </c>
      <c r="R6366" s="98">
        <v>0</v>
      </c>
      <c r="S6366" s="98">
        <v>0</v>
      </c>
      <c r="T6366" s="98">
        <v>0</v>
      </c>
      <c r="U6366" s="98">
        <v>0</v>
      </c>
      <c r="V6366" s="98">
        <v>0</v>
      </c>
      <c r="W6366" s="98">
        <v>0</v>
      </c>
      <c r="X6366" s="98">
        <v>0</v>
      </c>
      <c r="Y6366" s="98">
        <v>0</v>
      </c>
      <c r="Z6366" s="98">
        <v>0</v>
      </c>
      <c r="AA6366" s="98">
        <v>0</v>
      </c>
      <c r="AB6366" s="98">
        <v>0</v>
      </c>
      <c r="AC6366" s="98">
        <v>0</v>
      </c>
      <c r="AD6366" s="98">
        <v>0</v>
      </c>
      <c r="AE6366" s="98">
        <v>0</v>
      </c>
      <c r="AF6366" s="98">
        <v>0</v>
      </c>
      <c r="AG6366" s="98">
        <v>0</v>
      </c>
      <c r="AH6366" s="98">
        <v>0</v>
      </c>
      <c r="AI6366" s="98">
        <v>0</v>
      </c>
      <c r="AJ6366" s="98">
        <v>0</v>
      </c>
      <c r="AK6366" s="98">
        <v>0</v>
      </c>
      <c r="AL6366" s="98">
        <v>0</v>
      </c>
      <c r="AM6366" s="98">
        <v>0</v>
      </c>
      <c r="AN6366" s="98">
        <v>0</v>
      </c>
      <c r="AO6366" s="98">
        <v>0</v>
      </c>
      <c r="AP6366" s="98">
        <v>0</v>
      </c>
      <c r="AQ6366" s="98">
        <v>0</v>
      </c>
      <c r="AR6366" s="98">
        <v>0</v>
      </c>
      <c r="AS6366" s="98">
        <v>0</v>
      </c>
      <c r="AT6366" s="129" t="s">
        <v>174</v>
      </c>
      <c r="AU6366" s="98">
        <v>0</v>
      </c>
      <c r="AV6366" s="98">
        <v>0</v>
      </c>
      <c r="AW6366" s="98">
        <v>0</v>
      </c>
      <c r="AX6366" s="98"/>
      <c r="AY6366" s="98"/>
      <c r="AZ6366" s="98"/>
      <c r="BA6366" s="98"/>
      <c r="BB6366" s="107">
        <v>45884</v>
      </c>
    </row>
    <row r="6367" spans="1:54" s="8" customFormat="1" ht="13.95" customHeight="1" x14ac:dyDescent="0.25">
      <c r="A6367" s="219" t="s">
        <v>15081</v>
      </c>
      <c r="B6367" s="220" t="s">
        <v>14601</v>
      </c>
      <c r="C6367" s="98" t="s">
        <v>15082</v>
      </c>
      <c r="D6367" s="98" t="s">
        <v>15083</v>
      </c>
      <c r="E6367" s="141">
        <v>2009</v>
      </c>
      <c r="F6367" s="141">
        <v>960</v>
      </c>
      <c r="G6367" s="98" t="s">
        <v>8</v>
      </c>
      <c r="H6367" s="98">
        <v>0</v>
      </c>
      <c r="I6367" s="98">
        <v>0</v>
      </c>
      <c r="J6367" s="98">
        <v>1</v>
      </c>
      <c r="K6367" s="98">
        <v>0</v>
      </c>
      <c r="L6367" s="98">
        <v>0</v>
      </c>
      <c r="M6367" s="98">
        <v>0</v>
      </c>
      <c r="N6367" s="98">
        <v>0</v>
      </c>
      <c r="O6367" s="98">
        <v>0</v>
      </c>
      <c r="P6367" s="98">
        <v>0</v>
      </c>
      <c r="Q6367" s="98">
        <v>0</v>
      </c>
      <c r="R6367" s="98">
        <v>0</v>
      </c>
      <c r="S6367" s="98">
        <v>0</v>
      </c>
      <c r="T6367" s="98">
        <v>0</v>
      </c>
      <c r="U6367" s="98">
        <v>0</v>
      </c>
      <c r="V6367" s="98">
        <v>0</v>
      </c>
      <c r="W6367" s="98">
        <v>0</v>
      </c>
      <c r="X6367" s="98">
        <v>0</v>
      </c>
      <c r="Y6367" s="98">
        <v>0</v>
      </c>
      <c r="Z6367" s="98">
        <v>0</v>
      </c>
      <c r="AA6367" s="98">
        <v>0</v>
      </c>
      <c r="AB6367" s="98">
        <v>0</v>
      </c>
      <c r="AC6367" s="98">
        <v>0</v>
      </c>
      <c r="AD6367" s="98">
        <v>0</v>
      </c>
      <c r="AE6367" s="98">
        <v>0</v>
      </c>
      <c r="AF6367" s="98">
        <v>0</v>
      </c>
      <c r="AG6367" s="98">
        <v>0</v>
      </c>
      <c r="AH6367" s="98">
        <v>0</v>
      </c>
      <c r="AI6367" s="98">
        <v>0</v>
      </c>
      <c r="AJ6367" s="98">
        <v>0</v>
      </c>
      <c r="AK6367" s="98">
        <v>0</v>
      </c>
      <c r="AL6367" s="98">
        <v>0</v>
      </c>
      <c r="AM6367" s="98">
        <v>0</v>
      </c>
      <c r="AN6367" s="98">
        <v>0</v>
      </c>
      <c r="AO6367" s="98">
        <v>0</v>
      </c>
      <c r="AP6367" s="98">
        <v>0</v>
      </c>
      <c r="AQ6367" s="98">
        <v>0</v>
      </c>
      <c r="AR6367" s="98">
        <v>0</v>
      </c>
      <c r="AS6367" s="98">
        <v>0</v>
      </c>
      <c r="AT6367" s="129" t="s">
        <v>174</v>
      </c>
      <c r="AU6367" s="98">
        <v>0</v>
      </c>
      <c r="AV6367" s="98">
        <v>0</v>
      </c>
      <c r="AW6367" s="98">
        <v>0</v>
      </c>
      <c r="AX6367" s="98"/>
      <c r="AY6367" s="98"/>
      <c r="AZ6367" s="98"/>
      <c r="BA6367" s="98"/>
      <c r="BB6367" s="107">
        <v>45884</v>
      </c>
    </row>
    <row r="6368" spans="1:54" s="8" customFormat="1" ht="13.95" customHeight="1" x14ac:dyDescent="0.25">
      <c r="A6368" s="219" t="s">
        <v>15084</v>
      </c>
      <c r="B6368" s="220" t="s">
        <v>14601</v>
      </c>
      <c r="C6368" s="98" t="s">
        <v>15085</v>
      </c>
      <c r="D6368" s="98" t="s">
        <v>15086</v>
      </c>
      <c r="E6368" s="141">
        <v>2014</v>
      </c>
      <c r="F6368" s="141">
        <v>452</v>
      </c>
      <c r="G6368" s="98" t="s">
        <v>1</v>
      </c>
      <c r="H6368" s="98">
        <v>0</v>
      </c>
      <c r="I6368" s="98">
        <v>0</v>
      </c>
      <c r="J6368" s="98">
        <v>1</v>
      </c>
      <c r="K6368" s="98">
        <v>1</v>
      </c>
      <c r="L6368" s="98">
        <v>1</v>
      </c>
      <c r="M6368" s="98">
        <v>0</v>
      </c>
      <c r="N6368" s="98">
        <v>1</v>
      </c>
      <c r="O6368" s="98">
        <v>0</v>
      </c>
      <c r="P6368" s="98">
        <v>1</v>
      </c>
      <c r="Q6368" s="98">
        <v>0</v>
      </c>
      <c r="R6368" s="98">
        <v>0</v>
      </c>
      <c r="S6368" s="98">
        <v>0</v>
      </c>
      <c r="T6368" s="98">
        <v>0</v>
      </c>
      <c r="U6368" s="99"/>
      <c r="V6368" s="99"/>
      <c r="W6368" s="99"/>
      <c r="X6368" s="99"/>
      <c r="Y6368" s="99"/>
      <c r="Z6368" s="99"/>
      <c r="AA6368" s="99"/>
      <c r="AB6368" s="99"/>
      <c r="AC6368" s="99"/>
      <c r="AD6368" s="99"/>
      <c r="AE6368" s="99"/>
      <c r="AF6368" s="99"/>
      <c r="AG6368" s="99"/>
      <c r="AH6368" s="99"/>
      <c r="AI6368" s="99"/>
      <c r="AJ6368" s="99"/>
      <c r="AK6368" s="99"/>
      <c r="AL6368" s="99"/>
      <c r="AM6368" s="99"/>
      <c r="AN6368" s="99"/>
      <c r="AO6368" s="99"/>
      <c r="AP6368" s="99"/>
      <c r="AQ6368" s="99"/>
      <c r="AR6368" s="99"/>
      <c r="AS6368" s="99"/>
      <c r="AT6368" s="99"/>
      <c r="AU6368" s="99"/>
      <c r="AV6368" s="99"/>
      <c r="AW6368" s="99"/>
      <c r="AX6368" s="99"/>
      <c r="AY6368" s="99"/>
      <c r="AZ6368" s="99"/>
      <c r="BA6368" s="98" t="s">
        <v>9271</v>
      </c>
      <c r="BB6368" s="107">
        <v>45884</v>
      </c>
    </row>
    <row r="6369" spans="1:54" s="8" customFormat="1" ht="13.95" customHeight="1" x14ac:dyDescent="0.25">
      <c r="A6369" s="219" t="s">
        <v>15087</v>
      </c>
      <c r="B6369" s="220" t="s">
        <v>14601</v>
      </c>
      <c r="C6369" s="98" t="s">
        <v>15088</v>
      </c>
      <c r="D6369" s="98" t="s">
        <v>15089</v>
      </c>
      <c r="E6369" s="141">
        <v>2012</v>
      </c>
      <c r="F6369" s="141">
        <v>3142</v>
      </c>
      <c r="G6369" s="98" t="s">
        <v>1</v>
      </c>
      <c r="H6369" s="98">
        <v>0</v>
      </c>
      <c r="I6369" s="98">
        <v>0</v>
      </c>
      <c r="J6369" s="98">
        <v>1</v>
      </c>
      <c r="K6369" s="98">
        <v>1</v>
      </c>
      <c r="L6369" s="98">
        <v>0</v>
      </c>
      <c r="M6369" s="98">
        <v>0</v>
      </c>
      <c r="N6369" s="98">
        <v>0</v>
      </c>
      <c r="O6369" s="98">
        <v>1</v>
      </c>
      <c r="P6369" s="98">
        <v>0</v>
      </c>
      <c r="Q6369" s="98">
        <v>0</v>
      </c>
      <c r="R6369" s="98">
        <v>0</v>
      </c>
      <c r="S6369" s="98">
        <v>0</v>
      </c>
      <c r="T6369" s="98">
        <v>0</v>
      </c>
      <c r="U6369" s="99"/>
      <c r="V6369" s="99"/>
      <c r="W6369" s="99"/>
      <c r="X6369" s="99"/>
      <c r="Y6369" s="99"/>
      <c r="Z6369" s="99"/>
      <c r="AA6369" s="99"/>
      <c r="AB6369" s="99"/>
      <c r="AC6369" s="99"/>
      <c r="AD6369" s="99"/>
      <c r="AE6369" s="99"/>
      <c r="AF6369" s="99"/>
      <c r="AG6369" s="99"/>
      <c r="AH6369" s="99"/>
      <c r="AI6369" s="99"/>
      <c r="AJ6369" s="99"/>
      <c r="AK6369" s="99"/>
      <c r="AL6369" s="99"/>
      <c r="AM6369" s="99"/>
      <c r="AN6369" s="99"/>
      <c r="AO6369" s="99"/>
      <c r="AP6369" s="99"/>
      <c r="AQ6369" s="99"/>
      <c r="AR6369" s="99"/>
      <c r="AS6369" s="99"/>
      <c r="AT6369" s="99"/>
      <c r="AU6369" s="99"/>
      <c r="AV6369" s="99"/>
      <c r="AW6369" s="99"/>
      <c r="AX6369" s="99"/>
      <c r="AY6369" s="99"/>
      <c r="AZ6369" s="99"/>
      <c r="BA6369" s="99"/>
      <c r="BB6369" s="107">
        <v>45884</v>
      </c>
    </row>
    <row r="6370" spans="1:54" s="8" customFormat="1" ht="13.95" customHeight="1" x14ac:dyDescent="0.25">
      <c r="A6370" s="219" t="s">
        <v>15090</v>
      </c>
      <c r="B6370" s="220" t="s">
        <v>14601</v>
      </c>
      <c r="C6370" s="98" t="s">
        <v>15091</v>
      </c>
      <c r="D6370" s="98" t="s">
        <v>15092</v>
      </c>
      <c r="E6370" s="141">
        <v>2012</v>
      </c>
      <c r="F6370" s="141">
        <v>241</v>
      </c>
      <c r="G6370" s="98" t="s">
        <v>1</v>
      </c>
      <c r="H6370" s="98">
        <v>0</v>
      </c>
      <c r="I6370" s="98">
        <v>0</v>
      </c>
      <c r="J6370" s="98">
        <v>1</v>
      </c>
      <c r="K6370" s="98">
        <v>0</v>
      </c>
      <c r="L6370" s="98">
        <v>1</v>
      </c>
      <c r="M6370" s="98">
        <v>0</v>
      </c>
      <c r="N6370" s="98">
        <v>0</v>
      </c>
      <c r="O6370" s="98">
        <v>1</v>
      </c>
      <c r="P6370" s="98">
        <v>1</v>
      </c>
      <c r="Q6370" s="98">
        <v>0</v>
      </c>
      <c r="R6370" s="98">
        <v>1</v>
      </c>
      <c r="S6370" s="98">
        <v>0</v>
      </c>
      <c r="T6370" s="98">
        <v>0</v>
      </c>
      <c r="U6370" s="99"/>
      <c r="V6370" s="99"/>
      <c r="W6370" s="99"/>
      <c r="X6370" s="99"/>
      <c r="Y6370" s="99"/>
      <c r="Z6370" s="99"/>
      <c r="AA6370" s="99"/>
      <c r="AB6370" s="99"/>
      <c r="AC6370" s="99"/>
      <c r="AD6370" s="99"/>
      <c r="AE6370" s="99"/>
      <c r="AF6370" s="99"/>
      <c r="AG6370" s="99"/>
      <c r="AH6370" s="99"/>
      <c r="AI6370" s="99"/>
      <c r="AJ6370" s="99"/>
      <c r="AK6370" s="99"/>
      <c r="AL6370" s="99"/>
      <c r="AM6370" s="99"/>
      <c r="AN6370" s="99"/>
      <c r="AO6370" s="99"/>
      <c r="AP6370" s="99"/>
      <c r="AQ6370" s="99"/>
      <c r="AR6370" s="99"/>
      <c r="AS6370" s="99"/>
      <c r="AT6370" s="99"/>
      <c r="AU6370" s="99"/>
      <c r="AV6370" s="99"/>
      <c r="AW6370" s="99"/>
      <c r="AX6370" s="99"/>
      <c r="AY6370" s="99"/>
      <c r="AZ6370" s="99"/>
      <c r="BA6370" s="99"/>
      <c r="BB6370" s="107">
        <v>45884</v>
      </c>
    </row>
    <row r="6371" spans="1:54" s="8" customFormat="1" ht="13.95" customHeight="1" x14ac:dyDescent="0.25">
      <c r="A6371" s="219" t="s">
        <v>15093</v>
      </c>
      <c r="B6371" s="220" t="s">
        <v>14601</v>
      </c>
      <c r="C6371" s="98" t="s">
        <v>15094</v>
      </c>
      <c r="D6371" s="98" t="s">
        <v>15095</v>
      </c>
      <c r="E6371" s="141">
        <v>2008</v>
      </c>
      <c r="F6371" s="141">
        <v>22275</v>
      </c>
      <c r="G6371" s="98" t="s">
        <v>3</v>
      </c>
      <c r="H6371" s="98">
        <v>1</v>
      </c>
      <c r="I6371" s="98">
        <v>1</v>
      </c>
      <c r="J6371" s="98">
        <v>1</v>
      </c>
      <c r="K6371" s="98">
        <v>0</v>
      </c>
      <c r="L6371" s="98">
        <v>0</v>
      </c>
      <c r="M6371" s="98">
        <v>0</v>
      </c>
      <c r="N6371" s="98">
        <v>0</v>
      </c>
      <c r="O6371" s="98">
        <v>0</v>
      </c>
      <c r="P6371" s="98">
        <v>0</v>
      </c>
      <c r="Q6371" s="98">
        <v>0</v>
      </c>
      <c r="R6371" s="98">
        <v>0</v>
      </c>
      <c r="S6371" s="98">
        <v>0</v>
      </c>
      <c r="T6371" s="98">
        <v>0</v>
      </c>
      <c r="U6371" s="98">
        <v>0</v>
      </c>
      <c r="V6371" s="98">
        <v>0</v>
      </c>
      <c r="W6371" s="98">
        <v>0</v>
      </c>
      <c r="X6371" s="98">
        <v>0</v>
      </c>
      <c r="Y6371" s="98">
        <v>0</v>
      </c>
      <c r="Z6371" s="98">
        <v>0</v>
      </c>
      <c r="AA6371" s="98">
        <v>0</v>
      </c>
      <c r="AB6371" s="98">
        <v>0</v>
      </c>
      <c r="AC6371" s="98">
        <v>0</v>
      </c>
      <c r="AD6371" s="98">
        <v>0</v>
      </c>
      <c r="AE6371" s="98">
        <v>1</v>
      </c>
      <c r="AF6371" s="98">
        <v>0</v>
      </c>
      <c r="AG6371" s="98">
        <v>0</v>
      </c>
      <c r="AH6371" s="98">
        <v>0</v>
      </c>
      <c r="AI6371" s="98">
        <v>0</v>
      </c>
      <c r="AJ6371" s="98">
        <v>0</v>
      </c>
      <c r="AK6371" s="98">
        <v>0</v>
      </c>
      <c r="AL6371" s="98">
        <v>0</v>
      </c>
      <c r="AM6371" s="98">
        <v>0</v>
      </c>
      <c r="AN6371" s="98">
        <v>0</v>
      </c>
      <c r="AO6371" s="98">
        <v>0</v>
      </c>
      <c r="AP6371" s="98">
        <v>0</v>
      </c>
      <c r="AQ6371" s="98">
        <v>1</v>
      </c>
      <c r="AR6371" s="98">
        <v>0</v>
      </c>
      <c r="AS6371" s="98">
        <v>0</v>
      </c>
      <c r="AT6371" s="129" t="s">
        <v>174</v>
      </c>
      <c r="AU6371" s="98">
        <v>1</v>
      </c>
      <c r="AV6371" s="98">
        <v>0</v>
      </c>
      <c r="AW6371" s="98">
        <v>0</v>
      </c>
      <c r="AX6371" s="98" t="s">
        <v>22224</v>
      </c>
      <c r="AY6371" s="98"/>
      <c r="AZ6371" s="154" t="s">
        <v>21579</v>
      </c>
      <c r="BA6371" s="98"/>
      <c r="BB6371" s="107">
        <v>45884</v>
      </c>
    </row>
    <row r="6372" spans="1:54" s="8" customFormat="1" ht="13.95" customHeight="1" x14ac:dyDescent="0.25">
      <c r="A6372" s="219" t="s">
        <v>15096</v>
      </c>
      <c r="B6372" s="220" t="s">
        <v>14601</v>
      </c>
      <c r="C6372" s="98" t="s">
        <v>9953</v>
      </c>
      <c r="D6372" s="98" t="s">
        <v>15097</v>
      </c>
      <c r="E6372" s="141">
        <v>1986</v>
      </c>
      <c r="F6372" s="141">
        <v>40000</v>
      </c>
      <c r="G6372" s="98" t="s">
        <v>7</v>
      </c>
      <c r="H6372" s="98">
        <v>1</v>
      </c>
      <c r="I6372" s="98">
        <v>1</v>
      </c>
      <c r="J6372" s="98">
        <v>1</v>
      </c>
      <c r="K6372" s="98">
        <v>0</v>
      </c>
      <c r="L6372" s="98">
        <v>0</v>
      </c>
      <c r="M6372" s="98">
        <v>0</v>
      </c>
      <c r="N6372" s="98">
        <v>0</v>
      </c>
      <c r="O6372" s="98">
        <v>0</v>
      </c>
      <c r="P6372" s="98">
        <v>0</v>
      </c>
      <c r="Q6372" s="98">
        <v>0</v>
      </c>
      <c r="R6372" s="98">
        <v>0</v>
      </c>
      <c r="S6372" s="98">
        <v>0</v>
      </c>
      <c r="T6372" s="98">
        <v>0</v>
      </c>
      <c r="U6372" s="98">
        <v>0</v>
      </c>
      <c r="V6372" s="98">
        <v>0</v>
      </c>
      <c r="W6372" s="98">
        <v>0</v>
      </c>
      <c r="X6372" s="98">
        <v>0</v>
      </c>
      <c r="Y6372" s="98">
        <v>0</v>
      </c>
      <c r="Z6372" s="98">
        <v>0</v>
      </c>
      <c r="AA6372" s="98">
        <v>0</v>
      </c>
      <c r="AB6372" s="98">
        <v>0</v>
      </c>
      <c r="AC6372" s="98">
        <v>0</v>
      </c>
      <c r="AD6372" s="98">
        <v>0</v>
      </c>
      <c r="AE6372" s="98">
        <v>0</v>
      </c>
      <c r="AF6372" s="98">
        <v>0</v>
      </c>
      <c r="AG6372" s="98">
        <v>0</v>
      </c>
      <c r="AH6372" s="98">
        <v>0</v>
      </c>
      <c r="AI6372" s="98">
        <v>0</v>
      </c>
      <c r="AJ6372" s="98">
        <v>0</v>
      </c>
      <c r="AK6372" s="98">
        <v>0</v>
      </c>
      <c r="AL6372" s="98">
        <v>0</v>
      </c>
      <c r="AM6372" s="98">
        <v>0</v>
      </c>
      <c r="AN6372" s="98">
        <v>0</v>
      </c>
      <c r="AO6372" s="98">
        <v>1</v>
      </c>
      <c r="AP6372" s="98">
        <v>0</v>
      </c>
      <c r="AQ6372" s="98">
        <v>0</v>
      </c>
      <c r="AR6372" s="98">
        <v>0</v>
      </c>
      <c r="AS6372" s="98">
        <v>0</v>
      </c>
      <c r="AT6372" s="98">
        <v>1</v>
      </c>
      <c r="AU6372" s="98">
        <v>0</v>
      </c>
      <c r="AV6372" s="98">
        <v>0</v>
      </c>
      <c r="AW6372" s="98">
        <v>0</v>
      </c>
      <c r="AX6372" s="98"/>
      <c r="AY6372" s="98"/>
      <c r="AZ6372" s="154" t="s">
        <v>21580</v>
      </c>
      <c r="BA6372" s="98"/>
      <c r="BB6372" s="107">
        <v>45884</v>
      </c>
    </row>
    <row r="6373" spans="1:54" s="8" customFormat="1" ht="13.5" customHeight="1" x14ac:dyDescent="0.25">
      <c r="A6373" s="219" t="s">
        <v>21581</v>
      </c>
      <c r="B6373" s="220" t="s">
        <v>14601</v>
      </c>
      <c r="C6373" s="98" t="s">
        <v>15098</v>
      </c>
      <c r="D6373" s="98" t="s">
        <v>15099</v>
      </c>
      <c r="E6373" s="141">
        <v>1956</v>
      </c>
      <c r="F6373" s="141">
        <v>55806</v>
      </c>
      <c r="G6373" s="98" t="s">
        <v>7</v>
      </c>
      <c r="H6373" s="98">
        <v>1</v>
      </c>
      <c r="I6373" s="98">
        <v>1</v>
      </c>
      <c r="J6373" s="98">
        <v>1</v>
      </c>
      <c r="K6373" s="98">
        <v>1</v>
      </c>
      <c r="L6373" s="98">
        <v>1</v>
      </c>
      <c r="M6373" s="98">
        <v>1</v>
      </c>
      <c r="N6373" s="98">
        <v>1</v>
      </c>
      <c r="O6373" s="98">
        <v>0</v>
      </c>
      <c r="P6373" s="98">
        <v>1</v>
      </c>
      <c r="Q6373" s="98">
        <v>0</v>
      </c>
      <c r="R6373" s="98">
        <v>0</v>
      </c>
      <c r="S6373" s="98">
        <v>0</v>
      </c>
      <c r="T6373" s="98">
        <v>0</v>
      </c>
      <c r="U6373" s="98">
        <v>0</v>
      </c>
      <c r="V6373" s="98">
        <v>0</v>
      </c>
      <c r="W6373" s="98">
        <v>0</v>
      </c>
      <c r="X6373" s="98">
        <v>0</v>
      </c>
      <c r="Y6373" s="98">
        <v>0</v>
      </c>
      <c r="Z6373" s="98">
        <v>1</v>
      </c>
      <c r="AA6373" s="98">
        <v>0</v>
      </c>
      <c r="AB6373" s="98">
        <v>1</v>
      </c>
      <c r="AC6373" s="98">
        <v>0</v>
      </c>
      <c r="AD6373" s="98">
        <v>0</v>
      </c>
      <c r="AE6373" s="98">
        <v>0</v>
      </c>
      <c r="AF6373" s="98">
        <v>0</v>
      </c>
      <c r="AG6373" s="98">
        <v>0</v>
      </c>
      <c r="AH6373" s="98">
        <v>0</v>
      </c>
      <c r="AI6373" s="98">
        <v>0</v>
      </c>
      <c r="AJ6373" s="98">
        <v>0</v>
      </c>
      <c r="AK6373" s="98">
        <v>0</v>
      </c>
      <c r="AL6373" s="98">
        <v>0</v>
      </c>
      <c r="AM6373" s="98">
        <v>0</v>
      </c>
      <c r="AN6373" s="98">
        <v>0</v>
      </c>
      <c r="AO6373" s="98">
        <v>1</v>
      </c>
      <c r="AP6373" s="98">
        <v>0</v>
      </c>
      <c r="AQ6373" s="98">
        <v>0</v>
      </c>
      <c r="AR6373" s="98">
        <v>0</v>
      </c>
      <c r="AS6373" s="98">
        <v>0</v>
      </c>
      <c r="AT6373" s="98">
        <v>1</v>
      </c>
      <c r="AU6373" s="98">
        <v>1</v>
      </c>
      <c r="AV6373" s="98">
        <v>0</v>
      </c>
      <c r="AW6373" s="98">
        <v>1</v>
      </c>
      <c r="AX6373" s="98"/>
      <c r="AY6373" s="98"/>
      <c r="AZ6373" s="154" t="s">
        <v>21582</v>
      </c>
      <c r="BA6373" s="98"/>
      <c r="BB6373" s="107">
        <v>45884</v>
      </c>
    </row>
    <row r="6374" spans="1:54" s="8" customFormat="1" ht="13.95" customHeight="1" x14ac:dyDescent="0.25">
      <c r="A6374" s="219" t="s">
        <v>19870</v>
      </c>
      <c r="B6374" s="220" t="s">
        <v>14601</v>
      </c>
      <c r="C6374" s="98" t="s">
        <v>15100</v>
      </c>
      <c r="D6374" s="98" t="s">
        <v>15101</v>
      </c>
      <c r="E6374" s="141">
        <v>2015</v>
      </c>
      <c r="F6374" s="222">
        <v>12039</v>
      </c>
      <c r="G6374" s="98" t="s">
        <v>3</v>
      </c>
      <c r="H6374" s="98">
        <v>1</v>
      </c>
      <c r="I6374" s="98">
        <v>1</v>
      </c>
      <c r="J6374" s="98">
        <v>1</v>
      </c>
      <c r="K6374" s="98">
        <v>0</v>
      </c>
      <c r="L6374" s="98">
        <v>0</v>
      </c>
      <c r="M6374" s="98">
        <v>1</v>
      </c>
      <c r="N6374" s="98">
        <v>1</v>
      </c>
      <c r="O6374" s="98">
        <v>1</v>
      </c>
      <c r="P6374" s="98">
        <v>0</v>
      </c>
      <c r="Q6374" s="98">
        <v>0</v>
      </c>
      <c r="R6374" s="98">
        <v>0</v>
      </c>
      <c r="S6374" s="98">
        <v>0</v>
      </c>
      <c r="T6374" s="98">
        <v>0</v>
      </c>
      <c r="U6374" s="98">
        <v>0</v>
      </c>
      <c r="V6374" s="98">
        <v>0</v>
      </c>
      <c r="W6374" s="98">
        <v>0</v>
      </c>
      <c r="X6374" s="98">
        <v>1</v>
      </c>
      <c r="Y6374" s="98">
        <v>0</v>
      </c>
      <c r="Z6374" s="98">
        <v>0</v>
      </c>
      <c r="AA6374" s="98">
        <v>0</v>
      </c>
      <c r="AB6374" s="98">
        <v>0</v>
      </c>
      <c r="AC6374" s="98">
        <v>0</v>
      </c>
      <c r="AD6374" s="98">
        <v>0</v>
      </c>
      <c r="AE6374" s="98">
        <v>0</v>
      </c>
      <c r="AF6374" s="98">
        <v>0</v>
      </c>
      <c r="AG6374" s="98">
        <v>0</v>
      </c>
      <c r="AH6374" s="98">
        <v>0</v>
      </c>
      <c r="AI6374" s="98">
        <v>0</v>
      </c>
      <c r="AJ6374" s="98">
        <v>0</v>
      </c>
      <c r="AK6374" s="98">
        <v>0</v>
      </c>
      <c r="AL6374" s="98">
        <v>0</v>
      </c>
      <c r="AM6374" s="98">
        <v>0</v>
      </c>
      <c r="AN6374" s="98">
        <v>0</v>
      </c>
      <c r="AO6374" s="98">
        <v>1</v>
      </c>
      <c r="AP6374" s="98">
        <v>0</v>
      </c>
      <c r="AQ6374" s="98">
        <v>0</v>
      </c>
      <c r="AR6374" s="98">
        <v>0</v>
      </c>
      <c r="AS6374" s="98">
        <v>0</v>
      </c>
      <c r="AT6374" s="129" t="s">
        <v>174</v>
      </c>
      <c r="AU6374" s="98">
        <v>0</v>
      </c>
      <c r="AV6374" s="98">
        <v>0</v>
      </c>
      <c r="AW6374" s="98">
        <v>0</v>
      </c>
      <c r="AX6374" s="98"/>
      <c r="AY6374" s="98"/>
      <c r="AZ6374" s="98"/>
      <c r="BA6374" s="98"/>
      <c r="BB6374" s="107">
        <v>45884</v>
      </c>
    </row>
    <row r="6375" spans="1:54" s="8" customFormat="1" ht="13.95" customHeight="1" x14ac:dyDescent="0.25">
      <c r="A6375" s="219" t="s">
        <v>20305</v>
      </c>
      <c r="B6375" s="220" t="s">
        <v>14601</v>
      </c>
      <c r="C6375" s="98" t="s">
        <v>21583</v>
      </c>
      <c r="D6375" s="98" t="s">
        <v>20302</v>
      </c>
      <c r="E6375" s="141">
        <v>2018</v>
      </c>
      <c r="F6375" s="141">
        <v>232</v>
      </c>
      <c r="G6375" s="98" t="s">
        <v>1</v>
      </c>
      <c r="H6375" s="98">
        <v>0</v>
      </c>
      <c r="I6375" s="98">
        <v>0</v>
      </c>
      <c r="J6375" s="98">
        <v>0</v>
      </c>
      <c r="K6375" s="98">
        <v>1</v>
      </c>
      <c r="L6375" s="98">
        <v>0</v>
      </c>
      <c r="M6375" s="98">
        <v>0</v>
      </c>
      <c r="N6375" s="98">
        <v>0</v>
      </c>
      <c r="O6375" s="98">
        <v>0</v>
      </c>
      <c r="P6375" s="98">
        <v>0</v>
      </c>
      <c r="Q6375" s="98">
        <v>0</v>
      </c>
      <c r="R6375" s="98">
        <v>1</v>
      </c>
      <c r="S6375" s="98">
        <v>0</v>
      </c>
      <c r="T6375" s="98">
        <v>0</v>
      </c>
      <c r="U6375" s="99"/>
      <c r="V6375" s="99"/>
      <c r="W6375" s="99"/>
      <c r="X6375" s="99"/>
      <c r="Y6375" s="99"/>
      <c r="Z6375" s="99"/>
      <c r="AA6375" s="99"/>
      <c r="AB6375" s="99"/>
      <c r="AC6375" s="99"/>
      <c r="AD6375" s="99"/>
      <c r="AE6375" s="99"/>
      <c r="AF6375" s="99"/>
      <c r="AG6375" s="99"/>
      <c r="AH6375" s="99"/>
      <c r="AI6375" s="99"/>
      <c r="AJ6375" s="99"/>
      <c r="AK6375" s="99"/>
      <c r="AL6375" s="99"/>
      <c r="AM6375" s="99"/>
      <c r="AN6375" s="99"/>
      <c r="AO6375" s="99"/>
      <c r="AP6375" s="99"/>
      <c r="AQ6375" s="99"/>
      <c r="AR6375" s="99"/>
      <c r="AS6375" s="99"/>
      <c r="AT6375" s="99"/>
      <c r="AU6375" s="99"/>
      <c r="AV6375" s="99"/>
      <c r="AW6375" s="99"/>
      <c r="AX6375" s="99"/>
      <c r="AY6375" s="99"/>
      <c r="AZ6375" s="99"/>
      <c r="BA6375" s="98" t="s">
        <v>14612</v>
      </c>
      <c r="BB6375" s="107">
        <v>45884</v>
      </c>
    </row>
    <row r="6376" spans="1:54" s="8" customFormat="1" ht="13.95" customHeight="1" x14ac:dyDescent="0.25">
      <c r="A6376" s="219" t="s">
        <v>20306</v>
      </c>
      <c r="B6376" s="220" t="s">
        <v>14601</v>
      </c>
      <c r="C6376" s="98" t="s">
        <v>20303</v>
      </c>
      <c r="D6376" s="98" t="s">
        <v>21584</v>
      </c>
      <c r="E6376" s="141">
        <v>2018</v>
      </c>
      <c r="F6376" s="141">
        <v>319</v>
      </c>
      <c r="G6376" s="98" t="s">
        <v>1</v>
      </c>
      <c r="H6376" s="98">
        <v>0</v>
      </c>
      <c r="I6376" s="98">
        <v>0</v>
      </c>
      <c r="J6376" s="98">
        <v>1</v>
      </c>
      <c r="K6376" s="98">
        <v>1</v>
      </c>
      <c r="L6376" s="98">
        <v>0</v>
      </c>
      <c r="M6376" s="98">
        <v>0</v>
      </c>
      <c r="N6376" s="98">
        <v>0</v>
      </c>
      <c r="O6376" s="98">
        <v>0</v>
      </c>
      <c r="P6376" s="98">
        <v>1</v>
      </c>
      <c r="Q6376" s="98">
        <v>0</v>
      </c>
      <c r="R6376" s="98">
        <v>0</v>
      </c>
      <c r="S6376" s="98">
        <v>0</v>
      </c>
      <c r="T6376" s="98">
        <v>0</v>
      </c>
      <c r="U6376" s="99"/>
      <c r="V6376" s="99"/>
      <c r="W6376" s="99"/>
      <c r="X6376" s="99"/>
      <c r="Y6376" s="99"/>
      <c r="Z6376" s="99"/>
      <c r="AA6376" s="99"/>
      <c r="AB6376" s="99"/>
      <c r="AC6376" s="99"/>
      <c r="AD6376" s="99"/>
      <c r="AE6376" s="99"/>
      <c r="AF6376" s="99"/>
      <c r="AG6376" s="99"/>
      <c r="AH6376" s="99"/>
      <c r="AI6376" s="99"/>
      <c r="AJ6376" s="99"/>
      <c r="AK6376" s="99"/>
      <c r="AL6376" s="99"/>
      <c r="AM6376" s="99"/>
      <c r="AN6376" s="99"/>
      <c r="AO6376" s="99"/>
      <c r="AP6376" s="99"/>
      <c r="AQ6376" s="99"/>
      <c r="AR6376" s="99"/>
      <c r="AS6376" s="99"/>
      <c r="AT6376" s="99"/>
      <c r="AU6376" s="99"/>
      <c r="AV6376" s="99"/>
      <c r="AW6376" s="99"/>
      <c r="AX6376" s="99"/>
      <c r="AY6376" s="99"/>
      <c r="AZ6376" s="99"/>
      <c r="BA6376" s="98" t="s">
        <v>14612</v>
      </c>
      <c r="BB6376" s="107">
        <v>45884</v>
      </c>
    </row>
    <row r="6377" spans="1:54" s="8" customFormat="1" ht="13.95" customHeight="1" x14ac:dyDescent="0.25">
      <c r="A6377" s="219" t="s">
        <v>20307</v>
      </c>
      <c r="B6377" s="220" t="s">
        <v>14601</v>
      </c>
      <c r="C6377" s="98" t="s">
        <v>21585</v>
      </c>
      <c r="D6377" s="98" t="s">
        <v>20304</v>
      </c>
      <c r="E6377" s="141">
        <v>2018</v>
      </c>
      <c r="F6377" s="141">
        <v>64696</v>
      </c>
      <c r="G6377" s="98" t="s">
        <v>0</v>
      </c>
      <c r="H6377" s="98">
        <v>1</v>
      </c>
      <c r="I6377" s="98">
        <v>1</v>
      </c>
      <c r="J6377" s="98">
        <v>1</v>
      </c>
      <c r="K6377" s="98">
        <v>0</v>
      </c>
      <c r="L6377" s="98">
        <v>0</v>
      </c>
      <c r="M6377" s="98">
        <v>1</v>
      </c>
      <c r="N6377" s="98">
        <v>1</v>
      </c>
      <c r="O6377" s="98">
        <v>0</v>
      </c>
      <c r="P6377" s="98">
        <v>0</v>
      </c>
      <c r="Q6377" s="98">
        <v>0</v>
      </c>
      <c r="R6377" s="98">
        <v>0</v>
      </c>
      <c r="S6377" s="98">
        <v>0</v>
      </c>
      <c r="T6377" s="98">
        <v>0</v>
      </c>
      <c r="U6377" s="98">
        <v>0</v>
      </c>
      <c r="V6377" s="98">
        <v>1</v>
      </c>
      <c r="W6377" s="98">
        <v>1</v>
      </c>
      <c r="X6377" s="98">
        <v>0</v>
      </c>
      <c r="Y6377" s="98">
        <v>1</v>
      </c>
      <c r="Z6377" s="98">
        <v>1</v>
      </c>
      <c r="AA6377" s="98">
        <v>0</v>
      </c>
      <c r="AB6377" s="98">
        <v>0</v>
      </c>
      <c r="AC6377" s="98">
        <v>0</v>
      </c>
      <c r="AD6377" s="98">
        <v>0</v>
      </c>
      <c r="AE6377" s="98">
        <v>0</v>
      </c>
      <c r="AF6377" s="98">
        <v>0</v>
      </c>
      <c r="AG6377" s="98">
        <v>0</v>
      </c>
      <c r="AH6377" s="98">
        <v>1</v>
      </c>
      <c r="AI6377" s="98">
        <v>0</v>
      </c>
      <c r="AJ6377" s="98">
        <v>0</v>
      </c>
      <c r="AK6377" s="98">
        <v>0</v>
      </c>
      <c r="AL6377" s="98">
        <v>0</v>
      </c>
      <c r="AM6377" s="98">
        <v>1</v>
      </c>
      <c r="AN6377" s="98">
        <v>0</v>
      </c>
      <c r="AO6377" s="98">
        <v>1</v>
      </c>
      <c r="AP6377" s="98">
        <v>0</v>
      </c>
      <c r="AQ6377" s="98">
        <v>0</v>
      </c>
      <c r="AR6377" s="98">
        <v>1</v>
      </c>
      <c r="AS6377" s="98">
        <v>0</v>
      </c>
      <c r="AT6377" s="141">
        <v>1</v>
      </c>
      <c r="AU6377" s="98">
        <v>0</v>
      </c>
      <c r="AV6377" s="98">
        <v>1</v>
      </c>
      <c r="AW6377" s="98">
        <v>1</v>
      </c>
      <c r="AX6377" s="98"/>
      <c r="AY6377" s="98"/>
      <c r="AZ6377" s="154" t="s">
        <v>21586</v>
      </c>
      <c r="BA6377" s="98"/>
      <c r="BB6377" s="107">
        <v>45884</v>
      </c>
    </row>
    <row r="6378" spans="1:54" s="8" customFormat="1" ht="13.95" customHeight="1" x14ac:dyDescent="0.25">
      <c r="A6378" s="219" t="s">
        <v>20411</v>
      </c>
      <c r="B6378" s="220" t="s">
        <v>14601</v>
      </c>
      <c r="C6378" s="98" t="s">
        <v>21587</v>
      </c>
      <c r="D6378" s="98" t="s">
        <v>21588</v>
      </c>
      <c r="E6378" s="141">
        <v>2019</v>
      </c>
      <c r="F6378" s="262">
        <v>207</v>
      </c>
      <c r="G6378" s="98" t="s">
        <v>1</v>
      </c>
      <c r="H6378" s="98">
        <v>0</v>
      </c>
      <c r="I6378" s="98">
        <v>0</v>
      </c>
      <c r="J6378" s="98">
        <v>1</v>
      </c>
      <c r="K6378" s="98">
        <v>1</v>
      </c>
      <c r="L6378" s="98">
        <v>0</v>
      </c>
      <c r="M6378" s="98">
        <v>0</v>
      </c>
      <c r="N6378" s="98">
        <v>0</v>
      </c>
      <c r="O6378" s="98">
        <v>0</v>
      </c>
      <c r="P6378" s="98">
        <v>1</v>
      </c>
      <c r="Q6378" s="98">
        <v>0</v>
      </c>
      <c r="R6378" s="98">
        <v>1</v>
      </c>
      <c r="S6378" s="98">
        <v>0</v>
      </c>
      <c r="T6378" s="98">
        <v>0</v>
      </c>
      <c r="U6378" s="99"/>
      <c r="V6378" s="99"/>
      <c r="W6378" s="99"/>
      <c r="X6378" s="99"/>
      <c r="Y6378" s="99"/>
      <c r="Z6378" s="99"/>
      <c r="AA6378" s="99"/>
      <c r="AB6378" s="99"/>
      <c r="AC6378" s="99"/>
      <c r="AD6378" s="99"/>
      <c r="AE6378" s="99"/>
      <c r="AF6378" s="99"/>
      <c r="AG6378" s="99"/>
      <c r="AH6378" s="99"/>
      <c r="AI6378" s="99"/>
      <c r="AJ6378" s="99"/>
      <c r="AK6378" s="99"/>
      <c r="AL6378" s="99"/>
      <c r="AM6378" s="99"/>
      <c r="AN6378" s="99"/>
      <c r="AO6378" s="99"/>
      <c r="AP6378" s="99"/>
      <c r="AQ6378" s="99"/>
      <c r="AR6378" s="99"/>
      <c r="AS6378" s="99"/>
      <c r="AT6378" s="148"/>
      <c r="AU6378" s="99"/>
      <c r="AV6378" s="99"/>
      <c r="AW6378" s="99"/>
      <c r="AX6378" s="99"/>
      <c r="AY6378" s="99"/>
      <c r="AZ6378" s="99"/>
      <c r="BA6378" s="98"/>
      <c r="BB6378" s="107">
        <v>45884</v>
      </c>
    </row>
    <row r="6379" spans="1:54" s="8" customFormat="1" ht="13.95" customHeight="1" x14ac:dyDescent="0.25">
      <c r="A6379" s="219" t="s">
        <v>20412</v>
      </c>
      <c r="B6379" s="220" t="s">
        <v>14601</v>
      </c>
      <c r="C6379" s="98" t="s">
        <v>21589</v>
      </c>
      <c r="D6379" s="98" t="s">
        <v>20406</v>
      </c>
      <c r="E6379" s="141">
        <v>2019</v>
      </c>
      <c r="F6379" s="262">
        <v>1530</v>
      </c>
      <c r="G6379" s="98" t="s">
        <v>1</v>
      </c>
      <c r="H6379" s="98">
        <v>0</v>
      </c>
      <c r="I6379" s="98">
        <v>0</v>
      </c>
      <c r="J6379" s="98">
        <v>1</v>
      </c>
      <c r="K6379" s="98">
        <v>1</v>
      </c>
      <c r="L6379" s="98">
        <v>1</v>
      </c>
      <c r="M6379" s="98">
        <v>1</v>
      </c>
      <c r="N6379" s="98">
        <v>0</v>
      </c>
      <c r="O6379" s="98">
        <v>0</v>
      </c>
      <c r="P6379" s="98">
        <v>1</v>
      </c>
      <c r="Q6379" s="98">
        <v>0</v>
      </c>
      <c r="R6379" s="98">
        <v>1</v>
      </c>
      <c r="S6379" s="98">
        <v>0</v>
      </c>
      <c r="T6379" s="98">
        <v>0</v>
      </c>
      <c r="U6379" s="99"/>
      <c r="V6379" s="99"/>
      <c r="W6379" s="99"/>
      <c r="X6379" s="99"/>
      <c r="Y6379" s="99"/>
      <c r="Z6379" s="99"/>
      <c r="AA6379" s="99"/>
      <c r="AB6379" s="99"/>
      <c r="AC6379" s="99"/>
      <c r="AD6379" s="99"/>
      <c r="AE6379" s="99"/>
      <c r="AF6379" s="99"/>
      <c r="AG6379" s="99"/>
      <c r="AH6379" s="99"/>
      <c r="AI6379" s="99"/>
      <c r="AJ6379" s="99"/>
      <c r="AK6379" s="99"/>
      <c r="AL6379" s="99"/>
      <c r="AM6379" s="99"/>
      <c r="AN6379" s="99"/>
      <c r="AO6379" s="99"/>
      <c r="AP6379" s="99"/>
      <c r="AQ6379" s="99"/>
      <c r="AR6379" s="99"/>
      <c r="AS6379" s="99"/>
      <c r="AT6379" s="148"/>
      <c r="AU6379" s="99"/>
      <c r="AV6379" s="99"/>
      <c r="AW6379" s="99"/>
      <c r="AX6379" s="99"/>
      <c r="AY6379" s="99"/>
      <c r="AZ6379" s="99"/>
      <c r="BA6379" s="98"/>
      <c r="BB6379" s="107">
        <v>45884</v>
      </c>
    </row>
    <row r="6380" spans="1:54" s="8" customFormat="1" ht="13.95" customHeight="1" x14ac:dyDescent="0.25">
      <c r="A6380" s="219" t="s">
        <v>20413</v>
      </c>
      <c r="B6380" s="220" t="s">
        <v>14601</v>
      </c>
      <c r="C6380" s="98" t="s">
        <v>20407</v>
      </c>
      <c r="D6380" s="98" t="s">
        <v>20408</v>
      </c>
      <c r="E6380" s="141">
        <v>2019</v>
      </c>
      <c r="F6380" s="263">
        <v>707</v>
      </c>
      <c r="G6380" s="98" t="s">
        <v>1</v>
      </c>
      <c r="H6380" s="98">
        <v>0</v>
      </c>
      <c r="I6380" s="98">
        <v>0</v>
      </c>
      <c r="J6380" s="98">
        <v>1</v>
      </c>
      <c r="K6380" s="98">
        <v>0</v>
      </c>
      <c r="L6380" s="98">
        <v>1</v>
      </c>
      <c r="M6380" s="98">
        <v>0</v>
      </c>
      <c r="N6380" s="98">
        <v>0</v>
      </c>
      <c r="O6380" s="98">
        <v>1</v>
      </c>
      <c r="P6380" s="98">
        <v>1</v>
      </c>
      <c r="Q6380" s="98">
        <v>0</v>
      </c>
      <c r="R6380" s="98">
        <v>0</v>
      </c>
      <c r="S6380" s="98">
        <v>0</v>
      </c>
      <c r="T6380" s="98">
        <v>0</v>
      </c>
      <c r="U6380" s="99"/>
      <c r="V6380" s="99"/>
      <c r="W6380" s="99"/>
      <c r="X6380" s="99"/>
      <c r="Y6380" s="99"/>
      <c r="Z6380" s="99"/>
      <c r="AA6380" s="99"/>
      <c r="AB6380" s="99"/>
      <c r="AC6380" s="99"/>
      <c r="AD6380" s="99"/>
      <c r="AE6380" s="99"/>
      <c r="AF6380" s="99"/>
      <c r="AG6380" s="99"/>
      <c r="AH6380" s="99"/>
      <c r="AI6380" s="99"/>
      <c r="AJ6380" s="99"/>
      <c r="AK6380" s="99"/>
      <c r="AL6380" s="99"/>
      <c r="AM6380" s="99"/>
      <c r="AN6380" s="99"/>
      <c r="AO6380" s="99"/>
      <c r="AP6380" s="99"/>
      <c r="AQ6380" s="99"/>
      <c r="AR6380" s="99"/>
      <c r="AS6380" s="99"/>
      <c r="AT6380" s="148"/>
      <c r="AU6380" s="99"/>
      <c r="AV6380" s="99"/>
      <c r="AW6380" s="99"/>
      <c r="AX6380" s="99"/>
      <c r="AY6380" s="99"/>
      <c r="AZ6380" s="99"/>
      <c r="BA6380" s="98"/>
      <c r="BB6380" s="107">
        <v>45884</v>
      </c>
    </row>
    <row r="6381" spans="1:54" s="8" customFormat="1" ht="13.95" customHeight="1" x14ac:dyDescent="0.25">
      <c r="A6381" s="219" t="s">
        <v>21590</v>
      </c>
      <c r="B6381" s="220" t="s">
        <v>14601</v>
      </c>
      <c r="C6381" s="98" t="s">
        <v>20409</v>
      </c>
      <c r="D6381" s="98" t="s">
        <v>20410</v>
      </c>
      <c r="E6381" s="141">
        <v>2020</v>
      </c>
      <c r="F6381" s="263">
        <v>1387</v>
      </c>
      <c r="G6381" s="98" t="s">
        <v>1</v>
      </c>
      <c r="H6381" s="98">
        <v>0</v>
      </c>
      <c r="I6381" s="98">
        <v>0</v>
      </c>
      <c r="J6381" s="98">
        <v>1</v>
      </c>
      <c r="K6381" s="98">
        <v>1</v>
      </c>
      <c r="L6381" s="98">
        <v>1</v>
      </c>
      <c r="M6381" s="98">
        <v>1</v>
      </c>
      <c r="N6381" s="98">
        <v>1</v>
      </c>
      <c r="O6381" s="98">
        <v>1</v>
      </c>
      <c r="P6381" s="98">
        <v>0</v>
      </c>
      <c r="Q6381" s="98">
        <v>0</v>
      </c>
      <c r="R6381" s="98">
        <v>1</v>
      </c>
      <c r="S6381" s="98">
        <v>0</v>
      </c>
      <c r="T6381" s="98">
        <v>0</v>
      </c>
      <c r="U6381" s="99"/>
      <c r="V6381" s="99"/>
      <c r="W6381" s="99"/>
      <c r="X6381" s="99"/>
      <c r="Y6381" s="99"/>
      <c r="Z6381" s="99"/>
      <c r="AA6381" s="99"/>
      <c r="AB6381" s="99"/>
      <c r="AC6381" s="99"/>
      <c r="AD6381" s="99"/>
      <c r="AE6381" s="99"/>
      <c r="AF6381" s="99"/>
      <c r="AG6381" s="99"/>
      <c r="AH6381" s="99"/>
      <c r="AI6381" s="99"/>
      <c r="AJ6381" s="99"/>
      <c r="AK6381" s="99"/>
      <c r="AL6381" s="99"/>
      <c r="AM6381" s="99"/>
      <c r="AN6381" s="99"/>
      <c r="AO6381" s="99"/>
      <c r="AP6381" s="99"/>
      <c r="AQ6381" s="99"/>
      <c r="AR6381" s="99"/>
      <c r="AS6381" s="99"/>
      <c r="AT6381" s="148"/>
      <c r="AU6381" s="99"/>
      <c r="AV6381" s="99"/>
      <c r="AW6381" s="99"/>
      <c r="AX6381" s="99"/>
      <c r="AY6381" s="99"/>
      <c r="AZ6381" s="99"/>
      <c r="BA6381" s="98"/>
      <c r="BB6381" s="107">
        <v>45884</v>
      </c>
    </row>
    <row r="6382" spans="1:54" s="8" customFormat="1" ht="13.5" customHeight="1" x14ac:dyDescent="0.25">
      <c r="A6382" s="219" t="s">
        <v>21593</v>
      </c>
      <c r="B6382" s="220" t="s">
        <v>14601</v>
      </c>
      <c r="C6382" s="98" t="s">
        <v>21591</v>
      </c>
      <c r="D6382" s="98" t="s">
        <v>21592</v>
      </c>
      <c r="E6382" s="141">
        <v>2021</v>
      </c>
      <c r="F6382" s="263">
        <v>502</v>
      </c>
      <c r="G6382" s="98" t="s">
        <v>1</v>
      </c>
      <c r="H6382" s="98">
        <v>0</v>
      </c>
      <c r="I6382" s="98">
        <v>0</v>
      </c>
      <c r="J6382" s="98">
        <v>1</v>
      </c>
      <c r="K6382" s="98">
        <v>0</v>
      </c>
      <c r="L6382" s="98">
        <v>0</v>
      </c>
      <c r="M6382" s="98">
        <v>0</v>
      </c>
      <c r="N6382" s="98">
        <v>0</v>
      </c>
      <c r="O6382" s="98">
        <v>0</v>
      </c>
      <c r="P6382" s="98">
        <v>0</v>
      </c>
      <c r="Q6382" s="98">
        <v>0</v>
      </c>
      <c r="R6382" s="98">
        <v>0</v>
      </c>
      <c r="S6382" s="98">
        <v>0</v>
      </c>
      <c r="T6382" s="98">
        <v>0</v>
      </c>
      <c r="U6382" s="99"/>
      <c r="V6382" s="99"/>
      <c r="W6382" s="99"/>
      <c r="X6382" s="99"/>
      <c r="Y6382" s="99"/>
      <c r="Z6382" s="99"/>
      <c r="AA6382" s="99"/>
      <c r="AB6382" s="99"/>
      <c r="AC6382" s="99"/>
      <c r="AD6382" s="99"/>
      <c r="AE6382" s="99"/>
      <c r="AF6382" s="99"/>
      <c r="AG6382" s="99"/>
      <c r="AH6382" s="99"/>
      <c r="AI6382" s="98"/>
      <c r="AJ6382" s="98"/>
      <c r="AK6382" s="98"/>
      <c r="AL6382" s="156"/>
      <c r="AM6382" s="99"/>
      <c r="AN6382" s="99"/>
      <c r="AO6382" s="99"/>
      <c r="AP6382" s="157"/>
      <c r="AQ6382" s="99"/>
      <c r="AR6382" s="99"/>
      <c r="AS6382" s="99"/>
      <c r="AT6382" s="148"/>
      <c r="AU6382" s="99"/>
      <c r="AV6382" s="99"/>
      <c r="AW6382" s="99"/>
      <c r="AX6382" s="99"/>
      <c r="AY6382" s="99"/>
      <c r="AZ6382" s="99"/>
      <c r="BA6382" s="98"/>
      <c r="BB6382" s="107">
        <v>45884</v>
      </c>
    </row>
    <row r="6383" spans="1:54" s="8" customFormat="1" ht="13.5" customHeight="1" x14ac:dyDescent="0.25">
      <c r="A6383" s="219" t="s">
        <v>21890</v>
      </c>
      <c r="B6383" s="220" t="s">
        <v>14601</v>
      </c>
      <c r="C6383" s="98" t="s">
        <v>21886</v>
      </c>
      <c r="D6383" s="98" t="s">
        <v>21887</v>
      </c>
      <c r="E6383" s="141">
        <v>2022</v>
      </c>
      <c r="F6383" s="263">
        <v>150.16999999999999</v>
      </c>
      <c r="G6383" s="98" t="s">
        <v>1</v>
      </c>
      <c r="H6383" s="98">
        <v>0</v>
      </c>
      <c r="I6383" s="98">
        <v>0</v>
      </c>
      <c r="J6383" s="98">
        <v>0</v>
      </c>
      <c r="K6383" s="98">
        <v>1</v>
      </c>
      <c r="L6383" s="98">
        <v>0</v>
      </c>
      <c r="M6383" s="98">
        <v>0</v>
      </c>
      <c r="N6383" s="98">
        <v>0</v>
      </c>
      <c r="O6383" s="98">
        <v>0</v>
      </c>
      <c r="P6383" s="98">
        <v>0</v>
      </c>
      <c r="Q6383" s="98">
        <v>0</v>
      </c>
      <c r="R6383" s="98">
        <v>0</v>
      </c>
      <c r="S6383" s="98">
        <v>0</v>
      </c>
      <c r="T6383" s="98">
        <v>0</v>
      </c>
      <c r="U6383" s="99"/>
      <c r="V6383" s="99"/>
      <c r="W6383" s="99"/>
      <c r="X6383" s="99"/>
      <c r="Y6383" s="99"/>
      <c r="Z6383" s="99"/>
      <c r="AA6383" s="99"/>
      <c r="AB6383" s="99"/>
      <c r="AC6383" s="99"/>
      <c r="AD6383" s="99"/>
      <c r="AE6383" s="99"/>
      <c r="AF6383" s="99"/>
      <c r="AG6383" s="99"/>
      <c r="AH6383" s="99"/>
      <c r="AI6383" s="98"/>
      <c r="AJ6383" s="98"/>
      <c r="AK6383" s="98"/>
      <c r="AL6383" s="156"/>
      <c r="AM6383" s="99"/>
      <c r="AN6383" s="99"/>
      <c r="AO6383" s="99"/>
      <c r="AP6383" s="157"/>
      <c r="AQ6383" s="99"/>
      <c r="AR6383" s="99"/>
      <c r="AS6383" s="99"/>
      <c r="AT6383" s="148"/>
      <c r="AU6383" s="99"/>
      <c r="AV6383" s="99"/>
      <c r="AW6383" s="99"/>
      <c r="AX6383" s="99"/>
      <c r="AY6383" s="99"/>
      <c r="AZ6383" s="99"/>
      <c r="BA6383" s="98"/>
      <c r="BB6383" s="107">
        <v>45884</v>
      </c>
    </row>
    <row r="6384" spans="1:54" s="8" customFormat="1" ht="15" customHeight="1" x14ac:dyDescent="0.25">
      <c r="A6384" s="219" t="s">
        <v>21891</v>
      </c>
      <c r="B6384" s="220" t="s">
        <v>14601</v>
      </c>
      <c r="C6384" s="98" t="s">
        <v>21888</v>
      </c>
      <c r="D6384" s="98" t="s">
        <v>21889</v>
      </c>
      <c r="E6384" s="141">
        <v>2022</v>
      </c>
      <c r="F6384" s="263">
        <v>2343</v>
      </c>
      <c r="G6384" s="98" t="s">
        <v>1</v>
      </c>
      <c r="H6384" s="98">
        <v>0</v>
      </c>
      <c r="I6384" s="98">
        <v>0</v>
      </c>
      <c r="J6384" s="98">
        <v>1</v>
      </c>
      <c r="K6384" s="98">
        <v>0</v>
      </c>
      <c r="L6384" s="98">
        <v>0</v>
      </c>
      <c r="M6384" s="98">
        <v>0</v>
      </c>
      <c r="N6384" s="98">
        <v>0</v>
      </c>
      <c r="O6384" s="98">
        <v>0</v>
      </c>
      <c r="P6384" s="98">
        <v>0</v>
      </c>
      <c r="Q6384" s="98">
        <v>0</v>
      </c>
      <c r="R6384" s="98">
        <v>0</v>
      </c>
      <c r="S6384" s="98">
        <v>0</v>
      </c>
      <c r="T6384" s="98">
        <v>0</v>
      </c>
      <c r="U6384" s="99"/>
      <c r="V6384" s="99"/>
      <c r="W6384" s="99"/>
      <c r="X6384" s="99"/>
      <c r="Y6384" s="99"/>
      <c r="Z6384" s="99"/>
      <c r="AA6384" s="99"/>
      <c r="AB6384" s="99"/>
      <c r="AC6384" s="99"/>
      <c r="AD6384" s="99"/>
      <c r="AE6384" s="99"/>
      <c r="AF6384" s="99"/>
      <c r="AG6384" s="99"/>
      <c r="AH6384" s="99"/>
      <c r="AI6384" s="98"/>
      <c r="AJ6384" s="98"/>
      <c r="AK6384" s="98"/>
      <c r="AL6384" s="156"/>
      <c r="AM6384" s="99"/>
      <c r="AN6384" s="99"/>
      <c r="AO6384" s="99"/>
      <c r="AP6384" s="157"/>
      <c r="AQ6384" s="99"/>
      <c r="AR6384" s="99"/>
      <c r="AS6384" s="99"/>
      <c r="AT6384" s="148"/>
      <c r="AU6384" s="99"/>
      <c r="AV6384" s="99"/>
      <c r="AW6384" s="99"/>
      <c r="AX6384" s="99"/>
      <c r="AY6384" s="99"/>
      <c r="AZ6384" s="99"/>
      <c r="BA6384" s="98"/>
      <c r="BB6384" s="107">
        <v>45884</v>
      </c>
    </row>
    <row r="6385" spans="1:54 16383:16384" s="8" customFormat="1" ht="15" customHeight="1" x14ac:dyDescent="0.25">
      <c r="A6385" s="229" t="s">
        <v>22067</v>
      </c>
      <c r="B6385" s="220" t="s">
        <v>14601</v>
      </c>
      <c r="C6385" s="98" t="s">
        <v>22061</v>
      </c>
      <c r="D6385" s="98" t="s">
        <v>22062</v>
      </c>
      <c r="E6385" s="141">
        <v>2022</v>
      </c>
      <c r="F6385" s="263">
        <v>170</v>
      </c>
      <c r="G6385" s="98" t="s">
        <v>1</v>
      </c>
      <c r="H6385" s="98">
        <v>0</v>
      </c>
      <c r="I6385" s="98">
        <v>0</v>
      </c>
      <c r="J6385" s="98">
        <v>1</v>
      </c>
      <c r="K6385" s="98">
        <v>1</v>
      </c>
      <c r="L6385" s="98">
        <v>0</v>
      </c>
      <c r="M6385" s="98">
        <v>0</v>
      </c>
      <c r="N6385" s="98">
        <v>0</v>
      </c>
      <c r="O6385" s="98">
        <v>0</v>
      </c>
      <c r="P6385" s="98">
        <v>0</v>
      </c>
      <c r="Q6385" s="98">
        <v>0</v>
      </c>
      <c r="R6385" s="98">
        <v>0</v>
      </c>
      <c r="S6385" s="98">
        <v>0</v>
      </c>
      <c r="T6385" s="98">
        <v>0</v>
      </c>
      <c r="U6385" s="99"/>
      <c r="V6385" s="99"/>
      <c r="W6385" s="99"/>
      <c r="X6385" s="99"/>
      <c r="Y6385" s="99"/>
      <c r="Z6385" s="99"/>
      <c r="AA6385" s="99"/>
      <c r="AB6385" s="99"/>
      <c r="AC6385" s="99"/>
      <c r="AD6385" s="99"/>
      <c r="AE6385" s="99"/>
      <c r="AF6385" s="99"/>
      <c r="AG6385" s="99"/>
      <c r="AH6385" s="99"/>
      <c r="AI6385" s="98"/>
      <c r="AJ6385" s="98"/>
      <c r="AK6385" s="98"/>
      <c r="AL6385" s="156"/>
      <c r="AM6385" s="99"/>
      <c r="AN6385" s="99"/>
      <c r="AO6385" s="99"/>
      <c r="AP6385" s="157"/>
      <c r="AQ6385" s="99"/>
      <c r="AR6385" s="99"/>
      <c r="AS6385" s="99"/>
      <c r="AT6385" s="148"/>
      <c r="AU6385" s="99"/>
      <c r="AV6385" s="99"/>
      <c r="AW6385" s="99"/>
      <c r="AX6385" s="99"/>
      <c r="AY6385" s="99"/>
      <c r="AZ6385" s="99"/>
      <c r="BA6385" s="98"/>
      <c r="BB6385" s="107">
        <v>45884</v>
      </c>
    </row>
    <row r="6386" spans="1:54 16383:16384" s="8" customFormat="1" ht="15" customHeight="1" x14ac:dyDescent="0.25">
      <c r="A6386" s="229" t="s">
        <v>22068</v>
      </c>
      <c r="B6386" s="220" t="s">
        <v>14601</v>
      </c>
      <c r="C6386" s="98" t="s">
        <v>22063</v>
      </c>
      <c r="D6386" s="155" t="s">
        <v>22064</v>
      </c>
      <c r="E6386" s="141">
        <v>2022</v>
      </c>
      <c r="F6386" s="141">
        <v>211</v>
      </c>
      <c r="G6386" s="98" t="s">
        <v>1</v>
      </c>
      <c r="H6386" s="98">
        <v>0</v>
      </c>
      <c r="I6386" s="98">
        <v>0</v>
      </c>
      <c r="J6386" s="98">
        <v>0</v>
      </c>
      <c r="K6386" s="98">
        <v>1</v>
      </c>
      <c r="L6386" s="98">
        <v>0</v>
      </c>
      <c r="M6386" s="98">
        <v>0</v>
      </c>
      <c r="N6386" s="98">
        <v>0</v>
      </c>
      <c r="O6386" s="98">
        <v>0</v>
      </c>
      <c r="P6386" s="98">
        <v>0</v>
      </c>
      <c r="Q6386" s="98">
        <v>0</v>
      </c>
      <c r="R6386" s="98">
        <v>0</v>
      </c>
      <c r="S6386" s="99">
        <v>0</v>
      </c>
      <c r="T6386" s="99">
        <v>0</v>
      </c>
      <c r="U6386" s="99"/>
      <c r="V6386" s="99"/>
      <c r="W6386" s="99"/>
      <c r="X6386" s="99"/>
      <c r="Y6386" s="99"/>
      <c r="Z6386" s="99"/>
      <c r="AA6386" s="99"/>
      <c r="AB6386" s="99"/>
      <c r="AC6386" s="99"/>
      <c r="AD6386" s="99"/>
      <c r="AE6386" s="99"/>
      <c r="AF6386" s="99"/>
      <c r="AG6386" s="98"/>
      <c r="AH6386" s="98"/>
      <c r="AI6386" s="98"/>
      <c r="AJ6386" s="156"/>
      <c r="AK6386" s="99"/>
      <c r="AL6386" s="99"/>
      <c r="AM6386" s="99"/>
      <c r="AN6386" s="157"/>
      <c r="AO6386" s="99"/>
      <c r="AP6386" s="99"/>
      <c r="AQ6386" s="99"/>
      <c r="AR6386" s="148"/>
      <c r="AS6386" s="99"/>
      <c r="AT6386" s="99"/>
      <c r="AU6386" s="99"/>
      <c r="AV6386" s="99"/>
      <c r="AW6386" s="99"/>
      <c r="AX6386" s="99"/>
      <c r="AY6386" s="98"/>
      <c r="AZ6386" s="156"/>
      <c r="BA6386" s="158"/>
      <c r="BB6386" s="107">
        <v>45884</v>
      </c>
      <c r="XFC6386" s="264"/>
      <c r="XFD6386" s="264"/>
    </row>
    <row r="6387" spans="1:54 16383:16384" s="265" customFormat="1" ht="12" x14ac:dyDescent="0.25">
      <c r="A6387" s="229" t="s">
        <v>22069</v>
      </c>
      <c r="B6387" s="220" t="s">
        <v>14601</v>
      </c>
      <c r="C6387" s="98" t="s">
        <v>22065</v>
      </c>
      <c r="D6387" s="98" t="s">
        <v>22066</v>
      </c>
      <c r="E6387" s="141">
        <v>2022</v>
      </c>
      <c r="F6387" s="263">
        <v>2386</v>
      </c>
      <c r="G6387" s="98" t="s">
        <v>1</v>
      </c>
      <c r="H6387" s="98">
        <v>0</v>
      </c>
      <c r="I6387" s="98">
        <v>0</v>
      </c>
      <c r="J6387" s="98">
        <v>1</v>
      </c>
      <c r="K6387" s="98">
        <v>1</v>
      </c>
      <c r="L6387" s="98">
        <v>0</v>
      </c>
      <c r="M6387" s="98">
        <v>0</v>
      </c>
      <c r="N6387" s="98">
        <v>1</v>
      </c>
      <c r="O6387" s="98">
        <v>0</v>
      </c>
      <c r="P6387" s="98">
        <v>1</v>
      </c>
      <c r="Q6387" s="98">
        <v>0</v>
      </c>
      <c r="R6387" s="98">
        <v>0</v>
      </c>
      <c r="S6387" s="98">
        <v>0</v>
      </c>
      <c r="T6387" s="98">
        <v>0</v>
      </c>
      <c r="U6387" s="99"/>
      <c r="V6387" s="99"/>
      <c r="W6387" s="99"/>
      <c r="X6387" s="99"/>
      <c r="Y6387" s="99"/>
      <c r="Z6387" s="99"/>
      <c r="AA6387" s="99"/>
      <c r="AB6387" s="99"/>
      <c r="AC6387" s="99"/>
      <c r="AD6387" s="99"/>
      <c r="AE6387" s="99"/>
      <c r="AF6387" s="99"/>
      <c r="AG6387" s="99"/>
      <c r="AH6387" s="99"/>
      <c r="AI6387" s="98"/>
      <c r="AJ6387" s="98"/>
      <c r="AK6387" s="98"/>
      <c r="AL6387" s="156"/>
      <c r="AM6387" s="99"/>
      <c r="AN6387" s="99"/>
      <c r="AO6387" s="99"/>
      <c r="AP6387" s="157"/>
      <c r="AQ6387" s="99"/>
      <c r="AR6387" s="99"/>
      <c r="AS6387" s="99"/>
      <c r="AT6387" s="148"/>
      <c r="AU6387" s="99"/>
      <c r="AV6387" s="99"/>
      <c r="AW6387" s="99"/>
      <c r="AX6387" s="99"/>
      <c r="AY6387" s="99"/>
      <c r="AZ6387" s="99"/>
      <c r="BA6387" s="98"/>
      <c r="BB6387" s="107">
        <v>45884</v>
      </c>
    </row>
    <row r="6388" spans="1:54 16383:16384" s="8" customFormat="1" ht="15.75" customHeight="1" x14ac:dyDescent="0.25">
      <c r="A6388" s="229" t="s">
        <v>24199</v>
      </c>
      <c r="B6388" s="220" t="s">
        <v>14601</v>
      </c>
      <c r="C6388" s="140" t="s">
        <v>24193</v>
      </c>
      <c r="D6388" s="140" t="s">
        <v>24194</v>
      </c>
      <c r="E6388" s="139">
        <v>2023</v>
      </c>
      <c r="F6388" s="263">
        <v>437</v>
      </c>
      <c r="G6388" s="98" t="s">
        <v>1</v>
      </c>
      <c r="H6388" s="98">
        <v>0</v>
      </c>
      <c r="I6388" s="98">
        <v>0</v>
      </c>
      <c r="J6388" s="140">
        <v>1</v>
      </c>
      <c r="K6388" s="140">
        <v>1</v>
      </c>
      <c r="L6388" s="140">
        <v>0</v>
      </c>
      <c r="M6388" s="140">
        <v>0</v>
      </c>
      <c r="N6388" s="140">
        <v>0</v>
      </c>
      <c r="O6388" s="140">
        <v>0</v>
      </c>
      <c r="P6388" s="140">
        <v>0</v>
      </c>
      <c r="Q6388" s="140">
        <v>0</v>
      </c>
      <c r="R6388" s="140">
        <v>0</v>
      </c>
      <c r="S6388" s="140">
        <v>0</v>
      </c>
      <c r="T6388" s="140">
        <v>0</v>
      </c>
      <c r="U6388" s="140">
        <v>0</v>
      </c>
      <c r="V6388" s="140">
        <v>0</v>
      </c>
      <c r="W6388" s="140">
        <v>0</v>
      </c>
      <c r="X6388" s="140">
        <v>0</v>
      </c>
      <c r="Y6388" s="140">
        <v>0</v>
      </c>
      <c r="Z6388" s="140">
        <v>0</v>
      </c>
      <c r="AA6388" s="140">
        <v>0</v>
      </c>
      <c r="AB6388" s="140">
        <v>0</v>
      </c>
      <c r="AC6388" s="140">
        <v>0</v>
      </c>
      <c r="AD6388" s="140">
        <v>0</v>
      </c>
      <c r="AE6388" s="140">
        <v>0</v>
      </c>
      <c r="AF6388" s="140">
        <v>0</v>
      </c>
      <c r="AG6388" s="140">
        <v>0</v>
      </c>
      <c r="AH6388" s="140">
        <v>0</v>
      </c>
      <c r="AI6388" s="140">
        <v>0</v>
      </c>
      <c r="AJ6388" s="140">
        <v>0</v>
      </c>
      <c r="AK6388" s="140">
        <v>0</v>
      </c>
      <c r="AL6388" s="140">
        <v>0</v>
      </c>
      <c r="AM6388" s="140">
        <v>0</v>
      </c>
      <c r="AN6388" s="140">
        <v>0</v>
      </c>
      <c r="AO6388" s="140">
        <v>0</v>
      </c>
      <c r="AP6388" s="140">
        <v>0</v>
      </c>
      <c r="AQ6388" s="140">
        <v>0</v>
      </c>
      <c r="AR6388" s="140">
        <v>0</v>
      </c>
      <c r="AS6388" s="140">
        <v>0</v>
      </c>
      <c r="AT6388" s="140">
        <v>0</v>
      </c>
      <c r="AU6388" s="140">
        <v>0</v>
      </c>
      <c r="AV6388" s="140">
        <v>0</v>
      </c>
      <c r="AW6388" s="140">
        <v>0</v>
      </c>
      <c r="AX6388" s="140"/>
      <c r="AY6388" s="140"/>
      <c r="AZ6388" s="140"/>
      <c r="BA6388" s="140"/>
      <c r="BB6388" s="107">
        <v>45884</v>
      </c>
    </row>
    <row r="6389" spans="1:54 16383:16384" s="8" customFormat="1" ht="15.75" customHeight="1" x14ac:dyDescent="0.25">
      <c r="A6389" s="229" t="s">
        <v>24200</v>
      </c>
      <c r="B6389" s="220" t="s">
        <v>14601</v>
      </c>
      <c r="C6389" s="140" t="s">
        <v>24195</v>
      </c>
      <c r="D6389" s="140" t="s">
        <v>24196</v>
      </c>
      <c r="E6389" s="139">
        <v>2023</v>
      </c>
      <c r="F6389" s="263">
        <v>529</v>
      </c>
      <c r="G6389" s="98" t="s">
        <v>1</v>
      </c>
      <c r="H6389" s="98">
        <v>0</v>
      </c>
      <c r="I6389" s="98">
        <v>0</v>
      </c>
      <c r="J6389" s="140">
        <v>1</v>
      </c>
      <c r="K6389" s="140">
        <v>1</v>
      </c>
      <c r="L6389" s="140">
        <v>0</v>
      </c>
      <c r="M6389" s="140">
        <v>1</v>
      </c>
      <c r="N6389" s="140">
        <v>1</v>
      </c>
      <c r="O6389" s="140">
        <v>0</v>
      </c>
      <c r="P6389" s="140">
        <v>0</v>
      </c>
      <c r="Q6389" s="140">
        <v>0</v>
      </c>
      <c r="R6389" s="140">
        <v>0</v>
      </c>
      <c r="S6389" s="140">
        <v>0</v>
      </c>
      <c r="T6389" s="140">
        <v>0</v>
      </c>
      <c r="U6389" s="140">
        <v>0</v>
      </c>
      <c r="V6389" s="140">
        <v>0</v>
      </c>
      <c r="W6389" s="140">
        <v>0</v>
      </c>
      <c r="X6389" s="140">
        <v>0</v>
      </c>
      <c r="Y6389" s="140">
        <v>0</v>
      </c>
      <c r="Z6389" s="140">
        <v>0</v>
      </c>
      <c r="AA6389" s="140">
        <v>0</v>
      </c>
      <c r="AB6389" s="140">
        <v>0</v>
      </c>
      <c r="AC6389" s="140">
        <v>0</v>
      </c>
      <c r="AD6389" s="140">
        <v>0</v>
      </c>
      <c r="AE6389" s="140">
        <v>0</v>
      </c>
      <c r="AF6389" s="140">
        <v>0</v>
      </c>
      <c r="AG6389" s="140">
        <v>0</v>
      </c>
      <c r="AH6389" s="140">
        <v>0</v>
      </c>
      <c r="AI6389" s="140">
        <v>0</v>
      </c>
      <c r="AJ6389" s="140">
        <v>0</v>
      </c>
      <c r="AK6389" s="140">
        <v>0</v>
      </c>
      <c r="AL6389" s="140">
        <v>0</v>
      </c>
      <c r="AM6389" s="140">
        <v>0</v>
      </c>
      <c r="AN6389" s="140">
        <v>0</v>
      </c>
      <c r="AO6389" s="140">
        <v>0</v>
      </c>
      <c r="AP6389" s="140">
        <v>0</v>
      </c>
      <c r="AQ6389" s="140">
        <v>0</v>
      </c>
      <c r="AR6389" s="140">
        <v>0</v>
      </c>
      <c r="AS6389" s="140">
        <v>0</v>
      </c>
      <c r="AT6389" s="140">
        <v>0</v>
      </c>
      <c r="AU6389" s="140">
        <v>0</v>
      </c>
      <c r="AV6389" s="140">
        <v>0</v>
      </c>
      <c r="AW6389" s="140">
        <v>0</v>
      </c>
      <c r="AX6389" s="140"/>
      <c r="AY6389" s="140"/>
      <c r="AZ6389" s="140"/>
      <c r="BA6389" s="140"/>
      <c r="BB6389" s="107">
        <v>45884</v>
      </c>
    </row>
    <row r="6390" spans="1:54 16383:16384" s="8" customFormat="1" ht="15.75" customHeight="1" x14ac:dyDescent="0.25">
      <c r="A6390" s="229" t="s">
        <v>24201</v>
      </c>
      <c r="B6390" s="220" t="s">
        <v>14601</v>
      </c>
      <c r="C6390" s="140" t="s">
        <v>24197</v>
      </c>
      <c r="D6390" s="140" t="s">
        <v>24198</v>
      </c>
      <c r="E6390" s="139">
        <v>2024</v>
      </c>
      <c r="F6390" s="263">
        <v>535</v>
      </c>
      <c r="G6390" s="98" t="s">
        <v>1</v>
      </c>
      <c r="H6390" s="98">
        <v>0</v>
      </c>
      <c r="I6390" s="98">
        <v>0</v>
      </c>
      <c r="J6390" s="140">
        <v>1</v>
      </c>
      <c r="K6390" s="140">
        <v>0</v>
      </c>
      <c r="L6390" s="140">
        <v>0</v>
      </c>
      <c r="M6390" s="140">
        <v>0</v>
      </c>
      <c r="N6390" s="140">
        <v>0</v>
      </c>
      <c r="O6390" s="140">
        <v>0</v>
      </c>
      <c r="P6390" s="140">
        <v>0</v>
      </c>
      <c r="Q6390" s="140">
        <v>0</v>
      </c>
      <c r="R6390" s="140">
        <v>0</v>
      </c>
      <c r="S6390" s="140">
        <v>0</v>
      </c>
      <c r="T6390" s="140">
        <v>0</v>
      </c>
      <c r="U6390" s="140">
        <v>0</v>
      </c>
      <c r="V6390" s="140">
        <v>0</v>
      </c>
      <c r="W6390" s="140">
        <v>0</v>
      </c>
      <c r="X6390" s="140">
        <v>0</v>
      </c>
      <c r="Y6390" s="140">
        <v>0</v>
      </c>
      <c r="Z6390" s="140">
        <v>0</v>
      </c>
      <c r="AA6390" s="140">
        <v>0</v>
      </c>
      <c r="AB6390" s="140">
        <v>0</v>
      </c>
      <c r="AC6390" s="140">
        <v>0</v>
      </c>
      <c r="AD6390" s="140">
        <v>0</v>
      </c>
      <c r="AE6390" s="140">
        <v>0</v>
      </c>
      <c r="AF6390" s="140">
        <v>0</v>
      </c>
      <c r="AG6390" s="140">
        <v>0</v>
      </c>
      <c r="AH6390" s="140">
        <v>0</v>
      </c>
      <c r="AI6390" s="140">
        <v>0</v>
      </c>
      <c r="AJ6390" s="140">
        <v>0</v>
      </c>
      <c r="AK6390" s="140">
        <v>0</v>
      </c>
      <c r="AL6390" s="140">
        <v>0</v>
      </c>
      <c r="AM6390" s="140">
        <v>0</v>
      </c>
      <c r="AN6390" s="140">
        <v>0</v>
      </c>
      <c r="AO6390" s="140">
        <v>0</v>
      </c>
      <c r="AP6390" s="140">
        <v>0</v>
      </c>
      <c r="AQ6390" s="140">
        <v>0</v>
      </c>
      <c r="AR6390" s="140">
        <v>0</v>
      </c>
      <c r="AS6390" s="140">
        <v>0</v>
      </c>
      <c r="AT6390" s="140">
        <v>0</v>
      </c>
      <c r="AU6390" s="140">
        <v>0</v>
      </c>
      <c r="AV6390" s="140">
        <v>0</v>
      </c>
      <c r="AW6390" s="140">
        <v>0</v>
      </c>
      <c r="AX6390" s="140"/>
      <c r="AY6390" s="140"/>
      <c r="AZ6390" s="140"/>
      <c r="BA6390" s="140"/>
      <c r="BB6390" s="107">
        <v>45884</v>
      </c>
    </row>
    <row r="6391" spans="1:54 16383:16384" s="8" customFormat="1" ht="15.75" customHeight="1" x14ac:dyDescent="0.25">
      <c r="A6391" s="229" t="s">
        <v>24655</v>
      </c>
      <c r="B6391" s="241" t="s">
        <v>14601</v>
      </c>
      <c r="C6391" s="233" t="s">
        <v>24653</v>
      </c>
      <c r="D6391" s="233" t="s">
        <v>24654</v>
      </c>
      <c r="E6391" s="234">
        <v>2024</v>
      </c>
      <c r="F6391" s="266">
        <v>200</v>
      </c>
      <c r="G6391" s="223" t="s">
        <v>1</v>
      </c>
      <c r="H6391" s="223">
        <v>0</v>
      </c>
      <c r="I6391" s="223">
        <v>0</v>
      </c>
      <c r="J6391" s="233">
        <v>1</v>
      </c>
      <c r="K6391" s="233">
        <v>1</v>
      </c>
      <c r="L6391" s="233">
        <v>0</v>
      </c>
      <c r="M6391" s="233">
        <v>0</v>
      </c>
      <c r="N6391" s="233">
        <v>0</v>
      </c>
      <c r="O6391" s="233">
        <v>0</v>
      </c>
      <c r="P6391" s="233">
        <v>0</v>
      </c>
      <c r="Q6391" s="233">
        <v>0</v>
      </c>
      <c r="R6391" s="233">
        <v>1</v>
      </c>
      <c r="S6391" s="233">
        <v>0</v>
      </c>
      <c r="T6391" s="233">
        <v>0</v>
      </c>
      <c r="U6391" s="233">
        <v>0</v>
      </c>
      <c r="V6391" s="233">
        <v>0</v>
      </c>
      <c r="W6391" s="233">
        <v>0</v>
      </c>
      <c r="X6391" s="233">
        <v>0</v>
      </c>
      <c r="Y6391" s="233">
        <v>0</v>
      </c>
      <c r="Z6391" s="233">
        <v>0</v>
      </c>
      <c r="AA6391" s="233">
        <v>0</v>
      </c>
      <c r="AB6391" s="233">
        <v>0</v>
      </c>
      <c r="AC6391" s="233">
        <v>0</v>
      </c>
      <c r="AD6391" s="233">
        <v>0</v>
      </c>
      <c r="AE6391" s="233">
        <v>0</v>
      </c>
      <c r="AF6391" s="233">
        <v>0</v>
      </c>
      <c r="AG6391" s="233">
        <v>0</v>
      </c>
      <c r="AH6391" s="233">
        <v>0</v>
      </c>
      <c r="AI6391" s="233">
        <v>0</v>
      </c>
      <c r="AJ6391" s="233">
        <v>0</v>
      </c>
      <c r="AK6391" s="233">
        <v>0</v>
      </c>
      <c r="AL6391" s="233">
        <v>0</v>
      </c>
      <c r="AM6391" s="233">
        <v>0</v>
      </c>
      <c r="AN6391" s="233">
        <v>0</v>
      </c>
      <c r="AO6391" s="233">
        <v>0</v>
      </c>
      <c r="AP6391" s="233">
        <v>0</v>
      </c>
      <c r="AQ6391" s="233">
        <v>0</v>
      </c>
      <c r="AR6391" s="233">
        <v>0</v>
      </c>
      <c r="AS6391" s="233">
        <v>0</v>
      </c>
      <c r="AT6391" s="233">
        <v>0</v>
      </c>
      <c r="AU6391" s="233">
        <v>0</v>
      </c>
      <c r="AV6391" s="233">
        <v>0</v>
      </c>
      <c r="AW6391" s="233">
        <v>0</v>
      </c>
      <c r="AX6391" s="233"/>
      <c r="AY6391" s="233"/>
      <c r="AZ6391" s="233"/>
      <c r="BA6391" s="233"/>
      <c r="BB6391" s="107">
        <v>45884</v>
      </c>
    </row>
    <row r="6392" spans="1:54 16383:16384" ht="13.95" customHeight="1" x14ac:dyDescent="0.25">
      <c r="A6392" s="14" t="s">
        <v>15102</v>
      </c>
      <c r="B6392" s="109" t="s">
        <v>15103</v>
      </c>
      <c r="C6392" s="93" t="s">
        <v>15104</v>
      </c>
      <c r="D6392" s="93" t="s">
        <v>15105</v>
      </c>
      <c r="E6392" s="93">
        <v>2000</v>
      </c>
      <c r="F6392" s="93">
        <v>182</v>
      </c>
      <c r="G6392" s="93" t="s">
        <v>1</v>
      </c>
      <c r="H6392" s="111">
        <v>0</v>
      </c>
      <c r="I6392" s="111">
        <v>0</v>
      </c>
      <c r="J6392" s="111">
        <v>1</v>
      </c>
      <c r="K6392" s="111">
        <v>0</v>
      </c>
      <c r="L6392" s="111">
        <v>0</v>
      </c>
      <c r="M6392" s="111">
        <v>0</v>
      </c>
      <c r="N6392" s="111">
        <v>0</v>
      </c>
      <c r="O6392" s="111">
        <v>0</v>
      </c>
      <c r="P6392" s="111">
        <v>1</v>
      </c>
      <c r="Q6392" s="111">
        <v>0</v>
      </c>
      <c r="R6392" s="111">
        <v>0</v>
      </c>
      <c r="S6392" s="111">
        <v>0</v>
      </c>
      <c r="T6392" s="111">
        <v>0</v>
      </c>
      <c r="U6392" s="145"/>
      <c r="V6392" s="145"/>
      <c r="W6392" s="145"/>
      <c r="X6392" s="145"/>
      <c r="Y6392" s="145"/>
      <c r="Z6392" s="145"/>
      <c r="AA6392" s="145"/>
      <c r="AB6392" s="145"/>
      <c r="AC6392" s="145"/>
      <c r="AD6392" s="145"/>
      <c r="AE6392" s="145"/>
      <c r="AF6392" s="145"/>
      <c r="AG6392" s="145"/>
      <c r="AH6392" s="145"/>
      <c r="AI6392" s="145"/>
      <c r="AJ6392" s="145"/>
      <c r="AK6392" s="145"/>
      <c r="AL6392" s="145"/>
      <c r="AM6392" s="145"/>
      <c r="AN6392" s="145"/>
      <c r="AO6392" s="145"/>
      <c r="AP6392" s="145"/>
      <c r="AQ6392" s="145"/>
      <c r="AR6392" s="145"/>
      <c r="AS6392" s="145"/>
      <c r="AT6392" s="145"/>
      <c r="AU6392" s="145"/>
      <c r="AV6392" s="145"/>
      <c r="AW6392" s="145"/>
      <c r="AX6392" s="146" t="s">
        <v>15106</v>
      </c>
      <c r="AY6392" s="146" t="s">
        <v>15106</v>
      </c>
      <c r="AZ6392" s="146" t="s">
        <v>15106</v>
      </c>
      <c r="BA6392" s="146" t="s">
        <v>15106</v>
      </c>
      <c r="BB6392" s="107">
        <v>45884</v>
      </c>
    </row>
    <row r="6393" spans="1:54 16383:16384" ht="13.95" customHeight="1" x14ac:dyDescent="0.25">
      <c r="A6393" s="14" t="s">
        <v>15107</v>
      </c>
      <c r="B6393" s="109" t="s">
        <v>15103</v>
      </c>
      <c r="C6393" s="93" t="s">
        <v>15108</v>
      </c>
      <c r="D6393" s="93" t="s">
        <v>15109</v>
      </c>
      <c r="E6393" s="93">
        <v>1981</v>
      </c>
      <c r="F6393" s="93">
        <v>191</v>
      </c>
      <c r="G6393" s="93" t="s">
        <v>1</v>
      </c>
      <c r="H6393" s="111">
        <v>0</v>
      </c>
      <c r="I6393" s="111">
        <v>0</v>
      </c>
      <c r="J6393" s="111">
        <v>0</v>
      </c>
      <c r="K6393" s="111">
        <v>0</v>
      </c>
      <c r="L6393" s="111">
        <v>1</v>
      </c>
      <c r="M6393" s="111">
        <v>0</v>
      </c>
      <c r="N6393" s="111">
        <v>0</v>
      </c>
      <c r="O6393" s="111">
        <v>0</v>
      </c>
      <c r="P6393" s="111">
        <v>0</v>
      </c>
      <c r="Q6393" s="111">
        <v>0</v>
      </c>
      <c r="R6393" s="111">
        <v>0</v>
      </c>
      <c r="S6393" s="111">
        <v>0</v>
      </c>
      <c r="T6393" s="111">
        <v>0</v>
      </c>
      <c r="U6393" s="145"/>
      <c r="V6393" s="145"/>
      <c r="W6393" s="145"/>
      <c r="X6393" s="145"/>
      <c r="Y6393" s="145"/>
      <c r="Z6393" s="145"/>
      <c r="AA6393" s="145"/>
      <c r="AB6393" s="145"/>
      <c r="AC6393" s="145"/>
      <c r="AD6393" s="145"/>
      <c r="AE6393" s="145"/>
      <c r="AF6393" s="145"/>
      <c r="AG6393" s="145"/>
      <c r="AH6393" s="145"/>
      <c r="AI6393" s="145"/>
      <c r="AJ6393" s="145"/>
      <c r="AK6393" s="145"/>
      <c r="AL6393" s="145"/>
      <c r="AM6393" s="145"/>
      <c r="AN6393" s="145"/>
      <c r="AO6393" s="145"/>
      <c r="AP6393" s="145"/>
      <c r="AQ6393" s="145"/>
      <c r="AR6393" s="145"/>
      <c r="AS6393" s="145"/>
      <c r="AT6393" s="145"/>
      <c r="AU6393" s="145"/>
      <c r="AV6393" s="145"/>
      <c r="AW6393" s="145"/>
      <c r="AX6393" s="146" t="s">
        <v>15106</v>
      </c>
      <c r="AY6393" s="146" t="s">
        <v>15106</v>
      </c>
      <c r="AZ6393" s="146" t="s">
        <v>15106</v>
      </c>
      <c r="BA6393" s="146" t="s">
        <v>15106</v>
      </c>
      <c r="BB6393" s="107">
        <v>45884</v>
      </c>
    </row>
    <row r="6394" spans="1:54 16383:16384" ht="13.95" customHeight="1" x14ac:dyDescent="0.25">
      <c r="A6394" s="14" t="s">
        <v>15110</v>
      </c>
      <c r="B6394" s="109" t="s">
        <v>15103</v>
      </c>
      <c r="C6394" s="93" t="s">
        <v>15111</v>
      </c>
      <c r="D6394" s="93" t="s">
        <v>15112</v>
      </c>
      <c r="E6394" s="93">
        <v>1990</v>
      </c>
      <c r="F6394" s="93">
        <v>212</v>
      </c>
      <c r="G6394" s="93" t="s">
        <v>1</v>
      </c>
      <c r="H6394" s="111">
        <v>0</v>
      </c>
      <c r="I6394" s="111">
        <v>0</v>
      </c>
      <c r="J6394" s="111">
        <v>0</v>
      </c>
      <c r="K6394" s="111">
        <v>0</v>
      </c>
      <c r="L6394" s="111">
        <v>0</v>
      </c>
      <c r="M6394" s="111">
        <v>0</v>
      </c>
      <c r="N6394" s="111">
        <v>0</v>
      </c>
      <c r="O6394" s="111">
        <v>0</v>
      </c>
      <c r="P6394" s="111">
        <v>0</v>
      </c>
      <c r="Q6394" s="111">
        <v>0</v>
      </c>
      <c r="R6394" s="111">
        <v>0</v>
      </c>
      <c r="S6394" s="111">
        <v>0</v>
      </c>
      <c r="T6394" s="111">
        <v>0</v>
      </c>
      <c r="U6394" s="145"/>
      <c r="V6394" s="145"/>
      <c r="W6394" s="145"/>
      <c r="X6394" s="145"/>
      <c r="Y6394" s="145"/>
      <c r="Z6394" s="145"/>
      <c r="AA6394" s="145"/>
      <c r="AB6394" s="145"/>
      <c r="AC6394" s="145"/>
      <c r="AD6394" s="145"/>
      <c r="AE6394" s="145"/>
      <c r="AF6394" s="145"/>
      <c r="AG6394" s="145"/>
      <c r="AH6394" s="145"/>
      <c r="AI6394" s="145"/>
      <c r="AJ6394" s="145"/>
      <c r="AK6394" s="145"/>
      <c r="AL6394" s="145"/>
      <c r="AM6394" s="145"/>
      <c r="AN6394" s="145"/>
      <c r="AO6394" s="145"/>
      <c r="AP6394" s="145"/>
      <c r="AQ6394" s="145"/>
      <c r="AR6394" s="145"/>
      <c r="AS6394" s="145"/>
      <c r="AT6394" s="145"/>
      <c r="AU6394" s="145"/>
      <c r="AV6394" s="145"/>
      <c r="AW6394" s="145"/>
      <c r="AX6394" s="146" t="s">
        <v>15106</v>
      </c>
      <c r="AY6394" s="146" t="s">
        <v>15106</v>
      </c>
      <c r="AZ6394" s="146" t="s">
        <v>15106</v>
      </c>
      <c r="BA6394" s="146" t="s">
        <v>15106</v>
      </c>
      <c r="BB6394" s="107">
        <v>45884</v>
      </c>
    </row>
    <row r="6395" spans="1:54 16383:16384" ht="13.95" customHeight="1" x14ac:dyDescent="0.25">
      <c r="A6395" s="14" t="s">
        <v>15113</v>
      </c>
      <c r="B6395" s="109" t="s">
        <v>15103</v>
      </c>
      <c r="C6395" s="93" t="s">
        <v>15114</v>
      </c>
      <c r="D6395" s="93" t="s">
        <v>15115</v>
      </c>
      <c r="E6395" s="93">
        <v>1993</v>
      </c>
      <c r="F6395" s="93">
        <v>212</v>
      </c>
      <c r="G6395" s="93" t="s">
        <v>1</v>
      </c>
      <c r="H6395" s="111">
        <v>0</v>
      </c>
      <c r="I6395" s="111">
        <v>0</v>
      </c>
      <c r="J6395" s="111">
        <v>0</v>
      </c>
      <c r="K6395" s="111">
        <v>0</v>
      </c>
      <c r="L6395" s="111">
        <v>0</v>
      </c>
      <c r="M6395" s="111">
        <v>0</v>
      </c>
      <c r="N6395" s="111">
        <v>0</v>
      </c>
      <c r="O6395" s="111">
        <v>0</v>
      </c>
      <c r="P6395" s="111">
        <v>0</v>
      </c>
      <c r="Q6395" s="111">
        <v>0</v>
      </c>
      <c r="R6395" s="111">
        <v>0</v>
      </c>
      <c r="S6395" s="111">
        <v>1</v>
      </c>
      <c r="T6395" s="111">
        <v>0</v>
      </c>
      <c r="U6395" s="145"/>
      <c r="V6395" s="145"/>
      <c r="W6395" s="145"/>
      <c r="X6395" s="145"/>
      <c r="Y6395" s="145"/>
      <c r="Z6395" s="145"/>
      <c r="AA6395" s="145"/>
      <c r="AB6395" s="145"/>
      <c r="AC6395" s="145"/>
      <c r="AD6395" s="145"/>
      <c r="AE6395" s="145"/>
      <c r="AF6395" s="145"/>
      <c r="AG6395" s="145"/>
      <c r="AH6395" s="145"/>
      <c r="AI6395" s="145"/>
      <c r="AJ6395" s="145"/>
      <c r="AK6395" s="145"/>
      <c r="AL6395" s="145"/>
      <c r="AM6395" s="145"/>
      <c r="AN6395" s="145"/>
      <c r="AO6395" s="145"/>
      <c r="AP6395" s="145"/>
      <c r="AQ6395" s="145"/>
      <c r="AR6395" s="145"/>
      <c r="AS6395" s="145"/>
      <c r="AT6395" s="145"/>
      <c r="AU6395" s="145"/>
      <c r="AV6395" s="145"/>
      <c r="AW6395" s="145"/>
      <c r="AX6395" s="146" t="s">
        <v>15106</v>
      </c>
      <c r="AY6395" s="146" t="s">
        <v>15106</v>
      </c>
      <c r="AZ6395" s="146" t="s">
        <v>15106</v>
      </c>
      <c r="BA6395" s="146" t="s">
        <v>15106</v>
      </c>
      <c r="BB6395" s="107">
        <v>45884</v>
      </c>
    </row>
    <row r="6396" spans="1:54 16383:16384" ht="13.95" customHeight="1" x14ac:dyDescent="0.25">
      <c r="A6396" s="14" t="s">
        <v>15116</v>
      </c>
      <c r="B6396" s="109" t="s">
        <v>15103</v>
      </c>
      <c r="C6396" s="93" t="s">
        <v>15117</v>
      </c>
      <c r="D6396" s="93" t="s">
        <v>15118</v>
      </c>
      <c r="E6396" s="93">
        <v>1976</v>
      </c>
      <c r="F6396" s="93">
        <v>229</v>
      </c>
      <c r="G6396" s="93" t="s">
        <v>1</v>
      </c>
      <c r="H6396" s="111">
        <v>0</v>
      </c>
      <c r="I6396" s="111">
        <v>0</v>
      </c>
      <c r="J6396" s="111">
        <v>0</v>
      </c>
      <c r="K6396" s="111">
        <v>0</v>
      </c>
      <c r="L6396" s="111">
        <v>0</v>
      </c>
      <c r="M6396" s="111">
        <v>0</v>
      </c>
      <c r="N6396" s="111">
        <v>0</v>
      </c>
      <c r="O6396" s="111">
        <v>0</v>
      </c>
      <c r="P6396" s="111">
        <v>1</v>
      </c>
      <c r="Q6396" s="111">
        <v>0</v>
      </c>
      <c r="R6396" s="111">
        <v>0</v>
      </c>
      <c r="S6396" s="111">
        <v>0</v>
      </c>
      <c r="T6396" s="111">
        <v>0</v>
      </c>
      <c r="U6396" s="145"/>
      <c r="V6396" s="145"/>
      <c r="W6396" s="145"/>
      <c r="X6396" s="145"/>
      <c r="Y6396" s="145"/>
      <c r="Z6396" s="145"/>
      <c r="AA6396" s="145"/>
      <c r="AB6396" s="145"/>
      <c r="AC6396" s="145"/>
      <c r="AD6396" s="145"/>
      <c r="AE6396" s="145"/>
      <c r="AF6396" s="145"/>
      <c r="AG6396" s="145"/>
      <c r="AH6396" s="145"/>
      <c r="AI6396" s="145"/>
      <c r="AJ6396" s="145"/>
      <c r="AK6396" s="145"/>
      <c r="AL6396" s="145"/>
      <c r="AM6396" s="145"/>
      <c r="AN6396" s="145"/>
      <c r="AO6396" s="145"/>
      <c r="AP6396" s="145"/>
      <c r="AQ6396" s="145"/>
      <c r="AR6396" s="145"/>
      <c r="AS6396" s="145"/>
      <c r="AT6396" s="145"/>
      <c r="AU6396" s="145"/>
      <c r="AV6396" s="145"/>
      <c r="AW6396" s="145"/>
      <c r="AX6396" s="146" t="s">
        <v>15106</v>
      </c>
      <c r="AY6396" s="146" t="s">
        <v>15106</v>
      </c>
      <c r="AZ6396" s="146" t="s">
        <v>15106</v>
      </c>
      <c r="BA6396" s="146" t="s">
        <v>15106</v>
      </c>
      <c r="BB6396" s="107">
        <v>45884</v>
      </c>
    </row>
    <row r="6397" spans="1:54 16383:16384" ht="13.95" customHeight="1" x14ac:dyDescent="0.25">
      <c r="A6397" s="14" t="s">
        <v>15119</v>
      </c>
      <c r="B6397" s="109" t="s">
        <v>15103</v>
      </c>
      <c r="C6397" s="93" t="s">
        <v>15120</v>
      </c>
      <c r="D6397" s="93" t="s">
        <v>15121</v>
      </c>
      <c r="E6397" s="93">
        <v>1990</v>
      </c>
      <c r="F6397" s="93">
        <v>288</v>
      </c>
      <c r="G6397" s="93" t="s">
        <v>1</v>
      </c>
      <c r="H6397" s="111">
        <v>0</v>
      </c>
      <c r="I6397" s="111">
        <v>0</v>
      </c>
      <c r="J6397" s="111">
        <v>0</v>
      </c>
      <c r="K6397" s="111">
        <v>0</v>
      </c>
      <c r="L6397" s="111">
        <v>1</v>
      </c>
      <c r="M6397" s="111">
        <v>0</v>
      </c>
      <c r="N6397" s="111">
        <v>0</v>
      </c>
      <c r="O6397" s="111">
        <v>1</v>
      </c>
      <c r="P6397" s="111">
        <v>1</v>
      </c>
      <c r="Q6397" s="111">
        <v>0</v>
      </c>
      <c r="R6397" s="111">
        <v>0</v>
      </c>
      <c r="S6397" s="111">
        <v>0</v>
      </c>
      <c r="T6397" s="111">
        <v>0</v>
      </c>
      <c r="U6397" s="145"/>
      <c r="V6397" s="145"/>
      <c r="W6397" s="145"/>
      <c r="X6397" s="145"/>
      <c r="Y6397" s="145"/>
      <c r="Z6397" s="145"/>
      <c r="AA6397" s="145"/>
      <c r="AB6397" s="145"/>
      <c r="AC6397" s="145"/>
      <c r="AD6397" s="145"/>
      <c r="AE6397" s="145"/>
      <c r="AF6397" s="145"/>
      <c r="AG6397" s="145"/>
      <c r="AH6397" s="145"/>
      <c r="AI6397" s="145"/>
      <c r="AJ6397" s="145"/>
      <c r="AK6397" s="145"/>
      <c r="AL6397" s="145"/>
      <c r="AM6397" s="145"/>
      <c r="AN6397" s="145"/>
      <c r="AO6397" s="145"/>
      <c r="AP6397" s="145"/>
      <c r="AQ6397" s="145"/>
      <c r="AR6397" s="145"/>
      <c r="AS6397" s="145"/>
      <c r="AT6397" s="145"/>
      <c r="AU6397" s="145"/>
      <c r="AV6397" s="145"/>
      <c r="AW6397" s="145"/>
      <c r="AX6397" s="146" t="s">
        <v>15106</v>
      </c>
      <c r="AY6397" s="146" t="s">
        <v>15106</v>
      </c>
      <c r="AZ6397" s="146" t="s">
        <v>15106</v>
      </c>
      <c r="BA6397" s="146" t="s">
        <v>15106</v>
      </c>
      <c r="BB6397" s="107">
        <v>45884</v>
      </c>
    </row>
    <row r="6398" spans="1:54 16383:16384" ht="13.95" customHeight="1" x14ac:dyDescent="0.25">
      <c r="A6398" s="14" t="s">
        <v>15122</v>
      </c>
      <c r="B6398" s="109" t="s">
        <v>15103</v>
      </c>
      <c r="C6398" s="93" t="s">
        <v>15123</v>
      </c>
      <c r="D6398" s="93" t="s">
        <v>15124</v>
      </c>
      <c r="E6398" s="93">
        <v>1976</v>
      </c>
      <c r="F6398" s="93">
        <v>317</v>
      </c>
      <c r="G6398" s="93" t="s">
        <v>1</v>
      </c>
      <c r="H6398" s="111">
        <v>0</v>
      </c>
      <c r="I6398" s="111">
        <v>0</v>
      </c>
      <c r="J6398" s="111">
        <v>0</v>
      </c>
      <c r="K6398" s="111">
        <v>0</v>
      </c>
      <c r="L6398" s="111">
        <v>0</v>
      </c>
      <c r="M6398" s="111">
        <v>0</v>
      </c>
      <c r="N6398" s="111">
        <v>0</v>
      </c>
      <c r="O6398" s="111">
        <v>0</v>
      </c>
      <c r="P6398" s="111">
        <v>0</v>
      </c>
      <c r="Q6398" s="111">
        <v>0</v>
      </c>
      <c r="R6398" s="111">
        <v>0</v>
      </c>
      <c r="S6398" s="111">
        <v>0</v>
      </c>
      <c r="T6398" s="111">
        <v>0</v>
      </c>
      <c r="U6398" s="145"/>
      <c r="V6398" s="145"/>
      <c r="W6398" s="145"/>
      <c r="X6398" s="145"/>
      <c r="Y6398" s="145"/>
      <c r="Z6398" s="145"/>
      <c r="AA6398" s="145"/>
      <c r="AB6398" s="145"/>
      <c r="AC6398" s="145"/>
      <c r="AD6398" s="145"/>
      <c r="AE6398" s="145"/>
      <c r="AF6398" s="145"/>
      <c r="AG6398" s="145"/>
      <c r="AH6398" s="145"/>
      <c r="AI6398" s="145"/>
      <c r="AJ6398" s="145"/>
      <c r="AK6398" s="145"/>
      <c r="AL6398" s="145"/>
      <c r="AM6398" s="145"/>
      <c r="AN6398" s="145"/>
      <c r="AO6398" s="145"/>
      <c r="AP6398" s="145"/>
      <c r="AQ6398" s="145"/>
      <c r="AR6398" s="145"/>
      <c r="AS6398" s="145"/>
      <c r="AT6398" s="145"/>
      <c r="AU6398" s="145"/>
      <c r="AV6398" s="145"/>
      <c r="AW6398" s="145"/>
      <c r="AX6398" s="146" t="s">
        <v>15106</v>
      </c>
      <c r="AY6398" s="146" t="s">
        <v>15106</v>
      </c>
      <c r="AZ6398" s="146" t="s">
        <v>15106</v>
      </c>
      <c r="BA6398" s="146" t="s">
        <v>15106</v>
      </c>
      <c r="BB6398" s="107">
        <v>45884</v>
      </c>
    </row>
    <row r="6399" spans="1:54 16383:16384" ht="13.95" customHeight="1" x14ac:dyDescent="0.25">
      <c r="A6399" s="14" t="s">
        <v>15125</v>
      </c>
      <c r="B6399" s="109" t="s">
        <v>15103</v>
      </c>
      <c r="C6399" s="93" t="s">
        <v>15126</v>
      </c>
      <c r="D6399" s="93" t="s">
        <v>15127</v>
      </c>
      <c r="E6399" s="93">
        <v>1990</v>
      </c>
      <c r="F6399" s="93">
        <v>553</v>
      </c>
      <c r="G6399" s="93" t="s">
        <v>1</v>
      </c>
      <c r="H6399" s="111">
        <v>0</v>
      </c>
      <c r="I6399" s="111">
        <v>0</v>
      </c>
      <c r="J6399" s="111">
        <v>0</v>
      </c>
      <c r="K6399" s="111">
        <v>0</v>
      </c>
      <c r="L6399" s="111">
        <v>0</v>
      </c>
      <c r="M6399" s="111">
        <v>1</v>
      </c>
      <c r="N6399" s="111">
        <v>1</v>
      </c>
      <c r="O6399" s="111">
        <v>0</v>
      </c>
      <c r="P6399" s="111">
        <v>0</v>
      </c>
      <c r="Q6399" s="111">
        <v>0</v>
      </c>
      <c r="R6399" s="111">
        <v>0</v>
      </c>
      <c r="S6399" s="111">
        <v>0</v>
      </c>
      <c r="T6399" s="111">
        <v>0</v>
      </c>
      <c r="U6399" s="145"/>
      <c r="V6399" s="145"/>
      <c r="W6399" s="145"/>
      <c r="X6399" s="145"/>
      <c r="Y6399" s="145"/>
      <c r="Z6399" s="145"/>
      <c r="AA6399" s="145"/>
      <c r="AB6399" s="145"/>
      <c r="AC6399" s="145"/>
      <c r="AD6399" s="145"/>
      <c r="AE6399" s="145"/>
      <c r="AF6399" s="145"/>
      <c r="AG6399" s="145"/>
      <c r="AH6399" s="145"/>
      <c r="AI6399" s="145"/>
      <c r="AJ6399" s="145"/>
      <c r="AK6399" s="145"/>
      <c r="AL6399" s="145"/>
      <c r="AM6399" s="145"/>
      <c r="AN6399" s="145"/>
      <c r="AO6399" s="145"/>
      <c r="AP6399" s="145"/>
      <c r="AQ6399" s="145"/>
      <c r="AR6399" s="145"/>
      <c r="AS6399" s="145"/>
      <c r="AT6399" s="145"/>
      <c r="AU6399" s="145"/>
      <c r="AV6399" s="145"/>
      <c r="AW6399" s="145"/>
      <c r="AX6399" s="146" t="s">
        <v>15106</v>
      </c>
      <c r="AY6399" s="146" t="s">
        <v>15106</v>
      </c>
      <c r="AZ6399" s="146" t="s">
        <v>15106</v>
      </c>
      <c r="BA6399" s="112" t="s">
        <v>14396</v>
      </c>
      <c r="BB6399" s="107">
        <v>45884</v>
      </c>
    </row>
    <row r="6400" spans="1:54 16383:16384" ht="13.95" customHeight="1" x14ac:dyDescent="0.25">
      <c r="A6400" s="14" t="s">
        <v>15128</v>
      </c>
      <c r="B6400" s="109" t="s">
        <v>15103</v>
      </c>
      <c r="C6400" s="93" t="s">
        <v>15129</v>
      </c>
      <c r="D6400" s="93" t="s">
        <v>15130</v>
      </c>
      <c r="E6400" s="93">
        <v>1987</v>
      </c>
      <c r="F6400" s="93">
        <v>326</v>
      </c>
      <c r="G6400" s="93" t="s">
        <v>1</v>
      </c>
      <c r="H6400" s="111">
        <v>0</v>
      </c>
      <c r="I6400" s="111">
        <v>0</v>
      </c>
      <c r="J6400" s="111">
        <v>0</v>
      </c>
      <c r="K6400" s="111">
        <v>0</v>
      </c>
      <c r="L6400" s="111">
        <v>1</v>
      </c>
      <c r="M6400" s="111">
        <v>0</v>
      </c>
      <c r="N6400" s="111">
        <v>0</v>
      </c>
      <c r="O6400" s="111">
        <v>0</v>
      </c>
      <c r="P6400" s="111">
        <v>1</v>
      </c>
      <c r="Q6400" s="111">
        <v>0</v>
      </c>
      <c r="R6400" s="111">
        <v>0</v>
      </c>
      <c r="S6400" s="111">
        <v>0</v>
      </c>
      <c r="T6400" s="111">
        <v>0</v>
      </c>
      <c r="U6400" s="145"/>
      <c r="V6400" s="145"/>
      <c r="W6400" s="145"/>
      <c r="X6400" s="145"/>
      <c r="Y6400" s="145"/>
      <c r="Z6400" s="145"/>
      <c r="AA6400" s="145"/>
      <c r="AB6400" s="145"/>
      <c r="AC6400" s="145"/>
      <c r="AD6400" s="145"/>
      <c r="AE6400" s="145"/>
      <c r="AF6400" s="145"/>
      <c r="AG6400" s="145"/>
      <c r="AH6400" s="145"/>
      <c r="AI6400" s="145"/>
      <c r="AJ6400" s="145"/>
      <c r="AK6400" s="145"/>
      <c r="AL6400" s="145"/>
      <c r="AM6400" s="145"/>
      <c r="AN6400" s="145"/>
      <c r="AO6400" s="145"/>
      <c r="AP6400" s="145"/>
      <c r="AQ6400" s="145"/>
      <c r="AR6400" s="145"/>
      <c r="AS6400" s="145"/>
      <c r="AT6400" s="145"/>
      <c r="AU6400" s="145"/>
      <c r="AV6400" s="145"/>
      <c r="AW6400" s="145"/>
      <c r="AX6400" s="146" t="s">
        <v>15106</v>
      </c>
      <c r="AY6400" s="146" t="s">
        <v>15106</v>
      </c>
      <c r="AZ6400" s="146" t="s">
        <v>15106</v>
      </c>
      <c r="BA6400" s="146" t="s">
        <v>15106</v>
      </c>
      <c r="BB6400" s="107">
        <v>45884</v>
      </c>
    </row>
    <row r="6401" spans="1:54" ht="13.95" customHeight="1" x14ac:dyDescent="0.25">
      <c r="A6401" s="14" t="s">
        <v>15131</v>
      </c>
      <c r="B6401" s="109" t="s">
        <v>15103</v>
      </c>
      <c r="C6401" s="93" t="s">
        <v>15132</v>
      </c>
      <c r="D6401" s="93" t="s">
        <v>15133</v>
      </c>
      <c r="E6401" s="93">
        <v>1976</v>
      </c>
      <c r="F6401" s="93">
        <v>379</v>
      </c>
      <c r="G6401" s="93" t="s">
        <v>1</v>
      </c>
      <c r="H6401" s="111">
        <v>0</v>
      </c>
      <c r="I6401" s="111">
        <v>0</v>
      </c>
      <c r="J6401" s="111">
        <v>0</v>
      </c>
      <c r="K6401" s="111">
        <v>0</v>
      </c>
      <c r="L6401" s="111">
        <v>1</v>
      </c>
      <c r="M6401" s="111">
        <v>0</v>
      </c>
      <c r="N6401" s="111">
        <v>0</v>
      </c>
      <c r="O6401" s="111">
        <v>0</v>
      </c>
      <c r="P6401" s="111">
        <v>0</v>
      </c>
      <c r="Q6401" s="111">
        <v>0</v>
      </c>
      <c r="R6401" s="111">
        <v>1</v>
      </c>
      <c r="S6401" s="111">
        <v>0</v>
      </c>
      <c r="T6401" s="111">
        <v>0</v>
      </c>
      <c r="U6401" s="145"/>
      <c r="V6401" s="145"/>
      <c r="W6401" s="145"/>
      <c r="X6401" s="145"/>
      <c r="Y6401" s="145"/>
      <c r="Z6401" s="145"/>
      <c r="AA6401" s="145"/>
      <c r="AB6401" s="145"/>
      <c r="AC6401" s="145"/>
      <c r="AD6401" s="145"/>
      <c r="AE6401" s="145"/>
      <c r="AF6401" s="145"/>
      <c r="AG6401" s="145"/>
      <c r="AH6401" s="145"/>
      <c r="AI6401" s="145"/>
      <c r="AJ6401" s="145"/>
      <c r="AK6401" s="145"/>
      <c r="AL6401" s="145"/>
      <c r="AM6401" s="145"/>
      <c r="AN6401" s="145"/>
      <c r="AO6401" s="145"/>
      <c r="AP6401" s="145"/>
      <c r="AQ6401" s="145"/>
      <c r="AR6401" s="145"/>
      <c r="AS6401" s="145"/>
      <c r="AT6401" s="145"/>
      <c r="AU6401" s="145"/>
      <c r="AV6401" s="145"/>
      <c r="AW6401" s="145"/>
      <c r="AX6401" s="146" t="s">
        <v>15106</v>
      </c>
      <c r="AY6401" s="146" t="s">
        <v>15106</v>
      </c>
      <c r="AZ6401" s="146" t="s">
        <v>15106</v>
      </c>
      <c r="BA6401" s="146" t="s">
        <v>15106</v>
      </c>
      <c r="BB6401" s="107">
        <v>45884</v>
      </c>
    </row>
    <row r="6402" spans="1:54" ht="13.95" customHeight="1" x14ac:dyDescent="0.25">
      <c r="A6402" s="14" t="s">
        <v>15134</v>
      </c>
      <c r="B6402" s="109" t="s">
        <v>15103</v>
      </c>
      <c r="C6402" s="93" t="s">
        <v>15135</v>
      </c>
      <c r="D6402" s="93" t="s">
        <v>15136</v>
      </c>
      <c r="E6402" s="93">
        <v>1998</v>
      </c>
      <c r="F6402" s="93">
        <v>384</v>
      </c>
      <c r="G6402" s="93" t="s">
        <v>1</v>
      </c>
      <c r="H6402" s="111">
        <v>0</v>
      </c>
      <c r="I6402" s="111">
        <v>0</v>
      </c>
      <c r="J6402" s="111">
        <v>1</v>
      </c>
      <c r="K6402" s="111">
        <v>0</v>
      </c>
      <c r="L6402" s="111">
        <v>0</v>
      </c>
      <c r="M6402" s="111">
        <v>1</v>
      </c>
      <c r="N6402" s="111">
        <v>0</v>
      </c>
      <c r="O6402" s="111">
        <v>0</v>
      </c>
      <c r="P6402" s="111">
        <v>0</v>
      </c>
      <c r="Q6402" s="111">
        <v>0</v>
      </c>
      <c r="R6402" s="111">
        <v>0</v>
      </c>
      <c r="S6402" s="111">
        <v>0</v>
      </c>
      <c r="T6402" s="111">
        <v>0</v>
      </c>
      <c r="U6402" s="145"/>
      <c r="V6402" s="145"/>
      <c r="W6402" s="145"/>
      <c r="X6402" s="145"/>
      <c r="Y6402" s="145"/>
      <c r="Z6402" s="145"/>
      <c r="AA6402" s="145"/>
      <c r="AB6402" s="145"/>
      <c r="AC6402" s="145"/>
      <c r="AD6402" s="145"/>
      <c r="AE6402" s="145"/>
      <c r="AF6402" s="145"/>
      <c r="AG6402" s="145"/>
      <c r="AH6402" s="145"/>
      <c r="AI6402" s="145"/>
      <c r="AJ6402" s="145"/>
      <c r="AK6402" s="145"/>
      <c r="AL6402" s="145"/>
      <c r="AM6402" s="145"/>
      <c r="AN6402" s="145"/>
      <c r="AO6402" s="145"/>
      <c r="AP6402" s="145"/>
      <c r="AQ6402" s="145"/>
      <c r="AR6402" s="145"/>
      <c r="AS6402" s="145"/>
      <c r="AT6402" s="145"/>
      <c r="AU6402" s="145"/>
      <c r="AV6402" s="145"/>
      <c r="AW6402" s="145"/>
      <c r="AX6402" s="146" t="s">
        <v>15106</v>
      </c>
      <c r="AY6402" s="146" t="s">
        <v>15106</v>
      </c>
      <c r="AZ6402" s="146" t="s">
        <v>15106</v>
      </c>
      <c r="BA6402" s="146" t="s">
        <v>15106</v>
      </c>
      <c r="BB6402" s="107">
        <v>45884</v>
      </c>
    </row>
    <row r="6403" spans="1:54" ht="13.95" customHeight="1" x14ac:dyDescent="0.25">
      <c r="A6403" s="14" t="s">
        <v>15137</v>
      </c>
      <c r="B6403" s="109" t="s">
        <v>15103</v>
      </c>
      <c r="C6403" s="93" t="s">
        <v>15138</v>
      </c>
      <c r="D6403" s="93" t="s">
        <v>15139</v>
      </c>
      <c r="E6403" s="93">
        <v>1979</v>
      </c>
      <c r="F6403" s="93">
        <v>418</v>
      </c>
      <c r="G6403" s="93" t="s">
        <v>1</v>
      </c>
      <c r="H6403" s="111">
        <v>0</v>
      </c>
      <c r="I6403" s="111">
        <v>0</v>
      </c>
      <c r="J6403" s="111">
        <v>0</v>
      </c>
      <c r="K6403" s="111">
        <v>0</v>
      </c>
      <c r="L6403" s="111">
        <v>1</v>
      </c>
      <c r="M6403" s="111">
        <v>0</v>
      </c>
      <c r="N6403" s="111">
        <v>0</v>
      </c>
      <c r="O6403" s="111">
        <v>0</v>
      </c>
      <c r="P6403" s="111">
        <v>1</v>
      </c>
      <c r="Q6403" s="111">
        <v>0</v>
      </c>
      <c r="R6403" s="111">
        <v>1</v>
      </c>
      <c r="S6403" s="111">
        <v>0</v>
      </c>
      <c r="T6403" s="111">
        <v>0</v>
      </c>
      <c r="U6403" s="145"/>
      <c r="V6403" s="145"/>
      <c r="W6403" s="145"/>
      <c r="X6403" s="145"/>
      <c r="Y6403" s="145"/>
      <c r="Z6403" s="145"/>
      <c r="AA6403" s="145"/>
      <c r="AB6403" s="145"/>
      <c r="AC6403" s="145"/>
      <c r="AD6403" s="145"/>
      <c r="AE6403" s="145"/>
      <c r="AF6403" s="145"/>
      <c r="AG6403" s="145"/>
      <c r="AH6403" s="145"/>
      <c r="AI6403" s="145"/>
      <c r="AJ6403" s="145"/>
      <c r="AK6403" s="145"/>
      <c r="AL6403" s="145"/>
      <c r="AM6403" s="145"/>
      <c r="AN6403" s="145"/>
      <c r="AO6403" s="145"/>
      <c r="AP6403" s="145"/>
      <c r="AQ6403" s="145"/>
      <c r="AR6403" s="145"/>
      <c r="AS6403" s="145"/>
      <c r="AT6403" s="145"/>
      <c r="AU6403" s="145"/>
      <c r="AV6403" s="145"/>
      <c r="AW6403" s="145"/>
      <c r="AX6403" s="146" t="s">
        <v>15106</v>
      </c>
      <c r="AY6403" s="146" t="s">
        <v>15106</v>
      </c>
      <c r="AZ6403" s="146" t="s">
        <v>15106</v>
      </c>
      <c r="BA6403" s="146" t="s">
        <v>15106</v>
      </c>
      <c r="BB6403" s="107">
        <v>45884</v>
      </c>
    </row>
    <row r="6404" spans="1:54" ht="13.95" customHeight="1" x14ac:dyDescent="0.25">
      <c r="A6404" s="14" t="s">
        <v>15140</v>
      </c>
      <c r="B6404" s="109" t="s">
        <v>15103</v>
      </c>
      <c r="C6404" s="93" t="s">
        <v>15141</v>
      </c>
      <c r="D6404" s="93" t="s">
        <v>15142</v>
      </c>
      <c r="E6404" s="93">
        <v>1981</v>
      </c>
      <c r="F6404" s="93">
        <v>424</v>
      </c>
      <c r="G6404" s="93" t="s">
        <v>1</v>
      </c>
      <c r="H6404" s="111">
        <v>0</v>
      </c>
      <c r="I6404" s="111">
        <v>0</v>
      </c>
      <c r="J6404" s="111">
        <v>1</v>
      </c>
      <c r="K6404" s="111">
        <v>0</v>
      </c>
      <c r="L6404" s="111">
        <v>0</v>
      </c>
      <c r="M6404" s="111">
        <v>0</v>
      </c>
      <c r="N6404" s="111">
        <v>0</v>
      </c>
      <c r="O6404" s="111">
        <v>0</v>
      </c>
      <c r="P6404" s="111">
        <v>0</v>
      </c>
      <c r="Q6404" s="111">
        <v>0</v>
      </c>
      <c r="R6404" s="111">
        <v>0</v>
      </c>
      <c r="S6404" s="111">
        <v>0</v>
      </c>
      <c r="T6404" s="111">
        <v>0</v>
      </c>
      <c r="U6404" s="145"/>
      <c r="V6404" s="145"/>
      <c r="W6404" s="145"/>
      <c r="X6404" s="145"/>
      <c r="Y6404" s="145"/>
      <c r="Z6404" s="145"/>
      <c r="AA6404" s="145"/>
      <c r="AB6404" s="145"/>
      <c r="AC6404" s="145"/>
      <c r="AD6404" s="145"/>
      <c r="AE6404" s="145"/>
      <c r="AF6404" s="145"/>
      <c r="AG6404" s="145"/>
      <c r="AH6404" s="145"/>
      <c r="AI6404" s="145"/>
      <c r="AJ6404" s="145"/>
      <c r="AK6404" s="145"/>
      <c r="AL6404" s="145"/>
      <c r="AM6404" s="145"/>
      <c r="AN6404" s="145"/>
      <c r="AO6404" s="145"/>
      <c r="AP6404" s="145"/>
      <c r="AQ6404" s="145"/>
      <c r="AR6404" s="145"/>
      <c r="AS6404" s="145"/>
      <c r="AT6404" s="145"/>
      <c r="AU6404" s="145"/>
      <c r="AV6404" s="145"/>
      <c r="AW6404" s="145"/>
      <c r="AX6404" s="146" t="s">
        <v>15106</v>
      </c>
      <c r="AY6404" s="146" t="s">
        <v>15106</v>
      </c>
      <c r="AZ6404" s="146" t="s">
        <v>15106</v>
      </c>
      <c r="BA6404" s="112" t="s">
        <v>15143</v>
      </c>
      <c r="BB6404" s="107">
        <v>45884</v>
      </c>
    </row>
    <row r="6405" spans="1:54" ht="13.95" customHeight="1" x14ac:dyDescent="0.25">
      <c r="A6405" s="14" t="s">
        <v>15144</v>
      </c>
      <c r="B6405" s="109" t="s">
        <v>15103</v>
      </c>
      <c r="C6405" s="93" t="s">
        <v>15145</v>
      </c>
      <c r="D6405" s="93" t="s">
        <v>15146</v>
      </c>
      <c r="E6405" s="93">
        <v>1976</v>
      </c>
      <c r="F6405" s="93">
        <v>462</v>
      </c>
      <c r="G6405" s="93" t="s">
        <v>1</v>
      </c>
      <c r="H6405" s="111">
        <v>0</v>
      </c>
      <c r="I6405" s="111">
        <v>0</v>
      </c>
      <c r="J6405" s="111">
        <v>0</v>
      </c>
      <c r="K6405" s="111">
        <v>0</v>
      </c>
      <c r="L6405" s="111">
        <v>1</v>
      </c>
      <c r="M6405" s="111">
        <v>0</v>
      </c>
      <c r="N6405" s="111">
        <v>0</v>
      </c>
      <c r="O6405" s="111">
        <v>0</v>
      </c>
      <c r="P6405" s="111">
        <v>0</v>
      </c>
      <c r="Q6405" s="111">
        <v>0</v>
      </c>
      <c r="R6405" s="111">
        <v>1</v>
      </c>
      <c r="S6405" s="111">
        <v>0</v>
      </c>
      <c r="T6405" s="111">
        <v>0</v>
      </c>
      <c r="U6405" s="145"/>
      <c r="V6405" s="145"/>
      <c r="W6405" s="145"/>
      <c r="X6405" s="145"/>
      <c r="Y6405" s="145"/>
      <c r="Z6405" s="145"/>
      <c r="AA6405" s="145"/>
      <c r="AB6405" s="145"/>
      <c r="AC6405" s="145"/>
      <c r="AD6405" s="145"/>
      <c r="AE6405" s="145"/>
      <c r="AF6405" s="145"/>
      <c r="AG6405" s="145"/>
      <c r="AH6405" s="145"/>
      <c r="AI6405" s="145"/>
      <c r="AJ6405" s="145"/>
      <c r="AK6405" s="145"/>
      <c r="AL6405" s="145"/>
      <c r="AM6405" s="145"/>
      <c r="AN6405" s="145"/>
      <c r="AO6405" s="145"/>
      <c r="AP6405" s="145"/>
      <c r="AQ6405" s="145"/>
      <c r="AR6405" s="145"/>
      <c r="AS6405" s="145"/>
      <c r="AT6405" s="145"/>
      <c r="AU6405" s="145"/>
      <c r="AV6405" s="145"/>
      <c r="AW6405" s="145"/>
      <c r="AX6405" s="146" t="s">
        <v>15106</v>
      </c>
      <c r="AY6405" s="146" t="s">
        <v>15106</v>
      </c>
      <c r="AZ6405" s="146" t="s">
        <v>15106</v>
      </c>
      <c r="BA6405" s="146" t="s">
        <v>15106</v>
      </c>
      <c r="BB6405" s="107">
        <v>45884</v>
      </c>
    </row>
    <row r="6406" spans="1:54" ht="13.95" customHeight="1" x14ac:dyDescent="0.25">
      <c r="A6406" s="14" t="s">
        <v>15147</v>
      </c>
      <c r="B6406" s="109" t="s">
        <v>15103</v>
      </c>
      <c r="C6406" s="93" t="s">
        <v>15148</v>
      </c>
      <c r="D6406" s="93" t="s">
        <v>15149</v>
      </c>
      <c r="E6406" s="93">
        <v>1976</v>
      </c>
      <c r="F6406" s="93">
        <v>467</v>
      </c>
      <c r="G6406" s="93" t="s">
        <v>1</v>
      </c>
      <c r="H6406" s="111">
        <v>0</v>
      </c>
      <c r="I6406" s="111">
        <v>0</v>
      </c>
      <c r="J6406" s="111">
        <v>1</v>
      </c>
      <c r="K6406" s="111">
        <v>0</v>
      </c>
      <c r="L6406" s="111">
        <v>0</v>
      </c>
      <c r="M6406" s="111">
        <v>0</v>
      </c>
      <c r="N6406" s="111">
        <v>0</v>
      </c>
      <c r="O6406" s="111">
        <v>0</v>
      </c>
      <c r="P6406" s="111">
        <v>0</v>
      </c>
      <c r="Q6406" s="111">
        <v>0</v>
      </c>
      <c r="R6406" s="111">
        <v>0</v>
      </c>
      <c r="S6406" s="111">
        <v>0</v>
      </c>
      <c r="T6406" s="111">
        <v>0</v>
      </c>
      <c r="U6406" s="145"/>
      <c r="V6406" s="145"/>
      <c r="W6406" s="145"/>
      <c r="X6406" s="145"/>
      <c r="Y6406" s="145"/>
      <c r="Z6406" s="145"/>
      <c r="AA6406" s="145"/>
      <c r="AB6406" s="145"/>
      <c r="AC6406" s="145"/>
      <c r="AD6406" s="145"/>
      <c r="AE6406" s="145"/>
      <c r="AF6406" s="145"/>
      <c r="AG6406" s="145"/>
      <c r="AH6406" s="145"/>
      <c r="AI6406" s="145"/>
      <c r="AJ6406" s="145"/>
      <c r="AK6406" s="145"/>
      <c r="AL6406" s="145"/>
      <c r="AM6406" s="145"/>
      <c r="AN6406" s="145"/>
      <c r="AO6406" s="145"/>
      <c r="AP6406" s="145"/>
      <c r="AQ6406" s="145"/>
      <c r="AR6406" s="145"/>
      <c r="AS6406" s="145"/>
      <c r="AT6406" s="145"/>
      <c r="AU6406" s="145"/>
      <c r="AV6406" s="145"/>
      <c r="AW6406" s="145"/>
      <c r="AX6406" s="146" t="s">
        <v>15106</v>
      </c>
      <c r="AY6406" s="146" t="s">
        <v>15106</v>
      </c>
      <c r="AZ6406" s="146" t="s">
        <v>15106</v>
      </c>
      <c r="BA6406" s="146" t="s">
        <v>15106</v>
      </c>
      <c r="BB6406" s="107">
        <v>45884</v>
      </c>
    </row>
    <row r="6407" spans="1:54" ht="13.95" customHeight="1" x14ac:dyDescent="0.25">
      <c r="A6407" s="14" t="s">
        <v>15150</v>
      </c>
      <c r="B6407" s="109" t="s">
        <v>15103</v>
      </c>
      <c r="C6407" s="93" t="s">
        <v>15151</v>
      </c>
      <c r="D6407" s="93" t="s">
        <v>15152</v>
      </c>
      <c r="E6407" s="93">
        <v>1979</v>
      </c>
      <c r="F6407" s="93">
        <v>567</v>
      </c>
      <c r="G6407" s="93" t="s">
        <v>1</v>
      </c>
      <c r="H6407" s="111">
        <v>0</v>
      </c>
      <c r="I6407" s="111">
        <v>0</v>
      </c>
      <c r="J6407" s="111">
        <v>0</v>
      </c>
      <c r="K6407" s="111">
        <v>0</v>
      </c>
      <c r="L6407" s="111">
        <v>0</v>
      </c>
      <c r="M6407" s="111">
        <v>0</v>
      </c>
      <c r="N6407" s="111">
        <v>0</v>
      </c>
      <c r="O6407" s="111">
        <v>0</v>
      </c>
      <c r="P6407" s="111">
        <v>0</v>
      </c>
      <c r="Q6407" s="111">
        <v>0</v>
      </c>
      <c r="R6407" s="111">
        <v>0</v>
      </c>
      <c r="S6407" s="111">
        <v>0</v>
      </c>
      <c r="T6407" s="111">
        <v>0</v>
      </c>
      <c r="U6407" s="145"/>
      <c r="V6407" s="145"/>
      <c r="W6407" s="145"/>
      <c r="X6407" s="145"/>
      <c r="Y6407" s="145"/>
      <c r="Z6407" s="145"/>
      <c r="AA6407" s="145"/>
      <c r="AB6407" s="145"/>
      <c r="AC6407" s="145"/>
      <c r="AD6407" s="145"/>
      <c r="AE6407" s="145"/>
      <c r="AF6407" s="145"/>
      <c r="AG6407" s="145"/>
      <c r="AH6407" s="145"/>
      <c r="AI6407" s="145"/>
      <c r="AJ6407" s="145"/>
      <c r="AK6407" s="145"/>
      <c r="AL6407" s="145"/>
      <c r="AM6407" s="145"/>
      <c r="AN6407" s="145"/>
      <c r="AO6407" s="145"/>
      <c r="AP6407" s="145"/>
      <c r="AQ6407" s="145"/>
      <c r="AR6407" s="145"/>
      <c r="AS6407" s="145"/>
      <c r="AT6407" s="145"/>
      <c r="AU6407" s="145"/>
      <c r="AV6407" s="145"/>
      <c r="AW6407" s="145"/>
      <c r="AX6407" s="146" t="s">
        <v>15106</v>
      </c>
      <c r="AY6407" s="146" t="s">
        <v>15106</v>
      </c>
      <c r="AZ6407" s="146" t="s">
        <v>15106</v>
      </c>
      <c r="BA6407" s="146" t="s">
        <v>15106</v>
      </c>
      <c r="BB6407" s="107">
        <v>45884</v>
      </c>
    </row>
    <row r="6408" spans="1:54" ht="13.95" customHeight="1" x14ac:dyDescent="0.25">
      <c r="A6408" s="14" t="s">
        <v>15153</v>
      </c>
      <c r="B6408" s="109" t="s">
        <v>15103</v>
      </c>
      <c r="C6408" s="93" t="s">
        <v>15154</v>
      </c>
      <c r="D6408" s="93" t="s">
        <v>15155</v>
      </c>
      <c r="E6408" s="93">
        <v>1976</v>
      </c>
      <c r="F6408" s="93">
        <v>592</v>
      </c>
      <c r="G6408" s="93" t="s">
        <v>1</v>
      </c>
      <c r="H6408" s="111">
        <v>0</v>
      </c>
      <c r="I6408" s="111">
        <v>0</v>
      </c>
      <c r="J6408" s="111">
        <v>1</v>
      </c>
      <c r="K6408" s="111">
        <v>0</v>
      </c>
      <c r="L6408" s="111">
        <v>0</v>
      </c>
      <c r="M6408" s="111">
        <v>0</v>
      </c>
      <c r="N6408" s="111">
        <v>0</v>
      </c>
      <c r="O6408" s="111">
        <v>0</v>
      </c>
      <c r="P6408" s="111">
        <v>0</v>
      </c>
      <c r="Q6408" s="111">
        <v>0</v>
      </c>
      <c r="R6408" s="111">
        <v>0</v>
      </c>
      <c r="S6408" s="111">
        <v>0</v>
      </c>
      <c r="T6408" s="111">
        <v>0</v>
      </c>
      <c r="U6408" s="145"/>
      <c r="V6408" s="145"/>
      <c r="W6408" s="145"/>
      <c r="X6408" s="145"/>
      <c r="Y6408" s="145"/>
      <c r="Z6408" s="145"/>
      <c r="AA6408" s="145"/>
      <c r="AB6408" s="145"/>
      <c r="AC6408" s="145"/>
      <c r="AD6408" s="145"/>
      <c r="AE6408" s="145"/>
      <c r="AF6408" s="145"/>
      <c r="AG6408" s="145"/>
      <c r="AH6408" s="145"/>
      <c r="AI6408" s="145"/>
      <c r="AJ6408" s="145"/>
      <c r="AK6408" s="145"/>
      <c r="AL6408" s="145"/>
      <c r="AM6408" s="145"/>
      <c r="AN6408" s="145"/>
      <c r="AO6408" s="145"/>
      <c r="AP6408" s="145"/>
      <c r="AQ6408" s="145"/>
      <c r="AR6408" s="145"/>
      <c r="AS6408" s="145"/>
      <c r="AT6408" s="145"/>
      <c r="AU6408" s="145"/>
      <c r="AV6408" s="145"/>
      <c r="AW6408" s="145"/>
      <c r="AX6408" s="146" t="s">
        <v>15106</v>
      </c>
      <c r="AY6408" s="146" t="s">
        <v>15106</v>
      </c>
      <c r="AZ6408" s="146" t="s">
        <v>15106</v>
      </c>
      <c r="BA6408" s="146" t="s">
        <v>15106</v>
      </c>
      <c r="BB6408" s="107">
        <v>45884</v>
      </c>
    </row>
    <row r="6409" spans="1:54" ht="13.95" customHeight="1" x14ac:dyDescent="0.25">
      <c r="A6409" s="14" t="s">
        <v>15156</v>
      </c>
      <c r="B6409" s="109" t="s">
        <v>15103</v>
      </c>
      <c r="C6409" s="93" t="s">
        <v>8794</v>
      </c>
      <c r="D6409" s="93" t="s">
        <v>15157</v>
      </c>
      <c r="E6409" s="93">
        <v>1996</v>
      </c>
      <c r="F6409" s="93">
        <v>626</v>
      </c>
      <c r="G6409" s="93" t="s">
        <v>1</v>
      </c>
      <c r="H6409" s="111">
        <v>0</v>
      </c>
      <c r="I6409" s="111">
        <v>0</v>
      </c>
      <c r="J6409" s="111">
        <v>1</v>
      </c>
      <c r="K6409" s="111">
        <v>0</v>
      </c>
      <c r="L6409" s="111">
        <v>0</v>
      </c>
      <c r="M6409" s="111">
        <v>1</v>
      </c>
      <c r="N6409" s="111">
        <v>0</v>
      </c>
      <c r="O6409" s="111">
        <v>0</v>
      </c>
      <c r="P6409" s="111">
        <v>0</v>
      </c>
      <c r="Q6409" s="111">
        <v>0</v>
      </c>
      <c r="R6409" s="111">
        <v>0</v>
      </c>
      <c r="S6409" s="111">
        <v>0</v>
      </c>
      <c r="T6409" s="111">
        <v>0</v>
      </c>
      <c r="U6409" s="145"/>
      <c r="V6409" s="145"/>
      <c r="W6409" s="145"/>
      <c r="X6409" s="145"/>
      <c r="Y6409" s="145"/>
      <c r="Z6409" s="145"/>
      <c r="AA6409" s="145"/>
      <c r="AB6409" s="145"/>
      <c r="AC6409" s="145"/>
      <c r="AD6409" s="145"/>
      <c r="AE6409" s="145"/>
      <c r="AF6409" s="145"/>
      <c r="AG6409" s="145"/>
      <c r="AH6409" s="145"/>
      <c r="AI6409" s="145"/>
      <c r="AJ6409" s="145"/>
      <c r="AK6409" s="145"/>
      <c r="AL6409" s="145"/>
      <c r="AM6409" s="145"/>
      <c r="AN6409" s="145"/>
      <c r="AO6409" s="145"/>
      <c r="AP6409" s="145"/>
      <c r="AQ6409" s="145"/>
      <c r="AR6409" s="145"/>
      <c r="AS6409" s="145"/>
      <c r="AT6409" s="145"/>
      <c r="AU6409" s="145"/>
      <c r="AV6409" s="145"/>
      <c r="AW6409" s="145"/>
      <c r="AX6409" s="146" t="s">
        <v>15106</v>
      </c>
      <c r="AY6409" s="146" t="s">
        <v>15106</v>
      </c>
      <c r="AZ6409" s="146" t="s">
        <v>15106</v>
      </c>
      <c r="BA6409" s="146" t="s">
        <v>15106</v>
      </c>
      <c r="BB6409" s="107">
        <v>45884</v>
      </c>
    </row>
    <row r="6410" spans="1:54" ht="13.95" customHeight="1" x14ac:dyDescent="0.25">
      <c r="A6410" s="14" t="s">
        <v>15158</v>
      </c>
      <c r="B6410" s="109" t="s">
        <v>15103</v>
      </c>
      <c r="C6410" s="93" t="s">
        <v>15159</v>
      </c>
      <c r="D6410" s="93" t="s">
        <v>15160</v>
      </c>
      <c r="E6410" s="93">
        <v>1976</v>
      </c>
      <c r="F6410" s="93">
        <v>639</v>
      </c>
      <c r="G6410" s="93" t="s">
        <v>1</v>
      </c>
      <c r="H6410" s="111">
        <v>0</v>
      </c>
      <c r="I6410" s="111">
        <v>0</v>
      </c>
      <c r="J6410" s="111">
        <v>1</v>
      </c>
      <c r="K6410" s="111">
        <v>1</v>
      </c>
      <c r="L6410" s="111">
        <v>1</v>
      </c>
      <c r="M6410" s="111">
        <v>1</v>
      </c>
      <c r="N6410" s="111">
        <v>0</v>
      </c>
      <c r="O6410" s="111">
        <v>0</v>
      </c>
      <c r="P6410" s="111">
        <v>0</v>
      </c>
      <c r="Q6410" s="111">
        <v>0</v>
      </c>
      <c r="R6410" s="111">
        <v>0</v>
      </c>
      <c r="S6410" s="111">
        <v>0</v>
      </c>
      <c r="T6410" s="111">
        <v>0</v>
      </c>
      <c r="U6410" s="145"/>
      <c r="V6410" s="145"/>
      <c r="W6410" s="145"/>
      <c r="X6410" s="145"/>
      <c r="Y6410" s="145"/>
      <c r="Z6410" s="145"/>
      <c r="AA6410" s="145"/>
      <c r="AB6410" s="145"/>
      <c r="AC6410" s="145"/>
      <c r="AD6410" s="145"/>
      <c r="AE6410" s="145"/>
      <c r="AF6410" s="145"/>
      <c r="AG6410" s="145"/>
      <c r="AH6410" s="145"/>
      <c r="AI6410" s="145"/>
      <c r="AJ6410" s="145"/>
      <c r="AK6410" s="145"/>
      <c r="AL6410" s="145"/>
      <c r="AM6410" s="145"/>
      <c r="AN6410" s="145"/>
      <c r="AO6410" s="145"/>
      <c r="AP6410" s="145"/>
      <c r="AQ6410" s="145"/>
      <c r="AR6410" s="145"/>
      <c r="AS6410" s="145"/>
      <c r="AT6410" s="145"/>
      <c r="AU6410" s="145"/>
      <c r="AV6410" s="145"/>
      <c r="AW6410" s="111">
        <v>1</v>
      </c>
      <c r="AX6410" s="146" t="s">
        <v>15106</v>
      </c>
      <c r="AY6410" s="146" t="s">
        <v>15106</v>
      </c>
      <c r="AZ6410" s="146" t="s">
        <v>15106</v>
      </c>
      <c r="BA6410" s="146" t="s">
        <v>15106</v>
      </c>
      <c r="BB6410" s="107">
        <v>45884</v>
      </c>
    </row>
    <row r="6411" spans="1:54" ht="13.95" customHeight="1" x14ac:dyDescent="0.25">
      <c r="A6411" s="14" t="s">
        <v>15161</v>
      </c>
      <c r="B6411" s="109" t="s">
        <v>15103</v>
      </c>
      <c r="C6411" s="93" t="s">
        <v>15162</v>
      </c>
      <c r="D6411" s="93" t="s">
        <v>15163</v>
      </c>
      <c r="E6411" s="93">
        <v>1979</v>
      </c>
      <c r="F6411" s="93">
        <v>651</v>
      </c>
      <c r="G6411" s="93" t="s">
        <v>1</v>
      </c>
      <c r="H6411" s="111">
        <v>0</v>
      </c>
      <c r="I6411" s="111">
        <v>0</v>
      </c>
      <c r="J6411" s="111">
        <v>0</v>
      </c>
      <c r="K6411" s="111">
        <v>0</v>
      </c>
      <c r="L6411" s="111">
        <v>1</v>
      </c>
      <c r="M6411" s="111">
        <v>0</v>
      </c>
      <c r="N6411" s="111">
        <v>0</v>
      </c>
      <c r="O6411" s="111">
        <v>1</v>
      </c>
      <c r="P6411" s="111">
        <v>0</v>
      </c>
      <c r="Q6411" s="111">
        <v>0</v>
      </c>
      <c r="R6411" s="111">
        <v>0</v>
      </c>
      <c r="S6411" s="111">
        <v>0</v>
      </c>
      <c r="T6411" s="111">
        <v>0</v>
      </c>
      <c r="U6411" s="145"/>
      <c r="V6411" s="145"/>
      <c r="W6411" s="145"/>
      <c r="X6411" s="145"/>
      <c r="Y6411" s="145"/>
      <c r="Z6411" s="145"/>
      <c r="AA6411" s="145"/>
      <c r="AB6411" s="145"/>
      <c r="AC6411" s="145"/>
      <c r="AD6411" s="145"/>
      <c r="AE6411" s="145"/>
      <c r="AF6411" s="145"/>
      <c r="AG6411" s="145"/>
      <c r="AH6411" s="145"/>
      <c r="AI6411" s="145"/>
      <c r="AJ6411" s="145"/>
      <c r="AK6411" s="145"/>
      <c r="AL6411" s="145"/>
      <c r="AM6411" s="145"/>
      <c r="AN6411" s="145"/>
      <c r="AO6411" s="145"/>
      <c r="AP6411" s="145"/>
      <c r="AQ6411" s="145"/>
      <c r="AR6411" s="145"/>
      <c r="AS6411" s="145"/>
      <c r="AT6411" s="145"/>
      <c r="AU6411" s="145"/>
      <c r="AV6411" s="145"/>
      <c r="AW6411" s="145"/>
      <c r="AX6411" s="146" t="s">
        <v>15106</v>
      </c>
      <c r="AY6411" s="146" t="s">
        <v>15106</v>
      </c>
      <c r="AZ6411" s="146" t="s">
        <v>15106</v>
      </c>
      <c r="BA6411" s="146" t="s">
        <v>15106</v>
      </c>
      <c r="BB6411" s="107">
        <v>45884</v>
      </c>
    </row>
    <row r="6412" spans="1:54" ht="13.95" customHeight="1" x14ac:dyDescent="0.25">
      <c r="A6412" s="14" t="s">
        <v>15164</v>
      </c>
      <c r="B6412" s="109" t="s">
        <v>15103</v>
      </c>
      <c r="C6412" s="93" t="s">
        <v>15165</v>
      </c>
      <c r="D6412" s="93" t="s">
        <v>15166</v>
      </c>
      <c r="E6412" s="93">
        <v>1976</v>
      </c>
      <c r="F6412" s="93">
        <v>681</v>
      </c>
      <c r="G6412" s="93" t="s">
        <v>1</v>
      </c>
      <c r="H6412" s="111">
        <v>0</v>
      </c>
      <c r="I6412" s="111">
        <v>0</v>
      </c>
      <c r="J6412" s="111">
        <v>1</v>
      </c>
      <c r="K6412" s="111">
        <v>1</v>
      </c>
      <c r="L6412" s="111">
        <v>0</v>
      </c>
      <c r="M6412" s="111">
        <v>1</v>
      </c>
      <c r="N6412" s="111">
        <v>0</v>
      </c>
      <c r="O6412" s="111">
        <v>1</v>
      </c>
      <c r="P6412" s="111">
        <v>0</v>
      </c>
      <c r="Q6412" s="111">
        <v>0</v>
      </c>
      <c r="R6412" s="111">
        <v>0</v>
      </c>
      <c r="S6412" s="111">
        <v>0</v>
      </c>
      <c r="T6412" s="111">
        <v>0</v>
      </c>
      <c r="U6412" s="145"/>
      <c r="V6412" s="145"/>
      <c r="W6412" s="145"/>
      <c r="X6412" s="145"/>
      <c r="Y6412" s="145"/>
      <c r="Z6412" s="145"/>
      <c r="AA6412" s="111">
        <v>1</v>
      </c>
      <c r="AB6412" s="145"/>
      <c r="AC6412" s="145"/>
      <c r="AD6412" s="145"/>
      <c r="AE6412" s="145"/>
      <c r="AF6412" s="145"/>
      <c r="AG6412" s="145"/>
      <c r="AH6412" s="145"/>
      <c r="AI6412" s="145"/>
      <c r="AJ6412" s="145"/>
      <c r="AK6412" s="145"/>
      <c r="AL6412" s="145"/>
      <c r="AM6412" s="145"/>
      <c r="AN6412" s="145"/>
      <c r="AO6412" s="145"/>
      <c r="AP6412" s="145"/>
      <c r="AQ6412" s="145"/>
      <c r="AR6412" s="145"/>
      <c r="AS6412" s="145"/>
      <c r="AT6412" s="145"/>
      <c r="AU6412" s="145"/>
      <c r="AV6412" s="145"/>
      <c r="AW6412" s="145"/>
      <c r="AX6412" s="146" t="s">
        <v>15106</v>
      </c>
      <c r="AY6412" s="146" t="s">
        <v>15106</v>
      </c>
      <c r="AZ6412" s="146" t="s">
        <v>15106</v>
      </c>
      <c r="BA6412" s="146" t="s">
        <v>15106</v>
      </c>
      <c r="BB6412" s="107">
        <v>45884</v>
      </c>
    </row>
    <row r="6413" spans="1:54" ht="13.95" customHeight="1" x14ac:dyDescent="0.25">
      <c r="A6413" s="14" t="s">
        <v>15167</v>
      </c>
      <c r="B6413" s="109" t="s">
        <v>15103</v>
      </c>
      <c r="C6413" s="93" t="s">
        <v>15168</v>
      </c>
      <c r="D6413" s="93" t="s">
        <v>15169</v>
      </c>
      <c r="E6413" s="93">
        <v>1983</v>
      </c>
      <c r="F6413" s="93">
        <v>528</v>
      </c>
      <c r="G6413" s="93" t="s">
        <v>1</v>
      </c>
      <c r="H6413" s="111">
        <v>0</v>
      </c>
      <c r="I6413" s="111">
        <v>0</v>
      </c>
      <c r="J6413" s="111">
        <v>1</v>
      </c>
      <c r="K6413" s="111">
        <v>1</v>
      </c>
      <c r="L6413" s="111">
        <v>0</v>
      </c>
      <c r="M6413" s="111">
        <v>1</v>
      </c>
      <c r="N6413" s="111">
        <v>0</v>
      </c>
      <c r="O6413" s="111">
        <v>1</v>
      </c>
      <c r="P6413" s="111">
        <v>0</v>
      </c>
      <c r="Q6413" s="111">
        <v>0</v>
      </c>
      <c r="R6413" s="111">
        <v>0</v>
      </c>
      <c r="S6413" s="111">
        <v>1</v>
      </c>
      <c r="T6413" s="111">
        <v>0</v>
      </c>
      <c r="U6413" s="145"/>
      <c r="V6413" s="145"/>
      <c r="W6413" s="145"/>
      <c r="X6413" s="145"/>
      <c r="Y6413" s="145"/>
      <c r="Z6413" s="145"/>
      <c r="AA6413" s="145"/>
      <c r="AB6413" s="145"/>
      <c r="AC6413" s="145"/>
      <c r="AD6413" s="145"/>
      <c r="AE6413" s="145"/>
      <c r="AF6413" s="145"/>
      <c r="AG6413" s="145"/>
      <c r="AH6413" s="145"/>
      <c r="AI6413" s="145"/>
      <c r="AJ6413" s="145"/>
      <c r="AK6413" s="145"/>
      <c r="AL6413" s="145"/>
      <c r="AM6413" s="145"/>
      <c r="AN6413" s="145"/>
      <c r="AO6413" s="145"/>
      <c r="AP6413" s="145"/>
      <c r="AQ6413" s="145"/>
      <c r="AR6413" s="145"/>
      <c r="AS6413" s="145"/>
      <c r="AT6413" s="145"/>
      <c r="AU6413" s="145"/>
      <c r="AV6413" s="145"/>
      <c r="AW6413" s="145"/>
      <c r="AX6413" s="146" t="s">
        <v>15106</v>
      </c>
      <c r="AY6413" s="146" t="s">
        <v>15106</v>
      </c>
      <c r="AZ6413" s="146" t="s">
        <v>15106</v>
      </c>
      <c r="BA6413" s="146" t="s">
        <v>15106</v>
      </c>
      <c r="BB6413" s="107">
        <v>45884</v>
      </c>
    </row>
    <row r="6414" spans="1:54" ht="13.95" customHeight="1" x14ac:dyDescent="0.25">
      <c r="A6414" s="14" t="s">
        <v>15170</v>
      </c>
      <c r="B6414" s="109" t="s">
        <v>15103</v>
      </c>
      <c r="C6414" s="93" t="s">
        <v>15171</v>
      </c>
      <c r="D6414" s="93" t="s">
        <v>15172</v>
      </c>
      <c r="E6414" s="93">
        <v>1999</v>
      </c>
      <c r="F6414" s="93">
        <v>690</v>
      </c>
      <c r="G6414" s="93" t="s">
        <v>1</v>
      </c>
      <c r="H6414" s="111">
        <v>0</v>
      </c>
      <c r="I6414" s="111">
        <v>0</v>
      </c>
      <c r="J6414" s="111">
        <v>1</v>
      </c>
      <c r="K6414" s="111">
        <v>1</v>
      </c>
      <c r="L6414" s="111">
        <v>0</v>
      </c>
      <c r="M6414" s="111">
        <v>1</v>
      </c>
      <c r="N6414" s="111">
        <v>0</v>
      </c>
      <c r="O6414" s="111">
        <v>0</v>
      </c>
      <c r="P6414" s="111">
        <v>0</v>
      </c>
      <c r="Q6414" s="111">
        <v>0</v>
      </c>
      <c r="R6414" s="111">
        <v>0</v>
      </c>
      <c r="S6414" s="111">
        <v>0</v>
      </c>
      <c r="T6414" s="111">
        <v>0</v>
      </c>
      <c r="U6414" s="145"/>
      <c r="V6414" s="145"/>
      <c r="W6414" s="145"/>
      <c r="X6414" s="145"/>
      <c r="Y6414" s="145"/>
      <c r="Z6414" s="145"/>
      <c r="AA6414" s="145"/>
      <c r="AB6414" s="145"/>
      <c r="AC6414" s="145"/>
      <c r="AD6414" s="145"/>
      <c r="AE6414" s="145"/>
      <c r="AF6414" s="145"/>
      <c r="AG6414" s="145"/>
      <c r="AH6414" s="145"/>
      <c r="AI6414" s="145"/>
      <c r="AJ6414" s="145"/>
      <c r="AK6414" s="145"/>
      <c r="AL6414" s="145"/>
      <c r="AM6414" s="145"/>
      <c r="AN6414" s="145"/>
      <c r="AO6414" s="145"/>
      <c r="AP6414" s="145"/>
      <c r="AQ6414" s="145"/>
      <c r="AR6414" s="145"/>
      <c r="AS6414" s="145"/>
      <c r="AT6414" s="145"/>
      <c r="AU6414" s="145"/>
      <c r="AV6414" s="145"/>
      <c r="AW6414" s="145"/>
      <c r="AX6414" s="146" t="s">
        <v>15106</v>
      </c>
      <c r="AY6414" s="146" t="s">
        <v>15106</v>
      </c>
      <c r="AZ6414" s="146" t="s">
        <v>15106</v>
      </c>
      <c r="BA6414" s="146" t="s">
        <v>15106</v>
      </c>
      <c r="BB6414" s="107">
        <v>45884</v>
      </c>
    </row>
    <row r="6415" spans="1:54" ht="13.95" customHeight="1" x14ac:dyDescent="0.25">
      <c r="A6415" s="14" t="s">
        <v>15173</v>
      </c>
      <c r="B6415" s="109" t="s">
        <v>15103</v>
      </c>
      <c r="C6415" s="93" t="s">
        <v>15174</v>
      </c>
      <c r="D6415" s="93" t="s">
        <v>15175</v>
      </c>
      <c r="E6415" s="93">
        <v>1979</v>
      </c>
      <c r="F6415" s="93">
        <v>700</v>
      </c>
      <c r="G6415" s="93" t="s">
        <v>1</v>
      </c>
      <c r="H6415" s="111">
        <v>0</v>
      </c>
      <c r="I6415" s="111">
        <v>0</v>
      </c>
      <c r="J6415" s="111">
        <v>1</v>
      </c>
      <c r="K6415" s="111">
        <v>0</v>
      </c>
      <c r="L6415" s="111">
        <v>1</v>
      </c>
      <c r="M6415" s="111">
        <v>1</v>
      </c>
      <c r="N6415" s="111">
        <v>0</v>
      </c>
      <c r="O6415" s="111">
        <v>0</v>
      </c>
      <c r="P6415" s="111">
        <v>0</v>
      </c>
      <c r="Q6415" s="111">
        <v>0</v>
      </c>
      <c r="R6415" s="111">
        <v>1</v>
      </c>
      <c r="S6415" s="111">
        <v>0</v>
      </c>
      <c r="T6415" s="111">
        <v>0</v>
      </c>
      <c r="U6415" s="145"/>
      <c r="V6415" s="145"/>
      <c r="W6415" s="145"/>
      <c r="X6415" s="145"/>
      <c r="Y6415" s="145"/>
      <c r="Z6415" s="145"/>
      <c r="AA6415" s="145"/>
      <c r="AB6415" s="145"/>
      <c r="AC6415" s="145"/>
      <c r="AD6415" s="145"/>
      <c r="AE6415" s="145"/>
      <c r="AF6415" s="145"/>
      <c r="AG6415" s="145"/>
      <c r="AH6415" s="145"/>
      <c r="AI6415" s="145"/>
      <c r="AJ6415" s="145"/>
      <c r="AK6415" s="145"/>
      <c r="AL6415" s="145"/>
      <c r="AM6415" s="145"/>
      <c r="AN6415" s="145"/>
      <c r="AO6415" s="145"/>
      <c r="AP6415" s="145"/>
      <c r="AQ6415" s="145"/>
      <c r="AR6415" s="145"/>
      <c r="AS6415" s="145"/>
      <c r="AT6415" s="145"/>
      <c r="AU6415" s="145"/>
      <c r="AV6415" s="145"/>
      <c r="AW6415" s="145"/>
      <c r="AX6415" s="146" t="s">
        <v>15106</v>
      </c>
      <c r="AY6415" s="146" t="s">
        <v>15106</v>
      </c>
      <c r="AZ6415" s="146" t="s">
        <v>15106</v>
      </c>
      <c r="BA6415" s="146" t="s">
        <v>15106</v>
      </c>
      <c r="BB6415" s="107">
        <v>45884</v>
      </c>
    </row>
    <row r="6416" spans="1:54" ht="13.95" customHeight="1" x14ac:dyDescent="0.25">
      <c r="A6416" s="14" t="s">
        <v>15176</v>
      </c>
      <c r="B6416" s="109" t="s">
        <v>15103</v>
      </c>
      <c r="C6416" s="93" t="s">
        <v>15177</v>
      </c>
      <c r="D6416" s="93" t="s">
        <v>15178</v>
      </c>
      <c r="E6416" s="93">
        <v>1976</v>
      </c>
      <c r="F6416" s="93">
        <v>705</v>
      </c>
      <c r="G6416" s="93" t="s">
        <v>1</v>
      </c>
      <c r="H6416" s="111">
        <v>0</v>
      </c>
      <c r="I6416" s="111">
        <v>0</v>
      </c>
      <c r="J6416" s="111">
        <v>1</v>
      </c>
      <c r="K6416" s="111">
        <v>0</v>
      </c>
      <c r="L6416" s="111">
        <v>1</v>
      </c>
      <c r="M6416" s="111">
        <v>0</v>
      </c>
      <c r="N6416" s="111">
        <v>0</v>
      </c>
      <c r="O6416" s="111">
        <v>0</v>
      </c>
      <c r="P6416" s="111">
        <v>1</v>
      </c>
      <c r="Q6416" s="111">
        <v>0</v>
      </c>
      <c r="R6416" s="111">
        <v>1</v>
      </c>
      <c r="S6416" s="111">
        <v>0</v>
      </c>
      <c r="T6416" s="111">
        <v>0</v>
      </c>
      <c r="U6416" s="145"/>
      <c r="V6416" s="145"/>
      <c r="W6416" s="145"/>
      <c r="X6416" s="145"/>
      <c r="Y6416" s="145"/>
      <c r="Z6416" s="145"/>
      <c r="AA6416" s="145"/>
      <c r="AB6416" s="145"/>
      <c r="AC6416" s="145"/>
      <c r="AD6416" s="145"/>
      <c r="AE6416" s="145"/>
      <c r="AF6416" s="145"/>
      <c r="AG6416" s="145"/>
      <c r="AH6416" s="145"/>
      <c r="AI6416" s="145"/>
      <c r="AJ6416" s="145"/>
      <c r="AK6416" s="145"/>
      <c r="AL6416" s="145"/>
      <c r="AM6416" s="145"/>
      <c r="AN6416" s="145"/>
      <c r="AO6416" s="145"/>
      <c r="AP6416" s="145"/>
      <c r="AQ6416" s="145"/>
      <c r="AR6416" s="145"/>
      <c r="AS6416" s="145"/>
      <c r="AT6416" s="145"/>
      <c r="AU6416" s="145"/>
      <c r="AV6416" s="145"/>
      <c r="AW6416" s="145"/>
      <c r="AX6416" s="146" t="s">
        <v>15106</v>
      </c>
      <c r="AY6416" s="146" t="s">
        <v>15106</v>
      </c>
      <c r="AZ6416" s="146" t="s">
        <v>15106</v>
      </c>
      <c r="BA6416" s="112" t="s">
        <v>19738</v>
      </c>
      <c r="BB6416" s="107">
        <v>45884</v>
      </c>
    </row>
    <row r="6417" spans="1:54" ht="13.95" customHeight="1" x14ac:dyDescent="0.25">
      <c r="A6417" s="14" t="s">
        <v>15179</v>
      </c>
      <c r="B6417" s="109" t="s">
        <v>15103</v>
      </c>
      <c r="C6417" s="93" t="s">
        <v>15180</v>
      </c>
      <c r="D6417" s="93" t="s">
        <v>15181</v>
      </c>
      <c r="E6417" s="93">
        <v>1976</v>
      </c>
      <c r="F6417" s="93">
        <v>731</v>
      </c>
      <c r="G6417" s="93" t="s">
        <v>1</v>
      </c>
      <c r="H6417" s="111">
        <v>0</v>
      </c>
      <c r="I6417" s="111">
        <v>0</v>
      </c>
      <c r="J6417" s="111">
        <v>0</v>
      </c>
      <c r="K6417" s="111">
        <v>0</v>
      </c>
      <c r="L6417" s="111">
        <v>1</v>
      </c>
      <c r="M6417" s="111">
        <v>0</v>
      </c>
      <c r="N6417" s="111">
        <v>0</v>
      </c>
      <c r="O6417" s="111">
        <v>1</v>
      </c>
      <c r="P6417" s="111">
        <v>1</v>
      </c>
      <c r="Q6417" s="111">
        <v>0</v>
      </c>
      <c r="R6417" s="111">
        <v>0</v>
      </c>
      <c r="S6417" s="111">
        <v>0</v>
      </c>
      <c r="T6417" s="111">
        <v>0</v>
      </c>
      <c r="U6417" s="145"/>
      <c r="V6417" s="145"/>
      <c r="W6417" s="145"/>
      <c r="X6417" s="145"/>
      <c r="Y6417" s="145"/>
      <c r="Z6417" s="145"/>
      <c r="AA6417" s="145"/>
      <c r="AB6417" s="145"/>
      <c r="AC6417" s="145"/>
      <c r="AD6417" s="145"/>
      <c r="AE6417" s="145"/>
      <c r="AF6417" s="145"/>
      <c r="AG6417" s="145"/>
      <c r="AH6417" s="145"/>
      <c r="AI6417" s="145"/>
      <c r="AJ6417" s="145"/>
      <c r="AK6417" s="145"/>
      <c r="AL6417" s="145"/>
      <c r="AM6417" s="145"/>
      <c r="AN6417" s="145"/>
      <c r="AO6417" s="145"/>
      <c r="AP6417" s="145"/>
      <c r="AQ6417" s="145"/>
      <c r="AR6417" s="145"/>
      <c r="AS6417" s="145"/>
      <c r="AT6417" s="145"/>
      <c r="AU6417" s="145"/>
      <c r="AV6417" s="145"/>
      <c r="AW6417" s="145"/>
      <c r="AX6417" s="146" t="s">
        <v>15106</v>
      </c>
      <c r="AY6417" s="146" t="s">
        <v>15106</v>
      </c>
      <c r="AZ6417" s="146" t="s">
        <v>15106</v>
      </c>
      <c r="BA6417" s="146" t="s">
        <v>15106</v>
      </c>
      <c r="BB6417" s="107">
        <v>45884</v>
      </c>
    </row>
    <row r="6418" spans="1:54" ht="13.95" customHeight="1" x14ac:dyDescent="0.25">
      <c r="A6418" s="14" t="s">
        <v>15182</v>
      </c>
      <c r="B6418" s="109" t="s">
        <v>15103</v>
      </c>
      <c r="C6418" s="93" t="s">
        <v>15183</v>
      </c>
      <c r="D6418" s="93" t="s">
        <v>15184</v>
      </c>
      <c r="E6418" s="93">
        <v>1999</v>
      </c>
      <c r="F6418" s="93">
        <v>825</v>
      </c>
      <c r="G6418" s="93" t="s">
        <v>1</v>
      </c>
      <c r="H6418" s="111">
        <v>0</v>
      </c>
      <c r="I6418" s="111">
        <v>0</v>
      </c>
      <c r="J6418" s="111">
        <v>1</v>
      </c>
      <c r="K6418" s="111">
        <v>1</v>
      </c>
      <c r="L6418" s="111">
        <v>0</v>
      </c>
      <c r="M6418" s="111">
        <v>1</v>
      </c>
      <c r="N6418" s="111">
        <v>0</v>
      </c>
      <c r="O6418" s="111">
        <v>0</v>
      </c>
      <c r="P6418" s="111">
        <v>0</v>
      </c>
      <c r="Q6418" s="111">
        <v>0</v>
      </c>
      <c r="R6418" s="111">
        <v>0</v>
      </c>
      <c r="S6418" s="111">
        <v>0</v>
      </c>
      <c r="T6418" s="111">
        <v>0</v>
      </c>
      <c r="U6418" s="145"/>
      <c r="V6418" s="145"/>
      <c r="W6418" s="145"/>
      <c r="X6418" s="145"/>
      <c r="Y6418" s="145"/>
      <c r="Z6418" s="145"/>
      <c r="AA6418" s="145"/>
      <c r="AB6418" s="145"/>
      <c r="AC6418" s="145"/>
      <c r="AD6418" s="145"/>
      <c r="AE6418" s="145"/>
      <c r="AF6418" s="145"/>
      <c r="AG6418" s="145"/>
      <c r="AH6418" s="145"/>
      <c r="AI6418" s="145"/>
      <c r="AJ6418" s="145"/>
      <c r="AK6418" s="145"/>
      <c r="AL6418" s="145"/>
      <c r="AM6418" s="145"/>
      <c r="AN6418" s="145"/>
      <c r="AO6418" s="145"/>
      <c r="AP6418" s="145"/>
      <c r="AQ6418" s="145"/>
      <c r="AR6418" s="145"/>
      <c r="AS6418" s="145"/>
      <c r="AT6418" s="145"/>
      <c r="AU6418" s="145"/>
      <c r="AV6418" s="145"/>
      <c r="AW6418" s="145"/>
      <c r="AX6418" s="146" t="s">
        <v>15106</v>
      </c>
      <c r="AY6418" s="146" t="s">
        <v>15106</v>
      </c>
      <c r="AZ6418" s="146" t="s">
        <v>15106</v>
      </c>
      <c r="BA6418" s="112" t="s">
        <v>21647</v>
      </c>
      <c r="BB6418" s="107">
        <v>45884</v>
      </c>
    </row>
    <row r="6419" spans="1:54" ht="13.95" customHeight="1" x14ac:dyDescent="0.25">
      <c r="A6419" s="14" t="s">
        <v>15185</v>
      </c>
      <c r="B6419" s="109" t="s">
        <v>15103</v>
      </c>
      <c r="C6419" s="93" t="s">
        <v>15186</v>
      </c>
      <c r="D6419" s="93" t="s">
        <v>15187</v>
      </c>
      <c r="E6419" s="93">
        <v>1994</v>
      </c>
      <c r="F6419" s="93">
        <v>826</v>
      </c>
      <c r="G6419" s="93" t="s">
        <v>1</v>
      </c>
      <c r="H6419" s="111">
        <v>0</v>
      </c>
      <c r="I6419" s="111">
        <v>0</v>
      </c>
      <c r="J6419" s="111">
        <v>0</v>
      </c>
      <c r="K6419" s="111">
        <v>0</v>
      </c>
      <c r="L6419" s="111">
        <v>0</v>
      </c>
      <c r="M6419" s="111">
        <v>0</v>
      </c>
      <c r="N6419" s="111">
        <v>0</v>
      </c>
      <c r="O6419" s="111">
        <v>0</v>
      </c>
      <c r="P6419" s="111">
        <v>0</v>
      </c>
      <c r="Q6419" s="111">
        <v>0</v>
      </c>
      <c r="R6419" s="111">
        <v>0</v>
      </c>
      <c r="S6419" s="111">
        <v>0</v>
      </c>
      <c r="T6419" s="111">
        <v>0</v>
      </c>
      <c r="U6419" s="111">
        <v>1</v>
      </c>
      <c r="V6419" s="145"/>
      <c r="W6419" s="145"/>
      <c r="X6419" s="145"/>
      <c r="Y6419" s="145"/>
      <c r="Z6419" s="145"/>
      <c r="AA6419" s="145"/>
      <c r="AB6419" s="145"/>
      <c r="AC6419" s="145"/>
      <c r="AD6419" s="145"/>
      <c r="AE6419" s="145"/>
      <c r="AF6419" s="145"/>
      <c r="AG6419" s="145"/>
      <c r="AH6419" s="145"/>
      <c r="AI6419" s="145"/>
      <c r="AJ6419" s="145"/>
      <c r="AK6419" s="145"/>
      <c r="AL6419" s="145"/>
      <c r="AM6419" s="145"/>
      <c r="AN6419" s="145"/>
      <c r="AO6419" s="145"/>
      <c r="AP6419" s="145"/>
      <c r="AQ6419" s="145"/>
      <c r="AR6419" s="145"/>
      <c r="AS6419" s="145"/>
      <c r="AT6419" s="145"/>
      <c r="AU6419" s="145"/>
      <c r="AV6419" s="145"/>
      <c r="AW6419" s="145"/>
      <c r="AX6419" s="146" t="s">
        <v>15106</v>
      </c>
      <c r="AY6419" s="146" t="s">
        <v>15106</v>
      </c>
      <c r="AZ6419" s="146" t="s">
        <v>15106</v>
      </c>
      <c r="BA6419" s="146" t="s">
        <v>15106</v>
      </c>
      <c r="BB6419" s="107">
        <v>45884</v>
      </c>
    </row>
    <row r="6420" spans="1:54" ht="13.95" customHeight="1" x14ac:dyDescent="0.25">
      <c r="A6420" s="14" t="s">
        <v>15188</v>
      </c>
      <c r="B6420" s="109" t="s">
        <v>15103</v>
      </c>
      <c r="C6420" s="93" t="s">
        <v>15189</v>
      </c>
      <c r="D6420" s="93" t="s">
        <v>15190</v>
      </c>
      <c r="E6420" s="93">
        <v>1976</v>
      </c>
      <c r="F6420" s="93">
        <v>828</v>
      </c>
      <c r="G6420" s="93" t="s">
        <v>1</v>
      </c>
      <c r="H6420" s="111">
        <v>0</v>
      </c>
      <c r="I6420" s="111">
        <v>0</v>
      </c>
      <c r="J6420" s="111">
        <v>0</v>
      </c>
      <c r="K6420" s="111">
        <v>0</v>
      </c>
      <c r="L6420" s="111">
        <v>1</v>
      </c>
      <c r="M6420" s="111">
        <v>0</v>
      </c>
      <c r="N6420" s="111">
        <v>0</v>
      </c>
      <c r="O6420" s="111">
        <v>0</v>
      </c>
      <c r="P6420" s="111">
        <v>1</v>
      </c>
      <c r="Q6420" s="111">
        <v>0</v>
      </c>
      <c r="R6420" s="111">
        <v>0</v>
      </c>
      <c r="S6420" s="111">
        <v>0</v>
      </c>
      <c r="T6420" s="111">
        <v>0</v>
      </c>
      <c r="U6420" s="145"/>
      <c r="V6420" s="145"/>
      <c r="W6420" s="145"/>
      <c r="X6420" s="145"/>
      <c r="Y6420" s="145"/>
      <c r="Z6420" s="145"/>
      <c r="AA6420" s="145"/>
      <c r="AB6420" s="145"/>
      <c r="AC6420" s="145"/>
      <c r="AD6420" s="145"/>
      <c r="AE6420" s="145"/>
      <c r="AF6420" s="145"/>
      <c r="AG6420" s="145"/>
      <c r="AH6420" s="145"/>
      <c r="AI6420" s="145"/>
      <c r="AJ6420" s="145"/>
      <c r="AK6420" s="145"/>
      <c r="AL6420" s="145"/>
      <c r="AM6420" s="145"/>
      <c r="AN6420" s="145"/>
      <c r="AO6420" s="145"/>
      <c r="AP6420" s="145"/>
      <c r="AQ6420" s="145"/>
      <c r="AR6420" s="145"/>
      <c r="AS6420" s="145"/>
      <c r="AT6420" s="145"/>
      <c r="AU6420" s="145"/>
      <c r="AV6420" s="145"/>
      <c r="AW6420" s="145"/>
      <c r="AX6420" s="146" t="s">
        <v>15106</v>
      </c>
      <c r="AY6420" s="146" t="s">
        <v>15106</v>
      </c>
      <c r="AZ6420" s="146" t="s">
        <v>15106</v>
      </c>
      <c r="BA6420" s="146" t="s">
        <v>15106</v>
      </c>
      <c r="BB6420" s="107">
        <v>45884</v>
      </c>
    </row>
    <row r="6421" spans="1:54" ht="13.95" customHeight="1" x14ac:dyDescent="0.25">
      <c r="A6421" s="14" t="s">
        <v>15191</v>
      </c>
      <c r="B6421" s="109" t="s">
        <v>15103</v>
      </c>
      <c r="C6421" s="93" t="s">
        <v>15192</v>
      </c>
      <c r="D6421" s="93" t="s">
        <v>15193</v>
      </c>
      <c r="E6421" s="93">
        <v>1979</v>
      </c>
      <c r="F6421" s="93">
        <v>954</v>
      </c>
      <c r="G6421" s="93" t="s">
        <v>1</v>
      </c>
      <c r="H6421" s="111">
        <v>0</v>
      </c>
      <c r="I6421" s="111">
        <v>0</v>
      </c>
      <c r="J6421" s="111">
        <v>1</v>
      </c>
      <c r="K6421" s="111">
        <v>0</v>
      </c>
      <c r="L6421" s="111">
        <v>0</v>
      </c>
      <c r="M6421" s="111">
        <v>0</v>
      </c>
      <c r="N6421" s="111">
        <v>0</v>
      </c>
      <c r="O6421" s="111">
        <v>0</v>
      </c>
      <c r="P6421" s="111">
        <v>0</v>
      </c>
      <c r="Q6421" s="111">
        <v>0</v>
      </c>
      <c r="R6421" s="111">
        <v>0</v>
      </c>
      <c r="S6421" s="111">
        <v>0</v>
      </c>
      <c r="T6421" s="111">
        <v>0</v>
      </c>
      <c r="U6421" s="145"/>
      <c r="V6421" s="145"/>
      <c r="W6421" s="145"/>
      <c r="X6421" s="145"/>
      <c r="Y6421" s="145"/>
      <c r="Z6421" s="145"/>
      <c r="AA6421" s="145"/>
      <c r="AB6421" s="145"/>
      <c r="AC6421" s="145"/>
      <c r="AD6421" s="145"/>
      <c r="AE6421" s="145"/>
      <c r="AF6421" s="145"/>
      <c r="AG6421" s="145"/>
      <c r="AH6421" s="145"/>
      <c r="AI6421" s="145"/>
      <c r="AJ6421" s="145"/>
      <c r="AK6421" s="145"/>
      <c r="AL6421" s="145"/>
      <c r="AM6421" s="145"/>
      <c r="AN6421" s="145"/>
      <c r="AO6421" s="145"/>
      <c r="AP6421" s="145"/>
      <c r="AQ6421" s="145"/>
      <c r="AR6421" s="145"/>
      <c r="AS6421" s="145"/>
      <c r="AT6421" s="145"/>
      <c r="AU6421" s="145"/>
      <c r="AV6421" s="145"/>
      <c r="AW6421" s="145"/>
      <c r="AX6421" s="146" t="s">
        <v>15106</v>
      </c>
      <c r="AY6421" s="146" t="s">
        <v>15106</v>
      </c>
      <c r="AZ6421" s="146" t="s">
        <v>15106</v>
      </c>
      <c r="BA6421" s="146" t="s">
        <v>15106</v>
      </c>
      <c r="BB6421" s="107">
        <v>45884</v>
      </c>
    </row>
    <row r="6422" spans="1:54" ht="13.95" customHeight="1" x14ac:dyDescent="0.25">
      <c r="A6422" s="14" t="s">
        <v>15194</v>
      </c>
      <c r="B6422" s="109" t="s">
        <v>15103</v>
      </c>
      <c r="C6422" s="93" t="s">
        <v>15195</v>
      </c>
      <c r="D6422" s="93" t="s">
        <v>15196</v>
      </c>
      <c r="E6422" s="93">
        <v>2000</v>
      </c>
      <c r="F6422" s="93">
        <v>964</v>
      </c>
      <c r="G6422" s="93" t="s">
        <v>1</v>
      </c>
      <c r="H6422" s="111">
        <v>0</v>
      </c>
      <c r="I6422" s="111">
        <v>0</v>
      </c>
      <c r="J6422" s="111">
        <v>1</v>
      </c>
      <c r="K6422" s="111">
        <v>0</v>
      </c>
      <c r="L6422" s="111">
        <v>0</v>
      </c>
      <c r="M6422" s="111">
        <v>0</v>
      </c>
      <c r="N6422" s="111">
        <v>0</v>
      </c>
      <c r="O6422" s="111">
        <v>0</v>
      </c>
      <c r="P6422" s="111">
        <v>0</v>
      </c>
      <c r="Q6422" s="111">
        <v>0</v>
      </c>
      <c r="R6422" s="111">
        <v>0</v>
      </c>
      <c r="S6422" s="111">
        <v>0</v>
      </c>
      <c r="T6422" s="111">
        <v>0</v>
      </c>
      <c r="U6422" s="145"/>
      <c r="V6422" s="145"/>
      <c r="W6422" s="145"/>
      <c r="X6422" s="145"/>
      <c r="Y6422" s="145"/>
      <c r="Z6422" s="145"/>
      <c r="AA6422" s="145"/>
      <c r="AB6422" s="145"/>
      <c r="AC6422" s="145"/>
      <c r="AD6422" s="145"/>
      <c r="AE6422" s="145"/>
      <c r="AF6422" s="145"/>
      <c r="AG6422" s="145"/>
      <c r="AH6422" s="145"/>
      <c r="AI6422" s="145"/>
      <c r="AJ6422" s="145"/>
      <c r="AK6422" s="145"/>
      <c r="AL6422" s="145"/>
      <c r="AM6422" s="145"/>
      <c r="AN6422" s="145"/>
      <c r="AO6422" s="145"/>
      <c r="AP6422" s="145"/>
      <c r="AQ6422" s="145"/>
      <c r="AR6422" s="145"/>
      <c r="AS6422" s="145"/>
      <c r="AT6422" s="145"/>
      <c r="AU6422" s="145"/>
      <c r="AV6422" s="145"/>
      <c r="AW6422" s="145"/>
      <c r="AX6422" s="146" t="s">
        <v>15106</v>
      </c>
      <c r="AY6422" s="146" t="s">
        <v>15106</v>
      </c>
      <c r="AZ6422" s="146" t="s">
        <v>15106</v>
      </c>
      <c r="BA6422" s="146" t="s">
        <v>15106</v>
      </c>
      <c r="BB6422" s="107">
        <v>45884</v>
      </c>
    </row>
    <row r="6423" spans="1:54" ht="13.95" customHeight="1" x14ac:dyDescent="0.25">
      <c r="A6423" s="14" t="s">
        <v>15197</v>
      </c>
      <c r="B6423" s="109" t="s">
        <v>15103</v>
      </c>
      <c r="C6423" s="93" t="s">
        <v>4513</v>
      </c>
      <c r="D6423" s="93" t="s">
        <v>15198</v>
      </c>
      <c r="E6423" s="93">
        <v>1987</v>
      </c>
      <c r="F6423" s="93">
        <v>979</v>
      </c>
      <c r="G6423" s="93" t="s">
        <v>1</v>
      </c>
      <c r="H6423" s="111">
        <v>0</v>
      </c>
      <c r="I6423" s="111">
        <v>0</v>
      </c>
      <c r="J6423" s="111">
        <v>0</v>
      </c>
      <c r="K6423" s="111">
        <v>0</v>
      </c>
      <c r="L6423" s="111">
        <v>0</v>
      </c>
      <c r="M6423" s="111">
        <v>0</v>
      </c>
      <c r="N6423" s="111">
        <v>0</v>
      </c>
      <c r="O6423" s="111">
        <v>0</v>
      </c>
      <c r="P6423" s="111">
        <v>1</v>
      </c>
      <c r="Q6423" s="111">
        <v>0</v>
      </c>
      <c r="R6423" s="111">
        <v>0</v>
      </c>
      <c r="S6423" s="111">
        <v>0</v>
      </c>
      <c r="T6423" s="111">
        <v>0</v>
      </c>
      <c r="U6423" s="145"/>
      <c r="V6423" s="145"/>
      <c r="W6423" s="145"/>
      <c r="X6423" s="145"/>
      <c r="Y6423" s="145"/>
      <c r="Z6423" s="145"/>
      <c r="AA6423" s="145"/>
      <c r="AB6423" s="145"/>
      <c r="AC6423" s="145"/>
      <c r="AD6423" s="145"/>
      <c r="AE6423" s="145"/>
      <c r="AF6423" s="145"/>
      <c r="AG6423" s="145"/>
      <c r="AH6423" s="145"/>
      <c r="AI6423" s="145"/>
      <c r="AJ6423" s="145"/>
      <c r="AK6423" s="145"/>
      <c r="AL6423" s="145"/>
      <c r="AM6423" s="145"/>
      <c r="AN6423" s="145"/>
      <c r="AO6423" s="145"/>
      <c r="AP6423" s="145"/>
      <c r="AQ6423" s="145"/>
      <c r="AR6423" s="145"/>
      <c r="AS6423" s="145"/>
      <c r="AT6423" s="145"/>
      <c r="AU6423" s="145"/>
      <c r="AV6423" s="145"/>
      <c r="AW6423" s="145"/>
      <c r="AX6423" s="146" t="s">
        <v>15106</v>
      </c>
      <c r="AY6423" s="146" t="s">
        <v>15106</v>
      </c>
      <c r="AZ6423" s="146" t="s">
        <v>15106</v>
      </c>
      <c r="BA6423" s="146" t="s">
        <v>15106</v>
      </c>
      <c r="BB6423" s="107">
        <v>45884</v>
      </c>
    </row>
    <row r="6424" spans="1:54" ht="13.95" customHeight="1" x14ac:dyDescent="0.25">
      <c r="A6424" s="14" t="s">
        <v>15199</v>
      </c>
      <c r="B6424" s="109" t="s">
        <v>15103</v>
      </c>
      <c r="C6424" s="93" t="s">
        <v>15200</v>
      </c>
      <c r="D6424" s="93" t="s">
        <v>15201</v>
      </c>
      <c r="E6424" s="93">
        <v>1976</v>
      </c>
      <c r="F6424" s="93">
        <v>1012</v>
      </c>
      <c r="G6424" s="93" t="s">
        <v>1</v>
      </c>
      <c r="H6424" s="111">
        <v>0</v>
      </c>
      <c r="I6424" s="111">
        <v>0</v>
      </c>
      <c r="J6424" s="111">
        <v>1</v>
      </c>
      <c r="K6424" s="111">
        <v>0</v>
      </c>
      <c r="L6424" s="111">
        <v>1</v>
      </c>
      <c r="M6424" s="111">
        <v>0</v>
      </c>
      <c r="N6424" s="111">
        <v>0</v>
      </c>
      <c r="O6424" s="111">
        <v>0</v>
      </c>
      <c r="P6424" s="111">
        <v>1</v>
      </c>
      <c r="Q6424" s="111">
        <v>0</v>
      </c>
      <c r="R6424" s="111">
        <v>0</v>
      </c>
      <c r="S6424" s="111">
        <v>0</v>
      </c>
      <c r="T6424" s="111">
        <v>0</v>
      </c>
      <c r="U6424" s="145"/>
      <c r="V6424" s="145"/>
      <c r="W6424" s="145"/>
      <c r="X6424" s="145"/>
      <c r="Y6424" s="145"/>
      <c r="Z6424" s="145"/>
      <c r="AA6424" s="145"/>
      <c r="AB6424" s="145"/>
      <c r="AC6424" s="145"/>
      <c r="AD6424" s="145"/>
      <c r="AE6424" s="145"/>
      <c r="AF6424" s="145"/>
      <c r="AG6424" s="145"/>
      <c r="AH6424" s="145"/>
      <c r="AI6424" s="145"/>
      <c r="AJ6424" s="145"/>
      <c r="AK6424" s="145"/>
      <c r="AL6424" s="145"/>
      <c r="AM6424" s="145"/>
      <c r="AN6424" s="145"/>
      <c r="AO6424" s="145"/>
      <c r="AP6424" s="145"/>
      <c r="AQ6424" s="145"/>
      <c r="AR6424" s="145"/>
      <c r="AS6424" s="145"/>
      <c r="AT6424" s="145"/>
      <c r="AU6424" s="145"/>
      <c r="AV6424" s="145"/>
      <c r="AW6424" s="145"/>
      <c r="AX6424" s="146" t="s">
        <v>15106</v>
      </c>
      <c r="AY6424" s="146" t="s">
        <v>15106</v>
      </c>
      <c r="AZ6424" s="146" t="s">
        <v>15106</v>
      </c>
      <c r="BA6424" s="112" t="s">
        <v>19739</v>
      </c>
      <c r="BB6424" s="107">
        <v>45884</v>
      </c>
    </row>
    <row r="6425" spans="1:54" ht="13.95" customHeight="1" x14ac:dyDescent="0.25">
      <c r="A6425" s="14" t="s">
        <v>15202</v>
      </c>
      <c r="B6425" s="109" t="s">
        <v>15103</v>
      </c>
      <c r="C6425" s="93" t="s">
        <v>15203</v>
      </c>
      <c r="D6425" s="93" t="s">
        <v>15204</v>
      </c>
      <c r="E6425" s="93">
        <v>1979</v>
      </c>
      <c r="F6425" s="93">
        <v>1020</v>
      </c>
      <c r="G6425" s="93" t="s">
        <v>1</v>
      </c>
      <c r="H6425" s="111">
        <v>0</v>
      </c>
      <c r="I6425" s="111">
        <v>0</v>
      </c>
      <c r="J6425" s="111">
        <v>0</v>
      </c>
      <c r="K6425" s="111">
        <v>0</v>
      </c>
      <c r="L6425" s="111">
        <v>0</v>
      </c>
      <c r="M6425" s="111">
        <v>0</v>
      </c>
      <c r="N6425" s="111">
        <v>0</v>
      </c>
      <c r="O6425" s="111">
        <v>0</v>
      </c>
      <c r="P6425" s="111">
        <v>0</v>
      </c>
      <c r="Q6425" s="111">
        <v>0</v>
      </c>
      <c r="R6425" s="111">
        <v>0</v>
      </c>
      <c r="S6425" s="111">
        <v>0</v>
      </c>
      <c r="T6425" s="111">
        <v>0</v>
      </c>
      <c r="U6425" s="145"/>
      <c r="V6425" s="145"/>
      <c r="W6425" s="145"/>
      <c r="X6425" s="145"/>
      <c r="Y6425" s="145"/>
      <c r="Z6425" s="145"/>
      <c r="AA6425" s="145"/>
      <c r="AB6425" s="145"/>
      <c r="AC6425" s="145"/>
      <c r="AD6425" s="145"/>
      <c r="AE6425" s="145"/>
      <c r="AF6425" s="145"/>
      <c r="AG6425" s="145"/>
      <c r="AH6425" s="145"/>
      <c r="AI6425" s="145"/>
      <c r="AJ6425" s="145"/>
      <c r="AK6425" s="145"/>
      <c r="AL6425" s="145"/>
      <c r="AM6425" s="145"/>
      <c r="AN6425" s="145"/>
      <c r="AO6425" s="145"/>
      <c r="AP6425" s="145"/>
      <c r="AQ6425" s="145"/>
      <c r="AR6425" s="145"/>
      <c r="AS6425" s="145"/>
      <c r="AT6425" s="145"/>
      <c r="AU6425" s="145"/>
      <c r="AV6425" s="145"/>
      <c r="AW6425" s="145"/>
      <c r="AX6425" s="146" t="s">
        <v>15106</v>
      </c>
      <c r="AY6425" s="146" t="s">
        <v>15106</v>
      </c>
      <c r="AZ6425" s="146" t="s">
        <v>15106</v>
      </c>
      <c r="BA6425" s="146" t="s">
        <v>15106</v>
      </c>
      <c r="BB6425" s="107">
        <v>45884</v>
      </c>
    </row>
    <row r="6426" spans="1:54" ht="13.95" customHeight="1" x14ac:dyDescent="0.25">
      <c r="A6426" s="14" t="s">
        <v>15205</v>
      </c>
      <c r="B6426" s="109" t="s">
        <v>15103</v>
      </c>
      <c r="C6426" s="93" t="s">
        <v>15206</v>
      </c>
      <c r="D6426" s="93" t="s">
        <v>15207</v>
      </c>
      <c r="E6426" s="93">
        <v>1979</v>
      </c>
      <c r="F6426" s="93">
        <v>1028</v>
      </c>
      <c r="G6426" s="93" t="s">
        <v>1</v>
      </c>
      <c r="H6426" s="111">
        <v>0</v>
      </c>
      <c r="I6426" s="111">
        <v>0</v>
      </c>
      <c r="J6426" s="111">
        <v>0</v>
      </c>
      <c r="K6426" s="111">
        <v>0</v>
      </c>
      <c r="L6426" s="111">
        <v>1</v>
      </c>
      <c r="M6426" s="111">
        <v>0</v>
      </c>
      <c r="N6426" s="111">
        <v>0</v>
      </c>
      <c r="O6426" s="111">
        <v>0</v>
      </c>
      <c r="P6426" s="111">
        <v>0</v>
      </c>
      <c r="Q6426" s="111">
        <v>0</v>
      </c>
      <c r="R6426" s="111">
        <v>0</v>
      </c>
      <c r="S6426" s="111">
        <v>0</v>
      </c>
      <c r="T6426" s="111">
        <v>0</v>
      </c>
      <c r="U6426" s="145"/>
      <c r="V6426" s="145"/>
      <c r="W6426" s="145"/>
      <c r="X6426" s="145"/>
      <c r="Y6426" s="145"/>
      <c r="Z6426" s="145"/>
      <c r="AA6426" s="145"/>
      <c r="AB6426" s="145"/>
      <c r="AC6426" s="145"/>
      <c r="AD6426" s="145"/>
      <c r="AE6426" s="145"/>
      <c r="AF6426" s="145"/>
      <c r="AG6426" s="145"/>
      <c r="AH6426" s="145"/>
      <c r="AI6426" s="145"/>
      <c r="AJ6426" s="145"/>
      <c r="AK6426" s="145"/>
      <c r="AL6426" s="145"/>
      <c r="AM6426" s="145"/>
      <c r="AN6426" s="145"/>
      <c r="AO6426" s="145"/>
      <c r="AP6426" s="145"/>
      <c r="AQ6426" s="145"/>
      <c r="AR6426" s="145"/>
      <c r="AS6426" s="145"/>
      <c r="AT6426" s="145"/>
      <c r="AU6426" s="145"/>
      <c r="AV6426" s="145"/>
      <c r="AW6426" s="145"/>
      <c r="AX6426" s="146" t="s">
        <v>15106</v>
      </c>
      <c r="AY6426" s="146" t="s">
        <v>15106</v>
      </c>
      <c r="AZ6426" s="146" t="s">
        <v>15106</v>
      </c>
      <c r="BA6426" s="146" t="s">
        <v>15106</v>
      </c>
      <c r="BB6426" s="107">
        <v>45884</v>
      </c>
    </row>
    <row r="6427" spans="1:54" ht="13.95" customHeight="1" x14ac:dyDescent="0.25">
      <c r="A6427" s="14" t="s">
        <v>15208</v>
      </c>
      <c r="B6427" s="109" t="s">
        <v>15103</v>
      </c>
      <c r="C6427" s="93" t="s">
        <v>15209</v>
      </c>
      <c r="D6427" s="93" t="s">
        <v>15210</v>
      </c>
      <c r="E6427" s="93">
        <v>2005</v>
      </c>
      <c r="F6427" s="93">
        <v>1041</v>
      </c>
      <c r="G6427" s="93" t="s">
        <v>1</v>
      </c>
      <c r="H6427" s="111">
        <v>0</v>
      </c>
      <c r="I6427" s="111">
        <v>0</v>
      </c>
      <c r="J6427" s="111">
        <v>0</v>
      </c>
      <c r="K6427" s="111">
        <v>0</v>
      </c>
      <c r="L6427" s="111">
        <v>0</v>
      </c>
      <c r="M6427" s="111">
        <v>0</v>
      </c>
      <c r="N6427" s="111">
        <v>0</v>
      </c>
      <c r="O6427" s="111">
        <v>0</v>
      </c>
      <c r="P6427" s="111">
        <v>0</v>
      </c>
      <c r="Q6427" s="111">
        <v>0</v>
      </c>
      <c r="R6427" s="111">
        <v>0</v>
      </c>
      <c r="S6427" s="111">
        <v>0</v>
      </c>
      <c r="T6427" s="111">
        <v>0</v>
      </c>
      <c r="U6427" s="145"/>
      <c r="V6427" s="145"/>
      <c r="W6427" s="145"/>
      <c r="X6427" s="145"/>
      <c r="Y6427" s="145"/>
      <c r="Z6427" s="145"/>
      <c r="AA6427" s="145"/>
      <c r="AB6427" s="145"/>
      <c r="AC6427" s="145"/>
      <c r="AD6427" s="145"/>
      <c r="AE6427" s="145"/>
      <c r="AF6427" s="145"/>
      <c r="AG6427" s="145"/>
      <c r="AH6427" s="145"/>
      <c r="AI6427" s="145"/>
      <c r="AJ6427" s="145"/>
      <c r="AK6427" s="145"/>
      <c r="AL6427" s="145"/>
      <c r="AM6427" s="145"/>
      <c r="AN6427" s="145"/>
      <c r="AO6427" s="145"/>
      <c r="AP6427" s="145"/>
      <c r="AQ6427" s="145"/>
      <c r="AR6427" s="145"/>
      <c r="AS6427" s="145"/>
      <c r="AT6427" s="145"/>
      <c r="AU6427" s="145"/>
      <c r="AV6427" s="145"/>
      <c r="AW6427" s="145"/>
      <c r="AX6427" s="146" t="s">
        <v>15106</v>
      </c>
      <c r="AY6427" s="146" t="s">
        <v>15106</v>
      </c>
      <c r="AZ6427" s="146" t="s">
        <v>15106</v>
      </c>
      <c r="BA6427" s="146" t="s">
        <v>15106</v>
      </c>
      <c r="BB6427" s="107">
        <v>45884</v>
      </c>
    </row>
    <row r="6428" spans="1:54" ht="13.95" customHeight="1" x14ac:dyDescent="0.25">
      <c r="A6428" s="14" t="s">
        <v>15211</v>
      </c>
      <c r="B6428" s="109" t="s">
        <v>15103</v>
      </c>
      <c r="C6428" s="93" t="s">
        <v>15212</v>
      </c>
      <c r="D6428" s="93" t="s">
        <v>15213</v>
      </c>
      <c r="E6428" s="93">
        <v>1976</v>
      </c>
      <c r="F6428" s="93">
        <v>1170</v>
      </c>
      <c r="G6428" s="93" t="s">
        <v>1</v>
      </c>
      <c r="H6428" s="111">
        <v>0</v>
      </c>
      <c r="I6428" s="111">
        <v>0</v>
      </c>
      <c r="J6428" s="111">
        <v>1</v>
      </c>
      <c r="K6428" s="111">
        <v>0</v>
      </c>
      <c r="L6428" s="111">
        <v>1</v>
      </c>
      <c r="M6428" s="111">
        <v>0</v>
      </c>
      <c r="N6428" s="111">
        <v>0</v>
      </c>
      <c r="O6428" s="111">
        <v>0</v>
      </c>
      <c r="P6428" s="111">
        <v>0</v>
      </c>
      <c r="Q6428" s="111">
        <v>0</v>
      </c>
      <c r="R6428" s="111">
        <v>1</v>
      </c>
      <c r="S6428" s="111">
        <v>0</v>
      </c>
      <c r="T6428" s="111">
        <v>0</v>
      </c>
      <c r="U6428" s="145"/>
      <c r="V6428" s="145"/>
      <c r="W6428" s="145"/>
      <c r="X6428" s="145"/>
      <c r="Y6428" s="145"/>
      <c r="Z6428" s="145"/>
      <c r="AA6428" s="145"/>
      <c r="AB6428" s="145"/>
      <c r="AC6428" s="145"/>
      <c r="AD6428" s="145"/>
      <c r="AE6428" s="145"/>
      <c r="AF6428" s="145"/>
      <c r="AG6428" s="145"/>
      <c r="AH6428" s="145"/>
      <c r="AI6428" s="145"/>
      <c r="AJ6428" s="145"/>
      <c r="AK6428" s="145"/>
      <c r="AL6428" s="145"/>
      <c r="AM6428" s="145"/>
      <c r="AN6428" s="145"/>
      <c r="AO6428" s="145"/>
      <c r="AP6428" s="145"/>
      <c r="AQ6428" s="145"/>
      <c r="AR6428" s="145"/>
      <c r="AS6428" s="145"/>
      <c r="AT6428" s="145"/>
      <c r="AU6428" s="145"/>
      <c r="AV6428" s="145"/>
      <c r="AW6428" s="145"/>
      <c r="AX6428" s="146" t="s">
        <v>15106</v>
      </c>
      <c r="AY6428" s="146" t="s">
        <v>15106</v>
      </c>
      <c r="AZ6428" s="146" t="s">
        <v>15106</v>
      </c>
      <c r="BA6428" s="112" t="s">
        <v>21648</v>
      </c>
      <c r="BB6428" s="107">
        <v>45884</v>
      </c>
    </row>
    <row r="6429" spans="1:54" ht="13.95" customHeight="1" x14ac:dyDescent="0.25">
      <c r="A6429" s="14" t="s">
        <v>15214</v>
      </c>
      <c r="B6429" s="109" t="s">
        <v>15103</v>
      </c>
      <c r="C6429" s="93" t="s">
        <v>15215</v>
      </c>
      <c r="D6429" s="93" t="s">
        <v>15216</v>
      </c>
      <c r="E6429" s="93">
        <v>1976</v>
      </c>
      <c r="F6429" s="93">
        <v>1191</v>
      </c>
      <c r="G6429" s="93" t="s">
        <v>1</v>
      </c>
      <c r="H6429" s="111">
        <v>0</v>
      </c>
      <c r="I6429" s="111">
        <v>0</v>
      </c>
      <c r="J6429" s="111">
        <v>1</v>
      </c>
      <c r="K6429" s="111">
        <v>1</v>
      </c>
      <c r="L6429" s="111">
        <v>1</v>
      </c>
      <c r="M6429" s="111">
        <v>0</v>
      </c>
      <c r="N6429" s="111">
        <v>1</v>
      </c>
      <c r="O6429" s="111">
        <v>0</v>
      </c>
      <c r="P6429" s="111">
        <v>0</v>
      </c>
      <c r="Q6429" s="111">
        <v>0</v>
      </c>
      <c r="R6429" s="111">
        <v>1</v>
      </c>
      <c r="S6429" s="111">
        <v>0</v>
      </c>
      <c r="T6429" s="111">
        <v>0</v>
      </c>
      <c r="U6429" s="145"/>
      <c r="V6429" s="145"/>
      <c r="W6429" s="145"/>
      <c r="X6429" s="145"/>
      <c r="Y6429" s="145"/>
      <c r="Z6429" s="145"/>
      <c r="AA6429" s="145"/>
      <c r="AB6429" s="145"/>
      <c r="AC6429" s="145"/>
      <c r="AD6429" s="145"/>
      <c r="AE6429" s="145"/>
      <c r="AF6429" s="145"/>
      <c r="AG6429" s="145"/>
      <c r="AH6429" s="145"/>
      <c r="AI6429" s="145"/>
      <c r="AJ6429" s="145"/>
      <c r="AK6429" s="145"/>
      <c r="AL6429" s="145"/>
      <c r="AM6429" s="145"/>
      <c r="AN6429" s="145"/>
      <c r="AO6429" s="145"/>
      <c r="AP6429" s="145"/>
      <c r="AQ6429" s="145"/>
      <c r="AR6429" s="145"/>
      <c r="AS6429" s="145"/>
      <c r="AT6429" s="145"/>
      <c r="AU6429" s="145"/>
      <c r="AV6429" s="145"/>
      <c r="AW6429" s="145"/>
      <c r="AX6429" s="146" t="s">
        <v>15106</v>
      </c>
      <c r="AY6429" s="146" t="s">
        <v>15106</v>
      </c>
      <c r="AZ6429" s="146" t="s">
        <v>15106</v>
      </c>
      <c r="BA6429" s="146"/>
      <c r="BB6429" s="107">
        <v>45884</v>
      </c>
    </row>
    <row r="6430" spans="1:54" ht="13.95" customHeight="1" x14ac:dyDescent="0.25">
      <c r="A6430" s="14" t="s">
        <v>15217</v>
      </c>
      <c r="B6430" s="109" t="s">
        <v>15103</v>
      </c>
      <c r="C6430" s="93" t="s">
        <v>15218</v>
      </c>
      <c r="D6430" s="93" t="s">
        <v>15219</v>
      </c>
      <c r="E6430" s="93">
        <v>1976</v>
      </c>
      <c r="F6430" s="93">
        <v>1236</v>
      </c>
      <c r="G6430" s="93" t="s">
        <v>1</v>
      </c>
      <c r="H6430" s="111">
        <v>0</v>
      </c>
      <c r="I6430" s="111">
        <v>0</v>
      </c>
      <c r="J6430" s="111">
        <v>1</v>
      </c>
      <c r="K6430" s="111">
        <v>1</v>
      </c>
      <c r="L6430" s="111">
        <v>0</v>
      </c>
      <c r="M6430" s="111">
        <v>0</v>
      </c>
      <c r="N6430" s="111">
        <v>0</v>
      </c>
      <c r="O6430" s="111">
        <v>0</v>
      </c>
      <c r="P6430" s="111">
        <v>0</v>
      </c>
      <c r="Q6430" s="111">
        <v>0</v>
      </c>
      <c r="R6430" s="111">
        <v>0</v>
      </c>
      <c r="S6430" s="111">
        <v>0</v>
      </c>
      <c r="T6430" s="111">
        <v>1</v>
      </c>
      <c r="U6430" s="145"/>
      <c r="V6430" s="145"/>
      <c r="W6430" s="145"/>
      <c r="X6430" s="145"/>
      <c r="Y6430" s="145"/>
      <c r="Z6430" s="145"/>
      <c r="AA6430" s="145"/>
      <c r="AB6430" s="145"/>
      <c r="AC6430" s="145"/>
      <c r="AD6430" s="145"/>
      <c r="AE6430" s="145"/>
      <c r="AF6430" s="145"/>
      <c r="AG6430" s="145"/>
      <c r="AH6430" s="145"/>
      <c r="AI6430" s="145"/>
      <c r="AJ6430" s="145"/>
      <c r="AK6430" s="145"/>
      <c r="AL6430" s="145"/>
      <c r="AM6430" s="145"/>
      <c r="AN6430" s="145"/>
      <c r="AO6430" s="145"/>
      <c r="AP6430" s="145"/>
      <c r="AQ6430" s="145"/>
      <c r="AR6430" s="145"/>
      <c r="AS6430" s="145"/>
      <c r="AT6430" s="145"/>
      <c r="AU6430" s="145"/>
      <c r="AV6430" s="145"/>
      <c r="AW6430" s="145"/>
      <c r="AX6430" s="146" t="s">
        <v>15106</v>
      </c>
      <c r="AY6430" s="146" t="s">
        <v>15106</v>
      </c>
      <c r="AZ6430" s="146" t="s">
        <v>15106</v>
      </c>
      <c r="BA6430" s="146"/>
      <c r="BB6430" s="107">
        <v>45884</v>
      </c>
    </row>
    <row r="6431" spans="1:54" ht="13.95" customHeight="1" x14ac:dyDescent="0.25">
      <c r="A6431" s="14" t="s">
        <v>15220</v>
      </c>
      <c r="B6431" s="109" t="s">
        <v>15103</v>
      </c>
      <c r="C6431" s="93" t="s">
        <v>15221</v>
      </c>
      <c r="D6431" s="93" t="s">
        <v>15222</v>
      </c>
      <c r="E6431" s="93">
        <v>1976</v>
      </c>
      <c r="F6431" s="93">
        <v>1408</v>
      </c>
      <c r="G6431" s="93" t="s">
        <v>1</v>
      </c>
      <c r="H6431" s="111">
        <v>0</v>
      </c>
      <c r="I6431" s="111">
        <v>0</v>
      </c>
      <c r="J6431" s="111">
        <v>1</v>
      </c>
      <c r="K6431" s="111">
        <v>0</v>
      </c>
      <c r="L6431" s="111">
        <v>1</v>
      </c>
      <c r="M6431" s="111">
        <v>0</v>
      </c>
      <c r="N6431" s="111">
        <v>0</v>
      </c>
      <c r="O6431" s="111">
        <v>0</v>
      </c>
      <c r="P6431" s="111">
        <v>1</v>
      </c>
      <c r="Q6431" s="111">
        <v>0</v>
      </c>
      <c r="R6431" s="111">
        <v>0</v>
      </c>
      <c r="S6431" s="111">
        <v>0</v>
      </c>
      <c r="T6431" s="111">
        <v>0</v>
      </c>
      <c r="U6431" s="145"/>
      <c r="V6431" s="145"/>
      <c r="W6431" s="145"/>
      <c r="X6431" s="145"/>
      <c r="Y6431" s="145"/>
      <c r="Z6431" s="145"/>
      <c r="AA6431" s="111">
        <v>1</v>
      </c>
      <c r="AB6431" s="145"/>
      <c r="AC6431" s="145"/>
      <c r="AD6431" s="145"/>
      <c r="AE6431" s="145"/>
      <c r="AF6431" s="145"/>
      <c r="AG6431" s="145"/>
      <c r="AH6431" s="145"/>
      <c r="AI6431" s="145"/>
      <c r="AJ6431" s="145"/>
      <c r="AK6431" s="145"/>
      <c r="AL6431" s="145"/>
      <c r="AM6431" s="145"/>
      <c r="AN6431" s="145"/>
      <c r="AO6431" s="145"/>
      <c r="AP6431" s="145"/>
      <c r="AQ6431" s="145"/>
      <c r="AR6431" s="145"/>
      <c r="AS6431" s="145"/>
      <c r="AT6431" s="145"/>
      <c r="AU6431" s="145"/>
      <c r="AV6431" s="145"/>
      <c r="AW6431" s="145"/>
      <c r="AX6431" s="146" t="s">
        <v>15106</v>
      </c>
      <c r="AY6431" s="146" t="s">
        <v>15106</v>
      </c>
      <c r="AZ6431" s="146" t="s">
        <v>15106</v>
      </c>
      <c r="BA6431" s="146" t="s">
        <v>15106</v>
      </c>
      <c r="BB6431" s="107">
        <v>45884</v>
      </c>
    </row>
    <row r="6432" spans="1:54" ht="13.95" customHeight="1" x14ac:dyDescent="0.25">
      <c r="A6432" s="14" t="s">
        <v>15223</v>
      </c>
      <c r="B6432" s="109" t="s">
        <v>15103</v>
      </c>
      <c r="C6432" s="93" t="s">
        <v>15224</v>
      </c>
      <c r="D6432" s="93" t="s">
        <v>15225</v>
      </c>
      <c r="E6432" s="93">
        <v>1976</v>
      </c>
      <c r="F6432" s="93">
        <v>1453</v>
      </c>
      <c r="G6432" s="93" t="s">
        <v>1</v>
      </c>
      <c r="H6432" s="111">
        <v>0</v>
      </c>
      <c r="I6432" s="111">
        <v>0</v>
      </c>
      <c r="J6432" s="111">
        <v>1</v>
      </c>
      <c r="K6432" s="111">
        <v>0</v>
      </c>
      <c r="L6432" s="111">
        <v>1</v>
      </c>
      <c r="M6432" s="111">
        <v>1</v>
      </c>
      <c r="N6432" s="111">
        <v>0</v>
      </c>
      <c r="O6432" s="111">
        <v>1</v>
      </c>
      <c r="P6432" s="111">
        <v>0</v>
      </c>
      <c r="Q6432" s="111">
        <v>0</v>
      </c>
      <c r="R6432" s="111">
        <v>1</v>
      </c>
      <c r="S6432" s="111">
        <v>0</v>
      </c>
      <c r="T6432" s="111">
        <v>0</v>
      </c>
      <c r="U6432" s="145"/>
      <c r="V6432" s="145"/>
      <c r="W6432" s="145"/>
      <c r="X6432" s="145"/>
      <c r="Y6432" s="145"/>
      <c r="Z6432" s="145"/>
      <c r="AA6432" s="145"/>
      <c r="AB6432" s="145"/>
      <c r="AC6432" s="145"/>
      <c r="AD6432" s="145"/>
      <c r="AE6432" s="145"/>
      <c r="AF6432" s="145"/>
      <c r="AG6432" s="145"/>
      <c r="AH6432" s="145"/>
      <c r="AI6432" s="145"/>
      <c r="AJ6432" s="145"/>
      <c r="AK6432" s="145"/>
      <c r="AL6432" s="145"/>
      <c r="AM6432" s="145"/>
      <c r="AN6432" s="145"/>
      <c r="AO6432" s="145"/>
      <c r="AP6432" s="145"/>
      <c r="AQ6432" s="145"/>
      <c r="AR6432" s="145"/>
      <c r="AS6432" s="145"/>
      <c r="AT6432" s="145"/>
      <c r="AU6432" s="145"/>
      <c r="AV6432" s="145"/>
      <c r="AW6432" s="145"/>
      <c r="AX6432" s="146" t="s">
        <v>15106</v>
      </c>
      <c r="AY6432" s="146" t="s">
        <v>15106</v>
      </c>
      <c r="AZ6432" s="146" t="s">
        <v>15106</v>
      </c>
      <c r="BA6432" s="112" t="s">
        <v>21649</v>
      </c>
      <c r="BB6432" s="107">
        <v>45884</v>
      </c>
    </row>
    <row r="6433" spans="1:54" ht="13.95" customHeight="1" x14ac:dyDescent="0.25">
      <c r="A6433" s="14" t="s">
        <v>15226</v>
      </c>
      <c r="B6433" s="109" t="s">
        <v>15103</v>
      </c>
      <c r="C6433" s="93" t="s">
        <v>15227</v>
      </c>
      <c r="D6433" s="93" t="s">
        <v>15228</v>
      </c>
      <c r="E6433" s="93">
        <v>1976</v>
      </c>
      <c r="F6433" s="93">
        <v>1615</v>
      </c>
      <c r="G6433" s="93" t="s">
        <v>1</v>
      </c>
      <c r="H6433" s="111">
        <v>0</v>
      </c>
      <c r="I6433" s="111">
        <v>0</v>
      </c>
      <c r="J6433" s="111">
        <v>0</v>
      </c>
      <c r="K6433" s="111">
        <v>0</v>
      </c>
      <c r="L6433" s="111">
        <v>1</v>
      </c>
      <c r="M6433" s="111">
        <v>0</v>
      </c>
      <c r="N6433" s="111">
        <v>0</v>
      </c>
      <c r="O6433" s="111">
        <v>1</v>
      </c>
      <c r="P6433" s="111">
        <v>1</v>
      </c>
      <c r="Q6433" s="111">
        <v>0</v>
      </c>
      <c r="R6433" s="111">
        <v>0</v>
      </c>
      <c r="S6433" s="111">
        <v>1</v>
      </c>
      <c r="T6433" s="111">
        <v>0</v>
      </c>
      <c r="U6433" s="145"/>
      <c r="V6433" s="145"/>
      <c r="W6433" s="145"/>
      <c r="X6433" s="145"/>
      <c r="Y6433" s="145"/>
      <c r="Z6433" s="145"/>
      <c r="AA6433" s="145"/>
      <c r="AB6433" s="145"/>
      <c r="AC6433" s="145"/>
      <c r="AD6433" s="145"/>
      <c r="AE6433" s="145"/>
      <c r="AF6433" s="145"/>
      <c r="AG6433" s="145"/>
      <c r="AH6433" s="145"/>
      <c r="AI6433" s="145"/>
      <c r="AJ6433" s="145"/>
      <c r="AK6433" s="145"/>
      <c r="AL6433" s="145"/>
      <c r="AM6433" s="145"/>
      <c r="AN6433" s="145"/>
      <c r="AO6433" s="145"/>
      <c r="AP6433" s="145"/>
      <c r="AQ6433" s="145"/>
      <c r="AR6433" s="145"/>
      <c r="AS6433" s="145"/>
      <c r="AT6433" s="145"/>
      <c r="AU6433" s="145"/>
      <c r="AV6433" s="145"/>
      <c r="AW6433" s="145"/>
      <c r="AX6433" s="146" t="s">
        <v>15106</v>
      </c>
      <c r="AY6433" s="146" t="s">
        <v>15106</v>
      </c>
      <c r="AZ6433" s="146" t="s">
        <v>15106</v>
      </c>
      <c r="BA6433" s="146" t="s">
        <v>15106</v>
      </c>
      <c r="BB6433" s="107">
        <v>45884</v>
      </c>
    </row>
    <row r="6434" spans="1:54" ht="13.95" customHeight="1" x14ac:dyDescent="0.25">
      <c r="A6434" s="14" t="s">
        <v>15229</v>
      </c>
      <c r="B6434" s="109" t="s">
        <v>15103</v>
      </c>
      <c r="C6434" s="93" t="s">
        <v>15230</v>
      </c>
      <c r="D6434" s="93" t="s">
        <v>15231</v>
      </c>
      <c r="E6434" s="93">
        <v>1993</v>
      </c>
      <c r="F6434" s="93">
        <v>1861</v>
      </c>
      <c r="G6434" s="93" t="s">
        <v>1</v>
      </c>
      <c r="H6434" s="111">
        <v>0</v>
      </c>
      <c r="I6434" s="111">
        <v>0</v>
      </c>
      <c r="J6434" s="111">
        <v>1</v>
      </c>
      <c r="K6434" s="111">
        <v>0</v>
      </c>
      <c r="L6434" s="111">
        <v>0</v>
      </c>
      <c r="M6434" s="111">
        <v>0</v>
      </c>
      <c r="N6434" s="111">
        <v>0</v>
      </c>
      <c r="O6434" s="111">
        <v>0</v>
      </c>
      <c r="P6434" s="111">
        <v>0</v>
      </c>
      <c r="Q6434" s="111">
        <v>0</v>
      </c>
      <c r="R6434" s="111">
        <v>0</v>
      </c>
      <c r="S6434" s="111">
        <v>1</v>
      </c>
      <c r="T6434" s="111">
        <v>0</v>
      </c>
      <c r="U6434" s="145"/>
      <c r="V6434" s="145"/>
      <c r="W6434" s="145"/>
      <c r="X6434" s="145"/>
      <c r="Y6434" s="145"/>
      <c r="Z6434" s="145"/>
      <c r="AA6434" s="145"/>
      <c r="AB6434" s="145"/>
      <c r="AC6434" s="145"/>
      <c r="AD6434" s="145"/>
      <c r="AE6434" s="145"/>
      <c r="AF6434" s="145"/>
      <c r="AG6434" s="145"/>
      <c r="AH6434" s="145"/>
      <c r="AI6434" s="145"/>
      <c r="AJ6434" s="145"/>
      <c r="AK6434" s="145"/>
      <c r="AL6434" s="145"/>
      <c r="AM6434" s="145"/>
      <c r="AN6434" s="145"/>
      <c r="AO6434" s="145"/>
      <c r="AP6434" s="145"/>
      <c r="AQ6434" s="145"/>
      <c r="AR6434" s="145"/>
      <c r="AS6434" s="145"/>
      <c r="AT6434" s="145"/>
      <c r="AU6434" s="145"/>
      <c r="AV6434" s="145"/>
      <c r="AW6434" s="145"/>
      <c r="AX6434" s="146" t="s">
        <v>15106</v>
      </c>
      <c r="AY6434" s="146" t="s">
        <v>15106</v>
      </c>
      <c r="AZ6434" s="146" t="s">
        <v>15106</v>
      </c>
      <c r="BA6434" s="146" t="s">
        <v>15106</v>
      </c>
      <c r="BB6434" s="107">
        <v>45884</v>
      </c>
    </row>
    <row r="6435" spans="1:54" ht="13.95" customHeight="1" x14ac:dyDescent="0.25">
      <c r="A6435" s="14" t="s">
        <v>15232</v>
      </c>
      <c r="B6435" s="109" t="s">
        <v>15103</v>
      </c>
      <c r="C6435" s="93" t="s">
        <v>15233</v>
      </c>
      <c r="D6435" s="93" t="s">
        <v>15234</v>
      </c>
      <c r="E6435" s="93">
        <v>1976</v>
      </c>
      <c r="F6435" s="93">
        <v>2094</v>
      </c>
      <c r="G6435" s="93" t="s">
        <v>1</v>
      </c>
      <c r="H6435" s="111">
        <v>0</v>
      </c>
      <c r="I6435" s="111">
        <v>0</v>
      </c>
      <c r="J6435" s="111">
        <v>0</v>
      </c>
      <c r="K6435" s="111">
        <v>0</v>
      </c>
      <c r="L6435" s="111">
        <v>0</v>
      </c>
      <c r="M6435" s="111">
        <v>1</v>
      </c>
      <c r="N6435" s="111">
        <v>0</v>
      </c>
      <c r="O6435" s="111">
        <v>0</v>
      </c>
      <c r="P6435" s="111">
        <v>0</v>
      </c>
      <c r="Q6435" s="111">
        <v>0</v>
      </c>
      <c r="R6435" s="111">
        <v>0</v>
      </c>
      <c r="S6435" s="111">
        <v>0</v>
      </c>
      <c r="T6435" s="111">
        <v>0</v>
      </c>
      <c r="U6435" s="145"/>
      <c r="V6435" s="145"/>
      <c r="W6435" s="145"/>
      <c r="X6435" s="145"/>
      <c r="Y6435" s="145"/>
      <c r="Z6435" s="145"/>
      <c r="AA6435" s="145"/>
      <c r="AB6435" s="145"/>
      <c r="AC6435" s="145"/>
      <c r="AD6435" s="145"/>
      <c r="AE6435" s="145"/>
      <c r="AF6435" s="145"/>
      <c r="AG6435" s="145"/>
      <c r="AH6435" s="145"/>
      <c r="AI6435" s="145"/>
      <c r="AJ6435" s="145"/>
      <c r="AK6435" s="145"/>
      <c r="AL6435" s="145"/>
      <c r="AM6435" s="145"/>
      <c r="AN6435" s="145"/>
      <c r="AO6435" s="145"/>
      <c r="AP6435" s="145"/>
      <c r="AQ6435" s="145"/>
      <c r="AR6435" s="145"/>
      <c r="AS6435" s="145"/>
      <c r="AT6435" s="145"/>
      <c r="AU6435" s="145"/>
      <c r="AV6435" s="145"/>
      <c r="AW6435" s="145"/>
      <c r="AX6435" s="146" t="s">
        <v>15106</v>
      </c>
      <c r="AY6435" s="146" t="s">
        <v>15106</v>
      </c>
      <c r="AZ6435" s="146" t="s">
        <v>15106</v>
      </c>
      <c r="BA6435" s="146" t="s">
        <v>15106</v>
      </c>
      <c r="BB6435" s="107">
        <v>45884</v>
      </c>
    </row>
    <row r="6436" spans="1:54" ht="13.95" customHeight="1" x14ac:dyDescent="0.25">
      <c r="A6436" s="14" t="s">
        <v>15235</v>
      </c>
      <c r="B6436" s="109" t="s">
        <v>15103</v>
      </c>
      <c r="C6436" s="93" t="s">
        <v>15236</v>
      </c>
      <c r="D6436" s="93" t="s">
        <v>15237</v>
      </c>
      <c r="E6436" s="93">
        <v>1979</v>
      </c>
      <c r="F6436" s="93">
        <v>2120</v>
      </c>
      <c r="G6436" s="93" t="s">
        <v>1</v>
      </c>
      <c r="H6436" s="111">
        <v>0</v>
      </c>
      <c r="I6436" s="111">
        <v>0</v>
      </c>
      <c r="J6436" s="111">
        <v>1</v>
      </c>
      <c r="K6436" s="111">
        <v>0</v>
      </c>
      <c r="L6436" s="111">
        <v>1</v>
      </c>
      <c r="M6436" s="111">
        <v>0</v>
      </c>
      <c r="N6436" s="111">
        <v>0</v>
      </c>
      <c r="O6436" s="111">
        <v>0</v>
      </c>
      <c r="P6436" s="111">
        <v>0</v>
      </c>
      <c r="Q6436" s="111">
        <v>0</v>
      </c>
      <c r="R6436" s="111">
        <v>0</v>
      </c>
      <c r="S6436" s="111">
        <v>0</v>
      </c>
      <c r="T6436" s="111">
        <v>0</v>
      </c>
      <c r="U6436" s="145"/>
      <c r="V6436" s="145"/>
      <c r="W6436" s="145"/>
      <c r="X6436" s="145"/>
      <c r="Y6436" s="145"/>
      <c r="Z6436" s="145"/>
      <c r="AA6436" s="111">
        <v>1</v>
      </c>
      <c r="AB6436" s="145"/>
      <c r="AC6436" s="145"/>
      <c r="AD6436" s="145"/>
      <c r="AE6436" s="145"/>
      <c r="AF6436" s="145"/>
      <c r="AG6436" s="145"/>
      <c r="AH6436" s="145"/>
      <c r="AI6436" s="145"/>
      <c r="AJ6436" s="145"/>
      <c r="AK6436" s="145"/>
      <c r="AL6436" s="145"/>
      <c r="AM6436" s="145"/>
      <c r="AN6436" s="145"/>
      <c r="AO6436" s="145"/>
      <c r="AP6436" s="145"/>
      <c r="AQ6436" s="145"/>
      <c r="AR6436" s="145"/>
      <c r="AS6436" s="145"/>
      <c r="AT6436" s="145"/>
      <c r="AU6436" s="145"/>
      <c r="AV6436" s="145"/>
      <c r="AW6436" s="145"/>
      <c r="AX6436" s="146" t="s">
        <v>15106</v>
      </c>
      <c r="AY6436" s="146" t="s">
        <v>15106</v>
      </c>
      <c r="AZ6436" s="146" t="s">
        <v>15106</v>
      </c>
      <c r="BA6436" s="146" t="s">
        <v>15106</v>
      </c>
      <c r="BB6436" s="107">
        <v>45884</v>
      </c>
    </row>
    <row r="6437" spans="1:54" ht="13.95" customHeight="1" x14ac:dyDescent="0.25">
      <c r="A6437" s="14" t="s">
        <v>15238</v>
      </c>
      <c r="B6437" s="109" t="s">
        <v>15103</v>
      </c>
      <c r="C6437" s="93" t="s">
        <v>15239</v>
      </c>
      <c r="D6437" s="93" t="s">
        <v>15240</v>
      </c>
      <c r="E6437" s="93">
        <v>1976</v>
      </c>
      <c r="F6437" s="93">
        <v>2219</v>
      </c>
      <c r="G6437" s="93" t="s">
        <v>1</v>
      </c>
      <c r="H6437" s="111">
        <v>0</v>
      </c>
      <c r="I6437" s="111">
        <v>0</v>
      </c>
      <c r="J6437" s="111">
        <v>0</v>
      </c>
      <c r="K6437" s="111">
        <v>0</v>
      </c>
      <c r="L6437" s="111">
        <v>0</v>
      </c>
      <c r="M6437" s="111">
        <v>1</v>
      </c>
      <c r="N6437" s="111">
        <v>0</v>
      </c>
      <c r="O6437" s="111">
        <v>1</v>
      </c>
      <c r="P6437" s="111">
        <v>0</v>
      </c>
      <c r="Q6437" s="111">
        <v>0</v>
      </c>
      <c r="R6437" s="111">
        <v>0</v>
      </c>
      <c r="S6437" s="111">
        <v>1</v>
      </c>
      <c r="T6437" s="111">
        <v>0</v>
      </c>
      <c r="U6437" s="145"/>
      <c r="V6437" s="145"/>
      <c r="W6437" s="145"/>
      <c r="X6437" s="145"/>
      <c r="Y6437" s="145"/>
      <c r="Z6437" s="145"/>
      <c r="AA6437" s="145"/>
      <c r="AB6437" s="145"/>
      <c r="AC6437" s="145"/>
      <c r="AD6437" s="145"/>
      <c r="AE6437" s="145"/>
      <c r="AF6437" s="145"/>
      <c r="AG6437" s="145"/>
      <c r="AH6437" s="145"/>
      <c r="AI6437" s="145"/>
      <c r="AJ6437" s="145"/>
      <c r="AK6437" s="145"/>
      <c r="AL6437" s="145"/>
      <c r="AM6437" s="145"/>
      <c r="AN6437" s="145"/>
      <c r="AO6437" s="145"/>
      <c r="AP6437" s="145"/>
      <c r="AQ6437" s="145"/>
      <c r="AR6437" s="145"/>
      <c r="AS6437" s="145"/>
      <c r="AT6437" s="145"/>
      <c r="AU6437" s="145"/>
      <c r="AV6437" s="145"/>
      <c r="AW6437" s="145"/>
      <c r="AX6437" s="146" t="s">
        <v>15106</v>
      </c>
      <c r="AY6437" s="146" t="s">
        <v>15106</v>
      </c>
      <c r="AZ6437" s="146" t="s">
        <v>15106</v>
      </c>
      <c r="BA6437" s="146" t="s">
        <v>15106</v>
      </c>
      <c r="BB6437" s="107">
        <v>45884</v>
      </c>
    </row>
    <row r="6438" spans="1:54" ht="13.95" customHeight="1" x14ac:dyDescent="0.25">
      <c r="A6438" s="14" t="s">
        <v>15241</v>
      </c>
      <c r="B6438" s="109" t="s">
        <v>15103</v>
      </c>
      <c r="C6438" s="93" t="s">
        <v>15242</v>
      </c>
      <c r="D6438" s="93" t="s">
        <v>15243</v>
      </c>
      <c r="E6438" s="93">
        <v>1998</v>
      </c>
      <c r="F6438" s="93">
        <v>2440</v>
      </c>
      <c r="G6438" s="93" t="s">
        <v>1</v>
      </c>
      <c r="H6438" s="111">
        <v>0</v>
      </c>
      <c r="I6438" s="111">
        <v>0</v>
      </c>
      <c r="J6438" s="111">
        <v>1</v>
      </c>
      <c r="K6438" s="111">
        <v>0</v>
      </c>
      <c r="L6438" s="111">
        <v>0</v>
      </c>
      <c r="M6438" s="111">
        <v>0</v>
      </c>
      <c r="N6438" s="111">
        <v>0</v>
      </c>
      <c r="O6438" s="111">
        <v>0</v>
      </c>
      <c r="P6438" s="111">
        <v>1</v>
      </c>
      <c r="Q6438" s="111">
        <v>0</v>
      </c>
      <c r="R6438" s="111">
        <v>0</v>
      </c>
      <c r="S6438" s="111">
        <v>0</v>
      </c>
      <c r="T6438" s="111">
        <v>0</v>
      </c>
      <c r="U6438" s="145"/>
      <c r="V6438" s="145"/>
      <c r="W6438" s="145"/>
      <c r="X6438" s="145"/>
      <c r="Y6438" s="145"/>
      <c r="Z6438" s="145"/>
      <c r="AA6438" s="145"/>
      <c r="AB6438" s="145"/>
      <c r="AC6438" s="145"/>
      <c r="AD6438" s="145"/>
      <c r="AE6438" s="145"/>
      <c r="AF6438" s="145"/>
      <c r="AG6438" s="145"/>
      <c r="AH6438" s="145"/>
      <c r="AI6438" s="145"/>
      <c r="AJ6438" s="145"/>
      <c r="AK6438" s="145"/>
      <c r="AL6438" s="145"/>
      <c r="AM6438" s="145"/>
      <c r="AN6438" s="145"/>
      <c r="AO6438" s="145"/>
      <c r="AP6438" s="145"/>
      <c r="AQ6438" s="145"/>
      <c r="AR6438" s="145"/>
      <c r="AS6438" s="145"/>
      <c r="AT6438" s="145"/>
      <c r="AU6438" s="145"/>
      <c r="AV6438" s="145"/>
      <c r="AW6438" s="145"/>
      <c r="AX6438" s="146" t="s">
        <v>15106</v>
      </c>
      <c r="AY6438" s="146" t="s">
        <v>15106</v>
      </c>
      <c r="AZ6438" s="146" t="s">
        <v>15106</v>
      </c>
      <c r="BA6438" s="146" t="s">
        <v>15106</v>
      </c>
      <c r="BB6438" s="107">
        <v>45884</v>
      </c>
    </row>
    <row r="6439" spans="1:54" ht="13.95" customHeight="1" x14ac:dyDescent="0.25">
      <c r="A6439" s="14" t="s">
        <v>15244</v>
      </c>
      <c r="B6439" s="109" t="s">
        <v>15103</v>
      </c>
      <c r="C6439" s="93" t="s">
        <v>15245</v>
      </c>
      <c r="D6439" s="93" t="s">
        <v>15246</v>
      </c>
      <c r="E6439" s="93">
        <v>2004</v>
      </c>
      <c r="F6439" s="93">
        <v>2467</v>
      </c>
      <c r="G6439" s="93" t="s">
        <v>1</v>
      </c>
      <c r="H6439" s="111">
        <v>0</v>
      </c>
      <c r="I6439" s="111">
        <v>0</v>
      </c>
      <c r="J6439" s="111">
        <v>1</v>
      </c>
      <c r="K6439" s="111">
        <v>1</v>
      </c>
      <c r="L6439" s="111">
        <v>1</v>
      </c>
      <c r="M6439" s="111">
        <v>1</v>
      </c>
      <c r="N6439" s="111">
        <v>0</v>
      </c>
      <c r="O6439" s="111">
        <v>0</v>
      </c>
      <c r="P6439" s="111">
        <v>1</v>
      </c>
      <c r="Q6439" s="111">
        <v>0</v>
      </c>
      <c r="R6439" s="111">
        <v>0</v>
      </c>
      <c r="S6439" s="111">
        <v>0</v>
      </c>
      <c r="T6439" s="111">
        <v>0</v>
      </c>
      <c r="U6439" s="145"/>
      <c r="V6439" s="145"/>
      <c r="W6439" s="145"/>
      <c r="X6439" s="145"/>
      <c r="Y6439" s="145"/>
      <c r="Z6439" s="145"/>
      <c r="AA6439" s="145"/>
      <c r="AB6439" s="145"/>
      <c r="AC6439" s="145"/>
      <c r="AD6439" s="145"/>
      <c r="AE6439" s="145"/>
      <c r="AF6439" s="145"/>
      <c r="AG6439" s="145"/>
      <c r="AH6439" s="145"/>
      <c r="AI6439" s="145"/>
      <c r="AJ6439" s="145"/>
      <c r="AK6439" s="145"/>
      <c r="AL6439" s="145"/>
      <c r="AM6439" s="145"/>
      <c r="AN6439" s="145"/>
      <c r="AO6439" s="145"/>
      <c r="AP6439" s="145"/>
      <c r="AQ6439" s="145"/>
      <c r="AR6439" s="145"/>
      <c r="AS6439" s="145"/>
      <c r="AT6439" s="145"/>
      <c r="AU6439" s="145"/>
      <c r="AV6439" s="145"/>
      <c r="AW6439" s="145"/>
      <c r="AX6439" s="146" t="s">
        <v>15106</v>
      </c>
      <c r="AY6439" s="146" t="s">
        <v>15106</v>
      </c>
      <c r="AZ6439" s="146" t="s">
        <v>15106</v>
      </c>
      <c r="BA6439" s="146" t="s">
        <v>15106</v>
      </c>
      <c r="BB6439" s="107">
        <v>45884</v>
      </c>
    </row>
    <row r="6440" spans="1:54" ht="13.95" customHeight="1" x14ac:dyDescent="0.25">
      <c r="A6440" s="14" t="s">
        <v>15247</v>
      </c>
      <c r="B6440" s="109" t="s">
        <v>15103</v>
      </c>
      <c r="C6440" s="93" t="s">
        <v>15248</v>
      </c>
      <c r="D6440" s="93" t="s">
        <v>15249</v>
      </c>
      <c r="E6440" s="93">
        <v>1974</v>
      </c>
      <c r="F6440" s="93">
        <v>2783</v>
      </c>
      <c r="G6440" s="93" t="s">
        <v>1</v>
      </c>
      <c r="H6440" s="111">
        <v>0</v>
      </c>
      <c r="I6440" s="111">
        <v>0</v>
      </c>
      <c r="J6440" s="111">
        <v>1</v>
      </c>
      <c r="K6440" s="111">
        <v>0</v>
      </c>
      <c r="L6440" s="111">
        <v>1</v>
      </c>
      <c r="M6440" s="111">
        <v>0</v>
      </c>
      <c r="N6440" s="111">
        <v>0</v>
      </c>
      <c r="O6440" s="111">
        <v>1</v>
      </c>
      <c r="P6440" s="111">
        <v>1</v>
      </c>
      <c r="Q6440" s="111">
        <v>0</v>
      </c>
      <c r="R6440" s="111">
        <v>0</v>
      </c>
      <c r="S6440" s="111">
        <v>0</v>
      </c>
      <c r="T6440" s="111">
        <v>0</v>
      </c>
      <c r="U6440" s="145"/>
      <c r="V6440" s="145"/>
      <c r="W6440" s="145"/>
      <c r="X6440" s="145"/>
      <c r="Y6440" s="145"/>
      <c r="Z6440" s="145"/>
      <c r="AA6440" s="145"/>
      <c r="AB6440" s="145"/>
      <c r="AC6440" s="145"/>
      <c r="AD6440" s="145"/>
      <c r="AE6440" s="145"/>
      <c r="AF6440" s="145"/>
      <c r="AG6440" s="145"/>
      <c r="AH6440" s="145"/>
      <c r="AI6440" s="145"/>
      <c r="AJ6440" s="145"/>
      <c r="AK6440" s="145"/>
      <c r="AL6440" s="145"/>
      <c r="AM6440" s="145"/>
      <c r="AN6440" s="145"/>
      <c r="AO6440" s="145"/>
      <c r="AP6440" s="145"/>
      <c r="AQ6440" s="145"/>
      <c r="AR6440" s="145"/>
      <c r="AS6440" s="145"/>
      <c r="AT6440" s="145"/>
      <c r="AU6440" s="145"/>
      <c r="AV6440" s="145"/>
      <c r="AW6440" s="145"/>
      <c r="AX6440" s="146" t="s">
        <v>15106</v>
      </c>
      <c r="AY6440" s="146" t="s">
        <v>15106</v>
      </c>
      <c r="AZ6440" s="146" t="s">
        <v>15106</v>
      </c>
      <c r="BA6440" s="146" t="s">
        <v>15106</v>
      </c>
      <c r="BB6440" s="107">
        <v>45884</v>
      </c>
    </row>
    <row r="6441" spans="1:54" ht="13.95" customHeight="1" x14ac:dyDescent="0.25">
      <c r="A6441" s="14" t="s">
        <v>15250</v>
      </c>
      <c r="B6441" s="109" t="s">
        <v>15103</v>
      </c>
      <c r="C6441" s="93" t="s">
        <v>15251</v>
      </c>
      <c r="D6441" s="93" t="s">
        <v>15252</v>
      </c>
      <c r="E6441" s="93">
        <v>1976</v>
      </c>
      <c r="F6441" s="93">
        <v>3072</v>
      </c>
      <c r="G6441" s="93" t="s">
        <v>1</v>
      </c>
      <c r="H6441" s="111">
        <v>0</v>
      </c>
      <c r="I6441" s="111">
        <v>0</v>
      </c>
      <c r="J6441" s="111">
        <v>0</v>
      </c>
      <c r="K6441" s="111">
        <v>0</v>
      </c>
      <c r="L6441" s="111">
        <v>1</v>
      </c>
      <c r="M6441" s="111">
        <v>0</v>
      </c>
      <c r="N6441" s="111">
        <v>0</v>
      </c>
      <c r="O6441" s="111">
        <v>0</v>
      </c>
      <c r="P6441" s="111">
        <v>1</v>
      </c>
      <c r="Q6441" s="111">
        <v>0</v>
      </c>
      <c r="R6441" s="111">
        <v>0</v>
      </c>
      <c r="S6441" s="111">
        <v>1</v>
      </c>
      <c r="T6441" s="111">
        <v>0</v>
      </c>
      <c r="U6441" s="145"/>
      <c r="V6441" s="145"/>
      <c r="W6441" s="145"/>
      <c r="X6441" s="145"/>
      <c r="Y6441" s="145"/>
      <c r="Z6441" s="145"/>
      <c r="AA6441" s="145"/>
      <c r="AB6441" s="145"/>
      <c r="AC6441" s="145"/>
      <c r="AD6441" s="145"/>
      <c r="AE6441" s="145"/>
      <c r="AF6441" s="145"/>
      <c r="AG6441" s="145"/>
      <c r="AH6441" s="145"/>
      <c r="AI6441" s="145"/>
      <c r="AJ6441" s="145"/>
      <c r="AK6441" s="145"/>
      <c r="AL6441" s="145"/>
      <c r="AM6441" s="145"/>
      <c r="AN6441" s="145"/>
      <c r="AO6441" s="145"/>
      <c r="AP6441" s="145"/>
      <c r="AQ6441" s="145"/>
      <c r="AR6441" s="145"/>
      <c r="AS6441" s="145"/>
      <c r="AT6441" s="145"/>
      <c r="AU6441" s="145"/>
      <c r="AV6441" s="145"/>
      <c r="AW6441" s="145"/>
      <c r="AX6441" s="146" t="s">
        <v>15106</v>
      </c>
      <c r="AY6441" s="146" t="s">
        <v>15106</v>
      </c>
      <c r="AZ6441" s="146" t="s">
        <v>15106</v>
      </c>
      <c r="BA6441" s="146" t="s">
        <v>15106</v>
      </c>
      <c r="BB6441" s="107">
        <v>45884</v>
      </c>
    </row>
    <row r="6442" spans="1:54" ht="13.95" customHeight="1" x14ac:dyDescent="0.25">
      <c r="A6442" s="14" t="s">
        <v>15253</v>
      </c>
      <c r="B6442" s="109" t="s">
        <v>15103</v>
      </c>
      <c r="C6442" s="93" t="s">
        <v>15254</v>
      </c>
      <c r="D6442" s="93" t="s">
        <v>15255</v>
      </c>
      <c r="E6442" s="93">
        <v>1976</v>
      </c>
      <c r="F6442" s="93">
        <v>3482</v>
      </c>
      <c r="G6442" s="93" t="s">
        <v>1</v>
      </c>
      <c r="H6442" s="111">
        <v>0</v>
      </c>
      <c r="I6442" s="111">
        <v>0</v>
      </c>
      <c r="J6442" s="111">
        <v>0</v>
      </c>
      <c r="K6442" s="111">
        <v>0</v>
      </c>
      <c r="L6442" s="111">
        <v>0</v>
      </c>
      <c r="M6442" s="111">
        <v>1</v>
      </c>
      <c r="N6442" s="111">
        <v>0</v>
      </c>
      <c r="O6442" s="111">
        <v>0</v>
      </c>
      <c r="P6442" s="111">
        <v>0</v>
      </c>
      <c r="Q6442" s="111">
        <v>0</v>
      </c>
      <c r="R6442" s="111">
        <v>1</v>
      </c>
      <c r="S6442" s="111">
        <v>0</v>
      </c>
      <c r="T6442" s="111">
        <v>0</v>
      </c>
      <c r="U6442" s="145"/>
      <c r="V6442" s="145"/>
      <c r="W6442" s="145"/>
      <c r="X6442" s="145"/>
      <c r="Y6442" s="145"/>
      <c r="Z6442" s="145"/>
      <c r="AA6442" s="145"/>
      <c r="AB6442" s="145"/>
      <c r="AC6442" s="145"/>
      <c r="AD6442" s="145"/>
      <c r="AE6442" s="145"/>
      <c r="AF6442" s="145"/>
      <c r="AG6442" s="145"/>
      <c r="AH6442" s="145"/>
      <c r="AI6442" s="145"/>
      <c r="AJ6442" s="145"/>
      <c r="AK6442" s="145"/>
      <c r="AL6442" s="145"/>
      <c r="AM6442" s="145"/>
      <c r="AN6442" s="145"/>
      <c r="AO6442" s="145"/>
      <c r="AP6442" s="145"/>
      <c r="AQ6442" s="145"/>
      <c r="AR6442" s="145"/>
      <c r="AS6442" s="145"/>
      <c r="AT6442" s="145"/>
      <c r="AU6442" s="145"/>
      <c r="AV6442" s="145"/>
      <c r="AW6442" s="145"/>
      <c r="AX6442" s="146" t="s">
        <v>15106</v>
      </c>
      <c r="AY6442" s="146" t="s">
        <v>15106</v>
      </c>
      <c r="AZ6442" s="146" t="s">
        <v>15106</v>
      </c>
      <c r="BA6442" s="146" t="s">
        <v>15106</v>
      </c>
      <c r="BB6442" s="107">
        <v>45884</v>
      </c>
    </row>
    <row r="6443" spans="1:54" ht="13.95" customHeight="1" x14ac:dyDescent="0.25">
      <c r="A6443" s="14" t="s">
        <v>15256</v>
      </c>
      <c r="B6443" s="109" t="s">
        <v>15103</v>
      </c>
      <c r="C6443" s="93" t="s">
        <v>15257</v>
      </c>
      <c r="D6443" s="93" t="s">
        <v>15258</v>
      </c>
      <c r="E6443" s="93">
        <v>1996</v>
      </c>
      <c r="F6443" s="93">
        <v>3600</v>
      </c>
      <c r="G6443" s="93" t="s">
        <v>1</v>
      </c>
      <c r="H6443" s="111">
        <v>0</v>
      </c>
      <c r="I6443" s="111">
        <v>0</v>
      </c>
      <c r="J6443" s="111">
        <v>1</v>
      </c>
      <c r="K6443" s="111">
        <v>1</v>
      </c>
      <c r="L6443" s="111">
        <v>0</v>
      </c>
      <c r="M6443" s="111">
        <v>1</v>
      </c>
      <c r="N6443" s="111">
        <v>0</v>
      </c>
      <c r="O6443" s="111">
        <v>0</v>
      </c>
      <c r="P6443" s="111">
        <v>0</v>
      </c>
      <c r="Q6443" s="111">
        <v>0</v>
      </c>
      <c r="R6443" s="111">
        <v>0</v>
      </c>
      <c r="S6443" s="111">
        <v>0</v>
      </c>
      <c r="T6443" s="111">
        <v>0</v>
      </c>
      <c r="U6443" s="145"/>
      <c r="V6443" s="145"/>
      <c r="W6443" s="145"/>
      <c r="X6443" s="145"/>
      <c r="Y6443" s="145"/>
      <c r="Z6443" s="145"/>
      <c r="AA6443" s="145"/>
      <c r="AB6443" s="145"/>
      <c r="AC6443" s="145"/>
      <c r="AD6443" s="145"/>
      <c r="AE6443" s="145"/>
      <c r="AF6443" s="145"/>
      <c r="AG6443" s="145"/>
      <c r="AH6443" s="145"/>
      <c r="AI6443" s="145"/>
      <c r="AJ6443" s="145"/>
      <c r="AK6443" s="145"/>
      <c r="AL6443" s="145"/>
      <c r="AM6443" s="145"/>
      <c r="AN6443" s="145"/>
      <c r="AO6443" s="145"/>
      <c r="AP6443" s="145"/>
      <c r="AQ6443" s="145"/>
      <c r="AR6443" s="145"/>
      <c r="AS6443" s="145"/>
      <c r="AT6443" s="145"/>
      <c r="AU6443" s="145"/>
      <c r="AV6443" s="145"/>
      <c r="AW6443" s="145"/>
      <c r="AX6443" s="146" t="s">
        <v>15106</v>
      </c>
      <c r="AY6443" s="146" t="s">
        <v>15106</v>
      </c>
      <c r="AZ6443" s="146" t="s">
        <v>15106</v>
      </c>
      <c r="BA6443" s="146" t="s">
        <v>15106</v>
      </c>
      <c r="BB6443" s="107">
        <v>45884</v>
      </c>
    </row>
    <row r="6444" spans="1:54" ht="13.95" customHeight="1" x14ac:dyDescent="0.25">
      <c r="A6444" s="14" t="s">
        <v>15259</v>
      </c>
      <c r="B6444" s="109" t="s">
        <v>15103</v>
      </c>
      <c r="C6444" s="93" t="s">
        <v>15260</v>
      </c>
      <c r="D6444" s="93" t="s">
        <v>15261</v>
      </c>
      <c r="E6444" s="93">
        <v>1989</v>
      </c>
      <c r="F6444" s="93">
        <v>3626</v>
      </c>
      <c r="G6444" s="93" t="s">
        <v>1</v>
      </c>
      <c r="H6444" s="111">
        <v>0</v>
      </c>
      <c r="I6444" s="111">
        <v>0</v>
      </c>
      <c r="J6444" s="111">
        <v>1</v>
      </c>
      <c r="K6444" s="111">
        <v>0</v>
      </c>
      <c r="L6444" s="111">
        <v>0</v>
      </c>
      <c r="M6444" s="111">
        <v>0</v>
      </c>
      <c r="N6444" s="111">
        <v>0</v>
      </c>
      <c r="O6444" s="111">
        <v>0</v>
      </c>
      <c r="P6444" s="111">
        <v>0</v>
      </c>
      <c r="Q6444" s="111">
        <v>0</v>
      </c>
      <c r="R6444" s="111">
        <v>0</v>
      </c>
      <c r="S6444" s="111">
        <v>0</v>
      </c>
      <c r="T6444" s="111">
        <v>0</v>
      </c>
      <c r="U6444" s="145"/>
      <c r="V6444" s="145"/>
      <c r="W6444" s="145"/>
      <c r="X6444" s="145"/>
      <c r="Y6444" s="145"/>
      <c r="Z6444" s="145"/>
      <c r="AA6444" s="145"/>
      <c r="AB6444" s="145"/>
      <c r="AC6444" s="145"/>
      <c r="AD6444" s="145"/>
      <c r="AE6444" s="145"/>
      <c r="AF6444" s="145"/>
      <c r="AG6444" s="145"/>
      <c r="AH6444" s="145"/>
      <c r="AI6444" s="145"/>
      <c r="AJ6444" s="145"/>
      <c r="AK6444" s="145"/>
      <c r="AL6444" s="145"/>
      <c r="AM6444" s="145"/>
      <c r="AN6444" s="145"/>
      <c r="AO6444" s="145"/>
      <c r="AP6444" s="145"/>
      <c r="AQ6444" s="145"/>
      <c r="AR6444" s="145"/>
      <c r="AS6444" s="145"/>
      <c r="AT6444" s="145"/>
      <c r="AU6444" s="145"/>
      <c r="AV6444" s="145"/>
      <c r="AW6444" s="145"/>
      <c r="AX6444" s="146" t="s">
        <v>15106</v>
      </c>
      <c r="AY6444" s="146" t="s">
        <v>15106</v>
      </c>
      <c r="AZ6444" s="146" t="s">
        <v>15106</v>
      </c>
      <c r="BA6444" s="146" t="s">
        <v>15106</v>
      </c>
      <c r="BB6444" s="107">
        <v>45884</v>
      </c>
    </row>
    <row r="6445" spans="1:54" ht="13.95" customHeight="1" x14ac:dyDescent="0.25">
      <c r="A6445" s="14" t="s">
        <v>15262</v>
      </c>
      <c r="B6445" s="109" t="s">
        <v>15103</v>
      </c>
      <c r="C6445" s="93" t="s">
        <v>15263</v>
      </c>
      <c r="D6445" s="93" t="s">
        <v>15264</v>
      </c>
      <c r="E6445" s="93">
        <v>1989</v>
      </c>
      <c r="F6445" s="93">
        <v>5205</v>
      </c>
      <c r="G6445" s="93" t="s">
        <v>1</v>
      </c>
      <c r="H6445" s="111">
        <v>0</v>
      </c>
      <c r="I6445" s="111">
        <v>0</v>
      </c>
      <c r="J6445" s="111">
        <v>1</v>
      </c>
      <c r="K6445" s="111">
        <v>0</v>
      </c>
      <c r="L6445" s="111">
        <v>1</v>
      </c>
      <c r="M6445" s="111">
        <v>0</v>
      </c>
      <c r="N6445" s="111">
        <v>0</v>
      </c>
      <c r="O6445" s="111">
        <v>1</v>
      </c>
      <c r="P6445" s="111">
        <v>1</v>
      </c>
      <c r="Q6445" s="111">
        <v>0</v>
      </c>
      <c r="R6445" s="111">
        <v>1</v>
      </c>
      <c r="S6445" s="111">
        <v>0</v>
      </c>
      <c r="T6445" s="111">
        <v>0</v>
      </c>
      <c r="U6445" s="145"/>
      <c r="V6445" s="145"/>
      <c r="W6445" s="145"/>
      <c r="X6445" s="145"/>
      <c r="Y6445" s="145"/>
      <c r="Z6445" s="145"/>
      <c r="AA6445" s="145"/>
      <c r="AB6445" s="145"/>
      <c r="AC6445" s="145"/>
      <c r="AD6445" s="145"/>
      <c r="AE6445" s="145"/>
      <c r="AF6445" s="145"/>
      <c r="AG6445" s="145"/>
      <c r="AH6445" s="145"/>
      <c r="AI6445" s="145"/>
      <c r="AJ6445" s="145"/>
      <c r="AK6445" s="145"/>
      <c r="AL6445" s="145"/>
      <c r="AM6445" s="145"/>
      <c r="AN6445" s="145"/>
      <c r="AO6445" s="145"/>
      <c r="AP6445" s="145"/>
      <c r="AQ6445" s="145"/>
      <c r="AR6445" s="145"/>
      <c r="AS6445" s="145"/>
      <c r="AT6445" s="145"/>
      <c r="AU6445" s="145"/>
      <c r="AV6445" s="145"/>
      <c r="AW6445" s="145"/>
      <c r="AX6445" s="146" t="s">
        <v>15106</v>
      </c>
      <c r="AY6445" s="146" t="s">
        <v>15106</v>
      </c>
      <c r="AZ6445" s="146" t="s">
        <v>15106</v>
      </c>
      <c r="BA6445" s="146" t="s">
        <v>15106</v>
      </c>
      <c r="BB6445" s="107">
        <v>45884</v>
      </c>
    </row>
    <row r="6446" spans="1:54" ht="13.95" customHeight="1" x14ac:dyDescent="0.25">
      <c r="A6446" s="14" t="s">
        <v>15265</v>
      </c>
      <c r="B6446" s="109" t="s">
        <v>15103</v>
      </c>
      <c r="C6446" s="93" t="s">
        <v>15266</v>
      </c>
      <c r="D6446" s="93" t="s">
        <v>15267</v>
      </c>
      <c r="E6446" s="93">
        <v>1976</v>
      </c>
      <c r="F6446" s="93">
        <v>5225</v>
      </c>
      <c r="G6446" s="93" t="s">
        <v>1</v>
      </c>
      <c r="H6446" s="111">
        <v>0</v>
      </c>
      <c r="I6446" s="111">
        <v>0</v>
      </c>
      <c r="J6446" s="111">
        <v>1</v>
      </c>
      <c r="K6446" s="111">
        <v>0</v>
      </c>
      <c r="L6446" s="111">
        <v>0</v>
      </c>
      <c r="M6446" s="111">
        <v>1</v>
      </c>
      <c r="N6446" s="111">
        <v>0</v>
      </c>
      <c r="O6446" s="111">
        <v>0</v>
      </c>
      <c r="P6446" s="111">
        <v>0</v>
      </c>
      <c r="Q6446" s="111">
        <v>0</v>
      </c>
      <c r="R6446" s="111">
        <v>0</v>
      </c>
      <c r="S6446" s="111">
        <v>0</v>
      </c>
      <c r="T6446" s="111">
        <v>0</v>
      </c>
      <c r="U6446" s="145"/>
      <c r="V6446" s="145"/>
      <c r="W6446" s="111">
        <v>1</v>
      </c>
      <c r="X6446" s="145"/>
      <c r="Y6446" s="145"/>
      <c r="Z6446" s="145"/>
      <c r="AA6446" s="145"/>
      <c r="AB6446" s="145"/>
      <c r="AC6446" s="145"/>
      <c r="AD6446" s="145"/>
      <c r="AE6446" s="145"/>
      <c r="AF6446" s="111">
        <v>1</v>
      </c>
      <c r="AG6446" s="145"/>
      <c r="AH6446" s="145"/>
      <c r="AI6446" s="145"/>
      <c r="AJ6446" s="145"/>
      <c r="AK6446" s="145"/>
      <c r="AL6446" s="145"/>
      <c r="AM6446" s="145"/>
      <c r="AN6446" s="145"/>
      <c r="AO6446" s="145"/>
      <c r="AP6446" s="145"/>
      <c r="AQ6446" s="145"/>
      <c r="AR6446" s="145"/>
      <c r="AS6446" s="145"/>
      <c r="AT6446" s="145"/>
      <c r="AU6446" s="145"/>
      <c r="AV6446" s="145"/>
      <c r="AW6446" s="145"/>
      <c r="AX6446" s="146" t="s">
        <v>15106</v>
      </c>
      <c r="AY6446" s="146" t="s">
        <v>15106</v>
      </c>
      <c r="AZ6446" s="146" t="s">
        <v>15106</v>
      </c>
      <c r="BA6446" s="112" t="s">
        <v>19735</v>
      </c>
      <c r="BB6446" s="107">
        <v>45884</v>
      </c>
    </row>
    <row r="6447" spans="1:54" ht="13.95" customHeight="1" x14ac:dyDescent="0.25">
      <c r="A6447" s="14" t="s">
        <v>15268</v>
      </c>
      <c r="B6447" s="109" t="s">
        <v>15103</v>
      </c>
      <c r="C6447" s="93" t="s">
        <v>15269</v>
      </c>
      <c r="D6447" s="93" t="s">
        <v>15270</v>
      </c>
      <c r="E6447" s="93">
        <v>1989</v>
      </c>
      <c r="F6447" s="93">
        <v>5894</v>
      </c>
      <c r="G6447" s="93" t="s">
        <v>1</v>
      </c>
      <c r="H6447" s="111">
        <v>0</v>
      </c>
      <c r="I6447" s="111">
        <v>0</v>
      </c>
      <c r="J6447" s="111">
        <v>1</v>
      </c>
      <c r="K6447" s="111">
        <v>0</v>
      </c>
      <c r="L6447" s="111">
        <v>1</v>
      </c>
      <c r="M6447" s="111">
        <v>0</v>
      </c>
      <c r="N6447" s="111">
        <v>0</v>
      </c>
      <c r="O6447" s="111">
        <v>1</v>
      </c>
      <c r="P6447" s="111">
        <v>1</v>
      </c>
      <c r="Q6447" s="111">
        <v>0</v>
      </c>
      <c r="R6447" s="111">
        <v>0</v>
      </c>
      <c r="S6447" s="111">
        <v>0</v>
      </c>
      <c r="T6447" s="111">
        <v>0</v>
      </c>
      <c r="U6447" s="145"/>
      <c r="V6447" s="145"/>
      <c r="W6447" s="145"/>
      <c r="X6447" s="145"/>
      <c r="Y6447" s="145"/>
      <c r="Z6447" s="145"/>
      <c r="AA6447" s="145"/>
      <c r="AB6447" s="145"/>
      <c r="AC6447" s="145"/>
      <c r="AD6447" s="145"/>
      <c r="AE6447" s="145"/>
      <c r="AF6447" s="145"/>
      <c r="AG6447" s="145"/>
      <c r="AH6447" s="145"/>
      <c r="AI6447" s="145"/>
      <c r="AJ6447" s="145"/>
      <c r="AK6447" s="145"/>
      <c r="AL6447" s="145"/>
      <c r="AM6447" s="145"/>
      <c r="AN6447" s="145"/>
      <c r="AO6447" s="145"/>
      <c r="AP6447" s="145"/>
      <c r="AQ6447" s="145"/>
      <c r="AR6447" s="145"/>
      <c r="AS6447" s="145"/>
      <c r="AT6447" s="145"/>
      <c r="AU6447" s="145"/>
      <c r="AV6447" s="145"/>
      <c r="AW6447" s="145"/>
      <c r="AX6447" s="146" t="s">
        <v>15106</v>
      </c>
      <c r="AY6447" s="146" t="s">
        <v>15106</v>
      </c>
      <c r="AZ6447" s="146" t="s">
        <v>15106</v>
      </c>
      <c r="BA6447" s="146" t="s">
        <v>15106</v>
      </c>
      <c r="BB6447" s="107">
        <v>45884</v>
      </c>
    </row>
    <row r="6448" spans="1:54" ht="13.95" customHeight="1" x14ac:dyDescent="0.25">
      <c r="A6448" s="14" t="s">
        <v>15271</v>
      </c>
      <c r="B6448" s="109" t="s">
        <v>15103</v>
      </c>
      <c r="C6448" s="93" t="s">
        <v>15272</v>
      </c>
      <c r="D6448" s="93" t="s">
        <v>15273</v>
      </c>
      <c r="E6448" s="93">
        <v>1989</v>
      </c>
      <c r="F6448" s="93">
        <v>8672</v>
      </c>
      <c r="G6448" s="93" t="s">
        <v>1</v>
      </c>
      <c r="H6448" s="111">
        <v>0</v>
      </c>
      <c r="I6448" s="111">
        <v>0</v>
      </c>
      <c r="J6448" s="111">
        <v>0</v>
      </c>
      <c r="K6448" s="111">
        <v>0</v>
      </c>
      <c r="L6448" s="111">
        <v>0</v>
      </c>
      <c r="M6448" s="111">
        <v>0</v>
      </c>
      <c r="N6448" s="111">
        <v>0</v>
      </c>
      <c r="O6448" s="111">
        <v>0</v>
      </c>
      <c r="P6448" s="111">
        <v>0</v>
      </c>
      <c r="Q6448" s="111">
        <v>0</v>
      </c>
      <c r="R6448" s="111">
        <v>1</v>
      </c>
      <c r="S6448" s="111">
        <v>0</v>
      </c>
      <c r="T6448" s="111">
        <v>0</v>
      </c>
      <c r="U6448" s="145"/>
      <c r="V6448" s="145"/>
      <c r="W6448" s="145"/>
      <c r="X6448" s="145"/>
      <c r="Y6448" s="145"/>
      <c r="Z6448" s="145"/>
      <c r="AA6448" s="145"/>
      <c r="AB6448" s="145"/>
      <c r="AC6448" s="145"/>
      <c r="AD6448" s="145"/>
      <c r="AE6448" s="145"/>
      <c r="AF6448" s="145"/>
      <c r="AG6448" s="145"/>
      <c r="AH6448" s="145"/>
      <c r="AI6448" s="145"/>
      <c r="AJ6448" s="145"/>
      <c r="AK6448" s="145"/>
      <c r="AL6448" s="145"/>
      <c r="AM6448" s="145"/>
      <c r="AN6448" s="145"/>
      <c r="AO6448" s="145"/>
      <c r="AP6448" s="145"/>
      <c r="AQ6448" s="145"/>
      <c r="AR6448" s="145"/>
      <c r="AS6448" s="145"/>
      <c r="AT6448" s="145"/>
      <c r="AU6448" s="145"/>
      <c r="AV6448" s="145"/>
      <c r="AW6448" s="145"/>
      <c r="AX6448" s="146" t="s">
        <v>15106</v>
      </c>
      <c r="AY6448" s="146" t="s">
        <v>15106</v>
      </c>
      <c r="AZ6448" s="146" t="s">
        <v>15106</v>
      </c>
      <c r="BA6448" s="112" t="s">
        <v>21650</v>
      </c>
      <c r="BB6448" s="107">
        <v>45884</v>
      </c>
    </row>
    <row r="6449" spans="1:54" ht="13.95" customHeight="1" x14ac:dyDescent="0.25">
      <c r="A6449" s="14" t="s">
        <v>15274</v>
      </c>
      <c r="B6449" s="109" t="s">
        <v>15103</v>
      </c>
      <c r="C6449" s="93" t="s">
        <v>21651</v>
      </c>
      <c r="D6449" s="93" t="s">
        <v>15275</v>
      </c>
      <c r="E6449" s="93">
        <v>1976</v>
      </c>
      <c r="F6449" s="93">
        <v>9660</v>
      </c>
      <c r="G6449" s="93" t="s">
        <v>1</v>
      </c>
      <c r="H6449" s="111">
        <v>0</v>
      </c>
      <c r="I6449" s="111">
        <v>0</v>
      </c>
      <c r="J6449" s="111">
        <v>0</v>
      </c>
      <c r="K6449" s="111">
        <v>0</v>
      </c>
      <c r="L6449" s="111">
        <v>0</v>
      </c>
      <c r="M6449" s="111">
        <v>0</v>
      </c>
      <c r="N6449" s="111">
        <v>0</v>
      </c>
      <c r="O6449" s="111">
        <v>1</v>
      </c>
      <c r="P6449" s="111">
        <v>0</v>
      </c>
      <c r="Q6449" s="111">
        <v>1</v>
      </c>
      <c r="R6449" s="111">
        <v>1</v>
      </c>
      <c r="S6449" s="111">
        <v>0</v>
      </c>
      <c r="T6449" s="111">
        <v>0</v>
      </c>
      <c r="U6449" s="145"/>
      <c r="V6449" s="145"/>
      <c r="W6449" s="145"/>
      <c r="X6449" s="145"/>
      <c r="Y6449" s="145"/>
      <c r="Z6449" s="145"/>
      <c r="AA6449" s="145"/>
      <c r="AB6449" s="145"/>
      <c r="AC6449" s="145"/>
      <c r="AD6449" s="145"/>
      <c r="AE6449" s="145"/>
      <c r="AF6449" s="145"/>
      <c r="AG6449" s="145"/>
      <c r="AH6449" s="145"/>
      <c r="AI6449" s="145"/>
      <c r="AJ6449" s="145"/>
      <c r="AK6449" s="145"/>
      <c r="AL6449" s="145"/>
      <c r="AM6449" s="145"/>
      <c r="AN6449" s="145"/>
      <c r="AO6449" s="145"/>
      <c r="AP6449" s="145"/>
      <c r="AQ6449" s="145"/>
      <c r="AR6449" s="145"/>
      <c r="AS6449" s="145"/>
      <c r="AT6449" s="145"/>
      <c r="AU6449" s="145"/>
      <c r="AV6449" s="145"/>
      <c r="AW6449" s="145"/>
      <c r="AX6449" s="146" t="s">
        <v>15106</v>
      </c>
      <c r="AY6449" s="146" t="s">
        <v>15106</v>
      </c>
      <c r="AZ6449" s="146" t="s">
        <v>15106</v>
      </c>
      <c r="BA6449" s="112" t="s">
        <v>21652</v>
      </c>
      <c r="BB6449" s="107">
        <v>45884</v>
      </c>
    </row>
    <row r="6450" spans="1:54" ht="13.95" customHeight="1" x14ac:dyDescent="0.25">
      <c r="A6450" s="14" t="s">
        <v>15276</v>
      </c>
      <c r="B6450" s="109" t="s">
        <v>15103</v>
      </c>
      <c r="C6450" s="93" t="s">
        <v>9875</v>
      </c>
      <c r="D6450" s="93" t="s">
        <v>15277</v>
      </c>
      <c r="E6450" s="93">
        <v>1976</v>
      </c>
      <c r="F6450" s="93">
        <v>261</v>
      </c>
      <c r="G6450" s="93" t="s">
        <v>1</v>
      </c>
      <c r="H6450" s="111">
        <v>0</v>
      </c>
      <c r="I6450" s="111">
        <v>0</v>
      </c>
      <c r="J6450" s="111">
        <v>0</v>
      </c>
      <c r="K6450" s="111">
        <v>0</v>
      </c>
      <c r="L6450" s="111">
        <v>0</v>
      </c>
      <c r="M6450" s="111">
        <v>0</v>
      </c>
      <c r="N6450" s="111">
        <v>0</v>
      </c>
      <c r="O6450" s="111">
        <v>1</v>
      </c>
      <c r="P6450" s="111">
        <v>1</v>
      </c>
      <c r="Q6450" s="111">
        <v>0</v>
      </c>
      <c r="R6450" s="111">
        <v>1</v>
      </c>
      <c r="S6450" s="111">
        <v>1</v>
      </c>
      <c r="T6450" s="111">
        <v>0</v>
      </c>
      <c r="U6450" s="145"/>
      <c r="V6450" s="145"/>
      <c r="W6450" s="145"/>
      <c r="X6450" s="145"/>
      <c r="Y6450" s="145"/>
      <c r="Z6450" s="145"/>
      <c r="AA6450" s="145"/>
      <c r="AB6450" s="145"/>
      <c r="AC6450" s="145"/>
      <c r="AD6450" s="145"/>
      <c r="AE6450" s="145"/>
      <c r="AF6450" s="145"/>
      <c r="AG6450" s="145"/>
      <c r="AH6450" s="145"/>
      <c r="AI6450" s="145"/>
      <c r="AJ6450" s="145"/>
      <c r="AK6450" s="145"/>
      <c r="AL6450" s="145"/>
      <c r="AM6450" s="145"/>
      <c r="AN6450" s="145"/>
      <c r="AO6450" s="145"/>
      <c r="AP6450" s="145"/>
      <c r="AQ6450" s="145"/>
      <c r="AR6450" s="145"/>
      <c r="AS6450" s="145"/>
      <c r="AT6450" s="145"/>
      <c r="AU6450" s="145"/>
      <c r="AV6450" s="145"/>
      <c r="AW6450" s="145"/>
      <c r="AX6450" s="146" t="s">
        <v>15106</v>
      </c>
      <c r="AY6450" s="146" t="s">
        <v>15106</v>
      </c>
      <c r="AZ6450" s="146" t="s">
        <v>15106</v>
      </c>
      <c r="BA6450" s="146" t="s">
        <v>15106</v>
      </c>
      <c r="BB6450" s="107">
        <v>45884</v>
      </c>
    </row>
    <row r="6451" spans="1:54" ht="13.95" customHeight="1" x14ac:dyDescent="0.25">
      <c r="A6451" s="14" t="s">
        <v>15278</v>
      </c>
      <c r="B6451" s="109" t="s">
        <v>15103</v>
      </c>
      <c r="C6451" s="93" t="s">
        <v>15279</v>
      </c>
      <c r="D6451" s="93" t="s">
        <v>15280</v>
      </c>
      <c r="E6451" s="93">
        <v>1976</v>
      </c>
      <c r="F6451" s="93">
        <v>533</v>
      </c>
      <c r="G6451" s="93" t="s">
        <v>1</v>
      </c>
      <c r="H6451" s="111">
        <v>0</v>
      </c>
      <c r="I6451" s="111">
        <v>0</v>
      </c>
      <c r="J6451" s="111">
        <v>1</v>
      </c>
      <c r="K6451" s="111">
        <v>0</v>
      </c>
      <c r="L6451" s="111">
        <v>1</v>
      </c>
      <c r="M6451" s="111">
        <v>1</v>
      </c>
      <c r="N6451" s="111">
        <v>0</v>
      </c>
      <c r="O6451" s="111">
        <v>0</v>
      </c>
      <c r="P6451" s="111">
        <v>0</v>
      </c>
      <c r="Q6451" s="111">
        <v>0</v>
      </c>
      <c r="R6451" s="111">
        <v>0</v>
      </c>
      <c r="S6451" s="111">
        <v>0</v>
      </c>
      <c r="T6451" s="111">
        <v>0</v>
      </c>
      <c r="U6451" s="111">
        <v>1</v>
      </c>
      <c r="V6451" s="145"/>
      <c r="W6451" s="145"/>
      <c r="X6451" s="145"/>
      <c r="Y6451" s="145"/>
      <c r="Z6451" s="145"/>
      <c r="AA6451" s="145"/>
      <c r="AB6451" s="145"/>
      <c r="AC6451" s="145"/>
      <c r="AD6451" s="145"/>
      <c r="AE6451" s="145"/>
      <c r="AF6451" s="145"/>
      <c r="AG6451" s="145"/>
      <c r="AH6451" s="145"/>
      <c r="AI6451" s="145"/>
      <c r="AJ6451" s="145"/>
      <c r="AK6451" s="145"/>
      <c r="AL6451" s="145"/>
      <c r="AM6451" s="145"/>
      <c r="AN6451" s="145"/>
      <c r="AO6451" s="145"/>
      <c r="AP6451" s="145"/>
      <c r="AQ6451" s="145"/>
      <c r="AR6451" s="145"/>
      <c r="AS6451" s="145"/>
      <c r="AT6451" s="145"/>
      <c r="AU6451" s="145"/>
      <c r="AV6451" s="145"/>
      <c r="AW6451" s="145"/>
      <c r="AX6451" s="146" t="s">
        <v>15106</v>
      </c>
      <c r="AY6451" s="146" t="s">
        <v>15106</v>
      </c>
      <c r="AZ6451" s="146" t="s">
        <v>15106</v>
      </c>
      <c r="BA6451" s="146" t="s">
        <v>15106</v>
      </c>
      <c r="BB6451" s="107">
        <v>45884</v>
      </c>
    </row>
    <row r="6452" spans="1:54" ht="13.95" customHeight="1" x14ac:dyDescent="0.25">
      <c r="A6452" s="14" t="s">
        <v>15281</v>
      </c>
      <c r="B6452" s="109" t="s">
        <v>15103</v>
      </c>
      <c r="C6452" s="93" t="s">
        <v>15282</v>
      </c>
      <c r="D6452" s="93" t="s">
        <v>15283</v>
      </c>
      <c r="E6452" s="93">
        <v>1973</v>
      </c>
      <c r="F6452" s="93">
        <v>184</v>
      </c>
      <c r="G6452" s="93" t="s">
        <v>1</v>
      </c>
      <c r="H6452" s="111">
        <v>0</v>
      </c>
      <c r="I6452" s="111">
        <v>0</v>
      </c>
      <c r="J6452" s="111">
        <v>0</v>
      </c>
      <c r="K6452" s="111">
        <v>0</v>
      </c>
      <c r="L6452" s="111">
        <v>0</v>
      </c>
      <c r="M6452" s="111">
        <v>0</v>
      </c>
      <c r="N6452" s="111">
        <v>0</v>
      </c>
      <c r="O6452" s="111">
        <v>0</v>
      </c>
      <c r="P6452" s="111">
        <v>0</v>
      </c>
      <c r="Q6452" s="111">
        <v>0</v>
      </c>
      <c r="R6452" s="111">
        <v>0</v>
      </c>
      <c r="S6452" s="111">
        <v>0</v>
      </c>
      <c r="T6452" s="111">
        <v>0</v>
      </c>
      <c r="U6452" s="145"/>
      <c r="V6452" s="145"/>
      <c r="W6452" s="145"/>
      <c r="X6452" s="145"/>
      <c r="Y6452" s="145"/>
      <c r="Z6452" s="145"/>
      <c r="AA6452" s="145"/>
      <c r="AB6452" s="145"/>
      <c r="AC6452" s="145"/>
      <c r="AD6452" s="145"/>
      <c r="AE6452" s="145"/>
      <c r="AF6452" s="145"/>
      <c r="AG6452" s="145"/>
      <c r="AH6452" s="145"/>
      <c r="AI6452" s="145"/>
      <c r="AJ6452" s="145"/>
      <c r="AK6452" s="145"/>
      <c r="AL6452" s="145"/>
      <c r="AM6452" s="145"/>
      <c r="AN6452" s="145"/>
      <c r="AO6452" s="145"/>
      <c r="AP6452" s="145"/>
      <c r="AQ6452" s="145"/>
      <c r="AR6452" s="145"/>
      <c r="AS6452" s="145"/>
      <c r="AT6452" s="145"/>
      <c r="AU6452" s="145"/>
      <c r="AV6452" s="145"/>
      <c r="AW6452" s="145"/>
      <c r="AX6452" s="146" t="s">
        <v>15106</v>
      </c>
      <c r="AY6452" s="146" t="s">
        <v>15106</v>
      </c>
      <c r="AZ6452" s="146" t="s">
        <v>15106</v>
      </c>
      <c r="BA6452" s="146" t="s">
        <v>15106</v>
      </c>
      <c r="BB6452" s="107">
        <v>45884</v>
      </c>
    </row>
    <row r="6453" spans="1:54" ht="13.95" customHeight="1" x14ac:dyDescent="0.25">
      <c r="A6453" s="14" t="s">
        <v>15284</v>
      </c>
      <c r="B6453" s="109" t="s">
        <v>15103</v>
      </c>
      <c r="C6453" s="93" t="s">
        <v>15285</v>
      </c>
      <c r="D6453" s="93" t="s">
        <v>15286</v>
      </c>
      <c r="E6453" s="93">
        <v>1976</v>
      </c>
      <c r="F6453" s="93">
        <v>127</v>
      </c>
      <c r="G6453" s="93" t="s">
        <v>1</v>
      </c>
      <c r="H6453" s="111">
        <v>0</v>
      </c>
      <c r="I6453" s="111">
        <v>0</v>
      </c>
      <c r="J6453" s="111">
        <v>1</v>
      </c>
      <c r="K6453" s="111">
        <v>0</v>
      </c>
      <c r="L6453" s="111">
        <v>1</v>
      </c>
      <c r="M6453" s="111">
        <v>0</v>
      </c>
      <c r="N6453" s="111">
        <v>0</v>
      </c>
      <c r="O6453" s="111">
        <v>0</v>
      </c>
      <c r="P6453" s="111">
        <v>0</v>
      </c>
      <c r="Q6453" s="111">
        <v>0</v>
      </c>
      <c r="R6453" s="111">
        <v>0</v>
      </c>
      <c r="S6453" s="111">
        <v>0</v>
      </c>
      <c r="T6453" s="111">
        <v>0</v>
      </c>
      <c r="U6453" s="145"/>
      <c r="V6453" s="145"/>
      <c r="W6453" s="145"/>
      <c r="X6453" s="145"/>
      <c r="Y6453" s="145"/>
      <c r="Z6453" s="145"/>
      <c r="AA6453" s="145"/>
      <c r="AB6453" s="145"/>
      <c r="AC6453" s="145"/>
      <c r="AD6453" s="145"/>
      <c r="AE6453" s="145"/>
      <c r="AF6453" s="145"/>
      <c r="AG6453" s="145"/>
      <c r="AH6453" s="145"/>
      <c r="AI6453" s="145"/>
      <c r="AJ6453" s="145"/>
      <c r="AK6453" s="145"/>
      <c r="AL6453" s="145"/>
      <c r="AM6453" s="145"/>
      <c r="AN6453" s="145"/>
      <c r="AO6453" s="145"/>
      <c r="AP6453" s="145"/>
      <c r="AQ6453" s="145"/>
      <c r="AR6453" s="145"/>
      <c r="AS6453" s="145"/>
      <c r="AT6453" s="145"/>
      <c r="AU6453" s="145"/>
      <c r="AV6453" s="145"/>
      <c r="AW6453" s="145"/>
      <c r="AX6453" s="146" t="s">
        <v>15106</v>
      </c>
      <c r="AY6453" s="146" t="s">
        <v>15106</v>
      </c>
      <c r="AZ6453" s="146" t="s">
        <v>15106</v>
      </c>
      <c r="BA6453" s="146" t="s">
        <v>15106</v>
      </c>
      <c r="BB6453" s="107">
        <v>45884</v>
      </c>
    </row>
    <row r="6454" spans="1:54" ht="13.95" customHeight="1" x14ac:dyDescent="0.25">
      <c r="A6454" s="14" t="s">
        <v>15287</v>
      </c>
      <c r="B6454" s="109" t="s">
        <v>15103</v>
      </c>
      <c r="C6454" s="93" t="s">
        <v>15288</v>
      </c>
      <c r="D6454" s="93" t="s">
        <v>15289</v>
      </c>
      <c r="E6454" s="93">
        <v>1985</v>
      </c>
      <c r="F6454" s="93">
        <v>1915</v>
      </c>
      <c r="G6454" s="93" t="s">
        <v>1</v>
      </c>
      <c r="H6454" s="111">
        <v>0</v>
      </c>
      <c r="I6454" s="111">
        <v>0</v>
      </c>
      <c r="J6454" s="111">
        <v>0</v>
      </c>
      <c r="K6454" s="111">
        <v>0</v>
      </c>
      <c r="L6454" s="111">
        <v>0</v>
      </c>
      <c r="M6454" s="111">
        <v>0</v>
      </c>
      <c r="N6454" s="111">
        <v>0</v>
      </c>
      <c r="O6454" s="111">
        <v>0</v>
      </c>
      <c r="P6454" s="111">
        <v>0</v>
      </c>
      <c r="Q6454" s="111">
        <v>0</v>
      </c>
      <c r="R6454" s="111">
        <v>0</v>
      </c>
      <c r="S6454" s="111">
        <v>0</v>
      </c>
      <c r="T6454" s="111">
        <v>0</v>
      </c>
      <c r="U6454" s="145"/>
      <c r="V6454" s="145"/>
      <c r="W6454" s="145"/>
      <c r="X6454" s="145"/>
      <c r="Y6454" s="145"/>
      <c r="Z6454" s="111">
        <v>1</v>
      </c>
      <c r="AA6454" s="145"/>
      <c r="AB6454" s="145"/>
      <c r="AC6454" s="145"/>
      <c r="AD6454" s="145"/>
      <c r="AE6454" s="145"/>
      <c r="AF6454" s="145"/>
      <c r="AG6454" s="145"/>
      <c r="AH6454" s="145"/>
      <c r="AI6454" s="145"/>
      <c r="AJ6454" s="145"/>
      <c r="AK6454" s="145"/>
      <c r="AL6454" s="145"/>
      <c r="AM6454" s="145"/>
      <c r="AN6454" s="145"/>
      <c r="AO6454" s="145"/>
      <c r="AP6454" s="145"/>
      <c r="AQ6454" s="145"/>
      <c r="AR6454" s="145"/>
      <c r="AS6454" s="145"/>
      <c r="AT6454" s="145"/>
      <c r="AU6454" s="145"/>
      <c r="AV6454" s="145"/>
      <c r="AW6454" s="145"/>
      <c r="AX6454" s="146" t="s">
        <v>15106</v>
      </c>
      <c r="AY6454" s="146" t="s">
        <v>15106</v>
      </c>
      <c r="AZ6454" s="146" t="s">
        <v>15106</v>
      </c>
      <c r="BA6454" s="146" t="s">
        <v>15106</v>
      </c>
      <c r="BB6454" s="107">
        <v>45884</v>
      </c>
    </row>
    <row r="6455" spans="1:54" ht="13.95" customHeight="1" x14ac:dyDescent="0.25">
      <c r="A6455" s="14" t="s">
        <v>15290</v>
      </c>
      <c r="B6455" s="109" t="s">
        <v>15103</v>
      </c>
      <c r="C6455" s="93" t="s">
        <v>15291</v>
      </c>
      <c r="D6455" s="93" t="s">
        <v>15292</v>
      </c>
      <c r="E6455" s="93">
        <v>1981</v>
      </c>
      <c r="F6455" s="93">
        <v>763</v>
      </c>
      <c r="G6455" s="93" t="s">
        <v>1</v>
      </c>
      <c r="H6455" s="111">
        <v>0</v>
      </c>
      <c r="I6455" s="111">
        <v>0</v>
      </c>
      <c r="J6455" s="111">
        <v>0</v>
      </c>
      <c r="K6455" s="111">
        <v>0</v>
      </c>
      <c r="L6455" s="111">
        <v>0</v>
      </c>
      <c r="M6455" s="111">
        <v>0</v>
      </c>
      <c r="N6455" s="111">
        <v>0</v>
      </c>
      <c r="O6455" s="111">
        <v>0</v>
      </c>
      <c r="P6455" s="111">
        <v>1</v>
      </c>
      <c r="Q6455" s="111">
        <v>0</v>
      </c>
      <c r="R6455" s="111">
        <v>1</v>
      </c>
      <c r="S6455" s="111">
        <v>0</v>
      </c>
      <c r="T6455" s="111">
        <v>0</v>
      </c>
      <c r="U6455" s="145"/>
      <c r="V6455" s="145"/>
      <c r="W6455" s="145"/>
      <c r="X6455" s="145"/>
      <c r="Y6455" s="145"/>
      <c r="Z6455" s="145"/>
      <c r="AA6455" s="145"/>
      <c r="AB6455" s="145"/>
      <c r="AC6455" s="145"/>
      <c r="AD6455" s="145"/>
      <c r="AE6455" s="145"/>
      <c r="AF6455" s="145"/>
      <c r="AG6455" s="145"/>
      <c r="AH6455" s="145"/>
      <c r="AI6455" s="145"/>
      <c r="AJ6455" s="145"/>
      <c r="AK6455" s="145"/>
      <c r="AL6455" s="145"/>
      <c r="AM6455" s="145"/>
      <c r="AN6455" s="145"/>
      <c r="AO6455" s="145"/>
      <c r="AP6455" s="145"/>
      <c r="AQ6455" s="145"/>
      <c r="AR6455" s="145"/>
      <c r="AS6455" s="145"/>
      <c r="AT6455" s="145"/>
      <c r="AU6455" s="145"/>
      <c r="AV6455" s="145"/>
      <c r="AW6455" s="145"/>
      <c r="AX6455" s="146" t="s">
        <v>15106</v>
      </c>
      <c r="AY6455" s="146" t="s">
        <v>15106</v>
      </c>
      <c r="AZ6455" s="146" t="s">
        <v>15106</v>
      </c>
      <c r="BA6455" s="112" t="s">
        <v>19736</v>
      </c>
      <c r="BB6455" s="107">
        <v>45884</v>
      </c>
    </row>
    <row r="6456" spans="1:54" ht="13.95" customHeight="1" x14ac:dyDescent="0.25">
      <c r="A6456" s="14" t="s">
        <v>15293</v>
      </c>
      <c r="B6456" s="109" t="s">
        <v>15103</v>
      </c>
      <c r="C6456" s="93" t="s">
        <v>15294</v>
      </c>
      <c r="D6456" s="93" t="s">
        <v>15295</v>
      </c>
      <c r="E6456" s="93">
        <v>1978</v>
      </c>
      <c r="F6456" s="93">
        <v>227</v>
      </c>
      <c r="G6456" s="93" t="s">
        <v>1</v>
      </c>
      <c r="H6456" s="111">
        <v>0</v>
      </c>
      <c r="I6456" s="111">
        <v>0</v>
      </c>
      <c r="J6456" s="111">
        <v>0</v>
      </c>
      <c r="K6456" s="111">
        <v>0</v>
      </c>
      <c r="L6456" s="111">
        <v>1</v>
      </c>
      <c r="M6456" s="111">
        <v>0</v>
      </c>
      <c r="N6456" s="111">
        <v>0</v>
      </c>
      <c r="O6456" s="111">
        <v>0</v>
      </c>
      <c r="P6456" s="111">
        <v>0</v>
      </c>
      <c r="Q6456" s="111">
        <v>0</v>
      </c>
      <c r="R6456" s="111">
        <v>0</v>
      </c>
      <c r="S6456" s="111">
        <v>0</v>
      </c>
      <c r="T6456" s="111">
        <v>0</v>
      </c>
      <c r="U6456" s="145"/>
      <c r="V6456" s="145"/>
      <c r="W6456" s="145"/>
      <c r="X6456" s="145"/>
      <c r="Y6456" s="145"/>
      <c r="Z6456" s="145"/>
      <c r="AA6456" s="145"/>
      <c r="AB6456" s="145"/>
      <c r="AC6456" s="145"/>
      <c r="AD6456" s="145"/>
      <c r="AE6456" s="145"/>
      <c r="AF6456" s="145"/>
      <c r="AG6456" s="145"/>
      <c r="AH6456" s="145"/>
      <c r="AI6456" s="145"/>
      <c r="AJ6456" s="145"/>
      <c r="AK6456" s="145"/>
      <c r="AL6456" s="145"/>
      <c r="AM6456" s="145"/>
      <c r="AN6456" s="145"/>
      <c r="AO6456" s="145"/>
      <c r="AP6456" s="145"/>
      <c r="AQ6456" s="145"/>
      <c r="AR6456" s="145"/>
      <c r="AS6456" s="145"/>
      <c r="AT6456" s="145"/>
      <c r="AU6456" s="145"/>
      <c r="AV6456" s="145"/>
      <c r="AW6456" s="145"/>
      <c r="AX6456" s="146" t="s">
        <v>15106</v>
      </c>
      <c r="AY6456" s="146" t="s">
        <v>15106</v>
      </c>
      <c r="AZ6456" s="146" t="s">
        <v>15106</v>
      </c>
      <c r="BA6456" s="146" t="s">
        <v>15106</v>
      </c>
      <c r="BB6456" s="107">
        <v>45884</v>
      </c>
    </row>
    <row r="6457" spans="1:54" ht="13.95" customHeight="1" x14ac:dyDescent="0.25">
      <c r="A6457" s="14" t="s">
        <v>15296</v>
      </c>
      <c r="B6457" s="109" t="s">
        <v>15103</v>
      </c>
      <c r="C6457" s="93" t="s">
        <v>15297</v>
      </c>
      <c r="D6457" s="93" t="s">
        <v>15298</v>
      </c>
      <c r="E6457" s="93">
        <v>1975</v>
      </c>
      <c r="F6457" s="93">
        <v>165</v>
      </c>
      <c r="G6457" s="93" t="s">
        <v>1</v>
      </c>
      <c r="H6457" s="111">
        <v>0</v>
      </c>
      <c r="I6457" s="111">
        <v>0</v>
      </c>
      <c r="J6457" s="111">
        <v>1</v>
      </c>
      <c r="K6457" s="111">
        <v>0</v>
      </c>
      <c r="L6457" s="111">
        <v>0</v>
      </c>
      <c r="M6457" s="111">
        <v>0</v>
      </c>
      <c r="N6457" s="111">
        <v>0</v>
      </c>
      <c r="O6457" s="111">
        <v>0</v>
      </c>
      <c r="P6457" s="111">
        <v>0</v>
      </c>
      <c r="Q6457" s="111">
        <v>0</v>
      </c>
      <c r="R6457" s="111">
        <v>0</v>
      </c>
      <c r="S6457" s="111">
        <v>0</v>
      </c>
      <c r="T6457" s="111">
        <v>0</v>
      </c>
      <c r="U6457" s="145"/>
      <c r="V6457" s="145"/>
      <c r="W6457" s="145"/>
      <c r="X6457" s="145"/>
      <c r="Y6457" s="145"/>
      <c r="Z6457" s="145"/>
      <c r="AA6457" s="145"/>
      <c r="AB6457" s="145"/>
      <c r="AC6457" s="145"/>
      <c r="AD6457" s="145"/>
      <c r="AE6457" s="145"/>
      <c r="AF6457" s="145"/>
      <c r="AG6457" s="145"/>
      <c r="AH6457" s="145"/>
      <c r="AI6457" s="145"/>
      <c r="AJ6457" s="145"/>
      <c r="AK6457" s="145"/>
      <c r="AL6457" s="145"/>
      <c r="AM6457" s="145"/>
      <c r="AN6457" s="145"/>
      <c r="AO6457" s="145"/>
      <c r="AP6457" s="145"/>
      <c r="AQ6457" s="145"/>
      <c r="AR6457" s="145"/>
      <c r="AS6457" s="145"/>
      <c r="AT6457" s="145"/>
      <c r="AU6457" s="145"/>
      <c r="AV6457" s="145"/>
      <c r="AW6457" s="145"/>
      <c r="AX6457" s="146" t="s">
        <v>15106</v>
      </c>
      <c r="AY6457" s="146" t="s">
        <v>15106</v>
      </c>
      <c r="AZ6457" s="146" t="s">
        <v>15106</v>
      </c>
      <c r="BA6457" s="146" t="s">
        <v>15106</v>
      </c>
      <c r="BB6457" s="107">
        <v>45884</v>
      </c>
    </row>
    <row r="6458" spans="1:54" ht="13.95" customHeight="1" x14ac:dyDescent="0.25">
      <c r="A6458" s="14" t="s">
        <v>15299</v>
      </c>
      <c r="B6458" s="109" t="s">
        <v>15103</v>
      </c>
      <c r="C6458" s="93" t="s">
        <v>15300</v>
      </c>
      <c r="D6458" s="93" t="s">
        <v>15301</v>
      </c>
      <c r="E6458" s="93" t="s">
        <v>174</v>
      </c>
      <c r="F6458" s="93">
        <v>405</v>
      </c>
      <c r="G6458" s="93" t="s">
        <v>1</v>
      </c>
      <c r="H6458" s="111">
        <v>0</v>
      </c>
      <c r="I6458" s="111">
        <v>0</v>
      </c>
      <c r="J6458" s="111">
        <v>0</v>
      </c>
      <c r="K6458" s="111">
        <v>0</v>
      </c>
      <c r="L6458" s="111">
        <v>0</v>
      </c>
      <c r="M6458" s="111">
        <v>0</v>
      </c>
      <c r="N6458" s="111">
        <v>0</v>
      </c>
      <c r="O6458" s="111">
        <v>0</v>
      </c>
      <c r="P6458" s="111">
        <v>1</v>
      </c>
      <c r="Q6458" s="111">
        <v>0</v>
      </c>
      <c r="R6458" s="111">
        <v>0</v>
      </c>
      <c r="S6458" s="111">
        <v>0</v>
      </c>
      <c r="T6458" s="111">
        <v>0</v>
      </c>
      <c r="U6458" s="145"/>
      <c r="V6458" s="145"/>
      <c r="W6458" s="145"/>
      <c r="X6458" s="145"/>
      <c r="Y6458" s="145"/>
      <c r="Z6458" s="145"/>
      <c r="AA6458" s="145"/>
      <c r="AB6458" s="145"/>
      <c r="AC6458" s="145"/>
      <c r="AD6458" s="145"/>
      <c r="AE6458" s="145"/>
      <c r="AF6458" s="145"/>
      <c r="AG6458" s="145"/>
      <c r="AH6458" s="145"/>
      <c r="AI6458" s="145"/>
      <c r="AJ6458" s="145"/>
      <c r="AK6458" s="145"/>
      <c r="AL6458" s="145"/>
      <c r="AM6458" s="145"/>
      <c r="AN6458" s="145"/>
      <c r="AO6458" s="145"/>
      <c r="AP6458" s="145"/>
      <c r="AQ6458" s="145"/>
      <c r="AR6458" s="145"/>
      <c r="AS6458" s="145"/>
      <c r="AT6458" s="145"/>
      <c r="AU6458" s="145"/>
      <c r="AV6458" s="145"/>
      <c r="AW6458" s="145"/>
      <c r="AX6458" s="146" t="s">
        <v>15106</v>
      </c>
      <c r="AY6458" s="146" t="s">
        <v>15106</v>
      </c>
      <c r="AZ6458" s="146" t="s">
        <v>15106</v>
      </c>
      <c r="BA6458" s="112" t="s">
        <v>19736</v>
      </c>
      <c r="BB6458" s="107">
        <v>45884</v>
      </c>
    </row>
    <row r="6459" spans="1:54" ht="13.95" customHeight="1" x14ac:dyDescent="0.25">
      <c r="A6459" s="14" t="s">
        <v>15302</v>
      </c>
      <c r="B6459" s="109" t="s">
        <v>15103</v>
      </c>
      <c r="C6459" s="93" t="s">
        <v>15303</v>
      </c>
      <c r="D6459" s="93" t="s">
        <v>15304</v>
      </c>
      <c r="E6459" s="93">
        <v>1984</v>
      </c>
      <c r="F6459" s="93">
        <v>197</v>
      </c>
      <c r="G6459" s="93" t="s">
        <v>1</v>
      </c>
      <c r="H6459" s="111">
        <v>0</v>
      </c>
      <c r="I6459" s="111">
        <v>0</v>
      </c>
      <c r="J6459" s="111">
        <v>0</v>
      </c>
      <c r="K6459" s="111">
        <v>0</v>
      </c>
      <c r="L6459" s="111">
        <v>0</v>
      </c>
      <c r="M6459" s="111">
        <v>0</v>
      </c>
      <c r="N6459" s="111">
        <v>0</v>
      </c>
      <c r="O6459" s="111">
        <v>0</v>
      </c>
      <c r="P6459" s="111">
        <v>0</v>
      </c>
      <c r="Q6459" s="111">
        <v>0</v>
      </c>
      <c r="R6459" s="111">
        <v>1</v>
      </c>
      <c r="S6459" s="111">
        <v>1</v>
      </c>
      <c r="T6459" s="111">
        <v>0</v>
      </c>
      <c r="U6459" s="145"/>
      <c r="V6459" s="145"/>
      <c r="W6459" s="145"/>
      <c r="X6459" s="145"/>
      <c r="Y6459" s="145"/>
      <c r="Z6459" s="145"/>
      <c r="AA6459" s="145"/>
      <c r="AB6459" s="145"/>
      <c r="AC6459" s="145"/>
      <c r="AD6459" s="145"/>
      <c r="AE6459" s="145"/>
      <c r="AF6459" s="145"/>
      <c r="AG6459" s="145"/>
      <c r="AH6459" s="145"/>
      <c r="AI6459" s="145"/>
      <c r="AJ6459" s="145"/>
      <c r="AK6459" s="145"/>
      <c r="AL6459" s="145"/>
      <c r="AM6459" s="145"/>
      <c r="AN6459" s="145"/>
      <c r="AO6459" s="145"/>
      <c r="AP6459" s="145"/>
      <c r="AQ6459" s="145"/>
      <c r="AR6459" s="145"/>
      <c r="AS6459" s="145"/>
      <c r="AT6459" s="145"/>
      <c r="AU6459" s="145"/>
      <c r="AV6459" s="145"/>
      <c r="AW6459" s="145"/>
      <c r="AX6459" s="146" t="s">
        <v>15106</v>
      </c>
      <c r="AY6459" s="146" t="s">
        <v>15106</v>
      </c>
      <c r="AZ6459" s="146" t="s">
        <v>15106</v>
      </c>
      <c r="BA6459" s="146" t="s">
        <v>15106</v>
      </c>
      <c r="BB6459" s="107">
        <v>45884</v>
      </c>
    </row>
    <row r="6460" spans="1:54" ht="13.95" customHeight="1" x14ac:dyDescent="0.25">
      <c r="A6460" s="14" t="s">
        <v>15305</v>
      </c>
      <c r="B6460" s="109" t="s">
        <v>15103</v>
      </c>
      <c r="C6460" s="93" t="s">
        <v>15306</v>
      </c>
      <c r="D6460" s="93" t="s">
        <v>15307</v>
      </c>
      <c r="E6460" s="93">
        <v>1976</v>
      </c>
      <c r="F6460" s="93">
        <v>925</v>
      </c>
      <c r="G6460" s="93" t="s">
        <v>1</v>
      </c>
      <c r="H6460" s="111">
        <v>0</v>
      </c>
      <c r="I6460" s="111">
        <v>0</v>
      </c>
      <c r="J6460" s="111">
        <v>0</v>
      </c>
      <c r="K6460" s="111">
        <v>0</v>
      </c>
      <c r="L6460" s="111">
        <v>0</v>
      </c>
      <c r="M6460" s="111">
        <v>0</v>
      </c>
      <c r="N6460" s="111">
        <v>0</v>
      </c>
      <c r="O6460" s="111">
        <v>0</v>
      </c>
      <c r="P6460" s="111">
        <v>0</v>
      </c>
      <c r="Q6460" s="111">
        <v>0</v>
      </c>
      <c r="R6460" s="111">
        <v>0</v>
      </c>
      <c r="S6460" s="111">
        <v>0</v>
      </c>
      <c r="T6460" s="111">
        <v>0</v>
      </c>
      <c r="U6460" s="145"/>
      <c r="V6460" s="145"/>
      <c r="W6460" s="145"/>
      <c r="X6460" s="145"/>
      <c r="Y6460" s="145"/>
      <c r="Z6460" s="145"/>
      <c r="AA6460" s="145"/>
      <c r="AB6460" s="145"/>
      <c r="AC6460" s="145"/>
      <c r="AD6460" s="145"/>
      <c r="AE6460" s="145"/>
      <c r="AF6460" s="145"/>
      <c r="AG6460" s="145"/>
      <c r="AH6460" s="145"/>
      <c r="AI6460" s="145"/>
      <c r="AJ6460" s="145"/>
      <c r="AK6460" s="145"/>
      <c r="AL6460" s="145"/>
      <c r="AM6460" s="145"/>
      <c r="AN6460" s="145"/>
      <c r="AO6460" s="145"/>
      <c r="AP6460" s="145"/>
      <c r="AQ6460" s="145"/>
      <c r="AR6460" s="145"/>
      <c r="AS6460" s="145"/>
      <c r="AT6460" s="145"/>
      <c r="AU6460" s="145"/>
      <c r="AV6460" s="145"/>
      <c r="AW6460" s="145"/>
      <c r="AX6460" s="146" t="s">
        <v>15106</v>
      </c>
      <c r="AY6460" s="146" t="s">
        <v>15106</v>
      </c>
      <c r="AZ6460" s="146" t="s">
        <v>15106</v>
      </c>
      <c r="BA6460" s="146" t="s">
        <v>15106</v>
      </c>
      <c r="BB6460" s="107">
        <v>45884</v>
      </c>
    </row>
    <row r="6461" spans="1:54" ht="13.95" customHeight="1" x14ac:dyDescent="0.25">
      <c r="A6461" s="14" t="s">
        <v>15308</v>
      </c>
      <c r="B6461" s="109" t="s">
        <v>15103</v>
      </c>
      <c r="C6461" s="93" t="s">
        <v>15309</v>
      </c>
      <c r="D6461" s="93" t="s">
        <v>15310</v>
      </c>
      <c r="E6461" s="93">
        <v>1975</v>
      </c>
      <c r="F6461" s="93">
        <v>926</v>
      </c>
      <c r="G6461" s="93" t="s">
        <v>1</v>
      </c>
      <c r="H6461" s="111">
        <v>0</v>
      </c>
      <c r="I6461" s="111">
        <v>0</v>
      </c>
      <c r="J6461" s="111">
        <v>0</v>
      </c>
      <c r="K6461" s="111">
        <v>0</v>
      </c>
      <c r="L6461" s="111">
        <v>0</v>
      </c>
      <c r="M6461" s="111">
        <v>0</v>
      </c>
      <c r="N6461" s="111">
        <v>0</v>
      </c>
      <c r="O6461" s="111">
        <v>0</v>
      </c>
      <c r="P6461" s="111">
        <v>0</v>
      </c>
      <c r="Q6461" s="111">
        <v>0</v>
      </c>
      <c r="R6461" s="111">
        <v>0</v>
      </c>
      <c r="S6461" s="111">
        <v>0</v>
      </c>
      <c r="T6461" s="111">
        <v>0</v>
      </c>
      <c r="U6461" s="145"/>
      <c r="V6461" s="145"/>
      <c r="W6461" s="145"/>
      <c r="X6461" s="145"/>
      <c r="Y6461" s="145"/>
      <c r="Z6461" s="145"/>
      <c r="AA6461" s="145"/>
      <c r="AB6461" s="145"/>
      <c r="AC6461" s="145"/>
      <c r="AD6461" s="145"/>
      <c r="AE6461" s="145"/>
      <c r="AF6461" s="145"/>
      <c r="AG6461" s="145"/>
      <c r="AH6461" s="145"/>
      <c r="AI6461" s="145"/>
      <c r="AJ6461" s="145"/>
      <c r="AK6461" s="145"/>
      <c r="AL6461" s="145"/>
      <c r="AM6461" s="145"/>
      <c r="AN6461" s="145"/>
      <c r="AO6461" s="145"/>
      <c r="AP6461" s="145"/>
      <c r="AQ6461" s="145"/>
      <c r="AR6461" s="145"/>
      <c r="AS6461" s="145"/>
      <c r="AT6461" s="145"/>
      <c r="AU6461" s="145"/>
      <c r="AV6461" s="145"/>
      <c r="AW6461" s="145"/>
      <c r="AX6461" s="146" t="s">
        <v>15106</v>
      </c>
      <c r="AY6461" s="146" t="s">
        <v>15106</v>
      </c>
      <c r="AZ6461" s="146" t="s">
        <v>15106</v>
      </c>
      <c r="BA6461" s="146" t="s">
        <v>15106</v>
      </c>
      <c r="BB6461" s="107">
        <v>45884</v>
      </c>
    </row>
    <row r="6462" spans="1:54" ht="13.95" customHeight="1" x14ac:dyDescent="0.25">
      <c r="A6462" s="14" t="s">
        <v>15311</v>
      </c>
      <c r="B6462" s="109" t="s">
        <v>15103</v>
      </c>
      <c r="C6462" s="93" t="s">
        <v>15312</v>
      </c>
      <c r="D6462" s="93" t="s">
        <v>15313</v>
      </c>
      <c r="E6462" s="93">
        <v>2010</v>
      </c>
      <c r="F6462" s="93">
        <v>392</v>
      </c>
      <c r="G6462" s="93" t="s">
        <v>1</v>
      </c>
      <c r="H6462" s="111">
        <v>0</v>
      </c>
      <c r="I6462" s="111">
        <v>0</v>
      </c>
      <c r="J6462" s="111">
        <v>1</v>
      </c>
      <c r="K6462" s="111">
        <v>0</v>
      </c>
      <c r="L6462" s="111">
        <v>0</v>
      </c>
      <c r="M6462" s="111">
        <v>0</v>
      </c>
      <c r="N6462" s="111">
        <v>0</v>
      </c>
      <c r="O6462" s="111">
        <v>0</v>
      </c>
      <c r="P6462" s="111">
        <v>0</v>
      </c>
      <c r="Q6462" s="111">
        <v>0</v>
      </c>
      <c r="R6462" s="111">
        <v>0</v>
      </c>
      <c r="S6462" s="111">
        <v>0</v>
      </c>
      <c r="T6462" s="111">
        <v>0</v>
      </c>
      <c r="U6462" s="145"/>
      <c r="V6462" s="145"/>
      <c r="W6462" s="145"/>
      <c r="X6462" s="145"/>
      <c r="Y6462" s="145"/>
      <c r="Z6462" s="145"/>
      <c r="AA6462" s="145"/>
      <c r="AB6462" s="145"/>
      <c r="AC6462" s="145"/>
      <c r="AD6462" s="145"/>
      <c r="AE6462" s="145"/>
      <c r="AF6462" s="145"/>
      <c r="AG6462" s="145"/>
      <c r="AH6462" s="145"/>
      <c r="AI6462" s="145"/>
      <c r="AJ6462" s="145"/>
      <c r="AK6462" s="145"/>
      <c r="AL6462" s="145"/>
      <c r="AM6462" s="145"/>
      <c r="AN6462" s="145"/>
      <c r="AO6462" s="145"/>
      <c r="AP6462" s="145"/>
      <c r="AQ6462" s="145"/>
      <c r="AR6462" s="145"/>
      <c r="AS6462" s="145"/>
      <c r="AT6462" s="145"/>
      <c r="AU6462" s="145"/>
      <c r="AV6462" s="145"/>
      <c r="AW6462" s="145"/>
      <c r="AX6462" s="146" t="s">
        <v>15106</v>
      </c>
      <c r="AY6462" s="146" t="s">
        <v>15106</v>
      </c>
      <c r="AZ6462" s="146" t="s">
        <v>15106</v>
      </c>
      <c r="BA6462" s="146" t="s">
        <v>15106</v>
      </c>
      <c r="BB6462" s="107">
        <v>45884</v>
      </c>
    </row>
    <row r="6463" spans="1:54" ht="13.95" customHeight="1" x14ac:dyDescent="0.25">
      <c r="A6463" s="14" t="s">
        <v>15314</v>
      </c>
      <c r="B6463" s="109" t="s">
        <v>15103</v>
      </c>
      <c r="C6463" s="93" t="s">
        <v>15315</v>
      </c>
      <c r="D6463" s="93" t="s">
        <v>15316</v>
      </c>
      <c r="E6463" s="93">
        <v>1976</v>
      </c>
      <c r="F6463" s="93">
        <v>17209</v>
      </c>
      <c r="G6463" s="93" t="s">
        <v>3</v>
      </c>
      <c r="H6463" s="111">
        <v>0</v>
      </c>
      <c r="I6463" s="111">
        <v>0</v>
      </c>
      <c r="J6463" s="111">
        <v>0</v>
      </c>
      <c r="K6463" s="111">
        <v>0</v>
      </c>
      <c r="L6463" s="111">
        <v>0</v>
      </c>
      <c r="M6463" s="111">
        <v>0</v>
      </c>
      <c r="N6463" s="111">
        <v>0</v>
      </c>
      <c r="O6463" s="111">
        <v>0</v>
      </c>
      <c r="P6463" s="111">
        <v>0</v>
      </c>
      <c r="Q6463" s="111">
        <v>0</v>
      </c>
      <c r="R6463" s="111">
        <v>0</v>
      </c>
      <c r="S6463" s="111">
        <v>0</v>
      </c>
      <c r="T6463" s="111">
        <v>0</v>
      </c>
      <c r="U6463" s="111">
        <v>0</v>
      </c>
      <c r="V6463" s="111">
        <v>0</v>
      </c>
      <c r="W6463" s="111">
        <v>0</v>
      </c>
      <c r="X6463" s="111">
        <v>0</v>
      </c>
      <c r="Y6463" s="111">
        <v>0</v>
      </c>
      <c r="Z6463" s="111">
        <v>0</v>
      </c>
      <c r="AA6463" s="111">
        <v>0</v>
      </c>
      <c r="AB6463" s="111">
        <v>0</v>
      </c>
      <c r="AC6463" s="111">
        <v>0</v>
      </c>
      <c r="AD6463" s="111">
        <v>0</v>
      </c>
      <c r="AE6463" s="111">
        <v>0</v>
      </c>
      <c r="AF6463" s="111">
        <v>0</v>
      </c>
      <c r="AG6463" s="111">
        <v>0</v>
      </c>
      <c r="AH6463" s="111">
        <v>0</v>
      </c>
      <c r="AI6463" s="111">
        <v>0</v>
      </c>
      <c r="AJ6463" s="111">
        <v>0</v>
      </c>
      <c r="AK6463" s="111">
        <v>0</v>
      </c>
      <c r="AL6463" s="111">
        <v>0</v>
      </c>
      <c r="AM6463" s="111">
        <v>0</v>
      </c>
      <c r="AN6463" s="111">
        <v>0</v>
      </c>
      <c r="AO6463" s="111">
        <v>0</v>
      </c>
      <c r="AP6463" s="111">
        <v>0</v>
      </c>
      <c r="AQ6463" s="111">
        <v>0</v>
      </c>
      <c r="AR6463" s="111">
        <v>0</v>
      </c>
      <c r="AS6463" s="111">
        <v>0</v>
      </c>
      <c r="AT6463" s="111" t="s">
        <v>174</v>
      </c>
      <c r="AU6463" s="111">
        <v>0</v>
      </c>
      <c r="AV6463" s="111">
        <v>0</v>
      </c>
      <c r="AW6463" s="111">
        <v>0</v>
      </c>
      <c r="AX6463" s="112" t="s">
        <v>15106</v>
      </c>
      <c r="AY6463" s="112" t="s">
        <v>15106</v>
      </c>
      <c r="AZ6463" s="112" t="s">
        <v>15106</v>
      </c>
      <c r="BA6463" s="112" t="s">
        <v>15106</v>
      </c>
      <c r="BB6463" s="107">
        <v>45884</v>
      </c>
    </row>
    <row r="6464" spans="1:54" ht="13.95" customHeight="1" x14ac:dyDescent="0.25">
      <c r="A6464" s="14" t="s">
        <v>15317</v>
      </c>
      <c r="B6464" s="109" t="s">
        <v>15103</v>
      </c>
      <c r="C6464" s="93" t="s">
        <v>4249</v>
      </c>
      <c r="D6464" s="93" t="s">
        <v>15318</v>
      </c>
      <c r="E6464" s="93">
        <v>1984</v>
      </c>
      <c r="F6464" s="93">
        <v>21371</v>
      </c>
      <c r="G6464" s="93" t="s">
        <v>3</v>
      </c>
      <c r="H6464" s="111">
        <v>1</v>
      </c>
      <c r="I6464" s="111">
        <v>0</v>
      </c>
      <c r="J6464" s="111">
        <v>1</v>
      </c>
      <c r="K6464" s="111">
        <v>0</v>
      </c>
      <c r="L6464" s="111">
        <v>0</v>
      </c>
      <c r="M6464" s="111">
        <v>0</v>
      </c>
      <c r="N6464" s="111">
        <v>0</v>
      </c>
      <c r="O6464" s="111">
        <v>0</v>
      </c>
      <c r="P6464" s="111">
        <v>0</v>
      </c>
      <c r="Q6464" s="111">
        <v>0</v>
      </c>
      <c r="R6464" s="111">
        <v>0</v>
      </c>
      <c r="S6464" s="111">
        <v>0</v>
      </c>
      <c r="T6464" s="111">
        <v>0</v>
      </c>
      <c r="U6464" s="111">
        <v>0</v>
      </c>
      <c r="V6464" s="111">
        <v>0</v>
      </c>
      <c r="W6464" s="111">
        <v>0</v>
      </c>
      <c r="X6464" s="111">
        <v>0</v>
      </c>
      <c r="Y6464" s="111">
        <v>0</v>
      </c>
      <c r="Z6464" s="111">
        <v>0</v>
      </c>
      <c r="AA6464" s="111">
        <v>0</v>
      </c>
      <c r="AB6464" s="111">
        <v>0</v>
      </c>
      <c r="AC6464" s="111">
        <v>0</v>
      </c>
      <c r="AD6464" s="111">
        <v>0</v>
      </c>
      <c r="AE6464" s="111">
        <v>0</v>
      </c>
      <c r="AF6464" s="111">
        <v>0</v>
      </c>
      <c r="AG6464" s="111">
        <v>0</v>
      </c>
      <c r="AH6464" s="111">
        <v>0</v>
      </c>
      <c r="AI6464" s="111">
        <v>0</v>
      </c>
      <c r="AJ6464" s="111">
        <v>0</v>
      </c>
      <c r="AK6464" s="111">
        <v>0</v>
      </c>
      <c r="AL6464" s="111">
        <v>0</v>
      </c>
      <c r="AM6464" s="111">
        <v>0</v>
      </c>
      <c r="AN6464" s="111">
        <v>0</v>
      </c>
      <c r="AO6464" s="111">
        <v>0</v>
      </c>
      <c r="AP6464" s="111">
        <v>0</v>
      </c>
      <c r="AQ6464" s="111">
        <v>0</v>
      </c>
      <c r="AR6464" s="111">
        <v>0</v>
      </c>
      <c r="AS6464" s="111">
        <v>0</v>
      </c>
      <c r="AT6464" s="111" t="s">
        <v>174</v>
      </c>
      <c r="AU6464" s="111">
        <v>0</v>
      </c>
      <c r="AV6464" s="111">
        <v>0</v>
      </c>
      <c r="AW6464" s="111">
        <v>0</v>
      </c>
      <c r="AX6464" s="112" t="s">
        <v>15106</v>
      </c>
      <c r="AY6464" s="112" t="s">
        <v>15106</v>
      </c>
      <c r="AZ6464" s="112" t="s">
        <v>15106</v>
      </c>
      <c r="BA6464" s="112" t="s">
        <v>19737</v>
      </c>
      <c r="BB6464" s="107">
        <v>45884</v>
      </c>
    </row>
    <row r="6465" spans="1:54" ht="13.95" customHeight="1" x14ac:dyDescent="0.25">
      <c r="A6465" s="14" t="s">
        <v>15319</v>
      </c>
      <c r="B6465" s="109" t="s">
        <v>15103</v>
      </c>
      <c r="C6465" s="93" t="s">
        <v>24202</v>
      </c>
      <c r="D6465" s="93" t="s">
        <v>15320</v>
      </c>
      <c r="E6465" s="93">
        <v>2006</v>
      </c>
      <c r="F6465" s="93">
        <v>25382</v>
      </c>
      <c r="G6465" s="93" t="s">
        <v>10</v>
      </c>
      <c r="H6465" s="111">
        <v>1</v>
      </c>
      <c r="I6465" s="111">
        <v>1</v>
      </c>
      <c r="J6465" s="111">
        <v>0</v>
      </c>
      <c r="K6465" s="111">
        <v>0</v>
      </c>
      <c r="L6465" s="111">
        <v>0</v>
      </c>
      <c r="M6465" s="111">
        <v>0</v>
      </c>
      <c r="N6465" s="111">
        <v>0</v>
      </c>
      <c r="O6465" s="111">
        <v>0</v>
      </c>
      <c r="P6465" s="111">
        <v>0</v>
      </c>
      <c r="Q6465" s="111">
        <v>0</v>
      </c>
      <c r="R6465" s="111">
        <v>0</v>
      </c>
      <c r="S6465" s="111">
        <v>0</v>
      </c>
      <c r="T6465" s="111">
        <v>0</v>
      </c>
      <c r="U6465" s="111">
        <v>0</v>
      </c>
      <c r="V6465" s="111">
        <v>0</v>
      </c>
      <c r="W6465" s="111">
        <v>0</v>
      </c>
      <c r="X6465" s="111">
        <v>0</v>
      </c>
      <c r="Y6465" s="111">
        <v>0</v>
      </c>
      <c r="Z6465" s="111">
        <v>0</v>
      </c>
      <c r="AA6465" s="111">
        <v>0</v>
      </c>
      <c r="AB6465" s="111">
        <v>0</v>
      </c>
      <c r="AC6465" s="111">
        <v>0</v>
      </c>
      <c r="AD6465" s="111">
        <v>0</v>
      </c>
      <c r="AE6465" s="111">
        <v>0</v>
      </c>
      <c r="AF6465" s="111">
        <v>0</v>
      </c>
      <c r="AG6465" s="111">
        <v>0</v>
      </c>
      <c r="AH6465" s="111">
        <v>0</v>
      </c>
      <c r="AI6465" s="111">
        <v>0</v>
      </c>
      <c r="AJ6465" s="111">
        <v>0</v>
      </c>
      <c r="AK6465" s="111">
        <v>0</v>
      </c>
      <c r="AL6465" s="111">
        <v>0</v>
      </c>
      <c r="AM6465" s="111">
        <v>0</v>
      </c>
      <c r="AN6465" s="111">
        <v>0</v>
      </c>
      <c r="AO6465" s="111">
        <v>0</v>
      </c>
      <c r="AP6465" s="111">
        <v>0</v>
      </c>
      <c r="AQ6465" s="111">
        <v>0</v>
      </c>
      <c r="AR6465" s="111">
        <v>0</v>
      </c>
      <c r="AS6465" s="111">
        <v>0</v>
      </c>
      <c r="AT6465" s="111" t="s">
        <v>174</v>
      </c>
      <c r="AU6465" s="111">
        <v>0</v>
      </c>
      <c r="AV6465" s="111">
        <v>0</v>
      </c>
      <c r="AW6465" s="111">
        <v>0</v>
      </c>
      <c r="AX6465" s="112" t="s">
        <v>15106</v>
      </c>
      <c r="AY6465" s="112" t="s">
        <v>15106</v>
      </c>
      <c r="AZ6465" s="112" t="s">
        <v>15106</v>
      </c>
      <c r="BA6465" s="112" t="s">
        <v>15106</v>
      </c>
      <c r="BB6465" s="107">
        <v>45884</v>
      </c>
    </row>
    <row r="6466" spans="1:54" ht="13.95" customHeight="1" x14ac:dyDescent="0.25">
      <c r="A6466" s="14" t="s">
        <v>15321</v>
      </c>
      <c r="B6466" s="109" t="s">
        <v>15103</v>
      </c>
      <c r="C6466" s="93" t="s">
        <v>15322</v>
      </c>
      <c r="D6466" s="93" t="s">
        <v>15323</v>
      </c>
      <c r="E6466" s="93">
        <v>1981</v>
      </c>
      <c r="F6466" s="93">
        <v>31823</v>
      </c>
      <c r="G6466" s="93" t="s">
        <v>3</v>
      </c>
      <c r="H6466" s="111">
        <v>1</v>
      </c>
      <c r="I6466" s="111">
        <v>0</v>
      </c>
      <c r="J6466" s="111">
        <v>1</v>
      </c>
      <c r="K6466" s="111">
        <v>0</v>
      </c>
      <c r="L6466" s="111">
        <v>1</v>
      </c>
      <c r="M6466" s="111">
        <v>1</v>
      </c>
      <c r="N6466" s="111">
        <v>0</v>
      </c>
      <c r="O6466" s="111">
        <v>1</v>
      </c>
      <c r="P6466" s="111">
        <v>1</v>
      </c>
      <c r="Q6466" s="111">
        <v>0</v>
      </c>
      <c r="R6466" s="111">
        <v>1</v>
      </c>
      <c r="S6466" s="111">
        <v>0</v>
      </c>
      <c r="T6466" s="111">
        <v>0</v>
      </c>
      <c r="U6466" s="111">
        <v>0</v>
      </c>
      <c r="V6466" s="111">
        <v>0</v>
      </c>
      <c r="W6466" s="111">
        <v>0</v>
      </c>
      <c r="X6466" s="111">
        <v>0</v>
      </c>
      <c r="Y6466" s="111">
        <v>0</v>
      </c>
      <c r="Z6466" s="111">
        <v>0</v>
      </c>
      <c r="AA6466" s="111">
        <v>0</v>
      </c>
      <c r="AB6466" s="111">
        <v>0</v>
      </c>
      <c r="AC6466" s="111">
        <v>0</v>
      </c>
      <c r="AD6466" s="111">
        <v>0</v>
      </c>
      <c r="AE6466" s="111">
        <v>0</v>
      </c>
      <c r="AF6466" s="111">
        <v>0</v>
      </c>
      <c r="AG6466" s="111">
        <v>0</v>
      </c>
      <c r="AH6466" s="111">
        <v>0</v>
      </c>
      <c r="AI6466" s="111">
        <v>0</v>
      </c>
      <c r="AJ6466" s="111">
        <v>0</v>
      </c>
      <c r="AK6466" s="111">
        <v>0</v>
      </c>
      <c r="AL6466" s="111">
        <v>0</v>
      </c>
      <c r="AM6466" s="111">
        <v>0</v>
      </c>
      <c r="AN6466" s="111">
        <v>0</v>
      </c>
      <c r="AO6466" s="111">
        <v>0</v>
      </c>
      <c r="AP6466" s="111">
        <v>0</v>
      </c>
      <c r="AQ6466" s="111">
        <v>0</v>
      </c>
      <c r="AR6466" s="111">
        <v>0</v>
      </c>
      <c r="AS6466" s="111">
        <v>0</v>
      </c>
      <c r="AT6466" s="111" t="s">
        <v>174</v>
      </c>
      <c r="AU6466" s="111">
        <v>1</v>
      </c>
      <c r="AV6466" s="111">
        <v>0</v>
      </c>
      <c r="AW6466" s="111">
        <v>0</v>
      </c>
      <c r="AX6466" s="112" t="s">
        <v>15106</v>
      </c>
      <c r="AY6466" s="112" t="s">
        <v>15106</v>
      </c>
      <c r="AZ6466" s="112" t="s">
        <v>15106</v>
      </c>
      <c r="BA6466" s="112" t="s">
        <v>21653</v>
      </c>
      <c r="BB6466" s="107">
        <v>45884</v>
      </c>
    </row>
    <row r="6467" spans="1:54" ht="13.95" customHeight="1" x14ac:dyDescent="0.25">
      <c r="A6467" s="14" t="s">
        <v>15324</v>
      </c>
      <c r="B6467" s="109" t="s">
        <v>15103</v>
      </c>
      <c r="C6467" s="93" t="s">
        <v>15325</v>
      </c>
      <c r="D6467" s="93" t="s">
        <v>15326</v>
      </c>
      <c r="E6467" s="93">
        <v>1976</v>
      </c>
      <c r="F6467" s="93">
        <v>55576</v>
      </c>
      <c r="G6467" s="93" t="s">
        <v>7</v>
      </c>
      <c r="H6467" s="111">
        <v>1</v>
      </c>
      <c r="I6467" s="111">
        <v>1</v>
      </c>
      <c r="J6467" s="111">
        <v>1</v>
      </c>
      <c r="K6467" s="111">
        <v>0</v>
      </c>
      <c r="L6467" s="111">
        <v>1</v>
      </c>
      <c r="M6467" s="111">
        <v>1</v>
      </c>
      <c r="N6467" s="111">
        <v>1</v>
      </c>
      <c r="O6467" s="111">
        <v>0</v>
      </c>
      <c r="P6467" s="111">
        <v>1</v>
      </c>
      <c r="Q6467" s="111">
        <v>1</v>
      </c>
      <c r="R6467" s="111">
        <v>1</v>
      </c>
      <c r="S6467" s="111">
        <v>0</v>
      </c>
      <c r="T6467" s="111">
        <v>0</v>
      </c>
      <c r="U6467" s="111">
        <v>0</v>
      </c>
      <c r="V6467" s="111">
        <v>0</v>
      </c>
      <c r="W6467" s="111">
        <v>0</v>
      </c>
      <c r="X6467" s="111">
        <v>0</v>
      </c>
      <c r="Y6467" s="111">
        <v>0</v>
      </c>
      <c r="Z6467" s="111">
        <v>1</v>
      </c>
      <c r="AA6467" s="111">
        <v>0</v>
      </c>
      <c r="AB6467" s="111">
        <v>1</v>
      </c>
      <c r="AC6467" s="111">
        <v>0</v>
      </c>
      <c r="AD6467" s="111">
        <v>0</v>
      </c>
      <c r="AE6467" s="111">
        <v>0</v>
      </c>
      <c r="AF6467" s="111">
        <v>1</v>
      </c>
      <c r="AG6467" s="111">
        <v>0</v>
      </c>
      <c r="AH6467" s="111">
        <v>0</v>
      </c>
      <c r="AI6467" s="111">
        <v>0</v>
      </c>
      <c r="AJ6467" s="111">
        <v>0</v>
      </c>
      <c r="AK6467" s="111">
        <v>0</v>
      </c>
      <c r="AL6467" s="111">
        <v>0</v>
      </c>
      <c r="AM6467" s="111">
        <v>0</v>
      </c>
      <c r="AN6467" s="111">
        <v>0</v>
      </c>
      <c r="AO6467" s="111">
        <v>1</v>
      </c>
      <c r="AP6467" s="111">
        <v>0</v>
      </c>
      <c r="AQ6467" s="111">
        <v>1</v>
      </c>
      <c r="AR6467" s="111">
        <v>0</v>
      </c>
      <c r="AS6467" s="111">
        <v>0</v>
      </c>
      <c r="AT6467" s="111">
        <v>1</v>
      </c>
      <c r="AU6467" s="111">
        <v>1</v>
      </c>
      <c r="AV6467" s="111">
        <v>1</v>
      </c>
      <c r="AW6467" s="111">
        <v>1</v>
      </c>
      <c r="AX6467" s="112" t="s">
        <v>15106</v>
      </c>
      <c r="AY6467" s="112" t="s">
        <v>15106</v>
      </c>
      <c r="AZ6467" s="112" t="s">
        <v>15106</v>
      </c>
      <c r="BA6467" s="112" t="s">
        <v>20532</v>
      </c>
      <c r="BB6467" s="107">
        <v>45884</v>
      </c>
    </row>
    <row r="6468" spans="1:54" ht="13.95" customHeight="1" x14ac:dyDescent="0.25">
      <c r="A6468" s="14" t="s">
        <v>15327</v>
      </c>
      <c r="B6468" s="109" t="s">
        <v>15103</v>
      </c>
      <c r="C6468" s="93" t="s">
        <v>15328</v>
      </c>
      <c r="D6468" s="93" t="s">
        <v>15329</v>
      </c>
      <c r="E6468" s="93">
        <v>1955</v>
      </c>
      <c r="F6468" s="93">
        <v>58683</v>
      </c>
      <c r="G6468" s="93" t="s">
        <v>10</v>
      </c>
      <c r="H6468" s="111">
        <v>1</v>
      </c>
      <c r="I6468" s="111">
        <v>1</v>
      </c>
      <c r="J6468" s="111">
        <v>1</v>
      </c>
      <c r="K6468" s="111">
        <v>1</v>
      </c>
      <c r="L6468" s="111">
        <v>0</v>
      </c>
      <c r="M6468" s="111">
        <v>1</v>
      </c>
      <c r="N6468" s="111">
        <v>0</v>
      </c>
      <c r="O6468" s="111">
        <v>1</v>
      </c>
      <c r="P6468" s="111">
        <v>0</v>
      </c>
      <c r="Q6468" s="111">
        <v>0</v>
      </c>
      <c r="R6468" s="111">
        <v>0</v>
      </c>
      <c r="S6468" s="111">
        <v>1</v>
      </c>
      <c r="T6468" s="111">
        <v>0</v>
      </c>
      <c r="U6468" s="111">
        <v>0</v>
      </c>
      <c r="V6468" s="111">
        <v>0</v>
      </c>
      <c r="W6468" s="111">
        <v>0</v>
      </c>
      <c r="X6468" s="111">
        <v>0</v>
      </c>
      <c r="Y6468" s="111">
        <v>0</v>
      </c>
      <c r="Z6468" s="111">
        <v>0</v>
      </c>
      <c r="AA6468" s="111">
        <v>0</v>
      </c>
      <c r="AB6468" s="111">
        <v>0</v>
      </c>
      <c r="AC6468" s="111">
        <v>0</v>
      </c>
      <c r="AD6468" s="111">
        <v>0</v>
      </c>
      <c r="AE6468" s="111">
        <v>0</v>
      </c>
      <c r="AF6468" s="111">
        <v>0</v>
      </c>
      <c r="AG6468" s="111">
        <v>0</v>
      </c>
      <c r="AH6468" s="111">
        <v>0</v>
      </c>
      <c r="AI6468" s="111">
        <v>1</v>
      </c>
      <c r="AJ6468" s="111">
        <v>0</v>
      </c>
      <c r="AK6468" s="111">
        <v>0</v>
      </c>
      <c r="AL6468" s="111">
        <v>0</v>
      </c>
      <c r="AM6468" s="111">
        <v>0</v>
      </c>
      <c r="AN6468" s="111">
        <v>0</v>
      </c>
      <c r="AO6468" s="111">
        <v>1</v>
      </c>
      <c r="AP6468" s="111">
        <v>0</v>
      </c>
      <c r="AQ6468" s="111">
        <v>0</v>
      </c>
      <c r="AR6468" s="111">
        <v>0</v>
      </c>
      <c r="AS6468" s="111">
        <v>0</v>
      </c>
      <c r="AT6468" s="111">
        <v>1</v>
      </c>
      <c r="AU6468" s="111">
        <v>1</v>
      </c>
      <c r="AV6468" s="111">
        <v>0</v>
      </c>
      <c r="AW6468" s="111">
        <v>0</v>
      </c>
      <c r="AX6468" s="112" t="s">
        <v>15106</v>
      </c>
      <c r="AY6468" s="112" t="s">
        <v>15106</v>
      </c>
      <c r="AZ6468" s="112" t="s">
        <v>15106</v>
      </c>
      <c r="BA6468" s="112" t="s">
        <v>24203</v>
      </c>
      <c r="BB6468" s="107">
        <v>45884</v>
      </c>
    </row>
    <row r="6469" spans="1:54" ht="13.95" customHeight="1" x14ac:dyDescent="0.25">
      <c r="A6469" s="14" t="s">
        <v>15330</v>
      </c>
      <c r="B6469" s="109" t="s">
        <v>15103</v>
      </c>
      <c r="C6469" s="93" t="s">
        <v>15331</v>
      </c>
      <c r="D6469" s="93" t="s">
        <v>15332</v>
      </c>
      <c r="E6469" s="93">
        <v>2015</v>
      </c>
      <c r="F6469" s="93">
        <v>94838</v>
      </c>
      <c r="G6469" s="93" t="s">
        <v>7</v>
      </c>
      <c r="H6469" s="111">
        <v>1</v>
      </c>
      <c r="I6469" s="111">
        <v>1</v>
      </c>
      <c r="J6469" s="111">
        <v>0</v>
      </c>
      <c r="K6469" s="111">
        <v>0</v>
      </c>
      <c r="L6469" s="111">
        <v>0</v>
      </c>
      <c r="M6469" s="111">
        <v>0</v>
      </c>
      <c r="N6469" s="111">
        <v>0</v>
      </c>
      <c r="O6469" s="111">
        <v>0</v>
      </c>
      <c r="P6469" s="111">
        <v>0</v>
      </c>
      <c r="Q6469" s="111">
        <v>0</v>
      </c>
      <c r="R6469" s="111">
        <v>0</v>
      </c>
      <c r="S6469" s="111">
        <v>0</v>
      </c>
      <c r="T6469" s="111">
        <v>0</v>
      </c>
      <c r="U6469" s="111">
        <v>0</v>
      </c>
      <c r="V6469" s="111">
        <v>0</v>
      </c>
      <c r="W6469" s="111">
        <v>0</v>
      </c>
      <c r="X6469" s="111">
        <v>0</v>
      </c>
      <c r="Y6469" s="111">
        <v>0</v>
      </c>
      <c r="Z6469" s="111">
        <v>1</v>
      </c>
      <c r="AA6469" s="111">
        <v>0</v>
      </c>
      <c r="AB6469" s="111">
        <v>1</v>
      </c>
      <c r="AC6469" s="111">
        <v>0</v>
      </c>
      <c r="AD6469" s="111">
        <v>0</v>
      </c>
      <c r="AE6469" s="111">
        <v>0</v>
      </c>
      <c r="AF6469" s="111">
        <v>0</v>
      </c>
      <c r="AG6469" s="111">
        <v>0</v>
      </c>
      <c r="AH6469" s="111">
        <v>1</v>
      </c>
      <c r="AI6469" s="111">
        <v>0</v>
      </c>
      <c r="AJ6469" s="111">
        <v>0</v>
      </c>
      <c r="AK6469" s="111">
        <v>0</v>
      </c>
      <c r="AL6469" s="111">
        <v>0</v>
      </c>
      <c r="AM6469" s="111">
        <v>0</v>
      </c>
      <c r="AN6469" s="111">
        <v>0</v>
      </c>
      <c r="AO6469" s="111">
        <v>0</v>
      </c>
      <c r="AP6469" s="111">
        <v>0</v>
      </c>
      <c r="AQ6469" s="111">
        <v>0</v>
      </c>
      <c r="AR6469" s="111">
        <v>0</v>
      </c>
      <c r="AS6469" s="111">
        <v>0</v>
      </c>
      <c r="AT6469" s="111" t="s">
        <v>174</v>
      </c>
      <c r="AU6469" s="111">
        <v>1</v>
      </c>
      <c r="AV6469" s="111">
        <v>1</v>
      </c>
      <c r="AW6469" s="111">
        <v>1</v>
      </c>
      <c r="AX6469" s="112" t="s">
        <v>15333</v>
      </c>
      <c r="AY6469" s="112" t="s">
        <v>24204</v>
      </c>
      <c r="AZ6469" s="112" t="s">
        <v>15106</v>
      </c>
      <c r="BA6469" s="112" t="s">
        <v>21654</v>
      </c>
      <c r="BB6469" s="107">
        <v>45884</v>
      </c>
    </row>
    <row r="6470" spans="1:54" ht="13.95" customHeight="1" x14ac:dyDescent="0.25">
      <c r="A6470" s="14" t="s">
        <v>21655</v>
      </c>
      <c r="B6470" s="109" t="s">
        <v>15103</v>
      </c>
      <c r="C6470" s="93" t="s">
        <v>15334</v>
      </c>
      <c r="D6470" s="93" t="s">
        <v>20213</v>
      </c>
      <c r="E6470" s="93">
        <v>2015</v>
      </c>
      <c r="F6470" s="93">
        <v>301927</v>
      </c>
      <c r="G6470" s="93" t="s">
        <v>9</v>
      </c>
      <c r="H6470" s="111">
        <v>1</v>
      </c>
      <c r="I6470" s="111">
        <v>1</v>
      </c>
      <c r="J6470" s="111">
        <v>0</v>
      </c>
      <c r="K6470" s="111">
        <v>0</v>
      </c>
      <c r="L6470" s="111">
        <v>0</v>
      </c>
      <c r="M6470" s="111">
        <v>0</v>
      </c>
      <c r="N6470" s="111">
        <v>0</v>
      </c>
      <c r="O6470" s="111">
        <v>0</v>
      </c>
      <c r="P6470" s="111">
        <v>0</v>
      </c>
      <c r="Q6470" s="111">
        <v>0</v>
      </c>
      <c r="R6470" s="111">
        <v>0</v>
      </c>
      <c r="S6470" s="111">
        <v>0</v>
      </c>
      <c r="T6470" s="111">
        <v>0</v>
      </c>
      <c r="U6470" s="111">
        <v>0</v>
      </c>
      <c r="V6470" s="111">
        <v>0</v>
      </c>
      <c r="W6470" s="111">
        <v>0</v>
      </c>
      <c r="X6470" s="111">
        <v>0</v>
      </c>
      <c r="Y6470" s="111">
        <v>0</v>
      </c>
      <c r="Z6470" s="111">
        <v>0</v>
      </c>
      <c r="AA6470" s="111">
        <v>0</v>
      </c>
      <c r="AB6470" s="111">
        <v>0</v>
      </c>
      <c r="AC6470" s="111">
        <v>0</v>
      </c>
      <c r="AD6470" s="111">
        <v>0</v>
      </c>
      <c r="AE6470" s="111">
        <v>0</v>
      </c>
      <c r="AF6470" s="111">
        <v>0</v>
      </c>
      <c r="AG6470" s="111">
        <v>0</v>
      </c>
      <c r="AH6470" s="111">
        <v>0</v>
      </c>
      <c r="AI6470" s="111">
        <v>0</v>
      </c>
      <c r="AJ6470" s="111">
        <v>0</v>
      </c>
      <c r="AK6470" s="111">
        <v>0</v>
      </c>
      <c r="AL6470" s="111">
        <v>0</v>
      </c>
      <c r="AM6470" s="111">
        <v>0</v>
      </c>
      <c r="AN6470" s="111">
        <v>0</v>
      </c>
      <c r="AO6470" s="111">
        <v>0</v>
      </c>
      <c r="AP6470" s="111">
        <v>0</v>
      </c>
      <c r="AQ6470" s="111">
        <v>0</v>
      </c>
      <c r="AR6470" s="111">
        <v>0</v>
      </c>
      <c r="AS6470" s="111">
        <v>0</v>
      </c>
      <c r="AT6470" s="111" t="s">
        <v>174</v>
      </c>
      <c r="AU6470" s="111">
        <v>0</v>
      </c>
      <c r="AV6470" s="111">
        <v>0</v>
      </c>
      <c r="AW6470" s="111">
        <v>1</v>
      </c>
      <c r="AX6470" s="112" t="s">
        <v>24410</v>
      </c>
      <c r="AY6470" s="112" t="s">
        <v>24205</v>
      </c>
      <c r="AZ6470" s="112" t="s">
        <v>15106</v>
      </c>
      <c r="BA6470" s="159" t="s">
        <v>24206</v>
      </c>
      <c r="BB6470" s="107">
        <v>45884</v>
      </c>
    </row>
    <row r="6471" spans="1:54" s="238" customFormat="1" ht="13.95" customHeight="1" x14ac:dyDescent="0.25">
      <c r="A6471" s="256" t="s">
        <v>15335</v>
      </c>
      <c r="B6471" s="96" t="s">
        <v>20308</v>
      </c>
      <c r="C6471" s="267" t="s">
        <v>15336</v>
      </c>
      <c r="D6471" s="267" t="s">
        <v>15337</v>
      </c>
      <c r="E6471" s="268">
        <v>1991</v>
      </c>
      <c r="F6471" s="268">
        <v>256</v>
      </c>
      <c r="G6471" s="267" t="s">
        <v>1</v>
      </c>
      <c r="H6471" s="268">
        <v>0</v>
      </c>
      <c r="I6471" s="268">
        <v>0</v>
      </c>
      <c r="J6471" s="268">
        <v>0</v>
      </c>
      <c r="K6471" s="268">
        <v>0</v>
      </c>
      <c r="L6471" s="268">
        <v>0</v>
      </c>
      <c r="M6471" s="268">
        <v>1</v>
      </c>
      <c r="N6471" s="268">
        <v>0</v>
      </c>
      <c r="O6471" s="268">
        <v>0</v>
      </c>
      <c r="P6471" s="268">
        <v>0</v>
      </c>
      <c r="Q6471" s="268">
        <v>0</v>
      </c>
      <c r="R6471" s="268">
        <v>0</v>
      </c>
      <c r="S6471" s="268">
        <v>0</v>
      </c>
      <c r="T6471" s="268">
        <v>0</v>
      </c>
      <c r="U6471" s="145"/>
      <c r="V6471" s="145"/>
      <c r="W6471" s="145"/>
      <c r="X6471" s="145"/>
      <c r="Y6471" s="145"/>
      <c r="Z6471" s="145"/>
      <c r="AA6471" s="145"/>
      <c r="AB6471" s="145"/>
      <c r="AC6471" s="145"/>
      <c r="AD6471" s="145"/>
      <c r="AE6471" s="145"/>
      <c r="AF6471" s="145"/>
      <c r="AG6471" s="145"/>
      <c r="AH6471" s="145"/>
      <c r="AI6471" s="145"/>
      <c r="AJ6471" s="145"/>
      <c r="AK6471" s="145"/>
      <c r="AL6471" s="145"/>
      <c r="AM6471" s="145"/>
      <c r="AN6471" s="145"/>
      <c r="AO6471" s="145"/>
      <c r="AP6471" s="145"/>
      <c r="AQ6471" s="145"/>
      <c r="AR6471" s="145"/>
      <c r="AS6471" s="145"/>
      <c r="AT6471" s="145"/>
      <c r="AU6471" s="145"/>
      <c r="AV6471" s="145"/>
      <c r="AW6471" s="145"/>
      <c r="AX6471" s="146"/>
      <c r="AY6471" s="146"/>
      <c r="AZ6471" s="146"/>
      <c r="BA6471" s="146"/>
      <c r="BB6471" s="107">
        <v>45884</v>
      </c>
    </row>
    <row r="6472" spans="1:54" s="238" customFormat="1" ht="13.95" customHeight="1" x14ac:dyDescent="0.25">
      <c r="A6472" s="256" t="s">
        <v>15338</v>
      </c>
      <c r="B6472" s="96" t="s">
        <v>20308</v>
      </c>
      <c r="C6472" s="267" t="s">
        <v>15339</v>
      </c>
      <c r="D6472" s="267" t="s">
        <v>15340</v>
      </c>
      <c r="E6472" s="268">
        <v>1994</v>
      </c>
      <c r="F6472" s="268">
        <v>300</v>
      </c>
      <c r="G6472" s="267" t="s">
        <v>1</v>
      </c>
      <c r="H6472" s="268">
        <v>0</v>
      </c>
      <c r="I6472" s="268">
        <v>0</v>
      </c>
      <c r="J6472" s="268">
        <v>1</v>
      </c>
      <c r="K6472" s="268">
        <v>0</v>
      </c>
      <c r="L6472" s="268">
        <v>1</v>
      </c>
      <c r="M6472" s="268">
        <v>0</v>
      </c>
      <c r="N6472" s="268">
        <v>1</v>
      </c>
      <c r="O6472" s="268">
        <v>0</v>
      </c>
      <c r="P6472" s="268">
        <v>0</v>
      </c>
      <c r="Q6472" s="268">
        <v>0</v>
      </c>
      <c r="R6472" s="268">
        <v>0</v>
      </c>
      <c r="S6472" s="268">
        <v>0</v>
      </c>
      <c r="T6472" s="268">
        <v>0</v>
      </c>
      <c r="U6472" s="145"/>
      <c r="V6472" s="145"/>
      <c r="W6472" s="145"/>
      <c r="X6472" s="145"/>
      <c r="Y6472" s="145"/>
      <c r="Z6472" s="145"/>
      <c r="AA6472" s="145"/>
      <c r="AB6472" s="145"/>
      <c r="AC6472" s="145"/>
      <c r="AD6472" s="145"/>
      <c r="AE6472" s="145"/>
      <c r="AF6472" s="145"/>
      <c r="AG6472" s="145"/>
      <c r="AH6472" s="145"/>
      <c r="AI6472" s="145"/>
      <c r="AJ6472" s="145"/>
      <c r="AK6472" s="145"/>
      <c r="AL6472" s="145"/>
      <c r="AM6472" s="145"/>
      <c r="AN6472" s="145"/>
      <c r="AO6472" s="145"/>
      <c r="AP6472" s="145"/>
      <c r="AQ6472" s="145"/>
      <c r="AR6472" s="145"/>
      <c r="AS6472" s="145"/>
      <c r="AT6472" s="145"/>
      <c r="AU6472" s="145"/>
      <c r="AV6472" s="145"/>
      <c r="AW6472" s="145"/>
      <c r="AX6472" s="146"/>
      <c r="AY6472" s="146"/>
      <c r="AZ6472" s="146"/>
      <c r="BA6472" s="146"/>
      <c r="BB6472" s="107">
        <v>45884</v>
      </c>
    </row>
    <row r="6473" spans="1:54" s="238" customFormat="1" ht="13.95" customHeight="1" x14ac:dyDescent="0.25">
      <c r="A6473" s="256" t="s">
        <v>15341</v>
      </c>
      <c r="B6473" s="96" t="s">
        <v>20308</v>
      </c>
      <c r="C6473" s="267" t="s">
        <v>15342</v>
      </c>
      <c r="D6473" s="267" t="s">
        <v>15343</v>
      </c>
      <c r="E6473" s="268">
        <v>1980</v>
      </c>
      <c r="F6473" s="268">
        <v>367</v>
      </c>
      <c r="G6473" s="267" t="s">
        <v>1</v>
      </c>
      <c r="H6473" s="268">
        <v>0</v>
      </c>
      <c r="I6473" s="268">
        <v>0</v>
      </c>
      <c r="J6473" s="268">
        <v>0</v>
      </c>
      <c r="K6473" s="268">
        <v>0</v>
      </c>
      <c r="L6473" s="268">
        <v>0</v>
      </c>
      <c r="M6473" s="268">
        <v>0</v>
      </c>
      <c r="N6473" s="268">
        <v>0</v>
      </c>
      <c r="O6473" s="268">
        <v>1</v>
      </c>
      <c r="P6473" s="268">
        <v>1</v>
      </c>
      <c r="Q6473" s="268">
        <v>0</v>
      </c>
      <c r="R6473" s="268">
        <v>0</v>
      </c>
      <c r="S6473" s="268">
        <v>1</v>
      </c>
      <c r="T6473" s="268">
        <v>0</v>
      </c>
      <c r="U6473" s="145"/>
      <c r="V6473" s="145"/>
      <c r="W6473" s="145"/>
      <c r="X6473" s="145"/>
      <c r="Y6473" s="145"/>
      <c r="Z6473" s="145"/>
      <c r="AA6473" s="145"/>
      <c r="AB6473" s="145"/>
      <c r="AC6473" s="145"/>
      <c r="AD6473" s="145"/>
      <c r="AE6473" s="145"/>
      <c r="AF6473" s="145"/>
      <c r="AG6473" s="145"/>
      <c r="AH6473" s="145"/>
      <c r="AI6473" s="145"/>
      <c r="AJ6473" s="145"/>
      <c r="AK6473" s="145"/>
      <c r="AL6473" s="145"/>
      <c r="AM6473" s="145"/>
      <c r="AN6473" s="145"/>
      <c r="AO6473" s="145"/>
      <c r="AP6473" s="145"/>
      <c r="AQ6473" s="145"/>
      <c r="AR6473" s="145"/>
      <c r="AS6473" s="145"/>
      <c r="AT6473" s="145"/>
      <c r="AU6473" s="145"/>
      <c r="AV6473" s="145"/>
      <c r="AW6473" s="145"/>
      <c r="AX6473" s="146"/>
      <c r="AY6473" s="146"/>
      <c r="AZ6473" s="146"/>
      <c r="BA6473" s="146"/>
      <c r="BB6473" s="107">
        <v>45884</v>
      </c>
    </row>
    <row r="6474" spans="1:54" s="238" customFormat="1" ht="13.95" customHeight="1" x14ac:dyDescent="0.25">
      <c r="A6474" s="256" t="s">
        <v>15344</v>
      </c>
      <c r="B6474" s="96" t="s">
        <v>20308</v>
      </c>
      <c r="C6474" s="267" t="s">
        <v>15345</v>
      </c>
      <c r="D6474" s="267" t="s">
        <v>15346</v>
      </c>
      <c r="E6474" s="268">
        <v>1983</v>
      </c>
      <c r="F6474" s="268">
        <v>418</v>
      </c>
      <c r="G6474" s="267" t="s">
        <v>1</v>
      </c>
      <c r="H6474" s="268">
        <v>0</v>
      </c>
      <c r="I6474" s="268">
        <v>0</v>
      </c>
      <c r="J6474" s="268">
        <v>1</v>
      </c>
      <c r="K6474" s="268">
        <v>0</v>
      </c>
      <c r="L6474" s="268">
        <v>1</v>
      </c>
      <c r="M6474" s="268">
        <v>0</v>
      </c>
      <c r="N6474" s="268">
        <v>0</v>
      </c>
      <c r="O6474" s="268">
        <v>0</v>
      </c>
      <c r="P6474" s="268">
        <v>0</v>
      </c>
      <c r="Q6474" s="268">
        <v>0</v>
      </c>
      <c r="R6474" s="268">
        <v>1</v>
      </c>
      <c r="S6474" s="268">
        <v>0</v>
      </c>
      <c r="T6474" s="268">
        <v>0</v>
      </c>
      <c r="U6474" s="145"/>
      <c r="V6474" s="145"/>
      <c r="W6474" s="145"/>
      <c r="X6474" s="145"/>
      <c r="Y6474" s="145"/>
      <c r="Z6474" s="145"/>
      <c r="AA6474" s="145"/>
      <c r="AB6474" s="145"/>
      <c r="AC6474" s="145"/>
      <c r="AD6474" s="145"/>
      <c r="AE6474" s="145"/>
      <c r="AF6474" s="145"/>
      <c r="AG6474" s="145"/>
      <c r="AH6474" s="145"/>
      <c r="AI6474" s="145"/>
      <c r="AJ6474" s="145"/>
      <c r="AK6474" s="145"/>
      <c r="AL6474" s="145"/>
      <c r="AM6474" s="145"/>
      <c r="AN6474" s="145"/>
      <c r="AO6474" s="145"/>
      <c r="AP6474" s="145"/>
      <c r="AQ6474" s="145"/>
      <c r="AR6474" s="145"/>
      <c r="AS6474" s="145"/>
      <c r="AT6474" s="145"/>
      <c r="AU6474" s="145"/>
      <c r="AV6474" s="145"/>
      <c r="AW6474" s="145"/>
      <c r="AX6474" s="146"/>
      <c r="AY6474" s="146"/>
      <c r="AZ6474" s="146"/>
      <c r="BA6474" s="146"/>
      <c r="BB6474" s="107">
        <v>45884</v>
      </c>
    </row>
    <row r="6475" spans="1:54" s="238" customFormat="1" ht="13.95" customHeight="1" x14ac:dyDescent="0.25">
      <c r="A6475" s="256" t="s">
        <v>15347</v>
      </c>
      <c r="B6475" s="96" t="s">
        <v>20308</v>
      </c>
      <c r="C6475" s="267" t="s">
        <v>15348</v>
      </c>
      <c r="D6475" s="267" t="s">
        <v>15349</v>
      </c>
      <c r="E6475" s="268">
        <v>1973</v>
      </c>
      <c r="F6475" s="268">
        <v>471</v>
      </c>
      <c r="G6475" s="267" t="s">
        <v>1</v>
      </c>
      <c r="H6475" s="268">
        <v>0</v>
      </c>
      <c r="I6475" s="268">
        <v>0</v>
      </c>
      <c r="J6475" s="268">
        <v>1</v>
      </c>
      <c r="K6475" s="268">
        <v>0</v>
      </c>
      <c r="L6475" s="268">
        <v>0</v>
      </c>
      <c r="M6475" s="268">
        <v>0</v>
      </c>
      <c r="N6475" s="268">
        <v>0</v>
      </c>
      <c r="O6475" s="268">
        <v>0</v>
      </c>
      <c r="P6475" s="268">
        <v>1</v>
      </c>
      <c r="Q6475" s="268">
        <v>0</v>
      </c>
      <c r="R6475" s="268">
        <v>0</v>
      </c>
      <c r="S6475" s="268">
        <v>0</v>
      </c>
      <c r="T6475" s="268">
        <v>0</v>
      </c>
      <c r="U6475" s="145"/>
      <c r="V6475" s="145"/>
      <c r="W6475" s="145"/>
      <c r="X6475" s="145"/>
      <c r="Y6475" s="145"/>
      <c r="Z6475" s="145"/>
      <c r="AA6475" s="145"/>
      <c r="AB6475" s="145"/>
      <c r="AC6475" s="145"/>
      <c r="AD6475" s="145"/>
      <c r="AE6475" s="145"/>
      <c r="AF6475" s="145"/>
      <c r="AG6475" s="145"/>
      <c r="AH6475" s="145"/>
      <c r="AI6475" s="145"/>
      <c r="AJ6475" s="145"/>
      <c r="AK6475" s="145"/>
      <c r="AL6475" s="145"/>
      <c r="AM6475" s="145"/>
      <c r="AN6475" s="145"/>
      <c r="AO6475" s="145"/>
      <c r="AP6475" s="145"/>
      <c r="AQ6475" s="145"/>
      <c r="AR6475" s="145"/>
      <c r="AS6475" s="145"/>
      <c r="AT6475" s="145"/>
      <c r="AU6475" s="145"/>
      <c r="AV6475" s="145"/>
      <c r="AW6475" s="145"/>
      <c r="AX6475" s="146"/>
      <c r="AY6475" s="146"/>
      <c r="AZ6475" s="146"/>
      <c r="BA6475" s="146"/>
      <c r="BB6475" s="107">
        <v>45884</v>
      </c>
    </row>
    <row r="6476" spans="1:54" s="238" customFormat="1" ht="13.95" customHeight="1" x14ac:dyDescent="0.25">
      <c r="A6476" s="256" t="s">
        <v>15350</v>
      </c>
      <c r="B6476" s="96" t="s">
        <v>20308</v>
      </c>
      <c r="C6476" s="267" t="s">
        <v>15351</v>
      </c>
      <c r="D6476" s="267" t="s">
        <v>15352</v>
      </c>
      <c r="E6476" s="268">
        <v>1973</v>
      </c>
      <c r="F6476" s="268">
        <v>472</v>
      </c>
      <c r="G6476" s="267" t="s">
        <v>1</v>
      </c>
      <c r="H6476" s="268">
        <v>0</v>
      </c>
      <c r="I6476" s="268">
        <v>0</v>
      </c>
      <c r="J6476" s="268">
        <v>0</v>
      </c>
      <c r="K6476" s="268">
        <v>0</v>
      </c>
      <c r="L6476" s="268">
        <v>0</v>
      </c>
      <c r="M6476" s="268">
        <v>0</v>
      </c>
      <c r="N6476" s="268">
        <v>0</v>
      </c>
      <c r="O6476" s="268">
        <v>0</v>
      </c>
      <c r="P6476" s="268">
        <v>1</v>
      </c>
      <c r="Q6476" s="268">
        <v>0</v>
      </c>
      <c r="R6476" s="268">
        <v>0</v>
      </c>
      <c r="S6476" s="268">
        <v>0</v>
      </c>
      <c r="T6476" s="268">
        <v>0</v>
      </c>
      <c r="U6476" s="145"/>
      <c r="V6476" s="145"/>
      <c r="W6476" s="145"/>
      <c r="X6476" s="145"/>
      <c r="Y6476" s="145"/>
      <c r="Z6476" s="145"/>
      <c r="AA6476" s="145"/>
      <c r="AB6476" s="145"/>
      <c r="AC6476" s="145"/>
      <c r="AD6476" s="145"/>
      <c r="AE6476" s="145"/>
      <c r="AF6476" s="145"/>
      <c r="AG6476" s="145"/>
      <c r="AH6476" s="145"/>
      <c r="AI6476" s="145"/>
      <c r="AJ6476" s="145"/>
      <c r="AK6476" s="145"/>
      <c r="AL6476" s="145"/>
      <c r="AM6476" s="145"/>
      <c r="AN6476" s="145"/>
      <c r="AO6476" s="145"/>
      <c r="AP6476" s="145"/>
      <c r="AQ6476" s="145"/>
      <c r="AR6476" s="145"/>
      <c r="AS6476" s="145"/>
      <c r="AT6476" s="145"/>
      <c r="AU6476" s="145"/>
      <c r="AV6476" s="145"/>
      <c r="AW6476" s="145"/>
      <c r="AX6476" s="146"/>
      <c r="AY6476" s="146"/>
      <c r="AZ6476" s="146"/>
      <c r="BA6476" s="146"/>
      <c r="BB6476" s="107">
        <v>45884</v>
      </c>
    </row>
    <row r="6477" spans="1:54" s="238" customFormat="1" ht="13.95" customHeight="1" x14ac:dyDescent="0.25">
      <c r="A6477" s="256" t="s">
        <v>15353</v>
      </c>
      <c r="B6477" s="96" t="s">
        <v>20308</v>
      </c>
      <c r="C6477" s="267" t="s">
        <v>15354</v>
      </c>
      <c r="D6477" s="267" t="s">
        <v>15355</v>
      </c>
      <c r="E6477" s="268">
        <v>1994</v>
      </c>
      <c r="F6477" s="268">
        <v>483</v>
      </c>
      <c r="G6477" s="267" t="s">
        <v>20277</v>
      </c>
      <c r="H6477" s="268">
        <v>0</v>
      </c>
      <c r="I6477" s="268">
        <v>0</v>
      </c>
      <c r="J6477" s="268">
        <v>1</v>
      </c>
      <c r="K6477" s="268">
        <v>0</v>
      </c>
      <c r="L6477" s="268">
        <v>1</v>
      </c>
      <c r="M6477" s="268">
        <v>0</v>
      </c>
      <c r="N6477" s="268">
        <v>0</v>
      </c>
      <c r="O6477" s="268">
        <v>1</v>
      </c>
      <c r="P6477" s="268">
        <v>1</v>
      </c>
      <c r="Q6477" s="268">
        <v>0</v>
      </c>
      <c r="R6477" s="268">
        <v>0</v>
      </c>
      <c r="S6477" s="268">
        <v>0</v>
      </c>
      <c r="T6477" s="268">
        <v>0</v>
      </c>
      <c r="U6477" s="145"/>
      <c r="V6477" s="145"/>
      <c r="W6477" s="145"/>
      <c r="X6477" s="145"/>
      <c r="Y6477" s="145"/>
      <c r="Z6477" s="145"/>
      <c r="AA6477" s="145"/>
      <c r="AB6477" s="145"/>
      <c r="AC6477" s="145"/>
      <c r="AD6477" s="145"/>
      <c r="AE6477" s="145"/>
      <c r="AF6477" s="145"/>
      <c r="AG6477" s="145"/>
      <c r="AH6477" s="145"/>
      <c r="AI6477" s="145"/>
      <c r="AJ6477" s="145"/>
      <c r="AK6477" s="145"/>
      <c r="AL6477" s="145"/>
      <c r="AM6477" s="145"/>
      <c r="AN6477" s="145"/>
      <c r="AO6477" s="145"/>
      <c r="AP6477" s="145"/>
      <c r="AQ6477" s="145"/>
      <c r="AR6477" s="145"/>
      <c r="AS6477" s="145"/>
      <c r="AT6477" s="145"/>
      <c r="AU6477" s="145"/>
      <c r="AV6477" s="145"/>
      <c r="AW6477" s="145"/>
      <c r="AX6477" s="146"/>
      <c r="AY6477" s="146"/>
      <c r="AZ6477" s="146"/>
      <c r="BA6477" s="146"/>
      <c r="BB6477" s="107">
        <v>45884</v>
      </c>
    </row>
    <row r="6478" spans="1:54" s="238" customFormat="1" ht="13.95" customHeight="1" x14ac:dyDescent="0.25">
      <c r="A6478" s="256" t="s">
        <v>15356</v>
      </c>
      <c r="B6478" s="96" t="s">
        <v>20308</v>
      </c>
      <c r="C6478" s="267" t="s">
        <v>15357</v>
      </c>
      <c r="D6478" s="267" t="s">
        <v>15358</v>
      </c>
      <c r="E6478" s="268">
        <v>1985</v>
      </c>
      <c r="F6478" s="268">
        <v>500</v>
      </c>
      <c r="G6478" s="267" t="s">
        <v>1</v>
      </c>
      <c r="H6478" s="268">
        <v>0</v>
      </c>
      <c r="I6478" s="268">
        <v>0</v>
      </c>
      <c r="J6478" s="268">
        <v>1</v>
      </c>
      <c r="K6478" s="268">
        <v>0</v>
      </c>
      <c r="L6478" s="268">
        <v>0</v>
      </c>
      <c r="M6478" s="268">
        <v>0</v>
      </c>
      <c r="N6478" s="268">
        <v>0</v>
      </c>
      <c r="O6478" s="268">
        <v>0</v>
      </c>
      <c r="P6478" s="268">
        <v>0</v>
      </c>
      <c r="Q6478" s="268">
        <v>0</v>
      </c>
      <c r="R6478" s="268">
        <v>1</v>
      </c>
      <c r="S6478" s="268">
        <v>0</v>
      </c>
      <c r="T6478" s="268">
        <v>0</v>
      </c>
      <c r="U6478" s="145"/>
      <c r="V6478" s="145"/>
      <c r="W6478" s="145"/>
      <c r="X6478" s="145"/>
      <c r="Y6478" s="145"/>
      <c r="Z6478" s="145"/>
      <c r="AA6478" s="145"/>
      <c r="AB6478" s="145"/>
      <c r="AC6478" s="145"/>
      <c r="AD6478" s="145"/>
      <c r="AE6478" s="145"/>
      <c r="AF6478" s="145"/>
      <c r="AG6478" s="145"/>
      <c r="AH6478" s="145"/>
      <c r="AI6478" s="145"/>
      <c r="AJ6478" s="145"/>
      <c r="AK6478" s="145"/>
      <c r="AL6478" s="145"/>
      <c r="AM6478" s="145"/>
      <c r="AN6478" s="145"/>
      <c r="AO6478" s="145"/>
      <c r="AP6478" s="145"/>
      <c r="AQ6478" s="145"/>
      <c r="AR6478" s="145"/>
      <c r="AS6478" s="145"/>
      <c r="AT6478" s="145"/>
      <c r="AU6478" s="145"/>
      <c r="AV6478" s="145"/>
      <c r="AW6478" s="145"/>
      <c r="AX6478" s="146"/>
      <c r="AY6478" s="146"/>
      <c r="AZ6478" s="146"/>
      <c r="BA6478" s="146"/>
      <c r="BB6478" s="107">
        <v>45884</v>
      </c>
    </row>
    <row r="6479" spans="1:54" s="238" customFormat="1" ht="13.95" customHeight="1" x14ac:dyDescent="0.25">
      <c r="A6479" s="256" t="s">
        <v>15359</v>
      </c>
      <c r="B6479" s="96" t="s">
        <v>20308</v>
      </c>
      <c r="C6479" s="267" t="s">
        <v>15360</v>
      </c>
      <c r="D6479" s="267" t="s">
        <v>15361</v>
      </c>
      <c r="E6479" s="268">
        <v>1973</v>
      </c>
      <c r="F6479" s="268">
        <v>508</v>
      </c>
      <c r="G6479" s="267" t="s">
        <v>1</v>
      </c>
      <c r="H6479" s="268">
        <v>0</v>
      </c>
      <c r="I6479" s="268">
        <v>0</v>
      </c>
      <c r="J6479" s="268">
        <v>0</v>
      </c>
      <c r="K6479" s="268">
        <v>0</v>
      </c>
      <c r="L6479" s="268">
        <v>0</v>
      </c>
      <c r="M6479" s="268">
        <v>0</v>
      </c>
      <c r="N6479" s="268">
        <v>0</v>
      </c>
      <c r="O6479" s="268">
        <v>0</v>
      </c>
      <c r="P6479" s="268">
        <v>0</v>
      </c>
      <c r="Q6479" s="268">
        <v>0</v>
      </c>
      <c r="R6479" s="268">
        <v>0</v>
      </c>
      <c r="S6479" s="268">
        <v>0</v>
      </c>
      <c r="T6479" s="268">
        <v>0</v>
      </c>
      <c r="U6479" s="145"/>
      <c r="V6479" s="145"/>
      <c r="W6479" s="145"/>
      <c r="X6479" s="145"/>
      <c r="Y6479" s="145"/>
      <c r="Z6479" s="145"/>
      <c r="AA6479" s="145"/>
      <c r="AB6479" s="145"/>
      <c r="AC6479" s="145"/>
      <c r="AD6479" s="145"/>
      <c r="AE6479" s="145"/>
      <c r="AF6479" s="145"/>
      <c r="AG6479" s="145"/>
      <c r="AH6479" s="145"/>
      <c r="AI6479" s="145"/>
      <c r="AJ6479" s="145"/>
      <c r="AK6479" s="145"/>
      <c r="AL6479" s="145"/>
      <c r="AM6479" s="145"/>
      <c r="AN6479" s="145"/>
      <c r="AO6479" s="145"/>
      <c r="AP6479" s="145"/>
      <c r="AQ6479" s="145"/>
      <c r="AR6479" s="145"/>
      <c r="AS6479" s="145"/>
      <c r="AT6479" s="145"/>
      <c r="AU6479" s="145"/>
      <c r="AV6479" s="145"/>
      <c r="AW6479" s="145"/>
      <c r="AX6479" s="146"/>
      <c r="AY6479" s="146"/>
      <c r="AZ6479" s="146"/>
      <c r="BA6479" s="146"/>
      <c r="BB6479" s="107">
        <v>45884</v>
      </c>
    </row>
    <row r="6480" spans="1:54" s="238" customFormat="1" ht="13.95" customHeight="1" x14ac:dyDescent="0.25">
      <c r="A6480" s="256" t="s">
        <v>15362</v>
      </c>
      <c r="B6480" s="96" t="s">
        <v>20308</v>
      </c>
      <c r="C6480" s="267" t="s">
        <v>471</v>
      </c>
      <c r="D6480" s="267" t="s">
        <v>15363</v>
      </c>
      <c r="E6480" s="268">
        <v>1982</v>
      </c>
      <c r="F6480" s="268">
        <v>537</v>
      </c>
      <c r="G6480" s="267" t="s">
        <v>1</v>
      </c>
      <c r="H6480" s="268">
        <v>0</v>
      </c>
      <c r="I6480" s="268">
        <v>0</v>
      </c>
      <c r="J6480" s="268">
        <v>0</v>
      </c>
      <c r="K6480" s="268">
        <v>0</v>
      </c>
      <c r="L6480" s="268">
        <v>1</v>
      </c>
      <c r="M6480" s="268">
        <v>0</v>
      </c>
      <c r="N6480" s="268">
        <v>0</v>
      </c>
      <c r="O6480" s="268">
        <v>1</v>
      </c>
      <c r="P6480" s="268">
        <v>1</v>
      </c>
      <c r="Q6480" s="268">
        <v>0</v>
      </c>
      <c r="R6480" s="268">
        <v>0</v>
      </c>
      <c r="S6480" s="268">
        <v>0</v>
      </c>
      <c r="T6480" s="268">
        <v>0</v>
      </c>
      <c r="U6480" s="145"/>
      <c r="V6480" s="145"/>
      <c r="W6480" s="145"/>
      <c r="X6480" s="145"/>
      <c r="Y6480" s="145"/>
      <c r="Z6480" s="145"/>
      <c r="AA6480" s="145"/>
      <c r="AB6480" s="145"/>
      <c r="AC6480" s="145"/>
      <c r="AD6480" s="145"/>
      <c r="AE6480" s="145"/>
      <c r="AF6480" s="145"/>
      <c r="AG6480" s="145"/>
      <c r="AH6480" s="145"/>
      <c r="AI6480" s="145"/>
      <c r="AJ6480" s="145"/>
      <c r="AK6480" s="145"/>
      <c r="AL6480" s="145"/>
      <c r="AM6480" s="145"/>
      <c r="AN6480" s="145"/>
      <c r="AO6480" s="145"/>
      <c r="AP6480" s="145"/>
      <c r="AQ6480" s="145"/>
      <c r="AR6480" s="145"/>
      <c r="AS6480" s="145"/>
      <c r="AT6480" s="145"/>
      <c r="AU6480" s="145"/>
      <c r="AV6480" s="145"/>
      <c r="AW6480" s="145"/>
      <c r="AX6480" s="146"/>
      <c r="AY6480" s="146"/>
      <c r="AZ6480" s="146"/>
      <c r="BA6480" s="146"/>
      <c r="BB6480" s="107">
        <v>45884</v>
      </c>
    </row>
    <row r="6481" spans="1:54" s="238" customFormat="1" ht="13.95" customHeight="1" x14ac:dyDescent="0.25">
      <c r="A6481" s="256" t="s">
        <v>15364</v>
      </c>
      <c r="B6481" s="96" t="s">
        <v>20308</v>
      </c>
      <c r="C6481" s="267" t="s">
        <v>15365</v>
      </c>
      <c r="D6481" s="267" t="s">
        <v>15366</v>
      </c>
      <c r="E6481" s="268">
        <v>1996</v>
      </c>
      <c r="F6481" s="268">
        <v>613</v>
      </c>
      <c r="G6481" s="267" t="s">
        <v>1</v>
      </c>
      <c r="H6481" s="268">
        <v>0</v>
      </c>
      <c r="I6481" s="268">
        <v>0</v>
      </c>
      <c r="J6481" s="268">
        <v>0</v>
      </c>
      <c r="K6481" s="268">
        <v>0</v>
      </c>
      <c r="L6481" s="268">
        <v>1</v>
      </c>
      <c r="M6481" s="268">
        <v>1</v>
      </c>
      <c r="N6481" s="268">
        <v>0</v>
      </c>
      <c r="O6481" s="268">
        <v>1</v>
      </c>
      <c r="P6481" s="268">
        <v>1</v>
      </c>
      <c r="Q6481" s="268">
        <v>0</v>
      </c>
      <c r="R6481" s="268">
        <v>0</v>
      </c>
      <c r="S6481" s="268">
        <v>0</v>
      </c>
      <c r="T6481" s="268">
        <v>0</v>
      </c>
      <c r="U6481" s="145"/>
      <c r="V6481" s="145"/>
      <c r="W6481" s="145"/>
      <c r="X6481" s="145"/>
      <c r="Y6481" s="145"/>
      <c r="Z6481" s="145"/>
      <c r="AA6481" s="145"/>
      <c r="AB6481" s="145"/>
      <c r="AC6481" s="145"/>
      <c r="AD6481" s="145"/>
      <c r="AE6481" s="145"/>
      <c r="AF6481" s="145"/>
      <c r="AG6481" s="145"/>
      <c r="AH6481" s="145"/>
      <c r="AI6481" s="145"/>
      <c r="AJ6481" s="145"/>
      <c r="AK6481" s="145"/>
      <c r="AL6481" s="145"/>
      <c r="AM6481" s="145"/>
      <c r="AN6481" s="145"/>
      <c r="AO6481" s="145"/>
      <c r="AP6481" s="145"/>
      <c r="AQ6481" s="145"/>
      <c r="AR6481" s="145"/>
      <c r="AS6481" s="145"/>
      <c r="AT6481" s="145"/>
      <c r="AU6481" s="145"/>
      <c r="AV6481" s="145"/>
      <c r="AW6481" s="145"/>
      <c r="AX6481" s="146"/>
      <c r="AY6481" s="146"/>
      <c r="AZ6481" s="146"/>
      <c r="BA6481" s="146"/>
      <c r="BB6481" s="107">
        <v>45884</v>
      </c>
    </row>
    <row r="6482" spans="1:54" s="238" customFormat="1" ht="13.95" customHeight="1" x14ac:dyDescent="0.25">
      <c r="A6482" s="256" t="s">
        <v>15367</v>
      </c>
      <c r="B6482" s="96" t="s">
        <v>20308</v>
      </c>
      <c r="C6482" s="267" t="s">
        <v>15368</v>
      </c>
      <c r="D6482" s="267" t="s">
        <v>15369</v>
      </c>
      <c r="E6482" s="268">
        <v>1991</v>
      </c>
      <c r="F6482" s="268">
        <v>665</v>
      </c>
      <c r="G6482" s="267" t="s">
        <v>1</v>
      </c>
      <c r="H6482" s="268">
        <v>0</v>
      </c>
      <c r="I6482" s="268">
        <v>0</v>
      </c>
      <c r="J6482" s="268">
        <v>1</v>
      </c>
      <c r="K6482" s="268">
        <v>0</v>
      </c>
      <c r="L6482" s="268">
        <v>1</v>
      </c>
      <c r="M6482" s="268">
        <v>0</v>
      </c>
      <c r="N6482" s="268">
        <v>0</v>
      </c>
      <c r="O6482" s="268">
        <v>1</v>
      </c>
      <c r="P6482" s="268">
        <v>1</v>
      </c>
      <c r="Q6482" s="268">
        <v>0</v>
      </c>
      <c r="R6482" s="268">
        <v>0</v>
      </c>
      <c r="S6482" s="268">
        <v>0</v>
      </c>
      <c r="T6482" s="268">
        <v>0</v>
      </c>
      <c r="U6482" s="145"/>
      <c r="V6482" s="145"/>
      <c r="W6482" s="145"/>
      <c r="X6482" s="145"/>
      <c r="Y6482" s="145"/>
      <c r="Z6482" s="145"/>
      <c r="AA6482" s="145"/>
      <c r="AB6482" s="145"/>
      <c r="AC6482" s="145"/>
      <c r="AD6482" s="145"/>
      <c r="AE6482" s="145"/>
      <c r="AF6482" s="145"/>
      <c r="AG6482" s="145"/>
      <c r="AH6482" s="145"/>
      <c r="AI6482" s="145"/>
      <c r="AJ6482" s="145"/>
      <c r="AK6482" s="145"/>
      <c r="AL6482" s="145"/>
      <c r="AM6482" s="145"/>
      <c r="AN6482" s="145"/>
      <c r="AO6482" s="145"/>
      <c r="AP6482" s="145"/>
      <c r="AQ6482" s="145"/>
      <c r="AR6482" s="145"/>
      <c r="AS6482" s="145"/>
      <c r="AT6482" s="145"/>
      <c r="AU6482" s="145"/>
      <c r="AV6482" s="145"/>
      <c r="AW6482" s="145"/>
      <c r="AX6482" s="146"/>
      <c r="AY6482" s="146"/>
      <c r="AZ6482" s="146"/>
      <c r="BA6482" s="146"/>
      <c r="BB6482" s="107">
        <v>45884</v>
      </c>
    </row>
    <row r="6483" spans="1:54" s="238" customFormat="1" ht="13.95" customHeight="1" x14ac:dyDescent="0.25">
      <c r="A6483" s="256" t="s">
        <v>15370</v>
      </c>
      <c r="B6483" s="96" t="s">
        <v>20308</v>
      </c>
      <c r="C6483" s="267" t="s">
        <v>15371</v>
      </c>
      <c r="D6483" s="267" t="s">
        <v>15372</v>
      </c>
      <c r="E6483" s="268">
        <v>1988</v>
      </c>
      <c r="F6483" s="268">
        <v>704</v>
      </c>
      <c r="G6483" s="267" t="s">
        <v>1</v>
      </c>
      <c r="H6483" s="268">
        <v>0</v>
      </c>
      <c r="I6483" s="268">
        <v>0</v>
      </c>
      <c r="J6483" s="268">
        <v>1</v>
      </c>
      <c r="K6483" s="268">
        <v>0</v>
      </c>
      <c r="L6483" s="268">
        <v>1</v>
      </c>
      <c r="M6483" s="268">
        <v>0</v>
      </c>
      <c r="N6483" s="268">
        <v>0</v>
      </c>
      <c r="O6483" s="268">
        <v>0</v>
      </c>
      <c r="P6483" s="268">
        <v>1</v>
      </c>
      <c r="Q6483" s="268">
        <v>0</v>
      </c>
      <c r="R6483" s="268">
        <v>1</v>
      </c>
      <c r="S6483" s="268">
        <v>0</v>
      </c>
      <c r="T6483" s="268">
        <v>0</v>
      </c>
      <c r="U6483" s="145"/>
      <c r="V6483" s="145"/>
      <c r="W6483" s="145"/>
      <c r="X6483" s="145"/>
      <c r="Y6483" s="145"/>
      <c r="Z6483" s="145"/>
      <c r="AA6483" s="145"/>
      <c r="AB6483" s="145"/>
      <c r="AC6483" s="145"/>
      <c r="AD6483" s="145"/>
      <c r="AE6483" s="145"/>
      <c r="AF6483" s="145"/>
      <c r="AG6483" s="145"/>
      <c r="AH6483" s="145"/>
      <c r="AI6483" s="145"/>
      <c r="AJ6483" s="145"/>
      <c r="AK6483" s="145"/>
      <c r="AL6483" s="145"/>
      <c r="AM6483" s="145"/>
      <c r="AN6483" s="145"/>
      <c r="AO6483" s="145"/>
      <c r="AP6483" s="145"/>
      <c r="AQ6483" s="145"/>
      <c r="AR6483" s="145"/>
      <c r="AS6483" s="145"/>
      <c r="AT6483" s="145"/>
      <c r="AU6483" s="145"/>
      <c r="AV6483" s="145"/>
      <c r="AW6483" s="145"/>
      <c r="AX6483" s="146"/>
      <c r="AY6483" s="146"/>
      <c r="AZ6483" s="146"/>
      <c r="BA6483" s="146"/>
      <c r="BB6483" s="107">
        <v>45884</v>
      </c>
    </row>
    <row r="6484" spans="1:54" s="238" customFormat="1" ht="13.95" customHeight="1" x14ac:dyDescent="0.25">
      <c r="A6484" s="256" t="s">
        <v>15373</v>
      </c>
      <c r="B6484" s="96" t="s">
        <v>20308</v>
      </c>
      <c r="C6484" s="267" t="s">
        <v>15374</v>
      </c>
      <c r="D6484" s="267" t="s">
        <v>15375</v>
      </c>
      <c r="E6484" s="268">
        <v>2000</v>
      </c>
      <c r="F6484" s="268">
        <v>851</v>
      </c>
      <c r="G6484" s="267" t="s">
        <v>1</v>
      </c>
      <c r="H6484" s="268">
        <v>0</v>
      </c>
      <c r="I6484" s="268">
        <v>0</v>
      </c>
      <c r="J6484" s="268">
        <v>0</v>
      </c>
      <c r="K6484" s="268">
        <v>1</v>
      </c>
      <c r="L6484" s="268">
        <v>0</v>
      </c>
      <c r="M6484" s="268">
        <v>0</v>
      </c>
      <c r="N6484" s="268">
        <v>0</v>
      </c>
      <c r="O6484" s="268">
        <v>0</v>
      </c>
      <c r="P6484" s="268">
        <v>0</v>
      </c>
      <c r="Q6484" s="268">
        <v>0</v>
      </c>
      <c r="R6484" s="268">
        <v>0</v>
      </c>
      <c r="S6484" s="268">
        <v>0</v>
      </c>
      <c r="T6484" s="268">
        <v>0</v>
      </c>
      <c r="U6484" s="145"/>
      <c r="V6484" s="145"/>
      <c r="W6484" s="145"/>
      <c r="X6484" s="145"/>
      <c r="Y6484" s="145"/>
      <c r="Z6484" s="145"/>
      <c r="AA6484" s="145"/>
      <c r="AB6484" s="145"/>
      <c r="AC6484" s="145"/>
      <c r="AD6484" s="145"/>
      <c r="AE6484" s="145"/>
      <c r="AF6484" s="145"/>
      <c r="AG6484" s="145"/>
      <c r="AH6484" s="145"/>
      <c r="AI6484" s="145"/>
      <c r="AJ6484" s="145"/>
      <c r="AK6484" s="145"/>
      <c r="AL6484" s="145"/>
      <c r="AM6484" s="145"/>
      <c r="AN6484" s="145"/>
      <c r="AO6484" s="145"/>
      <c r="AP6484" s="145"/>
      <c r="AQ6484" s="145"/>
      <c r="AR6484" s="145"/>
      <c r="AS6484" s="145"/>
      <c r="AT6484" s="145"/>
      <c r="AU6484" s="145"/>
      <c r="AV6484" s="145"/>
      <c r="AW6484" s="145"/>
      <c r="AX6484" s="146"/>
      <c r="AY6484" s="146"/>
      <c r="AZ6484" s="146"/>
      <c r="BA6484" s="146"/>
      <c r="BB6484" s="107">
        <v>45884</v>
      </c>
    </row>
    <row r="6485" spans="1:54" s="238" customFormat="1" ht="13.95" customHeight="1" x14ac:dyDescent="0.25">
      <c r="A6485" s="256" t="s">
        <v>15376</v>
      </c>
      <c r="B6485" s="96" t="s">
        <v>20308</v>
      </c>
      <c r="C6485" s="267" t="s">
        <v>15377</v>
      </c>
      <c r="D6485" s="267" t="s">
        <v>15378</v>
      </c>
      <c r="E6485" s="268">
        <v>1987</v>
      </c>
      <c r="F6485" s="268">
        <v>934</v>
      </c>
      <c r="G6485" s="267" t="s">
        <v>1</v>
      </c>
      <c r="H6485" s="268">
        <v>0</v>
      </c>
      <c r="I6485" s="268">
        <v>0</v>
      </c>
      <c r="J6485" s="268">
        <v>1</v>
      </c>
      <c r="K6485" s="268">
        <v>0</v>
      </c>
      <c r="L6485" s="268">
        <v>0</v>
      </c>
      <c r="M6485" s="268">
        <v>0</v>
      </c>
      <c r="N6485" s="268">
        <v>0</v>
      </c>
      <c r="O6485" s="268">
        <v>0</v>
      </c>
      <c r="P6485" s="268">
        <v>0</v>
      </c>
      <c r="Q6485" s="268">
        <v>1</v>
      </c>
      <c r="R6485" s="268">
        <v>0</v>
      </c>
      <c r="S6485" s="268">
        <v>1</v>
      </c>
      <c r="T6485" s="268">
        <v>0</v>
      </c>
      <c r="U6485" s="145"/>
      <c r="V6485" s="145"/>
      <c r="W6485" s="145"/>
      <c r="X6485" s="145"/>
      <c r="Y6485" s="145"/>
      <c r="Z6485" s="145"/>
      <c r="AA6485" s="145"/>
      <c r="AB6485" s="145"/>
      <c r="AC6485" s="145"/>
      <c r="AD6485" s="145"/>
      <c r="AE6485" s="145"/>
      <c r="AF6485" s="145"/>
      <c r="AG6485" s="145"/>
      <c r="AH6485" s="145"/>
      <c r="AI6485" s="145"/>
      <c r="AJ6485" s="145"/>
      <c r="AK6485" s="145"/>
      <c r="AL6485" s="145"/>
      <c r="AM6485" s="145"/>
      <c r="AN6485" s="145"/>
      <c r="AO6485" s="145"/>
      <c r="AP6485" s="145"/>
      <c r="AQ6485" s="145"/>
      <c r="AR6485" s="145"/>
      <c r="AS6485" s="145"/>
      <c r="AT6485" s="145"/>
      <c r="AU6485" s="145"/>
      <c r="AV6485" s="145"/>
      <c r="AW6485" s="145"/>
      <c r="AX6485" s="146"/>
      <c r="AY6485" s="146"/>
      <c r="AZ6485" s="146"/>
      <c r="BA6485" s="146"/>
      <c r="BB6485" s="107">
        <v>45884</v>
      </c>
    </row>
    <row r="6486" spans="1:54" s="238" customFormat="1" ht="13.95" customHeight="1" x14ac:dyDescent="0.25">
      <c r="A6486" s="256" t="s">
        <v>15379</v>
      </c>
      <c r="B6486" s="96" t="s">
        <v>20308</v>
      </c>
      <c r="C6486" s="267" t="s">
        <v>15380</v>
      </c>
      <c r="D6486" s="267" t="s">
        <v>15381</v>
      </c>
      <c r="E6486" s="268">
        <v>1982</v>
      </c>
      <c r="F6486" s="268">
        <v>1031</v>
      </c>
      <c r="G6486" s="267" t="s">
        <v>1</v>
      </c>
      <c r="H6486" s="268">
        <v>0</v>
      </c>
      <c r="I6486" s="268">
        <v>0</v>
      </c>
      <c r="J6486" s="268">
        <v>1</v>
      </c>
      <c r="K6486" s="268">
        <v>0</v>
      </c>
      <c r="L6486" s="268">
        <v>1</v>
      </c>
      <c r="M6486" s="268">
        <v>0</v>
      </c>
      <c r="N6486" s="268">
        <v>0</v>
      </c>
      <c r="O6486" s="268">
        <v>1</v>
      </c>
      <c r="P6486" s="268">
        <v>1</v>
      </c>
      <c r="Q6486" s="268">
        <v>0</v>
      </c>
      <c r="R6486" s="268">
        <v>1</v>
      </c>
      <c r="S6486" s="268">
        <v>0</v>
      </c>
      <c r="T6486" s="268">
        <v>0</v>
      </c>
      <c r="U6486" s="145"/>
      <c r="V6486" s="145"/>
      <c r="W6486" s="145"/>
      <c r="X6486" s="145"/>
      <c r="Y6486" s="145"/>
      <c r="Z6486" s="145"/>
      <c r="AA6486" s="145"/>
      <c r="AB6486" s="145"/>
      <c r="AC6486" s="145"/>
      <c r="AD6486" s="145"/>
      <c r="AE6486" s="145"/>
      <c r="AF6486" s="145"/>
      <c r="AG6486" s="145"/>
      <c r="AH6486" s="145"/>
      <c r="AI6486" s="145"/>
      <c r="AJ6486" s="145"/>
      <c r="AK6486" s="145"/>
      <c r="AL6486" s="145"/>
      <c r="AM6486" s="145"/>
      <c r="AN6486" s="145"/>
      <c r="AO6486" s="145"/>
      <c r="AP6486" s="145"/>
      <c r="AQ6486" s="145"/>
      <c r="AR6486" s="145"/>
      <c r="AS6486" s="145"/>
      <c r="AT6486" s="145"/>
      <c r="AU6486" s="145"/>
      <c r="AV6486" s="145"/>
      <c r="AW6486" s="145"/>
      <c r="AX6486" s="146"/>
      <c r="AY6486" s="146"/>
      <c r="AZ6486" s="146"/>
      <c r="BA6486" s="146"/>
      <c r="BB6486" s="107">
        <v>45884</v>
      </c>
    </row>
    <row r="6487" spans="1:54" s="238" customFormat="1" ht="13.95" customHeight="1" x14ac:dyDescent="0.25">
      <c r="A6487" s="256" t="s">
        <v>15382</v>
      </c>
      <c r="B6487" s="96" t="s">
        <v>20308</v>
      </c>
      <c r="C6487" s="267" t="s">
        <v>15383</v>
      </c>
      <c r="D6487" s="267" t="s">
        <v>15384</v>
      </c>
      <c r="E6487" s="268">
        <v>1991</v>
      </c>
      <c r="F6487" s="269">
        <v>1090</v>
      </c>
      <c r="G6487" s="267" t="s">
        <v>1</v>
      </c>
      <c r="H6487" s="268">
        <v>0</v>
      </c>
      <c r="I6487" s="268">
        <v>0</v>
      </c>
      <c r="J6487" s="268">
        <v>1</v>
      </c>
      <c r="K6487" s="268">
        <v>0</v>
      </c>
      <c r="L6487" s="268">
        <v>0</v>
      </c>
      <c r="M6487" s="268">
        <v>0</v>
      </c>
      <c r="N6487" s="268">
        <v>0</v>
      </c>
      <c r="O6487" s="268">
        <v>0</v>
      </c>
      <c r="P6487" s="268">
        <v>1</v>
      </c>
      <c r="Q6487" s="268">
        <v>0</v>
      </c>
      <c r="R6487" s="268">
        <v>0</v>
      </c>
      <c r="S6487" s="268">
        <v>0</v>
      </c>
      <c r="T6487" s="268">
        <v>0</v>
      </c>
      <c r="U6487" s="145"/>
      <c r="V6487" s="145"/>
      <c r="W6487" s="145"/>
      <c r="X6487" s="145"/>
      <c r="Y6487" s="145"/>
      <c r="Z6487" s="145"/>
      <c r="AA6487" s="145"/>
      <c r="AB6487" s="145"/>
      <c r="AC6487" s="145"/>
      <c r="AD6487" s="145"/>
      <c r="AE6487" s="145"/>
      <c r="AF6487" s="145"/>
      <c r="AG6487" s="145"/>
      <c r="AH6487" s="145"/>
      <c r="AI6487" s="145"/>
      <c r="AJ6487" s="145"/>
      <c r="AK6487" s="145"/>
      <c r="AL6487" s="145"/>
      <c r="AM6487" s="145"/>
      <c r="AN6487" s="145"/>
      <c r="AO6487" s="145"/>
      <c r="AP6487" s="145"/>
      <c r="AQ6487" s="145"/>
      <c r="AR6487" s="145"/>
      <c r="AS6487" s="145"/>
      <c r="AT6487" s="145"/>
      <c r="AU6487" s="145"/>
      <c r="AV6487" s="145"/>
      <c r="AW6487" s="145"/>
      <c r="AX6487" s="146"/>
      <c r="AY6487" s="146"/>
      <c r="AZ6487" s="146"/>
      <c r="BA6487" s="146"/>
      <c r="BB6487" s="107">
        <v>45884</v>
      </c>
    </row>
    <row r="6488" spans="1:54" s="238" customFormat="1" ht="13.95" customHeight="1" x14ac:dyDescent="0.25">
      <c r="A6488" s="256" t="s">
        <v>15385</v>
      </c>
      <c r="B6488" s="96" t="s">
        <v>20308</v>
      </c>
      <c r="C6488" s="267" t="s">
        <v>9326</v>
      </c>
      <c r="D6488" s="267" t="s">
        <v>15386</v>
      </c>
      <c r="E6488" s="268">
        <v>1988</v>
      </c>
      <c r="F6488" s="268">
        <v>1198</v>
      </c>
      <c r="G6488" s="267" t="s">
        <v>1</v>
      </c>
      <c r="H6488" s="268">
        <v>0</v>
      </c>
      <c r="I6488" s="268">
        <v>0</v>
      </c>
      <c r="J6488" s="268">
        <v>1</v>
      </c>
      <c r="K6488" s="268">
        <v>0</v>
      </c>
      <c r="L6488" s="268">
        <v>1</v>
      </c>
      <c r="M6488" s="268">
        <v>1</v>
      </c>
      <c r="N6488" s="268">
        <v>0</v>
      </c>
      <c r="O6488" s="268">
        <v>1</v>
      </c>
      <c r="P6488" s="268">
        <v>0</v>
      </c>
      <c r="Q6488" s="268">
        <v>0</v>
      </c>
      <c r="R6488" s="268">
        <v>1</v>
      </c>
      <c r="S6488" s="268">
        <v>0</v>
      </c>
      <c r="T6488" s="268">
        <v>0</v>
      </c>
      <c r="U6488" s="145"/>
      <c r="V6488" s="145"/>
      <c r="W6488" s="145"/>
      <c r="X6488" s="145"/>
      <c r="Y6488" s="145"/>
      <c r="Z6488" s="145"/>
      <c r="AA6488" s="145"/>
      <c r="AB6488" s="145"/>
      <c r="AC6488" s="145"/>
      <c r="AD6488" s="145"/>
      <c r="AE6488" s="145"/>
      <c r="AF6488" s="145"/>
      <c r="AG6488" s="145"/>
      <c r="AH6488" s="145"/>
      <c r="AI6488" s="145"/>
      <c r="AJ6488" s="145"/>
      <c r="AK6488" s="145"/>
      <c r="AL6488" s="145"/>
      <c r="AM6488" s="145"/>
      <c r="AN6488" s="145"/>
      <c r="AO6488" s="145"/>
      <c r="AP6488" s="145"/>
      <c r="AQ6488" s="145"/>
      <c r="AR6488" s="145"/>
      <c r="AS6488" s="145"/>
      <c r="AT6488" s="145"/>
      <c r="AU6488" s="145"/>
      <c r="AV6488" s="145"/>
      <c r="AW6488" s="145"/>
      <c r="AX6488" s="146"/>
      <c r="AY6488" s="146"/>
      <c r="AZ6488" s="146"/>
      <c r="BA6488" s="146"/>
      <c r="BB6488" s="107">
        <v>45884</v>
      </c>
    </row>
    <row r="6489" spans="1:54" s="238" customFormat="1" ht="13.95" customHeight="1" x14ac:dyDescent="0.25">
      <c r="A6489" s="256" t="s">
        <v>15387</v>
      </c>
      <c r="B6489" s="96" t="s">
        <v>20308</v>
      </c>
      <c r="C6489" s="267" t="s">
        <v>2354</v>
      </c>
      <c r="D6489" s="267" t="s">
        <v>15388</v>
      </c>
      <c r="E6489" s="268">
        <v>1982</v>
      </c>
      <c r="F6489" s="268">
        <v>1225</v>
      </c>
      <c r="G6489" s="267" t="s">
        <v>1</v>
      </c>
      <c r="H6489" s="268">
        <v>0</v>
      </c>
      <c r="I6489" s="268">
        <v>0</v>
      </c>
      <c r="J6489" s="268">
        <v>1</v>
      </c>
      <c r="K6489" s="268">
        <v>0</v>
      </c>
      <c r="L6489" s="268">
        <v>1</v>
      </c>
      <c r="M6489" s="268">
        <v>0</v>
      </c>
      <c r="N6489" s="268">
        <v>0</v>
      </c>
      <c r="O6489" s="268">
        <v>1</v>
      </c>
      <c r="P6489" s="268">
        <v>1</v>
      </c>
      <c r="Q6489" s="268">
        <v>0</v>
      </c>
      <c r="R6489" s="268">
        <v>0</v>
      </c>
      <c r="S6489" s="268">
        <v>0</v>
      </c>
      <c r="T6489" s="268">
        <v>0</v>
      </c>
      <c r="U6489" s="145"/>
      <c r="V6489" s="145"/>
      <c r="W6489" s="145"/>
      <c r="X6489" s="145"/>
      <c r="Y6489" s="145"/>
      <c r="Z6489" s="145"/>
      <c r="AA6489" s="145"/>
      <c r="AB6489" s="145"/>
      <c r="AC6489" s="145"/>
      <c r="AD6489" s="145"/>
      <c r="AE6489" s="145"/>
      <c r="AF6489" s="145"/>
      <c r="AG6489" s="145"/>
      <c r="AH6489" s="145"/>
      <c r="AI6489" s="145"/>
      <c r="AJ6489" s="145"/>
      <c r="AK6489" s="145"/>
      <c r="AL6489" s="145"/>
      <c r="AM6489" s="145"/>
      <c r="AN6489" s="145"/>
      <c r="AO6489" s="145"/>
      <c r="AP6489" s="145"/>
      <c r="AQ6489" s="145"/>
      <c r="AR6489" s="145"/>
      <c r="AS6489" s="145"/>
      <c r="AT6489" s="145"/>
      <c r="AU6489" s="145"/>
      <c r="AV6489" s="145"/>
      <c r="AW6489" s="145"/>
      <c r="AX6489" s="146"/>
      <c r="AY6489" s="146"/>
      <c r="AZ6489" s="146"/>
      <c r="BA6489" s="146"/>
      <c r="BB6489" s="107">
        <v>45884</v>
      </c>
    </row>
    <row r="6490" spans="1:54" s="238" customFormat="1" ht="13.95" customHeight="1" x14ac:dyDescent="0.25">
      <c r="A6490" s="256" t="s">
        <v>15389</v>
      </c>
      <c r="B6490" s="96" t="s">
        <v>20308</v>
      </c>
      <c r="C6490" s="267" t="s">
        <v>15390</v>
      </c>
      <c r="D6490" s="267" t="s">
        <v>15391</v>
      </c>
      <c r="E6490" s="268">
        <v>1973</v>
      </c>
      <c r="F6490" s="268">
        <v>1257</v>
      </c>
      <c r="G6490" s="267" t="s">
        <v>1</v>
      </c>
      <c r="H6490" s="268">
        <v>0</v>
      </c>
      <c r="I6490" s="268">
        <v>0</v>
      </c>
      <c r="J6490" s="268">
        <v>0</v>
      </c>
      <c r="K6490" s="268">
        <v>0</v>
      </c>
      <c r="L6490" s="268">
        <v>0</v>
      </c>
      <c r="M6490" s="268">
        <v>0</v>
      </c>
      <c r="N6490" s="268">
        <v>0</v>
      </c>
      <c r="O6490" s="268">
        <v>1</v>
      </c>
      <c r="P6490" s="268">
        <v>1</v>
      </c>
      <c r="Q6490" s="268">
        <v>0</v>
      </c>
      <c r="R6490" s="268">
        <v>0</v>
      </c>
      <c r="S6490" s="268">
        <v>1</v>
      </c>
      <c r="T6490" s="268">
        <v>0</v>
      </c>
      <c r="U6490" s="145"/>
      <c r="V6490" s="145"/>
      <c r="W6490" s="145"/>
      <c r="X6490" s="145"/>
      <c r="Y6490" s="145"/>
      <c r="Z6490" s="145"/>
      <c r="AA6490" s="145"/>
      <c r="AB6490" s="145"/>
      <c r="AC6490" s="145"/>
      <c r="AD6490" s="145"/>
      <c r="AE6490" s="145"/>
      <c r="AF6490" s="145"/>
      <c r="AG6490" s="145"/>
      <c r="AH6490" s="145"/>
      <c r="AI6490" s="145"/>
      <c r="AJ6490" s="145"/>
      <c r="AK6490" s="145"/>
      <c r="AL6490" s="145"/>
      <c r="AM6490" s="145"/>
      <c r="AN6490" s="145"/>
      <c r="AO6490" s="145"/>
      <c r="AP6490" s="145"/>
      <c r="AQ6490" s="145"/>
      <c r="AR6490" s="145"/>
      <c r="AS6490" s="145"/>
      <c r="AT6490" s="145"/>
      <c r="AU6490" s="145"/>
      <c r="AV6490" s="145"/>
      <c r="AW6490" s="145"/>
      <c r="AX6490" s="146"/>
      <c r="AY6490" s="146"/>
      <c r="AZ6490" s="146"/>
      <c r="BA6490" s="146"/>
      <c r="BB6490" s="107">
        <v>45884</v>
      </c>
    </row>
    <row r="6491" spans="1:54" s="238" customFormat="1" ht="13.95" customHeight="1" x14ac:dyDescent="0.25">
      <c r="A6491" s="256" t="s">
        <v>15392</v>
      </c>
      <c r="B6491" s="96" t="s">
        <v>20308</v>
      </c>
      <c r="C6491" s="267" t="s">
        <v>15393</v>
      </c>
      <c r="D6491" s="267" t="s">
        <v>15394</v>
      </c>
      <c r="E6491" s="268">
        <v>1977</v>
      </c>
      <c r="F6491" s="268">
        <v>1309</v>
      </c>
      <c r="G6491" s="267" t="s">
        <v>1</v>
      </c>
      <c r="H6491" s="268">
        <v>0</v>
      </c>
      <c r="I6491" s="268">
        <v>0</v>
      </c>
      <c r="J6491" s="268">
        <v>1</v>
      </c>
      <c r="K6491" s="268">
        <v>0</v>
      </c>
      <c r="L6491" s="268">
        <v>1</v>
      </c>
      <c r="M6491" s="268">
        <v>0</v>
      </c>
      <c r="N6491" s="268">
        <v>0</v>
      </c>
      <c r="O6491" s="268">
        <v>0</v>
      </c>
      <c r="P6491" s="268">
        <v>1</v>
      </c>
      <c r="Q6491" s="268">
        <v>0</v>
      </c>
      <c r="R6491" s="268">
        <v>1</v>
      </c>
      <c r="S6491" s="268">
        <v>0</v>
      </c>
      <c r="T6491" s="268">
        <v>0</v>
      </c>
      <c r="U6491" s="145"/>
      <c r="V6491" s="145"/>
      <c r="W6491" s="145"/>
      <c r="X6491" s="145"/>
      <c r="Y6491" s="145"/>
      <c r="Z6491" s="145"/>
      <c r="AA6491" s="145"/>
      <c r="AB6491" s="145"/>
      <c r="AC6491" s="145"/>
      <c r="AD6491" s="145"/>
      <c r="AE6491" s="145"/>
      <c r="AF6491" s="145"/>
      <c r="AG6491" s="145"/>
      <c r="AH6491" s="145"/>
      <c r="AI6491" s="145"/>
      <c r="AJ6491" s="145"/>
      <c r="AK6491" s="145"/>
      <c r="AL6491" s="145"/>
      <c r="AM6491" s="145"/>
      <c r="AN6491" s="145"/>
      <c r="AO6491" s="145"/>
      <c r="AP6491" s="145"/>
      <c r="AQ6491" s="145"/>
      <c r="AR6491" s="145"/>
      <c r="AS6491" s="145"/>
      <c r="AT6491" s="145"/>
      <c r="AU6491" s="145"/>
      <c r="AV6491" s="145"/>
      <c r="AW6491" s="145"/>
      <c r="AX6491" s="146"/>
      <c r="AY6491" s="146"/>
      <c r="AZ6491" s="146"/>
      <c r="BA6491" s="146"/>
      <c r="BB6491" s="107">
        <v>45884</v>
      </c>
    </row>
    <row r="6492" spans="1:54" s="238" customFormat="1" ht="13.95" customHeight="1" x14ac:dyDescent="0.25">
      <c r="A6492" s="256" t="s">
        <v>15395</v>
      </c>
      <c r="B6492" s="96" t="s">
        <v>20308</v>
      </c>
      <c r="C6492" s="267" t="s">
        <v>15396</v>
      </c>
      <c r="D6492" s="267" t="s">
        <v>15397</v>
      </c>
      <c r="E6492" s="268">
        <v>2009</v>
      </c>
      <c r="F6492" s="268">
        <v>1318</v>
      </c>
      <c r="G6492" s="267" t="s">
        <v>1</v>
      </c>
      <c r="H6492" s="268">
        <v>0</v>
      </c>
      <c r="I6492" s="268">
        <v>0</v>
      </c>
      <c r="J6492" s="268">
        <v>1</v>
      </c>
      <c r="K6492" s="268">
        <v>0</v>
      </c>
      <c r="L6492" s="268">
        <v>0</v>
      </c>
      <c r="M6492" s="268">
        <v>1</v>
      </c>
      <c r="N6492" s="268">
        <v>0</v>
      </c>
      <c r="O6492" s="268">
        <v>1</v>
      </c>
      <c r="P6492" s="268">
        <v>1</v>
      </c>
      <c r="Q6492" s="268">
        <v>0</v>
      </c>
      <c r="R6492" s="268">
        <v>0</v>
      </c>
      <c r="S6492" s="268">
        <v>0</v>
      </c>
      <c r="T6492" s="268">
        <v>0</v>
      </c>
      <c r="U6492" s="145"/>
      <c r="V6492" s="145"/>
      <c r="W6492" s="145"/>
      <c r="X6492" s="145"/>
      <c r="Y6492" s="145"/>
      <c r="Z6492" s="145"/>
      <c r="AA6492" s="145"/>
      <c r="AB6492" s="145"/>
      <c r="AC6492" s="145"/>
      <c r="AD6492" s="145"/>
      <c r="AE6492" s="145"/>
      <c r="AF6492" s="145"/>
      <c r="AG6492" s="145"/>
      <c r="AH6492" s="145"/>
      <c r="AI6492" s="145"/>
      <c r="AJ6492" s="145"/>
      <c r="AK6492" s="145"/>
      <c r="AL6492" s="145"/>
      <c r="AM6492" s="145"/>
      <c r="AN6492" s="145"/>
      <c r="AO6492" s="145"/>
      <c r="AP6492" s="145"/>
      <c r="AQ6492" s="145"/>
      <c r="AR6492" s="145"/>
      <c r="AS6492" s="145"/>
      <c r="AT6492" s="145"/>
      <c r="AU6492" s="268">
        <v>1</v>
      </c>
      <c r="AV6492" s="145"/>
      <c r="AW6492" s="145"/>
      <c r="AX6492" s="146"/>
      <c r="AY6492" s="146"/>
      <c r="AZ6492" s="146"/>
      <c r="BA6492" s="146"/>
      <c r="BB6492" s="107">
        <v>45884</v>
      </c>
    </row>
    <row r="6493" spans="1:54" s="238" customFormat="1" ht="13.95" customHeight="1" x14ac:dyDescent="0.25">
      <c r="A6493" s="256" t="s">
        <v>15398</v>
      </c>
      <c r="B6493" s="96" t="s">
        <v>20308</v>
      </c>
      <c r="C6493" s="267" t="s">
        <v>15399</v>
      </c>
      <c r="D6493" s="267" t="s">
        <v>15400</v>
      </c>
      <c r="E6493" s="268">
        <v>1985</v>
      </c>
      <c r="F6493" s="268">
        <v>1332</v>
      </c>
      <c r="G6493" s="267" t="s">
        <v>1</v>
      </c>
      <c r="H6493" s="268">
        <v>0</v>
      </c>
      <c r="I6493" s="268">
        <v>0</v>
      </c>
      <c r="J6493" s="268">
        <v>1</v>
      </c>
      <c r="K6493" s="268">
        <v>0</v>
      </c>
      <c r="L6493" s="268">
        <v>1</v>
      </c>
      <c r="M6493" s="268">
        <v>0</v>
      </c>
      <c r="N6493" s="268">
        <v>0</v>
      </c>
      <c r="O6493" s="268">
        <v>1</v>
      </c>
      <c r="P6493" s="268">
        <v>1</v>
      </c>
      <c r="Q6493" s="268">
        <v>0</v>
      </c>
      <c r="R6493" s="268">
        <v>0</v>
      </c>
      <c r="S6493" s="268">
        <v>0</v>
      </c>
      <c r="T6493" s="268">
        <v>0</v>
      </c>
      <c r="U6493" s="145"/>
      <c r="V6493" s="145"/>
      <c r="W6493" s="145"/>
      <c r="X6493" s="145"/>
      <c r="Y6493" s="145"/>
      <c r="Z6493" s="145"/>
      <c r="AA6493" s="145"/>
      <c r="AB6493" s="145"/>
      <c r="AC6493" s="145"/>
      <c r="AD6493" s="145"/>
      <c r="AE6493" s="145"/>
      <c r="AF6493" s="145"/>
      <c r="AG6493" s="145"/>
      <c r="AH6493" s="145"/>
      <c r="AI6493" s="145"/>
      <c r="AJ6493" s="145"/>
      <c r="AK6493" s="145"/>
      <c r="AL6493" s="145"/>
      <c r="AM6493" s="145"/>
      <c r="AN6493" s="145"/>
      <c r="AO6493" s="145"/>
      <c r="AP6493" s="145"/>
      <c r="AQ6493" s="145"/>
      <c r="AR6493" s="145"/>
      <c r="AS6493" s="145"/>
      <c r="AT6493" s="145"/>
      <c r="AU6493" s="145"/>
      <c r="AV6493" s="145"/>
      <c r="AW6493" s="145"/>
      <c r="AX6493" s="146"/>
      <c r="AY6493" s="146"/>
      <c r="AZ6493" s="146"/>
      <c r="BA6493" s="146"/>
      <c r="BB6493" s="107">
        <v>45884</v>
      </c>
    </row>
    <row r="6494" spans="1:54" s="238" customFormat="1" ht="13.95" customHeight="1" x14ac:dyDescent="0.25">
      <c r="A6494" s="256" t="s">
        <v>15401</v>
      </c>
      <c r="B6494" s="96" t="s">
        <v>20308</v>
      </c>
      <c r="C6494" s="267" t="s">
        <v>15402</v>
      </c>
      <c r="D6494" s="267" t="s">
        <v>15403</v>
      </c>
      <c r="E6494" s="268">
        <v>1973</v>
      </c>
      <c r="F6494" s="268">
        <v>1459</v>
      </c>
      <c r="G6494" s="267" t="s">
        <v>1</v>
      </c>
      <c r="H6494" s="268">
        <v>0</v>
      </c>
      <c r="I6494" s="268">
        <v>0</v>
      </c>
      <c r="J6494" s="268">
        <v>1</v>
      </c>
      <c r="K6494" s="268">
        <v>0</v>
      </c>
      <c r="L6494" s="268">
        <v>1</v>
      </c>
      <c r="M6494" s="268">
        <v>0</v>
      </c>
      <c r="N6494" s="268">
        <v>0</v>
      </c>
      <c r="O6494" s="268">
        <v>0</v>
      </c>
      <c r="P6494" s="268">
        <v>0</v>
      </c>
      <c r="Q6494" s="268">
        <v>0</v>
      </c>
      <c r="R6494" s="268">
        <v>0</v>
      </c>
      <c r="S6494" s="268">
        <v>0</v>
      </c>
      <c r="T6494" s="268">
        <v>0</v>
      </c>
      <c r="U6494" s="145"/>
      <c r="V6494" s="145"/>
      <c r="W6494" s="145"/>
      <c r="X6494" s="145"/>
      <c r="Y6494" s="145"/>
      <c r="Z6494" s="145"/>
      <c r="AA6494" s="145"/>
      <c r="AB6494" s="145"/>
      <c r="AC6494" s="145"/>
      <c r="AD6494" s="145"/>
      <c r="AE6494" s="145"/>
      <c r="AF6494" s="145"/>
      <c r="AG6494" s="145"/>
      <c r="AH6494" s="145"/>
      <c r="AI6494" s="145"/>
      <c r="AJ6494" s="145"/>
      <c r="AK6494" s="145"/>
      <c r="AL6494" s="145"/>
      <c r="AM6494" s="145"/>
      <c r="AN6494" s="145"/>
      <c r="AO6494" s="145"/>
      <c r="AP6494" s="145"/>
      <c r="AQ6494" s="145"/>
      <c r="AR6494" s="145"/>
      <c r="AS6494" s="145"/>
      <c r="AT6494" s="145"/>
      <c r="AU6494" s="145"/>
      <c r="AV6494" s="145"/>
      <c r="AW6494" s="145"/>
      <c r="AX6494" s="146"/>
      <c r="AY6494" s="146"/>
      <c r="AZ6494" s="146"/>
      <c r="BA6494" s="146"/>
      <c r="BB6494" s="107">
        <v>45884</v>
      </c>
    </row>
    <row r="6495" spans="1:54" s="238" customFormat="1" ht="13.95" customHeight="1" x14ac:dyDescent="0.25">
      <c r="A6495" s="256" t="s">
        <v>15404</v>
      </c>
      <c r="B6495" s="96" t="s">
        <v>20308</v>
      </c>
      <c r="C6495" s="267" t="s">
        <v>15405</v>
      </c>
      <c r="D6495" s="267" t="s">
        <v>15406</v>
      </c>
      <c r="E6495" s="268">
        <v>1979</v>
      </c>
      <c r="F6495" s="268">
        <v>1500</v>
      </c>
      <c r="G6495" s="267" t="s">
        <v>1</v>
      </c>
      <c r="H6495" s="268">
        <v>0</v>
      </c>
      <c r="I6495" s="268">
        <v>0</v>
      </c>
      <c r="J6495" s="268">
        <v>1</v>
      </c>
      <c r="K6495" s="268">
        <v>0</v>
      </c>
      <c r="L6495" s="268">
        <v>0</v>
      </c>
      <c r="M6495" s="268">
        <v>0</v>
      </c>
      <c r="N6495" s="268">
        <v>0</v>
      </c>
      <c r="O6495" s="268">
        <v>0</v>
      </c>
      <c r="P6495" s="268">
        <v>0</v>
      </c>
      <c r="Q6495" s="268">
        <v>0</v>
      </c>
      <c r="R6495" s="268">
        <v>0</v>
      </c>
      <c r="S6495" s="268">
        <v>0</v>
      </c>
      <c r="T6495" s="268">
        <v>0</v>
      </c>
      <c r="U6495" s="145"/>
      <c r="V6495" s="145"/>
      <c r="W6495" s="145"/>
      <c r="X6495" s="145"/>
      <c r="Y6495" s="145"/>
      <c r="Z6495" s="145"/>
      <c r="AA6495" s="145"/>
      <c r="AB6495" s="145"/>
      <c r="AC6495" s="145"/>
      <c r="AD6495" s="145"/>
      <c r="AE6495" s="145"/>
      <c r="AF6495" s="145"/>
      <c r="AG6495" s="145"/>
      <c r="AH6495" s="145"/>
      <c r="AI6495" s="145"/>
      <c r="AJ6495" s="145"/>
      <c r="AK6495" s="145"/>
      <c r="AL6495" s="145"/>
      <c r="AM6495" s="145"/>
      <c r="AN6495" s="145"/>
      <c r="AO6495" s="145"/>
      <c r="AP6495" s="145"/>
      <c r="AQ6495" s="145"/>
      <c r="AR6495" s="145"/>
      <c r="AS6495" s="145"/>
      <c r="AT6495" s="145"/>
      <c r="AU6495" s="145"/>
      <c r="AV6495" s="145"/>
      <c r="AW6495" s="145"/>
      <c r="AX6495" s="146"/>
      <c r="AY6495" s="146"/>
      <c r="AZ6495" s="146"/>
      <c r="BA6495" s="270" t="s">
        <v>9820</v>
      </c>
      <c r="BB6495" s="107">
        <v>45884</v>
      </c>
    </row>
    <row r="6496" spans="1:54" s="238" customFormat="1" ht="13.95" customHeight="1" x14ac:dyDescent="0.25">
      <c r="A6496" s="256" t="s">
        <v>15407</v>
      </c>
      <c r="B6496" s="96" t="s">
        <v>20308</v>
      </c>
      <c r="C6496" s="267" t="s">
        <v>15408</v>
      </c>
      <c r="D6496" s="267" t="s">
        <v>15409</v>
      </c>
      <c r="E6496" s="268">
        <v>1984</v>
      </c>
      <c r="F6496" s="268">
        <v>1510</v>
      </c>
      <c r="G6496" s="267" t="s">
        <v>1</v>
      </c>
      <c r="H6496" s="268">
        <v>0</v>
      </c>
      <c r="I6496" s="268">
        <v>0</v>
      </c>
      <c r="J6496" s="268">
        <v>1</v>
      </c>
      <c r="K6496" s="268">
        <v>0</v>
      </c>
      <c r="L6496" s="268">
        <v>1</v>
      </c>
      <c r="M6496" s="268">
        <v>0</v>
      </c>
      <c r="N6496" s="268">
        <v>0</v>
      </c>
      <c r="O6496" s="268">
        <v>0</v>
      </c>
      <c r="P6496" s="268">
        <v>0</v>
      </c>
      <c r="Q6496" s="268">
        <v>0</v>
      </c>
      <c r="R6496" s="268">
        <v>0</v>
      </c>
      <c r="S6496" s="268">
        <v>0</v>
      </c>
      <c r="T6496" s="268">
        <v>0</v>
      </c>
      <c r="U6496" s="145"/>
      <c r="V6496" s="145"/>
      <c r="W6496" s="145"/>
      <c r="X6496" s="145"/>
      <c r="Y6496" s="145"/>
      <c r="Z6496" s="145"/>
      <c r="AA6496" s="145"/>
      <c r="AB6496" s="145"/>
      <c r="AC6496" s="145"/>
      <c r="AD6496" s="145"/>
      <c r="AE6496" s="145"/>
      <c r="AF6496" s="145"/>
      <c r="AG6496" s="145"/>
      <c r="AH6496" s="145"/>
      <c r="AI6496" s="145"/>
      <c r="AJ6496" s="145"/>
      <c r="AK6496" s="145"/>
      <c r="AL6496" s="145"/>
      <c r="AM6496" s="145"/>
      <c r="AN6496" s="145"/>
      <c r="AO6496" s="145"/>
      <c r="AP6496" s="145"/>
      <c r="AQ6496" s="145"/>
      <c r="AR6496" s="145"/>
      <c r="AS6496" s="145"/>
      <c r="AT6496" s="145"/>
      <c r="AU6496" s="145"/>
      <c r="AV6496" s="145"/>
      <c r="AW6496" s="145"/>
      <c r="AX6496" s="146"/>
      <c r="AY6496" s="146"/>
      <c r="AZ6496" s="146"/>
      <c r="BA6496" s="146"/>
      <c r="BB6496" s="107">
        <v>45884</v>
      </c>
    </row>
    <row r="6497" spans="1:54" s="238" customFormat="1" ht="13.95" customHeight="1" x14ac:dyDescent="0.25">
      <c r="A6497" s="256" t="s">
        <v>15410</v>
      </c>
      <c r="B6497" s="96" t="s">
        <v>20308</v>
      </c>
      <c r="C6497" s="267" t="s">
        <v>15411</v>
      </c>
      <c r="D6497" s="267" t="s">
        <v>15412</v>
      </c>
      <c r="E6497" s="268">
        <v>1990</v>
      </c>
      <c r="F6497" s="268">
        <v>1531</v>
      </c>
      <c r="G6497" s="267" t="s">
        <v>1</v>
      </c>
      <c r="H6497" s="268">
        <v>0</v>
      </c>
      <c r="I6497" s="268">
        <v>0</v>
      </c>
      <c r="J6497" s="268">
        <v>1</v>
      </c>
      <c r="K6497" s="268">
        <v>0</v>
      </c>
      <c r="L6497" s="268">
        <v>0</v>
      </c>
      <c r="M6497" s="268">
        <v>0</v>
      </c>
      <c r="N6497" s="268">
        <v>0</v>
      </c>
      <c r="O6497" s="268">
        <v>1</v>
      </c>
      <c r="P6497" s="268">
        <v>1</v>
      </c>
      <c r="Q6497" s="268">
        <v>0</v>
      </c>
      <c r="R6497" s="268">
        <v>0</v>
      </c>
      <c r="S6497" s="268">
        <v>0</v>
      </c>
      <c r="T6497" s="268">
        <v>0</v>
      </c>
      <c r="U6497" s="145"/>
      <c r="V6497" s="145"/>
      <c r="W6497" s="145"/>
      <c r="X6497" s="145"/>
      <c r="Y6497" s="145"/>
      <c r="Z6497" s="145"/>
      <c r="AA6497" s="145"/>
      <c r="AB6497" s="145"/>
      <c r="AC6497" s="145"/>
      <c r="AD6497" s="145"/>
      <c r="AE6497" s="145"/>
      <c r="AF6497" s="145"/>
      <c r="AG6497" s="145"/>
      <c r="AH6497" s="145"/>
      <c r="AI6497" s="145"/>
      <c r="AJ6497" s="145"/>
      <c r="AK6497" s="145"/>
      <c r="AL6497" s="145"/>
      <c r="AM6497" s="145"/>
      <c r="AN6497" s="145"/>
      <c r="AO6497" s="145"/>
      <c r="AP6497" s="145"/>
      <c r="AQ6497" s="145"/>
      <c r="AR6497" s="145"/>
      <c r="AS6497" s="145"/>
      <c r="AT6497" s="145"/>
      <c r="AU6497" s="145"/>
      <c r="AV6497" s="145"/>
      <c r="AW6497" s="145"/>
      <c r="AX6497" s="146"/>
      <c r="AY6497" s="146"/>
      <c r="AZ6497" s="146"/>
      <c r="BA6497" s="146"/>
      <c r="BB6497" s="107">
        <v>45884</v>
      </c>
    </row>
    <row r="6498" spans="1:54" s="238" customFormat="1" ht="13.95" customHeight="1" x14ac:dyDescent="0.25">
      <c r="A6498" s="256" t="s">
        <v>15413</v>
      </c>
      <c r="B6498" s="96" t="s">
        <v>20308</v>
      </c>
      <c r="C6498" s="267" t="s">
        <v>15414</v>
      </c>
      <c r="D6498" s="267" t="s">
        <v>15415</v>
      </c>
      <c r="E6498" s="268">
        <v>1989</v>
      </c>
      <c r="F6498" s="268">
        <v>1579</v>
      </c>
      <c r="G6498" s="267" t="s">
        <v>1</v>
      </c>
      <c r="H6498" s="268">
        <v>0</v>
      </c>
      <c r="I6498" s="268">
        <v>0</v>
      </c>
      <c r="J6498" s="268">
        <v>1</v>
      </c>
      <c r="K6498" s="268">
        <v>0</v>
      </c>
      <c r="L6498" s="268">
        <v>0</v>
      </c>
      <c r="M6498" s="268">
        <v>0</v>
      </c>
      <c r="N6498" s="268">
        <v>0</v>
      </c>
      <c r="O6498" s="269">
        <v>1</v>
      </c>
      <c r="P6498" s="268">
        <v>1</v>
      </c>
      <c r="Q6498" s="268">
        <v>0</v>
      </c>
      <c r="R6498" s="268">
        <v>1</v>
      </c>
      <c r="S6498" s="268">
        <v>0</v>
      </c>
      <c r="T6498" s="268">
        <v>0</v>
      </c>
      <c r="U6498" s="145"/>
      <c r="V6498" s="145"/>
      <c r="W6498" s="145"/>
      <c r="X6498" s="145"/>
      <c r="Y6498" s="145"/>
      <c r="Z6498" s="145"/>
      <c r="AA6498" s="145"/>
      <c r="AB6498" s="145"/>
      <c r="AC6498" s="145"/>
      <c r="AD6498" s="145"/>
      <c r="AE6498" s="145"/>
      <c r="AF6498" s="145"/>
      <c r="AG6498" s="145"/>
      <c r="AH6498" s="145"/>
      <c r="AI6498" s="145"/>
      <c r="AJ6498" s="145"/>
      <c r="AK6498" s="145"/>
      <c r="AL6498" s="145"/>
      <c r="AM6498" s="145"/>
      <c r="AN6498" s="145"/>
      <c r="AO6498" s="145"/>
      <c r="AP6498" s="145"/>
      <c r="AQ6498" s="145"/>
      <c r="AR6498" s="145"/>
      <c r="AS6498" s="145"/>
      <c r="AT6498" s="145"/>
      <c r="AU6498" s="145"/>
      <c r="AV6498" s="145"/>
      <c r="AW6498" s="145"/>
      <c r="AX6498" s="146"/>
      <c r="AY6498" s="146"/>
      <c r="AZ6498" s="146"/>
      <c r="BA6498" s="146"/>
      <c r="BB6498" s="107">
        <v>45884</v>
      </c>
    </row>
    <row r="6499" spans="1:54" s="238" customFormat="1" ht="13.95" customHeight="1" x14ac:dyDescent="0.25">
      <c r="A6499" s="256" t="s">
        <v>15416</v>
      </c>
      <c r="B6499" s="96" t="s">
        <v>20308</v>
      </c>
      <c r="C6499" s="267" t="s">
        <v>15417</v>
      </c>
      <c r="D6499" s="267" t="s">
        <v>15418</v>
      </c>
      <c r="E6499" s="268">
        <v>1982</v>
      </c>
      <c r="F6499" s="268">
        <v>1647</v>
      </c>
      <c r="G6499" s="267" t="s">
        <v>1</v>
      </c>
      <c r="H6499" s="268">
        <v>0</v>
      </c>
      <c r="I6499" s="268">
        <v>0</v>
      </c>
      <c r="J6499" s="268">
        <v>1</v>
      </c>
      <c r="K6499" s="268">
        <v>0</v>
      </c>
      <c r="L6499" s="268">
        <v>0</v>
      </c>
      <c r="M6499" s="268">
        <v>0</v>
      </c>
      <c r="N6499" s="268">
        <v>0</v>
      </c>
      <c r="O6499" s="268">
        <v>0</v>
      </c>
      <c r="P6499" s="268">
        <v>1</v>
      </c>
      <c r="Q6499" s="268">
        <v>0</v>
      </c>
      <c r="R6499" s="268">
        <v>1</v>
      </c>
      <c r="S6499" s="268">
        <v>0</v>
      </c>
      <c r="T6499" s="268">
        <v>0</v>
      </c>
      <c r="U6499" s="145"/>
      <c r="V6499" s="145"/>
      <c r="W6499" s="145"/>
      <c r="X6499" s="145"/>
      <c r="Y6499" s="145"/>
      <c r="Z6499" s="145"/>
      <c r="AA6499" s="145"/>
      <c r="AB6499" s="145"/>
      <c r="AC6499" s="145"/>
      <c r="AD6499" s="145"/>
      <c r="AE6499" s="145"/>
      <c r="AF6499" s="145"/>
      <c r="AG6499" s="145"/>
      <c r="AH6499" s="145"/>
      <c r="AI6499" s="145"/>
      <c r="AJ6499" s="145"/>
      <c r="AK6499" s="145"/>
      <c r="AL6499" s="145"/>
      <c r="AM6499" s="145"/>
      <c r="AN6499" s="145"/>
      <c r="AO6499" s="145"/>
      <c r="AP6499" s="145"/>
      <c r="AQ6499" s="145"/>
      <c r="AR6499" s="145"/>
      <c r="AS6499" s="145"/>
      <c r="AT6499" s="145"/>
      <c r="AU6499" s="145"/>
      <c r="AV6499" s="145"/>
      <c r="AW6499" s="145"/>
      <c r="AX6499" s="146"/>
      <c r="AY6499" s="146"/>
      <c r="AZ6499" s="146"/>
      <c r="BA6499" s="146"/>
      <c r="BB6499" s="107">
        <v>45884</v>
      </c>
    </row>
    <row r="6500" spans="1:54" s="238" customFormat="1" ht="13.95" customHeight="1" x14ac:dyDescent="0.25">
      <c r="A6500" s="256" t="s">
        <v>15419</v>
      </c>
      <c r="B6500" s="96" t="s">
        <v>20308</v>
      </c>
      <c r="C6500" s="267" t="s">
        <v>15420</v>
      </c>
      <c r="D6500" s="267" t="s">
        <v>15421</v>
      </c>
      <c r="E6500" s="268">
        <v>1984</v>
      </c>
      <c r="F6500" s="268">
        <v>1737</v>
      </c>
      <c r="G6500" s="267" t="s">
        <v>1</v>
      </c>
      <c r="H6500" s="268">
        <v>0</v>
      </c>
      <c r="I6500" s="268">
        <v>0</v>
      </c>
      <c r="J6500" s="268">
        <v>1</v>
      </c>
      <c r="K6500" s="268">
        <v>0</v>
      </c>
      <c r="L6500" s="268">
        <v>0</v>
      </c>
      <c r="M6500" s="268">
        <v>0</v>
      </c>
      <c r="N6500" s="268">
        <v>0</v>
      </c>
      <c r="O6500" s="268">
        <v>0</v>
      </c>
      <c r="P6500" s="268">
        <v>0</v>
      </c>
      <c r="Q6500" s="268">
        <v>0</v>
      </c>
      <c r="R6500" s="268">
        <v>0</v>
      </c>
      <c r="S6500" s="268">
        <v>0</v>
      </c>
      <c r="T6500" s="268">
        <v>0</v>
      </c>
      <c r="U6500" s="145"/>
      <c r="V6500" s="145"/>
      <c r="W6500" s="145"/>
      <c r="X6500" s="145"/>
      <c r="Y6500" s="145"/>
      <c r="Z6500" s="145"/>
      <c r="AA6500" s="145"/>
      <c r="AB6500" s="145"/>
      <c r="AC6500" s="145"/>
      <c r="AD6500" s="145"/>
      <c r="AE6500" s="145"/>
      <c r="AF6500" s="145"/>
      <c r="AG6500" s="145"/>
      <c r="AH6500" s="145"/>
      <c r="AI6500" s="145"/>
      <c r="AJ6500" s="145"/>
      <c r="AK6500" s="145"/>
      <c r="AL6500" s="145"/>
      <c r="AM6500" s="145"/>
      <c r="AN6500" s="145"/>
      <c r="AO6500" s="145"/>
      <c r="AP6500" s="145"/>
      <c r="AQ6500" s="145"/>
      <c r="AR6500" s="145"/>
      <c r="AS6500" s="145"/>
      <c r="AT6500" s="145"/>
      <c r="AU6500" s="145"/>
      <c r="AV6500" s="145"/>
      <c r="AW6500" s="145"/>
      <c r="AX6500" s="146"/>
      <c r="AY6500" s="146"/>
      <c r="AZ6500" s="146"/>
      <c r="BA6500" s="146"/>
      <c r="BB6500" s="107">
        <v>45884</v>
      </c>
    </row>
    <row r="6501" spans="1:54" s="238" customFormat="1" ht="13.95" customHeight="1" x14ac:dyDescent="0.25">
      <c r="A6501" s="256" t="s">
        <v>15422</v>
      </c>
      <c r="B6501" s="96" t="s">
        <v>20308</v>
      </c>
      <c r="C6501" s="267" t="s">
        <v>15423</v>
      </c>
      <c r="D6501" s="267" t="s">
        <v>15424</v>
      </c>
      <c r="E6501" s="268">
        <v>1984</v>
      </c>
      <c r="F6501" s="268">
        <v>1750</v>
      </c>
      <c r="G6501" s="267" t="s">
        <v>1</v>
      </c>
      <c r="H6501" s="268">
        <v>0</v>
      </c>
      <c r="I6501" s="268">
        <v>0</v>
      </c>
      <c r="J6501" s="268">
        <v>1</v>
      </c>
      <c r="K6501" s="268">
        <v>0</v>
      </c>
      <c r="L6501" s="268">
        <v>0</v>
      </c>
      <c r="M6501" s="268">
        <v>0</v>
      </c>
      <c r="N6501" s="268">
        <v>0</v>
      </c>
      <c r="O6501" s="268">
        <v>1</v>
      </c>
      <c r="P6501" s="268">
        <v>1</v>
      </c>
      <c r="Q6501" s="268">
        <v>0</v>
      </c>
      <c r="R6501" s="268">
        <v>1</v>
      </c>
      <c r="S6501" s="268">
        <v>0</v>
      </c>
      <c r="T6501" s="268">
        <v>0</v>
      </c>
      <c r="U6501" s="145"/>
      <c r="V6501" s="145"/>
      <c r="W6501" s="145"/>
      <c r="X6501" s="145"/>
      <c r="Y6501" s="145"/>
      <c r="Z6501" s="145"/>
      <c r="AA6501" s="145"/>
      <c r="AB6501" s="145"/>
      <c r="AC6501" s="145"/>
      <c r="AD6501" s="145"/>
      <c r="AE6501" s="145"/>
      <c r="AF6501" s="145"/>
      <c r="AG6501" s="145"/>
      <c r="AH6501" s="145"/>
      <c r="AI6501" s="145"/>
      <c r="AJ6501" s="145"/>
      <c r="AK6501" s="145"/>
      <c r="AL6501" s="145"/>
      <c r="AM6501" s="145"/>
      <c r="AN6501" s="145"/>
      <c r="AO6501" s="145"/>
      <c r="AP6501" s="145"/>
      <c r="AQ6501" s="145"/>
      <c r="AR6501" s="145"/>
      <c r="AS6501" s="145"/>
      <c r="AT6501" s="145"/>
      <c r="AU6501" s="145"/>
      <c r="AV6501" s="145"/>
      <c r="AW6501" s="145"/>
      <c r="AX6501" s="146"/>
      <c r="AY6501" s="146"/>
      <c r="AZ6501" s="146"/>
      <c r="BA6501" s="146"/>
      <c r="BB6501" s="107">
        <v>45884</v>
      </c>
    </row>
    <row r="6502" spans="1:54" s="238" customFormat="1" ht="13.95" customHeight="1" x14ac:dyDescent="0.25">
      <c r="A6502" s="256" t="s">
        <v>15425</v>
      </c>
      <c r="B6502" s="96" t="s">
        <v>20308</v>
      </c>
      <c r="C6502" s="267" t="s">
        <v>15426</v>
      </c>
      <c r="D6502" s="267" t="s">
        <v>15427</v>
      </c>
      <c r="E6502" s="268">
        <v>1988</v>
      </c>
      <c r="F6502" s="268">
        <v>1753</v>
      </c>
      <c r="G6502" s="267" t="s">
        <v>1</v>
      </c>
      <c r="H6502" s="268">
        <v>1</v>
      </c>
      <c r="I6502" s="268">
        <v>0</v>
      </c>
      <c r="J6502" s="268">
        <v>1</v>
      </c>
      <c r="K6502" s="268">
        <v>0</v>
      </c>
      <c r="L6502" s="268">
        <v>1</v>
      </c>
      <c r="M6502" s="268">
        <v>0</v>
      </c>
      <c r="N6502" s="268">
        <v>0</v>
      </c>
      <c r="O6502" s="268">
        <v>0</v>
      </c>
      <c r="P6502" s="268">
        <v>1</v>
      </c>
      <c r="Q6502" s="268">
        <v>0</v>
      </c>
      <c r="R6502" s="268">
        <v>1</v>
      </c>
      <c r="S6502" s="268">
        <v>0</v>
      </c>
      <c r="T6502" s="268">
        <v>0</v>
      </c>
      <c r="U6502" s="145"/>
      <c r="V6502" s="145"/>
      <c r="W6502" s="145"/>
      <c r="X6502" s="145"/>
      <c r="Y6502" s="145"/>
      <c r="Z6502" s="145"/>
      <c r="AA6502" s="145"/>
      <c r="AB6502" s="145"/>
      <c r="AC6502" s="145"/>
      <c r="AD6502" s="145"/>
      <c r="AE6502" s="145"/>
      <c r="AF6502" s="145"/>
      <c r="AG6502" s="145"/>
      <c r="AH6502" s="145"/>
      <c r="AI6502" s="145"/>
      <c r="AJ6502" s="145"/>
      <c r="AK6502" s="145"/>
      <c r="AL6502" s="145"/>
      <c r="AM6502" s="145"/>
      <c r="AN6502" s="145"/>
      <c r="AO6502" s="145"/>
      <c r="AP6502" s="145"/>
      <c r="AQ6502" s="145"/>
      <c r="AR6502" s="145"/>
      <c r="AS6502" s="145"/>
      <c r="AT6502" s="145"/>
      <c r="AU6502" s="145"/>
      <c r="AV6502" s="145"/>
      <c r="AW6502" s="145"/>
      <c r="AX6502" s="146"/>
      <c r="AY6502" s="146"/>
      <c r="AZ6502" s="146"/>
      <c r="BA6502" s="146"/>
      <c r="BB6502" s="107">
        <v>45884</v>
      </c>
    </row>
    <row r="6503" spans="1:54" s="238" customFormat="1" ht="13.95" customHeight="1" x14ac:dyDescent="0.25">
      <c r="A6503" s="256" t="s">
        <v>15428</v>
      </c>
      <c r="B6503" s="96" t="s">
        <v>20308</v>
      </c>
      <c r="C6503" s="267" t="s">
        <v>15429</v>
      </c>
      <c r="D6503" s="267" t="s">
        <v>15430</v>
      </c>
      <c r="E6503" s="268">
        <v>1994</v>
      </c>
      <c r="F6503" s="268">
        <v>1813</v>
      </c>
      <c r="G6503" s="267" t="s">
        <v>1</v>
      </c>
      <c r="H6503" s="268">
        <v>0</v>
      </c>
      <c r="I6503" s="268">
        <v>0</v>
      </c>
      <c r="J6503" s="268">
        <v>1</v>
      </c>
      <c r="K6503" s="268">
        <v>0</v>
      </c>
      <c r="L6503" s="268">
        <v>1</v>
      </c>
      <c r="M6503" s="268">
        <v>1</v>
      </c>
      <c r="N6503" s="268">
        <v>0</v>
      </c>
      <c r="O6503" s="268">
        <v>0</v>
      </c>
      <c r="P6503" s="268">
        <v>0</v>
      </c>
      <c r="Q6503" s="268">
        <v>0</v>
      </c>
      <c r="R6503" s="268">
        <v>0</v>
      </c>
      <c r="S6503" s="268">
        <v>0</v>
      </c>
      <c r="T6503" s="268">
        <v>0</v>
      </c>
      <c r="U6503" s="145"/>
      <c r="V6503" s="145"/>
      <c r="W6503" s="145"/>
      <c r="X6503" s="145"/>
      <c r="Y6503" s="145"/>
      <c r="Z6503" s="145"/>
      <c r="AA6503" s="145"/>
      <c r="AB6503" s="145"/>
      <c r="AC6503" s="145"/>
      <c r="AD6503" s="145"/>
      <c r="AE6503" s="145"/>
      <c r="AF6503" s="145"/>
      <c r="AG6503" s="145"/>
      <c r="AH6503" s="145"/>
      <c r="AI6503" s="145"/>
      <c r="AJ6503" s="145"/>
      <c r="AK6503" s="145"/>
      <c r="AL6503" s="145"/>
      <c r="AM6503" s="145"/>
      <c r="AN6503" s="145"/>
      <c r="AO6503" s="145"/>
      <c r="AP6503" s="145"/>
      <c r="AQ6503" s="145"/>
      <c r="AR6503" s="145"/>
      <c r="AS6503" s="145"/>
      <c r="AT6503" s="145"/>
      <c r="AU6503" s="145"/>
      <c r="AV6503" s="145"/>
      <c r="AW6503" s="145"/>
      <c r="AX6503" s="146"/>
      <c r="AY6503" s="146"/>
      <c r="AZ6503" s="146"/>
      <c r="BA6503" s="146"/>
      <c r="BB6503" s="107">
        <v>45884</v>
      </c>
    </row>
    <row r="6504" spans="1:54" s="238" customFormat="1" ht="13.95" customHeight="1" x14ac:dyDescent="0.25">
      <c r="A6504" s="256" t="s">
        <v>15431</v>
      </c>
      <c r="B6504" s="96" t="s">
        <v>20308</v>
      </c>
      <c r="C6504" s="267" t="s">
        <v>15432</v>
      </c>
      <c r="D6504" s="267" t="s">
        <v>15433</v>
      </c>
      <c r="E6504" s="268">
        <v>1987</v>
      </c>
      <c r="F6504" s="268">
        <v>2108</v>
      </c>
      <c r="G6504" s="267" t="s">
        <v>1</v>
      </c>
      <c r="H6504" s="268">
        <v>0</v>
      </c>
      <c r="I6504" s="268">
        <v>0</v>
      </c>
      <c r="J6504" s="268">
        <v>1</v>
      </c>
      <c r="K6504" s="268">
        <v>0</v>
      </c>
      <c r="L6504" s="268">
        <v>0</v>
      </c>
      <c r="M6504" s="268">
        <v>0</v>
      </c>
      <c r="N6504" s="268">
        <v>0</v>
      </c>
      <c r="O6504" s="268">
        <v>0</v>
      </c>
      <c r="P6504" s="268">
        <v>1</v>
      </c>
      <c r="Q6504" s="268">
        <v>0</v>
      </c>
      <c r="R6504" s="268">
        <v>0</v>
      </c>
      <c r="S6504" s="268">
        <v>0</v>
      </c>
      <c r="T6504" s="268">
        <v>0</v>
      </c>
      <c r="U6504" s="145"/>
      <c r="V6504" s="145"/>
      <c r="W6504" s="145"/>
      <c r="X6504" s="145"/>
      <c r="Y6504" s="145"/>
      <c r="Z6504" s="145"/>
      <c r="AA6504" s="145"/>
      <c r="AB6504" s="145"/>
      <c r="AC6504" s="145"/>
      <c r="AD6504" s="145"/>
      <c r="AE6504" s="145"/>
      <c r="AF6504" s="145"/>
      <c r="AG6504" s="145"/>
      <c r="AH6504" s="145"/>
      <c r="AI6504" s="145"/>
      <c r="AJ6504" s="145"/>
      <c r="AK6504" s="145"/>
      <c r="AL6504" s="145"/>
      <c r="AM6504" s="145"/>
      <c r="AN6504" s="145"/>
      <c r="AO6504" s="145"/>
      <c r="AP6504" s="145"/>
      <c r="AQ6504" s="145"/>
      <c r="AR6504" s="145"/>
      <c r="AS6504" s="145"/>
      <c r="AT6504" s="145"/>
      <c r="AU6504" s="145"/>
      <c r="AV6504" s="145"/>
      <c r="AW6504" s="145"/>
      <c r="AX6504" s="146"/>
      <c r="AY6504" s="146"/>
      <c r="AZ6504" s="146"/>
      <c r="BA6504" s="146"/>
      <c r="BB6504" s="107">
        <v>45884</v>
      </c>
    </row>
    <row r="6505" spans="1:54" s="238" customFormat="1" ht="13.95" customHeight="1" x14ac:dyDescent="0.25">
      <c r="A6505" s="256" t="s">
        <v>15434</v>
      </c>
      <c r="B6505" s="96" t="s">
        <v>20308</v>
      </c>
      <c r="C6505" s="267" t="s">
        <v>15435</v>
      </c>
      <c r="D6505" s="267" t="s">
        <v>15436</v>
      </c>
      <c r="E6505" s="268">
        <v>1994</v>
      </c>
      <c r="F6505" s="268">
        <v>2265</v>
      </c>
      <c r="G6505" s="267" t="s">
        <v>1</v>
      </c>
      <c r="H6505" s="268">
        <v>0</v>
      </c>
      <c r="I6505" s="268">
        <v>0</v>
      </c>
      <c r="J6505" s="268">
        <v>0</v>
      </c>
      <c r="K6505" s="268">
        <v>0</v>
      </c>
      <c r="L6505" s="268">
        <v>0</v>
      </c>
      <c r="M6505" s="268">
        <v>0</v>
      </c>
      <c r="N6505" s="268">
        <v>0</v>
      </c>
      <c r="O6505" s="268">
        <v>0</v>
      </c>
      <c r="P6505" s="268">
        <v>0</v>
      </c>
      <c r="Q6505" s="268">
        <v>0</v>
      </c>
      <c r="R6505" s="268">
        <v>0</v>
      </c>
      <c r="S6505" s="268">
        <v>0</v>
      </c>
      <c r="T6505" s="268">
        <v>0</v>
      </c>
      <c r="U6505" s="145"/>
      <c r="V6505" s="145"/>
      <c r="W6505" s="145"/>
      <c r="X6505" s="145"/>
      <c r="Y6505" s="145"/>
      <c r="Z6505" s="145"/>
      <c r="AA6505" s="145"/>
      <c r="AB6505" s="145"/>
      <c r="AC6505" s="145"/>
      <c r="AD6505" s="145"/>
      <c r="AE6505" s="145"/>
      <c r="AF6505" s="145"/>
      <c r="AG6505" s="145"/>
      <c r="AH6505" s="145"/>
      <c r="AI6505" s="145"/>
      <c r="AJ6505" s="145"/>
      <c r="AK6505" s="145"/>
      <c r="AL6505" s="145"/>
      <c r="AM6505" s="145"/>
      <c r="AN6505" s="145"/>
      <c r="AO6505" s="145"/>
      <c r="AP6505" s="145"/>
      <c r="AQ6505" s="145"/>
      <c r="AR6505" s="145"/>
      <c r="AS6505" s="145"/>
      <c r="AT6505" s="145"/>
      <c r="AU6505" s="145"/>
      <c r="AV6505" s="145"/>
      <c r="AW6505" s="145"/>
      <c r="AX6505" s="146"/>
      <c r="AY6505" s="146"/>
      <c r="AZ6505" s="146"/>
      <c r="BA6505" s="146"/>
      <c r="BB6505" s="107">
        <v>45884</v>
      </c>
    </row>
    <row r="6506" spans="1:54" s="238" customFormat="1" ht="13.95" customHeight="1" x14ac:dyDescent="0.25">
      <c r="A6506" s="256" t="s">
        <v>15437</v>
      </c>
      <c r="B6506" s="96" t="s">
        <v>20308</v>
      </c>
      <c r="C6506" s="267" t="s">
        <v>15438</v>
      </c>
      <c r="D6506" s="267" t="s">
        <v>15439</v>
      </c>
      <c r="E6506" s="268">
        <v>1973</v>
      </c>
      <c r="F6506" s="268">
        <v>2316</v>
      </c>
      <c r="G6506" s="267" t="s">
        <v>1</v>
      </c>
      <c r="H6506" s="268">
        <v>0</v>
      </c>
      <c r="I6506" s="268">
        <v>0</v>
      </c>
      <c r="J6506" s="268">
        <v>1</v>
      </c>
      <c r="K6506" s="268">
        <v>0</v>
      </c>
      <c r="L6506" s="268">
        <v>0</v>
      </c>
      <c r="M6506" s="268">
        <v>0</v>
      </c>
      <c r="N6506" s="268">
        <v>0</v>
      </c>
      <c r="O6506" s="268">
        <v>0</v>
      </c>
      <c r="P6506" s="268">
        <v>1</v>
      </c>
      <c r="Q6506" s="268">
        <v>0</v>
      </c>
      <c r="R6506" s="268">
        <v>0</v>
      </c>
      <c r="S6506" s="268">
        <v>0</v>
      </c>
      <c r="T6506" s="268">
        <v>0</v>
      </c>
      <c r="U6506" s="145"/>
      <c r="V6506" s="145"/>
      <c r="W6506" s="145"/>
      <c r="X6506" s="145"/>
      <c r="Y6506" s="145"/>
      <c r="Z6506" s="145"/>
      <c r="AA6506" s="145"/>
      <c r="AB6506" s="145"/>
      <c r="AC6506" s="145"/>
      <c r="AD6506" s="145"/>
      <c r="AE6506" s="145"/>
      <c r="AF6506" s="145"/>
      <c r="AG6506" s="145"/>
      <c r="AH6506" s="145"/>
      <c r="AI6506" s="145"/>
      <c r="AJ6506" s="145"/>
      <c r="AK6506" s="145"/>
      <c r="AL6506" s="145"/>
      <c r="AM6506" s="145"/>
      <c r="AN6506" s="145"/>
      <c r="AO6506" s="145"/>
      <c r="AP6506" s="145"/>
      <c r="AQ6506" s="145"/>
      <c r="AR6506" s="145"/>
      <c r="AS6506" s="145"/>
      <c r="AT6506" s="145"/>
      <c r="AU6506" s="145"/>
      <c r="AV6506" s="145"/>
      <c r="AW6506" s="145"/>
      <c r="AX6506" s="146"/>
      <c r="AY6506" s="146"/>
      <c r="AZ6506" s="146"/>
      <c r="BA6506" s="270" t="s">
        <v>9820</v>
      </c>
      <c r="BB6506" s="107">
        <v>45884</v>
      </c>
    </row>
    <row r="6507" spans="1:54" s="238" customFormat="1" ht="13.95" customHeight="1" x14ac:dyDescent="0.25">
      <c r="A6507" s="256" t="s">
        <v>15440</v>
      </c>
      <c r="B6507" s="96" t="s">
        <v>20308</v>
      </c>
      <c r="C6507" s="267" t="s">
        <v>15441</v>
      </c>
      <c r="D6507" s="267" t="s">
        <v>15442</v>
      </c>
      <c r="E6507" s="268">
        <v>1982</v>
      </c>
      <c r="F6507" s="268">
        <v>2372</v>
      </c>
      <c r="G6507" s="267" t="s">
        <v>1</v>
      </c>
      <c r="H6507" s="268">
        <v>0</v>
      </c>
      <c r="I6507" s="268">
        <v>0</v>
      </c>
      <c r="J6507" s="268">
        <v>1</v>
      </c>
      <c r="K6507" s="268">
        <v>0</v>
      </c>
      <c r="L6507" s="268">
        <v>0</v>
      </c>
      <c r="M6507" s="268">
        <v>0</v>
      </c>
      <c r="N6507" s="268">
        <v>0</v>
      </c>
      <c r="O6507" s="268">
        <v>0</v>
      </c>
      <c r="P6507" s="268">
        <v>0</v>
      </c>
      <c r="Q6507" s="268">
        <v>0</v>
      </c>
      <c r="R6507" s="268">
        <v>0</v>
      </c>
      <c r="S6507" s="268">
        <v>0</v>
      </c>
      <c r="T6507" s="268">
        <v>0</v>
      </c>
      <c r="U6507" s="145"/>
      <c r="V6507" s="145"/>
      <c r="W6507" s="145"/>
      <c r="X6507" s="145"/>
      <c r="Y6507" s="145"/>
      <c r="Z6507" s="145"/>
      <c r="AA6507" s="145"/>
      <c r="AB6507" s="145"/>
      <c r="AC6507" s="145"/>
      <c r="AD6507" s="145"/>
      <c r="AE6507" s="145"/>
      <c r="AF6507" s="145"/>
      <c r="AG6507" s="145"/>
      <c r="AH6507" s="145"/>
      <c r="AI6507" s="145"/>
      <c r="AJ6507" s="145"/>
      <c r="AK6507" s="145"/>
      <c r="AL6507" s="145"/>
      <c r="AM6507" s="145"/>
      <c r="AN6507" s="145"/>
      <c r="AO6507" s="145"/>
      <c r="AP6507" s="145"/>
      <c r="AQ6507" s="145"/>
      <c r="AR6507" s="145"/>
      <c r="AS6507" s="145"/>
      <c r="AT6507" s="145"/>
      <c r="AU6507" s="145"/>
      <c r="AV6507" s="145"/>
      <c r="AW6507" s="145"/>
      <c r="AX6507" s="146"/>
      <c r="AY6507" s="146"/>
      <c r="AZ6507" s="146"/>
      <c r="BA6507" s="146"/>
      <c r="BB6507" s="107">
        <v>45884</v>
      </c>
    </row>
    <row r="6508" spans="1:54" s="238" customFormat="1" ht="13.5" customHeight="1" x14ac:dyDescent="0.25">
      <c r="A6508" s="256" t="s">
        <v>15443</v>
      </c>
      <c r="B6508" s="96" t="s">
        <v>20308</v>
      </c>
      <c r="C6508" s="267" t="s">
        <v>15444</v>
      </c>
      <c r="D6508" s="267" t="s">
        <v>15445</v>
      </c>
      <c r="E6508" s="268">
        <v>1973</v>
      </c>
      <c r="F6508" s="268">
        <v>2418</v>
      </c>
      <c r="G6508" s="267" t="s">
        <v>10</v>
      </c>
      <c r="H6508" s="268">
        <v>0</v>
      </c>
      <c r="I6508" s="268">
        <v>0</v>
      </c>
      <c r="J6508" s="268">
        <v>0</v>
      </c>
      <c r="K6508" s="268">
        <v>0</v>
      </c>
      <c r="L6508" s="268">
        <v>0</v>
      </c>
      <c r="M6508" s="268">
        <v>0</v>
      </c>
      <c r="N6508" s="268">
        <v>0</v>
      </c>
      <c r="O6508" s="268">
        <v>0</v>
      </c>
      <c r="P6508" s="268">
        <v>0</v>
      </c>
      <c r="Q6508" s="268">
        <v>0</v>
      </c>
      <c r="R6508" s="268">
        <v>0</v>
      </c>
      <c r="S6508" s="268">
        <v>0</v>
      </c>
      <c r="T6508" s="268">
        <v>0</v>
      </c>
      <c r="U6508" s="268">
        <v>0</v>
      </c>
      <c r="V6508" s="268">
        <v>0</v>
      </c>
      <c r="W6508" s="268">
        <v>0</v>
      </c>
      <c r="X6508" s="268">
        <v>0</v>
      </c>
      <c r="Y6508" s="268">
        <v>0</v>
      </c>
      <c r="Z6508" s="268">
        <v>0</v>
      </c>
      <c r="AA6508" s="268">
        <v>0</v>
      </c>
      <c r="AB6508" s="268">
        <v>0</v>
      </c>
      <c r="AC6508" s="268">
        <v>0</v>
      </c>
      <c r="AD6508" s="268">
        <v>0</v>
      </c>
      <c r="AE6508" s="268">
        <v>0</v>
      </c>
      <c r="AF6508" s="268">
        <v>0</v>
      </c>
      <c r="AG6508" s="268">
        <v>0</v>
      </c>
      <c r="AH6508" s="268">
        <v>0</v>
      </c>
      <c r="AI6508" s="268">
        <v>0</v>
      </c>
      <c r="AJ6508" s="268">
        <v>0</v>
      </c>
      <c r="AK6508" s="268">
        <v>0</v>
      </c>
      <c r="AL6508" s="268">
        <v>0</v>
      </c>
      <c r="AM6508" s="268">
        <v>0</v>
      </c>
      <c r="AN6508" s="268">
        <v>0</v>
      </c>
      <c r="AO6508" s="268">
        <v>0</v>
      </c>
      <c r="AP6508" s="268">
        <v>0</v>
      </c>
      <c r="AQ6508" s="268">
        <v>0</v>
      </c>
      <c r="AR6508" s="268">
        <v>0</v>
      </c>
      <c r="AS6508" s="268">
        <v>0</v>
      </c>
      <c r="AT6508" s="268" t="s">
        <v>174</v>
      </c>
      <c r="AU6508" s="268">
        <v>0</v>
      </c>
      <c r="AV6508" s="268">
        <v>0</v>
      </c>
      <c r="AW6508" s="268">
        <v>0</v>
      </c>
      <c r="AX6508" s="270"/>
      <c r="AY6508" s="270"/>
      <c r="AZ6508" s="270"/>
      <c r="BA6508" s="270" t="s">
        <v>20310</v>
      </c>
      <c r="BB6508" s="107">
        <v>45884</v>
      </c>
    </row>
    <row r="6509" spans="1:54" s="238" customFormat="1" ht="13.95" customHeight="1" x14ac:dyDescent="0.25">
      <c r="A6509" s="256" t="s">
        <v>15446</v>
      </c>
      <c r="B6509" s="96" t="s">
        <v>20308</v>
      </c>
      <c r="C6509" s="267" t="s">
        <v>15447</v>
      </c>
      <c r="D6509" s="267" t="s">
        <v>15448</v>
      </c>
      <c r="E6509" s="268">
        <v>1991</v>
      </c>
      <c r="F6509" s="268">
        <v>2448</v>
      </c>
      <c r="G6509" s="267" t="s">
        <v>1</v>
      </c>
      <c r="H6509" s="268">
        <v>0</v>
      </c>
      <c r="I6509" s="268">
        <v>0</v>
      </c>
      <c r="J6509" s="268">
        <v>1</v>
      </c>
      <c r="K6509" s="268">
        <v>0</v>
      </c>
      <c r="L6509" s="268">
        <v>1</v>
      </c>
      <c r="M6509" s="268">
        <v>0</v>
      </c>
      <c r="N6509" s="268">
        <v>0</v>
      </c>
      <c r="O6509" s="268">
        <v>0</v>
      </c>
      <c r="P6509" s="268">
        <v>1</v>
      </c>
      <c r="Q6509" s="268">
        <v>0</v>
      </c>
      <c r="R6509" s="268">
        <v>1</v>
      </c>
      <c r="S6509" s="268">
        <v>0</v>
      </c>
      <c r="T6509" s="268">
        <v>0</v>
      </c>
      <c r="U6509" s="145"/>
      <c r="V6509" s="145"/>
      <c r="W6509" s="145"/>
      <c r="X6509" s="145"/>
      <c r="Y6509" s="145"/>
      <c r="Z6509" s="145"/>
      <c r="AA6509" s="145"/>
      <c r="AB6509" s="145"/>
      <c r="AC6509" s="145"/>
      <c r="AD6509" s="145"/>
      <c r="AE6509" s="145"/>
      <c r="AF6509" s="145"/>
      <c r="AG6509" s="145"/>
      <c r="AH6509" s="145"/>
      <c r="AI6509" s="145"/>
      <c r="AJ6509" s="145"/>
      <c r="AK6509" s="145"/>
      <c r="AL6509" s="145"/>
      <c r="AM6509" s="145"/>
      <c r="AN6509" s="145"/>
      <c r="AO6509" s="145"/>
      <c r="AP6509" s="145"/>
      <c r="AQ6509" s="145"/>
      <c r="AR6509" s="145"/>
      <c r="AS6509" s="145"/>
      <c r="AT6509" s="145"/>
      <c r="AU6509" s="145"/>
      <c r="AV6509" s="145"/>
      <c r="AW6509" s="145"/>
      <c r="AX6509" s="146"/>
      <c r="AY6509" s="146"/>
      <c r="AZ6509" s="146"/>
      <c r="BA6509" s="270" t="s">
        <v>9820</v>
      </c>
      <c r="BB6509" s="107">
        <v>45884</v>
      </c>
    </row>
    <row r="6510" spans="1:54" s="238" customFormat="1" ht="13.95" customHeight="1" x14ac:dyDescent="0.25">
      <c r="A6510" s="256" t="s">
        <v>15449</v>
      </c>
      <c r="B6510" s="96" t="s">
        <v>20308</v>
      </c>
      <c r="C6510" s="267" t="s">
        <v>15450</v>
      </c>
      <c r="D6510" s="267" t="s">
        <v>15451</v>
      </c>
      <c r="E6510" s="268">
        <v>1996</v>
      </c>
      <c r="F6510" s="268">
        <v>2481</v>
      </c>
      <c r="G6510" s="267" t="s">
        <v>1</v>
      </c>
      <c r="H6510" s="268">
        <v>0</v>
      </c>
      <c r="I6510" s="268">
        <v>0</v>
      </c>
      <c r="J6510" s="268">
        <v>1</v>
      </c>
      <c r="K6510" s="268">
        <v>0</v>
      </c>
      <c r="L6510" s="268">
        <v>1</v>
      </c>
      <c r="M6510" s="268">
        <v>0</v>
      </c>
      <c r="N6510" s="268">
        <v>0</v>
      </c>
      <c r="O6510" s="268">
        <v>0</v>
      </c>
      <c r="P6510" s="268">
        <v>1</v>
      </c>
      <c r="Q6510" s="268">
        <v>0</v>
      </c>
      <c r="R6510" s="268">
        <v>1</v>
      </c>
      <c r="S6510" s="268">
        <v>0</v>
      </c>
      <c r="T6510" s="268">
        <v>0</v>
      </c>
      <c r="U6510" s="145"/>
      <c r="V6510" s="145"/>
      <c r="W6510" s="145"/>
      <c r="X6510" s="145"/>
      <c r="Y6510" s="145"/>
      <c r="Z6510" s="145"/>
      <c r="AA6510" s="145"/>
      <c r="AB6510" s="145"/>
      <c r="AC6510" s="145"/>
      <c r="AD6510" s="145"/>
      <c r="AE6510" s="145"/>
      <c r="AF6510" s="145"/>
      <c r="AG6510" s="145"/>
      <c r="AH6510" s="145"/>
      <c r="AI6510" s="145"/>
      <c r="AJ6510" s="145"/>
      <c r="AK6510" s="145"/>
      <c r="AL6510" s="145"/>
      <c r="AM6510" s="145"/>
      <c r="AN6510" s="145"/>
      <c r="AO6510" s="145"/>
      <c r="AP6510" s="145"/>
      <c r="AQ6510" s="145"/>
      <c r="AR6510" s="145"/>
      <c r="AS6510" s="145"/>
      <c r="AT6510" s="145"/>
      <c r="AU6510" s="145"/>
      <c r="AV6510" s="145"/>
      <c r="AW6510" s="145"/>
      <c r="AX6510" s="146"/>
      <c r="AY6510" s="146"/>
      <c r="AZ6510" s="146"/>
      <c r="BA6510" s="146"/>
      <c r="BB6510" s="107">
        <v>45884</v>
      </c>
    </row>
    <row r="6511" spans="1:54" s="238" customFormat="1" ht="13.95" customHeight="1" x14ac:dyDescent="0.25">
      <c r="A6511" s="256" t="s">
        <v>15452</v>
      </c>
      <c r="B6511" s="96" t="s">
        <v>20308</v>
      </c>
      <c r="C6511" s="267" t="s">
        <v>15453</v>
      </c>
      <c r="D6511" s="267" t="s">
        <v>15454</v>
      </c>
      <c r="E6511" s="268">
        <v>1973</v>
      </c>
      <c r="F6511" s="268">
        <v>2554</v>
      </c>
      <c r="G6511" s="267" t="s">
        <v>1</v>
      </c>
      <c r="H6511" s="268">
        <v>0</v>
      </c>
      <c r="I6511" s="268">
        <v>0</v>
      </c>
      <c r="J6511" s="268">
        <v>1</v>
      </c>
      <c r="K6511" s="268">
        <v>0</v>
      </c>
      <c r="L6511" s="268">
        <v>0</v>
      </c>
      <c r="M6511" s="268">
        <v>0</v>
      </c>
      <c r="N6511" s="268">
        <v>0</v>
      </c>
      <c r="O6511" s="268">
        <v>0</v>
      </c>
      <c r="P6511" s="268">
        <v>0</v>
      </c>
      <c r="Q6511" s="268">
        <v>0</v>
      </c>
      <c r="R6511" s="268">
        <v>0</v>
      </c>
      <c r="S6511" s="268">
        <v>0</v>
      </c>
      <c r="T6511" s="268">
        <v>0</v>
      </c>
      <c r="U6511" s="145"/>
      <c r="V6511" s="145"/>
      <c r="W6511" s="145"/>
      <c r="X6511" s="145"/>
      <c r="Y6511" s="145"/>
      <c r="Z6511" s="145"/>
      <c r="AA6511" s="145"/>
      <c r="AB6511" s="145"/>
      <c r="AC6511" s="145"/>
      <c r="AD6511" s="145"/>
      <c r="AE6511" s="145"/>
      <c r="AF6511" s="145"/>
      <c r="AG6511" s="145"/>
      <c r="AH6511" s="145"/>
      <c r="AI6511" s="145"/>
      <c r="AJ6511" s="145"/>
      <c r="AK6511" s="145"/>
      <c r="AL6511" s="145"/>
      <c r="AM6511" s="145"/>
      <c r="AN6511" s="145"/>
      <c r="AO6511" s="145"/>
      <c r="AP6511" s="145"/>
      <c r="AQ6511" s="145"/>
      <c r="AR6511" s="145"/>
      <c r="AS6511" s="145"/>
      <c r="AT6511" s="145"/>
      <c r="AU6511" s="145"/>
      <c r="AV6511" s="145"/>
      <c r="AW6511" s="145"/>
      <c r="AX6511" s="146"/>
      <c r="AY6511" s="146"/>
      <c r="AZ6511" s="146"/>
      <c r="BA6511" s="146"/>
      <c r="BB6511" s="107">
        <v>45884</v>
      </c>
    </row>
    <row r="6512" spans="1:54" s="238" customFormat="1" ht="13.95" customHeight="1" x14ac:dyDescent="0.25">
      <c r="A6512" s="256" t="s">
        <v>15455</v>
      </c>
      <c r="B6512" s="96" t="s">
        <v>20308</v>
      </c>
      <c r="C6512" s="267" t="s">
        <v>15456</v>
      </c>
      <c r="D6512" s="267" t="s">
        <v>15457</v>
      </c>
      <c r="E6512" s="268">
        <v>1984</v>
      </c>
      <c r="F6512" s="268">
        <v>2705</v>
      </c>
      <c r="G6512" s="267" t="s">
        <v>1</v>
      </c>
      <c r="H6512" s="268">
        <v>0</v>
      </c>
      <c r="I6512" s="268">
        <v>0</v>
      </c>
      <c r="J6512" s="268">
        <v>1</v>
      </c>
      <c r="K6512" s="268">
        <v>0</v>
      </c>
      <c r="L6512" s="268">
        <v>1</v>
      </c>
      <c r="M6512" s="268">
        <v>0</v>
      </c>
      <c r="N6512" s="268">
        <v>0</v>
      </c>
      <c r="O6512" s="268">
        <v>0</v>
      </c>
      <c r="P6512" s="268">
        <v>1</v>
      </c>
      <c r="Q6512" s="268">
        <v>0</v>
      </c>
      <c r="R6512" s="268">
        <v>1</v>
      </c>
      <c r="S6512" s="268">
        <v>0</v>
      </c>
      <c r="T6512" s="268">
        <v>0</v>
      </c>
      <c r="U6512" s="145"/>
      <c r="V6512" s="145"/>
      <c r="W6512" s="145"/>
      <c r="X6512" s="145"/>
      <c r="Y6512" s="145"/>
      <c r="Z6512" s="145"/>
      <c r="AA6512" s="145"/>
      <c r="AB6512" s="145"/>
      <c r="AC6512" s="145"/>
      <c r="AD6512" s="145"/>
      <c r="AE6512" s="145"/>
      <c r="AF6512" s="145"/>
      <c r="AG6512" s="145"/>
      <c r="AH6512" s="145"/>
      <c r="AI6512" s="145"/>
      <c r="AJ6512" s="145"/>
      <c r="AK6512" s="145"/>
      <c r="AL6512" s="145"/>
      <c r="AM6512" s="145"/>
      <c r="AN6512" s="145"/>
      <c r="AO6512" s="145"/>
      <c r="AP6512" s="145"/>
      <c r="AQ6512" s="145"/>
      <c r="AR6512" s="145"/>
      <c r="AS6512" s="145"/>
      <c r="AT6512" s="145"/>
      <c r="AU6512" s="145"/>
      <c r="AV6512" s="145"/>
      <c r="AW6512" s="145"/>
      <c r="AX6512" s="146"/>
      <c r="AY6512" s="146"/>
      <c r="AZ6512" s="146"/>
      <c r="BA6512" s="146"/>
      <c r="BB6512" s="107">
        <v>45884</v>
      </c>
    </row>
    <row r="6513" spans="1:54" s="238" customFormat="1" ht="13.95" customHeight="1" x14ac:dyDescent="0.25">
      <c r="A6513" s="256" t="s">
        <v>15458</v>
      </c>
      <c r="B6513" s="96" t="s">
        <v>20308</v>
      </c>
      <c r="C6513" s="267" t="s">
        <v>15459</v>
      </c>
      <c r="D6513" s="267" t="s">
        <v>15460</v>
      </c>
      <c r="E6513" s="268">
        <v>1988</v>
      </c>
      <c r="F6513" s="268">
        <v>3023</v>
      </c>
      <c r="G6513" s="267" t="s">
        <v>1</v>
      </c>
      <c r="H6513" s="268">
        <v>0</v>
      </c>
      <c r="I6513" s="268">
        <v>0</v>
      </c>
      <c r="J6513" s="268">
        <v>1</v>
      </c>
      <c r="K6513" s="268">
        <v>0</v>
      </c>
      <c r="L6513" s="268">
        <v>1</v>
      </c>
      <c r="M6513" s="268">
        <v>1</v>
      </c>
      <c r="N6513" s="268">
        <v>0</v>
      </c>
      <c r="O6513" s="268">
        <v>0</v>
      </c>
      <c r="P6513" s="268">
        <v>1</v>
      </c>
      <c r="Q6513" s="268">
        <v>0</v>
      </c>
      <c r="R6513" s="268">
        <v>1</v>
      </c>
      <c r="S6513" s="268">
        <v>0</v>
      </c>
      <c r="T6513" s="268">
        <v>0</v>
      </c>
      <c r="U6513" s="145"/>
      <c r="V6513" s="145"/>
      <c r="W6513" s="145"/>
      <c r="X6513" s="145"/>
      <c r="Y6513" s="145"/>
      <c r="Z6513" s="145"/>
      <c r="AA6513" s="145"/>
      <c r="AB6513" s="145"/>
      <c r="AC6513" s="145"/>
      <c r="AD6513" s="145"/>
      <c r="AE6513" s="145"/>
      <c r="AF6513" s="145"/>
      <c r="AG6513" s="145"/>
      <c r="AH6513" s="145"/>
      <c r="AI6513" s="145"/>
      <c r="AJ6513" s="145"/>
      <c r="AK6513" s="145"/>
      <c r="AL6513" s="145"/>
      <c r="AM6513" s="145"/>
      <c r="AN6513" s="145"/>
      <c r="AO6513" s="145"/>
      <c r="AP6513" s="145"/>
      <c r="AQ6513" s="145"/>
      <c r="AR6513" s="145"/>
      <c r="AS6513" s="145"/>
      <c r="AT6513" s="145"/>
      <c r="AU6513" s="145"/>
      <c r="AV6513" s="145"/>
      <c r="AW6513" s="145"/>
      <c r="AX6513" s="146"/>
      <c r="AY6513" s="146"/>
      <c r="AZ6513" s="146"/>
      <c r="BA6513" s="146"/>
      <c r="BB6513" s="107">
        <v>45884</v>
      </c>
    </row>
    <row r="6514" spans="1:54" s="238" customFormat="1" ht="13.95" customHeight="1" x14ac:dyDescent="0.25">
      <c r="A6514" s="256" t="s">
        <v>15461</v>
      </c>
      <c r="B6514" s="96" t="s">
        <v>20308</v>
      </c>
      <c r="C6514" s="267" t="s">
        <v>15462</v>
      </c>
      <c r="D6514" s="267" t="s">
        <v>15463</v>
      </c>
      <c r="E6514" s="268">
        <v>1973</v>
      </c>
      <c r="F6514" s="268">
        <v>4513</v>
      </c>
      <c r="G6514" s="267" t="s">
        <v>1</v>
      </c>
      <c r="H6514" s="268">
        <v>1</v>
      </c>
      <c r="I6514" s="268">
        <v>0</v>
      </c>
      <c r="J6514" s="268">
        <v>1</v>
      </c>
      <c r="K6514" s="268">
        <v>0</v>
      </c>
      <c r="L6514" s="268">
        <v>1</v>
      </c>
      <c r="M6514" s="268">
        <v>0</v>
      </c>
      <c r="N6514" s="268">
        <v>0</v>
      </c>
      <c r="O6514" s="269">
        <v>1</v>
      </c>
      <c r="P6514" s="268">
        <v>1</v>
      </c>
      <c r="Q6514" s="268">
        <v>0</v>
      </c>
      <c r="R6514" s="268">
        <v>0</v>
      </c>
      <c r="S6514" s="268">
        <v>1</v>
      </c>
      <c r="T6514" s="268">
        <v>0</v>
      </c>
      <c r="U6514" s="145"/>
      <c r="V6514" s="145"/>
      <c r="W6514" s="145"/>
      <c r="X6514" s="145"/>
      <c r="Y6514" s="145"/>
      <c r="Z6514" s="145"/>
      <c r="AA6514" s="145"/>
      <c r="AB6514" s="145"/>
      <c r="AC6514" s="145"/>
      <c r="AD6514" s="145"/>
      <c r="AE6514" s="145"/>
      <c r="AF6514" s="145"/>
      <c r="AG6514" s="145"/>
      <c r="AH6514" s="145"/>
      <c r="AI6514" s="145"/>
      <c r="AJ6514" s="145"/>
      <c r="AK6514" s="145"/>
      <c r="AL6514" s="145"/>
      <c r="AM6514" s="145"/>
      <c r="AN6514" s="145"/>
      <c r="AO6514" s="145"/>
      <c r="AP6514" s="145"/>
      <c r="AQ6514" s="145"/>
      <c r="AR6514" s="145"/>
      <c r="AS6514" s="145"/>
      <c r="AT6514" s="145"/>
      <c r="AU6514" s="145"/>
      <c r="AV6514" s="145"/>
      <c r="AW6514" s="145"/>
      <c r="AX6514" s="146"/>
      <c r="AY6514" s="146"/>
      <c r="AZ6514" s="146"/>
      <c r="BA6514" s="146"/>
      <c r="BB6514" s="107">
        <v>45884</v>
      </c>
    </row>
    <row r="6515" spans="1:54" s="238" customFormat="1" ht="13.95" customHeight="1" x14ac:dyDescent="0.25">
      <c r="A6515" s="256" t="s">
        <v>15464</v>
      </c>
      <c r="B6515" s="96" t="s">
        <v>20308</v>
      </c>
      <c r="C6515" s="267" t="s">
        <v>15465</v>
      </c>
      <c r="D6515" s="267" t="s">
        <v>15466</v>
      </c>
      <c r="E6515" s="268">
        <v>1984</v>
      </c>
      <c r="F6515" s="268">
        <v>4640</v>
      </c>
      <c r="G6515" s="267" t="s">
        <v>1</v>
      </c>
      <c r="H6515" s="268">
        <v>1</v>
      </c>
      <c r="I6515" s="268">
        <v>0</v>
      </c>
      <c r="J6515" s="268">
        <v>1</v>
      </c>
      <c r="K6515" s="268">
        <v>0</v>
      </c>
      <c r="L6515" s="268">
        <v>0</v>
      </c>
      <c r="M6515" s="268">
        <v>0</v>
      </c>
      <c r="N6515" s="268">
        <v>0</v>
      </c>
      <c r="O6515" s="268">
        <v>0</v>
      </c>
      <c r="P6515" s="268">
        <v>1</v>
      </c>
      <c r="Q6515" s="268">
        <v>0</v>
      </c>
      <c r="R6515" s="268">
        <v>1</v>
      </c>
      <c r="S6515" s="268">
        <v>0</v>
      </c>
      <c r="T6515" s="268">
        <v>0</v>
      </c>
      <c r="U6515" s="145"/>
      <c r="V6515" s="145"/>
      <c r="W6515" s="145"/>
      <c r="X6515" s="145"/>
      <c r="Y6515" s="145"/>
      <c r="Z6515" s="145"/>
      <c r="AA6515" s="145"/>
      <c r="AB6515" s="145"/>
      <c r="AC6515" s="145"/>
      <c r="AD6515" s="145"/>
      <c r="AE6515" s="145"/>
      <c r="AF6515" s="145"/>
      <c r="AG6515" s="145"/>
      <c r="AH6515" s="145"/>
      <c r="AI6515" s="145"/>
      <c r="AJ6515" s="145"/>
      <c r="AK6515" s="145"/>
      <c r="AL6515" s="145"/>
      <c r="AM6515" s="145"/>
      <c r="AN6515" s="145"/>
      <c r="AO6515" s="145"/>
      <c r="AP6515" s="145"/>
      <c r="AQ6515" s="145"/>
      <c r="AR6515" s="145"/>
      <c r="AS6515" s="145"/>
      <c r="AT6515" s="145"/>
      <c r="AU6515" s="145"/>
      <c r="AV6515" s="145"/>
      <c r="AW6515" s="145"/>
      <c r="AX6515" s="146"/>
      <c r="AY6515" s="146"/>
      <c r="AZ6515" s="146"/>
      <c r="BA6515" s="146"/>
      <c r="BB6515" s="107">
        <v>45884</v>
      </c>
    </row>
    <row r="6516" spans="1:54" s="238" customFormat="1" ht="13.95" customHeight="1" x14ac:dyDescent="0.25">
      <c r="A6516" s="256" t="s">
        <v>15467</v>
      </c>
      <c r="B6516" s="96" t="s">
        <v>20308</v>
      </c>
      <c r="C6516" s="267" t="s">
        <v>15468</v>
      </c>
      <c r="D6516" s="267" t="s">
        <v>15469</v>
      </c>
      <c r="E6516" s="268">
        <v>1991</v>
      </c>
      <c r="F6516" s="268">
        <v>5102</v>
      </c>
      <c r="G6516" s="267" t="s">
        <v>1</v>
      </c>
      <c r="H6516" s="268">
        <v>1</v>
      </c>
      <c r="I6516" s="268">
        <v>0</v>
      </c>
      <c r="J6516" s="268">
        <v>1</v>
      </c>
      <c r="K6516" s="268">
        <v>0</v>
      </c>
      <c r="L6516" s="268">
        <v>1</v>
      </c>
      <c r="M6516" s="268">
        <v>0</v>
      </c>
      <c r="N6516" s="268">
        <v>0</v>
      </c>
      <c r="O6516" s="268">
        <v>1</v>
      </c>
      <c r="P6516" s="268">
        <v>1</v>
      </c>
      <c r="Q6516" s="268">
        <v>0</v>
      </c>
      <c r="R6516" s="268">
        <v>0</v>
      </c>
      <c r="S6516" s="268">
        <v>0</v>
      </c>
      <c r="T6516" s="268">
        <v>0</v>
      </c>
      <c r="U6516" s="145"/>
      <c r="V6516" s="145"/>
      <c r="W6516" s="145"/>
      <c r="X6516" s="145"/>
      <c r="Y6516" s="145"/>
      <c r="Z6516" s="145"/>
      <c r="AA6516" s="145"/>
      <c r="AB6516" s="145"/>
      <c r="AC6516" s="145"/>
      <c r="AD6516" s="145"/>
      <c r="AE6516" s="145"/>
      <c r="AF6516" s="145"/>
      <c r="AG6516" s="145"/>
      <c r="AH6516" s="145"/>
      <c r="AI6516" s="145"/>
      <c r="AJ6516" s="145"/>
      <c r="AK6516" s="145"/>
      <c r="AL6516" s="145"/>
      <c r="AM6516" s="145"/>
      <c r="AN6516" s="145"/>
      <c r="AO6516" s="145"/>
      <c r="AP6516" s="145"/>
      <c r="AQ6516" s="145"/>
      <c r="AR6516" s="145"/>
      <c r="AS6516" s="145"/>
      <c r="AT6516" s="145"/>
      <c r="AU6516" s="145"/>
      <c r="AV6516" s="145"/>
      <c r="AW6516" s="145"/>
      <c r="AX6516" s="146"/>
      <c r="AY6516" s="146"/>
      <c r="AZ6516" s="146"/>
      <c r="BA6516" s="146"/>
      <c r="BB6516" s="107">
        <v>45884</v>
      </c>
    </row>
    <row r="6517" spans="1:54" s="238" customFormat="1" ht="13.95" customHeight="1" x14ac:dyDescent="0.25">
      <c r="A6517" s="256" t="s">
        <v>15470</v>
      </c>
      <c r="B6517" s="96" t="s">
        <v>20308</v>
      </c>
      <c r="C6517" s="267" t="s">
        <v>15471</v>
      </c>
      <c r="D6517" s="267" t="s">
        <v>15472</v>
      </c>
      <c r="E6517" s="268">
        <v>1987</v>
      </c>
      <c r="F6517" s="268">
        <v>6590</v>
      </c>
      <c r="G6517" s="267" t="s">
        <v>1</v>
      </c>
      <c r="H6517" s="268">
        <v>1</v>
      </c>
      <c r="I6517" s="268">
        <v>0</v>
      </c>
      <c r="J6517" s="268">
        <v>1</v>
      </c>
      <c r="K6517" s="268">
        <v>0</v>
      </c>
      <c r="L6517" s="268">
        <v>0</v>
      </c>
      <c r="M6517" s="268">
        <v>0</v>
      </c>
      <c r="N6517" s="268">
        <v>0</v>
      </c>
      <c r="O6517" s="268">
        <v>0</v>
      </c>
      <c r="P6517" s="268">
        <v>0</v>
      </c>
      <c r="Q6517" s="268">
        <v>0</v>
      </c>
      <c r="R6517" s="268">
        <v>0</v>
      </c>
      <c r="S6517" s="268">
        <v>0</v>
      </c>
      <c r="T6517" s="268">
        <v>0</v>
      </c>
      <c r="U6517" s="145"/>
      <c r="V6517" s="145"/>
      <c r="W6517" s="145"/>
      <c r="X6517" s="145"/>
      <c r="Y6517" s="145"/>
      <c r="Z6517" s="145"/>
      <c r="AA6517" s="145"/>
      <c r="AB6517" s="145"/>
      <c r="AC6517" s="145"/>
      <c r="AD6517" s="145"/>
      <c r="AE6517" s="145"/>
      <c r="AF6517" s="145"/>
      <c r="AG6517" s="145"/>
      <c r="AH6517" s="145"/>
      <c r="AI6517" s="145"/>
      <c r="AJ6517" s="145"/>
      <c r="AK6517" s="145"/>
      <c r="AL6517" s="145"/>
      <c r="AM6517" s="145"/>
      <c r="AN6517" s="145"/>
      <c r="AO6517" s="145"/>
      <c r="AP6517" s="145"/>
      <c r="AQ6517" s="145"/>
      <c r="AR6517" s="145"/>
      <c r="AS6517" s="145"/>
      <c r="AT6517" s="145"/>
      <c r="AU6517" s="268">
        <v>1</v>
      </c>
      <c r="AV6517" s="145"/>
      <c r="AW6517" s="145"/>
      <c r="AX6517" s="146"/>
      <c r="AY6517" s="146"/>
      <c r="AZ6517" s="146"/>
      <c r="BA6517" s="146"/>
      <c r="BB6517" s="107">
        <v>45884</v>
      </c>
    </row>
    <row r="6518" spans="1:54" s="238" customFormat="1" ht="13.95" customHeight="1" x14ac:dyDescent="0.25">
      <c r="A6518" s="256" t="s">
        <v>15473</v>
      </c>
      <c r="B6518" s="96" t="s">
        <v>20308</v>
      </c>
      <c r="C6518" s="267" t="s">
        <v>9719</v>
      </c>
      <c r="D6518" s="267" t="s">
        <v>15474</v>
      </c>
      <c r="E6518" s="268">
        <v>1997</v>
      </c>
      <c r="F6518" s="268">
        <v>6400</v>
      </c>
      <c r="G6518" s="267" t="s">
        <v>1</v>
      </c>
      <c r="H6518" s="268">
        <v>1</v>
      </c>
      <c r="I6518" s="268">
        <v>1</v>
      </c>
      <c r="J6518" s="268">
        <v>1</v>
      </c>
      <c r="K6518" s="268">
        <v>0</v>
      </c>
      <c r="L6518" s="268">
        <v>0</v>
      </c>
      <c r="M6518" s="268">
        <v>1</v>
      </c>
      <c r="N6518" s="268">
        <v>0</v>
      </c>
      <c r="O6518" s="268">
        <v>0</v>
      </c>
      <c r="P6518" s="268">
        <v>0</v>
      </c>
      <c r="Q6518" s="268">
        <v>0</v>
      </c>
      <c r="R6518" s="268">
        <v>0</v>
      </c>
      <c r="S6518" s="268">
        <v>0</v>
      </c>
      <c r="T6518" s="268">
        <v>0</v>
      </c>
      <c r="U6518" s="145"/>
      <c r="V6518" s="145"/>
      <c r="W6518" s="145"/>
      <c r="X6518" s="145"/>
      <c r="Y6518" s="145"/>
      <c r="Z6518" s="145"/>
      <c r="AA6518" s="145"/>
      <c r="AB6518" s="145"/>
      <c r="AC6518" s="145"/>
      <c r="AD6518" s="145"/>
      <c r="AE6518" s="145"/>
      <c r="AF6518" s="145"/>
      <c r="AG6518" s="145"/>
      <c r="AH6518" s="145"/>
      <c r="AI6518" s="145"/>
      <c r="AJ6518" s="145"/>
      <c r="AK6518" s="145"/>
      <c r="AL6518" s="145"/>
      <c r="AM6518" s="145"/>
      <c r="AN6518" s="145"/>
      <c r="AO6518" s="268">
        <v>1</v>
      </c>
      <c r="AP6518" s="145"/>
      <c r="AQ6518" s="145"/>
      <c r="AR6518" s="145"/>
      <c r="AS6518" s="145"/>
      <c r="AT6518" s="145"/>
      <c r="AU6518" s="145"/>
      <c r="AV6518" s="145"/>
      <c r="AW6518" s="145"/>
      <c r="AX6518" s="146"/>
      <c r="AY6518" s="146"/>
      <c r="AZ6518" s="146"/>
      <c r="BA6518" s="146"/>
      <c r="BB6518" s="107">
        <v>45884</v>
      </c>
    </row>
    <row r="6519" spans="1:54" s="238" customFormat="1" ht="13.95" customHeight="1" x14ac:dyDescent="0.25">
      <c r="A6519" s="256" t="s">
        <v>15475</v>
      </c>
      <c r="B6519" s="96" t="s">
        <v>20308</v>
      </c>
      <c r="C6519" s="267" t="s">
        <v>6106</v>
      </c>
      <c r="D6519" s="267" t="s">
        <v>20309</v>
      </c>
      <c r="E6519" s="268">
        <v>2005</v>
      </c>
      <c r="F6519" s="268">
        <v>470</v>
      </c>
      <c r="G6519" s="267" t="s">
        <v>1</v>
      </c>
      <c r="H6519" s="268">
        <v>0</v>
      </c>
      <c r="I6519" s="268">
        <v>0</v>
      </c>
      <c r="J6519" s="268">
        <v>0</v>
      </c>
      <c r="K6519" s="268">
        <v>0</v>
      </c>
      <c r="L6519" s="268">
        <v>1</v>
      </c>
      <c r="M6519" s="268">
        <v>0</v>
      </c>
      <c r="N6519" s="268">
        <v>0</v>
      </c>
      <c r="O6519" s="268">
        <v>0</v>
      </c>
      <c r="P6519" s="268">
        <v>0</v>
      </c>
      <c r="Q6519" s="268">
        <v>0</v>
      </c>
      <c r="R6519" s="268">
        <v>1</v>
      </c>
      <c r="S6519" s="268">
        <v>0</v>
      </c>
      <c r="T6519" s="268">
        <v>0</v>
      </c>
      <c r="U6519" s="145"/>
      <c r="V6519" s="145"/>
      <c r="W6519" s="145"/>
      <c r="X6519" s="145"/>
      <c r="Y6519" s="145"/>
      <c r="Z6519" s="145"/>
      <c r="AA6519" s="145"/>
      <c r="AB6519" s="145"/>
      <c r="AC6519" s="145"/>
      <c r="AD6519" s="145"/>
      <c r="AE6519" s="145"/>
      <c r="AF6519" s="145"/>
      <c r="AG6519" s="145"/>
      <c r="AH6519" s="145"/>
      <c r="AI6519" s="145"/>
      <c r="AJ6519" s="145"/>
      <c r="AK6519" s="145"/>
      <c r="AL6519" s="145"/>
      <c r="AM6519" s="145"/>
      <c r="AN6519" s="145"/>
      <c r="AO6519" s="145"/>
      <c r="AP6519" s="145"/>
      <c r="AQ6519" s="145"/>
      <c r="AR6519" s="145"/>
      <c r="AS6519" s="145"/>
      <c r="AT6519" s="145"/>
      <c r="AU6519" s="145"/>
      <c r="AV6519" s="145"/>
      <c r="AW6519" s="145"/>
      <c r="AX6519" s="146"/>
      <c r="AY6519" s="146"/>
      <c r="AZ6519" s="146"/>
      <c r="BA6519" s="270" t="s">
        <v>9820</v>
      </c>
      <c r="BB6519" s="107">
        <v>45884</v>
      </c>
    </row>
    <row r="6520" spans="1:54" s="238" customFormat="1" ht="12" x14ac:dyDescent="0.25">
      <c r="A6520" s="256" t="s">
        <v>24406</v>
      </c>
      <c r="B6520" s="96" t="s">
        <v>20308</v>
      </c>
      <c r="C6520" s="267" t="s">
        <v>24407</v>
      </c>
      <c r="D6520" s="267" t="s">
        <v>24408</v>
      </c>
      <c r="E6520" s="268">
        <v>2015</v>
      </c>
      <c r="F6520" s="268">
        <v>11846</v>
      </c>
      <c r="G6520" s="267" t="s">
        <v>8</v>
      </c>
      <c r="H6520" s="268">
        <v>0</v>
      </c>
      <c r="I6520" s="268">
        <v>0</v>
      </c>
      <c r="J6520" s="268">
        <v>0</v>
      </c>
      <c r="K6520" s="268">
        <v>0</v>
      </c>
      <c r="L6520" s="268">
        <v>0</v>
      </c>
      <c r="M6520" s="268">
        <v>0</v>
      </c>
      <c r="N6520" s="268">
        <v>0</v>
      </c>
      <c r="O6520" s="268">
        <v>0</v>
      </c>
      <c r="P6520" s="268">
        <v>0</v>
      </c>
      <c r="Q6520" s="268">
        <v>0</v>
      </c>
      <c r="R6520" s="268">
        <v>0</v>
      </c>
      <c r="S6520" s="268">
        <v>0</v>
      </c>
      <c r="T6520" s="268">
        <v>0</v>
      </c>
      <c r="U6520" s="268">
        <v>0</v>
      </c>
      <c r="V6520" s="268">
        <v>0</v>
      </c>
      <c r="W6520" s="268">
        <v>0</v>
      </c>
      <c r="X6520" s="268">
        <v>0</v>
      </c>
      <c r="Y6520" s="268">
        <v>0</v>
      </c>
      <c r="Z6520" s="268">
        <v>0</v>
      </c>
      <c r="AA6520" s="268">
        <v>0</v>
      </c>
      <c r="AB6520" s="268">
        <v>0</v>
      </c>
      <c r="AC6520" s="268">
        <v>0</v>
      </c>
      <c r="AD6520" s="268">
        <v>0</v>
      </c>
      <c r="AE6520" s="268">
        <v>0</v>
      </c>
      <c r="AF6520" s="268">
        <v>0</v>
      </c>
      <c r="AG6520" s="268">
        <v>0</v>
      </c>
      <c r="AH6520" s="268">
        <v>0</v>
      </c>
      <c r="AI6520" s="268">
        <v>0</v>
      </c>
      <c r="AJ6520" s="268">
        <v>0</v>
      </c>
      <c r="AK6520" s="268">
        <v>0</v>
      </c>
      <c r="AL6520" s="268">
        <v>0</v>
      </c>
      <c r="AM6520" s="268">
        <v>0</v>
      </c>
      <c r="AN6520" s="268">
        <v>0</v>
      </c>
      <c r="AO6520" s="268">
        <v>0</v>
      </c>
      <c r="AP6520" s="268">
        <v>0</v>
      </c>
      <c r="AQ6520" s="268">
        <v>0</v>
      </c>
      <c r="AR6520" s="268">
        <v>0</v>
      </c>
      <c r="AS6520" s="268">
        <v>0</v>
      </c>
      <c r="AT6520" s="268" t="s">
        <v>174</v>
      </c>
      <c r="AU6520" s="268">
        <v>0</v>
      </c>
      <c r="AV6520" s="268">
        <v>0</v>
      </c>
      <c r="AW6520" s="268">
        <v>0</v>
      </c>
      <c r="AX6520" s="270"/>
      <c r="AY6520" s="270"/>
      <c r="AZ6520" s="270"/>
      <c r="BA6520" s="270"/>
      <c r="BB6520" s="107">
        <v>45884</v>
      </c>
    </row>
    <row r="6521" spans="1:54" s="238" customFormat="1" ht="13.95" customHeight="1" x14ac:dyDescent="0.25">
      <c r="A6521" s="256" t="s">
        <v>15476</v>
      </c>
      <c r="B6521" s="96" t="s">
        <v>20308</v>
      </c>
      <c r="C6521" s="267" t="s">
        <v>15477</v>
      </c>
      <c r="D6521" s="267" t="s">
        <v>15478</v>
      </c>
      <c r="E6521" s="268">
        <v>1973</v>
      </c>
      <c r="F6521" s="268">
        <v>363</v>
      </c>
      <c r="G6521" s="267" t="s">
        <v>1</v>
      </c>
      <c r="H6521" s="268">
        <v>0</v>
      </c>
      <c r="I6521" s="268">
        <v>0</v>
      </c>
      <c r="J6521" s="268">
        <v>0</v>
      </c>
      <c r="K6521" s="268">
        <v>0</v>
      </c>
      <c r="L6521" s="268">
        <v>0</v>
      </c>
      <c r="M6521" s="268">
        <v>0</v>
      </c>
      <c r="N6521" s="268">
        <v>0</v>
      </c>
      <c r="O6521" s="268">
        <v>0</v>
      </c>
      <c r="P6521" s="268">
        <v>0</v>
      </c>
      <c r="Q6521" s="268">
        <v>0</v>
      </c>
      <c r="R6521" s="268">
        <v>1</v>
      </c>
      <c r="S6521" s="268">
        <v>0</v>
      </c>
      <c r="T6521" s="268">
        <v>0</v>
      </c>
      <c r="U6521" s="145"/>
      <c r="V6521" s="145"/>
      <c r="W6521" s="145"/>
      <c r="X6521" s="145"/>
      <c r="Y6521" s="145"/>
      <c r="Z6521" s="145"/>
      <c r="AA6521" s="145"/>
      <c r="AB6521" s="145"/>
      <c r="AC6521" s="145"/>
      <c r="AD6521" s="145"/>
      <c r="AE6521" s="145"/>
      <c r="AF6521" s="145"/>
      <c r="AG6521" s="145"/>
      <c r="AH6521" s="145"/>
      <c r="AI6521" s="145"/>
      <c r="AJ6521" s="145"/>
      <c r="AK6521" s="145"/>
      <c r="AL6521" s="145"/>
      <c r="AM6521" s="145"/>
      <c r="AN6521" s="145"/>
      <c r="AO6521" s="145"/>
      <c r="AP6521" s="145"/>
      <c r="AQ6521" s="145"/>
      <c r="AR6521" s="145"/>
      <c r="AS6521" s="145"/>
      <c r="AT6521" s="145"/>
      <c r="AU6521" s="145"/>
      <c r="AV6521" s="145"/>
      <c r="AW6521" s="145"/>
      <c r="AX6521" s="146"/>
      <c r="AY6521" s="146"/>
      <c r="AZ6521" s="146"/>
      <c r="BA6521" s="146"/>
      <c r="BB6521" s="107">
        <v>45884</v>
      </c>
    </row>
    <row r="6522" spans="1:54" s="238" customFormat="1" ht="13.95" customHeight="1" x14ac:dyDescent="0.25">
      <c r="A6522" s="256" t="s">
        <v>15479</v>
      </c>
      <c r="B6522" s="96" t="s">
        <v>20308</v>
      </c>
      <c r="C6522" s="267" t="s">
        <v>15480</v>
      </c>
      <c r="D6522" s="267" t="s">
        <v>15481</v>
      </c>
      <c r="E6522" s="268">
        <v>1973</v>
      </c>
      <c r="F6522" s="268">
        <v>1179</v>
      </c>
      <c r="G6522" s="267" t="s">
        <v>1</v>
      </c>
      <c r="H6522" s="268">
        <v>0</v>
      </c>
      <c r="I6522" s="268">
        <v>0</v>
      </c>
      <c r="J6522" s="268">
        <v>0</v>
      </c>
      <c r="K6522" s="268">
        <v>0</v>
      </c>
      <c r="L6522" s="268">
        <v>0</v>
      </c>
      <c r="M6522" s="268">
        <v>0</v>
      </c>
      <c r="N6522" s="268">
        <v>0</v>
      </c>
      <c r="O6522" s="268">
        <v>0</v>
      </c>
      <c r="P6522" s="268">
        <v>0</v>
      </c>
      <c r="Q6522" s="268">
        <v>0</v>
      </c>
      <c r="R6522" s="268">
        <v>0</v>
      </c>
      <c r="S6522" s="268">
        <v>0</v>
      </c>
      <c r="T6522" s="268">
        <v>0</v>
      </c>
      <c r="U6522" s="145"/>
      <c r="V6522" s="145"/>
      <c r="W6522" s="145"/>
      <c r="X6522" s="145"/>
      <c r="Y6522" s="145"/>
      <c r="Z6522" s="145"/>
      <c r="AA6522" s="145"/>
      <c r="AB6522" s="145"/>
      <c r="AC6522" s="145"/>
      <c r="AD6522" s="145"/>
      <c r="AE6522" s="145"/>
      <c r="AF6522" s="145"/>
      <c r="AG6522" s="145"/>
      <c r="AH6522" s="145"/>
      <c r="AI6522" s="145"/>
      <c r="AJ6522" s="145"/>
      <c r="AK6522" s="145"/>
      <c r="AL6522" s="145"/>
      <c r="AM6522" s="145"/>
      <c r="AN6522" s="145"/>
      <c r="AO6522" s="145"/>
      <c r="AP6522" s="145"/>
      <c r="AQ6522" s="145"/>
      <c r="AR6522" s="145"/>
      <c r="AS6522" s="145"/>
      <c r="AT6522" s="145"/>
      <c r="AU6522" s="145"/>
      <c r="AV6522" s="145"/>
      <c r="AW6522" s="145"/>
      <c r="AX6522" s="146"/>
      <c r="AY6522" s="146"/>
      <c r="AZ6522" s="146"/>
      <c r="BA6522" s="146"/>
      <c r="BB6522" s="107">
        <v>45884</v>
      </c>
    </row>
    <row r="6523" spans="1:54" s="238" customFormat="1" ht="13.95" customHeight="1" x14ac:dyDescent="0.25">
      <c r="A6523" s="256" t="s">
        <v>15482</v>
      </c>
      <c r="B6523" s="96" t="s">
        <v>20308</v>
      </c>
      <c r="C6523" s="267" t="s">
        <v>15483</v>
      </c>
      <c r="D6523" s="267" t="s">
        <v>15484</v>
      </c>
      <c r="E6523" s="268">
        <v>1973</v>
      </c>
      <c r="F6523" s="268">
        <v>715</v>
      </c>
      <c r="G6523" s="267" t="s">
        <v>1</v>
      </c>
      <c r="H6523" s="268">
        <v>0</v>
      </c>
      <c r="I6523" s="268">
        <v>0</v>
      </c>
      <c r="J6523" s="268">
        <v>1</v>
      </c>
      <c r="K6523" s="268">
        <v>0</v>
      </c>
      <c r="L6523" s="268">
        <v>0</v>
      </c>
      <c r="M6523" s="268">
        <v>0</v>
      </c>
      <c r="N6523" s="268">
        <v>0</v>
      </c>
      <c r="O6523" s="268">
        <v>0</v>
      </c>
      <c r="P6523" s="268">
        <v>0</v>
      </c>
      <c r="Q6523" s="268">
        <v>0</v>
      </c>
      <c r="R6523" s="268">
        <v>0</v>
      </c>
      <c r="S6523" s="268">
        <v>0</v>
      </c>
      <c r="T6523" s="268">
        <v>0</v>
      </c>
      <c r="U6523" s="145"/>
      <c r="V6523" s="145"/>
      <c r="W6523" s="145"/>
      <c r="X6523" s="145"/>
      <c r="Y6523" s="145"/>
      <c r="Z6523" s="145"/>
      <c r="AA6523" s="145"/>
      <c r="AB6523" s="145"/>
      <c r="AC6523" s="145"/>
      <c r="AD6523" s="145"/>
      <c r="AE6523" s="145"/>
      <c r="AF6523" s="145"/>
      <c r="AG6523" s="145"/>
      <c r="AH6523" s="145"/>
      <c r="AI6523" s="145"/>
      <c r="AJ6523" s="145"/>
      <c r="AK6523" s="145"/>
      <c r="AL6523" s="145"/>
      <c r="AM6523" s="145"/>
      <c r="AN6523" s="145"/>
      <c r="AO6523" s="145"/>
      <c r="AP6523" s="145"/>
      <c r="AQ6523" s="145"/>
      <c r="AR6523" s="145"/>
      <c r="AS6523" s="145"/>
      <c r="AT6523" s="145"/>
      <c r="AU6523" s="145"/>
      <c r="AV6523" s="145"/>
      <c r="AW6523" s="145"/>
      <c r="AX6523" s="146"/>
      <c r="AY6523" s="146"/>
      <c r="AZ6523" s="146"/>
      <c r="BA6523" s="270" t="s">
        <v>9820</v>
      </c>
      <c r="BB6523" s="107">
        <v>45884</v>
      </c>
    </row>
    <row r="6524" spans="1:54" s="238" customFormat="1" ht="13.95" customHeight="1" x14ac:dyDescent="0.25">
      <c r="A6524" s="256" t="s">
        <v>15485</v>
      </c>
      <c r="B6524" s="96" t="s">
        <v>20308</v>
      </c>
      <c r="C6524" s="267" t="s">
        <v>15486</v>
      </c>
      <c r="D6524" s="267" t="s">
        <v>15487</v>
      </c>
      <c r="E6524" s="268">
        <v>1973</v>
      </c>
      <c r="F6524" s="268">
        <v>158</v>
      </c>
      <c r="G6524" s="267" t="s">
        <v>1</v>
      </c>
      <c r="H6524" s="268">
        <v>0</v>
      </c>
      <c r="I6524" s="268">
        <v>0</v>
      </c>
      <c r="J6524" s="268">
        <v>0</v>
      </c>
      <c r="K6524" s="268">
        <v>0</v>
      </c>
      <c r="L6524" s="268">
        <v>0</v>
      </c>
      <c r="M6524" s="268">
        <v>1</v>
      </c>
      <c r="N6524" s="268">
        <v>0</v>
      </c>
      <c r="O6524" s="268">
        <v>0</v>
      </c>
      <c r="P6524" s="268">
        <v>0</v>
      </c>
      <c r="Q6524" s="268">
        <v>0</v>
      </c>
      <c r="R6524" s="268">
        <v>1</v>
      </c>
      <c r="S6524" s="268">
        <v>0</v>
      </c>
      <c r="T6524" s="268">
        <v>0</v>
      </c>
      <c r="U6524" s="145"/>
      <c r="V6524" s="145"/>
      <c r="W6524" s="145"/>
      <c r="X6524" s="145"/>
      <c r="Y6524" s="145"/>
      <c r="Z6524" s="145"/>
      <c r="AA6524" s="145"/>
      <c r="AB6524" s="145"/>
      <c r="AC6524" s="145"/>
      <c r="AD6524" s="145"/>
      <c r="AE6524" s="145"/>
      <c r="AF6524" s="145"/>
      <c r="AG6524" s="145"/>
      <c r="AH6524" s="145"/>
      <c r="AI6524" s="145"/>
      <c r="AJ6524" s="145"/>
      <c r="AK6524" s="145"/>
      <c r="AL6524" s="145"/>
      <c r="AM6524" s="145"/>
      <c r="AN6524" s="145"/>
      <c r="AO6524" s="145"/>
      <c r="AP6524" s="145"/>
      <c r="AQ6524" s="145"/>
      <c r="AR6524" s="145"/>
      <c r="AS6524" s="145"/>
      <c r="AT6524" s="145"/>
      <c r="AU6524" s="145"/>
      <c r="AV6524" s="145"/>
      <c r="AW6524" s="145"/>
      <c r="AX6524" s="146"/>
      <c r="AY6524" s="146"/>
      <c r="AZ6524" s="146"/>
      <c r="BA6524" s="146"/>
      <c r="BB6524" s="107">
        <v>45884</v>
      </c>
    </row>
    <row r="6525" spans="1:54" s="238" customFormat="1" ht="13.95" customHeight="1" x14ac:dyDescent="0.25">
      <c r="A6525" s="256" t="s">
        <v>15488</v>
      </c>
      <c r="B6525" s="96" t="s">
        <v>20308</v>
      </c>
      <c r="C6525" s="267" t="s">
        <v>15489</v>
      </c>
      <c r="D6525" s="267" t="s">
        <v>15490</v>
      </c>
      <c r="E6525" s="268">
        <v>1973</v>
      </c>
      <c r="F6525" s="268">
        <v>789</v>
      </c>
      <c r="G6525" s="267" t="s">
        <v>1</v>
      </c>
      <c r="H6525" s="268">
        <v>0</v>
      </c>
      <c r="I6525" s="268">
        <v>0</v>
      </c>
      <c r="J6525" s="268">
        <v>1</v>
      </c>
      <c r="K6525" s="268">
        <v>0</v>
      </c>
      <c r="L6525" s="268">
        <v>0</v>
      </c>
      <c r="M6525" s="268">
        <v>0</v>
      </c>
      <c r="N6525" s="268">
        <v>0</v>
      </c>
      <c r="O6525" s="268">
        <v>0</v>
      </c>
      <c r="P6525" s="268">
        <v>0</v>
      </c>
      <c r="Q6525" s="268">
        <v>0</v>
      </c>
      <c r="R6525" s="268">
        <v>1</v>
      </c>
      <c r="S6525" s="268">
        <v>0</v>
      </c>
      <c r="T6525" s="268">
        <v>0</v>
      </c>
      <c r="U6525" s="145"/>
      <c r="V6525" s="145"/>
      <c r="W6525" s="145"/>
      <c r="X6525" s="145"/>
      <c r="Y6525" s="145"/>
      <c r="Z6525" s="145"/>
      <c r="AA6525" s="145"/>
      <c r="AB6525" s="145"/>
      <c r="AC6525" s="145"/>
      <c r="AD6525" s="145"/>
      <c r="AE6525" s="145"/>
      <c r="AF6525" s="145"/>
      <c r="AG6525" s="145"/>
      <c r="AH6525" s="145"/>
      <c r="AI6525" s="145"/>
      <c r="AJ6525" s="145"/>
      <c r="AK6525" s="145"/>
      <c r="AL6525" s="145"/>
      <c r="AM6525" s="145"/>
      <c r="AN6525" s="145"/>
      <c r="AO6525" s="145"/>
      <c r="AP6525" s="145"/>
      <c r="AQ6525" s="145"/>
      <c r="AR6525" s="145"/>
      <c r="AS6525" s="145"/>
      <c r="AT6525" s="145"/>
      <c r="AU6525" s="145"/>
      <c r="AV6525" s="145"/>
      <c r="AW6525" s="145"/>
      <c r="AX6525" s="146"/>
      <c r="AY6525" s="146"/>
      <c r="AZ6525" s="146"/>
      <c r="BA6525" s="146"/>
      <c r="BB6525" s="107">
        <v>45884</v>
      </c>
    </row>
    <row r="6526" spans="1:54" s="238" customFormat="1" ht="13.95" customHeight="1" x14ac:dyDescent="0.25">
      <c r="A6526" s="256" t="s">
        <v>15491</v>
      </c>
      <c r="B6526" s="96" t="s">
        <v>20308</v>
      </c>
      <c r="C6526" s="267" t="s">
        <v>15492</v>
      </c>
      <c r="D6526" s="267" t="s">
        <v>15493</v>
      </c>
      <c r="E6526" s="268">
        <v>1982</v>
      </c>
      <c r="F6526" s="268">
        <v>1286</v>
      </c>
      <c r="G6526" s="267" t="s">
        <v>1</v>
      </c>
      <c r="H6526" s="268">
        <v>0</v>
      </c>
      <c r="I6526" s="268">
        <v>0</v>
      </c>
      <c r="J6526" s="268">
        <v>0</v>
      </c>
      <c r="K6526" s="268">
        <v>0</v>
      </c>
      <c r="L6526" s="268">
        <v>1</v>
      </c>
      <c r="M6526" s="268">
        <v>1</v>
      </c>
      <c r="N6526" s="268">
        <v>0</v>
      </c>
      <c r="O6526" s="269">
        <v>1</v>
      </c>
      <c r="P6526" s="268">
        <v>0</v>
      </c>
      <c r="Q6526" s="268">
        <v>1</v>
      </c>
      <c r="R6526" s="268">
        <v>1</v>
      </c>
      <c r="S6526" s="268">
        <v>0</v>
      </c>
      <c r="T6526" s="268">
        <v>0</v>
      </c>
      <c r="U6526" s="145"/>
      <c r="V6526" s="145"/>
      <c r="W6526" s="145"/>
      <c r="X6526" s="145"/>
      <c r="Y6526" s="145"/>
      <c r="Z6526" s="145"/>
      <c r="AA6526" s="145"/>
      <c r="AB6526" s="145"/>
      <c r="AC6526" s="145"/>
      <c r="AD6526" s="145"/>
      <c r="AE6526" s="145"/>
      <c r="AF6526" s="145"/>
      <c r="AG6526" s="145"/>
      <c r="AH6526" s="145"/>
      <c r="AI6526" s="145"/>
      <c r="AJ6526" s="145"/>
      <c r="AK6526" s="145"/>
      <c r="AL6526" s="145"/>
      <c r="AM6526" s="145"/>
      <c r="AN6526" s="145"/>
      <c r="AO6526" s="145"/>
      <c r="AP6526" s="145"/>
      <c r="AQ6526" s="145"/>
      <c r="AR6526" s="145"/>
      <c r="AS6526" s="145"/>
      <c r="AT6526" s="145"/>
      <c r="AU6526" s="145"/>
      <c r="AV6526" s="145"/>
      <c r="AW6526" s="145"/>
      <c r="AX6526" s="146"/>
      <c r="AY6526" s="146"/>
      <c r="AZ6526" s="146"/>
      <c r="BA6526" s="146"/>
      <c r="BB6526" s="107">
        <v>45884</v>
      </c>
    </row>
    <row r="6527" spans="1:54" s="238" customFormat="1" ht="13.95" customHeight="1" x14ac:dyDescent="0.25">
      <c r="A6527" s="256" t="s">
        <v>15494</v>
      </c>
      <c r="B6527" s="96" t="s">
        <v>20308</v>
      </c>
      <c r="C6527" s="267" t="s">
        <v>15495</v>
      </c>
      <c r="D6527" s="267" t="s">
        <v>15496</v>
      </c>
      <c r="E6527" s="268">
        <v>1983</v>
      </c>
      <c r="F6527" s="268">
        <v>366</v>
      </c>
      <c r="G6527" s="267" t="s">
        <v>1</v>
      </c>
      <c r="H6527" s="268">
        <v>0</v>
      </c>
      <c r="I6527" s="268">
        <v>0</v>
      </c>
      <c r="J6527" s="268">
        <v>1</v>
      </c>
      <c r="K6527" s="268">
        <v>0</v>
      </c>
      <c r="L6527" s="268">
        <v>0</v>
      </c>
      <c r="M6527" s="268">
        <v>0</v>
      </c>
      <c r="N6527" s="268">
        <v>0</v>
      </c>
      <c r="O6527" s="268">
        <v>0</v>
      </c>
      <c r="P6527" s="268">
        <v>1</v>
      </c>
      <c r="Q6527" s="268">
        <v>0</v>
      </c>
      <c r="R6527" s="268">
        <v>0</v>
      </c>
      <c r="S6527" s="268">
        <v>0</v>
      </c>
      <c r="T6527" s="268">
        <v>0</v>
      </c>
      <c r="U6527" s="145"/>
      <c r="V6527" s="145"/>
      <c r="W6527" s="145"/>
      <c r="X6527" s="145"/>
      <c r="Y6527" s="145"/>
      <c r="Z6527" s="145"/>
      <c r="AA6527" s="145"/>
      <c r="AB6527" s="145"/>
      <c r="AC6527" s="145"/>
      <c r="AD6527" s="145"/>
      <c r="AE6527" s="145"/>
      <c r="AF6527" s="145"/>
      <c r="AG6527" s="145"/>
      <c r="AH6527" s="145"/>
      <c r="AI6527" s="145"/>
      <c r="AJ6527" s="145"/>
      <c r="AK6527" s="145"/>
      <c r="AL6527" s="145"/>
      <c r="AM6527" s="145"/>
      <c r="AN6527" s="145"/>
      <c r="AO6527" s="145"/>
      <c r="AP6527" s="145"/>
      <c r="AQ6527" s="145"/>
      <c r="AR6527" s="145"/>
      <c r="AS6527" s="145"/>
      <c r="AT6527" s="145"/>
      <c r="AU6527" s="145"/>
      <c r="AV6527" s="145"/>
      <c r="AW6527" s="145"/>
      <c r="AX6527" s="146"/>
      <c r="AY6527" s="146"/>
      <c r="AZ6527" s="146"/>
      <c r="BA6527" s="146"/>
      <c r="BB6527" s="107">
        <v>45884</v>
      </c>
    </row>
    <row r="6528" spans="1:54" s="238" customFormat="1" ht="13.95" customHeight="1" x14ac:dyDescent="0.25">
      <c r="A6528" s="256" t="s">
        <v>15497</v>
      </c>
      <c r="B6528" s="96" t="s">
        <v>20308</v>
      </c>
      <c r="C6528" s="267" t="s">
        <v>15498</v>
      </c>
      <c r="D6528" s="267" t="s">
        <v>15499</v>
      </c>
      <c r="E6528" s="268">
        <v>2009</v>
      </c>
      <c r="F6528" s="268">
        <v>477</v>
      </c>
      <c r="G6528" s="267" t="s">
        <v>1</v>
      </c>
      <c r="H6528" s="268">
        <v>0</v>
      </c>
      <c r="I6528" s="268">
        <v>0</v>
      </c>
      <c r="J6528" s="268">
        <v>0</v>
      </c>
      <c r="K6528" s="268">
        <v>0</v>
      </c>
      <c r="L6528" s="268">
        <v>0</v>
      </c>
      <c r="M6528" s="268">
        <v>0</v>
      </c>
      <c r="N6528" s="268">
        <v>0</v>
      </c>
      <c r="O6528" s="268">
        <v>0</v>
      </c>
      <c r="P6528" s="268">
        <v>0</v>
      </c>
      <c r="Q6528" s="268">
        <v>0</v>
      </c>
      <c r="R6528" s="268">
        <v>0</v>
      </c>
      <c r="S6528" s="268">
        <v>0</v>
      </c>
      <c r="T6528" s="268">
        <v>0</v>
      </c>
      <c r="U6528" s="145"/>
      <c r="V6528" s="145"/>
      <c r="W6528" s="145"/>
      <c r="X6528" s="145"/>
      <c r="Y6528" s="145"/>
      <c r="Z6528" s="145"/>
      <c r="AA6528" s="145"/>
      <c r="AB6528" s="145"/>
      <c r="AC6528" s="145"/>
      <c r="AD6528" s="145"/>
      <c r="AE6528" s="145"/>
      <c r="AF6528" s="145"/>
      <c r="AG6528" s="145"/>
      <c r="AH6528" s="145"/>
      <c r="AI6528" s="145"/>
      <c r="AJ6528" s="145"/>
      <c r="AK6528" s="145"/>
      <c r="AL6528" s="145"/>
      <c r="AM6528" s="145"/>
      <c r="AN6528" s="145"/>
      <c r="AO6528" s="145"/>
      <c r="AP6528" s="145"/>
      <c r="AQ6528" s="145"/>
      <c r="AR6528" s="145"/>
      <c r="AS6528" s="145"/>
      <c r="AT6528" s="145"/>
      <c r="AU6528" s="145"/>
      <c r="AV6528" s="145"/>
      <c r="AW6528" s="145"/>
      <c r="AX6528" s="146"/>
      <c r="AY6528" s="146"/>
      <c r="AZ6528" s="146"/>
      <c r="BA6528" s="146"/>
      <c r="BB6528" s="107">
        <v>45884</v>
      </c>
    </row>
    <row r="6529" spans="1:54" s="238" customFormat="1" ht="13.95" customHeight="1" x14ac:dyDescent="0.25">
      <c r="A6529" s="256" t="s">
        <v>15500</v>
      </c>
      <c r="B6529" s="96" t="s">
        <v>20308</v>
      </c>
      <c r="C6529" s="267" t="s">
        <v>15501</v>
      </c>
      <c r="D6529" s="267" t="s">
        <v>15502</v>
      </c>
      <c r="E6529" s="268">
        <v>2010</v>
      </c>
      <c r="F6529" s="268">
        <v>483</v>
      </c>
      <c r="G6529" s="267" t="s">
        <v>1</v>
      </c>
      <c r="H6529" s="268">
        <v>0</v>
      </c>
      <c r="I6529" s="268">
        <v>0</v>
      </c>
      <c r="J6529" s="268">
        <v>1</v>
      </c>
      <c r="K6529" s="268">
        <v>1</v>
      </c>
      <c r="L6529" s="268">
        <v>0</v>
      </c>
      <c r="M6529" s="268">
        <v>0</v>
      </c>
      <c r="N6529" s="268">
        <v>0</v>
      </c>
      <c r="O6529" s="268">
        <v>0</v>
      </c>
      <c r="P6529" s="268">
        <v>1</v>
      </c>
      <c r="Q6529" s="268">
        <v>0</v>
      </c>
      <c r="R6529" s="268">
        <v>0</v>
      </c>
      <c r="S6529" s="268">
        <v>0</v>
      </c>
      <c r="T6529" s="268">
        <v>0</v>
      </c>
      <c r="U6529" s="145"/>
      <c r="V6529" s="145"/>
      <c r="W6529" s="145"/>
      <c r="X6529" s="145"/>
      <c r="Y6529" s="145"/>
      <c r="Z6529" s="145"/>
      <c r="AA6529" s="145"/>
      <c r="AB6529" s="145"/>
      <c r="AC6529" s="145"/>
      <c r="AD6529" s="145"/>
      <c r="AE6529" s="145"/>
      <c r="AF6529" s="145"/>
      <c r="AG6529" s="145"/>
      <c r="AH6529" s="145"/>
      <c r="AI6529" s="145"/>
      <c r="AJ6529" s="145"/>
      <c r="AK6529" s="145"/>
      <c r="AL6529" s="145"/>
      <c r="AM6529" s="145"/>
      <c r="AN6529" s="145"/>
      <c r="AO6529" s="145"/>
      <c r="AP6529" s="145"/>
      <c r="AQ6529" s="145"/>
      <c r="AR6529" s="145"/>
      <c r="AS6529" s="145"/>
      <c r="AT6529" s="145"/>
      <c r="AU6529" s="145"/>
      <c r="AV6529" s="145"/>
      <c r="AW6529" s="145"/>
      <c r="AX6529" s="146"/>
      <c r="AY6529" s="146"/>
      <c r="AZ6529" s="146"/>
      <c r="BA6529" s="146"/>
      <c r="BB6529" s="107">
        <v>45884</v>
      </c>
    </row>
    <row r="6530" spans="1:54" s="238" customFormat="1" ht="13.95" customHeight="1" x14ac:dyDescent="0.25">
      <c r="A6530" s="256" t="s">
        <v>15503</v>
      </c>
      <c r="B6530" s="96" t="s">
        <v>20308</v>
      </c>
      <c r="C6530" s="267" t="s">
        <v>15504</v>
      </c>
      <c r="D6530" s="267" t="s">
        <v>15505</v>
      </c>
      <c r="E6530" s="268">
        <v>2001</v>
      </c>
      <c r="F6530" s="268">
        <v>6414</v>
      </c>
      <c r="G6530" s="267" t="s">
        <v>8</v>
      </c>
      <c r="H6530" s="268">
        <v>0</v>
      </c>
      <c r="I6530" s="268">
        <v>0</v>
      </c>
      <c r="J6530" s="268">
        <v>0</v>
      </c>
      <c r="K6530" s="268">
        <v>0</v>
      </c>
      <c r="L6530" s="268">
        <v>0</v>
      </c>
      <c r="M6530" s="268">
        <v>0</v>
      </c>
      <c r="N6530" s="268">
        <v>0</v>
      </c>
      <c r="O6530" s="268">
        <v>0</v>
      </c>
      <c r="P6530" s="268">
        <v>0</v>
      </c>
      <c r="Q6530" s="268">
        <v>0</v>
      </c>
      <c r="R6530" s="268">
        <v>0</v>
      </c>
      <c r="S6530" s="268">
        <v>0</v>
      </c>
      <c r="T6530" s="268">
        <v>0</v>
      </c>
      <c r="U6530" s="268">
        <v>0</v>
      </c>
      <c r="V6530" s="268">
        <v>0</v>
      </c>
      <c r="W6530" s="268">
        <v>0</v>
      </c>
      <c r="X6530" s="268">
        <v>0</v>
      </c>
      <c r="Y6530" s="268">
        <v>0</v>
      </c>
      <c r="Z6530" s="268">
        <v>0</v>
      </c>
      <c r="AA6530" s="268">
        <v>0</v>
      </c>
      <c r="AB6530" s="268">
        <v>0</v>
      </c>
      <c r="AC6530" s="268">
        <v>0</v>
      </c>
      <c r="AD6530" s="268">
        <v>0</v>
      </c>
      <c r="AE6530" s="268">
        <v>0</v>
      </c>
      <c r="AF6530" s="268">
        <v>0</v>
      </c>
      <c r="AG6530" s="268">
        <v>0</v>
      </c>
      <c r="AH6530" s="268">
        <v>0</v>
      </c>
      <c r="AI6530" s="268">
        <v>0</v>
      </c>
      <c r="AJ6530" s="268">
        <v>0</v>
      </c>
      <c r="AK6530" s="268">
        <v>0</v>
      </c>
      <c r="AL6530" s="268">
        <v>0</v>
      </c>
      <c r="AM6530" s="268">
        <v>0</v>
      </c>
      <c r="AN6530" s="268">
        <v>0</v>
      </c>
      <c r="AO6530" s="268">
        <v>0</v>
      </c>
      <c r="AP6530" s="268">
        <v>0</v>
      </c>
      <c r="AQ6530" s="268">
        <v>0</v>
      </c>
      <c r="AR6530" s="268">
        <v>0</v>
      </c>
      <c r="AS6530" s="268">
        <v>0</v>
      </c>
      <c r="AT6530" s="268" t="s">
        <v>174</v>
      </c>
      <c r="AU6530" s="268">
        <v>0</v>
      </c>
      <c r="AV6530" s="268">
        <v>0</v>
      </c>
      <c r="AW6530" s="268">
        <v>0</v>
      </c>
      <c r="AX6530" s="270"/>
      <c r="AY6530" s="270"/>
      <c r="AZ6530" s="270"/>
      <c r="BA6530" s="270"/>
      <c r="BB6530" s="107">
        <v>45884</v>
      </c>
    </row>
    <row r="6531" spans="1:54" s="238" customFormat="1" ht="13.95" customHeight="1" x14ac:dyDescent="0.25">
      <c r="A6531" s="256" t="s">
        <v>15506</v>
      </c>
      <c r="B6531" s="96" t="s">
        <v>20308</v>
      </c>
      <c r="C6531" s="267" t="s">
        <v>15507</v>
      </c>
      <c r="D6531" s="267" t="s">
        <v>15508</v>
      </c>
      <c r="E6531" s="268">
        <v>1988</v>
      </c>
      <c r="F6531" s="268">
        <v>10215</v>
      </c>
      <c r="G6531" s="267" t="s">
        <v>1</v>
      </c>
      <c r="H6531" s="268">
        <v>1</v>
      </c>
      <c r="I6531" s="268">
        <v>0</v>
      </c>
      <c r="J6531" s="268">
        <v>1</v>
      </c>
      <c r="K6531" s="268">
        <v>0</v>
      </c>
      <c r="L6531" s="268">
        <v>0</v>
      </c>
      <c r="M6531" s="268">
        <v>0</v>
      </c>
      <c r="N6531" s="268">
        <v>0</v>
      </c>
      <c r="O6531" s="268">
        <v>0</v>
      </c>
      <c r="P6531" s="268">
        <v>0</v>
      </c>
      <c r="Q6531" s="268">
        <v>0</v>
      </c>
      <c r="R6531" s="268">
        <v>1</v>
      </c>
      <c r="S6531" s="268">
        <v>0</v>
      </c>
      <c r="T6531" s="268">
        <v>0</v>
      </c>
      <c r="U6531" s="145"/>
      <c r="V6531" s="145"/>
      <c r="W6531" s="145"/>
      <c r="X6531" s="145"/>
      <c r="Y6531" s="145"/>
      <c r="Z6531" s="145"/>
      <c r="AA6531" s="145"/>
      <c r="AB6531" s="145"/>
      <c r="AC6531" s="145"/>
      <c r="AD6531" s="145"/>
      <c r="AE6531" s="145"/>
      <c r="AF6531" s="145"/>
      <c r="AG6531" s="145"/>
      <c r="AH6531" s="145"/>
      <c r="AI6531" s="145"/>
      <c r="AJ6531" s="145"/>
      <c r="AK6531" s="145"/>
      <c r="AL6531" s="145"/>
      <c r="AM6531" s="145"/>
      <c r="AN6531" s="145"/>
      <c r="AO6531" s="145"/>
      <c r="AP6531" s="145"/>
      <c r="AQ6531" s="145"/>
      <c r="AR6531" s="145"/>
      <c r="AS6531" s="145"/>
      <c r="AT6531" s="145"/>
      <c r="AU6531" s="145"/>
      <c r="AV6531" s="145"/>
      <c r="AW6531" s="145"/>
      <c r="AX6531" s="146"/>
      <c r="AY6531" s="146"/>
      <c r="AZ6531" s="146"/>
      <c r="BA6531" s="146"/>
      <c r="BB6531" s="107">
        <v>45884</v>
      </c>
    </row>
    <row r="6532" spans="1:54" s="238" customFormat="1" ht="12.75" customHeight="1" x14ac:dyDescent="0.25">
      <c r="A6532" s="256" t="s">
        <v>15509</v>
      </c>
      <c r="B6532" s="96" t="s">
        <v>20308</v>
      </c>
      <c r="C6532" s="267" t="s">
        <v>15510</v>
      </c>
      <c r="D6532" s="267" t="s">
        <v>15511</v>
      </c>
      <c r="E6532" s="268">
        <v>1974</v>
      </c>
      <c r="F6532" s="268">
        <v>36919</v>
      </c>
      <c r="G6532" s="267" t="s">
        <v>3</v>
      </c>
      <c r="H6532" s="268">
        <v>1</v>
      </c>
      <c r="I6532" s="268">
        <v>1</v>
      </c>
      <c r="J6532" s="268">
        <v>1</v>
      </c>
      <c r="K6532" s="268">
        <v>0</v>
      </c>
      <c r="L6532" s="268">
        <v>0</v>
      </c>
      <c r="M6532" s="268">
        <v>0</v>
      </c>
      <c r="N6532" s="268">
        <v>1</v>
      </c>
      <c r="O6532" s="268">
        <v>0</v>
      </c>
      <c r="P6532" s="268">
        <v>0</v>
      </c>
      <c r="Q6532" s="268">
        <v>0</v>
      </c>
      <c r="R6532" s="268">
        <v>0</v>
      </c>
      <c r="S6532" s="268">
        <v>0</v>
      </c>
      <c r="T6532" s="268">
        <v>0</v>
      </c>
      <c r="U6532" s="268">
        <v>0</v>
      </c>
      <c r="V6532" s="268">
        <v>0</v>
      </c>
      <c r="W6532" s="268">
        <v>0</v>
      </c>
      <c r="X6532" s="268">
        <v>0</v>
      </c>
      <c r="Y6532" s="268">
        <v>0</v>
      </c>
      <c r="Z6532" s="268">
        <v>0</v>
      </c>
      <c r="AA6532" s="268">
        <v>0</v>
      </c>
      <c r="AB6532" s="268">
        <v>0</v>
      </c>
      <c r="AC6532" s="268">
        <v>0</v>
      </c>
      <c r="AD6532" s="268">
        <v>0</v>
      </c>
      <c r="AE6532" s="268">
        <v>0</v>
      </c>
      <c r="AF6532" s="268">
        <v>0</v>
      </c>
      <c r="AG6532" s="268">
        <v>0</v>
      </c>
      <c r="AH6532" s="268">
        <v>0</v>
      </c>
      <c r="AI6532" s="268">
        <v>0</v>
      </c>
      <c r="AJ6532" s="268">
        <v>0</v>
      </c>
      <c r="AK6532" s="268">
        <v>0</v>
      </c>
      <c r="AL6532" s="268">
        <v>0</v>
      </c>
      <c r="AM6532" s="268">
        <v>0</v>
      </c>
      <c r="AN6532" s="268">
        <v>0</v>
      </c>
      <c r="AO6532" s="268">
        <v>0</v>
      </c>
      <c r="AP6532" s="268">
        <v>0</v>
      </c>
      <c r="AQ6532" s="268">
        <v>0</v>
      </c>
      <c r="AR6532" s="268">
        <v>0</v>
      </c>
      <c r="AS6532" s="268">
        <v>0</v>
      </c>
      <c r="AT6532" s="268" t="s">
        <v>174</v>
      </c>
      <c r="AU6532" s="268">
        <v>0</v>
      </c>
      <c r="AV6532" s="268">
        <v>0</v>
      </c>
      <c r="AW6532" s="268">
        <v>0</v>
      </c>
      <c r="AX6532" s="270"/>
      <c r="AY6532" s="270"/>
      <c r="AZ6532" s="270"/>
      <c r="BA6532" s="270" t="s">
        <v>21514</v>
      </c>
      <c r="BB6532" s="107">
        <v>45884</v>
      </c>
    </row>
    <row r="6533" spans="1:54" s="238" customFormat="1" ht="12.75" customHeight="1" x14ac:dyDescent="0.25">
      <c r="A6533" s="256" t="s">
        <v>15512</v>
      </c>
      <c r="B6533" s="96" t="s">
        <v>20308</v>
      </c>
      <c r="C6533" s="267" t="s">
        <v>15513</v>
      </c>
      <c r="D6533" s="267" t="s">
        <v>15514</v>
      </c>
      <c r="E6533" s="268">
        <v>2003</v>
      </c>
      <c r="F6533" s="268">
        <v>81624</v>
      </c>
      <c r="G6533" s="267" t="s">
        <v>0</v>
      </c>
      <c r="H6533" s="268">
        <v>1</v>
      </c>
      <c r="I6533" s="268">
        <v>1</v>
      </c>
      <c r="J6533" s="268">
        <v>1</v>
      </c>
      <c r="K6533" s="268">
        <v>0</v>
      </c>
      <c r="L6533" s="268">
        <v>0</v>
      </c>
      <c r="M6533" s="268">
        <v>1</v>
      </c>
      <c r="N6533" s="268">
        <v>0</v>
      </c>
      <c r="O6533" s="268">
        <v>0</v>
      </c>
      <c r="P6533" s="268">
        <v>0</v>
      </c>
      <c r="Q6533" s="268">
        <v>0</v>
      </c>
      <c r="R6533" s="268">
        <v>0</v>
      </c>
      <c r="S6533" s="268">
        <v>0</v>
      </c>
      <c r="T6533" s="268">
        <v>0</v>
      </c>
      <c r="U6533" s="268">
        <v>0</v>
      </c>
      <c r="V6533" s="268">
        <v>0</v>
      </c>
      <c r="W6533" s="268">
        <v>1</v>
      </c>
      <c r="X6533" s="268">
        <v>0</v>
      </c>
      <c r="Y6533" s="268">
        <v>0</v>
      </c>
      <c r="Z6533" s="268">
        <v>1</v>
      </c>
      <c r="AA6533" s="268">
        <v>0</v>
      </c>
      <c r="AB6533" s="268">
        <v>1</v>
      </c>
      <c r="AC6533" s="268">
        <v>0</v>
      </c>
      <c r="AD6533" s="268">
        <v>1</v>
      </c>
      <c r="AE6533" s="268">
        <v>0</v>
      </c>
      <c r="AF6533" s="268">
        <v>0</v>
      </c>
      <c r="AG6533" s="268">
        <v>0</v>
      </c>
      <c r="AH6533" s="268">
        <v>1</v>
      </c>
      <c r="AI6533" s="268">
        <v>0</v>
      </c>
      <c r="AJ6533" s="268">
        <v>0</v>
      </c>
      <c r="AK6533" s="268">
        <v>0</v>
      </c>
      <c r="AL6533" s="268">
        <v>0</v>
      </c>
      <c r="AM6533" s="268">
        <v>0</v>
      </c>
      <c r="AN6533" s="268">
        <v>0</v>
      </c>
      <c r="AO6533" s="268">
        <v>1</v>
      </c>
      <c r="AP6533" s="268">
        <v>0</v>
      </c>
      <c r="AQ6533" s="268">
        <v>0</v>
      </c>
      <c r="AR6533" s="268">
        <v>1</v>
      </c>
      <c r="AS6533" s="268">
        <v>0</v>
      </c>
      <c r="AT6533" s="268">
        <v>1</v>
      </c>
      <c r="AU6533" s="268">
        <v>1</v>
      </c>
      <c r="AV6533" s="268">
        <v>0</v>
      </c>
      <c r="AW6533" s="268">
        <v>1</v>
      </c>
      <c r="AX6533" s="270" t="s">
        <v>22126</v>
      </c>
      <c r="AY6533" s="270" t="s">
        <v>22112</v>
      </c>
      <c r="AZ6533" s="147" t="s">
        <v>21892</v>
      </c>
      <c r="BA6533" s="270" t="s">
        <v>19885</v>
      </c>
      <c r="BB6533" s="107">
        <v>45884</v>
      </c>
    </row>
    <row r="6534" spans="1:54" s="8" customFormat="1" ht="13.95" customHeight="1" x14ac:dyDescent="0.25">
      <c r="A6534" s="15" t="s">
        <v>15515</v>
      </c>
      <c r="B6534" s="110" t="s">
        <v>19886</v>
      </c>
      <c r="C6534" s="98" t="s">
        <v>15516</v>
      </c>
      <c r="D6534" s="98" t="s">
        <v>15517</v>
      </c>
      <c r="E6534" s="98">
        <v>1986</v>
      </c>
      <c r="F6534" s="98">
        <v>90</v>
      </c>
      <c r="G6534" s="98" t="s">
        <v>1</v>
      </c>
      <c r="H6534" s="98">
        <v>0</v>
      </c>
      <c r="I6534" s="98">
        <v>0</v>
      </c>
      <c r="J6534" s="98">
        <v>0</v>
      </c>
      <c r="K6534" s="98">
        <v>0</v>
      </c>
      <c r="L6534" s="98">
        <v>0</v>
      </c>
      <c r="M6534" s="98">
        <v>0</v>
      </c>
      <c r="N6534" s="98">
        <v>0</v>
      </c>
      <c r="O6534" s="98">
        <v>0</v>
      </c>
      <c r="P6534" s="98">
        <v>0</v>
      </c>
      <c r="Q6534" s="98">
        <v>0</v>
      </c>
      <c r="R6534" s="98">
        <v>0</v>
      </c>
      <c r="S6534" s="98">
        <v>0</v>
      </c>
      <c r="T6534" s="98">
        <v>0</v>
      </c>
      <c r="U6534" s="99"/>
      <c r="V6534" s="99"/>
      <c r="W6534" s="99"/>
      <c r="X6534" s="99"/>
      <c r="Y6534" s="99"/>
      <c r="Z6534" s="99"/>
      <c r="AA6534" s="99"/>
      <c r="AB6534" s="99"/>
      <c r="AC6534" s="99"/>
      <c r="AD6534" s="99"/>
      <c r="AE6534" s="99"/>
      <c r="AF6534" s="99"/>
      <c r="AG6534" s="99"/>
      <c r="AH6534" s="99"/>
      <c r="AI6534" s="99"/>
      <c r="AJ6534" s="99"/>
      <c r="AK6534" s="99"/>
      <c r="AL6534" s="99"/>
      <c r="AM6534" s="99"/>
      <c r="AN6534" s="99"/>
      <c r="AO6534" s="99"/>
      <c r="AP6534" s="99"/>
      <c r="AQ6534" s="99"/>
      <c r="AR6534" s="99"/>
      <c r="AS6534" s="99"/>
      <c r="AT6534" s="99"/>
      <c r="AU6534" s="99"/>
      <c r="AV6534" s="99"/>
      <c r="AW6534" s="99"/>
      <c r="AX6534" s="99"/>
      <c r="AY6534" s="99"/>
      <c r="AZ6534" s="99"/>
      <c r="BA6534" s="99"/>
      <c r="BB6534" s="107">
        <v>45065</v>
      </c>
    </row>
    <row r="6535" spans="1:54" s="8" customFormat="1" ht="13.95" customHeight="1" x14ac:dyDescent="0.25">
      <c r="A6535" s="15" t="s">
        <v>15518</v>
      </c>
      <c r="B6535" s="110" t="s">
        <v>19886</v>
      </c>
      <c r="C6535" s="98" t="s">
        <v>15519</v>
      </c>
      <c r="D6535" s="98" t="s">
        <v>15520</v>
      </c>
      <c r="E6535" s="98">
        <v>1986</v>
      </c>
      <c r="F6535" s="98">
        <v>115</v>
      </c>
      <c r="G6535" s="98" t="s">
        <v>1</v>
      </c>
      <c r="H6535" s="98">
        <v>0</v>
      </c>
      <c r="I6535" s="98">
        <v>0</v>
      </c>
      <c r="J6535" s="98">
        <v>1</v>
      </c>
      <c r="K6535" s="98">
        <v>0</v>
      </c>
      <c r="L6535" s="98">
        <v>0</v>
      </c>
      <c r="M6535" s="98">
        <v>0</v>
      </c>
      <c r="N6535" s="98">
        <v>0</v>
      </c>
      <c r="O6535" s="98">
        <v>1</v>
      </c>
      <c r="P6535" s="98">
        <v>1</v>
      </c>
      <c r="Q6535" s="98">
        <v>0</v>
      </c>
      <c r="R6535" s="98">
        <v>0</v>
      </c>
      <c r="S6535" s="98">
        <v>0</v>
      </c>
      <c r="T6535" s="98">
        <v>0</v>
      </c>
      <c r="U6535" s="99"/>
      <c r="V6535" s="99"/>
      <c r="W6535" s="99"/>
      <c r="X6535" s="99"/>
      <c r="Y6535" s="99"/>
      <c r="Z6535" s="99"/>
      <c r="AA6535" s="99"/>
      <c r="AB6535" s="99"/>
      <c r="AC6535" s="99"/>
      <c r="AD6535" s="99"/>
      <c r="AE6535" s="99"/>
      <c r="AF6535" s="99"/>
      <c r="AG6535" s="99"/>
      <c r="AH6535" s="99"/>
      <c r="AI6535" s="99"/>
      <c r="AJ6535" s="99"/>
      <c r="AK6535" s="99"/>
      <c r="AL6535" s="99"/>
      <c r="AM6535" s="99"/>
      <c r="AN6535" s="99"/>
      <c r="AO6535" s="99"/>
      <c r="AP6535" s="99"/>
      <c r="AQ6535" s="99"/>
      <c r="AR6535" s="99"/>
      <c r="AS6535" s="99"/>
      <c r="AT6535" s="99"/>
      <c r="AU6535" s="99"/>
      <c r="AV6535" s="99"/>
      <c r="AW6535" s="99"/>
      <c r="AX6535" s="99"/>
      <c r="AY6535" s="99"/>
      <c r="AZ6535" s="99"/>
      <c r="BA6535" s="99"/>
      <c r="BB6535" s="107">
        <v>45065</v>
      </c>
    </row>
    <row r="6536" spans="1:54" s="8" customFormat="1" ht="13.95" customHeight="1" x14ac:dyDescent="0.25">
      <c r="A6536" s="15" t="s">
        <v>15521</v>
      </c>
      <c r="B6536" s="110" t="s">
        <v>19886</v>
      </c>
      <c r="C6536" s="98" t="s">
        <v>15522</v>
      </c>
      <c r="D6536" s="98" t="s">
        <v>15523</v>
      </c>
      <c r="E6536" s="98">
        <v>1986</v>
      </c>
      <c r="F6536" s="98">
        <v>118</v>
      </c>
      <c r="G6536" s="98" t="s">
        <v>1</v>
      </c>
      <c r="H6536" s="98">
        <v>0</v>
      </c>
      <c r="I6536" s="98">
        <v>0</v>
      </c>
      <c r="J6536" s="98">
        <v>0</v>
      </c>
      <c r="K6536" s="98">
        <v>1</v>
      </c>
      <c r="L6536" s="98">
        <v>1</v>
      </c>
      <c r="M6536" s="98">
        <v>0</v>
      </c>
      <c r="N6536" s="98">
        <v>0</v>
      </c>
      <c r="O6536" s="98">
        <v>0</v>
      </c>
      <c r="P6536" s="98">
        <v>1</v>
      </c>
      <c r="Q6536" s="98">
        <v>0</v>
      </c>
      <c r="R6536" s="98">
        <v>1</v>
      </c>
      <c r="S6536" s="98">
        <v>0</v>
      </c>
      <c r="T6536" s="98">
        <v>0</v>
      </c>
      <c r="U6536" s="99"/>
      <c r="V6536" s="99"/>
      <c r="W6536" s="99"/>
      <c r="X6536" s="99"/>
      <c r="Y6536" s="99"/>
      <c r="Z6536" s="99"/>
      <c r="AA6536" s="99"/>
      <c r="AB6536" s="99"/>
      <c r="AC6536" s="99"/>
      <c r="AD6536" s="99"/>
      <c r="AE6536" s="99"/>
      <c r="AF6536" s="99"/>
      <c r="AG6536" s="99"/>
      <c r="AH6536" s="99"/>
      <c r="AI6536" s="99"/>
      <c r="AJ6536" s="99"/>
      <c r="AK6536" s="99"/>
      <c r="AL6536" s="99"/>
      <c r="AM6536" s="99"/>
      <c r="AN6536" s="99"/>
      <c r="AO6536" s="99"/>
      <c r="AP6536" s="99"/>
      <c r="AQ6536" s="99"/>
      <c r="AR6536" s="99"/>
      <c r="AS6536" s="99"/>
      <c r="AT6536" s="99"/>
      <c r="AU6536" s="99"/>
      <c r="AV6536" s="99"/>
      <c r="AW6536" s="99"/>
      <c r="AX6536" s="99"/>
      <c r="AY6536" s="99"/>
      <c r="AZ6536" s="99"/>
      <c r="BA6536" s="99"/>
      <c r="BB6536" s="107">
        <v>45065</v>
      </c>
    </row>
    <row r="6537" spans="1:54" s="8" customFormat="1" ht="13.95" customHeight="1" x14ac:dyDescent="0.25">
      <c r="A6537" s="15" t="s">
        <v>15524</v>
      </c>
      <c r="B6537" s="110" t="s">
        <v>19886</v>
      </c>
      <c r="C6537" s="98" t="s">
        <v>15525</v>
      </c>
      <c r="D6537" s="98" t="s">
        <v>15526</v>
      </c>
      <c r="E6537" s="98">
        <v>1986</v>
      </c>
      <c r="F6537" s="98">
        <v>140</v>
      </c>
      <c r="G6537" s="98" t="s">
        <v>1</v>
      </c>
      <c r="H6537" s="98">
        <v>0</v>
      </c>
      <c r="I6537" s="98">
        <v>0</v>
      </c>
      <c r="J6537" s="98">
        <v>0</v>
      </c>
      <c r="K6537" s="98">
        <v>0</v>
      </c>
      <c r="L6537" s="98">
        <v>1</v>
      </c>
      <c r="M6537" s="98">
        <v>0</v>
      </c>
      <c r="N6537" s="98">
        <v>0</v>
      </c>
      <c r="O6537" s="98">
        <v>0</v>
      </c>
      <c r="P6537" s="98">
        <v>1</v>
      </c>
      <c r="Q6537" s="98">
        <v>0</v>
      </c>
      <c r="R6537" s="98">
        <v>1</v>
      </c>
      <c r="S6537" s="98">
        <v>0</v>
      </c>
      <c r="T6537" s="98">
        <v>0</v>
      </c>
      <c r="U6537" s="99"/>
      <c r="V6537" s="99"/>
      <c r="W6537" s="99"/>
      <c r="X6537" s="99"/>
      <c r="Y6537" s="99"/>
      <c r="Z6537" s="99"/>
      <c r="AA6537" s="99"/>
      <c r="AB6537" s="99"/>
      <c r="AC6537" s="99"/>
      <c r="AD6537" s="99"/>
      <c r="AE6537" s="99"/>
      <c r="AF6537" s="99"/>
      <c r="AG6537" s="99"/>
      <c r="AH6537" s="99"/>
      <c r="AI6537" s="99"/>
      <c r="AJ6537" s="99"/>
      <c r="AK6537" s="99"/>
      <c r="AL6537" s="99"/>
      <c r="AM6537" s="99"/>
      <c r="AN6537" s="99"/>
      <c r="AO6537" s="99"/>
      <c r="AP6537" s="99"/>
      <c r="AQ6537" s="99"/>
      <c r="AR6537" s="99"/>
      <c r="AS6537" s="99"/>
      <c r="AT6537" s="99"/>
      <c r="AU6537" s="99"/>
      <c r="AV6537" s="99"/>
      <c r="AW6537" s="99"/>
      <c r="AX6537" s="99"/>
      <c r="AY6537" s="99"/>
      <c r="AZ6537" s="99"/>
      <c r="BA6537" s="99"/>
      <c r="BB6537" s="107">
        <v>45065</v>
      </c>
    </row>
    <row r="6538" spans="1:54" s="8" customFormat="1" ht="13.95" customHeight="1" x14ac:dyDescent="0.25">
      <c r="A6538" s="15" t="s">
        <v>15527</v>
      </c>
      <c r="B6538" s="110" t="s">
        <v>19886</v>
      </c>
      <c r="C6538" s="98" t="s">
        <v>15528</v>
      </c>
      <c r="D6538" s="98" t="s">
        <v>15529</v>
      </c>
      <c r="E6538" s="98">
        <v>1986</v>
      </c>
      <c r="F6538" s="98">
        <v>140</v>
      </c>
      <c r="G6538" s="98" t="s">
        <v>1</v>
      </c>
      <c r="H6538" s="98">
        <v>0</v>
      </c>
      <c r="I6538" s="98">
        <v>0</v>
      </c>
      <c r="J6538" s="98">
        <v>1</v>
      </c>
      <c r="K6538" s="98">
        <v>0</v>
      </c>
      <c r="L6538" s="98">
        <v>0</v>
      </c>
      <c r="M6538" s="98">
        <v>0</v>
      </c>
      <c r="N6538" s="98">
        <v>0</v>
      </c>
      <c r="O6538" s="98">
        <v>1</v>
      </c>
      <c r="P6538" s="98">
        <v>1</v>
      </c>
      <c r="Q6538" s="98">
        <v>0</v>
      </c>
      <c r="R6538" s="98">
        <v>1</v>
      </c>
      <c r="S6538" s="98">
        <v>0</v>
      </c>
      <c r="T6538" s="98">
        <v>0</v>
      </c>
      <c r="U6538" s="99"/>
      <c r="V6538" s="99"/>
      <c r="W6538" s="99"/>
      <c r="X6538" s="99"/>
      <c r="Y6538" s="99"/>
      <c r="Z6538" s="99"/>
      <c r="AA6538" s="99"/>
      <c r="AB6538" s="99"/>
      <c r="AC6538" s="99"/>
      <c r="AD6538" s="99"/>
      <c r="AE6538" s="99"/>
      <c r="AF6538" s="99"/>
      <c r="AG6538" s="99"/>
      <c r="AH6538" s="99"/>
      <c r="AI6538" s="99"/>
      <c r="AJ6538" s="99"/>
      <c r="AK6538" s="99"/>
      <c r="AL6538" s="99"/>
      <c r="AM6538" s="99"/>
      <c r="AN6538" s="99"/>
      <c r="AO6538" s="99"/>
      <c r="AP6538" s="99"/>
      <c r="AQ6538" s="99"/>
      <c r="AR6538" s="99"/>
      <c r="AS6538" s="99"/>
      <c r="AT6538" s="99"/>
      <c r="AU6538" s="99"/>
      <c r="AV6538" s="99"/>
      <c r="AW6538" s="99"/>
      <c r="AX6538" s="99"/>
      <c r="AY6538" s="99"/>
      <c r="AZ6538" s="99"/>
      <c r="BA6538" s="99"/>
      <c r="BB6538" s="107">
        <v>45065</v>
      </c>
    </row>
    <row r="6539" spans="1:54" s="8" customFormat="1" ht="13.95" customHeight="1" x14ac:dyDescent="0.25">
      <c r="A6539" s="15" t="s">
        <v>15530</v>
      </c>
      <c r="B6539" s="110" t="s">
        <v>19886</v>
      </c>
      <c r="C6539" s="98" t="s">
        <v>15531</v>
      </c>
      <c r="D6539" s="98" t="s">
        <v>15532</v>
      </c>
      <c r="E6539" s="98">
        <v>1988</v>
      </c>
      <c r="F6539" s="98">
        <v>140</v>
      </c>
      <c r="G6539" s="98" t="s">
        <v>1</v>
      </c>
      <c r="H6539" s="98">
        <v>0</v>
      </c>
      <c r="I6539" s="98">
        <v>0</v>
      </c>
      <c r="J6539" s="98">
        <v>1</v>
      </c>
      <c r="K6539" s="98">
        <v>1</v>
      </c>
      <c r="L6539" s="98">
        <v>0</v>
      </c>
      <c r="M6539" s="98">
        <v>0</v>
      </c>
      <c r="N6539" s="98">
        <v>1</v>
      </c>
      <c r="O6539" s="98">
        <v>0</v>
      </c>
      <c r="P6539" s="98">
        <v>0</v>
      </c>
      <c r="Q6539" s="98">
        <v>0</v>
      </c>
      <c r="R6539" s="98">
        <v>0</v>
      </c>
      <c r="S6539" s="98">
        <v>0</v>
      </c>
      <c r="T6539" s="98">
        <v>0</v>
      </c>
      <c r="U6539" s="99"/>
      <c r="V6539" s="99"/>
      <c r="W6539" s="99"/>
      <c r="X6539" s="99"/>
      <c r="Y6539" s="99"/>
      <c r="Z6539" s="99"/>
      <c r="AA6539" s="99"/>
      <c r="AB6539" s="99"/>
      <c r="AC6539" s="99"/>
      <c r="AD6539" s="99"/>
      <c r="AE6539" s="99"/>
      <c r="AF6539" s="99"/>
      <c r="AG6539" s="99"/>
      <c r="AH6539" s="99"/>
      <c r="AI6539" s="99"/>
      <c r="AJ6539" s="99"/>
      <c r="AK6539" s="99"/>
      <c r="AL6539" s="99"/>
      <c r="AM6539" s="99"/>
      <c r="AN6539" s="99"/>
      <c r="AO6539" s="99"/>
      <c r="AP6539" s="99"/>
      <c r="AQ6539" s="99"/>
      <c r="AR6539" s="99"/>
      <c r="AS6539" s="99"/>
      <c r="AT6539" s="99"/>
      <c r="AU6539" s="99"/>
      <c r="AV6539" s="99"/>
      <c r="AW6539" s="99"/>
      <c r="AX6539" s="99"/>
      <c r="AY6539" s="99"/>
      <c r="AZ6539" s="99"/>
      <c r="BA6539" s="99"/>
      <c r="BB6539" s="107">
        <v>45065</v>
      </c>
    </row>
    <row r="6540" spans="1:54" s="8" customFormat="1" ht="13.95" customHeight="1" x14ac:dyDescent="0.25">
      <c r="A6540" s="15" t="s">
        <v>15533</v>
      </c>
      <c r="B6540" s="110" t="s">
        <v>19886</v>
      </c>
      <c r="C6540" s="98" t="s">
        <v>15534</v>
      </c>
      <c r="D6540" s="98" t="s">
        <v>15535</v>
      </c>
      <c r="E6540" s="98">
        <v>1986</v>
      </c>
      <c r="F6540" s="98">
        <v>145</v>
      </c>
      <c r="G6540" s="98" t="s">
        <v>1</v>
      </c>
      <c r="H6540" s="98">
        <v>0</v>
      </c>
      <c r="I6540" s="98">
        <v>0</v>
      </c>
      <c r="J6540" s="98">
        <v>1</v>
      </c>
      <c r="K6540" s="98">
        <v>0</v>
      </c>
      <c r="L6540" s="98">
        <v>1</v>
      </c>
      <c r="M6540" s="98">
        <v>0</v>
      </c>
      <c r="N6540" s="98">
        <v>0</v>
      </c>
      <c r="O6540" s="98">
        <v>0</v>
      </c>
      <c r="P6540" s="98">
        <v>1</v>
      </c>
      <c r="Q6540" s="98">
        <v>0</v>
      </c>
      <c r="R6540" s="98">
        <v>1</v>
      </c>
      <c r="S6540" s="98">
        <v>0</v>
      </c>
      <c r="T6540" s="98">
        <v>0</v>
      </c>
      <c r="U6540" s="99"/>
      <c r="V6540" s="99"/>
      <c r="W6540" s="99"/>
      <c r="X6540" s="99"/>
      <c r="Y6540" s="99"/>
      <c r="Z6540" s="99"/>
      <c r="AA6540" s="99"/>
      <c r="AB6540" s="99"/>
      <c r="AC6540" s="99"/>
      <c r="AD6540" s="99"/>
      <c r="AE6540" s="99"/>
      <c r="AF6540" s="99"/>
      <c r="AG6540" s="99"/>
      <c r="AH6540" s="99"/>
      <c r="AI6540" s="99"/>
      <c r="AJ6540" s="99"/>
      <c r="AK6540" s="99"/>
      <c r="AL6540" s="99"/>
      <c r="AM6540" s="99"/>
      <c r="AN6540" s="99"/>
      <c r="AO6540" s="99"/>
      <c r="AP6540" s="99"/>
      <c r="AQ6540" s="99"/>
      <c r="AR6540" s="99"/>
      <c r="AS6540" s="99"/>
      <c r="AT6540" s="99"/>
      <c r="AU6540" s="99"/>
      <c r="AV6540" s="99"/>
      <c r="AW6540" s="99"/>
      <c r="AX6540" s="99"/>
      <c r="AY6540" s="99"/>
      <c r="AZ6540" s="99"/>
      <c r="BA6540" s="99"/>
      <c r="BB6540" s="107">
        <v>45065</v>
      </c>
    </row>
    <row r="6541" spans="1:54" s="8" customFormat="1" ht="13.95" customHeight="1" x14ac:dyDescent="0.25">
      <c r="A6541" s="15" t="s">
        <v>15536</v>
      </c>
      <c r="B6541" s="110" t="s">
        <v>19886</v>
      </c>
      <c r="C6541" s="98" t="s">
        <v>15537</v>
      </c>
      <c r="D6541" s="98" t="s">
        <v>15538</v>
      </c>
      <c r="E6541" s="98">
        <v>1997</v>
      </c>
      <c r="F6541" s="98">
        <v>150</v>
      </c>
      <c r="G6541" s="98" t="s">
        <v>1</v>
      </c>
      <c r="H6541" s="98">
        <v>0</v>
      </c>
      <c r="I6541" s="98">
        <v>0</v>
      </c>
      <c r="J6541" s="98">
        <v>1</v>
      </c>
      <c r="K6541" s="98">
        <v>1</v>
      </c>
      <c r="L6541" s="98">
        <v>0</v>
      </c>
      <c r="M6541" s="98">
        <v>0</v>
      </c>
      <c r="N6541" s="98">
        <v>0</v>
      </c>
      <c r="O6541" s="98">
        <v>0</v>
      </c>
      <c r="P6541" s="98">
        <v>0</v>
      </c>
      <c r="Q6541" s="98">
        <v>0</v>
      </c>
      <c r="R6541" s="98">
        <v>1</v>
      </c>
      <c r="S6541" s="98">
        <v>0</v>
      </c>
      <c r="T6541" s="98">
        <v>0</v>
      </c>
      <c r="U6541" s="99"/>
      <c r="V6541" s="99"/>
      <c r="W6541" s="99"/>
      <c r="X6541" s="99"/>
      <c r="Y6541" s="99"/>
      <c r="Z6541" s="99"/>
      <c r="AA6541" s="99"/>
      <c r="AB6541" s="99"/>
      <c r="AC6541" s="99"/>
      <c r="AD6541" s="99"/>
      <c r="AE6541" s="99"/>
      <c r="AF6541" s="99"/>
      <c r="AG6541" s="99"/>
      <c r="AH6541" s="99"/>
      <c r="AI6541" s="99"/>
      <c r="AJ6541" s="99"/>
      <c r="AK6541" s="99"/>
      <c r="AL6541" s="99"/>
      <c r="AM6541" s="99"/>
      <c r="AN6541" s="99"/>
      <c r="AO6541" s="99"/>
      <c r="AP6541" s="99"/>
      <c r="AQ6541" s="99"/>
      <c r="AR6541" s="99"/>
      <c r="AS6541" s="99"/>
      <c r="AT6541" s="99"/>
      <c r="AU6541" s="99"/>
      <c r="AV6541" s="99"/>
      <c r="AW6541" s="99"/>
      <c r="AX6541" s="99"/>
      <c r="AY6541" s="99"/>
      <c r="AZ6541" s="99"/>
      <c r="BA6541" s="99"/>
      <c r="BB6541" s="107">
        <v>45065</v>
      </c>
    </row>
    <row r="6542" spans="1:54" s="8" customFormat="1" ht="13.95" customHeight="1" x14ac:dyDescent="0.25">
      <c r="A6542" s="15" t="s">
        <v>15539</v>
      </c>
      <c r="B6542" s="110" t="s">
        <v>19886</v>
      </c>
      <c r="C6542" s="98" t="s">
        <v>15540</v>
      </c>
      <c r="D6542" s="98" t="s">
        <v>15541</v>
      </c>
      <c r="E6542" s="98">
        <v>1997</v>
      </c>
      <c r="F6542" s="98">
        <v>150</v>
      </c>
      <c r="G6542" s="98" t="s">
        <v>1</v>
      </c>
      <c r="H6542" s="98">
        <v>0</v>
      </c>
      <c r="I6542" s="98">
        <v>0</v>
      </c>
      <c r="J6542" s="98">
        <v>1</v>
      </c>
      <c r="K6542" s="98">
        <v>1</v>
      </c>
      <c r="L6542" s="98">
        <v>0</v>
      </c>
      <c r="M6542" s="98">
        <v>0</v>
      </c>
      <c r="N6542" s="98">
        <v>0</v>
      </c>
      <c r="O6542" s="98">
        <v>0</v>
      </c>
      <c r="P6542" s="98">
        <v>0</v>
      </c>
      <c r="Q6542" s="98">
        <v>0</v>
      </c>
      <c r="R6542" s="98">
        <v>1</v>
      </c>
      <c r="S6542" s="98">
        <v>0</v>
      </c>
      <c r="T6542" s="98">
        <v>0</v>
      </c>
      <c r="U6542" s="99"/>
      <c r="V6542" s="99"/>
      <c r="W6542" s="99"/>
      <c r="X6542" s="99"/>
      <c r="Y6542" s="99"/>
      <c r="Z6542" s="99"/>
      <c r="AA6542" s="99"/>
      <c r="AB6542" s="99"/>
      <c r="AC6542" s="99"/>
      <c r="AD6542" s="99"/>
      <c r="AE6542" s="99"/>
      <c r="AF6542" s="99"/>
      <c r="AG6542" s="99"/>
      <c r="AH6542" s="99"/>
      <c r="AI6542" s="99"/>
      <c r="AJ6542" s="99"/>
      <c r="AK6542" s="99"/>
      <c r="AL6542" s="99"/>
      <c r="AM6542" s="99"/>
      <c r="AN6542" s="99"/>
      <c r="AO6542" s="99"/>
      <c r="AP6542" s="99"/>
      <c r="AQ6542" s="99"/>
      <c r="AR6542" s="99"/>
      <c r="AS6542" s="99"/>
      <c r="AT6542" s="99"/>
      <c r="AU6542" s="99"/>
      <c r="AV6542" s="99"/>
      <c r="AW6542" s="99"/>
      <c r="AX6542" s="99"/>
      <c r="AY6542" s="99"/>
      <c r="AZ6542" s="99"/>
      <c r="BA6542" s="99"/>
      <c r="BB6542" s="107">
        <v>45065</v>
      </c>
    </row>
    <row r="6543" spans="1:54" s="8" customFormat="1" ht="13.95" customHeight="1" x14ac:dyDescent="0.25">
      <c r="A6543" s="15" t="s">
        <v>15542</v>
      </c>
      <c r="B6543" s="110" t="s">
        <v>19886</v>
      </c>
      <c r="C6543" s="98" t="s">
        <v>15543</v>
      </c>
      <c r="D6543" s="98" t="s">
        <v>15544</v>
      </c>
      <c r="E6543" s="98">
        <v>1993</v>
      </c>
      <c r="F6543" s="98">
        <v>151</v>
      </c>
      <c r="G6543" s="98" t="s">
        <v>1</v>
      </c>
      <c r="H6543" s="98">
        <v>0</v>
      </c>
      <c r="I6543" s="98">
        <v>0</v>
      </c>
      <c r="J6543" s="98">
        <v>1</v>
      </c>
      <c r="K6543" s="98">
        <v>0</v>
      </c>
      <c r="L6543" s="98">
        <v>1</v>
      </c>
      <c r="M6543" s="98">
        <v>0</v>
      </c>
      <c r="N6543" s="98">
        <v>0</v>
      </c>
      <c r="O6543" s="98">
        <v>1</v>
      </c>
      <c r="P6543" s="98">
        <v>1</v>
      </c>
      <c r="Q6543" s="98">
        <v>0</v>
      </c>
      <c r="R6543" s="98">
        <v>0</v>
      </c>
      <c r="S6543" s="98">
        <v>0</v>
      </c>
      <c r="T6543" s="98">
        <v>0</v>
      </c>
      <c r="U6543" s="99"/>
      <c r="V6543" s="99"/>
      <c r="W6543" s="99"/>
      <c r="X6543" s="99"/>
      <c r="Y6543" s="99"/>
      <c r="Z6543" s="99"/>
      <c r="AA6543" s="99"/>
      <c r="AB6543" s="99"/>
      <c r="AC6543" s="99"/>
      <c r="AD6543" s="99"/>
      <c r="AE6543" s="99"/>
      <c r="AF6543" s="99"/>
      <c r="AG6543" s="99"/>
      <c r="AH6543" s="99"/>
      <c r="AI6543" s="99"/>
      <c r="AJ6543" s="99"/>
      <c r="AK6543" s="99"/>
      <c r="AL6543" s="99"/>
      <c r="AM6543" s="99"/>
      <c r="AN6543" s="99"/>
      <c r="AO6543" s="99"/>
      <c r="AP6543" s="99"/>
      <c r="AQ6543" s="99"/>
      <c r="AR6543" s="99"/>
      <c r="AS6543" s="99"/>
      <c r="AT6543" s="99"/>
      <c r="AU6543" s="99"/>
      <c r="AV6543" s="99"/>
      <c r="AW6543" s="99"/>
      <c r="AX6543" s="99"/>
      <c r="AY6543" s="99"/>
      <c r="AZ6543" s="99"/>
      <c r="BA6543" s="99"/>
      <c r="BB6543" s="107">
        <v>45065</v>
      </c>
    </row>
    <row r="6544" spans="1:54" s="8" customFormat="1" ht="13.95" customHeight="1" x14ac:dyDescent="0.25">
      <c r="A6544" s="15" t="s">
        <v>15545</v>
      </c>
      <c r="B6544" s="110" t="s">
        <v>19886</v>
      </c>
      <c r="C6544" s="98" t="s">
        <v>15546</v>
      </c>
      <c r="D6544" s="98" t="s">
        <v>15547</v>
      </c>
      <c r="E6544" s="98">
        <v>1993</v>
      </c>
      <c r="F6544" s="98">
        <v>153</v>
      </c>
      <c r="G6544" s="98" t="s">
        <v>1</v>
      </c>
      <c r="H6544" s="98">
        <v>0</v>
      </c>
      <c r="I6544" s="98">
        <v>0</v>
      </c>
      <c r="J6544" s="98">
        <v>1</v>
      </c>
      <c r="K6544" s="98">
        <v>0</v>
      </c>
      <c r="L6544" s="98">
        <v>1</v>
      </c>
      <c r="M6544" s="98">
        <v>0</v>
      </c>
      <c r="N6544" s="98">
        <v>0</v>
      </c>
      <c r="O6544" s="98">
        <v>0</v>
      </c>
      <c r="P6544" s="98">
        <v>0</v>
      </c>
      <c r="Q6544" s="98">
        <v>0</v>
      </c>
      <c r="R6544" s="98">
        <v>0</v>
      </c>
      <c r="S6544" s="98">
        <v>0</v>
      </c>
      <c r="T6544" s="98">
        <v>0</v>
      </c>
      <c r="U6544" s="99"/>
      <c r="V6544" s="99"/>
      <c r="W6544" s="99"/>
      <c r="X6544" s="99"/>
      <c r="Y6544" s="99"/>
      <c r="Z6544" s="99"/>
      <c r="AA6544" s="99"/>
      <c r="AB6544" s="99"/>
      <c r="AC6544" s="99"/>
      <c r="AD6544" s="99"/>
      <c r="AE6544" s="99"/>
      <c r="AF6544" s="99"/>
      <c r="AG6544" s="99"/>
      <c r="AH6544" s="99"/>
      <c r="AI6544" s="99"/>
      <c r="AJ6544" s="99"/>
      <c r="AK6544" s="99"/>
      <c r="AL6544" s="99"/>
      <c r="AM6544" s="99"/>
      <c r="AN6544" s="99"/>
      <c r="AO6544" s="99"/>
      <c r="AP6544" s="99"/>
      <c r="AQ6544" s="99"/>
      <c r="AR6544" s="99"/>
      <c r="AS6544" s="99"/>
      <c r="AT6544" s="99"/>
      <c r="AU6544" s="99"/>
      <c r="AV6544" s="99"/>
      <c r="AW6544" s="99"/>
      <c r="AX6544" s="99"/>
      <c r="AY6544" s="99"/>
      <c r="AZ6544" s="99"/>
      <c r="BA6544" s="99"/>
      <c r="BB6544" s="107">
        <v>45065</v>
      </c>
    </row>
    <row r="6545" spans="1:54" s="8" customFormat="1" ht="13.95" customHeight="1" x14ac:dyDescent="0.25">
      <c r="A6545" s="15" t="s">
        <v>15548</v>
      </c>
      <c r="B6545" s="110" t="s">
        <v>19886</v>
      </c>
      <c r="C6545" s="98" t="s">
        <v>15549</v>
      </c>
      <c r="D6545" s="98" t="s">
        <v>15550</v>
      </c>
      <c r="E6545" s="98">
        <v>1986</v>
      </c>
      <c r="F6545" s="98">
        <v>153</v>
      </c>
      <c r="G6545" s="98" t="s">
        <v>1</v>
      </c>
      <c r="H6545" s="98">
        <v>0</v>
      </c>
      <c r="I6545" s="98">
        <v>0</v>
      </c>
      <c r="J6545" s="98">
        <v>0</v>
      </c>
      <c r="K6545" s="98">
        <v>0</v>
      </c>
      <c r="L6545" s="98">
        <v>1</v>
      </c>
      <c r="M6545" s="98">
        <v>0</v>
      </c>
      <c r="N6545" s="98">
        <v>0</v>
      </c>
      <c r="O6545" s="98">
        <v>0</v>
      </c>
      <c r="P6545" s="98">
        <v>0</v>
      </c>
      <c r="Q6545" s="98">
        <v>0</v>
      </c>
      <c r="R6545" s="98">
        <v>1</v>
      </c>
      <c r="S6545" s="98">
        <v>0</v>
      </c>
      <c r="T6545" s="98">
        <v>0</v>
      </c>
      <c r="U6545" s="99"/>
      <c r="V6545" s="99"/>
      <c r="W6545" s="99"/>
      <c r="X6545" s="99"/>
      <c r="Y6545" s="99"/>
      <c r="Z6545" s="99"/>
      <c r="AA6545" s="99"/>
      <c r="AB6545" s="99"/>
      <c r="AC6545" s="99"/>
      <c r="AD6545" s="99"/>
      <c r="AE6545" s="99"/>
      <c r="AF6545" s="99"/>
      <c r="AG6545" s="99"/>
      <c r="AH6545" s="99"/>
      <c r="AI6545" s="99"/>
      <c r="AJ6545" s="99"/>
      <c r="AK6545" s="99"/>
      <c r="AL6545" s="99"/>
      <c r="AM6545" s="99"/>
      <c r="AN6545" s="99"/>
      <c r="AO6545" s="99"/>
      <c r="AP6545" s="99"/>
      <c r="AQ6545" s="99"/>
      <c r="AR6545" s="99"/>
      <c r="AS6545" s="99"/>
      <c r="AT6545" s="99"/>
      <c r="AU6545" s="99"/>
      <c r="AV6545" s="99"/>
      <c r="AW6545" s="99"/>
      <c r="AX6545" s="99"/>
      <c r="AY6545" s="99"/>
      <c r="AZ6545" s="99"/>
      <c r="BA6545" s="99"/>
      <c r="BB6545" s="107">
        <v>45065</v>
      </c>
    </row>
    <row r="6546" spans="1:54" s="8" customFormat="1" ht="13.95" customHeight="1" x14ac:dyDescent="0.25">
      <c r="A6546" s="15" t="s">
        <v>15551</v>
      </c>
      <c r="B6546" s="110" t="s">
        <v>19886</v>
      </c>
      <c r="C6546" s="98" t="s">
        <v>15552</v>
      </c>
      <c r="D6546" s="98" t="s">
        <v>15553</v>
      </c>
      <c r="E6546" s="98">
        <v>1986</v>
      </c>
      <c r="F6546" s="98">
        <v>164</v>
      </c>
      <c r="G6546" s="98" t="s">
        <v>1</v>
      </c>
      <c r="H6546" s="98">
        <v>0</v>
      </c>
      <c r="I6546" s="98">
        <v>0</v>
      </c>
      <c r="J6546" s="98">
        <v>1</v>
      </c>
      <c r="K6546" s="98">
        <v>0</v>
      </c>
      <c r="L6546" s="98">
        <v>1</v>
      </c>
      <c r="M6546" s="98">
        <v>0</v>
      </c>
      <c r="N6546" s="98">
        <v>0</v>
      </c>
      <c r="O6546" s="98">
        <v>1</v>
      </c>
      <c r="P6546" s="98">
        <v>1</v>
      </c>
      <c r="Q6546" s="98">
        <v>0</v>
      </c>
      <c r="R6546" s="98">
        <v>0</v>
      </c>
      <c r="S6546" s="98">
        <v>0</v>
      </c>
      <c r="T6546" s="98">
        <v>0</v>
      </c>
      <c r="U6546" s="99"/>
      <c r="V6546" s="99"/>
      <c r="W6546" s="99"/>
      <c r="X6546" s="99"/>
      <c r="Y6546" s="99"/>
      <c r="Z6546" s="99"/>
      <c r="AA6546" s="99"/>
      <c r="AB6546" s="99"/>
      <c r="AC6546" s="99"/>
      <c r="AD6546" s="99"/>
      <c r="AE6546" s="99"/>
      <c r="AF6546" s="99"/>
      <c r="AG6546" s="99"/>
      <c r="AH6546" s="99"/>
      <c r="AI6546" s="99"/>
      <c r="AJ6546" s="99"/>
      <c r="AK6546" s="99"/>
      <c r="AL6546" s="99"/>
      <c r="AM6546" s="99"/>
      <c r="AN6546" s="99"/>
      <c r="AO6546" s="99"/>
      <c r="AP6546" s="99"/>
      <c r="AQ6546" s="99"/>
      <c r="AR6546" s="99"/>
      <c r="AS6546" s="99"/>
      <c r="AT6546" s="99"/>
      <c r="AU6546" s="99"/>
      <c r="AV6546" s="99"/>
      <c r="AW6546" s="99"/>
      <c r="AX6546" s="99"/>
      <c r="AY6546" s="99"/>
      <c r="AZ6546" s="99"/>
      <c r="BA6546" s="99"/>
      <c r="BB6546" s="107">
        <v>45065</v>
      </c>
    </row>
    <row r="6547" spans="1:54" s="8" customFormat="1" ht="13.95" customHeight="1" x14ac:dyDescent="0.25">
      <c r="A6547" s="15" t="s">
        <v>15554</v>
      </c>
      <c r="B6547" s="110" t="s">
        <v>19886</v>
      </c>
      <c r="C6547" s="98" t="s">
        <v>15555</v>
      </c>
      <c r="D6547" s="98" t="s">
        <v>15556</v>
      </c>
      <c r="E6547" s="98">
        <v>1998</v>
      </c>
      <c r="F6547" s="98">
        <v>165</v>
      </c>
      <c r="G6547" s="98" t="s">
        <v>1</v>
      </c>
      <c r="H6547" s="98">
        <v>0</v>
      </c>
      <c r="I6547" s="98">
        <v>0</v>
      </c>
      <c r="J6547" s="98">
        <v>0</v>
      </c>
      <c r="K6547" s="98">
        <v>0</v>
      </c>
      <c r="L6547" s="98">
        <v>0</v>
      </c>
      <c r="M6547" s="98">
        <v>0</v>
      </c>
      <c r="N6547" s="98">
        <v>0</v>
      </c>
      <c r="O6547" s="98">
        <v>0</v>
      </c>
      <c r="P6547" s="98">
        <v>0</v>
      </c>
      <c r="Q6547" s="98">
        <v>0</v>
      </c>
      <c r="R6547" s="98">
        <v>0</v>
      </c>
      <c r="S6547" s="98">
        <v>0</v>
      </c>
      <c r="T6547" s="98">
        <v>0</v>
      </c>
      <c r="U6547" s="99"/>
      <c r="V6547" s="99"/>
      <c r="W6547" s="99"/>
      <c r="X6547" s="99"/>
      <c r="Y6547" s="99"/>
      <c r="Z6547" s="99"/>
      <c r="AA6547" s="99"/>
      <c r="AB6547" s="99"/>
      <c r="AC6547" s="99"/>
      <c r="AD6547" s="99"/>
      <c r="AE6547" s="99"/>
      <c r="AF6547" s="99"/>
      <c r="AG6547" s="99"/>
      <c r="AH6547" s="99"/>
      <c r="AI6547" s="99"/>
      <c r="AJ6547" s="99"/>
      <c r="AK6547" s="99"/>
      <c r="AL6547" s="99"/>
      <c r="AM6547" s="99"/>
      <c r="AN6547" s="99"/>
      <c r="AO6547" s="99"/>
      <c r="AP6547" s="99"/>
      <c r="AQ6547" s="99"/>
      <c r="AR6547" s="99"/>
      <c r="AS6547" s="99"/>
      <c r="AT6547" s="99"/>
      <c r="AU6547" s="99"/>
      <c r="AV6547" s="99"/>
      <c r="AW6547" s="99"/>
      <c r="AX6547" s="99"/>
      <c r="AY6547" s="99"/>
      <c r="AZ6547" s="99"/>
      <c r="BA6547" s="99"/>
      <c r="BB6547" s="107">
        <v>45065</v>
      </c>
    </row>
    <row r="6548" spans="1:54" s="8" customFormat="1" ht="13.95" customHeight="1" x14ac:dyDescent="0.25">
      <c r="A6548" s="15" t="s">
        <v>15557</v>
      </c>
      <c r="B6548" s="110" t="s">
        <v>19886</v>
      </c>
      <c r="C6548" s="98" t="s">
        <v>15558</v>
      </c>
      <c r="D6548" s="98" t="s">
        <v>15559</v>
      </c>
      <c r="E6548" s="98">
        <v>1986</v>
      </c>
      <c r="F6548" s="98">
        <v>167</v>
      </c>
      <c r="G6548" s="98" t="s">
        <v>1</v>
      </c>
      <c r="H6548" s="98">
        <v>0</v>
      </c>
      <c r="I6548" s="98">
        <v>0</v>
      </c>
      <c r="J6548" s="98">
        <v>0</v>
      </c>
      <c r="K6548" s="98">
        <v>0</v>
      </c>
      <c r="L6548" s="98">
        <v>1</v>
      </c>
      <c r="M6548" s="98">
        <v>0</v>
      </c>
      <c r="N6548" s="98">
        <v>0</v>
      </c>
      <c r="O6548" s="98">
        <v>0</v>
      </c>
      <c r="P6548" s="98">
        <v>1</v>
      </c>
      <c r="Q6548" s="98">
        <v>0</v>
      </c>
      <c r="R6548" s="98">
        <v>1</v>
      </c>
      <c r="S6548" s="98">
        <v>0</v>
      </c>
      <c r="T6548" s="98">
        <v>0</v>
      </c>
      <c r="U6548" s="99"/>
      <c r="V6548" s="99"/>
      <c r="W6548" s="99"/>
      <c r="X6548" s="99"/>
      <c r="Y6548" s="99"/>
      <c r="Z6548" s="99"/>
      <c r="AA6548" s="99"/>
      <c r="AB6548" s="99"/>
      <c r="AC6548" s="99"/>
      <c r="AD6548" s="99"/>
      <c r="AE6548" s="99"/>
      <c r="AF6548" s="99"/>
      <c r="AG6548" s="99"/>
      <c r="AH6548" s="99"/>
      <c r="AI6548" s="99"/>
      <c r="AJ6548" s="99"/>
      <c r="AK6548" s="99"/>
      <c r="AL6548" s="99"/>
      <c r="AM6548" s="99"/>
      <c r="AN6548" s="99"/>
      <c r="AO6548" s="99"/>
      <c r="AP6548" s="99"/>
      <c r="AQ6548" s="99"/>
      <c r="AR6548" s="99"/>
      <c r="AS6548" s="99"/>
      <c r="AT6548" s="99"/>
      <c r="AU6548" s="99"/>
      <c r="AV6548" s="99"/>
      <c r="AW6548" s="99"/>
      <c r="AX6548" s="99"/>
      <c r="AY6548" s="99"/>
      <c r="AZ6548" s="99"/>
      <c r="BA6548" s="99"/>
      <c r="BB6548" s="107">
        <v>45065</v>
      </c>
    </row>
    <row r="6549" spans="1:54" s="8" customFormat="1" ht="13.95" customHeight="1" x14ac:dyDescent="0.25">
      <c r="A6549" s="15" t="s">
        <v>15560</v>
      </c>
      <c r="B6549" s="110" t="s">
        <v>19886</v>
      </c>
      <c r="C6549" s="98" t="s">
        <v>15561</v>
      </c>
      <c r="D6549" s="98" t="s">
        <v>15562</v>
      </c>
      <c r="E6549" s="98">
        <v>1986</v>
      </c>
      <c r="F6549" s="98">
        <v>175</v>
      </c>
      <c r="G6549" s="98" t="s">
        <v>1</v>
      </c>
      <c r="H6549" s="98">
        <v>0</v>
      </c>
      <c r="I6549" s="98">
        <v>0</v>
      </c>
      <c r="J6549" s="98">
        <v>0</v>
      </c>
      <c r="K6549" s="98">
        <v>0</v>
      </c>
      <c r="L6549" s="98">
        <v>1</v>
      </c>
      <c r="M6549" s="98">
        <v>0</v>
      </c>
      <c r="N6549" s="98">
        <v>0</v>
      </c>
      <c r="O6549" s="98">
        <v>0</v>
      </c>
      <c r="P6549" s="98">
        <v>1</v>
      </c>
      <c r="Q6549" s="98">
        <v>0</v>
      </c>
      <c r="R6549" s="98">
        <v>1</v>
      </c>
      <c r="S6549" s="98">
        <v>0</v>
      </c>
      <c r="T6549" s="98">
        <v>0</v>
      </c>
      <c r="U6549" s="99"/>
      <c r="V6549" s="99"/>
      <c r="W6549" s="99"/>
      <c r="X6549" s="99"/>
      <c r="Y6549" s="99"/>
      <c r="Z6549" s="99"/>
      <c r="AA6549" s="99"/>
      <c r="AB6549" s="99"/>
      <c r="AC6549" s="99"/>
      <c r="AD6549" s="99"/>
      <c r="AE6549" s="99"/>
      <c r="AF6549" s="99"/>
      <c r="AG6549" s="99"/>
      <c r="AH6549" s="99"/>
      <c r="AI6549" s="99"/>
      <c r="AJ6549" s="99"/>
      <c r="AK6549" s="99"/>
      <c r="AL6549" s="99"/>
      <c r="AM6549" s="99"/>
      <c r="AN6549" s="99"/>
      <c r="AO6549" s="99"/>
      <c r="AP6549" s="99"/>
      <c r="AQ6549" s="99"/>
      <c r="AR6549" s="99"/>
      <c r="AS6549" s="99"/>
      <c r="AT6549" s="99"/>
      <c r="AU6549" s="99"/>
      <c r="AV6549" s="99"/>
      <c r="AW6549" s="99"/>
      <c r="AX6549" s="99"/>
      <c r="AY6549" s="99"/>
      <c r="AZ6549" s="99"/>
      <c r="BA6549" s="99"/>
      <c r="BB6549" s="107">
        <v>45065</v>
      </c>
    </row>
    <row r="6550" spans="1:54" s="8" customFormat="1" ht="13.95" customHeight="1" x14ac:dyDescent="0.25">
      <c r="A6550" s="15" t="s">
        <v>15563</v>
      </c>
      <c r="B6550" s="110" t="s">
        <v>19886</v>
      </c>
      <c r="C6550" s="98" t="s">
        <v>15564</v>
      </c>
      <c r="D6550" s="98" t="s">
        <v>15565</v>
      </c>
      <c r="E6550" s="98">
        <v>1994</v>
      </c>
      <c r="F6550" s="98">
        <v>176</v>
      </c>
      <c r="G6550" s="98" t="s">
        <v>1</v>
      </c>
      <c r="H6550" s="98">
        <v>0</v>
      </c>
      <c r="I6550" s="98">
        <v>0</v>
      </c>
      <c r="J6550" s="98">
        <v>1</v>
      </c>
      <c r="K6550" s="98">
        <v>0</v>
      </c>
      <c r="L6550" s="98">
        <v>1</v>
      </c>
      <c r="M6550" s="98">
        <v>0</v>
      </c>
      <c r="N6550" s="98">
        <v>0</v>
      </c>
      <c r="O6550" s="98">
        <v>1</v>
      </c>
      <c r="P6550" s="98">
        <v>1</v>
      </c>
      <c r="Q6550" s="98">
        <v>0</v>
      </c>
      <c r="R6550" s="98">
        <v>0</v>
      </c>
      <c r="S6550" s="98">
        <v>0</v>
      </c>
      <c r="T6550" s="98">
        <v>0</v>
      </c>
      <c r="U6550" s="99"/>
      <c r="V6550" s="99"/>
      <c r="W6550" s="99"/>
      <c r="X6550" s="99"/>
      <c r="Y6550" s="99"/>
      <c r="Z6550" s="99"/>
      <c r="AA6550" s="99"/>
      <c r="AB6550" s="99"/>
      <c r="AC6550" s="99"/>
      <c r="AD6550" s="99"/>
      <c r="AE6550" s="99"/>
      <c r="AF6550" s="99"/>
      <c r="AG6550" s="99"/>
      <c r="AH6550" s="99"/>
      <c r="AI6550" s="99"/>
      <c r="AJ6550" s="99"/>
      <c r="AK6550" s="99"/>
      <c r="AL6550" s="99"/>
      <c r="AM6550" s="99"/>
      <c r="AN6550" s="99"/>
      <c r="AO6550" s="99"/>
      <c r="AP6550" s="99"/>
      <c r="AQ6550" s="99"/>
      <c r="AR6550" s="99"/>
      <c r="AS6550" s="99"/>
      <c r="AT6550" s="99"/>
      <c r="AU6550" s="99"/>
      <c r="AV6550" s="99"/>
      <c r="AW6550" s="99"/>
      <c r="AX6550" s="99"/>
      <c r="AY6550" s="99"/>
      <c r="AZ6550" s="99"/>
      <c r="BA6550" s="99"/>
      <c r="BB6550" s="107">
        <v>45065</v>
      </c>
    </row>
    <row r="6551" spans="1:54" s="8" customFormat="1" ht="13.95" customHeight="1" x14ac:dyDescent="0.25">
      <c r="A6551" s="15" t="s">
        <v>15566</v>
      </c>
      <c r="B6551" s="110" t="s">
        <v>19886</v>
      </c>
      <c r="C6551" s="98" t="s">
        <v>15567</v>
      </c>
      <c r="D6551" s="98" t="s">
        <v>15568</v>
      </c>
      <c r="E6551" s="98">
        <v>1997</v>
      </c>
      <c r="F6551" s="98">
        <v>180</v>
      </c>
      <c r="G6551" s="98" t="s">
        <v>1</v>
      </c>
      <c r="H6551" s="98">
        <v>0</v>
      </c>
      <c r="I6551" s="98">
        <v>0</v>
      </c>
      <c r="J6551" s="98">
        <v>1</v>
      </c>
      <c r="K6551" s="98">
        <v>0</v>
      </c>
      <c r="L6551" s="98">
        <v>0</v>
      </c>
      <c r="M6551" s="98">
        <v>0</v>
      </c>
      <c r="N6551" s="98">
        <v>0</v>
      </c>
      <c r="O6551" s="98">
        <v>0</v>
      </c>
      <c r="P6551" s="98">
        <v>0</v>
      </c>
      <c r="Q6551" s="98">
        <v>0</v>
      </c>
      <c r="R6551" s="98">
        <v>0</v>
      </c>
      <c r="S6551" s="98">
        <v>0</v>
      </c>
      <c r="T6551" s="98">
        <v>0</v>
      </c>
      <c r="U6551" s="99"/>
      <c r="V6551" s="99"/>
      <c r="W6551" s="99"/>
      <c r="X6551" s="99"/>
      <c r="Y6551" s="99"/>
      <c r="Z6551" s="99"/>
      <c r="AA6551" s="99"/>
      <c r="AB6551" s="99"/>
      <c r="AC6551" s="99"/>
      <c r="AD6551" s="99"/>
      <c r="AE6551" s="99"/>
      <c r="AF6551" s="99"/>
      <c r="AG6551" s="99"/>
      <c r="AH6551" s="99"/>
      <c r="AI6551" s="99"/>
      <c r="AJ6551" s="99"/>
      <c r="AK6551" s="99"/>
      <c r="AL6551" s="99"/>
      <c r="AM6551" s="99"/>
      <c r="AN6551" s="99"/>
      <c r="AO6551" s="99"/>
      <c r="AP6551" s="99"/>
      <c r="AQ6551" s="99"/>
      <c r="AR6551" s="99"/>
      <c r="AS6551" s="99"/>
      <c r="AT6551" s="99"/>
      <c r="AU6551" s="99"/>
      <c r="AV6551" s="99"/>
      <c r="AW6551" s="99"/>
      <c r="AX6551" s="99"/>
      <c r="AY6551" s="99"/>
      <c r="AZ6551" s="99"/>
      <c r="BA6551" s="99"/>
      <c r="BB6551" s="107">
        <v>45065</v>
      </c>
    </row>
    <row r="6552" spans="1:54" s="8" customFormat="1" ht="13.95" customHeight="1" x14ac:dyDescent="0.25">
      <c r="A6552" s="15" t="s">
        <v>15569</v>
      </c>
      <c r="B6552" s="110" t="s">
        <v>19886</v>
      </c>
      <c r="C6552" s="98" t="s">
        <v>15570</v>
      </c>
      <c r="D6552" s="98" t="s">
        <v>15571</v>
      </c>
      <c r="E6552" s="98">
        <v>1987</v>
      </c>
      <c r="F6552" s="98">
        <v>183</v>
      </c>
      <c r="G6552" s="98" t="s">
        <v>1</v>
      </c>
      <c r="H6552" s="98">
        <v>0</v>
      </c>
      <c r="I6552" s="98">
        <v>0</v>
      </c>
      <c r="J6552" s="98">
        <v>1</v>
      </c>
      <c r="K6552" s="98">
        <v>0</v>
      </c>
      <c r="L6552" s="98">
        <v>1</v>
      </c>
      <c r="M6552" s="98">
        <v>0</v>
      </c>
      <c r="N6552" s="98">
        <v>0</v>
      </c>
      <c r="O6552" s="98">
        <v>1</v>
      </c>
      <c r="P6552" s="98">
        <v>1</v>
      </c>
      <c r="Q6552" s="98">
        <v>0</v>
      </c>
      <c r="R6552" s="98">
        <v>0</v>
      </c>
      <c r="S6552" s="98">
        <v>0</v>
      </c>
      <c r="T6552" s="98">
        <v>0</v>
      </c>
      <c r="U6552" s="99"/>
      <c r="V6552" s="99"/>
      <c r="W6552" s="99"/>
      <c r="X6552" s="99"/>
      <c r="Y6552" s="99"/>
      <c r="Z6552" s="99"/>
      <c r="AA6552" s="99"/>
      <c r="AB6552" s="99"/>
      <c r="AC6552" s="99"/>
      <c r="AD6552" s="99"/>
      <c r="AE6552" s="99"/>
      <c r="AF6552" s="99"/>
      <c r="AG6552" s="99"/>
      <c r="AH6552" s="99"/>
      <c r="AI6552" s="99"/>
      <c r="AJ6552" s="99"/>
      <c r="AK6552" s="99"/>
      <c r="AL6552" s="99"/>
      <c r="AM6552" s="99"/>
      <c r="AN6552" s="99"/>
      <c r="AO6552" s="99"/>
      <c r="AP6552" s="99"/>
      <c r="AQ6552" s="99"/>
      <c r="AR6552" s="99"/>
      <c r="AS6552" s="99"/>
      <c r="AT6552" s="99"/>
      <c r="AU6552" s="99"/>
      <c r="AV6552" s="99"/>
      <c r="AW6552" s="99"/>
      <c r="AX6552" s="99"/>
      <c r="AY6552" s="99"/>
      <c r="AZ6552" s="99"/>
      <c r="BA6552" s="99"/>
      <c r="BB6552" s="107">
        <v>45065</v>
      </c>
    </row>
    <row r="6553" spans="1:54" s="8" customFormat="1" ht="13.95" customHeight="1" x14ac:dyDescent="0.25">
      <c r="A6553" s="15" t="s">
        <v>15572</v>
      </c>
      <c r="B6553" s="110" t="s">
        <v>19886</v>
      </c>
      <c r="C6553" s="98" t="s">
        <v>15573</v>
      </c>
      <c r="D6553" s="98" t="s">
        <v>15574</v>
      </c>
      <c r="E6553" s="98">
        <v>2000</v>
      </c>
      <c r="F6553" s="98">
        <v>190</v>
      </c>
      <c r="G6553" s="98" t="s">
        <v>1</v>
      </c>
      <c r="H6553" s="98">
        <v>0</v>
      </c>
      <c r="I6553" s="98">
        <v>0</v>
      </c>
      <c r="J6553" s="98">
        <v>1</v>
      </c>
      <c r="K6553" s="98">
        <v>1</v>
      </c>
      <c r="L6553" s="98">
        <v>0</v>
      </c>
      <c r="M6553" s="98">
        <v>0</v>
      </c>
      <c r="N6553" s="98">
        <v>0</v>
      </c>
      <c r="O6553" s="98">
        <v>0</v>
      </c>
      <c r="P6553" s="98">
        <v>1</v>
      </c>
      <c r="Q6553" s="98">
        <v>0</v>
      </c>
      <c r="R6553" s="98">
        <v>1</v>
      </c>
      <c r="S6553" s="98">
        <v>0</v>
      </c>
      <c r="T6553" s="98">
        <v>0</v>
      </c>
      <c r="U6553" s="99"/>
      <c r="V6553" s="99"/>
      <c r="W6553" s="99"/>
      <c r="X6553" s="99"/>
      <c r="Y6553" s="99"/>
      <c r="Z6553" s="99"/>
      <c r="AA6553" s="99"/>
      <c r="AB6553" s="99"/>
      <c r="AC6553" s="99"/>
      <c r="AD6553" s="99"/>
      <c r="AE6553" s="99"/>
      <c r="AF6553" s="99"/>
      <c r="AG6553" s="99"/>
      <c r="AH6553" s="99"/>
      <c r="AI6553" s="99"/>
      <c r="AJ6553" s="99"/>
      <c r="AK6553" s="99"/>
      <c r="AL6553" s="99"/>
      <c r="AM6553" s="99"/>
      <c r="AN6553" s="99"/>
      <c r="AO6553" s="99"/>
      <c r="AP6553" s="99"/>
      <c r="AQ6553" s="99"/>
      <c r="AR6553" s="99"/>
      <c r="AS6553" s="99"/>
      <c r="AT6553" s="99"/>
      <c r="AU6553" s="99"/>
      <c r="AV6553" s="99"/>
      <c r="AW6553" s="99"/>
      <c r="AX6553" s="99"/>
      <c r="AY6553" s="99"/>
      <c r="AZ6553" s="99"/>
      <c r="BA6553" s="99"/>
      <c r="BB6553" s="107">
        <v>45065</v>
      </c>
    </row>
    <row r="6554" spans="1:54" s="8" customFormat="1" ht="13.95" customHeight="1" x14ac:dyDescent="0.25">
      <c r="A6554" s="15" t="s">
        <v>15575</v>
      </c>
      <c r="B6554" s="110" t="s">
        <v>19886</v>
      </c>
      <c r="C6554" s="98" t="s">
        <v>15576</v>
      </c>
      <c r="D6554" s="98" t="s">
        <v>15577</v>
      </c>
      <c r="E6554" s="98">
        <v>1986</v>
      </c>
      <c r="F6554" s="98">
        <v>193</v>
      </c>
      <c r="G6554" s="98" t="s">
        <v>1</v>
      </c>
      <c r="H6554" s="98">
        <v>0</v>
      </c>
      <c r="I6554" s="98">
        <v>0</v>
      </c>
      <c r="J6554" s="98">
        <v>1</v>
      </c>
      <c r="K6554" s="98">
        <v>1</v>
      </c>
      <c r="L6554" s="98">
        <v>1</v>
      </c>
      <c r="M6554" s="98">
        <v>0</v>
      </c>
      <c r="N6554" s="98">
        <v>0</v>
      </c>
      <c r="O6554" s="98">
        <v>0</v>
      </c>
      <c r="P6554" s="98">
        <v>1</v>
      </c>
      <c r="Q6554" s="98">
        <v>0</v>
      </c>
      <c r="R6554" s="98">
        <v>1</v>
      </c>
      <c r="S6554" s="98">
        <v>0</v>
      </c>
      <c r="T6554" s="98">
        <v>0</v>
      </c>
      <c r="U6554" s="99"/>
      <c r="V6554" s="99"/>
      <c r="W6554" s="99"/>
      <c r="X6554" s="99"/>
      <c r="Y6554" s="99"/>
      <c r="Z6554" s="99"/>
      <c r="AA6554" s="99"/>
      <c r="AB6554" s="99"/>
      <c r="AC6554" s="99"/>
      <c r="AD6554" s="99"/>
      <c r="AE6554" s="99"/>
      <c r="AF6554" s="99"/>
      <c r="AG6554" s="99"/>
      <c r="AH6554" s="99"/>
      <c r="AI6554" s="99"/>
      <c r="AJ6554" s="99"/>
      <c r="AK6554" s="99"/>
      <c r="AL6554" s="99"/>
      <c r="AM6554" s="99"/>
      <c r="AN6554" s="99"/>
      <c r="AO6554" s="99"/>
      <c r="AP6554" s="99"/>
      <c r="AQ6554" s="99"/>
      <c r="AR6554" s="99"/>
      <c r="AS6554" s="99"/>
      <c r="AT6554" s="99"/>
      <c r="AU6554" s="99"/>
      <c r="AV6554" s="99"/>
      <c r="AW6554" s="99"/>
      <c r="AX6554" s="99"/>
      <c r="AY6554" s="99"/>
      <c r="AZ6554" s="99"/>
      <c r="BA6554" s="99"/>
      <c r="BB6554" s="107">
        <v>45065</v>
      </c>
    </row>
    <row r="6555" spans="1:54" s="8" customFormat="1" ht="13.95" customHeight="1" x14ac:dyDescent="0.25">
      <c r="A6555" s="15" t="s">
        <v>15578</v>
      </c>
      <c r="B6555" s="110" t="s">
        <v>19886</v>
      </c>
      <c r="C6555" s="98" t="s">
        <v>15579</v>
      </c>
      <c r="D6555" s="98" t="s">
        <v>15580</v>
      </c>
      <c r="E6555" s="98">
        <v>1986</v>
      </c>
      <c r="F6555" s="98">
        <v>196</v>
      </c>
      <c r="G6555" s="98" t="s">
        <v>1</v>
      </c>
      <c r="H6555" s="98">
        <v>0</v>
      </c>
      <c r="I6555" s="98">
        <v>0</v>
      </c>
      <c r="J6555" s="98">
        <v>1</v>
      </c>
      <c r="K6555" s="98">
        <v>1</v>
      </c>
      <c r="L6555" s="98">
        <v>1</v>
      </c>
      <c r="M6555" s="98">
        <v>0</v>
      </c>
      <c r="N6555" s="98">
        <v>0</v>
      </c>
      <c r="O6555" s="98">
        <v>1</v>
      </c>
      <c r="P6555" s="98">
        <v>1</v>
      </c>
      <c r="Q6555" s="98">
        <v>0</v>
      </c>
      <c r="R6555" s="98">
        <v>0</v>
      </c>
      <c r="S6555" s="98">
        <v>0</v>
      </c>
      <c r="T6555" s="98">
        <v>0</v>
      </c>
      <c r="U6555" s="99"/>
      <c r="V6555" s="99"/>
      <c r="W6555" s="99"/>
      <c r="X6555" s="99"/>
      <c r="Y6555" s="99"/>
      <c r="Z6555" s="99"/>
      <c r="AA6555" s="99"/>
      <c r="AB6555" s="99"/>
      <c r="AC6555" s="99"/>
      <c r="AD6555" s="99"/>
      <c r="AE6555" s="99"/>
      <c r="AF6555" s="99"/>
      <c r="AG6555" s="99"/>
      <c r="AH6555" s="99"/>
      <c r="AI6555" s="99"/>
      <c r="AJ6555" s="99"/>
      <c r="AK6555" s="99"/>
      <c r="AL6555" s="99"/>
      <c r="AM6555" s="99"/>
      <c r="AN6555" s="99"/>
      <c r="AO6555" s="99"/>
      <c r="AP6555" s="99"/>
      <c r="AQ6555" s="99"/>
      <c r="AR6555" s="99"/>
      <c r="AS6555" s="99"/>
      <c r="AT6555" s="99"/>
      <c r="AU6555" s="99"/>
      <c r="AV6555" s="99"/>
      <c r="AW6555" s="99"/>
      <c r="AX6555" s="99"/>
      <c r="AY6555" s="99"/>
      <c r="AZ6555" s="99"/>
      <c r="BA6555" s="99"/>
      <c r="BB6555" s="107">
        <v>45065</v>
      </c>
    </row>
    <row r="6556" spans="1:54" s="8" customFormat="1" ht="13.95" customHeight="1" x14ac:dyDescent="0.25">
      <c r="A6556" s="15" t="s">
        <v>15581</v>
      </c>
      <c r="B6556" s="110" t="s">
        <v>19886</v>
      </c>
      <c r="C6556" s="98" t="s">
        <v>15582</v>
      </c>
      <c r="D6556" s="98" t="s">
        <v>15583</v>
      </c>
      <c r="E6556" s="98">
        <v>1986</v>
      </c>
      <c r="F6556" s="98">
        <v>196</v>
      </c>
      <c r="G6556" s="98" t="s">
        <v>1</v>
      </c>
      <c r="H6556" s="98">
        <v>0</v>
      </c>
      <c r="I6556" s="98">
        <v>0</v>
      </c>
      <c r="J6556" s="98">
        <v>0</v>
      </c>
      <c r="K6556" s="98">
        <v>0</v>
      </c>
      <c r="L6556" s="98">
        <v>0</v>
      </c>
      <c r="M6556" s="98">
        <v>0</v>
      </c>
      <c r="N6556" s="98">
        <v>0</v>
      </c>
      <c r="O6556" s="98">
        <v>1</v>
      </c>
      <c r="P6556" s="98">
        <v>0</v>
      </c>
      <c r="Q6556" s="98">
        <v>1</v>
      </c>
      <c r="R6556" s="98">
        <v>1</v>
      </c>
      <c r="S6556" s="98">
        <v>0</v>
      </c>
      <c r="T6556" s="98">
        <v>0</v>
      </c>
      <c r="U6556" s="99"/>
      <c r="V6556" s="99"/>
      <c r="W6556" s="99"/>
      <c r="X6556" s="99"/>
      <c r="Y6556" s="99"/>
      <c r="Z6556" s="99"/>
      <c r="AA6556" s="99"/>
      <c r="AB6556" s="99"/>
      <c r="AC6556" s="99"/>
      <c r="AD6556" s="99"/>
      <c r="AE6556" s="99"/>
      <c r="AF6556" s="99"/>
      <c r="AG6556" s="99"/>
      <c r="AH6556" s="99"/>
      <c r="AI6556" s="99"/>
      <c r="AJ6556" s="99"/>
      <c r="AK6556" s="99"/>
      <c r="AL6556" s="99"/>
      <c r="AM6556" s="99"/>
      <c r="AN6556" s="99"/>
      <c r="AO6556" s="99"/>
      <c r="AP6556" s="99"/>
      <c r="AQ6556" s="99"/>
      <c r="AR6556" s="99"/>
      <c r="AS6556" s="99"/>
      <c r="AT6556" s="99"/>
      <c r="AU6556" s="99"/>
      <c r="AV6556" s="99"/>
      <c r="AW6556" s="99"/>
      <c r="AX6556" s="99"/>
      <c r="AY6556" s="99"/>
      <c r="AZ6556" s="99"/>
      <c r="BA6556" s="99"/>
      <c r="BB6556" s="107">
        <v>45065</v>
      </c>
    </row>
    <row r="6557" spans="1:54" s="8" customFormat="1" ht="13.95" customHeight="1" x14ac:dyDescent="0.25">
      <c r="A6557" s="15" t="s">
        <v>15584</v>
      </c>
      <c r="B6557" s="110" t="s">
        <v>19886</v>
      </c>
      <c r="C6557" s="98" t="s">
        <v>15585</v>
      </c>
      <c r="D6557" s="98" t="s">
        <v>15586</v>
      </c>
      <c r="E6557" s="98">
        <v>1986</v>
      </c>
      <c r="F6557" s="98">
        <v>200</v>
      </c>
      <c r="G6557" s="98" t="s">
        <v>1</v>
      </c>
      <c r="H6557" s="98">
        <v>0</v>
      </c>
      <c r="I6557" s="98">
        <v>0</v>
      </c>
      <c r="J6557" s="98">
        <v>0</v>
      </c>
      <c r="K6557" s="98">
        <v>0</v>
      </c>
      <c r="L6557" s="98">
        <v>1</v>
      </c>
      <c r="M6557" s="98">
        <v>0</v>
      </c>
      <c r="N6557" s="98">
        <v>0</v>
      </c>
      <c r="O6557" s="98">
        <v>0</v>
      </c>
      <c r="P6557" s="98">
        <v>1</v>
      </c>
      <c r="Q6557" s="98">
        <v>0</v>
      </c>
      <c r="R6557" s="98">
        <v>1</v>
      </c>
      <c r="S6557" s="98">
        <v>0</v>
      </c>
      <c r="T6557" s="98">
        <v>0</v>
      </c>
      <c r="U6557" s="99"/>
      <c r="V6557" s="99"/>
      <c r="W6557" s="99"/>
      <c r="X6557" s="99"/>
      <c r="Y6557" s="99"/>
      <c r="Z6557" s="99"/>
      <c r="AA6557" s="99"/>
      <c r="AB6557" s="99"/>
      <c r="AC6557" s="99"/>
      <c r="AD6557" s="99"/>
      <c r="AE6557" s="99"/>
      <c r="AF6557" s="99"/>
      <c r="AG6557" s="99"/>
      <c r="AH6557" s="99"/>
      <c r="AI6557" s="99"/>
      <c r="AJ6557" s="99"/>
      <c r="AK6557" s="99"/>
      <c r="AL6557" s="99"/>
      <c r="AM6557" s="99"/>
      <c r="AN6557" s="99"/>
      <c r="AO6557" s="99"/>
      <c r="AP6557" s="99"/>
      <c r="AQ6557" s="99"/>
      <c r="AR6557" s="99"/>
      <c r="AS6557" s="99"/>
      <c r="AT6557" s="99"/>
      <c r="AU6557" s="99"/>
      <c r="AV6557" s="99"/>
      <c r="AW6557" s="99"/>
      <c r="AX6557" s="99"/>
      <c r="AY6557" s="99"/>
      <c r="AZ6557" s="99"/>
      <c r="BA6557" s="99"/>
      <c r="BB6557" s="107">
        <v>45065</v>
      </c>
    </row>
    <row r="6558" spans="1:54" s="8" customFormat="1" ht="13.95" customHeight="1" x14ac:dyDescent="0.25">
      <c r="A6558" s="15" t="s">
        <v>15587</v>
      </c>
      <c r="B6558" s="110" t="s">
        <v>19886</v>
      </c>
      <c r="C6558" s="98" t="s">
        <v>15588</v>
      </c>
      <c r="D6558" s="98" t="s">
        <v>15589</v>
      </c>
      <c r="E6558" s="98">
        <v>1986</v>
      </c>
      <c r="F6558" s="98">
        <v>213</v>
      </c>
      <c r="G6558" s="98" t="s">
        <v>1</v>
      </c>
      <c r="H6558" s="98">
        <v>0</v>
      </c>
      <c r="I6558" s="98">
        <v>0</v>
      </c>
      <c r="J6558" s="98">
        <v>1</v>
      </c>
      <c r="K6558" s="98">
        <v>0</v>
      </c>
      <c r="L6558" s="98">
        <v>1</v>
      </c>
      <c r="M6558" s="98">
        <v>0</v>
      </c>
      <c r="N6558" s="98">
        <v>0</v>
      </c>
      <c r="O6558" s="98">
        <v>0</v>
      </c>
      <c r="P6558" s="98">
        <v>1</v>
      </c>
      <c r="Q6558" s="98">
        <v>0</v>
      </c>
      <c r="R6558" s="98">
        <v>1</v>
      </c>
      <c r="S6558" s="98">
        <v>0</v>
      </c>
      <c r="T6558" s="98">
        <v>0</v>
      </c>
      <c r="U6558" s="99"/>
      <c r="V6558" s="99"/>
      <c r="W6558" s="99"/>
      <c r="X6558" s="99"/>
      <c r="Y6558" s="99"/>
      <c r="Z6558" s="99"/>
      <c r="AA6558" s="99"/>
      <c r="AB6558" s="99"/>
      <c r="AC6558" s="99"/>
      <c r="AD6558" s="99"/>
      <c r="AE6558" s="99"/>
      <c r="AF6558" s="99"/>
      <c r="AG6558" s="99"/>
      <c r="AH6558" s="99"/>
      <c r="AI6558" s="99"/>
      <c r="AJ6558" s="99"/>
      <c r="AK6558" s="99"/>
      <c r="AL6558" s="99"/>
      <c r="AM6558" s="99"/>
      <c r="AN6558" s="99"/>
      <c r="AO6558" s="99"/>
      <c r="AP6558" s="99"/>
      <c r="AQ6558" s="99"/>
      <c r="AR6558" s="99"/>
      <c r="AS6558" s="99"/>
      <c r="AT6558" s="99"/>
      <c r="AU6558" s="99"/>
      <c r="AV6558" s="99"/>
      <c r="AW6558" s="99"/>
      <c r="AX6558" s="99"/>
      <c r="AY6558" s="99"/>
      <c r="AZ6558" s="99"/>
      <c r="BA6558" s="99"/>
      <c r="BB6558" s="107">
        <v>45065</v>
      </c>
    </row>
    <row r="6559" spans="1:54" s="8" customFormat="1" ht="13.95" customHeight="1" x14ac:dyDescent="0.25">
      <c r="A6559" s="15" t="s">
        <v>15590</v>
      </c>
      <c r="B6559" s="110" t="s">
        <v>19886</v>
      </c>
      <c r="C6559" s="98" t="s">
        <v>15591</v>
      </c>
      <c r="D6559" s="98" t="s">
        <v>15592</v>
      </c>
      <c r="E6559" s="98">
        <v>1999</v>
      </c>
      <c r="F6559" s="98">
        <v>216</v>
      </c>
      <c r="G6559" s="98" t="s">
        <v>1</v>
      </c>
      <c r="H6559" s="98">
        <v>0</v>
      </c>
      <c r="I6559" s="98">
        <v>0</v>
      </c>
      <c r="J6559" s="98">
        <v>1</v>
      </c>
      <c r="K6559" s="98">
        <v>1</v>
      </c>
      <c r="L6559" s="98">
        <v>0</v>
      </c>
      <c r="M6559" s="98">
        <v>0</v>
      </c>
      <c r="N6559" s="98">
        <v>0</v>
      </c>
      <c r="O6559" s="98">
        <v>0</v>
      </c>
      <c r="P6559" s="98">
        <v>0</v>
      </c>
      <c r="Q6559" s="98">
        <v>0</v>
      </c>
      <c r="R6559" s="98">
        <v>1</v>
      </c>
      <c r="S6559" s="98">
        <v>0</v>
      </c>
      <c r="T6559" s="98">
        <v>0</v>
      </c>
      <c r="U6559" s="99"/>
      <c r="V6559" s="99"/>
      <c r="W6559" s="99"/>
      <c r="X6559" s="99"/>
      <c r="Y6559" s="99"/>
      <c r="Z6559" s="99"/>
      <c r="AA6559" s="99"/>
      <c r="AB6559" s="99"/>
      <c r="AC6559" s="99"/>
      <c r="AD6559" s="99"/>
      <c r="AE6559" s="99"/>
      <c r="AF6559" s="99"/>
      <c r="AG6559" s="99"/>
      <c r="AH6559" s="99"/>
      <c r="AI6559" s="99"/>
      <c r="AJ6559" s="99"/>
      <c r="AK6559" s="99"/>
      <c r="AL6559" s="99"/>
      <c r="AM6559" s="99"/>
      <c r="AN6559" s="99"/>
      <c r="AO6559" s="99"/>
      <c r="AP6559" s="99"/>
      <c r="AQ6559" s="99"/>
      <c r="AR6559" s="99"/>
      <c r="AS6559" s="99"/>
      <c r="AT6559" s="99"/>
      <c r="AU6559" s="99"/>
      <c r="AV6559" s="99"/>
      <c r="AW6559" s="99"/>
      <c r="AX6559" s="99"/>
      <c r="AY6559" s="99"/>
      <c r="AZ6559" s="99"/>
      <c r="BA6559" s="99"/>
      <c r="BB6559" s="107">
        <v>45065</v>
      </c>
    </row>
    <row r="6560" spans="1:54" s="8" customFormat="1" ht="13.95" customHeight="1" x14ac:dyDescent="0.25">
      <c r="A6560" s="15" t="s">
        <v>15593</v>
      </c>
      <c r="B6560" s="110" t="s">
        <v>19886</v>
      </c>
      <c r="C6560" s="98" t="s">
        <v>15594</v>
      </c>
      <c r="D6560" s="98" t="s">
        <v>15595</v>
      </c>
      <c r="E6560" s="98">
        <v>1997</v>
      </c>
      <c r="F6560" s="98">
        <v>216</v>
      </c>
      <c r="G6560" s="98" t="s">
        <v>1</v>
      </c>
      <c r="H6560" s="98">
        <v>0</v>
      </c>
      <c r="I6560" s="98">
        <v>0</v>
      </c>
      <c r="J6560" s="98">
        <v>1</v>
      </c>
      <c r="K6560" s="98">
        <v>1</v>
      </c>
      <c r="L6560" s="98">
        <v>1</v>
      </c>
      <c r="M6560" s="98">
        <v>0</v>
      </c>
      <c r="N6560" s="98">
        <v>0</v>
      </c>
      <c r="O6560" s="98">
        <v>1</v>
      </c>
      <c r="P6560" s="98">
        <v>0</v>
      </c>
      <c r="Q6560" s="98">
        <v>0</v>
      </c>
      <c r="R6560" s="98">
        <v>1</v>
      </c>
      <c r="S6560" s="98">
        <v>0</v>
      </c>
      <c r="T6560" s="98">
        <v>0</v>
      </c>
      <c r="U6560" s="99"/>
      <c r="V6560" s="99"/>
      <c r="W6560" s="99"/>
      <c r="X6560" s="99"/>
      <c r="Y6560" s="99"/>
      <c r="Z6560" s="99"/>
      <c r="AA6560" s="99"/>
      <c r="AB6560" s="99"/>
      <c r="AC6560" s="99"/>
      <c r="AD6560" s="99"/>
      <c r="AE6560" s="99"/>
      <c r="AF6560" s="99"/>
      <c r="AG6560" s="99"/>
      <c r="AH6560" s="99"/>
      <c r="AI6560" s="99"/>
      <c r="AJ6560" s="99"/>
      <c r="AK6560" s="99"/>
      <c r="AL6560" s="99"/>
      <c r="AM6560" s="99"/>
      <c r="AN6560" s="99"/>
      <c r="AO6560" s="99"/>
      <c r="AP6560" s="99"/>
      <c r="AQ6560" s="99"/>
      <c r="AR6560" s="99"/>
      <c r="AS6560" s="99"/>
      <c r="AT6560" s="99"/>
      <c r="AU6560" s="99"/>
      <c r="AV6560" s="99"/>
      <c r="AW6560" s="99"/>
      <c r="AX6560" s="99"/>
      <c r="AY6560" s="99"/>
      <c r="AZ6560" s="99"/>
      <c r="BA6560" s="99"/>
      <c r="BB6560" s="107">
        <v>45065</v>
      </c>
    </row>
    <row r="6561" spans="1:54" s="8" customFormat="1" ht="13.95" customHeight="1" x14ac:dyDescent="0.25">
      <c r="A6561" s="15" t="s">
        <v>15596</v>
      </c>
      <c r="B6561" s="110" t="s">
        <v>19886</v>
      </c>
      <c r="C6561" s="98" t="s">
        <v>15597</v>
      </c>
      <c r="D6561" s="98" t="s">
        <v>15598</v>
      </c>
      <c r="E6561" s="98">
        <v>1990</v>
      </c>
      <c r="F6561" s="98">
        <v>224</v>
      </c>
      <c r="G6561" s="98" t="s">
        <v>1</v>
      </c>
      <c r="H6561" s="98">
        <v>0</v>
      </c>
      <c r="I6561" s="98">
        <v>0</v>
      </c>
      <c r="J6561" s="98">
        <v>1</v>
      </c>
      <c r="K6561" s="98">
        <v>0</v>
      </c>
      <c r="L6561" s="98">
        <v>1</v>
      </c>
      <c r="M6561" s="98">
        <v>0</v>
      </c>
      <c r="N6561" s="98">
        <v>0</v>
      </c>
      <c r="O6561" s="98">
        <v>1</v>
      </c>
      <c r="P6561" s="98">
        <v>1</v>
      </c>
      <c r="Q6561" s="98">
        <v>0</v>
      </c>
      <c r="R6561" s="98">
        <v>0</v>
      </c>
      <c r="S6561" s="98">
        <v>0</v>
      </c>
      <c r="T6561" s="98">
        <v>0</v>
      </c>
      <c r="U6561" s="99"/>
      <c r="V6561" s="99"/>
      <c r="W6561" s="99"/>
      <c r="X6561" s="99"/>
      <c r="Y6561" s="99"/>
      <c r="Z6561" s="99"/>
      <c r="AA6561" s="99"/>
      <c r="AB6561" s="99"/>
      <c r="AC6561" s="99"/>
      <c r="AD6561" s="99"/>
      <c r="AE6561" s="99"/>
      <c r="AF6561" s="99"/>
      <c r="AG6561" s="99"/>
      <c r="AH6561" s="99"/>
      <c r="AI6561" s="99"/>
      <c r="AJ6561" s="99"/>
      <c r="AK6561" s="99"/>
      <c r="AL6561" s="99"/>
      <c r="AM6561" s="99"/>
      <c r="AN6561" s="99"/>
      <c r="AO6561" s="99"/>
      <c r="AP6561" s="99"/>
      <c r="AQ6561" s="99"/>
      <c r="AR6561" s="99"/>
      <c r="AS6561" s="99"/>
      <c r="AT6561" s="99"/>
      <c r="AU6561" s="99"/>
      <c r="AV6561" s="99"/>
      <c r="AW6561" s="99"/>
      <c r="AX6561" s="99"/>
      <c r="AY6561" s="99"/>
      <c r="AZ6561" s="99"/>
      <c r="BA6561" s="99"/>
      <c r="BB6561" s="107">
        <v>45065</v>
      </c>
    </row>
    <row r="6562" spans="1:54" s="8" customFormat="1" ht="13.95" customHeight="1" x14ac:dyDescent="0.25">
      <c r="A6562" s="15" t="s">
        <v>15599</v>
      </c>
      <c r="B6562" s="110" t="s">
        <v>19886</v>
      </c>
      <c r="C6562" s="98" t="s">
        <v>15600</v>
      </c>
      <c r="D6562" s="98" t="s">
        <v>15601</v>
      </c>
      <c r="E6562" s="98">
        <v>1997</v>
      </c>
      <c r="F6562" s="98">
        <v>224</v>
      </c>
      <c r="G6562" s="98" t="s">
        <v>1</v>
      </c>
      <c r="H6562" s="98">
        <v>0</v>
      </c>
      <c r="I6562" s="98">
        <v>0</v>
      </c>
      <c r="J6562" s="98">
        <v>1</v>
      </c>
      <c r="K6562" s="98">
        <v>1</v>
      </c>
      <c r="L6562" s="98">
        <v>1</v>
      </c>
      <c r="M6562" s="98">
        <v>0</v>
      </c>
      <c r="N6562" s="98">
        <v>0</v>
      </c>
      <c r="O6562" s="98">
        <v>0</v>
      </c>
      <c r="P6562" s="98">
        <v>0</v>
      </c>
      <c r="Q6562" s="98">
        <v>0</v>
      </c>
      <c r="R6562" s="98">
        <v>1</v>
      </c>
      <c r="S6562" s="98">
        <v>0</v>
      </c>
      <c r="T6562" s="98">
        <v>0</v>
      </c>
      <c r="U6562" s="99"/>
      <c r="V6562" s="99"/>
      <c r="W6562" s="99"/>
      <c r="X6562" s="99"/>
      <c r="Y6562" s="99"/>
      <c r="Z6562" s="99"/>
      <c r="AA6562" s="99"/>
      <c r="AB6562" s="99"/>
      <c r="AC6562" s="99"/>
      <c r="AD6562" s="99"/>
      <c r="AE6562" s="99"/>
      <c r="AF6562" s="99"/>
      <c r="AG6562" s="99"/>
      <c r="AH6562" s="99"/>
      <c r="AI6562" s="99"/>
      <c r="AJ6562" s="99"/>
      <c r="AK6562" s="99"/>
      <c r="AL6562" s="99"/>
      <c r="AM6562" s="99"/>
      <c r="AN6562" s="99"/>
      <c r="AO6562" s="99"/>
      <c r="AP6562" s="99"/>
      <c r="AQ6562" s="99"/>
      <c r="AR6562" s="99"/>
      <c r="AS6562" s="99"/>
      <c r="AT6562" s="99"/>
      <c r="AU6562" s="99"/>
      <c r="AV6562" s="99"/>
      <c r="AW6562" s="99"/>
      <c r="AX6562" s="99"/>
      <c r="AY6562" s="99"/>
      <c r="AZ6562" s="99"/>
      <c r="BA6562" s="99"/>
      <c r="BB6562" s="107">
        <v>45065</v>
      </c>
    </row>
    <row r="6563" spans="1:54" s="8" customFormat="1" ht="13.95" customHeight="1" x14ac:dyDescent="0.25">
      <c r="A6563" s="15" t="s">
        <v>15602</v>
      </c>
      <c r="B6563" s="110" t="s">
        <v>19886</v>
      </c>
      <c r="C6563" s="98" t="s">
        <v>15603</v>
      </c>
      <c r="D6563" s="98" t="s">
        <v>15604</v>
      </c>
      <c r="E6563" s="98">
        <v>1993</v>
      </c>
      <c r="F6563" s="98">
        <v>226</v>
      </c>
      <c r="G6563" s="98" t="s">
        <v>1</v>
      </c>
      <c r="H6563" s="98">
        <v>0</v>
      </c>
      <c r="I6563" s="98">
        <v>0</v>
      </c>
      <c r="J6563" s="98">
        <v>1</v>
      </c>
      <c r="K6563" s="98">
        <v>0</v>
      </c>
      <c r="L6563" s="98">
        <v>0</v>
      </c>
      <c r="M6563" s="98">
        <v>1</v>
      </c>
      <c r="N6563" s="98">
        <v>0</v>
      </c>
      <c r="O6563" s="98">
        <v>0</v>
      </c>
      <c r="P6563" s="98">
        <v>1</v>
      </c>
      <c r="Q6563" s="98">
        <v>0</v>
      </c>
      <c r="R6563" s="98">
        <v>0</v>
      </c>
      <c r="S6563" s="98">
        <v>0</v>
      </c>
      <c r="T6563" s="98">
        <v>0</v>
      </c>
      <c r="U6563" s="99"/>
      <c r="V6563" s="99"/>
      <c r="W6563" s="99"/>
      <c r="X6563" s="99"/>
      <c r="Y6563" s="99"/>
      <c r="Z6563" s="99"/>
      <c r="AA6563" s="99"/>
      <c r="AB6563" s="99"/>
      <c r="AC6563" s="99"/>
      <c r="AD6563" s="99"/>
      <c r="AE6563" s="99"/>
      <c r="AF6563" s="99"/>
      <c r="AG6563" s="99"/>
      <c r="AH6563" s="99"/>
      <c r="AI6563" s="99"/>
      <c r="AJ6563" s="99"/>
      <c r="AK6563" s="99"/>
      <c r="AL6563" s="99"/>
      <c r="AM6563" s="99"/>
      <c r="AN6563" s="99"/>
      <c r="AO6563" s="99"/>
      <c r="AP6563" s="99"/>
      <c r="AQ6563" s="99"/>
      <c r="AR6563" s="99"/>
      <c r="AS6563" s="99"/>
      <c r="AT6563" s="99"/>
      <c r="AU6563" s="99"/>
      <c r="AV6563" s="99"/>
      <c r="AW6563" s="99"/>
      <c r="AX6563" s="99"/>
      <c r="AY6563" s="99"/>
      <c r="AZ6563" s="99"/>
      <c r="BA6563" s="99"/>
      <c r="BB6563" s="107">
        <v>45065</v>
      </c>
    </row>
    <row r="6564" spans="1:54" s="8" customFormat="1" ht="13.95" customHeight="1" x14ac:dyDescent="0.25">
      <c r="A6564" s="15" t="s">
        <v>15605</v>
      </c>
      <c r="B6564" s="110" t="s">
        <v>19886</v>
      </c>
      <c r="C6564" s="98" t="s">
        <v>15606</v>
      </c>
      <c r="D6564" s="98" t="s">
        <v>15607</v>
      </c>
      <c r="E6564" s="98">
        <v>1996</v>
      </c>
      <c r="F6564" s="98">
        <v>235</v>
      </c>
      <c r="G6564" s="98" t="s">
        <v>1</v>
      </c>
      <c r="H6564" s="98">
        <v>0</v>
      </c>
      <c r="I6564" s="98">
        <v>0</v>
      </c>
      <c r="J6564" s="98">
        <v>1</v>
      </c>
      <c r="K6564" s="98">
        <v>1</v>
      </c>
      <c r="L6564" s="98">
        <v>0</v>
      </c>
      <c r="M6564" s="98">
        <v>0</v>
      </c>
      <c r="N6564" s="98">
        <v>0</v>
      </c>
      <c r="O6564" s="98">
        <v>0</v>
      </c>
      <c r="P6564" s="98">
        <v>1</v>
      </c>
      <c r="Q6564" s="98">
        <v>0</v>
      </c>
      <c r="R6564" s="98">
        <v>1</v>
      </c>
      <c r="S6564" s="98">
        <v>0</v>
      </c>
      <c r="T6564" s="98">
        <v>0</v>
      </c>
      <c r="U6564" s="99"/>
      <c r="V6564" s="99"/>
      <c r="W6564" s="99"/>
      <c r="X6564" s="99"/>
      <c r="Y6564" s="99"/>
      <c r="Z6564" s="99"/>
      <c r="AA6564" s="99"/>
      <c r="AB6564" s="99"/>
      <c r="AC6564" s="99"/>
      <c r="AD6564" s="99"/>
      <c r="AE6564" s="99"/>
      <c r="AF6564" s="99"/>
      <c r="AG6564" s="99"/>
      <c r="AH6564" s="99"/>
      <c r="AI6564" s="99"/>
      <c r="AJ6564" s="99"/>
      <c r="AK6564" s="99"/>
      <c r="AL6564" s="99"/>
      <c r="AM6564" s="99"/>
      <c r="AN6564" s="99"/>
      <c r="AO6564" s="99"/>
      <c r="AP6564" s="99"/>
      <c r="AQ6564" s="99"/>
      <c r="AR6564" s="99"/>
      <c r="AS6564" s="99"/>
      <c r="AT6564" s="99"/>
      <c r="AU6564" s="99"/>
      <c r="AV6564" s="99"/>
      <c r="AW6564" s="99"/>
      <c r="AX6564" s="99"/>
      <c r="AY6564" s="99"/>
      <c r="AZ6564" s="99"/>
      <c r="BA6564" s="99"/>
      <c r="BB6564" s="107">
        <v>45065</v>
      </c>
    </row>
    <row r="6565" spans="1:54" s="8" customFormat="1" ht="13.95" customHeight="1" x14ac:dyDescent="0.25">
      <c r="A6565" s="15" t="s">
        <v>15608</v>
      </c>
      <c r="B6565" s="110" t="s">
        <v>19886</v>
      </c>
      <c r="C6565" s="98" t="s">
        <v>15609</v>
      </c>
      <c r="D6565" s="98" t="s">
        <v>15610</v>
      </c>
      <c r="E6565" s="98">
        <v>1987</v>
      </c>
      <c r="F6565" s="98">
        <v>235</v>
      </c>
      <c r="G6565" s="98" t="s">
        <v>1</v>
      </c>
      <c r="H6565" s="98">
        <v>0</v>
      </c>
      <c r="I6565" s="98">
        <v>0</v>
      </c>
      <c r="J6565" s="98">
        <v>0</v>
      </c>
      <c r="K6565" s="98">
        <v>0</v>
      </c>
      <c r="L6565" s="98">
        <v>1</v>
      </c>
      <c r="M6565" s="98">
        <v>0</v>
      </c>
      <c r="N6565" s="98">
        <v>0</v>
      </c>
      <c r="O6565" s="98">
        <v>1</v>
      </c>
      <c r="P6565" s="98">
        <v>1</v>
      </c>
      <c r="Q6565" s="98">
        <v>0</v>
      </c>
      <c r="R6565" s="98">
        <v>0</v>
      </c>
      <c r="S6565" s="98">
        <v>0</v>
      </c>
      <c r="T6565" s="98">
        <v>0</v>
      </c>
      <c r="U6565" s="99"/>
      <c r="V6565" s="99"/>
      <c r="W6565" s="99"/>
      <c r="X6565" s="99"/>
      <c r="Y6565" s="99"/>
      <c r="Z6565" s="99"/>
      <c r="AA6565" s="99"/>
      <c r="AB6565" s="99"/>
      <c r="AC6565" s="99"/>
      <c r="AD6565" s="99"/>
      <c r="AE6565" s="99"/>
      <c r="AF6565" s="99"/>
      <c r="AG6565" s="99"/>
      <c r="AH6565" s="99"/>
      <c r="AI6565" s="99"/>
      <c r="AJ6565" s="99"/>
      <c r="AK6565" s="99"/>
      <c r="AL6565" s="99"/>
      <c r="AM6565" s="99"/>
      <c r="AN6565" s="99"/>
      <c r="AO6565" s="99"/>
      <c r="AP6565" s="99"/>
      <c r="AQ6565" s="99"/>
      <c r="AR6565" s="99"/>
      <c r="AS6565" s="99"/>
      <c r="AT6565" s="99"/>
      <c r="AU6565" s="99"/>
      <c r="AV6565" s="99"/>
      <c r="AW6565" s="99"/>
      <c r="AX6565" s="99"/>
      <c r="AY6565" s="99"/>
      <c r="AZ6565" s="99"/>
      <c r="BA6565" s="99"/>
      <c r="BB6565" s="107">
        <v>45065</v>
      </c>
    </row>
    <row r="6566" spans="1:54" s="8" customFormat="1" ht="13.95" customHeight="1" x14ac:dyDescent="0.25">
      <c r="A6566" s="15" t="s">
        <v>15611</v>
      </c>
      <c r="B6566" s="110" t="s">
        <v>19886</v>
      </c>
      <c r="C6566" s="98" t="s">
        <v>15612</v>
      </c>
      <c r="D6566" s="98" t="s">
        <v>15613</v>
      </c>
      <c r="E6566" s="98">
        <v>1986</v>
      </c>
      <c r="F6566" s="98">
        <v>240</v>
      </c>
      <c r="G6566" s="98" t="s">
        <v>1</v>
      </c>
      <c r="H6566" s="98">
        <v>0</v>
      </c>
      <c r="I6566" s="98">
        <v>0</v>
      </c>
      <c r="J6566" s="98">
        <v>1</v>
      </c>
      <c r="K6566" s="98">
        <v>0</v>
      </c>
      <c r="L6566" s="98">
        <v>1</v>
      </c>
      <c r="M6566" s="98">
        <v>0</v>
      </c>
      <c r="N6566" s="98">
        <v>0</v>
      </c>
      <c r="O6566" s="98">
        <v>0</v>
      </c>
      <c r="P6566" s="98">
        <v>1</v>
      </c>
      <c r="Q6566" s="98">
        <v>0</v>
      </c>
      <c r="R6566" s="98">
        <v>1</v>
      </c>
      <c r="S6566" s="98">
        <v>0</v>
      </c>
      <c r="T6566" s="98">
        <v>0</v>
      </c>
      <c r="U6566" s="99"/>
      <c r="V6566" s="99"/>
      <c r="W6566" s="99"/>
      <c r="X6566" s="99"/>
      <c r="Y6566" s="99"/>
      <c r="Z6566" s="99"/>
      <c r="AA6566" s="99"/>
      <c r="AB6566" s="99"/>
      <c r="AC6566" s="99"/>
      <c r="AD6566" s="99"/>
      <c r="AE6566" s="99"/>
      <c r="AF6566" s="99"/>
      <c r="AG6566" s="99"/>
      <c r="AH6566" s="99"/>
      <c r="AI6566" s="99"/>
      <c r="AJ6566" s="99"/>
      <c r="AK6566" s="99"/>
      <c r="AL6566" s="99"/>
      <c r="AM6566" s="99"/>
      <c r="AN6566" s="99"/>
      <c r="AO6566" s="99"/>
      <c r="AP6566" s="99"/>
      <c r="AQ6566" s="99"/>
      <c r="AR6566" s="99"/>
      <c r="AS6566" s="99"/>
      <c r="AT6566" s="99"/>
      <c r="AU6566" s="99"/>
      <c r="AV6566" s="99"/>
      <c r="AW6566" s="99"/>
      <c r="AX6566" s="99"/>
      <c r="AY6566" s="99"/>
      <c r="AZ6566" s="99"/>
      <c r="BA6566" s="99"/>
      <c r="BB6566" s="107">
        <v>45065</v>
      </c>
    </row>
    <row r="6567" spans="1:54" s="8" customFormat="1" ht="13.95" customHeight="1" x14ac:dyDescent="0.25">
      <c r="A6567" s="15" t="s">
        <v>15614</v>
      </c>
      <c r="B6567" s="110" t="s">
        <v>19886</v>
      </c>
      <c r="C6567" s="98" t="s">
        <v>15615</v>
      </c>
      <c r="D6567" s="98" t="s">
        <v>15616</v>
      </c>
      <c r="E6567" s="98">
        <v>1987</v>
      </c>
      <c r="F6567" s="98">
        <v>244</v>
      </c>
      <c r="G6567" s="98" t="s">
        <v>1</v>
      </c>
      <c r="H6567" s="98">
        <v>0</v>
      </c>
      <c r="I6567" s="98">
        <v>0</v>
      </c>
      <c r="J6567" s="98">
        <v>1</v>
      </c>
      <c r="K6567" s="98">
        <v>0</v>
      </c>
      <c r="L6567" s="98">
        <v>1</v>
      </c>
      <c r="M6567" s="98">
        <v>0</v>
      </c>
      <c r="N6567" s="98">
        <v>0</v>
      </c>
      <c r="O6567" s="98">
        <v>0</v>
      </c>
      <c r="P6567" s="98">
        <v>1</v>
      </c>
      <c r="Q6567" s="98">
        <v>0</v>
      </c>
      <c r="R6567" s="98">
        <v>1</v>
      </c>
      <c r="S6567" s="98">
        <v>0</v>
      </c>
      <c r="T6567" s="98">
        <v>0</v>
      </c>
      <c r="U6567" s="99"/>
      <c r="V6567" s="99"/>
      <c r="W6567" s="99"/>
      <c r="X6567" s="99"/>
      <c r="Y6567" s="99"/>
      <c r="Z6567" s="99"/>
      <c r="AA6567" s="99"/>
      <c r="AB6567" s="99"/>
      <c r="AC6567" s="99"/>
      <c r="AD6567" s="99"/>
      <c r="AE6567" s="99"/>
      <c r="AF6567" s="99"/>
      <c r="AG6567" s="99"/>
      <c r="AH6567" s="99"/>
      <c r="AI6567" s="99"/>
      <c r="AJ6567" s="99"/>
      <c r="AK6567" s="99"/>
      <c r="AL6567" s="99"/>
      <c r="AM6567" s="99"/>
      <c r="AN6567" s="99"/>
      <c r="AO6567" s="99"/>
      <c r="AP6567" s="99"/>
      <c r="AQ6567" s="99"/>
      <c r="AR6567" s="99"/>
      <c r="AS6567" s="99"/>
      <c r="AT6567" s="99"/>
      <c r="AU6567" s="99"/>
      <c r="AV6567" s="99"/>
      <c r="AW6567" s="99"/>
      <c r="AX6567" s="99"/>
      <c r="AY6567" s="99"/>
      <c r="AZ6567" s="99"/>
      <c r="BA6567" s="99"/>
      <c r="BB6567" s="107">
        <v>45065</v>
      </c>
    </row>
    <row r="6568" spans="1:54" s="8" customFormat="1" ht="13.95" customHeight="1" x14ac:dyDescent="0.25">
      <c r="A6568" s="15" t="s">
        <v>15617</v>
      </c>
      <c r="B6568" s="110" t="s">
        <v>19886</v>
      </c>
      <c r="C6568" s="98" t="s">
        <v>15618</v>
      </c>
      <c r="D6568" s="98" t="s">
        <v>15619</v>
      </c>
      <c r="E6568" s="98">
        <v>1986</v>
      </c>
      <c r="F6568" s="98">
        <v>244</v>
      </c>
      <c r="G6568" s="98" t="s">
        <v>1</v>
      </c>
      <c r="H6568" s="98">
        <v>0</v>
      </c>
      <c r="I6568" s="98">
        <v>0</v>
      </c>
      <c r="J6568" s="98">
        <v>0</v>
      </c>
      <c r="K6568" s="98">
        <v>0</v>
      </c>
      <c r="L6568" s="98">
        <v>1</v>
      </c>
      <c r="M6568" s="98">
        <v>0</v>
      </c>
      <c r="N6568" s="98">
        <v>0</v>
      </c>
      <c r="O6568" s="98">
        <v>1</v>
      </c>
      <c r="P6568" s="98">
        <v>0</v>
      </c>
      <c r="Q6568" s="98">
        <v>0</v>
      </c>
      <c r="R6568" s="98">
        <v>1</v>
      </c>
      <c r="S6568" s="98">
        <v>0</v>
      </c>
      <c r="T6568" s="98">
        <v>0</v>
      </c>
      <c r="U6568" s="99"/>
      <c r="V6568" s="99"/>
      <c r="W6568" s="99"/>
      <c r="X6568" s="99"/>
      <c r="Y6568" s="99"/>
      <c r="Z6568" s="99"/>
      <c r="AA6568" s="99"/>
      <c r="AB6568" s="99"/>
      <c r="AC6568" s="99"/>
      <c r="AD6568" s="99"/>
      <c r="AE6568" s="99"/>
      <c r="AF6568" s="99"/>
      <c r="AG6568" s="99"/>
      <c r="AH6568" s="99"/>
      <c r="AI6568" s="99"/>
      <c r="AJ6568" s="99"/>
      <c r="AK6568" s="99"/>
      <c r="AL6568" s="99"/>
      <c r="AM6568" s="99"/>
      <c r="AN6568" s="99"/>
      <c r="AO6568" s="99"/>
      <c r="AP6568" s="99"/>
      <c r="AQ6568" s="99"/>
      <c r="AR6568" s="99"/>
      <c r="AS6568" s="99"/>
      <c r="AT6568" s="99"/>
      <c r="AU6568" s="99"/>
      <c r="AV6568" s="99"/>
      <c r="AW6568" s="99"/>
      <c r="AX6568" s="99"/>
      <c r="AY6568" s="99"/>
      <c r="AZ6568" s="99"/>
      <c r="BA6568" s="99"/>
      <c r="BB6568" s="107">
        <v>45065</v>
      </c>
    </row>
    <row r="6569" spans="1:54" s="8" customFormat="1" ht="13.95" customHeight="1" x14ac:dyDescent="0.25">
      <c r="A6569" s="15" t="s">
        <v>15620</v>
      </c>
      <c r="B6569" s="110" t="s">
        <v>19886</v>
      </c>
      <c r="C6569" s="98" t="s">
        <v>15621</v>
      </c>
      <c r="D6569" s="98" t="s">
        <v>15622</v>
      </c>
      <c r="E6569" s="98">
        <v>1986</v>
      </c>
      <c r="F6569" s="98">
        <v>252</v>
      </c>
      <c r="G6569" s="98" t="s">
        <v>1</v>
      </c>
      <c r="H6569" s="98">
        <v>0</v>
      </c>
      <c r="I6569" s="98">
        <v>0</v>
      </c>
      <c r="J6569" s="98">
        <v>1</v>
      </c>
      <c r="K6569" s="98">
        <v>0</v>
      </c>
      <c r="L6569" s="98">
        <v>1</v>
      </c>
      <c r="M6569" s="98">
        <v>0</v>
      </c>
      <c r="N6569" s="98">
        <v>0</v>
      </c>
      <c r="O6569" s="98">
        <v>1</v>
      </c>
      <c r="P6569" s="98">
        <v>1</v>
      </c>
      <c r="Q6569" s="98">
        <v>0</v>
      </c>
      <c r="R6569" s="98">
        <v>1</v>
      </c>
      <c r="S6569" s="98">
        <v>0</v>
      </c>
      <c r="T6569" s="98">
        <v>0</v>
      </c>
      <c r="U6569" s="99"/>
      <c r="V6569" s="99"/>
      <c r="W6569" s="99"/>
      <c r="X6569" s="99"/>
      <c r="Y6569" s="99"/>
      <c r="Z6569" s="99"/>
      <c r="AA6569" s="99"/>
      <c r="AB6569" s="99"/>
      <c r="AC6569" s="99"/>
      <c r="AD6569" s="99"/>
      <c r="AE6569" s="99"/>
      <c r="AF6569" s="99"/>
      <c r="AG6569" s="99"/>
      <c r="AH6569" s="99"/>
      <c r="AI6569" s="99"/>
      <c r="AJ6569" s="99"/>
      <c r="AK6569" s="99"/>
      <c r="AL6569" s="99"/>
      <c r="AM6569" s="99"/>
      <c r="AN6569" s="99"/>
      <c r="AO6569" s="99"/>
      <c r="AP6569" s="99"/>
      <c r="AQ6569" s="99"/>
      <c r="AR6569" s="99"/>
      <c r="AS6569" s="99"/>
      <c r="AT6569" s="99"/>
      <c r="AU6569" s="99"/>
      <c r="AV6569" s="99"/>
      <c r="AW6569" s="99"/>
      <c r="AX6569" s="99"/>
      <c r="AY6569" s="99"/>
      <c r="AZ6569" s="99"/>
      <c r="BA6569" s="99"/>
      <c r="BB6569" s="107">
        <v>45065</v>
      </c>
    </row>
    <row r="6570" spans="1:54" s="8" customFormat="1" ht="13.95" customHeight="1" x14ac:dyDescent="0.25">
      <c r="A6570" s="15" t="s">
        <v>15623</v>
      </c>
      <c r="B6570" s="110" t="s">
        <v>19886</v>
      </c>
      <c r="C6570" s="98" t="s">
        <v>15624</v>
      </c>
      <c r="D6570" s="98" t="s">
        <v>15625</v>
      </c>
      <c r="E6570" s="98">
        <v>1993</v>
      </c>
      <c r="F6570" s="98">
        <v>258</v>
      </c>
      <c r="G6570" s="98" t="s">
        <v>1</v>
      </c>
      <c r="H6570" s="98">
        <v>0</v>
      </c>
      <c r="I6570" s="98">
        <v>0</v>
      </c>
      <c r="J6570" s="98">
        <v>1</v>
      </c>
      <c r="K6570" s="98">
        <v>0</v>
      </c>
      <c r="L6570" s="98">
        <v>1</v>
      </c>
      <c r="M6570" s="98">
        <v>0</v>
      </c>
      <c r="N6570" s="98">
        <v>0</v>
      </c>
      <c r="O6570" s="98">
        <v>1</v>
      </c>
      <c r="P6570" s="98">
        <v>1</v>
      </c>
      <c r="Q6570" s="98">
        <v>0</v>
      </c>
      <c r="R6570" s="98">
        <v>0</v>
      </c>
      <c r="S6570" s="98">
        <v>0</v>
      </c>
      <c r="T6570" s="98">
        <v>0</v>
      </c>
      <c r="U6570" s="99"/>
      <c r="V6570" s="99"/>
      <c r="W6570" s="99"/>
      <c r="X6570" s="99"/>
      <c r="Y6570" s="99"/>
      <c r="Z6570" s="99"/>
      <c r="AA6570" s="99"/>
      <c r="AB6570" s="99"/>
      <c r="AC6570" s="99"/>
      <c r="AD6570" s="99"/>
      <c r="AE6570" s="99"/>
      <c r="AF6570" s="99"/>
      <c r="AG6570" s="99"/>
      <c r="AH6570" s="99"/>
      <c r="AI6570" s="99"/>
      <c r="AJ6570" s="99"/>
      <c r="AK6570" s="99"/>
      <c r="AL6570" s="99"/>
      <c r="AM6570" s="99"/>
      <c r="AN6570" s="99"/>
      <c r="AO6570" s="99"/>
      <c r="AP6570" s="99"/>
      <c r="AQ6570" s="99"/>
      <c r="AR6570" s="99"/>
      <c r="AS6570" s="99"/>
      <c r="AT6570" s="99"/>
      <c r="AU6570" s="99"/>
      <c r="AV6570" s="99"/>
      <c r="AW6570" s="99"/>
      <c r="AX6570" s="99"/>
      <c r="AY6570" s="99"/>
      <c r="AZ6570" s="99"/>
      <c r="BA6570" s="99"/>
      <c r="BB6570" s="107">
        <v>45065</v>
      </c>
    </row>
    <row r="6571" spans="1:54" s="8" customFormat="1" ht="13.95" customHeight="1" x14ac:dyDescent="0.25">
      <c r="A6571" s="15" t="s">
        <v>15626</v>
      </c>
      <c r="B6571" s="110" t="s">
        <v>19886</v>
      </c>
      <c r="C6571" s="98" t="s">
        <v>15627</v>
      </c>
      <c r="D6571" s="98" t="s">
        <v>15628</v>
      </c>
      <c r="E6571" s="98">
        <v>1986</v>
      </c>
      <c r="F6571" s="98">
        <v>268</v>
      </c>
      <c r="G6571" s="98" t="s">
        <v>1</v>
      </c>
      <c r="H6571" s="98">
        <v>0</v>
      </c>
      <c r="I6571" s="98">
        <v>0</v>
      </c>
      <c r="J6571" s="98">
        <v>1</v>
      </c>
      <c r="K6571" s="98">
        <v>0</v>
      </c>
      <c r="L6571" s="98">
        <v>1</v>
      </c>
      <c r="M6571" s="98">
        <v>0</v>
      </c>
      <c r="N6571" s="98">
        <v>0</v>
      </c>
      <c r="O6571" s="98">
        <v>0</v>
      </c>
      <c r="P6571" s="98">
        <v>1</v>
      </c>
      <c r="Q6571" s="98">
        <v>0</v>
      </c>
      <c r="R6571" s="98">
        <v>1</v>
      </c>
      <c r="S6571" s="98">
        <v>0</v>
      </c>
      <c r="T6571" s="98">
        <v>0</v>
      </c>
      <c r="U6571" s="99"/>
      <c r="V6571" s="99"/>
      <c r="W6571" s="99"/>
      <c r="X6571" s="99"/>
      <c r="Y6571" s="99"/>
      <c r="Z6571" s="99"/>
      <c r="AA6571" s="99"/>
      <c r="AB6571" s="99"/>
      <c r="AC6571" s="99"/>
      <c r="AD6571" s="99"/>
      <c r="AE6571" s="99"/>
      <c r="AF6571" s="99"/>
      <c r="AG6571" s="99"/>
      <c r="AH6571" s="99"/>
      <c r="AI6571" s="99"/>
      <c r="AJ6571" s="99"/>
      <c r="AK6571" s="99"/>
      <c r="AL6571" s="99"/>
      <c r="AM6571" s="99"/>
      <c r="AN6571" s="99"/>
      <c r="AO6571" s="99"/>
      <c r="AP6571" s="99"/>
      <c r="AQ6571" s="99"/>
      <c r="AR6571" s="99"/>
      <c r="AS6571" s="99"/>
      <c r="AT6571" s="99"/>
      <c r="AU6571" s="99"/>
      <c r="AV6571" s="99"/>
      <c r="AW6571" s="99"/>
      <c r="AX6571" s="99"/>
      <c r="AY6571" s="99"/>
      <c r="AZ6571" s="99"/>
      <c r="BA6571" s="99"/>
      <c r="BB6571" s="107">
        <v>45065</v>
      </c>
    </row>
    <row r="6572" spans="1:54" s="8" customFormat="1" ht="13.95" customHeight="1" x14ac:dyDescent="0.25">
      <c r="A6572" s="15" t="s">
        <v>15629</v>
      </c>
      <c r="B6572" s="110" t="s">
        <v>19886</v>
      </c>
      <c r="C6572" s="98" t="s">
        <v>15630</v>
      </c>
      <c r="D6572" s="98" t="s">
        <v>15631</v>
      </c>
      <c r="E6572" s="98">
        <v>1986</v>
      </c>
      <c r="F6572" s="98">
        <v>276</v>
      </c>
      <c r="G6572" s="98" t="s">
        <v>1</v>
      </c>
      <c r="H6572" s="98">
        <v>0</v>
      </c>
      <c r="I6572" s="98">
        <v>0</v>
      </c>
      <c r="J6572" s="98">
        <v>1</v>
      </c>
      <c r="K6572" s="98">
        <v>0</v>
      </c>
      <c r="L6572" s="98">
        <v>1</v>
      </c>
      <c r="M6572" s="98">
        <v>0</v>
      </c>
      <c r="N6572" s="98">
        <v>0</v>
      </c>
      <c r="O6572" s="98">
        <v>1</v>
      </c>
      <c r="P6572" s="98">
        <v>1</v>
      </c>
      <c r="Q6572" s="98">
        <v>0</v>
      </c>
      <c r="R6572" s="98">
        <v>1</v>
      </c>
      <c r="S6572" s="98">
        <v>0</v>
      </c>
      <c r="T6572" s="98">
        <v>0</v>
      </c>
      <c r="U6572" s="99"/>
      <c r="V6572" s="99"/>
      <c r="W6572" s="99"/>
      <c r="X6572" s="99"/>
      <c r="Y6572" s="99"/>
      <c r="Z6572" s="99"/>
      <c r="AA6572" s="99"/>
      <c r="AB6572" s="99"/>
      <c r="AC6572" s="99"/>
      <c r="AD6572" s="99"/>
      <c r="AE6572" s="99"/>
      <c r="AF6572" s="99"/>
      <c r="AG6572" s="99"/>
      <c r="AH6572" s="99"/>
      <c r="AI6572" s="99"/>
      <c r="AJ6572" s="99"/>
      <c r="AK6572" s="99"/>
      <c r="AL6572" s="99"/>
      <c r="AM6572" s="99"/>
      <c r="AN6572" s="99"/>
      <c r="AO6572" s="99"/>
      <c r="AP6572" s="99"/>
      <c r="AQ6572" s="99"/>
      <c r="AR6572" s="99"/>
      <c r="AS6572" s="99"/>
      <c r="AT6572" s="99"/>
      <c r="AU6572" s="99"/>
      <c r="AV6572" s="99"/>
      <c r="AW6572" s="99"/>
      <c r="AX6572" s="99"/>
      <c r="AY6572" s="99"/>
      <c r="AZ6572" s="99"/>
      <c r="BA6572" s="99"/>
      <c r="BB6572" s="107">
        <v>45065</v>
      </c>
    </row>
    <row r="6573" spans="1:54" s="8" customFormat="1" ht="13.95" customHeight="1" x14ac:dyDescent="0.25">
      <c r="A6573" s="15" t="s">
        <v>15632</v>
      </c>
      <c r="B6573" s="110" t="s">
        <v>19886</v>
      </c>
      <c r="C6573" s="98" t="s">
        <v>15633</v>
      </c>
      <c r="D6573" s="98" t="s">
        <v>15634</v>
      </c>
      <c r="E6573" s="98">
        <v>1986</v>
      </c>
      <c r="F6573" s="98">
        <v>284</v>
      </c>
      <c r="G6573" s="98" t="s">
        <v>1</v>
      </c>
      <c r="H6573" s="98">
        <v>0</v>
      </c>
      <c r="I6573" s="98">
        <v>0</v>
      </c>
      <c r="J6573" s="98">
        <v>0</v>
      </c>
      <c r="K6573" s="98">
        <v>0</v>
      </c>
      <c r="L6573" s="98">
        <v>0</v>
      </c>
      <c r="M6573" s="98">
        <v>0</v>
      </c>
      <c r="N6573" s="98">
        <v>0</v>
      </c>
      <c r="O6573" s="98">
        <v>1</v>
      </c>
      <c r="P6573" s="98">
        <v>1</v>
      </c>
      <c r="Q6573" s="98">
        <v>0</v>
      </c>
      <c r="R6573" s="98">
        <v>0</v>
      </c>
      <c r="S6573" s="98">
        <v>0</v>
      </c>
      <c r="T6573" s="98">
        <v>0</v>
      </c>
      <c r="U6573" s="99"/>
      <c r="V6573" s="99"/>
      <c r="W6573" s="99"/>
      <c r="X6573" s="99"/>
      <c r="Y6573" s="99"/>
      <c r="Z6573" s="99"/>
      <c r="AA6573" s="99"/>
      <c r="AB6573" s="99"/>
      <c r="AC6573" s="99"/>
      <c r="AD6573" s="99"/>
      <c r="AE6573" s="99"/>
      <c r="AF6573" s="99"/>
      <c r="AG6573" s="99"/>
      <c r="AH6573" s="99"/>
      <c r="AI6573" s="99"/>
      <c r="AJ6573" s="99"/>
      <c r="AK6573" s="99"/>
      <c r="AL6573" s="99"/>
      <c r="AM6573" s="99"/>
      <c r="AN6573" s="99"/>
      <c r="AO6573" s="99"/>
      <c r="AP6573" s="99"/>
      <c r="AQ6573" s="99"/>
      <c r="AR6573" s="99"/>
      <c r="AS6573" s="99"/>
      <c r="AT6573" s="99"/>
      <c r="AU6573" s="99"/>
      <c r="AV6573" s="99"/>
      <c r="AW6573" s="99"/>
      <c r="AX6573" s="99"/>
      <c r="AY6573" s="99"/>
      <c r="AZ6573" s="99"/>
      <c r="BA6573" s="99"/>
      <c r="BB6573" s="107">
        <v>45065</v>
      </c>
    </row>
    <row r="6574" spans="1:54" s="8" customFormat="1" ht="13.95" customHeight="1" x14ac:dyDescent="0.25">
      <c r="A6574" s="15" t="s">
        <v>15635</v>
      </c>
      <c r="B6574" s="110" t="s">
        <v>19886</v>
      </c>
      <c r="C6574" s="98" t="s">
        <v>15636</v>
      </c>
      <c r="D6574" s="98" t="s">
        <v>15637</v>
      </c>
      <c r="E6574" s="98">
        <v>1986</v>
      </c>
      <c r="F6574" s="98">
        <v>288</v>
      </c>
      <c r="G6574" s="98" t="s">
        <v>1</v>
      </c>
      <c r="H6574" s="98">
        <v>0</v>
      </c>
      <c r="I6574" s="98">
        <v>0</v>
      </c>
      <c r="J6574" s="98">
        <v>1</v>
      </c>
      <c r="K6574" s="98">
        <v>0</v>
      </c>
      <c r="L6574" s="98">
        <v>1</v>
      </c>
      <c r="M6574" s="98">
        <v>0</v>
      </c>
      <c r="N6574" s="98">
        <v>0</v>
      </c>
      <c r="O6574" s="98">
        <v>1</v>
      </c>
      <c r="P6574" s="98">
        <v>1</v>
      </c>
      <c r="Q6574" s="98">
        <v>0</v>
      </c>
      <c r="R6574" s="98">
        <v>1</v>
      </c>
      <c r="S6574" s="98">
        <v>0</v>
      </c>
      <c r="T6574" s="98">
        <v>0</v>
      </c>
      <c r="U6574" s="99"/>
      <c r="V6574" s="99"/>
      <c r="W6574" s="99"/>
      <c r="X6574" s="99"/>
      <c r="Y6574" s="99"/>
      <c r="Z6574" s="99"/>
      <c r="AA6574" s="99"/>
      <c r="AB6574" s="99"/>
      <c r="AC6574" s="99"/>
      <c r="AD6574" s="99"/>
      <c r="AE6574" s="99"/>
      <c r="AF6574" s="99"/>
      <c r="AG6574" s="99"/>
      <c r="AH6574" s="99"/>
      <c r="AI6574" s="99"/>
      <c r="AJ6574" s="99"/>
      <c r="AK6574" s="99"/>
      <c r="AL6574" s="99"/>
      <c r="AM6574" s="99"/>
      <c r="AN6574" s="99"/>
      <c r="AO6574" s="99"/>
      <c r="AP6574" s="99"/>
      <c r="AQ6574" s="99"/>
      <c r="AR6574" s="99"/>
      <c r="AS6574" s="99"/>
      <c r="AT6574" s="99"/>
      <c r="AU6574" s="99"/>
      <c r="AV6574" s="99"/>
      <c r="AW6574" s="99"/>
      <c r="AX6574" s="99"/>
      <c r="AY6574" s="99"/>
      <c r="AZ6574" s="99"/>
      <c r="BA6574" s="99"/>
      <c r="BB6574" s="107">
        <v>45065</v>
      </c>
    </row>
    <row r="6575" spans="1:54" s="8" customFormat="1" ht="13.95" customHeight="1" x14ac:dyDescent="0.25">
      <c r="A6575" s="15" t="s">
        <v>15638</v>
      </c>
      <c r="B6575" s="110" t="s">
        <v>19886</v>
      </c>
      <c r="C6575" s="98" t="s">
        <v>15639</v>
      </c>
      <c r="D6575" s="98" t="s">
        <v>15640</v>
      </c>
      <c r="E6575" s="98">
        <v>1999</v>
      </c>
      <c r="F6575" s="98">
        <v>298</v>
      </c>
      <c r="G6575" s="98" t="s">
        <v>1</v>
      </c>
      <c r="H6575" s="98">
        <v>0</v>
      </c>
      <c r="I6575" s="98">
        <v>0</v>
      </c>
      <c r="J6575" s="98">
        <v>1</v>
      </c>
      <c r="K6575" s="98">
        <v>1</v>
      </c>
      <c r="L6575" s="98">
        <v>0</v>
      </c>
      <c r="M6575" s="98">
        <v>0</v>
      </c>
      <c r="N6575" s="98">
        <v>0</v>
      </c>
      <c r="O6575" s="98">
        <v>0</v>
      </c>
      <c r="P6575" s="98">
        <v>0</v>
      </c>
      <c r="Q6575" s="98">
        <v>0</v>
      </c>
      <c r="R6575" s="98">
        <v>1</v>
      </c>
      <c r="S6575" s="98">
        <v>0</v>
      </c>
      <c r="T6575" s="98">
        <v>0</v>
      </c>
      <c r="U6575" s="99"/>
      <c r="V6575" s="99"/>
      <c r="W6575" s="99"/>
      <c r="X6575" s="99"/>
      <c r="Y6575" s="99"/>
      <c r="Z6575" s="99"/>
      <c r="AA6575" s="99"/>
      <c r="AB6575" s="99"/>
      <c r="AC6575" s="99"/>
      <c r="AD6575" s="99"/>
      <c r="AE6575" s="99"/>
      <c r="AF6575" s="99"/>
      <c r="AG6575" s="99"/>
      <c r="AH6575" s="99"/>
      <c r="AI6575" s="99"/>
      <c r="AJ6575" s="99"/>
      <c r="AK6575" s="99"/>
      <c r="AL6575" s="99"/>
      <c r="AM6575" s="99"/>
      <c r="AN6575" s="99"/>
      <c r="AO6575" s="99"/>
      <c r="AP6575" s="99"/>
      <c r="AQ6575" s="99"/>
      <c r="AR6575" s="99"/>
      <c r="AS6575" s="99"/>
      <c r="AT6575" s="99"/>
      <c r="AU6575" s="99"/>
      <c r="AV6575" s="99"/>
      <c r="AW6575" s="99"/>
      <c r="AX6575" s="99"/>
      <c r="AY6575" s="99"/>
      <c r="AZ6575" s="99"/>
      <c r="BA6575" s="99"/>
      <c r="BB6575" s="107">
        <v>45065</v>
      </c>
    </row>
    <row r="6576" spans="1:54" s="8" customFormat="1" ht="13.95" customHeight="1" x14ac:dyDescent="0.25">
      <c r="A6576" s="15" t="s">
        <v>15641</v>
      </c>
      <c r="B6576" s="110" t="s">
        <v>19886</v>
      </c>
      <c r="C6576" s="98" t="s">
        <v>15642</v>
      </c>
      <c r="D6576" s="98" t="s">
        <v>15643</v>
      </c>
      <c r="E6576" s="98">
        <v>1986</v>
      </c>
      <c r="F6576" s="98">
        <v>302</v>
      </c>
      <c r="G6576" s="98" t="s">
        <v>1</v>
      </c>
      <c r="H6576" s="98">
        <v>0</v>
      </c>
      <c r="I6576" s="98">
        <v>0</v>
      </c>
      <c r="J6576" s="98">
        <v>1</v>
      </c>
      <c r="K6576" s="98">
        <v>0</v>
      </c>
      <c r="L6576" s="98">
        <v>1</v>
      </c>
      <c r="M6576" s="98">
        <v>0</v>
      </c>
      <c r="N6576" s="98">
        <v>0</v>
      </c>
      <c r="O6576" s="98">
        <v>1</v>
      </c>
      <c r="P6576" s="98">
        <v>1</v>
      </c>
      <c r="Q6576" s="98">
        <v>0</v>
      </c>
      <c r="R6576" s="98">
        <v>1</v>
      </c>
      <c r="S6576" s="98">
        <v>0</v>
      </c>
      <c r="T6576" s="98">
        <v>0</v>
      </c>
      <c r="U6576" s="99"/>
      <c r="V6576" s="99"/>
      <c r="W6576" s="99"/>
      <c r="X6576" s="99"/>
      <c r="Y6576" s="99"/>
      <c r="Z6576" s="99"/>
      <c r="AA6576" s="99"/>
      <c r="AB6576" s="99"/>
      <c r="AC6576" s="99"/>
      <c r="AD6576" s="99"/>
      <c r="AE6576" s="99"/>
      <c r="AF6576" s="99"/>
      <c r="AG6576" s="99"/>
      <c r="AH6576" s="99"/>
      <c r="AI6576" s="99"/>
      <c r="AJ6576" s="99"/>
      <c r="AK6576" s="99"/>
      <c r="AL6576" s="99"/>
      <c r="AM6576" s="99"/>
      <c r="AN6576" s="99"/>
      <c r="AO6576" s="99"/>
      <c r="AP6576" s="99"/>
      <c r="AQ6576" s="99"/>
      <c r="AR6576" s="99"/>
      <c r="AS6576" s="99"/>
      <c r="AT6576" s="99"/>
      <c r="AU6576" s="99"/>
      <c r="AV6576" s="99"/>
      <c r="AW6576" s="99"/>
      <c r="AX6576" s="99"/>
      <c r="AY6576" s="99"/>
      <c r="AZ6576" s="99"/>
      <c r="BA6576" s="99"/>
      <c r="BB6576" s="107">
        <v>45065</v>
      </c>
    </row>
    <row r="6577" spans="1:54" s="8" customFormat="1" ht="13.95" customHeight="1" x14ac:dyDescent="0.25">
      <c r="A6577" s="15" t="s">
        <v>15644</v>
      </c>
      <c r="B6577" s="110" t="s">
        <v>19886</v>
      </c>
      <c r="C6577" s="98" t="s">
        <v>15645</v>
      </c>
      <c r="D6577" s="98" t="s">
        <v>15646</v>
      </c>
      <c r="E6577" s="98">
        <v>1987</v>
      </c>
      <c r="F6577" s="98">
        <v>302</v>
      </c>
      <c r="G6577" s="98" t="s">
        <v>1</v>
      </c>
      <c r="H6577" s="98">
        <v>0</v>
      </c>
      <c r="I6577" s="98">
        <v>0</v>
      </c>
      <c r="J6577" s="98">
        <v>1</v>
      </c>
      <c r="K6577" s="98">
        <v>0</v>
      </c>
      <c r="L6577" s="98">
        <v>1</v>
      </c>
      <c r="M6577" s="98">
        <v>0</v>
      </c>
      <c r="N6577" s="98">
        <v>0</v>
      </c>
      <c r="O6577" s="98">
        <v>1</v>
      </c>
      <c r="P6577" s="98">
        <v>1</v>
      </c>
      <c r="Q6577" s="98">
        <v>1</v>
      </c>
      <c r="R6577" s="98">
        <v>1</v>
      </c>
      <c r="S6577" s="98">
        <v>1</v>
      </c>
      <c r="T6577" s="98">
        <v>0</v>
      </c>
      <c r="U6577" s="99"/>
      <c r="V6577" s="99"/>
      <c r="W6577" s="99"/>
      <c r="X6577" s="99"/>
      <c r="Y6577" s="99"/>
      <c r="Z6577" s="99"/>
      <c r="AA6577" s="98">
        <v>1</v>
      </c>
      <c r="AB6577" s="99"/>
      <c r="AC6577" s="99"/>
      <c r="AD6577" s="99"/>
      <c r="AE6577" s="99"/>
      <c r="AF6577" s="99"/>
      <c r="AG6577" s="99"/>
      <c r="AH6577" s="99"/>
      <c r="AI6577" s="99"/>
      <c r="AJ6577" s="99"/>
      <c r="AK6577" s="99"/>
      <c r="AL6577" s="99"/>
      <c r="AM6577" s="99"/>
      <c r="AN6577" s="99"/>
      <c r="AO6577" s="99"/>
      <c r="AP6577" s="99"/>
      <c r="AQ6577" s="99"/>
      <c r="AR6577" s="99"/>
      <c r="AS6577" s="99"/>
      <c r="AT6577" s="99"/>
      <c r="AU6577" s="99"/>
      <c r="AV6577" s="99"/>
      <c r="AW6577" s="99"/>
      <c r="AX6577" s="99"/>
      <c r="AY6577" s="99"/>
      <c r="AZ6577" s="99"/>
      <c r="BA6577" s="99"/>
      <c r="BB6577" s="107">
        <v>45065</v>
      </c>
    </row>
    <row r="6578" spans="1:54" s="8" customFormat="1" ht="13.95" customHeight="1" x14ac:dyDescent="0.25">
      <c r="A6578" s="15" t="s">
        <v>15647</v>
      </c>
      <c r="B6578" s="110" t="s">
        <v>19886</v>
      </c>
      <c r="C6578" s="98" t="s">
        <v>15648</v>
      </c>
      <c r="D6578" s="98" t="s">
        <v>15649</v>
      </c>
      <c r="E6578" s="98">
        <v>1986</v>
      </c>
      <c r="F6578" s="98">
        <v>302</v>
      </c>
      <c r="G6578" s="98" t="s">
        <v>1</v>
      </c>
      <c r="H6578" s="98">
        <v>0</v>
      </c>
      <c r="I6578" s="98">
        <v>0</v>
      </c>
      <c r="J6578" s="98">
        <v>1</v>
      </c>
      <c r="K6578" s="98">
        <v>0</v>
      </c>
      <c r="L6578" s="98">
        <v>1</v>
      </c>
      <c r="M6578" s="98">
        <v>0</v>
      </c>
      <c r="N6578" s="98">
        <v>0</v>
      </c>
      <c r="O6578" s="98">
        <v>1</v>
      </c>
      <c r="P6578" s="98">
        <v>1</v>
      </c>
      <c r="Q6578" s="98">
        <v>0</v>
      </c>
      <c r="R6578" s="98">
        <v>0</v>
      </c>
      <c r="S6578" s="98">
        <v>0</v>
      </c>
      <c r="T6578" s="98">
        <v>0</v>
      </c>
      <c r="U6578" s="99"/>
      <c r="V6578" s="99"/>
      <c r="W6578" s="99"/>
      <c r="X6578" s="99"/>
      <c r="Y6578" s="99"/>
      <c r="Z6578" s="99"/>
      <c r="AA6578" s="99"/>
      <c r="AB6578" s="99"/>
      <c r="AC6578" s="99"/>
      <c r="AD6578" s="99"/>
      <c r="AE6578" s="99"/>
      <c r="AF6578" s="99"/>
      <c r="AG6578" s="99"/>
      <c r="AH6578" s="99"/>
      <c r="AI6578" s="99"/>
      <c r="AJ6578" s="99"/>
      <c r="AK6578" s="99"/>
      <c r="AL6578" s="99"/>
      <c r="AM6578" s="99"/>
      <c r="AN6578" s="99"/>
      <c r="AO6578" s="99"/>
      <c r="AP6578" s="99"/>
      <c r="AQ6578" s="99"/>
      <c r="AR6578" s="99"/>
      <c r="AS6578" s="99"/>
      <c r="AT6578" s="99"/>
      <c r="AU6578" s="99"/>
      <c r="AV6578" s="99"/>
      <c r="AW6578" s="99"/>
      <c r="AX6578" s="99"/>
      <c r="AY6578" s="99"/>
      <c r="AZ6578" s="99"/>
      <c r="BA6578" s="99"/>
      <c r="BB6578" s="107">
        <v>45065</v>
      </c>
    </row>
    <row r="6579" spans="1:54" s="8" customFormat="1" ht="13.95" customHeight="1" x14ac:dyDescent="0.25">
      <c r="A6579" s="15" t="s">
        <v>15650</v>
      </c>
      <c r="B6579" s="110" t="s">
        <v>19886</v>
      </c>
      <c r="C6579" s="98" t="s">
        <v>15651</v>
      </c>
      <c r="D6579" s="98" t="s">
        <v>15652</v>
      </c>
      <c r="E6579" s="98">
        <v>1986</v>
      </c>
      <c r="F6579" s="98">
        <v>310</v>
      </c>
      <c r="G6579" s="98" t="s">
        <v>1</v>
      </c>
      <c r="H6579" s="98">
        <v>0</v>
      </c>
      <c r="I6579" s="98">
        <v>0</v>
      </c>
      <c r="J6579" s="98">
        <v>1</v>
      </c>
      <c r="K6579" s="98">
        <v>0</v>
      </c>
      <c r="L6579" s="98">
        <v>1</v>
      </c>
      <c r="M6579" s="98">
        <v>0</v>
      </c>
      <c r="N6579" s="98">
        <v>0</v>
      </c>
      <c r="O6579" s="98">
        <v>1</v>
      </c>
      <c r="P6579" s="98">
        <v>1</v>
      </c>
      <c r="Q6579" s="98">
        <v>1</v>
      </c>
      <c r="R6579" s="98">
        <v>0</v>
      </c>
      <c r="S6579" s="98">
        <v>0</v>
      </c>
      <c r="T6579" s="98">
        <v>0</v>
      </c>
      <c r="U6579" s="99"/>
      <c r="V6579" s="99"/>
      <c r="W6579" s="99"/>
      <c r="X6579" s="99"/>
      <c r="Y6579" s="99"/>
      <c r="Z6579" s="99"/>
      <c r="AA6579" s="99"/>
      <c r="AB6579" s="99"/>
      <c r="AC6579" s="99"/>
      <c r="AD6579" s="99"/>
      <c r="AE6579" s="99"/>
      <c r="AF6579" s="99"/>
      <c r="AG6579" s="99"/>
      <c r="AH6579" s="99"/>
      <c r="AI6579" s="99"/>
      <c r="AJ6579" s="99"/>
      <c r="AK6579" s="99"/>
      <c r="AL6579" s="99"/>
      <c r="AM6579" s="99"/>
      <c r="AN6579" s="99"/>
      <c r="AO6579" s="99"/>
      <c r="AP6579" s="99"/>
      <c r="AQ6579" s="99"/>
      <c r="AR6579" s="99"/>
      <c r="AS6579" s="99"/>
      <c r="AT6579" s="99"/>
      <c r="AU6579" s="99"/>
      <c r="AV6579" s="99"/>
      <c r="AW6579" s="99"/>
      <c r="AX6579" s="99"/>
      <c r="AY6579" s="99"/>
      <c r="AZ6579" s="99"/>
      <c r="BA6579" s="99"/>
      <c r="BB6579" s="107">
        <v>45065</v>
      </c>
    </row>
    <row r="6580" spans="1:54" s="8" customFormat="1" ht="13.95" customHeight="1" x14ac:dyDescent="0.25">
      <c r="A6580" s="15" t="s">
        <v>15653</v>
      </c>
      <c r="B6580" s="110" t="s">
        <v>19886</v>
      </c>
      <c r="C6580" s="98" t="s">
        <v>15654</v>
      </c>
      <c r="D6580" s="98" t="s">
        <v>15655</v>
      </c>
      <c r="E6580" s="98">
        <v>1994</v>
      </c>
      <c r="F6580" s="98">
        <v>324</v>
      </c>
      <c r="G6580" s="98" t="s">
        <v>1</v>
      </c>
      <c r="H6580" s="98">
        <v>0</v>
      </c>
      <c r="I6580" s="98">
        <v>0</v>
      </c>
      <c r="J6580" s="98">
        <v>1</v>
      </c>
      <c r="K6580" s="98">
        <v>0</v>
      </c>
      <c r="L6580" s="98">
        <v>1</v>
      </c>
      <c r="M6580" s="98">
        <v>0</v>
      </c>
      <c r="N6580" s="98">
        <v>0</v>
      </c>
      <c r="O6580" s="98">
        <v>1</v>
      </c>
      <c r="P6580" s="98">
        <v>1</v>
      </c>
      <c r="Q6580" s="98">
        <v>0</v>
      </c>
      <c r="R6580" s="98">
        <v>0</v>
      </c>
      <c r="S6580" s="98">
        <v>0</v>
      </c>
      <c r="T6580" s="98">
        <v>0</v>
      </c>
      <c r="U6580" s="99"/>
      <c r="V6580" s="99"/>
      <c r="W6580" s="99"/>
      <c r="X6580" s="99"/>
      <c r="Y6580" s="99"/>
      <c r="Z6580" s="99"/>
      <c r="AA6580" s="99"/>
      <c r="AB6580" s="99"/>
      <c r="AC6580" s="99"/>
      <c r="AD6580" s="99"/>
      <c r="AE6580" s="99"/>
      <c r="AF6580" s="99"/>
      <c r="AG6580" s="99"/>
      <c r="AH6580" s="99"/>
      <c r="AI6580" s="99"/>
      <c r="AJ6580" s="99"/>
      <c r="AK6580" s="99"/>
      <c r="AL6580" s="99"/>
      <c r="AM6580" s="99"/>
      <c r="AN6580" s="99"/>
      <c r="AO6580" s="99"/>
      <c r="AP6580" s="99"/>
      <c r="AQ6580" s="99"/>
      <c r="AR6580" s="99"/>
      <c r="AS6580" s="99"/>
      <c r="AT6580" s="99"/>
      <c r="AU6580" s="99"/>
      <c r="AV6580" s="99"/>
      <c r="AW6580" s="99"/>
      <c r="AX6580" s="99"/>
      <c r="AY6580" s="99"/>
      <c r="AZ6580" s="99"/>
      <c r="BA6580" s="99"/>
      <c r="BB6580" s="107">
        <v>45065</v>
      </c>
    </row>
    <row r="6581" spans="1:54" s="8" customFormat="1" ht="13.95" customHeight="1" x14ac:dyDescent="0.25">
      <c r="A6581" s="15" t="s">
        <v>15656</v>
      </c>
      <c r="B6581" s="110" t="s">
        <v>19886</v>
      </c>
      <c r="C6581" s="98" t="s">
        <v>15657</v>
      </c>
      <c r="D6581" s="98" t="s">
        <v>15658</v>
      </c>
      <c r="E6581" s="98">
        <v>1989</v>
      </c>
      <c r="F6581" s="98">
        <v>337</v>
      </c>
      <c r="G6581" s="98" t="s">
        <v>1</v>
      </c>
      <c r="H6581" s="98">
        <v>0</v>
      </c>
      <c r="I6581" s="98">
        <v>0</v>
      </c>
      <c r="J6581" s="98">
        <v>1</v>
      </c>
      <c r="K6581" s="98">
        <v>0</v>
      </c>
      <c r="L6581" s="98">
        <v>1</v>
      </c>
      <c r="M6581" s="98">
        <v>0</v>
      </c>
      <c r="N6581" s="98">
        <v>0</v>
      </c>
      <c r="O6581" s="98">
        <v>1</v>
      </c>
      <c r="P6581" s="98">
        <v>1</v>
      </c>
      <c r="Q6581" s="98">
        <v>0</v>
      </c>
      <c r="R6581" s="98">
        <v>1</v>
      </c>
      <c r="S6581" s="98">
        <v>0</v>
      </c>
      <c r="T6581" s="98">
        <v>0</v>
      </c>
      <c r="U6581" s="99"/>
      <c r="V6581" s="99"/>
      <c r="W6581" s="99"/>
      <c r="X6581" s="99"/>
      <c r="Y6581" s="99"/>
      <c r="Z6581" s="99"/>
      <c r="AA6581" s="99"/>
      <c r="AB6581" s="99"/>
      <c r="AC6581" s="99"/>
      <c r="AD6581" s="99"/>
      <c r="AE6581" s="99"/>
      <c r="AF6581" s="99"/>
      <c r="AG6581" s="99"/>
      <c r="AH6581" s="99"/>
      <c r="AI6581" s="99"/>
      <c r="AJ6581" s="99"/>
      <c r="AK6581" s="99"/>
      <c r="AL6581" s="99"/>
      <c r="AM6581" s="99"/>
      <c r="AN6581" s="99"/>
      <c r="AO6581" s="99"/>
      <c r="AP6581" s="99"/>
      <c r="AQ6581" s="99"/>
      <c r="AR6581" s="99"/>
      <c r="AS6581" s="99"/>
      <c r="AT6581" s="99"/>
      <c r="AU6581" s="99"/>
      <c r="AV6581" s="99"/>
      <c r="AW6581" s="99"/>
      <c r="AX6581" s="99"/>
      <c r="AY6581" s="99"/>
      <c r="AZ6581" s="99"/>
      <c r="BA6581" s="99"/>
      <c r="BB6581" s="107">
        <v>45065</v>
      </c>
    </row>
    <row r="6582" spans="1:54" s="8" customFormat="1" ht="13.95" customHeight="1" x14ac:dyDescent="0.25">
      <c r="A6582" s="15" t="s">
        <v>15659</v>
      </c>
      <c r="B6582" s="110" t="s">
        <v>19886</v>
      </c>
      <c r="C6582" s="98" t="s">
        <v>15660</v>
      </c>
      <c r="D6582" s="98" t="s">
        <v>15661</v>
      </c>
      <c r="E6582" s="98">
        <v>1998</v>
      </c>
      <c r="F6582" s="98">
        <v>338</v>
      </c>
      <c r="G6582" s="98" t="s">
        <v>1</v>
      </c>
      <c r="H6582" s="98">
        <v>0</v>
      </c>
      <c r="I6582" s="98">
        <v>0</v>
      </c>
      <c r="J6582" s="98">
        <v>1</v>
      </c>
      <c r="K6582" s="98">
        <v>0</v>
      </c>
      <c r="L6582" s="98">
        <v>0</v>
      </c>
      <c r="M6582" s="98">
        <v>0</v>
      </c>
      <c r="N6582" s="98">
        <v>0</v>
      </c>
      <c r="O6582" s="98">
        <v>0</v>
      </c>
      <c r="P6582" s="98">
        <v>0</v>
      </c>
      <c r="Q6582" s="98">
        <v>0</v>
      </c>
      <c r="R6582" s="98">
        <v>0</v>
      </c>
      <c r="S6582" s="98">
        <v>0</v>
      </c>
      <c r="T6582" s="98">
        <v>0</v>
      </c>
      <c r="U6582" s="99"/>
      <c r="V6582" s="99"/>
      <c r="W6582" s="99"/>
      <c r="X6582" s="99"/>
      <c r="Y6582" s="99"/>
      <c r="Z6582" s="99"/>
      <c r="AA6582" s="99"/>
      <c r="AB6582" s="99"/>
      <c r="AC6582" s="99"/>
      <c r="AD6582" s="99"/>
      <c r="AE6582" s="99"/>
      <c r="AF6582" s="99"/>
      <c r="AG6582" s="99"/>
      <c r="AH6582" s="99"/>
      <c r="AI6582" s="99"/>
      <c r="AJ6582" s="99"/>
      <c r="AK6582" s="99"/>
      <c r="AL6582" s="99"/>
      <c r="AM6582" s="99"/>
      <c r="AN6582" s="99"/>
      <c r="AO6582" s="99"/>
      <c r="AP6582" s="99"/>
      <c r="AQ6582" s="99"/>
      <c r="AR6582" s="99"/>
      <c r="AS6582" s="99"/>
      <c r="AT6582" s="99"/>
      <c r="AU6582" s="99"/>
      <c r="AV6582" s="99"/>
      <c r="AW6582" s="99"/>
      <c r="AX6582" s="99"/>
      <c r="AY6582" s="99"/>
      <c r="AZ6582" s="99"/>
      <c r="BA6582" s="99"/>
      <c r="BB6582" s="107">
        <v>45065</v>
      </c>
    </row>
    <row r="6583" spans="1:54" s="8" customFormat="1" ht="13.95" customHeight="1" x14ac:dyDescent="0.25">
      <c r="A6583" s="15" t="s">
        <v>15662</v>
      </c>
      <c r="B6583" s="110" t="s">
        <v>19886</v>
      </c>
      <c r="C6583" s="98" t="s">
        <v>15663</v>
      </c>
      <c r="D6583" s="98" t="s">
        <v>15664</v>
      </c>
      <c r="E6583" s="98">
        <v>1998</v>
      </c>
      <c r="F6583" s="98">
        <v>338</v>
      </c>
      <c r="G6583" s="98" t="s">
        <v>1</v>
      </c>
      <c r="H6583" s="98">
        <v>0</v>
      </c>
      <c r="I6583" s="98">
        <v>0</v>
      </c>
      <c r="J6583" s="98">
        <v>1</v>
      </c>
      <c r="K6583" s="98">
        <v>1</v>
      </c>
      <c r="L6583" s="98">
        <v>0</v>
      </c>
      <c r="M6583" s="98">
        <v>0</v>
      </c>
      <c r="N6583" s="98">
        <v>0</v>
      </c>
      <c r="O6583" s="98">
        <v>1</v>
      </c>
      <c r="P6583" s="98">
        <v>0</v>
      </c>
      <c r="Q6583" s="98">
        <v>0</v>
      </c>
      <c r="R6583" s="98">
        <v>1</v>
      </c>
      <c r="S6583" s="98">
        <v>0</v>
      </c>
      <c r="T6583" s="98">
        <v>0</v>
      </c>
      <c r="U6583" s="99"/>
      <c r="V6583" s="99"/>
      <c r="W6583" s="99"/>
      <c r="X6583" s="99"/>
      <c r="Y6583" s="99"/>
      <c r="Z6583" s="99"/>
      <c r="AA6583" s="99"/>
      <c r="AB6583" s="99"/>
      <c r="AC6583" s="99"/>
      <c r="AD6583" s="99"/>
      <c r="AE6583" s="99"/>
      <c r="AF6583" s="99"/>
      <c r="AG6583" s="99"/>
      <c r="AH6583" s="99"/>
      <c r="AI6583" s="99"/>
      <c r="AJ6583" s="99"/>
      <c r="AK6583" s="99"/>
      <c r="AL6583" s="99"/>
      <c r="AM6583" s="99"/>
      <c r="AN6583" s="99"/>
      <c r="AO6583" s="99"/>
      <c r="AP6583" s="99"/>
      <c r="AQ6583" s="99"/>
      <c r="AR6583" s="99"/>
      <c r="AS6583" s="99"/>
      <c r="AT6583" s="99"/>
      <c r="AU6583" s="99"/>
      <c r="AV6583" s="99"/>
      <c r="AW6583" s="99"/>
      <c r="AX6583" s="99"/>
      <c r="AY6583" s="99"/>
      <c r="AZ6583" s="99"/>
      <c r="BA6583" s="99"/>
      <c r="BB6583" s="107">
        <v>45065</v>
      </c>
    </row>
    <row r="6584" spans="1:54" s="8" customFormat="1" ht="13.95" customHeight="1" x14ac:dyDescent="0.25">
      <c r="A6584" s="15" t="s">
        <v>15665</v>
      </c>
      <c r="B6584" s="110" t="s">
        <v>19886</v>
      </c>
      <c r="C6584" s="98" t="s">
        <v>15666</v>
      </c>
      <c r="D6584" s="98" t="s">
        <v>15667</v>
      </c>
      <c r="E6584" s="98">
        <v>1986</v>
      </c>
      <c r="F6584" s="98">
        <v>346</v>
      </c>
      <c r="G6584" s="98" t="s">
        <v>1</v>
      </c>
      <c r="H6584" s="98">
        <v>0</v>
      </c>
      <c r="I6584" s="98">
        <v>0</v>
      </c>
      <c r="J6584" s="98">
        <v>1</v>
      </c>
      <c r="K6584" s="98">
        <v>0</v>
      </c>
      <c r="L6584" s="98">
        <v>0</v>
      </c>
      <c r="M6584" s="98">
        <v>1</v>
      </c>
      <c r="N6584" s="98">
        <v>0</v>
      </c>
      <c r="O6584" s="98">
        <v>0</v>
      </c>
      <c r="P6584" s="98">
        <v>1</v>
      </c>
      <c r="Q6584" s="98">
        <v>0</v>
      </c>
      <c r="R6584" s="98">
        <v>0</v>
      </c>
      <c r="S6584" s="98">
        <v>0</v>
      </c>
      <c r="T6584" s="98">
        <v>0</v>
      </c>
      <c r="U6584" s="99"/>
      <c r="V6584" s="99"/>
      <c r="W6584" s="99"/>
      <c r="X6584" s="99"/>
      <c r="Y6584" s="99"/>
      <c r="Z6584" s="99"/>
      <c r="AA6584" s="99"/>
      <c r="AB6584" s="99"/>
      <c r="AC6584" s="99"/>
      <c r="AD6584" s="99"/>
      <c r="AE6584" s="99"/>
      <c r="AF6584" s="99"/>
      <c r="AG6584" s="99"/>
      <c r="AH6584" s="99"/>
      <c r="AI6584" s="99"/>
      <c r="AJ6584" s="99"/>
      <c r="AK6584" s="99"/>
      <c r="AL6584" s="99"/>
      <c r="AM6584" s="99"/>
      <c r="AN6584" s="99"/>
      <c r="AO6584" s="99"/>
      <c r="AP6584" s="99"/>
      <c r="AQ6584" s="99"/>
      <c r="AR6584" s="99"/>
      <c r="AS6584" s="99"/>
      <c r="AT6584" s="99"/>
      <c r="AU6584" s="99"/>
      <c r="AV6584" s="99"/>
      <c r="AW6584" s="99"/>
      <c r="AX6584" s="99"/>
      <c r="AY6584" s="99"/>
      <c r="AZ6584" s="99"/>
      <c r="BA6584" s="99"/>
      <c r="BB6584" s="107">
        <v>45065</v>
      </c>
    </row>
    <row r="6585" spans="1:54" s="8" customFormat="1" ht="13.95" customHeight="1" x14ac:dyDescent="0.25">
      <c r="A6585" s="15" t="s">
        <v>15668</v>
      </c>
      <c r="B6585" s="110" t="s">
        <v>19886</v>
      </c>
      <c r="C6585" s="98" t="s">
        <v>15669</v>
      </c>
      <c r="D6585" s="98" t="s">
        <v>15670</v>
      </c>
      <c r="E6585" s="98">
        <v>1996</v>
      </c>
      <c r="F6585" s="98">
        <v>353</v>
      </c>
      <c r="G6585" s="98" t="s">
        <v>1</v>
      </c>
      <c r="H6585" s="98">
        <v>0</v>
      </c>
      <c r="I6585" s="98">
        <v>0</v>
      </c>
      <c r="J6585" s="98">
        <v>1</v>
      </c>
      <c r="K6585" s="98">
        <v>0</v>
      </c>
      <c r="L6585" s="98">
        <v>1</v>
      </c>
      <c r="M6585" s="98">
        <v>0</v>
      </c>
      <c r="N6585" s="98">
        <v>0</v>
      </c>
      <c r="O6585" s="98">
        <v>1</v>
      </c>
      <c r="P6585" s="98">
        <v>1</v>
      </c>
      <c r="Q6585" s="98">
        <v>0</v>
      </c>
      <c r="R6585" s="98">
        <v>0</v>
      </c>
      <c r="S6585" s="98">
        <v>0</v>
      </c>
      <c r="T6585" s="98">
        <v>0</v>
      </c>
      <c r="U6585" s="99"/>
      <c r="V6585" s="99"/>
      <c r="W6585" s="99"/>
      <c r="X6585" s="99"/>
      <c r="Y6585" s="99"/>
      <c r="Z6585" s="99"/>
      <c r="AA6585" s="99"/>
      <c r="AB6585" s="99"/>
      <c r="AC6585" s="99"/>
      <c r="AD6585" s="99"/>
      <c r="AE6585" s="99"/>
      <c r="AF6585" s="99"/>
      <c r="AG6585" s="99"/>
      <c r="AH6585" s="99"/>
      <c r="AI6585" s="99"/>
      <c r="AJ6585" s="99"/>
      <c r="AK6585" s="99"/>
      <c r="AL6585" s="99"/>
      <c r="AM6585" s="99"/>
      <c r="AN6585" s="99"/>
      <c r="AO6585" s="99"/>
      <c r="AP6585" s="99"/>
      <c r="AQ6585" s="99"/>
      <c r="AR6585" s="99"/>
      <c r="AS6585" s="99"/>
      <c r="AT6585" s="99"/>
      <c r="AU6585" s="99"/>
      <c r="AV6585" s="99"/>
      <c r="AW6585" s="99"/>
      <c r="AX6585" s="99"/>
      <c r="AY6585" s="99"/>
      <c r="AZ6585" s="99"/>
      <c r="BA6585" s="99"/>
      <c r="BB6585" s="107">
        <v>45065</v>
      </c>
    </row>
    <row r="6586" spans="1:54" s="8" customFormat="1" ht="13.95" customHeight="1" x14ac:dyDescent="0.25">
      <c r="A6586" s="15" t="s">
        <v>15671</v>
      </c>
      <c r="B6586" s="110" t="s">
        <v>19886</v>
      </c>
      <c r="C6586" s="98" t="s">
        <v>15672</v>
      </c>
      <c r="D6586" s="98" t="s">
        <v>15673</v>
      </c>
      <c r="E6586" s="98">
        <v>1986</v>
      </c>
      <c r="F6586" s="98">
        <v>357</v>
      </c>
      <c r="G6586" s="98" t="s">
        <v>1</v>
      </c>
      <c r="H6586" s="98">
        <v>0</v>
      </c>
      <c r="I6586" s="98">
        <v>0</v>
      </c>
      <c r="J6586" s="98">
        <v>0</v>
      </c>
      <c r="K6586" s="98">
        <v>0</v>
      </c>
      <c r="L6586" s="98">
        <v>1</v>
      </c>
      <c r="M6586" s="98">
        <v>0</v>
      </c>
      <c r="N6586" s="98">
        <v>0</v>
      </c>
      <c r="O6586" s="98">
        <v>1</v>
      </c>
      <c r="P6586" s="98">
        <v>1</v>
      </c>
      <c r="Q6586" s="98">
        <v>0</v>
      </c>
      <c r="R6586" s="98">
        <v>1</v>
      </c>
      <c r="S6586" s="98">
        <v>1</v>
      </c>
      <c r="T6586" s="98">
        <v>0</v>
      </c>
      <c r="U6586" s="99"/>
      <c r="V6586" s="99"/>
      <c r="W6586" s="99"/>
      <c r="X6586" s="99"/>
      <c r="Y6586" s="99"/>
      <c r="Z6586" s="99"/>
      <c r="AA6586" s="99"/>
      <c r="AB6586" s="99"/>
      <c r="AC6586" s="99"/>
      <c r="AD6586" s="99"/>
      <c r="AE6586" s="99"/>
      <c r="AF6586" s="99"/>
      <c r="AG6586" s="99"/>
      <c r="AH6586" s="99"/>
      <c r="AI6586" s="99"/>
      <c r="AJ6586" s="99"/>
      <c r="AK6586" s="99"/>
      <c r="AL6586" s="99"/>
      <c r="AM6586" s="99"/>
      <c r="AN6586" s="99"/>
      <c r="AO6586" s="99"/>
      <c r="AP6586" s="99"/>
      <c r="AQ6586" s="99"/>
      <c r="AR6586" s="99"/>
      <c r="AS6586" s="99"/>
      <c r="AT6586" s="99"/>
      <c r="AU6586" s="99"/>
      <c r="AV6586" s="99"/>
      <c r="AW6586" s="99"/>
      <c r="AX6586" s="99"/>
      <c r="AY6586" s="99"/>
      <c r="AZ6586" s="99"/>
      <c r="BA6586" s="99"/>
      <c r="BB6586" s="107">
        <v>45065</v>
      </c>
    </row>
    <row r="6587" spans="1:54" s="8" customFormat="1" ht="13.95" customHeight="1" x14ac:dyDescent="0.25">
      <c r="A6587" s="15" t="s">
        <v>15674</v>
      </c>
      <c r="B6587" s="110" t="s">
        <v>19886</v>
      </c>
      <c r="C6587" s="98" t="s">
        <v>15675</v>
      </c>
      <c r="D6587" s="98" t="s">
        <v>15676</v>
      </c>
      <c r="E6587" s="98">
        <v>1995</v>
      </c>
      <c r="F6587" s="98">
        <v>369</v>
      </c>
      <c r="G6587" s="98" t="s">
        <v>1</v>
      </c>
      <c r="H6587" s="98">
        <v>0</v>
      </c>
      <c r="I6587" s="98">
        <v>0</v>
      </c>
      <c r="J6587" s="98">
        <v>1</v>
      </c>
      <c r="K6587" s="98">
        <v>0</v>
      </c>
      <c r="L6587" s="98">
        <v>1</v>
      </c>
      <c r="M6587" s="98">
        <v>0</v>
      </c>
      <c r="N6587" s="98">
        <v>0</v>
      </c>
      <c r="O6587" s="98">
        <v>1</v>
      </c>
      <c r="P6587" s="98">
        <v>1</v>
      </c>
      <c r="Q6587" s="98">
        <v>0</v>
      </c>
      <c r="R6587" s="98">
        <v>0</v>
      </c>
      <c r="S6587" s="98">
        <v>0</v>
      </c>
      <c r="T6587" s="98">
        <v>0</v>
      </c>
      <c r="U6587" s="99"/>
      <c r="V6587" s="99"/>
      <c r="W6587" s="99"/>
      <c r="X6587" s="99"/>
      <c r="Y6587" s="99"/>
      <c r="Z6587" s="99"/>
      <c r="AA6587" s="99"/>
      <c r="AB6587" s="99"/>
      <c r="AC6587" s="99"/>
      <c r="AD6587" s="99"/>
      <c r="AE6587" s="99"/>
      <c r="AF6587" s="99"/>
      <c r="AG6587" s="99"/>
      <c r="AH6587" s="99"/>
      <c r="AI6587" s="99"/>
      <c r="AJ6587" s="99"/>
      <c r="AK6587" s="99"/>
      <c r="AL6587" s="99"/>
      <c r="AM6587" s="99"/>
      <c r="AN6587" s="99"/>
      <c r="AO6587" s="99"/>
      <c r="AP6587" s="99"/>
      <c r="AQ6587" s="99"/>
      <c r="AR6587" s="99"/>
      <c r="AS6587" s="99"/>
      <c r="AT6587" s="99"/>
      <c r="AU6587" s="99"/>
      <c r="AV6587" s="99"/>
      <c r="AW6587" s="99"/>
      <c r="AX6587" s="99"/>
      <c r="AY6587" s="99"/>
      <c r="AZ6587" s="99"/>
      <c r="BA6587" s="99"/>
      <c r="BB6587" s="107">
        <v>45065</v>
      </c>
    </row>
    <row r="6588" spans="1:54" s="8" customFormat="1" ht="13.95" customHeight="1" x14ac:dyDescent="0.25">
      <c r="A6588" s="15" t="s">
        <v>15677</v>
      </c>
      <c r="B6588" s="110" t="s">
        <v>19886</v>
      </c>
      <c r="C6588" s="98" t="s">
        <v>15678</v>
      </c>
      <c r="D6588" s="98" t="s">
        <v>15679</v>
      </c>
      <c r="E6588" s="98">
        <v>1999</v>
      </c>
      <c r="F6588" s="98">
        <v>374</v>
      </c>
      <c r="G6588" s="98" t="s">
        <v>1</v>
      </c>
      <c r="H6588" s="98">
        <v>0</v>
      </c>
      <c r="I6588" s="98">
        <v>0</v>
      </c>
      <c r="J6588" s="98">
        <v>1</v>
      </c>
      <c r="K6588" s="98">
        <v>1</v>
      </c>
      <c r="L6588" s="98">
        <v>0</v>
      </c>
      <c r="M6588" s="98">
        <v>0</v>
      </c>
      <c r="N6588" s="98">
        <v>0</v>
      </c>
      <c r="O6588" s="98">
        <v>1</v>
      </c>
      <c r="P6588" s="98">
        <v>0</v>
      </c>
      <c r="Q6588" s="98">
        <v>0</v>
      </c>
      <c r="R6588" s="98">
        <v>1</v>
      </c>
      <c r="S6588" s="98">
        <v>0</v>
      </c>
      <c r="T6588" s="98">
        <v>0</v>
      </c>
      <c r="U6588" s="99"/>
      <c r="V6588" s="99"/>
      <c r="W6588" s="99"/>
      <c r="X6588" s="99"/>
      <c r="Y6588" s="99"/>
      <c r="Z6588" s="99"/>
      <c r="AA6588" s="99"/>
      <c r="AB6588" s="99"/>
      <c r="AC6588" s="99"/>
      <c r="AD6588" s="99"/>
      <c r="AE6588" s="99"/>
      <c r="AF6588" s="99"/>
      <c r="AG6588" s="99"/>
      <c r="AH6588" s="99"/>
      <c r="AI6588" s="99"/>
      <c r="AJ6588" s="99"/>
      <c r="AK6588" s="99"/>
      <c r="AL6588" s="99"/>
      <c r="AM6588" s="99"/>
      <c r="AN6588" s="99"/>
      <c r="AO6588" s="99"/>
      <c r="AP6588" s="99"/>
      <c r="AQ6588" s="99"/>
      <c r="AR6588" s="99"/>
      <c r="AS6588" s="99"/>
      <c r="AT6588" s="99"/>
      <c r="AU6588" s="99"/>
      <c r="AV6588" s="99"/>
      <c r="AW6588" s="99"/>
      <c r="AX6588" s="99"/>
      <c r="AY6588" s="99"/>
      <c r="AZ6588" s="99"/>
      <c r="BA6588" s="99"/>
      <c r="BB6588" s="107">
        <v>45065</v>
      </c>
    </row>
    <row r="6589" spans="1:54" s="8" customFormat="1" ht="13.95" customHeight="1" x14ac:dyDescent="0.25">
      <c r="A6589" s="15" t="s">
        <v>15680</v>
      </c>
      <c r="B6589" s="110" t="s">
        <v>19886</v>
      </c>
      <c r="C6589" s="98" t="s">
        <v>15681</v>
      </c>
      <c r="D6589" s="98" t="s">
        <v>15682</v>
      </c>
      <c r="E6589" s="98">
        <v>1986</v>
      </c>
      <c r="F6589" s="98">
        <v>374</v>
      </c>
      <c r="G6589" s="98" t="s">
        <v>1</v>
      </c>
      <c r="H6589" s="98">
        <v>0</v>
      </c>
      <c r="I6589" s="98">
        <v>0</v>
      </c>
      <c r="J6589" s="98">
        <v>1</v>
      </c>
      <c r="K6589" s="98">
        <v>0</v>
      </c>
      <c r="L6589" s="98">
        <v>1</v>
      </c>
      <c r="M6589" s="98">
        <v>0</v>
      </c>
      <c r="N6589" s="98">
        <v>0</v>
      </c>
      <c r="O6589" s="98">
        <v>1</v>
      </c>
      <c r="P6589" s="98">
        <v>1</v>
      </c>
      <c r="Q6589" s="98">
        <v>0</v>
      </c>
      <c r="R6589" s="98">
        <v>1</v>
      </c>
      <c r="S6589" s="98">
        <v>0</v>
      </c>
      <c r="T6589" s="98">
        <v>0</v>
      </c>
      <c r="U6589" s="99"/>
      <c r="V6589" s="99"/>
      <c r="W6589" s="99"/>
      <c r="X6589" s="99"/>
      <c r="Y6589" s="99"/>
      <c r="Z6589" s="99"/>
      <c r="AA6589" s="99"/>
      <c r="AB6589" s="99"/>
      <c r="AC6589" s="99"/>
      <c r="AD6589" s="99"/>
      <c r="AE6589" s="99"/>
      <c r="AF6589" s="99"/>
      <c r="AG6589" s="99"/>
      <c r="AH6589" s="99"/>
      <c r="AI6589" s="99"/>
      <c r="AJ6589" s="99"/>
      <c r="AK6589" s="99"/>
      <c r="AL6589" s="99"/>
      <c r="AM6589" s="99"/>
      <c r="AN6589" s="99"/>
      <c r="AO6589" s="99"/>
      <c r="AP6589" s="99"/>
      <c r="AQ6589" s="99"/>
      <c r="AR6589" s="99"/>
      <c r="AS6589" s="99"/>
      <c r="AT6589" s="99"/>
      <c r="AU6589" s="99"/>
      <c r="AV6589" s="99"/>
      <c r="AW6589" s="99"/>
      <c r="AX6589" s="99"/>
      <c r="AY6589" s="99"/>
      <c r="AZ6589" s="99"/>
      <c r="BA6589" s="99"/>
      <c r="BB6589" s="107">
        <v>45065</v>
      </c>
    </row>
    <row r="6590" spans="1:54" s="8" customFormat="1" ht="13.95" customHeight="1" x14ac:dyDescent="0.25">
      <c r="A6590" s="15" t="s">
        <v>15683</v>
      </c>
      <c r="B6590" s="110" t="s">
        <v>19886</v>
      </c>
      <c r="C6590" s="98" t="s">
        <v>15684</v>
      </c>
      <c r="D6590" s="98" t="s">
        <v>15685</v>
      </c>
      <c r="E6590" s="98">
        <v>1986</v>
      </c>
      <c r="F6590" s="98">
        <v>385</v>
      </c>
      <c r="G6590" s="98" t="s">
        <v>1</v>
      </c>
      <c r="H6590" s="98">
        <v>0</v>
      </c>
      <c r="I6590" s="98">
        <v>0</v>
      </c>
      <c r="J6590" s="98">
        <v>1</v>
      </c>
      <c r="K6590" s="98">
        <v>0</v>
      </c>
      <c r="L6590" s="98">
        <v>1</v>
      </c>
      <c r="M6590" s="98">
        <v>0</v>
      </c>
      <c r="N6590" s="98">
        <v>0</v>
      </c>
      <c r="O6590" s="98">
        <v>1</v>
      </c>
      <c r="P6590" s="98">
        <v>1</v>
      </c>
      <c r="Q6590" s="98">
        <v>0</v>
      </c>
      <c r="R6590" s="98">
        <v>1</v>
      </c>
      <c r="S6590" s="98">
        <v>0</v>
      </c>
      <c r="T6590" s="98">
        <v>0</v>
      </c>
      <c r="U6590" s="99"/>
      <c r="V6590" s="99"/>
      <c r="W6590" s="99"/>
      <c r="X6590" s="99"/>
      <c r="Y6590" s="99"/>
      <c r="Z6590" s="99"/>
      <c r="AA6590" s="99"/>
      <c r="AB6590" s="99"/>
      <c r="AC6590" s="99"/>
      <c r="AD6590" s="99"/>
      <c r="AE6590" s="99"/>
      <c r="AF6590" s="99"/>
      <c r="AG6590" s="99"/>
      <c r="AH6590" s="99"/>
      <c r="AI6590" s="99"/>
      <c r="AJ6590" s="99"/>
      <c r="AK6590" s="99"/>
      <c r="AL6590" s="99"/>
      <c r="AM6590" s="99"/>
      <c r="AN6590" s="99"/>
      <c r="AO6590" s="99"/>
      <c r="AP6590" s="99"/>
      <c r="AQ6590" s="99"/>
      <c r="AR6590" s="99"/>
      <c r="AS6590" s="99"/>
      <c r="AT6590" s="99"/>
      <c r="AU6590" s="99"/>
      <c r="AV6590" s="99"/>
      <c r="AW6590" s="99"/>
      <c r="AX6590" s="99"/>
      <c r="AY6590" s="99"/>
      <c r="AZ6590" s="99"/>
      <c r="BA6590" s="98" t="s">
        <v>15686</v>
      </c>
      <c r="BB6590" s="107">
        <v>45065</v>
      </c>
    </row>
    <row r="6591" spans="1:54" s="8" customFormat="1" ht="13.95" customHeight="1" x14ac:dyDescent="0.25">
      <c r="A6591" s="15" t="s">
        <v>15687</v>
      </c>
      <c r="B6591" s="110" t="s">
        <v>19886</v>
      </c>
      <c r="C6591" s="98" t="s">
        <v>15688</v>
      </c>
      <c r="D6591" s="98" t="s">
        <v>15689</v>
      </c>
      <c r="E6591" s="98">
        <v>1990</v>
      </c>
      <c r="F6591" s="98">
        <v>398</v>
      </c>
      <c r="G6591" s="98" t="s">
        <v>1</v>
      </c>
      <c r="H6591" s="98">
        <v>0</v>
      </c>
      <c r="I6591" s="98">
        <v>0</v>
      </c>
      <c r="J6591" s="98">
        <v>1</v>
      </c>
      <c r="K6591" s="98">
        <v>1</v>
      </c>
      <c r="L6591" s="98">
        <v>1</v>
      </c>
      <c r="M6591" s="98">
        <v>0</v>
      </c>
      <c r="N6591" s="98">
        <v>0</v>
      </c>
      <c r="O6591" s="98">
        <v>1</v>
      </c>
      <c r="P6591" s="98">
        <v>1</v>
      </c>
      <c r="Q6591" s="98">
        <v>0</v>
      </c>
      <c r="R6591" s="98">
        <v>0</v>
      </c>
      <c r="S6591" s="98">
        <v>0</v>
      </c>
      <c r="T6591" s="98">
        <v>0</v>
      </c>
      <c r="U6591" s="99"/>
      <c r="V6591" s="99"/>
      <c r="W6591" s="99"/>
      <c r="X6591" s="99"/>
      <c r="Y6591" s="99"/>
      <c r="Z6591" s="99"/>
      <c r="AA6591" s="99"/>
      <c r="AB6591" s="99"/>
      <c r="AC6591" s="99"/>
      <c r="AD6591" s="99"/>
      <c r="AE6591" s="99"/>
      <c r="AF6591" s="99"/>
      <c r="AG6591" s="99"/>
      <c r="AH6591" s="99"/>
      <c r="AI6591" s="99"/>
      <c r="AJ6591" s="99"/>
      <c r="AK6591" s="99"/>
      <c r="AL6591" s="99"/>
      <c r="AM6591" s="99"/>
      <c r="AN6591" s="99"/>
      <c r="AO6591" s="99"/>
      <c r="AP6591" s="99"/>
      <c r="AQ6591" s="99"/>
      <c r="AR6591" s="99"/>
      <c r="AS6591" s="99"/>
      <c r="AT6591" s="99"/>
      <c r="AU6591" s="99"/>
      <c r="AV6591" s="99"/>
      <c r="AW6591" s="99"/>
      <c r="AX6591" s="99"/>
      <c r="AY6591" s="99"/>
      <c r="AZ6591" s="99"/>
      <c r="BA6591" s="99"/>
      <c r="BB6591" s="107">
        <v>45065</v>
      </c>
    </row>
    <row r="6592" spans="1:54" s="8" customFormat="1" ht="13.95" customHeight="1" x14ac:dyDescent="0.25">
      <c r="A6592" s="15" t="s">
        <v>15690</v>
      </c>
      <c r="B6592" s="110" t="s">
        <v>19886</v>
      </c>
      <c r="C6592" s="98" t="s">
        <v>15691</v>
      </c>
      <c r="D6592" s="98" t="s">
        <v>15692</v>
      </c>
      <c r="E6592" s="98">
        <v>1986</v>
      </c>
      <c r="F6592" s="98">
        <v>402</v>
      </c>
      <c r="G6592" s="98" t="s">
        <v>1</v>
      </c>
      <c r="H6592" s="98">
        <v>0</v>
      </c>
      <c r="I6592" s="98">
        <v>0</v>
      </c>
      <c r="J6592" s="98">
        <v>1</v>
      </c>
      <c r="K6592" s="98">
        <v>1</v>
      </c>
      <c r="L6592" s="98">
        <v>1</v>
      </c>
      <c r="M6592" s="98">
        <v>0</v>
      </c>
      <c r="N6592" s="98">
        <v>0</v>
      </c>
      <c r="O6592" s="98">
        <v>0</v>
      </c>
      <c r="P6592" s="98">
        <v>1</v>
      </c>
      <c r="Q6592" s="98">
        <v>0</v>
      </c>
      <c r="R6592" s="98">
        <v>1</v>
      </c>
      <c r="S6592" s="98">
        <v>1</v>
      </c>
      <c r="T6592" s="98">
        <v>0</v>
      </c>
      <c r="U6592" s="99"/>
      <c r="V6592" s="99"/>
      <c r="W6592" s="99"/>
      <c r="X6592" s="99"/>
      <c r="Y6592" s="99"/>
      <c r="Z6592" s="99"/>
      <c r="AA6592" s="99"/>
      <c r="AB6592" s="99"/>
      <c r="AC6592" s="99"/>
      <c r="AD6592" s="99"/>
      <c r="AE6592" s="99"/>
      <c r="AF6592" s="99"/>
      <c r="AG6592" s="99"/>
      <c r="AH6592" s="99"/>
      <c r="AI6592" s="99"/>
      <c r="AJ6592" s="99"/>
      <c r="AK6592" s="99"/>
      <c r="AL6592" s="99"/>
      <c r="AM6592" s="99"/>
      <c r="AN6592" s="99"/>
      <c r="AO6592" s="99"/>
      <c r="AP6592" s="99"/>
      <c r="AQ6592" s="99"/>
      <c r="AR6592" s="99"/>
      <c r="AS6592" s="99"/>
      <c r="AT6592" s="99"/>
      <c r="AU6592" s="99"/>
      <c r="AV6592" s="99"/>
      <c r="AW6592" s="99"/>
      <c r="AX6592" s="99"/>
      <c r="AY6592" s="99"/>
      <c r="AZ6592" s="99"/>
      <c r="BA6592" s="99"/>
      <c r="BB6592" s="107">
        <v>45065</v>
      </c>
    </row>
    <row r="6593" spans="1:54" s="8" customFormat="1" ht="13.95" customHeight="1" x14ac:dyDescent="0.25">
      <c r="A6593" s="15" t="s">
        <v>15693</v>
      </c>
      <c r="B6593" s="110" t="s">
        <v>19886</v>
      </c>
      <c r="C6593" s="98" t="s">
        <v>15694</v>
      </c>
      <c r="D6593" s="98" t="s">
        <v>15695</v>
      </c>
      <c r="E6593" s="98">
        <v>1995</v>
      </c>
      <c r="F6593" s="98">
        <v>413</v>
      </c>
      <c r="G6593" s="98" t="s">
        <v>1</v>
      </c>
      <c r="H6593" s="98">
        <v>0</v>
      </c>
      <c r="I6593" s="98">
        <v>0</v>
      </c>
      <c r="J6593" s="98">
        <v>1</v>
      </c>
      <c r="K6593" s="98">
        <v>0</v>
      </c>
      <c r="L6593" s="98">
        <v>1</v>
      </c>
      <c r="M6593" s="98">
        <v>0</v>
      </c>
      <c r="N6593" s="98">
        <v>0</v>
      </c>
      <c r="O6593" s="98">
        <v>1</v>
      </c>
      <c r="P6593" s="98">
        <v>1</v>
      </c>
      <c r="Q6593" s="98">
        <v>0</v>
      </c>
      <c r="R6593" s="98">
        <v>0</v>
      </c>
      <c r="S6593" s="98">
        <v>0</v>
      </c>
      <c r="T6593" s="98">
        <v>0</v>
      </c>
      <c r="U6593" s="99"/>
      <c r="V6593" s="99"/>
      <c r="W6593" s="99"/>
      <c r="X6593" s="99"/>
      <c r="Y6593" s="99"/>
      <c r="Z6593" s="99"/>
      <c r="AA6593" s="99"/>
      <c r="AB6593" s="99"/>
      <c r="AC6593" s="99"/>
      <c r="AD6593" s="99"/>
      <c r="AE6593" s="99"/>
      <c r="AF6593" s="99"/>
      <c r="AG6593" s="99"/>
      <c r="AH6593" s="99"/>
      <c r="AI6593" s="99"/>
      <c r="AJ6593" s="99"/>
      <c r="AK6593" s="99"/>
      <c r="AL6593" s="99"/>
      <c r="AM6593" s="99"/>
      <c r="AN6593" s="99"/>
      <c r="AO6593" s="99"/>
      <c r="AP6593" s="99"/>
      <c r="AQ6593" s="99"/>
      <c r="AR6593" s="99"/>
      <c r="AS6593" s="99"/>
      <c r="AT6593" s="99"/>
      <c r="AU6593" s="99"/>
      <c r="AV6593" s="99"/>
      <c r="AW6593" s="99"/>
      <c r="AX6593" s="99"/>
      <c r="AY6593" s="99"/>
      <c r="AZ6593" s="99"/>
      <c r="BA6593" s="99"/>
      <c r="BB6593" s="107">
        <v>45065</v>
      </c>
    </row>
    <row r="6594" spans="1:54" s="8" customFormat="1" ht="13.95" customHeight="1" x14ac:dyDescent="0.25">
      <c r="A6594" s="15" t="s">
        <v>15696</v>
      </c>
      <c r="B6594" s="110" t="s">
        <v>19886</v>
      </c>
      <c r="C6594" s="98" t="s">
        <v>15697</v>
      </c>
      <c r="D6594" s="98" t="s">
        <v>15698</v>
      </c>
      <c r="E6594" s="98">
        <v>1997</v>
      </c>
      <c r="F6594" s="98">
        <v>416</v>
      </c>
      <c r="G6594" s="98" t="s">
        <v>1</v>
      </c>
      <c r="H6594" s="98">
        <v>0</v>
      </c>
      <c r="I6594" s="98">
        <v>0</v>
      </c>
      <c r="J6594" s="98">
        <v>1</v>
      </c>
      <c r="K6594" s="98">
        <v>0</v>
      </c>
      <c r="L6594" s="98">
        <v>0</v>
      </c>
      <c r="M6594" s="98">
        <v>0</v>
      </c>
      <c r="N6594" s="98">
        <v>0</v>
      </c>
      <c r="O6594" s="98">
        <v>0</v>
      </c>
      <c r="P6594" s="98">
        <v>0</v>
      </c>
      <c r="Q6594" s="98">
        <v>0</v>
      </c>
      <c r="R6594" s="98">
        <v>0</v>
      </c>
      <c r="S6594" s="98">
        <v>0</v>
      </c>
      <c r="T6594" s="98">
        <v>0</v>
      </c>
      <c r="U6594" s="99"/>
      <c r="V6594" s="99"/>
      <c r="W6594" s="99"/>
      <c r="X6594" s="99"/>
      <c r="Y6594" s="99"/>
      <c r="Z6594" s="99"/>
      <c r="AA6594" s="99"/>
      <c r="AB6594" s="99"/>
      <c r="AC6594" s="99"/>
      <c r="AD6594" s="99"/>
      <c r="AE6594" s="99"/>
      <c r="AF6594" s="99"/>
      <c r="AG6594" s="99"/>
      <c r="AH6594" s="99"/>
      <c r="AI6594" s="99"/>
      <c r="AJ6594" s="99"/>
      <c r="AK6594" s="99"/>
      <c r="AL6594" s="99"/>
      <c r="AM6594" s="99"/>
      <c r="AN6594" s="99"/>
      <c r="AO6594" s="99"/>
      <c r="AP6594" s="99"/>
      <c r="AQ6594" s="99"/>
      <c r="AR6594" s="99"/>
      <c r="AS6594" s="99"/>
      <c r="AT6594" s="99"/>
      <c r="AU6594" s="99"/>
      <c r="AV6594" s="99"/>
      <c r="AW6594" s="99"/>
      <c r="AX6594" s="99"/>
      <c r="AY6594" s="99"/>
      <c r="AZ6594" s="99"/>
      <c r="BA6594" s="99"/>
      <c r="BB6594" s="107">
        <v>45065</v>
      </c>
    </row>
    <row r="6595" spans="1:54" s="8" customFormat="1" ht="13.95" customHeight="1" x14ac:dyDescent="0.25">
      <c r="A6595" s="15" t="s">
        <v>15699</v>
      </c>
      <c r="B6595" s="110" t="s">
        <v>19886</v>
      </c>
      <c r="C6595" s="98" t="s">
        <v>15700</v>
      </c>
      <c r="D6595" s="98" t="s">
        <v>15701</v>
      </c>
      <c r="E6595" s="98">
        <v>1986</v>
      </c>
      <c r="F6595" s="98">
        <v>424</v>
      </c>
      <c r="G6595" s="98" t="s">
        <v>1</v>
      </c>
      <c r="H6595" s="98">
        <v>0</v>
      </c>
      <c r="I6595" s="98">
        <v>0</v>
      </c>
      <c r="J6595" s="98">
        <v>1</v>
      </c>
      <c r="K6595" s="98">
        <v>0</v>
      </c>
      <c r="L6595" s="98">
        <v>0</v>
      </c>
      <c r="M6595" s="98">
        <v>0</v>
      </c>
      <c r="N6595" s="98">
        <v>0</v>
      </c>
      <c r="O6595" s="98">
        <v>0</v>
      </c>
      <c r="P6595" s="98">
        <v>0</v>
      </c>
      <c r="Q6595" s="98">
        <v>0</v>
      </c>
      <c r="R6595" s="98">
        <v>0</v>
      </c>
      <c r="S6595" s="98">
        <v>0</v>
      </c>
      <c r="T6595" s="98">
        <v>0</v>
      </c>
      <c r="U6595" s="99"/>
      <c r="V6595" s="99"/>
      <c r="W6595" s="99"/>
      <c r="X6595" s="99"/>
      <c r="Y6595" s="99"/>
      <c r="Z6595" s="99"/>
      <c r="AA6595" s="99"/>
      <c r="AB6595" s="99"/>
      <c r="AC6595" s="99"/>
      <c r="AD6595" s="99"/>
      <c r="AE6595" s="99"/>
      <c r="AF6595" s="99"/>
      <c r="AG6595" s="99"/>
      <c r="AH6595" s="99"/>
      <c r="AI6595" s="99"/>
      <c r="AJ6595" s="99"/>
      <c r="AK6595" s="99"/>
      <c r="AL6595" s="99"/>
      <c r="AM6595" s="99"/>
      <c r="AN6595" s="99"/>
      <c r="AO6595" s="99"/>
      <c r="AP6595" s="99"/>
      <c r="AQ6595" s="99"/>
      <c r="AR6595" s="99"/>
      <c r="AS6595" s="99"/>
      <c r="AT6595" s="99"/>
      <c r="AU6595" s="99"/>
      <c r="AV6595" s="99"/>
      <c r="AW6595" s="99"/>
      <c r="AX6595" s="99"/>
      <c r="AY6595" s="99"/>
      <c r="AZ6595" s="99"/>
      <c r="BA6595" s="99"/>
      <c r="BB6595" s="107">
        <v>45065</v>
      </c>
    </row>
    <row r="6596" spans="1:54" s="8" customFormat="1" ht="13.95" customHeight="1" x14ac:dyDescent="0.25">
      <c r="A6596" s="15" t="s">
        <v>15702</v>
      </c>
      <c r="B6596" s="110" t="s">
        <v>19886</v>
      </c>
      <c r="C6596" s="98" t="s">
        <v>15703</v>
      </c>
      <c r="D6596" s="98" t="s">
        <v>15704</v>
      </c>
      <c r="E6596" s="98">
        <v>1986</v>
      </c>
      <c r="F6596" s="98">
        <v>453</v>
      </c>
      <c r="G6596" s="98" t="s">
        <v>1</v>
      </c>
      <c r="H6596" s="98">
        <v>0</v>
      </c>
      <c r="I6596" s="98">
        <v>0</v>
      </c>
      <c r="J6596" s="98">
        <v>1</v>
      </c>
      <c r="K6596" s="98">
        <v>0</v>
      </c>
      <c r="L6596" s="98">
        <v>1</v>
      </c>
      <c r="M6596" s="98">
        <v>0</v>
      </c>
      <c r="N6596" s="98">
        <v>0</v>
      </c>
      <c r="O6596" s="98">
        <v>0</v>
      </c>
      <c r="P6596" s="98">
        <v>1</v>
      </c>
      <c r="Q6596" s="98">
        <v>0</v>
      </c>
      <c r="R6596" s="98">
        <v>1</v>
      </c>
      <c r="S6596" s="98">
        <v>1</v>
      </c>
      <c r="T6596" s="98">
        <v>0</v>
      </c>
      <c r="U6596" s="99"/>
      <c r="V6596" s="99"/>
      <c r="W6596" s="99"/>
      <c r="X6596" s="99"/>
      <c r="Y6596" s="99"/>
      <c r="Z6596" s="99"/>
      <c r="AA6596" s="99"/>
      <c r="AB6596" s="99"/>
      <c r="AC6596" s="99"/>
      <c r="AD6596" s="99"/>
      <c r="AE6596" s="99"/>
      <c r="AF6596" s="99"/>
      <c r="AG6596" s="99"/>
      <c r="AH6596" s="99"/>
      <c r="AI6596" s="99"/>
      <c r="AJ6596" s="99"/>
      <c r="AK6596" s="99"/>
      <c r="AL6596" s="99"/>
      <c r="AM6596" s="99"/>
      <c r="AN6596" s="99"/>
      <c r="AO6596" s="99"/>
      <c r="AP6596" s="99"/>
      <c r="AQ6596" s="99"/>
      <c r="AR6596" s="99"/>
      <c r="AS6596" s="99"/>
      <c r="AT6596" s="99"/>
      <c r="AU6596" s="99"/>
      <c r="AV6596" s="99"/>
      <c r="AW6596" s="99"/>
      <c r="AX6596" s="99"/>
      <c r="AY6596" s="99"/>
      <c r="AZ6596" s="99"/>
      <c r="BA6596" s="99"/>
      <c r="BB6596" s="107">
        <v>45065</v>
      </c>
    </row>
    <row r="6597" spans="1:54" s="8" customFormat="1" ht="13.95" customHeight="1" x14ac:dyDescent="0.25">
      <c r="A6597" s="15" t="s">
        <v>15705</v>
      </c>
      <c r="B6597" s="110" t="s">
        <v>19886</v>
      </c>
      <c r="C6597" s="98" t="s">
        <v>15706</v>
      </c>
      <c r="D6597" s="98" t="s">
        <v>15707</v>
      </c>
      <c r="E6597" s="98">
        <v>1986</v>
      </c>
      <c r="F6597" s="98">
        <v>460</v>
      </c>
      <c r="G6597" s="98" t="s">
        <v>1</v>
      </c>
      <c r="H6597" s="98">
        <v>0</v>
      </c>
      <c r="I6597" s="98">
        <v>0</v>
      </c>
      <c r="J6597" s="98">
        <v>0</v>
      </c>
      <c r="K6597" s="98">
        <v>0</v>
      </c>
      <c r="L6597" s="98">
        <v>1</v>
      </c>
      <c r="M6597" s="98">
        <v>0</v>
      </c>
      <c r="N6597" s="98">
        <v>0</v>
      </c>
      <c r="O6597" s="98">
        <v>0</v>
      </c>
      <c r="P6597" s="98">
        <v>1</v>
      </c>
      <c r="Q6597" s="98">
        <v>0</v>
      </c>
      <c r="R6597" s="98">
        <v>1</v>
      </c>
      <c r="S6597" s="98">
        <v>0</v>
      </c>
      <c r="T6597" s="98">
        <v>0</v>
      </c>
      <c r="U6597" s="99"/>
      <c r="V6597" s="99"/>
      <c r="W6597" s="99"/>
      <c r="X6597" s="99"/>
      <c r="Y6597" s="99"/>
      <c r="Z6597" s="99"/>
      <c r="AA6597" s="99"/>
      <c r="AB6597" s="99"/>
      <c r="AC6597" s="99"/>
      <c r="AD6597" s="99"/>
      <c r="AE6597" s="99"/>
      <c r="AF6597" s="99"/>
      <c r="AG6597" s="99"/>
      <c r="AH6597" s="99"/>
      <c r="AI6597" s="99"/>
      <c r="AJ6597" s="99"/>
      <c r="AK6597" s="99"/>
      <c r="AL6597" s="99"/>
      <c r="AM6597" s="99"/>
      <c r="AN6597" s="99"/>
      <c r="AO6597" s="99"/>
      <c r="AP6597" s="99"/>
      <c r="AQ6597" s="99"/>
      <c r="AR6597" s="99"/>
      <c r="AS6597" s="99"/>
      <c r="AT6597" s="99"/>
      <c r="AU6597" s="99"/>
      <c r="AV6597" s="99"/>
      <c r="AW6597" s="99"/>
      <c r="AX6597" s="99"/>
      <c r="AY6597" s="99"/>
      <c r="AZ6597" s="99"/>
      <c r="BA6597" s="99"/>
      <c r="BB6597" s="107">
        <v>45065</v>
      </c>
    </row>
    <row r="6598" spans="1:54" s="8" customFormat="1" ht="13.95" customHeight="1" x14ac:dyDescent="0.25">
      <c r="A6598" s="15" t="s">
        <v>15708</v>
      </c>
      <c r="B6598" s="110" t="s">
        <v>19886</v>
      </c>
      <c r="C6598" s="98" t="s">
        <v>15709</v>
      </c>
      <c r="D6598" s="98" t="s">
        <v>15710</v>
      </c>
      <c r="E6598" s="98">
        <v>1986</v>
      </c>
      <c r="F6598" s="98">
        <v>469</v>
      </c>
      <c r="G6598" s="98" t="s">
        <v>1</v>
      </c>
      <c r="H6598" s="98">
        <v>0</v>
      </c>
      <c r="I6598" s="98">
        <v>0</v>
      </c>
      <c r="J6598" s="98">
        <v>1</v>
      </c>
      <c r="K6598" s="98">
        <v>0</v>
      </c>
      <c r="L6598" s="98">
        <v>1</v>
      </c>
      <c r="M6598" s="98">
        <v>0</v>
      </c>
      <c r="N6598" s="98">
        <v>0</v>
      </c>
      <c r="O6598" s="98">
        <v>1</v>
      </c>
      <c r="P6598" s="98">
        <v>1</v>
      </c>
      <c r="Q6598" s="98">
        <v>0</v>
      </c>
      <c r="R6598" s="98">
        <v>1</v>
      </c>
      <c r="S6598" s="98">
        <v>0</v>
      </c>
      <c r="T6598" s="98">
        <v>0</v>
      </c>
      <c r="U6598" s="99"/>
      <c r="V6598" s="99"/>
      <c r="W6598" s="99"/>
      <c r="X6598" s="99"/>
      <c r="Y6598" s="99"/>
      <c r="Z6598" s="99"/>
      <c r="AA6598" s="99"/>
      <c r="AB6598" s="99"/>
      <c r="AC6598" s="99"/>
      <c r="AD6598" s="99"/>
      <c r="AE6598" s="99"/>
      <c r="AF6598" s="99"/>
      <c r="AG6598" s="99"/>
      <c r="AH6598" s="99"/>
      <c r="AI6598" s="99"/>
      <c r="AJ6598" s="99"/>
      <c r="AK6598" s="99"/>
      <c r="AL6598" s="99"/>
      <c r="AM6598" s="99"/>
      <c r="AN6598" s="99"/>
      <c r="AO6598" s="99"/>
      <c r="AP6598" s="99"/>
      <c r="AQ6598" s="99"/>
      <c r="AR6598" s="99"/>
      <c r="AS6598" s="99"/>
      <c r="AT6598" s="99"/>
      <c r="AU6598" s="99"/>
      <c r="AV6598" s="99"/>
      <c r="AW6598" s="99"/>
      <c r="AX6598" s="99"/>
      <c r="AY6598" s="99"/>
      <c r="AZ6598" s="99"/>
      <c r="BA6598" s="99"/>
      <c r="BB6598" s="107">
        <v>45065</v>
      </c>
    </row>
    <row r="6599" spans="1:54" s="8" customFormat="1" ht="13.95" customHeight="1" x14ac:dyDescent="0.25">
      <c r="A6599" s="15" t="s">
        <v>15711</v>
      </c>
      <c r="B6599" s="110" t="s">
        <v>19886</v>
      </c>
      <c r="C6599" s="98" t="s">
        <v>15712</v>
      </c>
      <c r="D6599" s="98" t="s">
        <v>15713</v>
      </c>
      <c r="E6599" s="98">
        <v>1986</v>
      </c>
      <c r="F6599" s="98">
        <v>490</v>
      </c>
      <c r="G6599" s="98" t="s">
        <v>1</v>
      </c>
      <c r="H6599" s="98">
        <v>0</v>
      </c>
      <c r="I6599" s="98">
        <v>0</v>
      </c>
      <c r="J6599" s="98">
        <v>1</v>
      </c>
      <c r="K6599" s="98">
        <v>0</v>
      </c>
      <c r="L6599" s="98">
        <v>1</v>
      </c>
      <c r="M6599" s="98">
        <v>0</v>
      </c>
      <c r="N6599" s="98">
        <v>0</v>
      </c>
      <c r="O6599" s="98">
        <v>1</v>
      </c>
      <c r="P6599" s="98">
        <v>1</v>
      </c>
      <c r="Q6599" s="98">
        <v>0</v>
      </c>
      <c r="R6599" s="98">
        <v>1</v>
      </c>
      <c r="S6599" s="98">
        <v>0</v>
      </c>
      <c r="T6599" s="98">
        <v>0</v>
      </c>
      <c r="U6599" s="99"/>
      <c r="V6599" s="99"/>
      <c r="W6599" s="99"/>
      <c r="X6599" s="99"/>
      <c r="Y6599" s="99"/>
      <c r="Z6599" s="99"/>
      <c r="AA6599" s="99"/>
      <c r="AB6599" s="99"/>
      <c r="AC6599" s="99"/>
      <c r="AD6599" s="99"/>
      <c r="AE6599" s="99"/>
      <c r="AF6599" s="99"/>
      <c r="AG6599" s="99"/>
      <c r="AH6599" s="99"/>
      <c r="AI6599" s="99"/>
      <c r="AJ6599" s="99"/>
      <c r="AK6599" s="99"/>
      <c r="AL6599" s="99"/>
      <c r="AM6599" s="99"/>
      <c r="AN6599" s="99"/>
      <c r="AO6599" s="99"/>
      <c r="AP6599" s="99"/>
      <c r="AQ6599" s="99"/>
      <c r="AR6599" s="99"/>
      <c r="AS6599" s="99"/>
      <c r="AT6599" s="99"/>
      <c r="AU6599" s="99"/>
      <c r="AV6599" s="99"/>
      <c r="AW6599" s="99"/>
      <c r="AX6599" s="99"/>
      <c r="AY6599" s="99"/>
      <c r="AZ6599" s="99"/>
      <c r="BA6599" s="99"/>
      <c r="BB6599" s="107">
        <v>45065</v>
      </c>
    </row>
    <row r="6600" spans="1:54" s="8" customFormat="1" ht="13.95" customHeight="1" x14ac:dyDescent="0.25">
      <c r="A6600" s="15" t="s">
        <v>15714</v>
      </c>
      <c r="B6600" s="110" t="s">
        <v>19886</v>
      </c>
      <c r="C6600" s="98" t="s">
        <v>15715</v>
      </c>
      <c r="D6600" s="98" t="s">
        <v>15716</v>
      </c>
      <c r="E6600" s="98">
        <v>1980</v>
      </c>
      <c r="F6600" s="98">
        <v>512</v>
      </c>
      <c r="G6600" s="98" t="s">
        <v>1</v>
      </c>
      <c r="H6600" s="98">
        <v>0</v>
      </c>
      <c r="I6600" s="98">
        <v>0</v>
      </c>
      <c r="J6600" s="98">
        <v>1</v>
      </c>
      <c r="K6600" s="98">
        <v>0</v>
      </c>
      <c r="L6600" s="98">
        <v>1</v>
      </c>
      <c r="M6600" s="98">
        <v>0</v>
      </c>
      <c r="N6600" s="98">
        <v>1</v>
      </c>
      <c r="O6600" s="98">
        <v>1</v>
      </c>
      <c r="P6600" s="98">
        <v>0</v>
      </c>
      <c r="Q6600" s="98">
        <v>0</v>
      </c>
      <c r="R6600" s="98">
        <v>1</v>
      </c>
      <c r="S6600" s="98">
        <v>1</v>
      </c>
      <c r="T6600" s="98">
        <v>0</v>
      </c>
      <c r="U6600" s="99"/>
      <c r="V6600" s="99"/>
      <c r="W6600" s="99"/>
      <c r="X6600" s="99"/>
      <c r="Y6600" s="99"/>
      <c r="Z6600" s="99"/>
      <c r="AA6600" s="99"/>
      <c r="AB6600" s="99"/>
      <c r="AC6600" s="99"/>
      <c r="AD6600" s="99"/>
      <c r="AE6600" s="99"/>
      <c r="AF6600" s="99"/>
      <c r="AG6600" s="99"/>
      <c r="AH6600" s="99"/>
      <c r="AI6600" s="99"/>
      <c r="AJ6600" s="99"/>
      <c r="AK6600" s="99"/>
      <c r="AL6600" s="99"/>
      <c r="AM6600" s="99"/>
      <c r="AN6600" s="99"/>
      <c r="AO6600" s="99"/>
      <c r="AP6600" s="99"/>
      <c r="AQ6600" s="99"/>
      <c r="AR6600" s="99"/>
      <c r="AS6600" s="99"/>
      <c r="AT6600" s="99"/>
      <c r="AU6600" s="99"/>
      <c r="AV6600" s="99"/>
      <c r="AW6600" s="99"/>
      <c r="AX6600" s="99"/>
      <c r="AY6600" s="99"/>
      <c r="AZ6600" s="99"/>
      <c r="BA6600" s="99"/>
      <c r="BB6600" s="107">
        <v>45065</v>
      </c>
    </row>
    <row r="6601" spans="1:54" s="8" customFormat="1" ht="13.95" customHeight="1" x14ac:dyDescent="0.25">
      <c r="A6601" s="15" t="s">
        <v>15717</v>
      </c>
      <c r="B6601" s="110" t="s">
        <v>19886</v>
      </c>
      <c r="C6601" s="98" t="s">
        <v>15718</v>
      </c>
      <c r="D6601" s="98" t="s">
        <v>15719</v>
      </c>
      <c r="E6601" s="98">
        <v>2013</v>
      </c>
      <c r="F6601" s="98">
        <v>770</v>
      </c>
      <c r="G6601" s="98" t="s">
        <v>1</v>
      </c>
      <c r="H6601" s="98">
        <v>0</v>
      </c>
      <c r="I6601" s="98">
        <v>0</v>
      </c>
      <c r="J6601" s="98">
        <v>1</v>
      </c>
      <c r="K6601" s="98">
        <v>1</v>
      </c>
      <c r="L6601" s="98">
        <v>1</v>
      </c>
      <c r="M6601" s="98">
        <v>0</v>
      </c>
      <c r="N6601" s="98">
        <v>0</v>
      </c>
      <c r="O6601" s="98">
        <v>1</v>
      </c>
      <c r="P6601" s="98">
        <v>1</v>
      </c>
      <c r="Q6601" s="98">
        <v>0</v>
      </c>
      <c r="R6601" s="98">
        <v>1</v>
      </c>
      <c r="S6601" s="98">
        <v>1</v>
      </c>
      <c r="T6601" s="98">
        <v>0</v>
      </c>
      <c r="U6601" s="99"/>
      <c r="V6601" s="99"/>
      <c r="W6601" s="99"/>
      <c r="X6601" s="99"/>
      <c r="Y6601" s="99"/>
      <c r="Z6601" s="99"/>
      <c r="AA6601" s="99"/>
      <c r="AB6601" s="99"/>
      <c r="AC6601" s="99"/>
      <c r="AD6601" s="99"/>
      <c r="AE6601" s="99"/>
      <c r="AF6601" s="99"/>
      <c r="AG6601" s="99"/>
      <c r="AH6601" s="99"/>
      <c r="AI6601" s="99"/>
      <c r="AJ6601" s="99"/>
      <c r="AK6601" s="99"/>
      <c r="AL6601" s="99"/>
      <c r="AM6601" s="99"/>
      <c r="AN6601" s="99"/>
      <c r="AO6601" s="99"/>
      <c r="AP6601" s="99"/>
      <c r="AQ6601" s="99"/>
      <c r="AR6601" s="99"/>
      <c r="AS6601" s="99"/>
      <c r="AT6601" s="99"/>
      <c r="AU6601" s="99"/>
      <c r="AV6601" s="99"/>
      <c r="AW6601" s="99"/>
      <c r="AX6601" s="99"/>
      <c r="AY6601" s="99"/>
      <c r="AZ6601" s="99"/>
      <c r="BA6601" s="99"/>
      <c r="BB6601" s="107">
        <v>45065</v>
      </c>
    </row>
    <row r="6602" spans="1:54" s="8" customFormat="1" ht="13.95" customHeight="1" x14ac:dyDescent="0.25">
      <c r="A6602" s="15" t="s">
        <v>15720</v>
      </c>
      <c r="B6602" s="110" t="s">
        <v>19886</v>
      </c>
      <c r="C6602" s="98" t="s">
        <v>15721</v>
      </c>
      <c r="D6602" s="98" t="s">
        <v>15722</v>
      </c>
      <c r="E6602" s="98">
        <v>1977</v>
      </c>
      <c r="F6602" s="98">
        <v>533</v>
      </c>
      <c r="G6602" s="98" t="s">
        <v>1</v>
      </c>
      <c r="H6602" s="98">
        <v>0</v>
      </c>
      <c r="I6602" s="98">
        <v>0</v>
      </c>
      <c r="J6602" s="98">
        <v>1</v>
      </c>
      <c r="K6602" s="98">
        <v>1</v>
      </c>
      <c r="L6602" s="98">
        <v>1</v>
      </c>
      <c r="M6602" s="98">
        <v>0</v>
      </c>
      <c r="N6602" s="98">
        <v>0</v>
      </c>
      <c r="O6602" s="98">
        <v>0</v>
      </c>
      <c r="P6602" s="98">
        <v>1</v>
      </c>
      <c r="Q6602" s="98">
        <v>0</v>
      </c>
      <c r="R6602" s="98">
        <v>0</v>
      </c>
      <c r="S6602" s="98">
        <v>0</v>
      </c>
      <c r="T6602" s="98">
        <v>0</v>
      </c>
      <c r="U6602" s="99"/>
      <c r="V6602" s="99"/>
      <c r="W6602" s="99"/>
      <c r="X6602" s="99"/>
      <c r="Y6602" s="99"/>
      <c r="Z6602" s="99"/>
      <c r="AA6602" s="99"/>
      <c r="AB6602" s="99"/>
      <c r="AC6602" s="99"/>
      <c r="AD6602" s="99"/>
      <c r="AE6602" s="99"/>
      <c r="AF6602" s="99"/>
      <c r="AG6602" s="99"/>
      <c r="AH6602" s="99"/>
      <c r="AI6602" s="99"/>
      <c r="AJ6602" s="99"/>
      <c r="AK6602" s="99"/>
      <c r="AL6602" s="99"/>
      <c r="AM6602" s="99"/>
      <c r="AN6602" s="99"/>
      <c r="AO6602" s="99"/>
      <c r="AP6602" s="99"/>
      <c r="AQ6602" s="99"/>
      <c r="AR6602" s="99"/>
      <c r="AS6602" s="99"/>
      <c r="AT6602" s="99"/>
      <c r="AU6602" s="99"/>
      <c r="AV6602" s="99"/>
      <c r="AW6602" s="99"/>
      <c r="AX6602" s="99"/>
      <c r="AY6602" s="99"/>
      <c r="AZ6602" s="99"/>
      <c r="BA6602" s="99"/>
      <c r="BB6602" s="107">
        <v>45065</v>
      </c>
    </row>
    <row r="6603" spans="1:54" s="8" customFormat="1" ht="13.95" customHeight="1" x14ac:dyDescent="0.25">
      <c r="A6603" s="15" t="s">
        <v>15723</v>
      </c>
      <c r="B6603" s="110" t="s">
        <v>19886</v>
      </c>
      <c r="C6603" s="98" t="s">
        <v>15724</v>
      </c>
      <c r="D6603" s="98" t="s">
        <v>15725</v>
      </c>
      <c r="E6603" s="98">
        <v>1997</v>
      </c>
      <c r="F6603" s="98">
        <v>543</v>
      </c>
      <c r="G6603" s="98" t="s">
        <v>1</v>
      </c>
      <c r="H6603" s="98">
        <v>0</v>
      </c>
      <c r="I6603" s="98">
        <v>0</v>
      </c>
      <c r="J6603" s="98">
        <v>1</v>
      </c>
      <c r="K6603" s="98">
        <v>0</v>
      </c>
      <c r="L6603" s="98">
        <v>0</v>
      </c>
      <c r="M6603" s="98">
        <v>1</v>
      </c>
      <c r="N6603" s="98">
        <v>0</v>
      </c>
      <c r="O6603" s="98">
        <v>0</v>
      </c>
      <c r="P6603" s="98">
        <v>1</v>
      </c>
      <c r="Q6603" s="98">
        <v>0</v>
      </c>
      <c r="R6603" s="98">
        <v>1</v>
      </c>
      <c r="S6603" s="98">
        <v>0</v>
      </c>
      <c r="T6603" s="98">
        <v>0</v>
      </c>
      <c r="U6603" s="99"/>
      <c r="V6603" s="99"/>
      <c r="W6603" s="99"/>
      <c r="X6603" s="99"/>
      <c r="Y6603" s="99"/>
      <c r="Z6603" s="99"/>
      <c r="AA6603" s="99"/>
      <c r="AB6603" s="99"/>
      <c r="AC6603" s="99"/>
      <c r="AD6603" s="99"/>
      <c r="AE6603" s="99"/>
      <c r="AF6603" s="99"/>
      <c r="AG6603" s="99"/>
      <c r="AH6603" s="99"/>
      <c r="AI6603" s="99"/>
      <c r="AJ6603" s="99"/>
      <c r="AK6603" s="99"/>
      <c r="AL6603" s="99"/>
      <c r="AM6603" s="99"/>
      <c r="AN6603" s="99"/>
      <c r="AO6603" s="99"/>
      <c r="AP6603" s="99"/>
      <c r="AQ6603" s="99"/>
      <c r="AR6603" s="99"/>
      <c r="AS6603" s="99"/>
      <c r="AT6603" s="99"/>
      <c r="AU6603" s="99"/>
      <c r="AV6603" s="99"/>
      <c r="AW6603" s="99"/>
      <c r="AX6603" s="99"/>
      <c r="AY6603" s="99"/>
      <c r="AZ6603" s="99"/>
      <c r="BA6603" s="99"/>
      <c r="BB6603" s="107">
        <v>45065</v>
      </c>
    </row>
    <row r="6604" spans="1:54" s="8" customFormat="1" ht="13.95" customHeight="1" x14ac:dyDescent="0.25">
      <c r="A6604" s="15" t="s">
        <v>15726</v>
      </c>
      <c r="B6604" s="110" t="s">
        <v>19886</v>
      </c>
      <c r="C6604" s="98" t="s">
        <v>15727</v>
      </c>
      <c r="D6604" s="98" t="s">
        <v>15728</v>
      </c>
      <c r="E6604" s="98">
        <v>1977</v>
      </c>
      <c r="F6604" s="98">
        <v>564</v>
      </c>
      <c r="G6604" s="98" t="s">
        <v>1</v>
      </c>
      <c r="H6604" s="98">
        <v>0</v>
      </c>
      <c r="I6604" s="98">
        <v>0</v>
      </c>
      <c r="J6604" s="98">
        <v>0</v>
      </c>
      <c r="K6604" s="98">
        <v>0</v>
      </c>
      <c r="L6604" s="98">
        <v>1</v>
      </c>
      <c r="M6604" s="98">
        <v>0</v>
      </c>
      <c r="N6604" s="98">
        <v>0</v>
      </c>
      <c r="O6604" s="98">
        <v>1</v>
      </c>
      <c r="P6604" s="98">
        <v>1</v>
      </c>
      <c r="Q6604" s="98">
        <v>0</v>
      </c>
      <c r="R6604" s="98">
        <v>1</v>
      </c>
      <c r="S6604" s="98">
        <v>0</v>
      </c>
      <c r="T6604" s="98">
        <v>0</v>
      </c>
      <c r="U6604" s="99"/>
      <c r="V6604" s="99"/>
      <c r="W6604" s="99"/>
      <c r="X6604" s="99"/>
      <c r="Y6604" s="99"/>
      <c r="Z6604" s="99"/>
      <c r="AA6604" s="99"/>
      <c r="AB6604" s="99"/>
      <c r="AC6604" s="99"/>
      <c r="AD6604" s="99"/>
      <c r="AE6604" s="99"/>
      <c r="AF6604" s="99"/>
      <c r="AG6604" s="99"/>
      <c r="AH6604" s="99"/>
      <c r="AI6604" s="99"/>
      <c r="AJ6604" s="99"/>
      <c r="AK6604" s="99"/>
      <c r="AL6604" s="99"/>
      <c r="AM6604" s="99"/>
      <c r="AN6604" s="99"/>
      <c r="AO6604" s="99"/>
      <c r="AP6604" s="99"/>
      <c r="AQ6604" s="99"/>
      <c r="AR6604" s="99"/>
      <c r="AS6604" s="99"/>
      <c r="AT6604" s="99"/>
      <c r="AU6604" s="99"/>
      <c r="AV6604" s="99"/>
      <c r="AW6604" s="99"/>
      <c r="AX6604" s="99"/>
      <c r="AY6604" s="99"/>
      <c r="AZ6604" s="99"/>
      <c r="BA6604" s="99"/>
      <c r="BB6604" s="107">
        <v>45065</v>
      </c>
    </row>
    <row r="6605" spans="1:54" s="8" customFormat="1" ht="13.95" customHeight="1" x14ac:dyDescent="0.25">
      <c r="A6605" s="15" t="s">
        <v>15729</v>
      </c>
      <c r="B6605" s="110" t="s">
        <v>19886</v>
      </c>
      <c r="C6605" s="98" t="s">
        <v>15730</v>
      </c>
      <c r="D6605" s="98" t="s">
        <v>15731</v>
      </c>
      <c r="E6605" s="98">
        <v>1977</v>
      </c>
      <c r="F6605" s="98">
        <v>568</v>
      </c>
      <c r="G6605" s="98" t="s">
        <v>1</v>
      </c>
      <c r="H6605" s="98">
        <v>0</v>
      </c>
      <c r="I6605" s="98">
        <v>0</v>
      </c>
      <c r="J6605" s="98">
        <v>1</v>
      </c>
      <c r="K6605" s="98">
        <v>0</v>
      </c>
      <c r="L6605" s="98">
        <v>1</v>
      </c>
      <c r="M6605" s="98">
        <v>0</v>
      </c>
      <c r="N6605" s="98">
        <v>0</v>
      </c>
      <c r="O6605" s="98">
        <v>1</v>
      </c>
      <c r="P6605" s="98">
        <v>1</v>
      </c>
      <c r="Q6605" s="98">
        <v>1</v>
      </c>
      <c r="R6605" s="98">
        <v>1</v>
      </c>
      <c r="S6605" s="98">
        <v>1</v>
      </c>
      <c r="T6605" s="98">
        <v>0</v>
      </c>
      <c r="U6605" s="99"/>
      <c r="V6605" s="99"/>
      <c r="W6605" s="99"/>
      <c r="X6605" s="99"/>
      <c r="Y6605" s="99"/>
      <c r="Z6605" s="99"/>
      <c r="AA6605" s="99"/>
      <c r="AB6605" s="99"/>
      <c r="AC6605" s="99"/>
      <c r="AD6605" s="99"/>
      <c r="AE6605" s="99"/>
      <c r="AF6605" s="99"/>
      <c r="AG6605" s="99"/>
      <c r="AH6605" s="99"/>
      <c r="AI6605" s="99"/>
      <c r="AJ6605" s="99"/>
      <c r="AK6605" s="99"/>
      <c r="AL6605" s="99"/>
      <c r="AM6605" s="99"/>
      <c r="AN6605" s="99"/>
      <c r="AO6605" s="99"/>
      <c r="AP6605" s="99"/>
      <c r="AQ6605" s="99"/>
      <c r="AR6605" s="99"/>
      <c r="AS6605" s="99"/>
      <c r="AT6605" s="99"/>
      <c r="AU6605" s="99"/>
      <c r="AV6605" s="99"/>
      <c r="AW6605" s="99"/>
      <c r="AX6605" s="99"/>
      <c r="AY6605" s="99"/>
      <c r="AZ6605" s="99"/>
      <c r="BA6605" s="99"/>
      <c r="BB6605" s="107">
        <v>45065</v>
      </c>
    </row>
    <row r="6606" spans="1:54" s="8" customFormat="1" ht="13.95" customHeight="1" x14ac:dyDescent="0.25">
      <c r="A6606" s="15" t="s">
        <v>15732</v>
      </c>
      <c r="B6606" s="110" t="s">
        <v>19886</v>
      </c>
      <c r="C6606" s="98" t="s">
        <v>15733</v>
      </c>
      <c r="D6606" s="98" t="s">
        <v>15734</v>
      </c>
      <c r="E6606" s="98">
        <v>1981</v>
      </c>
      <c r="F6606" s="98">
        <v>573</v>
      </c>
      <c r="G6606" s="98" t="s">
        <v>1</v>
      </c>
      <c r="H6606" s="98">
        <v>0</v>
      </c>
      <c r="I6606" s="98">
        <v>0</v>
      </c>
      <c r="J6606" s="98">
        <v>1</v>
      </c>
      <c r="K6606" s="98">
        <v>1</v>
      </c>
      <c r="L6606" s="98">
        <v>0</v>
      </c>
      <c r="M6606" s="98">
        <v>0</v>
      </c>
      <c r="N6606" s="98">
        <v>0</v>
      </c>
      <c r="O6606" s="98">
        <v>0</v>
      </c>
      <c r="P6606" s="98">
        <v>0</v>
      </c>
      <c r="Q6606" s="98">
        <v>0</v>
      </c>
      <c r="R6606" s="98">
        <v>1</v>
      </c>
      <c r="S6606" s="98">
        <v>0</v>
      </c>
      <c r="T6606" s="98">
        <v>0</v>
      </c>
      <c r="U6606" s="99"/>
      <c r="V6606" s="99"/>
      <c r="W6606" s="99"/>
      <c r="X6606" s="99"/>
      <c r="Y6606" s="99"/>
      <c r="Z6606" s="99"/>
      <c r="AA6606" s="99"/>
      <c r="AB6606" s="99"/>
      <c r="AC6606" s="99"/>
      <c r="AD6606" s="99"/>
      <c r="AE6606" s="99"/>
      <c r="AF6606" s="99"/>
      <c r="AG6606" s="99"/>
      <c r="AH6606" s="99"/>
      <c r="AI6606" s="99"/>
      <c r="AJ6606" s="99"/>
      <c r="AK6606" s="99"/>
      <c r="AL6606" s="99"/>
      <c r="AM6606" s="99"/>
      <c r="AN6606" s="99"/>
      <c r="AO6606" s="99"/>
      <c r="AP6606" s="99"/>
      <c r="AQ6606" s="99"/>
      <c r="AR6606" s="99"/>
      <c r="AS6606" s="99"/>
      <c r="AT6606" s="99"/>
      <c r="AU6606" s="99"/>
      <c r="AV6606" s="99"/>
      <c r="AW6606" s="99"/>
      <c r="AX6606" s="99"/>
      <c r="AY6606" s="99"/>
      <c r="AZ6606" s="99"/>
      <c r="BA6606" s="99"/>
      <c r="BB6606" s="107">
        <v>45065</v>
      </c>
    </row>
    <row r="6607" spans="1:54" s="8" customFormat="1" ht="13.95" customHeight="1" x14ac:dyDescent="0.25">
      <c r="A6607" s="15" t="s">
        <v>15735</v>
      </c>
      <c r="B6607" s="110" t="s">
        <v>19886</v>
      </c>
      <c r="C6607" s="98" t="s">
        <v>15736</v>
      </c>
      <c r="D6607" s="98" t="s">
        <v>15737</v>
      </c>
      <c r="E6607" s="98">
        <v>1984</v>
      </c>
      <c r="F6607" s="98">
        <v>579</v>
      </c>
      <c r="G6607" s="98" t="s">
        <v>1</v>
      </c>
      <c r="H6607" s="98">
        <v>0</v>
      </c>
      <c r="I6607" s="98">
        <v>0</v>
      </c>
      <c r="J6607" s="98">
        <v>1</v>
      </c>
      <c r="K6607" s="98">
        <v>0</v>
      </c>
      <c r="L6607" s="98">
        <v>1</v>
      </c>
      <c r="M6607" s="98">
        <v>0</v>
      </c>
      <c r="N6607" s="98">
        <v>0</v>
      </c>
      <c r="O6607" s="98">
        <v>1</v>
      </c>
      <c r="P6607" s="98">
        <v>1</v>
      </c>
      <c r="Q6607" s="98">
        <v>0</v>
      </c>
      <c r="R6607" s="98">
        <v>1</v>
      </c>
      <c r="S6607" s="98">
        <v>0</v>
      </c>
      <c r="T6607" s="98">
        <v>0</v>
      </c>
      <c r="U6607" s="99"/>
      <c r="V6607" s="99"/>
      <c r="W6607" s="99"/>
      <c r="X6607" s="99"/>
      <c r="Y6607" s="99"/>
      <c r="Z6607" s="99"/>
      <c r="AA6607" s="99"/>
      <c r="AB6607" s="99"/>
      <c r="AC6607" s="99"/>
      <c r="AD6607" s="99"/>
      <c r="AE6607" s="99"/>
      <c r="AF6607" s="99"/>
      <c r="AG6607" s="99"/>
      <c r="AH6607" s="99"/>
      <c r="AI6607" s="99"/>
      <c r="AJ6607" s="99"/>
      <c r="AK6607" s="99"/>
      <c r="AL6607" s="99"/>
      <c r="AM6607" s="99"/>
      <c r="AN6607" s="99"/>
      <c r="AO6607" s="99"/>
      <c r="AP6607" s="99"/>
      <c r="AQ6607" s="99"/>
      <c r="AR6607" s="99"/>
      <c r="AS6607" s="99"/>
      <c r="AT6607" s="99"/>
      <c r="AU6607" s="99"/>
      <c r="AV6607" s="99"/>
      <c r="AW6607" s="99"/>
      <c r="AX6607" s="99"/>
      <c r="AY6607" s="99"/>
      <c r="AZ6607" s="99"/>
      <c r="BA6607" s="99"/>
      <c r="BB6607" s="107">
        <v>45065</v>
      </c>
    </row>
    <row r="6608" spans="1:54" s="8" customFormat="1" ht="13.95" customHeight="1" x14ac:dyDescent="0.25">
      <c r="A6608" s="15" t="s">
        <v>15738</v>
      </c>
      <c r="B6608" s="110" t="s">
        <v>19886</v>
      </c>
      <c r="C6608" s="98" t="s">
        <v>15739</v>
      </c>
      <c r="D6608" s="98" t="s">
        <v>15740</v>
      </c>
      <c r="E6608" s="98">
        <v>1984</v>
      </c>
      <c r="F6608" s="98">
        <v>582</v>
      </c>
      <c r="G6608" s="98" t="s">
        <v>1</v>
      </c>
      <c r="H6608" s="98">
        <v>0</v>
      </c>
      <c r="I6608" s="98">
        <v>0</v>
      </c>
      <c r="J6608" s="98">
        <v>1</v>
      </c>
      <c r="K6608" s="98">
        <v>0</v>
      </c>
      <c r="L6608" s="98">
        <v>1</v>
      </c>
      <c r="M6608" s="98">
        <v>0</v>
      </c>
      <c r="N6608" s="98">
        <v>0</v>
      </c>
      <c r="O6608" s="98">
        <v>1</v>
      </c>
      <c r="P6608" s="98">
        <v>0</v>
      </c>
      <c r="Q6608" s="98">
        <v>1</v>
      </c>
      <c r="R6608" s="98">
        <v>1</v>
      </c>
      <c r="S6608" s="98">
        <v>0</v>
      </c>
      <c r="T6608" s="98">
        <v>0</v>
      </c>
      <c r="U6608" s="99"/>
      <c r="V6608" s="99"/>
      <c r="W6608" s="99"/>
      <c r="X6608" s="99"/>
      <c r="Y6608" s="99"/>
      <c r="Z6608" s="99"/>
      <c r="AA6608" s="99"/>
      <c r="AB6608" s="99"/>
      <c r="AC6608" s="99"/>
      <c r="AD6608" s="99"/>
      <c r="AE6608" s="99"/>
      <c r="AF6608" s="99"/>
      <c r="AG6608" s="99"/>
      <c r="AH6608" s="99"/>
      <c r="AI6608" s="99"/>
      <c r="AJ6608" s="99"/>
      <c r="AK6608" s="99"/>
      <c r="AL6608" s="99"/>
      <c r="AM6608" s="99"/>
      <c r="AN6608" s="99"/>
      <c r="AO6608" s="99"/>
      <c r="AP6608" s="99"/>
      <c r="AQ6608" s="99"/>
      <c r="AR6608" s="99"/>
      <c r="AS6608" s="99"/>
      <c r="AT6608" s="99"/>
      <c r="AU6608" s="99"/>
      <c r="AV6608" s="99"/>
      <c r="AW6608" s="99"/>
      <c r="AX6608" s="99"/>
      <c r="AY6608" s="99"/>
      <c r="AZ6608" s="99"/>
      <c r="BA6608" s="99"/>
      <c r="BB6608" s="107">
        <v>45065</v>
      </c>
    </row>
    <row r="6609" spans="1:54" s="8" customFormat="1" ht="13.95" customHeight="1" x14ac:dyDescent="0.25">
      <c r="A6609" s="15" t="s">
        <v>15741</v>
      </c>
      <c r="B6609" s="110" t="s">
        <v>19886</v>
      </c>
      <c r="C6609" s="98" t="s">
        <v>15742</v>
      </c>
      <c r="D6609" s="98" t="s">
        <v>15743</v>
      </c>
      <c r="E6609" s="98">
        <v>1977</v>
      </c>
      <c r="F6609" s="98">
        <v>585</v>
      </c>
      <c r="G6609" s="98" t="s">
        <v>1</v>
      </c>
      <c r="H6609" s="98">
        <v>0</v>
      </c>
      <c r="I6609" s="98">
        <v>0</v>
      </c>
      <c r="J6609" s="98">
        <v>1</v>
      </c>
      <c r="K6609" s="98">
        <v>0</v>
      </c>
      <c r="L6609" s="98">
        <v>1</v>
      </c>
      <c r="M6609" s="98">
        <v>0</v>
      </c>
      <c r="N6609" s="98">
        <v>0</v>
      </c>
      <c r="O6609" s="98">
        <v>0</v>
      </c>
      <c r="P6609" s="98">
        <v>1</v>
      </c>
      <c r="Q6609" s="98">
        <v>1</v>
      </c>
      <c r="R6609" s="98">
        <v>0</v>
      </c>
      <c r="S6609" s="98">
        <v>0</v>
      </c>
      <c r="T6609" s="98">
        <v>0</v>
      </c>
      <c r="U6609" s="99"/>
      <c r="V6609" s="99"/>
      <c r="W6609" s="99"/>
      <c r="X6609" s="99"/>
      <c r="Y6609" s="99"/>
      <c r="Z6609" s="99"/>
      <c r="AA6609" s="99"/>
      <c r="AB6609" s="99"/>
      <c r="AC6609" s="99"/>
      <c r="AD6609" s="99"/>
      <c r="AE6609" s="99"/>
      <c r="AF6609" s="99"/>
      <c r="AG6609" s="99"/>
      <c r="AH6609" s="99"/>
      <c r="AI6609" s="99"/>
      <c r="AJ6609" s="99"/>
      <c r="AK6609" s="99"/>
      <c r="AL6609" s="99"/>
      <c r="AM6609" s="99"/>
      <c r="AN6609" s="99"/>
      <c r="AO6609" s="99"/>
      <c r="AP6609" s="99"/>
      <c r="AQ6609" s="99"/>
      <c r="AR6609" s="99"/>
      <c r="AS6609" s="99"/>
      <c r="AT6609" s="99"/>
      <c r="AU6609" s="99"/>
      <c r="AV6609" s="99"/>
      <c r="AW6609" s="99"/>
      <c r="AX6609" s="99"/>
      <c r="AY6609" s="99"/>
      <c r="AZ6609" s="99"/>
      <c r="BA6609" s="99"/>
      <c r="BB6609" s="107">
        <v>45065</v>
      </c>
    </row>
    <row r="6610" spans="1:54" s="8" customFormat="1" ht="13.95" customHeight="1" x14ac:dyDescent="0.25">
      <c r="A6610" s="15" t="s">
        <v>15744</v>
      </c>
      <c r="B6610" s="110" t="s">
        <v>19886</v>
      </c>
      <c r="C6610" s="98" t="s">
        <v>15745</v>
      </c>
      <c r="D6610" s="98" t="s">
        <v>15746</v>
      </c>
      <c r="E6610" s="98">
        <v>1995</v>
      </c>
      <c r="F6610" s="98">
        <v>588</v>
      </c>
      <c r="G6610" s="98" t="s">
        <v>1</v>
      </c>
      <c r="H6610" s="98">
        <v>0</v>
      </c>
      <c r="I6610" s="98">
        <v>0</v>
      </c>
      <c r="J6610" s="98">
        <v>1</v>
      </c>
      <c r="K6610" s="98">
        <v>1</v>
      </c>
      <c r="L6610" s="98">
        <v>1</v>
      </c>
      <c r="M6610" s="98">
        <v>0</v>
      </c>
      <c r="N6610" s="98">
        <v>0</v>
      </c>
      <c r="O6610" s="98">
        <v>1</v>
      </c>
      <c r="P6610" s="98">
        <v>1</v>
      </c>
      <c r="Q6610" s="98">
        <v>0</v>
      </c>
      <c r="R6610" s="98">
        <v>0</v>
      </c>
      <c r="S6610" s="98">
        <v>0</v>
      </c>
      <c r="T6610" s="98">
        <v>0</v>
      </c>
      <c r="U6610" s="99"/>
      <c r="V6610" s="99"/>
      <c r="W6610" s="99"/>
      <c r="X6610" s="99"/>
      <c r="Y6610" s="99"/>
      <c r="Z6610" s="99"/>
      <c r="AA6610" s="99"/>
      <c r="AB6610" s="99"/>
      <c r="AC6610" s="99"/>
      <c r="AD6610" s="99"/>
      <c r="AE6610" s="99"/>
      <c r="AF6610" s="99"/>
      <c r="AG6610" s="99"/>
      <c r="AH6610" s="99"/>
      <c r="AI6610" s="99"/>
      <c r="AJ6610" s="99"/>
      <c r="AK6610" s="99"/>
      <c r="AL6610" s="99"/>
      <c r="AM6610" s="99"/>
      <c r="AN6610" s="99"/>
      <c r="AO6610" s="99"/>
      <c r="AP6610" s="99"/>
      <c r="AQ6610" s="99"/>
      <c r="AR6610" s="99"/>
      <c r="AS6610" s="99"/>
      <c r="AT6610" s="99"/>
      <c r="AU6610" s="99"/>
      <c r="AV6610" s="99"/>
      <c r="AW6610" s="99"/>
      <c r="AX6610" s="99"/>
      <c r="AY6610" s="99"/>
      <c r="AZ6610" s="99"/>
      <c r="BA6610" s="99"/>
      <c r="BB6610" s="107">
        <v>45065</v>
      </c>
    </row>
    <row r="6611" spans="1:54" s="8" customFormat="1" ht="13.95" customHeight="1" x14ac:dyDescent="0.25">
      <c r="A6611" s="15" t="s">
        <v>15747</v>
      </c>
      <c r="B6611" s="110" t="s">
        <v>19886</v>
      </c>
      <c r="C6611" s="98" t="s">
        <v>15748</v>
      </c>
      <c r="D6611" s="98" t="s">
        <v>15749</v>
      </c>
      <c r="E6611" s="98">
        <v>1995</v>
      </c>
      <c r="F6611" s="98">
        <v>600</v>
      </c>
      <c r="G6611" s="98" t="s">
        <v>1</v>
      </c>
      <c r="H6611" s="98">
        <v>0</v>
      </c>
      <c r="I6611" s="98">
        <v>0</v>
      </c>
      <c r="J6611" s="98">
        <v>1</v>
      </c>
      <c r="K6611" s="98">
        <v>0</v>
      </c>
      <c r="L6611" s="98">
        <v>0</v>
      </c>
      <c r="M6611" s="98">
        <v>0</v>
      </c>
      <c r="N6611" s="98">
        <v>0</v>
      </c>
      <c r="O6611" s="98">
        <v>0</v>
      </c>
      <c r="P6611" s="98">
        <v>0</v>
      </c>
      <c r="Q6611" s="98">
        <v>0</v>
      </c>
      <c r="R6611" s="98">
        <v>0</v>
      </c>
      <c r="S6611" s="98">
        <v>0</v>
      </c>
      <c r="T6611" s="98">
        <v>0</v>
      </c>
      <c r="U6611" s="99"/>
      <c r="V6611" s="99"/>
      <c r="W6611" s="99"/>
      <c r="X6611" s="99"/>
      <c r="Y6611" s="99"/>
      <c r="Z6611" s="99"/>
      <c r="AA6611" s="99"/>
      <c r="AB6611" s="99"/>
      <c r="AC6611" s="99"/>
      <c r="AD6611" s="99"/>
      <c r="AE6611" s="99"/>
      <c r="AF6611" s="99"/>
      <c r="AG6611" s="99"/>
      <c r="AH6611" s="99"/>
      <c r="AI6611" s="99"/>
      <c r="AJ6611" s="99"/>
      <c r="AK6611" s="99"/>
      <c r="AL6611" s="99"/>
      <c r="AM6611" s="99"/>
      <c r="AN6611" s="99"/>
      <c r="AO6611" s="99"/>
      <c r="AP6611" s="99"/>
      <c r="AQ6611" s="99"/>
      <c r="AR6611" s="99"/>
      <c r="AS6611" s="99"/>
      <c r="AT6611" s="99"/>
      <c r="AU6611" s="99"/>
      <c r="AV6611" s="99"/>
      <c r="AW6611" s="99"/>
      <c r="AX6611" s="99"/>
      <c r="AY6611" s="99"/>
      <c r="AZ6611" s="99"/>
      <c r="BA6611" s="99"/>
      <c r="BB6611" s="107">
        <v>45065</v>
      </c>
    </row>
    <row r="6612" spans="1:54" s="8" customFormat="1" ht="13.95" customHeight="1" x14ac:dyDescent="0.25">
      <c r="A6612" s="15" t="s">
        <v>15750</v>
      </c>
      <c r="B6612" s="110" t="s">
        <v>19886</v>
      </c>
      <c r="C6612" s="98" t="s">
        <v>15751</v>
      </c>
      <c r="D6612" s="98" t="s">
        <v>15752</v>
      </c>
      <c r="E6612" s="98">
        <v>1980</v>
      </c>
      <c r="F6612" s="98">
        <v>602</v>
      </c>
      <c r="G6612" s="98" t="s">
        <v>1</v>
      </c>
      <c r="H6612" s="98">
        <v>0</v>
      </c>
      <c r="I6612" s="98">
        <v>0</v>
      </c>
      <c r="J6612" s="98">
        <v>1</v>
      </c>
      <c r="K6612" s="98">
        <v>0</v>
      </c>
      <c r="L6612" s="98">
        <v>1</v>
      </c>
      <c r="M6612" s="98">
        <v>0</v>
      </c>
      <c r="N6612" s="98">
        <v>0</v>
      </c>
      <c r="O6612" s="98">
        <v>1</v>
      </c>
      <c r="P6612" s="98">
        <v>1</v>
      </c>
      <c r="Q6612" s="98">
        <v>0</v>
      </c>
      <c r="R6612" s="98">
        <v>1</v>
      </c>
      <c r="S6612" s="98">
        <v>0</v>
      </c>
      <c r="T6612" s="98">
        <v>0</v>
      </c>
      <c r="U6612" s="99"/>
      <c r="V6612" s="99"/>
      <c r="W6612" s="99"/>
      <c r="X6612" s="99"/>
      <c r="Y6612" s="99"/>
      <c r="Z6612" s="99"/>
      <c r="AA6612" s="99"/>
      <c r="AB6612" s="99"/>
      <c r="AC6612" s="99"/>
      <c r="AD6612" s="99"/>
      <c r="AE6612" s="99"/>
      <c r="AF6612" s="99"/>
      <c r="AG6612" s="99"/>
      <c r="AH6612" s="99"/>
      <c r="AI6612" s="99"/>
      <c r="AJ6612" s="99"/>
      <c r="AK6612" s="99"/>
      <c r="AL6612" s="99"/>
      <c r="AM6612" s="99"/>
      <c r="AN6612" s="99"/>
      <c r="AO6612" s="99"/>
      <c r="AP6612" s="99"/>
      <c r="AQ6612" s="99"/>
      <c r="AR6612" s="99"/>
      <c r="AS6612" s="99"/>
      <c r="AT6612" s="99"/>
      <c r="AU6612" s="99"/>
      <c r="AV6612" s="99"/>
      <c r="AW6612" s="99"/>
      <c r="AX6612" s="99"/>
      <c r="AY6612" s="99"/>
      <c r="AZ6612" s="99"/>
      <c r="BA6612" s="99"/>
      <c r="BB6612" s="107">
        <v>45065</v>
      </c>
    </row>
    <row r="6613" spans="1:54" s="8" customFormat="1" ht="13.95" customHeight="1" x14ac:dyDescent="0.25">
      <c r="A6613" s="15" t="s">
        <v>15753</v>
      </c>
      <c r="B6613" s="110" t="s">
        <v>19886</v>
      </c>
      <c r="C6613" s="98" t="s">
        <v>15754</v>
      </c>
      <c r="D6613" s="98" t="s">
        <v>15755</v>
      </c>
      <c r="E6613" s="98">
        <v>1986</v>
      </c>
      <c r="F6613" s="98">
        <v>617</v>
      </c>
      <c r="G6613" s="98" t="s">
        <v>1</v>
      </c>
      <c r="H6613" s="98">
        <v>0</v>
      </c>
      <c r="I6613" s="98">
        <v>0</v>
      </c>
      <c r="J6613" s="98">
        <v>1</v>
      </c>
      <c r="K6613" s="98">
        <v>0</v>
      </c>
      <c r="L6613" s="98">
        <v>1</v>
      </c>
      <c r="M6613" s="98">
        <v>0</v>
      </c>
      <c r="N6613" s="98">
        <v>0</v>
      </c>
      <c r="O6613" s="98">
        <v>1</v>
      </c>
      <c r="P6613" s="98">
        <v>1</v>
      </c>
      <c r="Q6613" s="98">
        <v>0</v>
      </c>
      <c r="R6613" s="98">
        <v>1</v>
      </c>
      <c r="S6613" s="98">
        <v>0</v>
      </c>
      <c r="T6613" s="98">
        <v>0</v>
      </c>
      <c r="U6613" s="99"/>
      <c r="V6613" s="99"/>
      <c r="W6613" s="99"/>
      <c r="X6613" s="99"/>
      <c r="Y6613" s="99"/>
      <c r="Z6613" s="99"/>
      <c r="AA6613" s="99"/>
      <c r="AB6613" s="99"/>
      <c r="AC6613" s="99"/>
      <c r="AD6613" s="99"/>
      <c r="AE6613" s="99"/>
      <c r="AF6613" s="99"/>
      <c r="AG6613" s="99"/>
      <c r="AH6613" s="99"/>
      <c r="AI6613" s="99"/>
      <c r="AJ6613" s="99"/>
      <c r="AK6613" s="99"/>
      <c r="AL6613" s="99"/>
      <c r="AM6613" s="99"/>
      <c r="AN6613" s="99"/>
      <c r="AO6613" s="99"/>
      <c r="AP6613" s="99"/>
      <c r="AQ6613" s="99"/>
      <c r="AR6613" s="99"/>
      <c r="AS6613" s="99"/>
      <c r="AT6613" s="99"/>
      <c r="AU6613" s="99"/>
      <c r="AV6613" s="99"/>
      <c r="AW6613" s="99"/>
      <c r="AX6613" s="99"/>
      <c r="AY6613" s="99"/>
      <c r="AZ6613" s="99"/>
      <c r="BA6613" s="99"/>
      <c r="BB6613" s="107">
        <v>45065</v>
      </c>
    </row>
    <row r="6614" spans="1:54" s="8" customFormat="1" ht="13.95" customHeight="1" x14ac:dyDescent="0.25">
      <c r="A6614" s="15" t="s">
        <v>15756</v>
      </c>
      <c r="B6614" s="110" t="s">
        <v>19886</v>
      </c>
      <c r="C6614" s="98" t="s">
        <v>15757</v>
      </c>
      <c r="D6614" s="98" t="s">
        <v>15758</v>
      </c>
      <c r="E6614" s="98">
        <v>1977</v>
      </c>
      <c r="F6614" s="98">
        <v>626</v>
      </c>
      <c r="G6614" s="98" t="s">
        <v>1</v>
      </c>
      <c r="H6614" s="98">
        <v>0</v>
      </c>
      <c r="I6614" s="98">
        <v>0</v>
      </c>
      <c r="J6614" s="98">
        <v>1</v>
      </c>
      <c r="K6614" s="98">
        <v>0</v>
      </c>
      <c r="L6614" s="98">
        <v>0</v>
      </c>
      <c r="M6614" s="98">
        <v>0</v>
      </c>
      <c r="N6614" s="98">
        <v>0</v>
      </c>
      <c r="O6614" s="98">
        <v>1</v>
      </c>
      <c r="P6614" s="98">
        <v>1</v>
      </c>
      <c r="Q6614" s="98">
        <v>0</v>
      </c>
      <c r="R6614" s="98">
        <v>1</v>
      </c>
      <c r="S6614" s="98">
        <v>1</v>
      </c>
      <c r="T6614" s="98">
        <v>0</v>
      </c>
      <c r="U6614" s="99"/>
      <c r="V6614" s="99"/>
      <c r="W6614" s="99"/>
      <c r="X6614" s="99"/>
      <c r="Y6614" s="99"/>
      <c r="Z6614" s="99"/>
      <c r="AA6614" s="99"/>
      <c r="AB6614" s="99"/>
      <c r="AC6614" s="99"/>
      <c r="AD6614" s="99"/>
      <c r="AE6614" s="99"/>
      <c r="AF6614" s="99"/>
      <c r="AG6614" s="99"/>
      <c r="AH6614" s="99"/>
      <c r="AI6614" s="99"/>
      <c r="AJ6614" s="99"/>
      <c r="AK6614" s="99"/>
      <c r="AL6614" s="99"/>
      <c r="AM6614" s="99"/>
      <c r="AN6614" s="99"/>
      <c r="AO6614" s="99"/>
      <c r="AP6614" s="99"/>
      <c r="AQ6614" s="99"/>
      <c r="AR6614" s="99"/>
      <c r="AS6614" s="99"/>
      <c r="AT6614" s="99"/>
      <c r="AU6614" s="99"/>
      <c r="AV6614" s="99"/>
      <c r="AW6614" s="99"/>
      <c r="AX6614" s="99"/>
      <c r="AY6614" s="99"/>
      <c r="AZ6614" s="99"/>
      <c r="BA6614" s="99"/>
      <c r="BB6614" s="107">
        <v>45065</v>
      </c>
    </row>
    <row r="6615" spans="1:54" s="8" customFormat="1" ht="13.95" customHeight="1" x14ac:dyDescent="0.25">
      <c r="A6615" s="15" t="s">
        <v>15759</v>
      </c>
      <c r="B6615" s="110" t="s">
        <v>19886</v>
      </c>
      <c r="C6615" s="98" t="s">
        <v>15760</v>
      </c>
      <c r="D6615" s="98" t="s">
        <v>15761</v>
      </c>
      <c r="E6615" s="98">
        <v>1986</v>
      </c>
      <c r="F6615" s="98">
        <v>630</v>
      </c>
      <c r="G6615" s="98" t="s">
        <v>1</v>
      </c>
      <c r="H6615" s="98">
        <v>0</v>
      </c>
      <c r="I6615" s="98">
        <v>0</v>
      </c>
      <c r="J6615" s="98">
        <v>1</v>
      </c>
      <c r="K6615" s="98">
        <v>0</v>
      </c>
      <c r="L6615" s="98">
        <v>1</v>
      </c>
      <c r="M6615" s="98">
        <v>1</v>
      </c>
      <c r="N6615" s="98">
        <v>0</v>
      </c>
      <c r="O6615" s="98">
        <v>0</v>
      </c>
      <c r="P6615" s="98">
        <v>1</v>
      </c>
      <c r="Q6615" s="98">
        <v>0</v>
      </c>
      <c r="R6615" s="98">
        <v>0</v>
      </c>
      <c r="S6615" s="98">
        <v>0</v>
      </c>
      <c r="T6615" s="98">
        <v>0</v>
      </c>
      <c r="U6615" s="99"/>
      <c r="V6615" s="99"/>
      <c r="W6615" s="99"/>
      <c r="X6615" s="99"/>
      <c r="Y6615" s="99"/>
      <c r="Z6615" s="99"/>
      <c r="AA6615" s="99"/>
      <c r="AB6615" s="99"/>
      <c r="AC6615" s="99"/>
      <c r="AD6615" s="99"/>
      <c r="AE6615" s="99"/>
      <c r="AF6615" s="99"/>
      <c r="AG6615" s="99"/>
      <c r="AH6615" s="99"/>
      <c r="AI6615" s="99"/>
      <c r="AJ6615" s="99"/>
      <c r="AK6615" s="99"/>
      <c r="AL6615" s="99"/>
      <c r="AM6615" s="99"/>
      <c r="AN6615" s="99"/>
      <c r="AO6615" s="99"/>
      <c r="AP6615" s="99"/>
      <c r="AQ6615" s="99"/>
      <c r="AR6615" s="99"/>
      <c r="AS6615" s="99"/>
      <c r="AT6615" s="99"/>
      <c r="AU6615" s="99"/>
      <c r="AV6615" s="99"/>
      <c r="AW6615" s="99"/>
      <c r="AX6615" s="99"/>
      <c r="AY6615" s="99"/>
      <c r="AZ6615" s="99"/>
      <c r="BA6615" s="99"/>
      <c r="BB6615" s="107">
        <v>45065</v>
      </c>
    </row>
    <row r="6616" spans="1:54" s="8" customFormat="1" ht="13.95" customHeight="1" x14ac:dyDescent="0.25">
      <c r="A6616" s="15" t="s">
        <v>15762</v>
      </c>
      <c r="B6616" s="110" t="s">
        <v>19886</v>
      </c>
      <c r="C6616" s="98" t="s">
        <v>15763</v>
      </c>
      <c r="D6616" s="98" t="s">
        <v>15764</v>
      </c>
      <c r="E6616" s="98">
        <v>1995</v>
      </c>
      <c r="F6616" s="98">
        <v>640</v>
      </c>
      <c r="G6616" s="98" t="s">
        <v>1</v>
      </c>
      <c r="H6616" s="98">
        <v>0</v>
      </c>
      <c r="I6616" s="98">
        <v>0</v>
      </c>
      <c r="J6616" s="98">
        <v>1</v>
      </c>
      <c r="K6616" s="98">
        <v>1</v>
      </c>
      <c r="L6616" s="98">
        <v>0</v>
      </c>
      <c r="M6616" s="98">
        <v>0</v>
      </c>
      <c r="N6616" s="98">
        <v>1</v>
      </c>
      <c r="O6616" s="98">
        <v>0</v>
      </c>
      <c r="P6616" s="98">
        <v>0</v>
      </c>
      <c r="Q6616" s="98">
        <v>0</v>
      </c>
      <c r="R6616" s="98">
        <v>1</v>
      </c>
      <c r="S6616" s="98">
        <v>0</v>
      </c>
      <c r="T6616" s="98">
        <v>0</v>
      </c>
      <c r="U6616" s="99"/>
      <c r="V6616" s="99"/>
      <c r="W6616" s="99"/>
      <c r="X6616" s="99"/>
      <c r="Y6616" s="99"/>
      <c r="Z6616" s="99"/>
      <c r="AA6616" s="99"/>
      <c r="AB6616" s="99"/>
      <c r="AC6616" s="99"/>
      <c r="AD6616" s="99"/>
      <c r="AE6616" s="99"/>
      <c r="AF6616" s="99"/>
      <c r="AG6616" s="99"/>
      <c r="AH6616" s="99"/>
      <c r="AI6616" s="99"/>
      <c r="AJ6616" s="99"/>
      <c r="AK6616" s="99"/>
      <c r="AL6616" s="99"/>
      <c r="AM6616" s="99"/>
      <c r="AN6616" s="99"/>
      <c r="AO6616" s="99"/>
      <c r="AP6616" s="99"/>
      <c r="AQ6616" s="99"/>
      <c r="AR6616" s="99"/>
      <c r="AS6616" s="99"/>
      <c r="AT6616" s="99"/>
      <c r="AU6616" s="99"/>
      <c r="AV6616" s="99"/>
      <c r="AW6616" s="99"/>
      <c r="AX6616" s="99"/>
      <c r="AY6616" s="99"/>
      <c r="AZ6616" s="99"/>
      <c r="BA6616" s="99"/>
      <c r="BB6616" s="107">
        <v>45065</v>
      </c>
    </row>
    <row r="6617" spans="1:54" s="8" customFormat="1" ht="13.95" customHeight="1" x14ac:dyDescent="0.25">
      <c r="A6617" s="15" t="s">
        <v>15765</v>
      </c>
      <c r="B6617" s="110" t="s">
        <v>19886</v>
      </c>
      <c r="C6617" s="98" t="s">
        <v>15766</v>
      </c>
      <c r="D6617" s="98" t="s">
        <v>15767</v>
      </c>
      <c r="E6617" s="98">
        <v>1977</v>
      </c>
      <c r="F6617" s="98">
        <v>659</v>
      </c>
      <c r="G6617" s="98" t="s">
        <v>1</v>
      </c>
      <c r="H6617" s="98">
        <v>0</v>
      </c>
      <c r="I6617" s="98">
        <v>0</v>
      </c>
      <c r="J6617" s="98">
        <v>1</v>
      </c>
      <c r="K6617" s="98">
        <v>1</v>
      </c>
      <c r="L6617" s="98">
        <v>1</v>
      </c>
      <c r="M6617" s="98">
        <v>0</v>
      </c>
      <c r="N6617" s="98">
        <v>0</v>
      </c>
      <c r="O6617" s="98">
        <v>0</v>
      </c>
      <c r="P6617" s="98">
        <v>1</v>
      </c>
      <c r="Q6617" s="98">
        <v>0</v>
      </c>
      <c r="R6617" s="98">
        <v>1</v>
      </c>
      <c r="S6617" s="98">
        <v>1</v>
      </c>
      <c r="T6617" s="98">
        <v>0</v>
      </c>
      <c r="U6617" s="99"/>
      <c r="V6617" s="99"/>
      <c r="W6617" s="99"/>
      <c r="X6617" s="99"/>
      <c r="Y6617" s="99"/>
      <c r="Z6617" s="99"/>
      <c r="AA6617" s="99"/>
      <c r="AB6617" s="99"/>
      <c r="AC6617" s="99"/>
      <c r="AD6617" s="99"/>
      <c r="AE6617" s="99"/>
      <c r="AF6617" s="99"/>
      <c r="AG6617" s="99"/>
      <c r="AH6617" s="99"/>
      <c r="AI6617" s="99"/>
      <c r="AJ6617" s="99"/>
      <c r="AK6617" s="99"/>
      <c r="AL6617" s="99"/>
      <c r="AM6617" s="99"/>
      <c r="AN6617" s="99"/>
      <c r="AO6617" s="99"/>
      <c r="AP6617" s="99"/>
      <c r="AQ6617" s="99"/>
      <c r="AR6617" s="99"/>
      <c r="AS6617" s="99"/>
      <c r="AT6617" s="99"/>
      <c r="AU6617" s="99"/>
      <c r="AV6617" s="99"/>
      <c r="AW6617" s="99"/>
      <c r="AX6617" s="99"/>
      <c r="AY6617" s="99"/>
      <c r="AZ6617" s="99"/>
      <c r="BA6617" s="99"/>
      <c r="BB6617" s="107">
        <v>45065</v>
      </c>
    </row>
    <row r="6618" spans="1:54" s="8" customFormat="1" ht="13.95" customHeight="1" x14ac:dyDescent="0.25">
      <c r="A6618" s="15" t="s">
        <v>15768</v>
      </c>
      <c r="B6618" s="110" t="s">
        <v>19886</v>
      </c>
      <c r="C6618" s="98" t="s">
        <v>15769</v>
      </c>
      <c r="D6618" s="98" t="s">
        <v>15770</v>
      </c>
      <c r="E6618" s="98">
        <v>1984</v>
      </c>
      <c r="F6618" s="98">
        <v>659</v>
      </c>
      <c r="G6618" s="98" t="s">
        <v>1</v>
      </c>
      <c r="H6618" s="98">
        <v>0</v>
      </c>
      <c r="I6618" s="98">
        <v>0</v>
      </c>
      <c r="J6618" s="98">
        <v>1</v>
      </c>
      <c r="K6618" s="98">
        <v>0</v>
      </c>
      <c r="L6618" s="98">
        <v>1</v>
      </c>
      <c r="M6618" s="98">
        <v>0</v>
      </c>
      <c r="N6618" s="98">
        <v>0</v>
      </c>
      <c r="O6618" s="98">
        <v>1</v>
      </c>
      <c r="P6618" s="98">
        <v>1</v>
      </c>
      <c r="Q6618" s="98">
        <v>0</v>
      </c>
      <c r="R6618" s="98">
        <v>1</v>
      </c>
      <c r="S6618" s="98">
        <v>1</v>
      </c>
      <c r="T6618" s="98">
        <v>0</v>
      </c>
      <c r="U6618" s="99"/>
      <c r="V6618" s="99"/>
      <c r="W6618" s="99"/>
      <c r="X6618" s="99"/>
      <c r="Y6618" s="99"/>
      <c r="Z6618" s="99"/>
      <c r="AA6618" s="99"/>
      <c r="AB6618" s="99"/>
      <c r="AC6618" s="99"/>
      <c r="AD6618" s="99"/>
      <c r="AE6618" s="99"/>
      <c r="AF6618" s="99"/>
      <c r="AG6618" s="99"/>
      <c r="AH6618" s="99"/>
      <c r="AI6618" s="99"/>
      <c r="AJ6618" s="99"/>
      <c r="AK6618" s="99"/>
      <c r="AL6618" s="99"/>
      <c r="AM6618" s="99"/>
      <c r="AN6618" s="99"/>
      <c r="AO6618" s="99"/>
      <c r="AP6618" s="99"/>
      <c r="AQ6618" s="99"/>
      <c r="AR6618" s="99"/>
      <c r="AS6618" s="99"/>
      <c r="AT6618" s="99"/>
      <c r="AU6618" s="99"/>
      <c r="AV6618" s="99"/>
      <c r="AW6618" s="99"/>
      <c r="AX6618" s="99"/>
      <c r="AY6618" s="99"/>
      <c r="AZ6618" s="99"/>
      <c r="BA6618" s="99"/>
      <c r="BB6618" s="107">
        <v>45065</v>
      </c>
    </row>
    <row r="6619" spans="1:54" s="8" customFormat="1" ht="13.95" customHeight="1" x14ac:dyDescent="0.25">
      <c r="A6619" s="15" t="s">
        <v>15771</v>
      </c>
      <c r="B6619" s="110" t="s">
        <v>19886</v>
      </c>
      <c r="C6619" s="98" t="s">
        <v>15772</v>
      </c>
      <c r="D6619" s="98" t="s">
        <v>15773</v>
      </c>
      <c r="E6619" s="98">
        <v>1977</v>
      </c>
      <c r="F6619" s="98">
        <v>669</v>
      </c>
      <c r="G6619" s="98" t="s">
        <v>1</v>
      </c>
      <c r="H6619" s="98">
        <v>0</v>
      </c>
      <c r="I6619" s="98">
        <v>0</v>
      </c>
      <c r="J6619" s="98">
        <v>1</v>
      </c>
      <c r="K6619" s="98">
        <v>1</v>
      </c>
      <c r="L6619" s="98">
        <v>1</v>
      </c>
      <c r="M6619" s="98">
        <v>0</v>
      </c>
      <c r="N6619" s="98">
        <v>0</v>
      </c>
      <c r="O6619" s="98">
        <v>0</v>
      </c>
      <c r="P6619" s="98">
        <v>1</v>
      </c>
      <c r="Q6619" s="98">
        <v>0</v>
      </c>
      <c r="R6619" s="98">
        <v>1</v>
      </c>
      <c r="S6619" s="98">
        <v>0</v>
      </c>
      <c r="T6619" s="98">
        <v>0</v>
      </c>
      <c r="U6619" s="99"/>
      <c r="V6619" s="99"/>
      <c r="W6619" s="99"/>
      <c r="X6619" s="99"/>
      <c r="Y6619" s="99"/>
      <c r="Z6619" s="99"/>
      <c r="AA6619" s="99"/>
      <c r="AB6619" s="99"/>
      <c r="AC6619" s="99"/>
      <c r="AD6619" s="99"/>
      <c r="AE6619" s="99"/>
      <c r="AF6619" s="99"/>
      <c r="AG6619" s="99"/>
      <c r="AH6619" s="99"/>
      <c r="AI6619" s="99"/>
      <c r="AJ6619" s="99"/>
      <c r="AK6619" s="99"/>
      <c r="AL6619" s="99"/>
      <c r="AM6619" s="99"/>
      <c r="AN6619" s="99"/>
      <c r="AO6619" s="99"/>
      <c r="AP6619" s="99"/>
      <c r="AQ6619" s="99"/>
      <c r="AR6619" s="99"/>
      <c r="AS6619" s="99"/>
      <c r="AT6619" s="99"/>
      <c r="AU6619" s="99"/>
      <c r="AV6619" s="99"/>
      <c r="AW6619" s="99"/>
      <c r="AX6619" s="99"/>
      <c r="AY6619" s="99"/>
      <c r="AZ6619" s="99"/>
      <c r="BA6619" s="99"/>
      <c r="BB6619" s="107">
        <v>45065</v>
      </c>
    </row>
    <row r="6620" spans="1:54" s="8" customFormat="1" ht="13.95" customHeight="1" x14ac:dyDescent="0.25">
      <c r="A6620" s="15" t="s">
        <v>15774</v>
      </c>
      <c r="B6620" s="110" t="s">
        <v>19886</v>
      </c>
      <c r="C6620" s="98" t="s">
        <v>15775</v>
      </c>
      <c r="D6620" s="98" t="s">
        <v>15776</v>
      </c>
      <c r="E6620" s="98">
        <v>1984</v>
      </c>
      <c r="F6620" s="98">
        <v>686</v>
      </c>
      <c r="G6620" s="98" t="s">
        <v>1</v>
      </c>
      <c r="H6620" s="98">
        <v>0</v>
      </c>
      <c r="I6620" s="98">
        <v>0</v>
      </c>
      <c r="J6620" s="98">
        <v>1</v>
      </c>
      <c r="K6620" s="98">
        <v>0</v>
      </c>
      <c r="L6620" s="98">
        <v>1</v>
      </c>
      <c r="M6620" s="98">
        <v>0</v>
      </c>
      <c r="N6620" s="98">
        <v>0</v>
      </c>
      <c r="O6620" s="98">
        <v>1</v>
      </c>
      <c r="P6620" s="98">
        <v>1</v>
      </c>
      <c r="Q6620" s="98">
        <v>1</v>
      </c>
      <c r="R6620" s="98">
        <v>1</v>
      </c>
      <c r="S6620" s="98">
        <v>0</v>
      </c>
      <c r="T6620" s="98">
        <v>0</v>
      </c>
      <c r="U6620" s="99"/>
      <c r="V6620" s="99"/>
      <c r="W6620" s="99"/>
      <c r="X6620" s="99"/>
      <c r="Y6620" s="99"/>
      <c r="Z6620" s="99"/>
      <c r="AA6620" s="99"/>
      <c r="AB6620" s="99"/>
      <c r="AC6620" s="99"/>
      <c r="AD6620" s="99"/>
      <c r="AE6620" s="99"/>
      <c r="AF6620" s="99"/>
      <c r="AG6620" s="99"/>
      <c r="AH6620" s="99"/>
      <c r="AI6620" s="99"/>
      <c r="AJ6620" s="99"/>
      <c r="AK6620" s="99"/>
      <c r="AL6620" s="99"/>
      <c r="AM6620" s="99"/>
      <c r="AN6620" s="99"/>
      <c r="AO6620" s="99"/>
      <c r="AP6620" s="99"/>
      <c r="AQ6620" s="99"/>
      <c r="AR6620" s="99"/>
      <c r="AS6620" s="99"/>
      <c r="AT6620" s="99"/>
      <c r="AU6620" s="99"/>
      <c r="AV6620" s="99"/>
      <c r="AW6620" s="99"/>
      <c r="AX6620" s="99"/>
      <c r="AY6620" s="99"/>
      <c r="AZ6620" s="99"/>
      <c r="BA6620" s="99"/>
      <c r="BB6620" s="107">
        <v>45065</v>
      </c>
    </row>
    <row r="6621" spans="1:54" s="8" customFormat="1" ht="13.95" customHeight="1" x14ac:dyDescent="0.25">
      <c r="A6621" s="15" t="s">
        <v>15777</v>
      </c>
      <c r="B6621" s="110" t="s">
        <v>19886</v>
      </c>
      <c r="C6621" s="98" t="s">
        <v>15778</v>
      </c>
      <c r="D6621" s="98" t="s">
        <v>15779</v>
      </c>
      <c r="E6621" s="98">
        <v>1996</v>
      </c>
      <c r="F6621" s="98">
        <v>715</v>
      </c>
      <c r="G6621" s="98" t="s">
        <v>1</v>
      </c>
      <c r="H6621" s="98">
        <v>0</v>
      </c>
      <c r="I6621" s="98">
        <v>0</v>
      </c>
      <c r="J6621" s="98">
        <v>1</v>
      </c>
      <c r="K6621" s="98">
        <v>1</v>
      </c>
      <c r="L6621" s="98">
        <v>1</v>
      </c>
      <c r="M6621" s="98">
        <v>0</v>
      </c>
      <c r="N6621" s="98">
        <v>0</v>
      </c>
      <c r="O6621" s="98">
        <v>1</v>
      </c>
      <c r="P6621" s="98">
        <v>1</v>
      </c>
      <c r="Q6621" s="98">
        <v>0</v>
      </c>
      <c r="R6621" s="98">
        <v>1</v>
      </c>
      <c r="S6621" s="98">
        <v>0</v>
      </c>
      <c r="T6621" s="98">
        <v>0</v>
      </c>
      <c r="U6621" s="99"/>
      <c r="V6621" s="99"/>
      <c r="W6621" s="99"/>
      <c r="X6621" s="99"/>
      <c r="Y6621" s="99"/>
      <c r="Z6621" s="99"/>
      <c r="AA6621" s="99"/>
      <c r="AB6621" s="99"/>
      <c r="AC6621" s="99"/>
      <c r="AD6621" s="99"/>
      <c r="AE6621" s="99"/>
      <c r="AF6621" s="99"/>
      <c r="AG6621" s="99"/>
      <c r="AH6621" s="99"/>
      <c r="AI6621" s="99"/>
      <c r="AJ6621" s="99"/>
      <c r="AK6621" s="99"/>
      <c r="AL6621" s="99"/>
      <c r="AM6621" s="99"/>
      <c r="AN6621" s="99"/>
      <c r="AO6621" s="99"/>
      <c r="AP6621" s="99"/>
      <c r="AQ6621" s="99"/>
      <c r="AR6621" s="99"/>
      <c r="AS6621" s="99"/>
      <c r="AT6621" s="99"/>
      <c r="AU6621" s="99"/>
      <c r="AV6621" s="99"/>
      <c r="AW6621" s="99"/>
      <c r="AX6621" s="99"/>
      <c r="AY6621" s="99"/>
      <c r="AZ6621" s="99"/>
      <c r="BA6621" s="99"/>
      <c r="BB6621" s="107">
        <v>45065</v>
      </c>
    </row>
    <row r="6622" spans="1:54" s="8" customFormat="1" ht="13.95" customHeight="1" x14ac:dyDescent="0.25">
      <c r="A6622" s="15" t="s">
        <v>15780</v>
      </c>
      <c r="B6622" s="110" t="s">
        <v>19886</v>
      </c>
      <c r="C6622" s="98" t="s">
        <v>15781</v>
      </c>
      <c r="D6622" s="98" t="s">
        <v>15782</v>
      </c>
      <c r="E6622" s="98">
        <v>1984</v>
      </c>
      <c r="F6622" s="98">
        <v>726</v>
      </c>
      <c r="G6622" s="98" t="s">
        <v>1</v>
      </c>
      <c r="H6622" s="98">
        <v>0</v>
      </c>
      <c r="I6622" s="98">
        <v>0</v>
      </c>
      <c r="J6622" s="98">
        <v>0</v>
      </c>
      <c r="K6622" s="98">
        <v>0</v>
      </c>
      <c r="L6622" s="98">
        <v>1</v>
      </c>
      <c r="M6622" s="98">
        <v>0</v>
      </c>
      <c r="N6622" s="98">
        <v>0</v>
      </c>
      <c r="O6622" s="98">
        <v>1</v>
      </c>
      <c r="P6622" s="98">
        <v>1</v>
      </c>
      <c r="Q6622" s="98">
        <v>0</v>
      </c>
      <c r="R6622" s="98">
        <v>1</v>
      </c>
      <c r="S6622" s="98">
        <v>0</v>
      </c>
      <c r="T6622" s="98">
        <v>0</v>
      </c>
      <c r="U6622" s="99"/>
      <c r="V6622" s="99"/>
      <c r="W6622" s="99"/>
      <c r="X6622" s="99"/>
      <c r="Y6622" s="99"/>
      <c r="Z6622" s="99"/>
      <c r="AA6622" s="99"/>
      <c r="AB6622" s="99"/>
      <c r="AC6622" s="99"/>
      <c r="AD6622" s="99"/>
      <c r="AE6622" s="99"/>
      <c r="AF6622" s="99"/>
      <c r="AG6622" s="99"/>
      <c r="AH6622" s="99"/>
      <c r="AI6622" s="99"/>
      <c r="AJ6622" s="99"/>
      <c r="AK6622" s="99"/>
      <c r="AL6622" s="99"/>
      <c r="AM6622" s="99"/>
      <c r="AN6622" s="99"/>
      <c r="AO6622" s="99"/>
      <c r="AP6622" s="99"/>
      <c r="AQ6622" s="99"/>
      <c r="AR6622" s="99"/>
      <c r="AS6622" s="99"/>
      <c r="AT6622" s="99"/>
      <c r="AU6622" s="99"/>
      <c r="AV6622" s="99"/>
      <c r="AW6622" s="99"/>
      <c r="AX6622" s="99"/>
      <c r="AY6622" s="99"/>
      <c r="AZ6622" s="99"/>
      <c r="BA6622" s="99"/>
      <c r="BB6622" s="107">
        <v>45065</v>
      </c>
    </row>
    <row r="6623" spans="1:54" s="8" customFormat="1" ht="13.95" customHeight="1" x14ac:dyDescent="0.25">
      <c r="A6623" s="15" t="s">
        <v>15783</v>
      </c>
      <c r="B6623" s="110" t="s">
        <v>19886</v>
      </c>
      <c r="C6623" s="98" t="s">
        <v>15784</v>
      </c>
      <c r="D6623" s="98" t="s">
        <v>15785</v>
      </c>
      <c r="E6623" s="98">
        <v>1998</v>
      </c>
      <c r="F6623" s="98">
        <v>730</v>
      </c>
      <c r="G6623" s="98" t="s">
        <v>1</v>
      </c>
      <c r="H6623" s="98">
        <v>0</v>
      </c>
      <c r="I6623" s="98">
        <v>0</v>
      </c>
      <c r="J6623" s="98">
        <v>1</v>
      </c>
      <c r="K6623" s="98">
        <v>0</v>
      </c>
      <c r="L6623" s="98">
        <v>1</v>
      </c>
      <c r="M6623" s="98">
        <v>1</v>
      </c>
      <c r="N6623" s="98">
        <v>0</v>
      </c>
      <c r="O6623" s="98">
        <v>0</v>
      </c>
      <c r="P6623" s="98">
        <v>1</v>
      </c>
      <c r="Q6623" s="98">
        <v>0</v>
      </c>
      <c r="R6623" s="98">
        <v>1</v>
      </c>
      <c r="S6623" s="98">
        <v>0</v>
      </c>
      <c r="T6623" s="98">
        <v>0</v>
      </c>
      <c r="U6623" s="99"/>
      <c r="V6623" s="99"/>
      <c r="W6623" s="99"/>
      <c r="X6623" s="99"/>
      <c r="Y6623" s="99"/>
      <c r="Z6623" s="99"/>
      <c r="AA6623" s="99"/>
      <c r="AB6623" s="99"/>
      <c r="AC6623" s="99"/>
      <c r="AD6623" s="99"/>
      <c r="AE6623" s="99"/>
      <c r="AF6623" s="99"/>
      <c r="AG6623" s="99"/>
      <c r="AH6623" s="99"/>
      <c r="AI6623" s="99"/>
      <c r="AJ6623" s="99"/>
      <c r="AK6623" s="99"/>
      <c r="AL6623" s="99"/>
      <c r="AM6623" s="99"/>
      <c r="AN6623" s="99"/>
      <c r="AO6623" s="99"/>
      <c r="AP6623" s="99"/>
      <c r="AQ6623" s="99"/>
      <c r="AR6623" s="99"/>
      <c r="AS6623" s="99"/>
      <c r="AT6623" s="99"/>
      <c r="AU6623" s="99"/>
      <c r="AV6623" s="99"/>
      <c r="AW6623" s="99"/>
      <c r="AX6623" s="99"/>
      <c r="AY6623" s="99"/>
      <c r="AZ6623" s="99"/>
      <c r="BA6623" s="99"/>
      <c r="BB6623" s="107">
        <v>45065</v>
      </c>
    </row>
    <row r="6624" spans="1:54" s="8" customFormat="1" ht="13.95" customHeight="1" x14ac:dyDescent="0.25">
      <c r="A6624" s="15" t="s">
        <v>15786</v>
      </c>
      <c r="B6624" s="110" t="s">
        <v>19886</v>
      </c>
      <c r="C6624" s="98" t="s">
        <v>15787</v>
      </c>
      <c r="D6624" s="98" t="s">
        <v>15788</v>
      </c>
      <c r="E6624" s="98">
        <v>1977</v>
      </c>
      <c r="F6624" s="98">
        <v>730</v>
      </c>
      <c r="G6624" s="98" t="s">
        <v>1</v>
      </c>
      <c r="H6624" s="98">
        <v>0</v>
      </c>
      <c r="I6624" s="98">
        <v>0</v>
      </c>
      <c r="J6624" s="98">
        <v>1</v>
      </c>
      <c r="K6624" s="98">
        <v>0</v>
      </c>
      <c r="L6624" s="98">
        <v>1</v>
      </c>
      <c r="M6624" s="98">
        <v>0</v>
      </c>
      <c r="N6624" s="98">
        <v>0</v>
      </c>
      <c r="O6624" s="98">
        <v>1</v>
      </c>
      <c r="P6624" s="98">
        <v>1</v>
      </c>
      <c r="Q6624" s="98">
        <v>0</v>
      </c>
      <c r="R6624" s="98">
        <v>1</v>
      </c>
      <c r="S6624" s="98">
        <v>0</v>
      </c>
      <c r="T6624" s="98">
        <v>0</v>
      </c>
      <c r="U6624" s="99"/>
      <c r="V6624" s="99"/>
      <c r="W6624" s="99"/>
      <c r="X6624" s="99"/>
      <c r="Y6624" s="99"/>
      <c r="Z6624" s="99"/>
      <c r="AA6624" s="99"/>
      <c r="AB6624" s="99"/>
      <c r="AC6624" s="99"/>
      <c r="AD6624" s="99"/>
      <c r="AE6624" s="99"/>
      <c r="AF6624" s="99"/>
      <c r="AG6624" s="99"/>
      <c r="AH6624" s="99"/>
      <c r="AI6624" s="99"/>
      <c r="AJ6624" s="99"/>
      <c r="AK6624" s="99"/>
      <c r="AL6624" s="99"/>
      <c r="AM6624" s="99"/>
      <c r="AN6624" s="99"/>
      <c r="AO6624" s="99"/>
      <c r="AP6624" s="99"/>
      <c r="AQ6624" s="99"/>
      <c r="AR6624" s="99"/>
      <c r="AS6624" s="99"/>
      <c r="AT6624" s="99"/>
      <c r="AU6624" s="99"/>
      <c r="AV6624" s="99"/>
      <c r="AW6624" s="99"/>
      <c r="AX6624" s="99"/>
      <c r="AY6624" s="99"/>
      <c r="AZ6624" s="99"/>
      <c r="BA6624" s="99"/>
      <c r="BB6624" s="107">
        <v>45065</v>
      </c>
    </row>
    <row r="6625" spans="1:54" s="8" customFormat="1" ht="13.95" customHeight="1" x14ac:dyDescent="0.25">
      <c r="A6625" s="15" t="s">
        <v>15789</v>
      </c>
      <c r="B6625" s="110" t="s">
        <v>19886</v>
      </c>
      <c r="C6625" s="98" t="s">
        <v>15790</v>
      </c>
      <c r="D6625" s="98" t="s">
        <v>15791</v>
      </c>
      <c r="E6625" s="98">
        <v>2006</v>
      </c>
      <c r="F6625" s="98">
        <v>745</v>
      </c>
      <c r="G6625" s="98" t="s">
        <v>1</v>
      </c>
      <c r="H6625" s="98">
        <v>0</v>
      </c>
      <c r="I6625" s="98">
        <v>0</v>
      </c>
      <c r="J6625" s="98">
        <v>1</v>
      </c>
      <c r="K6625" s="98">
        <v>0</v>
      </c>
      <c r="L6625" s="98">
        <v>0</v>
      </c>
      <c r="M6625" s="98">
        <v>0</v>
      </c>
      <c r="N6625" s="98">
        <v>1</v>
      </c>
      <c r="O6625" s="98">
        <v>1</v>
      </c>
      <c r="P6625" s="98">
        <v>0</v>
      </c>
      <c r="Q6625" s="98">
        <v>0</v>
      </c>
      <c r="R6625" s="98">
        <v>1</v>
      </c>
      <c r="S6625" s="98">
        <v>0</v>
      </c>
      <c r="T6625" s="98">
        <v>0</v>
      </c>
      <c r="U6625" s="99"/>
      <c r="V6625" s="99"/>
      <c r="W6625" s="99"/>
      <c r="X6625" s="99"/>
      <c r="Y6625" s="99"/>
      <c r="Z6625" s="99"/>
      <c r="AA6625" s="99"/>
      <c r="AB6625" s="99"/>
      <c r="AC6625" s="99"/>
      <c r="AD6625" s="99"/>
      <c r="AE6625" s="99"/>
      <c r="AF6625" s="99"/>
      <c r="AG6625" s="99"/>
      <c r="AH6625" s="99"/>
      <c r="AI6625" s="99"/>
      <c r="AJ6625" s="99"/>
      <c r="AK6625" s="99"/>
      <c r="AL6625" s="99"/>
      <c r="AM6625" s="99"/>
      <c r="AN6625" s="99"/>
      <c r="AO6625" s="99"/>
      <c r="AP6625" s="99"/>
      <c r="AQ6625" s="99"/>
      <c r="AR6625" s="99"/>
      <c r="AS6625" s="99"/>
      <c r="AT6625" s="99"/>
      <c r="AU6625" s="99"/>
      <c r="AV6625" s="99"/>
      <c r="AW6625" s="99"/>
      <c r="AX6625" s="99"/>
      <c r="AY6625" s="99"/>
      <c r="AZ6625" s="99"/>
      <c r="BA6625" s="99"/>
      <c r="BB6625" s="107">
        <v>45065</v>
      </c>
    </row>
    <row r="6626" spans="1:54" s="8" customFormat="1" ht="13.95" customHeight="1" x14ac:dyDescent="0.25">
      <c r="A6626" s="15" t="s">
        <v>15792</v>
      </c>
      <c r="B6626" s="110" t="s">
        <v>19886</v>
      </c>
      <c r="C6626" s="98" t="s">
        <v>15793</v>
      </c>
      <c r="D6626" s="98" t="s">
        <v>15794</v>
      </c>
      <c r="E6626" s="98">
        <v>1999</v>
      </c>
      <c r="F6626" s="98">
        <v>753</v>
      </c>
      <c r="G6626" s="98" t="s">
        <v>1</v>
      </c>
      <c r="H6626" s="98">
        <v>0</v>
      </c>
      <c r="I6626" s="98">
        <v>0</v>
      </c>
      <c r="J6626" s="98">
        <v>1</v>
      </c>
      <c r="K6626" s="98">
        <v>1</v>
      </c>
      <c r="L6626" s="98">
        <v>1</v>
      </c>
      <c r="M6626" s="98">
        <v>0</v>
      </c>
      <c r="N6626" s="98">
        <v>0</v>
      </c>
      <c r="O6626" s="98">
        <v>1</v>
      </c>
      <c r="P6626" s="98">
        <v>1</v>
      </c>
      <c r="Q6626" s="98">
        <v>1</v>
      </c>
      <c r="R6626" s="98">
        <v>1</v>
      </c>
      <c r="S6626" s="98">
        <v>0</v>
      </c>
      <c r="T6626" s="98">
        <v>0</v>
      </c>
      <c r="U6626" s="99"/>
      <c r="V6626" s="99"/>
      <c r="W6626" s="99"/>
      <c r="X6626" s="99"/>
      <c r="Y6626" s="99"/>
      <c r="Z6626" s="99"/>
      <c r="AA6626" s="99"/>
      <c r="AB6626" s="99"/>
      <c r="AC6626" s="99"/>
      <c r="AD6626" s="99"/>
      <c r="AE6626" s="99"/>
      <c r="AF6626" s="99"/>
      <c r="AG6626" s="99"/>
      <c r="AH6626" s="99"/>
      <c r="AI6626" s="99"/>
      <c r="AJ6626" s="99"/>
      <c r="AK6626" s="99"/>
      <c r="AL6626" s="99"/>
      <c r="AM6626" s="99"/>
      <c r="AN6626" s="99"/>
      <c r="AO6626" s="99"/>
      <c r="AP6626" s="99"/>
      <c r="AQ6626" s="99"/>
      <c r="AR6626" s="99"/>
      <c r="AS6626" s="99"/>
      <c r="AT6626" s="99"/>
      <c r="AU6626" s="99"/>
      <c r="AV6626" s="99"/>
      <c r="AW6626" s="99"/>
      <c r="AX6626" s="99"/>
      <c r="AY6626" s="99"/>
      <c r="AZ6626" s="99"/>
      <c r="BA6626" s="99"/>
      <c r="BB6626" s="107">
        <v>45065</v>
      </c>
    </row>
    <row r="6627" spans="1:54" s="8" customFormat="1" ht="13.95" customHeight="1" x14ac:dyDescent="0.25">
      <c r="A6627" s="15" t="s">
        <v>15795</v>
      </c>
      <c r="B6627" s="110" t="s">
        <v>19886</v>
      </c>
      <c r="C6627" s="98" t="s">
        <v>15796</v>
      </c>
      <c r="D6627" s="98" t="s">
        <v>15797</v>
      </c>
      <c r="E6627" s="98">
        <v>1977</v>
      </c>
      <c r="F6627" s="98">
        <v>768</v>
      </c>
      <c r="G6627" s="98" t="s">
        <v>1</v>
      </c>
      <c r="H6627" s="98">
        <v>0</v>
      </c>
      <c r="I6627" s="98">
        <v>0</v>
      </c>
      <c r="J6627" s="98">
        <v>1</v>
      </c>
      <c r="K6627" s="98">
        <v>0</v>
      </c>
      <c r="L6627" s="98">
        <v>1</v>
      </c>
      <c r="M6627" s="98">
        <v>0</v>
      </c>
      <c r="N6627" s="98">
        <v>0</v>
      </c>
      <c r="O6627" s="98">
        <v>1</v>
      </c>
      <c r="P6627" s="98">
        <v>1</v>
      </c>
      <c r="Q6627" s="98">
        <v>1</v>
      </c>
      <c r="R6627" s="98">
        <v>1</v>
      </c>
      <c r="S6627" s="98">
        <v>0</v>
      </c>
      <c r="T6627" s="98">
        <v>0</v>
      </c>
      <c r="U6627" s="99"/>
      <c r="V6627" s="99"/>
      <c r="W6627" s="99"/>
      <c r="X6627" s="99"/>
      <c r="Y6627" s="99"/>
      <c r="Z6627" s="99"/>
      <c r="AA6627" s="99"/>
      <c r="AB6627" s="99"/>
      <c r="AC6627" s="99"/>
      <c r="AD6627" s="99"/>
      <c r="AE6627" s="99"/>
      <c r="AF6627" s="99"/>
      <c r="AG6627" s="99"/>
      <c r="AH6627" s="99"/>
      <c r="AI6627" s="99"/>
      <c r="AJ6627" s="99"/>
      <c r="AK6627" s="99"/>
      <c r="AL6627" s="99"/>
      <c r="AM6627" s="99"/>
      <c r="AN6627" s="99"/>
      <c r="AO6627" s="99"/>
      <c r="AP6627" s="99"/>
      <c r="AQ6627" s="99"/>
      <c r="AR6627" s="99"/>
      <c r="AS6627" s="99"/>
      <c r="AT6627" s="99"/>
      <c r="AU6627" s="99"/>
      <c r="AV6627" s="99"/>
      <c r="AW6627" s="99"/>
      <c r="AX6627" s="99"/>
      <c r="AY6627" s="99"/>
      <c r="AZ6627" s="99"/>
      <c r="BA6627" s="99"/>
      <c r="BB6627" s="107">
        <v>45065</v>
      </c>
    </row>
    <row r="6628" spans="1:54" s="8" customFormat="1" ht="13.95" customHeight="1" x14ac:dyDescent="0.25">
      <c r="A6628" s="15" t="s">
        <v>15798</v>
      </c>
      <c r="B6628" s="110" t="s">
        <v>19886</v>
      </c>
      <c r="C6628" s="98" t="s">
        <v>15799</v>
      </c>
      <c r="D6628" s="98" t="s">
        <v>15800</v>
      </c>
      <c r="E6628" s="98">
        <v>1977</v>
      </c>
      <c r="F6628" s="98">
        <v>806</v>
      </c>
      <c r="G6628" s="98" t="s">
        <v>1</v>
      </c>
      <c r="H6628" s="98">
        <v>0</v>
      </c>
      <c r="I6628" s="98">
        <v>0</v>
      </c>
      <c r="J6628" s="98">
        <v>1</v>
      </c>
      <c r="K6628" s="98">
        <v>0</v>
      </c>
      <c r="L6628" s="98">
        <v>0</v>
      </c>
      <c r="M6628" s="98">
        <v>0</v>
      </c>
      <c r="N6628" s="98">
        <v>1</v>
      </c>
      <c r="O6628" s="98">
        <v>1</v>
      </c>
      <c r="P6628" s="98">
        <v>1</v>
      </c>
      <c r="Q6628" s="98">
        <v>0</v>
      </c>
      <c r="R6628" s="98">
        <v>1</v>
      </c>
      <c r="S6628" s="98">
        <v>0</v>
      </c>
      <c r="T6628" s="98">
        <v>0</v>
      </c>
      <c r="U6628" s="99"/>
      <c r="V6628" s="99"/>
      <c r="W6628" s="99"/>
      <c r="X6628" s="99"/>
      <c r="Y6628" s="99"/>
      <c r="Z6628" s="99"/>
      <c r="AA6628" s="99"/>
      <c r="AB6628" s="99"/>
      <c r="AC6628" s="99"/>
      <c r="AD6628" s="99"/>
      <c r="AE6628" s="99"/>
      <c r="AF6628" s="99"/>
      <c r="AG6628" s="99"/>
      <c r="AH6628" s="99"/>
      <c r="AI6628" s="99"/>
      <c r="AJ6628" s="99"/>
      <c r="AK6628" s="99"/>
      <c r="AL6628" s="99"/>
      <c r="AM6628" s="99"/>
      <c r="AN6628" s="99"/>
      <c r="AO6628" s="99"/>
      <c r="AP6628" s="99"/>
      <c r="AQ6628" s="99"/>
      <c r="AR6628" s="99"/>
      <c r="AS6628" s="99"/>
      <c r="AT6628" s="99"/>
      <c r="AU6628" s="99"/>
      <c r="AV6628" s="99"/>
      <c r="AW6628" s="99"/>
      <c r="AX6628" s="99"/>
      <c r="AY6628" s="99"/>
      <c r="AZ6628" s="99"/>
      <c r="BA6628" s="99"/>
      <c r="BB6628" s="107">
        <v>45065</v>
      </c>
    </row>
    <row r="6629" spans="1:54" s="8" customFormat="1" ht="13.95" customHeight="1" x14ac:dyDescent="0.25">
      <c r="A6629" s="15" t="s">
        <v>15801</v>
      </c>
      <c r="B6629" s="110" t="s">
        <v>19886</v>
      </c>
      <c r="C6629" s="98" t="s">
        <v>15802</v>
      </c>
      <c r="D6629" s="98" t="s">
        <v>15803</v>
      </c>
      <c r="E6629" s="98">
        <v>1978</v>
      </c>
      <c r="F6629" s="98">
        <v>817</v>
      </c>
      <c r="G6629" s="98" t="s">
        <v>1</v>
      </c>
      <c r="H6629" s="98">
        <v>0</v>
      </c>
      <c r="I6629" s="98">
        <v>0</v>
      </c>
      <c r="J6629" s="98">
        <v>1</v>
      </c>
      <c r="K6629" s="98">
        <v>1</v>
      </c>
      <c r="L6629" s="98">
        <v>1</v>
      </c>
      <c r="M6629" s="98">
        <v>0</v>
      </c>
      <c r="N6629" s="98">
        <v>0</v>
      </c>
      <c r="O6629" s="98">
        <v>1</v>
      </c>
      <c r="P6629" s="98">
        <v>1</v>
      </c>
      <c r="Q6629" s="98">
        <v>1</v>
      </c>
      <c r="R6629" s="98">
        <v>1</v>
      </c>
      <c r="S6629" s="98">
        <v>0</v>
      </c>
      <c r="T6629" s="98">
        <v>0</v>
      </c>
      <c r="U6629" s="99"/>
      <c r="V6629" s="99"/>
      <c r="W6629" s="99"/>
      <c r="X6629" s="99"/>
      <c r="Y6629" s="99"/>
      <c r="Z6629" s="99"/>
      <c r="AA6629" s="99"/>
      <c r="AB6629" s="99"/>
      <c r="AC6629" s="99"/>
      <c r="AD6629" s="99"/>
      <c r="AE6629" s="99"/>
      <c r="AF6629" s="99"/>
      <c r="AG6629" s="99"/>
      <c r="AH6629" s="99"/>
      <c r="AI6629" s="99"/>
      <c r="AJ6629" s="99"/>
      <c r="AK6629" s="99"/>
      <c r="AL6629" s="99"/>
      <c r="AM6629" s="99"/>
      <c r="AN6629" s="99"/>
      <c r="AO6629" s="99"/>
      <c r="AP6629" s="99"/>
      <c r="AQ6629" s="99"/>
      <c r="AR6629" s="99"/>
      <c r="AS6629" s="99"/>
      <c r="AT6629" s="99"/>
      <c r="AU6629" s="99"/>
      <c r="AV6629" s="99"/>
      <c r="AW6629" s="99"/>
      <c r="AX6629" s="99"/>
      <c r="AY6629" s="99"/>
      <c r="AZ6629" s="99"/>
      <c r="BA6629" s="99"/>
      <c r="BB6629" s="107">
        <v>45065</v>
      </c>
    </row>
    <row r="6630" spans="1:54" s="8" customFormat="1" ht="13.95" customHeight="1" x14ac:dyDescent="0.25">
      <c r="A6630" s="15" t="s">
        <v>15804</v>
      </c>
      <c r="B6630" s="110" t="s">
        <v>19886</v>
      </c>
      <c r="C6630" s="98" t="s">
        <v>15805</v>
      </c>
      <c r="D6630" s="98" t="s">
        <v>15806</v>
      </c>
      <c r="E6630" s="98">
        <v>1998</v>
      </c>
      <c r="F6630" s="98">
        <v>875</v>
      </c>
      <c r="G6630" s="98" t="s">
        <v>1</v>
      </c>
      <c r="H6630" s="98">
        <v>0</v>
      </c>
      <c r="I6630" s="98">
        <v>0</v>
      </c>
      <c r="J6630" s="98">
        <v>1</v>
      </c>
      <c r="K6630" s="98">
        <v>1</v>
      </c>
      <c r="L6630" s="98">
        <v>0</v>
      </c>
      <c r="M6630" s="98">
        <v>0</v>
      </c>
      <c r="N6630" s="98">
        <v>0</v>
      </c>
      <c r="O6630" s="98">
        <v>1</v>
      </c>
      <c r="P6630" s="98">
        <v>0</v>
      </c>
      <c r="Q6630" s="98">
        <v>0</v>
      </c>
      <c r="R6630" s="98">
        <v>1</v>
      </c>
      <c r="S6630" s="98">
        <v>0</v>
      </c>
      <c r="T6630" s="98">
        <v>0</v>
      </c>
      <c r="U6630" s="99"/>
      <c r="V6630" s="99"/>
      <c r="W6630" s="99"/>
      <c r="X6630" s="99"/>
      <c r="Y6630" s="99"/>
      <c r="Z6630" s="99"/>
      <c r="AA6630" s="99"/>
      <c r="AB6630" s="99"/>
      <c r="AC6630" s="99"/>
      <c r="AD6630" s="99"/>
      <c r="AE6630" s="99"/>
      <c r="AF6630" s="99"/>
      <c r="AG6630" s="99"/>
      <c r="AH6630" s="99"/>
      <c r="AI6630" s="99"/>
      <c r="AJ6630" s="99"/>
      <c r="AK6630" s="99"/>
      <c r="AL6630" s="99"/>
      <c r="AM6630" s="99"/>
      <c r="AN6630" s="99"/>
      <c r="AO6630" s="99"/>
      <c r="AP6630" s="99"/>
      <c r="AQ6630" s="99"/>
      <c r="AR6630" s="99"/>
      <c r="AS6630" s="99"/>
      <c r="AT6630" s="99"/>
      <c r="AU6630" s="99"/>
      <c r="AV6630" s="99"/>
      <c r="AW6630" s="99"/>
      <c r="AX6630" s="99"/>
      <c r="AY6630" s="99"/>
      <c r="AZ6630" s="99"/>
      <c r="BA6630" s="99"/>
      <c r="BB6630" s="107">
        <v>45065</v>
      </c>
    </row>
    <row r="6631" spans="1:54" s="8" customFormat="1" ht="13.95" customHeight="1" x14ac:dyDescent="0.25">
      <c r="A6631" s="15" t="s">
        <v>15807</v>
      </c>
      <c r="B6631" s="110" t="s">
        <v>19886</v>
      </c>
      <c r="C6631" s="98" t="s">
        <v>15808</v>
      </c>
      <c r="D6631" s="98" t="s">
        <v>15809</v>
      </c>
      <c r="E6631" s="98">
        <v>1977</v>
      </c>
      <c r="F6631" s="98">
        <v>898</v>
      </c>
      <c r="G6631" s="98" t="s">
        <v>1</v>
      </c>
      <c r="H6631" s="98">
        <v>0</v>
      </c>
      <c r="I6631" s="98">
        <v>0</v>
      </c>
      <c r="J6631" s="98">
        <v>1</v>
      </c>
      <c r="K6631" s="98">
        <v>1</v>
      </c>
      <c r="L6631" s="98">
        <v>1</v>
      </c>
      <c r="M6631" s="98">
        <v>0</v>
      </c>
      <c r="N6631" s="98">
        <v>0</v>
      </c>
      <c r="O6631" s="98">
        <v>1</v>
      </c>
      <c r="P6631" s="98">
        <v>1</v>
      </c>
      <c r="Q6631" s="98">
        <v>0</v>
      </c>
      <c r="R6631" s="98">
        <v>0</v>
      </c>
      <c r="S6631" s="98">
        <v>1</v>
      </c>
      <c r="T6631" s="98">
        <v>0</v>
      </c>
      <c r="U6631" s="99"/>
      <c r="V6631" s="99"/>
      <c r="W6631" s="99"/>
      <c r="X6631" s="99"/>
      <c r="Y6631" s="99"/>
      <c r="Z6631" s="99"/>
      <c r="AA6631" s="99"/>
      <c r="AB6631" s="99"/>
      <c r="AC6631" s="99"/>
      <c r="AD6631" s="99"/>
      <c r="AE6631" s="99"/>
      <c r="AF6631" s="99"/>
      <c r="AG6631" s="99"/>
      <c r="AH6631" s="99"/>
      <c r="AI6631" s="99"/>
      <c r="AJ6631" s="99"/>
      <c r="AK6631" s="99"/>
      <c r="AL6631" s="99"/>
      <c r="AM6631" s="99"/>
      <c r="AN6631" s="99"/>
      <c r="AO6631" s="99"/>
      <c r="AP6631" s="99"/>
      <c r="AQ6631" s="99"/>
      <c r="AR6631" s="99"/>
      <c r="AS6631" s="99"/>
      <c r="AT6631" s="99"/>
      <c r="AU6631" s="99"/>
      <c r="AV6631" s="99"/>
      <c r="AW6631" s="99"/>
      <c r="AX6631" s="99"/>
      <c r="AY6631" s="99"/>
      <c r="AZ6631" s="99"/>
      <c r="BA6631" s="99"/>
      <c r="BB6631" s="107">
        <v>45065</v>
      </c>
    </row>
    <row r="6632" spans="1:54" s="8" customFormat="1" ht="13.95" customHeight="1" x14ac:dyDescent="0.25">
      <c r="A6632" s="15" t="s">
        <v>15810</v>
      </c>
      <c r="B6632" s="110" t="s">
        <v>19886</v>
      </c>
      <c r="C6632" s="98" t="s">
        <v>15811</v>
      </c>
      <c r="D6632" s="98" t="s">
        <v>15812</v>
      </c>
      <c r="E6632" s="98">
        <v>1997</v>
      </c>
      <c r="F6632" s="98">
        <v>910</v>
      </c>
      <c r="G6632" s="98" t="s">
        <v>1</v>
      </c>
      <c r="H6632" s="98">
        <v>0</v>
      </c>
      <c r="I6632" s="98">
        <v>0</v>
      </c>
      <c r="J6632" s="98">
        <v>1</v>
      </c>
      <c r="K6632" s="98">
        <v>0</v>
      </c>
      <c r="L6632" s="98">
        <v>1</v>
      </c>
      <c r="M6632" s="98">
        <v>0</v>
      </c>
      <c r="N6632" s="98">
        <v>0</v>
      </c>
      <c r="O6632" s="98">
        <v>1</v>
      </c>
      <c r="P6632" s="98">
        <v>1</v>
      </c>
      <c r="Q6632" s="98">
        <v>1</v>
      </c>
      <c r="R6632" s="98">
        <v>0</v>
      </c>
      <c r="S6632" s="98">
        <v>0</v>
      </c>
      <c r="T6632" s="98">
        <v>0</v>
      </c>
      <c r="U6632" s="99"/>
      <c r="V6632" s="99"/>
      <c r="W6632" s="99"/>
      <c r="X6632" s="99"/>
      <c r="Y6632" s="99"/>
      <c r="Z6632" s="99"/>
      <c r="AA6632" s="99"/>
      <c r="AB6632" s="99"/>
      <c r="AC6632" s="99"/>
      <c r="AD6632" s="99"/>
      <c r="AE6632" s="99"/>
      <c r="AF6632" s="99"/>
      <c r="AG6632" s="99"/>
      <c r="AH6632" s="99"/>
      <c r="AI6632" s="99"/>
      <c r="AJ6632" s="99"/>
      <c r="AK6632" s="99"/>
      <c r="AL6632" s="99"/>
      <c r="AM6632" s="99"/>
      <c r="AN6632" s="99"/>
      <c r="AO6632" s="99"/>
      <c r="AP6632" s="99"/>
      <c r="AQ6632" s="99"/>
      <c r="AR6632" s="99"/>
      <c r="AS6632" s="99"/>
      <c r="AT6632" s="99"/>
      <c r="AU6632" s="99"/>
      <c r="AV6632" s="99"/>
      <c r="AW6632" s="99"/>
      <c r="AX6632" s="99"/>
      <c r="AY6632" s="99"/>
      <c r="AZ6632" s="99"/>
      <c r="BA6632" s="99"/>
      <c r="BB6632" s="107">
        <v>45065</v>
      </c>
    </row>
    <row r="6633" spans="1:54" s="8" customFormat="1" ht="13.95" customHeight="1" x14ac:dyDescent="0.25">
      <c r="A6633" s="15" t="s">
        <v>15813</v>
      </c>
      <c r="B6633" s="110" t="s">
        <v>19886</v>
      </c>
      <c r="C6633" s="98" t="s">
        <v>15814</v>
      </c>
      <c r="D6633" s="98" t="s">
        <v>15815</v>
      </c>
      <c r="E6633" s="98">
        <v>1981</v>
      </c>
      <c r="F6633" s="98">
        <v>975</v>
      </c>
      <c r="G6633" s="98" t="s">
        <v>1</v>
      </c>
      <c r="H6633" s="98">
        <v>0</v>
      </c>
      <c r="I6633" s="98">
        <v>0</v>
      </c>
      <c r="J6633" s="98">
        <v>1</v>
      </c>
      <c r="K6633" s="98">
        <v>1</v>
      </c>
      <c r="L6633" s="98">
        <v>1</v>
      </c>
      <c r="M6633" s="98">
        <v>0</v>
      </c>
      <c r="N6633" s="98">
        <v>0</v>
      </c>
      <c r="O6633" s="98">
        <v>0</v>
      </c>
      <c r="P6633" s="98">
        <v>1</v>
      </c>
      <c r="Q6633" s="98">
        <v>0</v>
      </c>
      <c r="R6633" s="98">
        <v>1</v>
      </c>
      <c r="S6633" s="98">
        <v>0</v>
      </c>
      <c r="T6633" s="98">
        <v>0</v>
      </c>
      <c r="U6633" s="99"/>
      <c r="V6633" s="99"/>
      <c r="W6633" s="99"/>
      <c r="X6633" s="99"/>
      <c r="Y6633" s="99"/>
      <c r="Z6633" s="99"/>
      <c r="AA6633" s="99"/>
      <c r="AB6633" s="99"/>
      <c r="AC6633" s="99"/>
      <c r="AD6633" s="99"/>
      <c r="AE6633" s="99"/>
      <c r="AF6633" s="99"/>
      <c r="AG6633" s="99"/>
      <c r="AH6633" s="99"/>
      <c r="AI6633" s="99"/>
      <c r="AJ6633" s="99"/>
      <c r="AK6633" s="99"/>
      <c r="AL6633" s="99"/>
      <c r="AM6633" s="99"/>
      <c r="AN6633" s="99"/>
      <c r="AO6633" s="99"/>
      <c r="AP6633" s="99"/>
      <c r="AQ6633" s="99"/>
      <c r="AR6633" s="99"/>
      <c r="AS6633" s="99"/>
      <c r="AT6633" s="99"/>
      <c r="AU6633" s="99"/>
      <c r="AV6633" s="99"/>
      <c r="AW6633" s="99"/>
      <c r="AX6633" s="99"/>
      <c r="AY6633" s="99"/>
      <c r="AZ6633" s="99"/>
      <c r="BA6633" s="99"/>
      <c r="BB6633" s="107">
        <v>45065</v>
      </c>
    </row>
    <row r="6634" spans="1:54" s="8" customFormat="1" ht="13.95" customHeight="1" x14ac:dyDescent="0.25">
      <c r="A6634" s="15" t="s">
        <v>15816</v>
      </c>
      <c r="B6634" s="110" t="s">
        <v>19886</v>
      </c>
      <c r="C6634" s="98" t="s">
        <v>15817</v>
      </c>
      <c r="D6634" s="98" t="s">
        <v>15818</v>
      </c>
      <c r="E6634" s="98">
        <v>1981</v>
      </c>
      <c r="F6634" s="98">
        <v>1012</v>
      </c>
      <c r="G6634" s="98" t="s">
        <v>1</v>
      </c>
      <c r="H6634" s="98">
        <v>0</v>
      </c>
      <c r="I6634" s="98">
        <v>0</v>
      </c>
      <c r="J6634" s="98">
        <v>1</v>
      </c>
      <c r="K6634" s="98">
        <v>0</v>
      </c>
      <c r="L6634" s="98">
        <v>0</v>
      </c>
      <c r="M6634" s="98">
        <v>0</v>
      </c>
      <c r="N6634" s="98">
        <v>1</v>
      </c>
      <c r="O6634" s="98">
        <v>1</v>
      </c>
      <c r="P6634" s="98">
        <v>1</v>
      </c>
      <c r="Q6634" s="98">
        <v>0</v>
      </c>
      <c r="R6634" s="98">
        <v>1</v>
      </c>
      <c r="S6634" s="98">
        <v>0</v>
      </c>
      <c r="T6634" s="98">
        <v>0</v>
      </c>
      <c r="U6634" s="99"/>
      <c r="V6634" s="99"/>
      <c r="W6634" s="99"/>
      <c r="X6634" s="99"/>
      <c r="Y6634" s="99"/>
      <c r="Z6634" s="99"/>
      <c r="AA6634" s="99"/>
      <c r="AB6634" s="99"/>
      <c r="AC6634" s="99"/>
      <c r="AD6634" s="99"/>
      <c r="AE6634" s="99"/>
      <c r="AF6634" s="99"/>
      <c r="AG6634" s="99"/>
      <c r="AH6634" s="99"/>
      <c r="AI6634" s="99"/>
      <c r="AJ6634" s="99"/>
      <c r="AK6634" s="99"/>
      <c r="AL6634" s="99"/>
      <c r="AM6634" s="99"/>
      <c r="AN6634" s="99"/>
      <c r="AO6634" s="99"/>
      <c r="AP6634" s="99"/>
      <c r="AQ6634" s="99"/>
      <c r="AR6634" s="99"/>
      <c r="AS6634" s="99"/>
      <c r="AT6634" s="99"/>
      <c r="AU6634" s="99"/>
      <c r="AV6634" s="99"/>
      <c r="AW6634" s="99"/>
      <c r="AX6634" s="99"/>
      <c r="AY6634" s="99"/>
      <c r="AZ6634" s="99"/>
      <c r="BA6634" s="99"/>
      <c r="BB6634" s="107">
        <v>45065</v>
      </c>
    </row>
    <row r="6635" spans="1:54" s="8" customFormat="1" ht="13.95" customHeight="1" x14ac:dyDescent="0.25">
      <c r="A6635" s="15" t="s">
        <v>15819</v>
      </c>
      <c r="B6635" s="110" t="s">
        <v>19886</v>
      </c>
      <c r="C6635" s="98" t="s">
        <v>15820</v>
      </c>
      <c r="D6635" s="98" t="s">
        <v>15821</v>
      </c>
      <c r="E6635" s="98">
        <v>1996</v>
      </c>
      <c r="F6635" s="98">
        <v>1015</v>
      </c>
      <c r="G6635" s="98" t="s">
        <v>1</v>
      </c>
      <c r="H6635" s="98">
        <v>0</v>
      </c>
      <c r="I6635" s="98">
        <v>0</v>
      </c>
      <c r="J6635" s="98">
        <v>1</v>
      </c>
      <c r="K6635" s="98">
        <v>0</v>
      </c>
      <c r="L6635" s="98">
        <v>0</v>
      </c>
      <c r="M6635" s="98">
        <v>0</v>
      </c>
      <c r="N6635" s="98">
        <v>0</v>
      </c>
      <c r="O6635" s="98">
        <v>0</v>
      </c>
      <c r="P6635" s="98">
        <v>0</v>
      </c>
      <c r="Q6635" s="98">
        <v>0</v>
      </c>
      <c r="R6635" s="98">
        <v>0</v>
      </c>
      <c r="S6635" s="98">
        <v>0</v>
      </c>
      <c r="T6635" s="98">
        <v>0</v>
      </c>
      <c r="U6635" s="99"/>
      <c r="V6635" s="99"/>
      <c r="W6635" s="99"/>
      <c r="X6635" s="99"/>
      <c r="Y6635" s="99"/>
      <c r="Z6635" s="99"/>
      <c r="AA6635" s="99"/>
      <c r="AB6635" s="99"/>
      <c r="AC6635" s="99"/>
      <c r="AD6635" s="99"/>
      <c r="AE6635" s="99"/>
      <c r="AF6635" s="99"/>
      <c r="AG6635" s="99"/>
      <c r="AH6635" s="99"/>
      <c r="AI6635" s="99"/>
      <c r="AJ6635" s="99"/>
      <c r="AK6635" s="99"/>
      <c r="AL6635" s="99"/>
      <c r="AM6635" s="99"/>
      <c r="AN6635" s="99"/>
      <c r="AO6635" s="99"/>
      <c r="AP6635" s="99"/>
      <c r="AQ6635" s="99"/>
      <c r="AR6635" s="99"/>
      <c r="AS6635" s="99"/>
      <c r="AT6635" s="99"/>
      <c r="AU6635" s="99"/>
      <c r="AV6635" s="99"/>
      <c r="AW6635" s="99"/>
      <c r="AX6635" s="99"/>
      <c r="AY6635" s="99"/>
      <c r="AZ6635" s="99"/>
      <c r="BA6635" s="99"/>
      <c r="BB6635" s="107">
        <v>45065</v>
      </c>
    </row>
    <row r="6636" spans="1:54" s="8" customFormat="1" ht="13.95" customHeight="1" x14ac:dyDescent="0.25">
      <c r="A6636" s="15" t="s">
        <v>15822</v>
      </c>
      <c r="B6636" s="110" t="s">
        <v>19886</v>
      </c>
      <c r="C6636" s="98" t="s">
        <v>15823</v>
      </c>
      <c r="D6636" s="98" t="s">
        <v>15824</v>
      </c>
      <c r="E6636" s="98">
        <v>1977</v>
      </c>
      <c r="F6636" s="98">
        <v>1027</v>
      </c>
      <c r="G6636" s="98" t="s">
        <v>1</v>
      </c>
      <c r="H6636" s="98">
        <v>0</v>
      </c>
      <c r="I6636" s="98">
        <v>0</v>
      </c>
      <c r="J6636" s="98">
        <v>1</v>
      </c>
      <c r="K6636" s="98">
        <v>1</v>
      </c>
      <c r="L6636" s="98">
        <v>1</v>
      </c>
      <c r="M6636" s="98">
        <v>0</v>
      </c>
      <c r="N6636" s="98">
        <v>1</v>
      </c>
      <c r="O6636" s="98">
        <v>1</v>
      </c>
      <c r="P6636" s="98">
        <v>1</v>
      </c>
      <c r="Q6636" s="98">
        <v>1</v>
      </c>
      <c r="R6636" s="98">
        <v>1</v>
      </c>
      <c r="S6636" s="98">
        <v>1</v>
      </c>
      <c r="T6636" s="98">
        <v>0</v>
      </c>
      <c r="U6636" s="99"/>
      <c r="V6636" s="99"/>
      <c r="W6636" s="99"/>
      <c r="X6636" s="99"/>
      <c r="Y6636" s="99"/>
      <c r="Z6636" s="99"/>
      <c r="AA6636" s="99"/>
      <c r="AB6636" s="99"/>
      <c r="AC6636" s="99"/>
      <c r="AD6636" s="99"/>
      <c r="AE6636" s="99"/>
      <c r="AF6636" s="99"/>
      <c r="AG6636" s="99"/>
      <c r="AH6636" s="99"/>
      <c r="AI6636" s="99"/>
      <c r="AJ6636" s="99"/>
      <c r="AK6636" s="99"/>
      <c r="AL6636" s="99"/>
      <c r="AM6636" s="99"/>
      <c r="AN6636" s="99"/>
      <c r="AO6636" s="99"/>
      <c r="AP6636" s="99"/>
      <c r="AQ6636" s="99"/>
      <c r="AR6636" s="99"/>
      <c r="AS6636" s="99"/>
      <c r="AT6636" s="99"/>
      <c r="AU6636" s="99"/>
      <c r="AV6636" s="99"/>
      <c r="AW6636" s="99"/>
      <c r="AX6636" s="99"/>
      <c r="AY6636" s="99"/>
      <c r="AZ6636" s="99"/>
      <c r="BA6636" s="99"/>
      <c r="BB6636" s="107">
        <v>45065</v>
      </c>
    </row>
    <row r="6637" spans="1:54" s="8" customFormat="1" ht="13.95" customHeight="1" x14ac:dyDescent="0.25">
      <c r="A6637" s="15" t="s">
        <v>15825</v>
      </c>
      <c r="B6637" s="110" t="s">
        <v>19886</v>
      </c>
      <c r="C6637" s="98" t="s">
        <v>15826</v>
      </c>
      <c r="D6637" s="98" t="s">
        <v>15827</v>
      </c>
      <c r="E6637" s="98">
        <v>1979</v>
      </c>
      <c r="F6637" s="98">
        <v>1059</v>
      </c>
      <c r="G6637" s="98" t="s">
        <v>1</v>
      </c>
      <c r="H6637" s="98">
        <v>0</v>
      </c>
      <c r="I6637" s="98">
        <v>0</v>
      </c>
      <c r="J6637" s="98">
        <v>1</v>
      </c>
      <c r="K6637" s="98">
        <v>1</v>
      </c>
      <c r="L6637" s="98">
        <v>1</v>
      </c>
      <c r="M6637" s="98">
        <v>0</v>
      </c>
      <c r="N6637" s="98">
        <v>0</v>
      </c>
      <c r="O6637" s="98">
        <v>1</v>
      </c>
      <c r="P6637" s="98">
        <v>1</v>
      </c>
      <c r="Q6637" s="98">
        <v>1</v>
      </c>
      <c r="R6637" s="98">
        <v>1</v>
      </c>
      <c r="S6637" s="98">
        <v>1</v>
      </c>
      <c r="T6637" s="98">
        <v>0</v>
      </c>
      <c r="U6637" s="99"/>
      <c r="V6637" s="99"/>
      <c r="W6637" s="99"/>
      <c r="X6637" s="99"/>
      <c r="Y6637" s="99"/>
      <c r="Z6637" s="99"/>
      <c r="AA6637" s="99"/>
      <c r="AB6637" s="99"/>
      <c r="AC6637" s="99"/>
      <c r="AD6637" s="99"/>
      <c r="AE6637" s="99"/>
      <c r="AF6637" s="99"/>
      <c r="AG6637" s="99"/>
      <c r="AH6637" s="99"/>
      <c r="AI6637" s="99"/>
      <c r="AJ6637" s="99"/>
      <c r="AK6637" s="99"/>
      <c r="AL6637" s="99"/>
      <c r="AM6637" s="99"/>
      <c r="AN6637" s="99"/>
      <c r="AO6637" s="99"/>
      <c r="AP6637" s="99"/>
      <c r="AQ6637" s="99"/>
      <c r="AR6637" s="99"/>
      <c r="AS6637" s="99"/>
      <c r="AT6637" s="99"/>
      <c r="AU6637" s="99"/>
      <c r="AV6637" s="99"/>
      <c r="AW6637" s="99"/>
      <c r="AX6637" s="99"/>
      <c r="AY6637" s="99"/>
      <c r="AZ6637" s="99"/>
      <c r="BA6637" s="99"/>
      <c r="BB6637" s="107">
        <v>45065</v>
      </c>
    </row>
    <row r="6638" spans="1:54" s="8" customFormat="1" ht="13.95" customHeight="1" x14ac:dyDescent="0.25">
      <c r="A6638" s="15" t="s">
        <v>15828</v>
      </c>
      <c r="B6638" s="110" t="s">
        <v>19886</v>
      </c>
      <c r="C6638" s="98" t="s">
        <v>15829</v>
      </c>
      <c r="D6638" s="98" t="s">
        <v>15830</v>
      </c>
      <c r="E6638" s="98">
        <v>1978</v>
      </c>
      <c r="F6638" s="98">
        <v>1089</v>
      </c>
      <c r="G6638" s="98" t="s">
        <v>1</v>
      </c>
      <c r="H6638" s="98">
        <v>0</v>
      </c>
      <c r="I6638" s="98">
        <v>0</v>
      </c>
      <c r="J6638" s="98">
        <v>1</v>
      </c>
      <c r="K6638" s="98">
        <v>1</v>
      </c>
      <c r="L6638" s="98">
        <v>1</v>
      </c>
      <c r="M6638" s="98">
        <v>1</v>
      </c>
      <c r="N6638" s="98">
        <v>0</v>
      </c>
      <c r="O6638" s="98">
        <v>0</v>
      </c>
      <c r="P6638" s="98">
        <v>1</v>
      </c>
      <c r="Q6638" s="98">
        <v>0</v>
      </c>
      <c r="R6638" s="98">
        <v>1</v>
      </c>
      <c r="S6638" s="98">
        <v>1</v>
      </c>
      <c r="T6638" s="98">
        <v>0</v>
      </c>
      <c r="U6638" s="99"/>
      <c r="V6638" s="99"/>
      <c r="W6638" s="99"/>
      <c r="X6638" s="99"/>
      <c r="Y6638" s="99"/>
      <c r="Z6638" s="99"/>
      <c r="AA6638" s="99"/>
      <c r="AB6638" s="99"/>
      <c r="AC6638" s="99"/>
      <c r="AD6638" s="99"/>
      <c r="AE6638" s="99"/>
      <c r="AF6638" s="99"/>
      <c r="AG6638" s="99"/>
      <c r="AH6638" s="99"/>
      <c r="AI6638" s="99"/>
      <c r="AJ6638" s="99"/>
      <c r="AK6638" s="99"/>
      <c r="AL6638" s="99"/>
      <c r="AM6638" s="99"/>
      <c r="AN6638" s="99"/>
      <c r="AO6638" s="99"/>
      <c r="AP6638" s="99"/>
      <c r="AQ6638" s="99"/>
      <c r="AR6638" s="99"/>
      <c r="AS6638" s="99"/>
      <c r="AT6638" s="99"/>
      <c r="AU6638" s="99"/>
      <c r="AV6638" s="99"/>
      <c r="AW6638" s="99"/>
      <c r="AX6638" s="99"/>
      <c r="AY6638" s="99"/>
      <c r="AZ6638" s="99"/>
      <c r="BA6638" s="99"/>
      <c r="BB6638" s="107">
        <v>45065</v>
      </c>
    </row>
    <row r="6639" spans="1:54" s="8" customFormat="1" ht="13.95" customHeight="1" x14ac:dyDescent="0.25">
      <c r="A6639" s="15" t="s">
        <v>15831</v>
      </c>
      <c r="B6639" s="110" t="s">
        <v>19886</v>
      </c>
      <c r="C6639" s="98" t="s">
        <v>15832</v>
      </c>
      <c r="D6639" s="98" t="s">
        <v>15833</v>
      </c>
      <c r="E6639" s="98">
        <v>1995</v>
      </c>
      <c r="F6639" s="98">
        <v>1129</v>
      </c>
      <c r="G6639" s="98" t="s">
        <v>1</v>
      </c>
      <c r="H6639" s="98">
        <v>0</v>
      </c>
      <c r="I6639" s="98">
        <v>0</v>
      </c>
      <c r="J6639" s="98">
        <v>1</v>
      </c>
      <c r="K6639" s="98">
        <v>1</v>
      </c>
      <c r="L6639" s="98">
        <v>0</v>
      </c>
      <c r="M6639" s="98">
        <v>0</v>
      </c>
      <c r="N6639" s="98">
        <v>0</v>
      </c>
      <c r="O6639" s="98">
        <v>0</v>
      </c>
      <c r="P6639" s="98">
        <v>0</v>
      </c>
      <c r="Q6639" s="98">
        <v>0</v>
      </c>
      <c r="R6639" s="98">
        <v>1</v>
      </c>
      <c r="S6639" s="98">
        <v>1</v>
      </c>
      <c r="T6639" s="98">
        <v>0</v>
      </c>
      <c r="U6639" s="99"/>
      <c r="V6639" s="99"/>
      <c r="W6639" s="99"/>
      <c r="X6639" s="99"/>
      <c r="Y6639" s="99"/>
      <c r="Z6639" s="99"/>
      <c r="AA6639" s="99"/>
      <c r="AB6639" s="99"/>
      <c r="AC6639" s="99"/>
      <c r="AD6639" s="99"/>
      <c r="AE6639" s="99"/>
      <c r="AF6639" s="99"/>
      <c r="AG6639" s="99"/>
      <c r="AH6639" s="99"/>
      <c r="AI6639" s="99"/>
      <c r="AJ6639" s="99"/>
      <c r="AK6639" s="99"/>
      <c r="AL6639" s="99"/>
      <c r="AM6639" s="99"/>
      <c r="AN6639" s="99"/>
      <c r="AO6639" s="99"/>
      <c r="AP6639" s="99"/>
      <c r="AQ6639" s="99"/>
      <c r="AR6639" s="99"/>
      <c r="AS6639" s="99"/>
      <c r="AT6639" s="99"/>
      <c r="AU6639" s="99"/>
      <c r="AV6639" s="99"/>
      <c r="AW6639" s="99"/>
      <c r="AX6639" s="99"/>
      <c r="AY6639" s="99"/>
      <c r="AZ6639" s="99"/>
      <c r="BA6639" s="99"/>
      <c r="BB6639" s="107">
        <v>45065</v>
      </c>
    </row>
    <row r="6640" spans="1:54" s="8" customFormat="1" ht="13.95" customHeight="1" x14ac:dyDescent="0.25">
      <c r="A6640" s="15" t="s">
        <v>15834</v>
      </c>
      <c r="B6640" s="110" t="s">
        <v>19886</v>
      </c>
      <c r="C6640" s="98" t="s">
        <v>15835</v>
      </c>
      <c r="D6640" s="98" t="s">
        <v>15836</v>
      </c>
      <c r="E6640" s="98">
        <v>1996</v>
      </c>
      <c r="F6640" s="98">
        <v>1149</v>
      </c>
      <c r="G6640" s="98" t="s">
        <v>1</v>
      </c>
      <c r="H6640" s="98">
        <v>0</v>
      </c>
      <c r="I6640" s="98">
        <v>0</v>
      </c>
      <c r="J6640" s="98">
        <v>1</v>
      </c>
      <c r="K6640" s="98">
        <v>1</v>
      </c>
      <c r="L6640" s="98">
        <v>0</v>
      </c>
      <c r="M6640" s="98">
        <v>0</v>
      </c>
      <c r="N6640" s="98">
        <v>0</v>
      </c>
      <c r="O6640" s="98">
        <v>1</v>
      </c>
      <c r="P6640" s="98">
        <v>1</v>
      </c>
      <c r="Q6640" s="98">
        <v>0</v>
      </c>
      <c r="R6640" s="98">
        <v>1</v>
      </c>
      <c r="S6640" s="98">
        <v>0</v>
      </c>
      <c r="T6640" s="98">
        <v>0</v>
      </c>
      <c r="U6640" s="99"/>
      <c r="V6640" s="99"/>
      <c r="W6640" s="99"/>
      <c r="X6640" s="99"/>
      <c r="Y6640" s="99"/>
      <c r="Z6640" s="99"/>
      <c r="AA6640" s="99"/>
      <c r="AB6640" s="99"/>
      <c r="AC6640" s="99"/>
      <c r="AD6640" s="99"/>
      <c r="AE6640" s="99"/>
      <c r="AF6640" s="99"/>
      <c r="AG6640" s="99"/>
      <c r="AH6640" s="99"/>
      <c r="AI6640" s="99"/>
      <c r="AJ6640" s="99"/>
      <c r="AK6640" s="99"/>
      <c r="AL6640" s="99"/>
      <c r="AM6640" s="99"/>
      <c r="AN6640" s="99"/>
      <c r="AO6640" s="99"/>
      <c r="AP6640" s="99"/>
      <c r="AQ6640" s="99"/>
      <c r="AR6640" s="99"/>
      <c r="AS6640" s="99"/>
      <c r="AT6640" s="99"/>
      <c r="AU6640" s="99"/>
      <c r="AV6640" s="99"/>
      <c r="AW6640" s="99"/>
      <c r="AX6640" s="99"/>
      <c r="AY6640" s="99"/>
      <c r="AZ6640" s="99"/>
      <c r="BA6640" s="99"/>
      <c r="BB6640" s="107">
        <v>45065</v>
      </c>
    </row>
    <row r="6641" spans="1:54" s="8" customFormat="1" ht="13.95" customHeight="1" x14ac:dyDescent="0.25">
      <c r="A6641" s="15" t="s">
        <v>15837</v>
      </c>
      <c r="B6641" s="110" t="s">
        <v>19886</v>
      </c>
      <c r="C6641" s="98" t="s">
        <v>15838</v>
      </c>
      <c r="D6641" s="98" t="s">
        <v>15839</v>
      </c>
      <c r="E6641" s="98">
        <v>2005</v>
      </c>
      <c r="F6641" s="98">
        <v>1188</v>
      </c>
      <c r="G6641" s="98" t="s">
        <v>1</v>
      </c>
      <c r="H6641" s="98">
        <v>0</v>
      </c>
      <c r="I6641" s="98">
        <v>0</v>
      </c>
      <c r="J6641" s="98">
        <v>1</v>
      </c>
      <c r="K6641" s="98">
        <v>0</v>
      </c>
      <c r="L6641" s="98">
        <v>0</v>
      </c>
      <c r="M6641" s="98">
        <v>0</v>
      </c>
      <c r="N6641" s="98">
        <v>1</v>
      </c>
      <c r="O6641" s="98">
        <v>1</v>
      </c>
      <c r="P6641" s="98">
        <v>0</v>
      </c>
      <c r="Q6641" s="98">
        <v>0</v>
      </c>
      <c r="R6641" s="98">
        <v>1</v>
      </c>
      <c r="S6641" s="98">
        <v>0</v>
      </c>
      <c r="T6641" s="98">
        <v>0</v>
      </c>
      <c r="U6641" s="99"/>
      <c r="V6641" s="99"/>
      <c r="W6641" s="99"/>
      <c r="X6641" s="99"/>
      <c r="Y6641" s="99"/>
      <c r="Z6641" s="99"/>
      <c r="AA6641" s="99"/>
      <c r="AB6641" s="99"/>
      <c r="AC6641" s="99"/>
      <c r="AD6641" s="99"/>
      <c r="AE6641" s="99"/>
      <c r="AF6641" s="99"/>
      <c r="AG6641" s="99"/>
      <c r="AH6641" s="99"/>
      <c r="AI6641" s="99"/>
      <c r="AJ6641" s="99"/>
      <c r="AK6641" s="99"/>
      <c r="AL6641" s="99"/>
      <c r="AM6641" s="99"/>
      <c r="AN6641" s="99"/>
      <c r="AO6641" s="99"/>
      <c r="AP6641" s="99"/>
      <c r="AQ6641" s="99"/>
      <c r="AR6641" s="99"/>
      <c r="AS6641" s="99"/>
      <c r="AT6641" s="99"/>
      <c r="AU6641" s="99"/>
      <c r="AV6641" s="99"/>
      <c r="AW6641" s="99"/>
      <c r="AX6641" s="99"/>
      <c r="AY6641" s="99"/>
      <c r="AZ6641" s="99"/>
      <c r="BA6641" s="99"/>
      <c r="BB6641" s="107">
        <v>45065</v>
      </c>
    </row>
    <row r="6642" spans="1:54" s="8" customFormat="1" ht="13.95" customHeight="1" x14ac:dyDescent="0.25">
      <c r="A6642" s="15" t="s">
        <v>15840</v>
      </c>
      <c r="B6642" s="110" t="s">
        <v>19886</v>
      </c>
      <c r="C6642" s="98" t="s">
        <v>15841</v>
      </c>
      <c r="D6642" s="98" t="s">
        <v>15842</v>
      </c>
      <c r="E6642" s="98">
        <v>1981</v>
      </c>
      <c r="F6642" s="98">
        <v>1207</v>
      </c>
      <c r="G6642" s="98" t="s">
        <v>1</v>
      </c>
      <c r="H6642" s="98">
        <v>0</v>
      </c>
      <c r="I6642" s="98">
        <v>0</v>
      </c>
      <c r="J6642" s="98">
        <v>1</v>
      </c>
      <c r="K6642" s="98">
        <v>0</v>
      </c>
      <c r="L6642" s="98">
        <v>1</v>
      </c>
      <c r="M6642" s="98">
        <v>1</v>
      </c>
      <c r="N6642" s="98">
        <v>0</v>
      </c>
      <c r="O6642" s="98">
        <v>1</v>
      </c>
      <c r="P6642" s="98">
        <v>1</v>
      </c>
      <c r="Q6642" s="98">
        <v>0</v>
      </c>
      <c r="R6642" s="98">
        <v>1</v>
      </c>
      <c r="S6642" s="98">
        <v>0</v>
      </c>
      <c r="T6642" s="98">
        <v>0</v>
      </c>
      <c r="U6642" s="99"/>
      <c r="V6642" s="99"/>
      <c r="W6642" s="99"/>
      <c r="X6642" s="99"/>
      <c r="Y6642" s="99"/>
      <c r="Z6642" s="99"/>
      <c r="AA6642" s="99"/>
      <c r="AB6642" s="99"/>
      <c r="AC6642" s="99"/>
      <c r="AD6642" s="99"/>
      <c r="AE6642" s="99"/>
      <c r="AF6642" s="99"/>
      <c r="AG6642" s="99"/>
      <c r="AH6642" s="99"/>
      <c r="AI6642" s="99"/>
      <c r="AJ6642" s="99"/>
      <c r="AK6642" s="99"/>
      <c r="AL6642" s="99"/>
      <c r="AM6642" s="99"/>
      <c r="AN6642" s="99"/>
      <c r="AO6642" s="99"/>
      <c r="AP6642" s="99"/>
      <c r="AQ6642" s="99"/>
      <c r="AR6642" s="99"/>
      <c r="AS6642" s="99"/>
      <c r="AT6642" s="99"/>
      <c r="AU6642" s="99"/>
      <c r="AV6642" s="99"/>
      <c r="AW6642" s="99"/>
      <c r="AX6642" s="99"/>
      <c r="AY6642" s="99"/>
      <c r="AZ6642" s="99"/>
      <c r="BA6642" s="99"/>
      <c r="BB6642" s="107">
        <v>45065</v>
      </c>
    </row>
    <row r="6643" spans="1:54" s="8" customFormat="1" ht="13.95" customHeight="1" x14ac:dyDescent="0.25">
      <c r="A6643" s="15" t="s">
        <v>15843</v>
      </c>
      <c r="B6643" s="110" t="s">
        <v>19886</v>
      </c>
      <c r="C6643" s="98" t="s">
        <v>15844</v>
      </c>
      <c r="D6643" s="98" t="s">
        <v>15845</v>
      </c>
      <c r="E6643" s="98">
        <v>1986</v>
      </c>
      <c r="F6643" s="98">
        <v>1326</v>
      </c>
      <c r="G6643" s="98" t="s">
        <v>1</v>
      </c>
      <c r="H6643" s="98">
        <v>0</v>
      </c>
      <c r="I6643" s="98">
        <v>0</v>
      </c>
      <c r="J6643" s="98">
        <v>1</v>
      </c>
      <c r="K6643" s="98">
        <v>0</v>
      </c>
      <c r="L6643" s="98">
        <v>1</v>
      </c>
      <c r="M6643" s="98">
        <v>1</v>
      </c>
      <c r="N6643" s="98">
        <v>0</v>
      </c>
      <c r="O6643" s="98">
        <v>0</v>
      </c>
      <c r="P6643" s="98">
        <v>1</v>
      </c>
      <c r="Q6643" s="98">
        <v>0</v>
      </c>
      <c r="R6643" s="98">
        <v>1</v>
      </c>
      <c r="S6643" s="98">
        <v>0</v>
      </c>
      <c r="T6643" s="98">
        <v>0</v>
      </c>
      <c r="U6643" s="99"/>
      <c r="V6643" s="99"/>
      <c r="W6643" s="99"/>
      <c r="X6643" s="99"/>
      <c r="Y6643" s="99"/>
      <c r="Z6643" s="99"/>
      <c r="AA6643" s="99"/>
      <c r="AB6643" s="99"/>
      <c r="AC6643" s="99"/>
      <c r="AD6643" s="99"/>
      <c r="AE6643" s="99"/>
      <c r="AF6643" s="99"/>
      <c r="AG6643" s="99"/>
      <c r="AH6643" s="99"/>
      <c r="AI6643" s="99"/>
      <c r="AJ6643" s="99"/>
      <c r="AK6643" s="99"/>
      <c r="AL6643" s="99"/>
      <c r="AM6643" s="99"/>
      <c r="AN6643" s="99"/>
      <c r="AO6643" s="99"/>
      <c r="AP6643" s="99"/>
      <c r="AQ6643" s="99"/>
      <c r="AR6643" s="99"/>
      <c r="AS6643" s="99"/>
      <c r="AT6643" s="99"/>
      <c r="AU6643" s="99"/>
      <c r="AV6643" s="99"/>
      <c r="AW6643" s="99"/>
      <c r="AX6643" s="99"/>
      <c r="AY6643" s="99"/>
      <c r="AZ6643" s="99"/>
      <c r="BA6643" s="99"/>
      <c r="BB6643" s="107">
        <v>45065</v>
      </c>
    </row>
    <row r="6644" spans="1:54" s="8" customFormat="1" ht="13.95" customHeight="1" x14ac:dyDescent="0.25">
      <c r="A6644" s="15" t="s">
        <v>15846</v>
      </c>
      <c r="B6644" s="110" t="s">
        <v>19886</v>
      </c>
      <c r="C6644" s="98" t="s">
        <v>15847</v>
      </c>
      <c r="D6644" s="98" t="s">
        <v>15848</v>
      </c>
      <c r="E6644" s="98">
        <v>1977</v>
      </c>
      <c r="F6644" s="98">
        <v>1375</v>
      </c>
      <c r="G6644" s="98" t="s">
        <v>1</v>
      </c>
      <c r="H6644" s="98">
        <v>0</v>
      </c>
      <c r="I6644" s="98">
        <v>0</v>
      </c>
      <c r="J6644" s="98">
        <v>0</v>
      </c>
      <c r="K6644" s="98">
        <v>0</v>
      </c>
      <c r="L6644" s="98">
        <v>1</v>
      </c>
      <c r="M6644" s="98">
        <v>0</v>
      </c>
      <c r="N6644" s="98">
        <v>0</v>
      </c>
      <c r="O6644" s="98">
        <v>1</v>
      </c>
      <c r="P6644" s="98">
        <v>1</v>
      </c>
      <c r="Q6644" s="98">
        <v>1</v>
      </c>
      <c r="R6644" s="98">
        <v>1</v>
      </c>
      <c r="S6644" s="98">
        <v>1</v>
      </c>
      <c r="T6644" s="98">
        <v>0</v>
      </c>
      <c r="U6644" s="99"/>
      <c r="V6644" s="99"/>
      <c r="W6644" s="99"/>
      <c r="X6644" s="99"/>
      <c r="Y6644" s="99"/>
      <c r="Z6644" s="99"/>
      <c r="AA6644" s="99"/>
      <c r="AB6644" s="99"/>
      <c r="AC6644" s="99"/>
      <c r="AD6644" s="99"/>
      <c r="AE6644" s="99"/>
      <c r="AF6644" s="99"/>
      <c r="AG6644" s="99"/>
      <c r="AH6644" s="99"/>
      <c r="AI6644" s="99"/>
      <c r="AJ6644" s="99"/>
      <c r="AK6644" s="99"/>
      <c r="AL6644" s="99"/>
      <c r="AM6644" s="99"/>
      <c r="AN6644" s="99"/>
      <c r="AO6644" s="99"/>
      <c r="AP6644" s="99"/>
      <c r="AQ6644" s="99"/>
      <c r="AR6644" s="99"/>
      <c r="AS6644" s="99"/>
      <c r="AT6644" s="99"/>
      <c r="AU6644" s="99"/>
      <c r="AV6644" s="99"/>
      <c r="AW6644" s="99"/>
      <c r="AX6644" s="99"/>
      <c r="AY6644" s="99"/>
      <c r="AZ6644" s="99"/>
      <c r="BA6644" s="99"/>
      <c r="BB6644" s="107">
        <v>45065</v>
      </c>
    </row>
    <row r="6645" spans="1:54" s="8" customFormat="1" ht="13.95" customHeight="1" x14ac:dyDescent="0.25">
      <c r="A6645" s="15" t="s">
        <v>15849</v>
      </c>
      <c r="B6645" s="110" t="s">
        <v>19886</v>
      </c>
      <c r="C6645" s="98" t="s">
        <v>15850</v>
      </c>
      <c r="D6645" s="98" t="s">
        <v>15851</v>
      </c>
      <c r="E6645" s="98">
        <v>1977</v>
      </c>
      <c r="F6645" s="98">
        <v>1394</v>
      </c>
      <c r="G6645" s="98" t="s">
        <v>1</v>
      </c>
      <c r="H6645" s="98">
        <v>0</v>
      </c>
      <c r="I6645" s="98">
        <v>0</v>
      </c>
      <c r="J6645" s="98">
        <v>1</v>
      </c>
      <c r="K6645" s="98">
        <v>0</v>
      </c>
      <c r="L6645" s="98">
        <v>0</v>
      </c>
      <c r="M6645" s="98">
        <v>0</v>
      </c>
      <c r="N6645" s="98">
        <v>0</v>
      </c>
      <c r="O6645" s="98">
        <v>0</v>
      </c>
      <c r="P6645" s="98">
        <v>0</v>
      </c>
      <c r="Q6645" s="98">
        <v>0</v>
      </c>
      <c r="R6645" s="98">
        <v>0</v>
      </c>
      <c r="S6645" s="98">
        <v>0</v>
      </c>
      <c r="T6645" s="98">
        <v>0</v>
      </c>
      <c r="U6645" s="99"/>
      <c r="V6645" s="99"/>
      <c r="W6645" s="99"/>
      <c r="X6645" s="99"/>
      <c r="Y6645" s="99"/>
      <c r="Z6645" s="99"/>
      <c r="AA6645" s="99"/>
      <c r="AB6645" s="99"/>
      <c r="AC6645" s="99"/>
      <c r="AD6645" s="99"/>
      <c r="AE6645" s="99"/>
      <c r="AF6645" s="99"/>
      <c r="AG6645" s="99"/>
      <c r="AH6645" s="99"/>
      <c r="AI6645" s="99"/>
      <c r="AJ6645" s="99"/>
      <c r="AK6645" s="99"/>
      <c r="AL6645" s="99"/>
      <c r="AM6645" s="99"/>
      <c r="AN6645" s="99"/>
      <c r="AO6645" s="99"/>
      <c r="AP6645" s="99"/>
      <c r="AQ6645" s="99"/>
      <c r="AR6645" s="99"/>
      <c r="AS6645" s="99"/>
      <c r="AT6645" s="99"/>
      <c r="AU6645" s="99"/>
      <c r="AV6645" s="99"/>
      <c r="AW6645" s="99"/>
      <c r="AX6645" s="99"/>
      <c r="AY6645" s="99"/>
      <c r="AZ6645" s="99"/>
      <c r="BA6645" s="99"/>
      <c r="BB6645" s="107">
        <v>45065</v>
      </c>
    </row>
    <row r="6646" spans="1:54" s="8" customFormat="1" ht="13.95" customHeight="1" x14ac:dyDescent="0.25">
      <c r="A6646" s="15" t="s">
        <v>15852</v>
      </c>
      <c r="B6646" s="110" t="s">
        <v>19886</v>
      </c>
      <c r="C6646" s="98" t="s">
        <v>15853</v>
      </c>
      <c r="D6646" s="98" t="s">
        <v>15854</v>
      </c>
      <c r="E6646" s="98">
        <v>1981</v>
      </c>
      <c r="F6646" s="98">
        <v>1497</v>
      </c>
      <c r="G6646" s="98" t="s">
        <v>1</v>
      </c>
      <c r="H6646" s="98">
        <v>0</v>
      </c>
      <c r="I6646" s="98">
        <v>0</v>
      </c>
      <c r="J6646" s="98">
        <v>1</v>
      </c>
      <c r="K6646" s="98">
        <v>0</v>
      </c>
      <c r="L6646" s="98">
        <v>0</v>
      </c>
      <c r="M6646" s="98">
        <v>0</v>
      </c>
      <c r="N6646" s="98">
        <v>0</v>
      </c>
      <c r="O6646" s="98">
        <v>0</v>
      </c>
      <c r="P6646" s="98">
        <v>0</v>
      </c>
      <c r="Q6646" s="98">
        <v>0</v>
      </c>
      <c r="R6646" s="98">
        <v>0</v>
      </c>
      <c r="S6646" s="98">
        <v>0</v>
      </c>
      <c r="T6646" s="98">
        <v>0</v>
      </c>
      <c r="U6646" s="99"/>
      <c r="V6646" s="99"/>
      <c r="W6646" s="99"/>
      <c r="X6646" s="99"/>
      <c r="Y6646" s="99"/>
      <c r="Z6646" s="99"/>
      <c r="AA6646" s="99"/>
      <c r="AB6646" s="99"/>
      <c r="AC6646" s="99"/>
      <c r="AD6646" s="99"/>
      <c r="AE6646" s="99"/>
      <c r="AF6646" s="99"/>
      <c r="AG6646" s="99"/>
      <c r="AH6646" s="99"/>
      <c r="AI6646" s="99"/>
      <c r="AJ6646" s="99"/>
      <c r="AK6646" s="99"/>
      <c r="AL6646" s="99"/>
      <c r="AM6646" s="99"/>
      <c r="AN6646" s="99"/>
      <c r="AO6646" s="99"/>
      <c r="AP6646" s="99"/>
      <c r="AQ6646" s="99"/>
      <c r="AR6646" s="99"/>
      <c r="AS6646" s="99"/>
      <c r="AT6646" s="99"/>
      <c r="AU6646" s="99"/>
      <c r="AV6646" s="99"/>
      <c r="AW6646" s="99"/>
      <c r="AX6646" s="99"/>
      <c r="AY6646" s="99"/>
      <c r="AZ6646" s="99"/>
      <c r="BA6646" s="99"/>
      <c r="BB6646" s="107">
        <v>45065</v>
      </c>
    </row>
    <row r="6647" spans="1:54" s="8" customFormat="1" ht="13.95" customHeight="1" x14ac:dyDescent="0.25">
      <c r="A6647" s="15" t="s">
        <v>15855</v>
      </c>
      <c r="B6647" s="110" t="s">
        <v>19886</v>
      </c>
      <c r="C6647" s="98" t="s">
        <v>15856</v>
      </c>
      <c r="D6647" s="98" t="s">
        <v>15857</v>
      </c>
      <c r="E6647" s="98">
        <v>1984</v>
      </c>
      <c r="F6647" s="98">
        <v>1597</v>
      </c>
      <c r="G6647" s="98" t="s">
        <v>1</v>
      </c>
      <c r="H6647" s="98">
        <v>0</v>
      </c>
      <c r="I6647" s="98">
        <v>0</v>
      </c>
      <c r="J6647" s="98">
        <v>1</v>
      </c>
      <c r="K6647" s="98">
        <v>0</v>
      </c>
      <c r="L6647" s="98">
        <v>1</v>
      </c>
      <c r="M6647" s="98">
        <v>0</v>
      </c>
      <c r="N6647" s="98">
        <v>0</v>
      </c>
      <c r="O6647" s="98">
        <v>1</v>
      </c>
      <c r="P6647" s="98">
        <v>1</v>
      </c>
      <c r="Q6647" s="98">
        <v>1</v>
      </c>
      <c r="R6647" s="98">
        <v>1</v>
      </c>
      <c r="S6647" s="98">
        <v>1</v>
      </c>
      <c r="T6647" s="98">
        <v>0</v>
      </c>
      <c r="U6647" s="99"/>
      <c r="V6647" s="99"/>
      <c r="W6647" s="99"/>
      <c r="X6647" s="99"/>
      <c r="Y6647" s="99"/>
      <c r="Z6647" s="99"/>
      <c r="AA6647" s="99"/>
      <c r="AB6647" s="99"/>
      <c r="AC6647" s="99"/>
      <c r="AD6647" s="99"/>
      <c r="AE6647" s="99"/>
      <c r="AF6647" s="99"/>
      <c r="AG6647" s="99"/>
      <c r="AH6647" s="99"/>
      <c r="AI6647" s="99"/>
      <c r="AJ6647" s="99"/>
      <c r="AK6647" s="99"/>
      <c r="AL6647" s="99"/>
      <c r="AM6647" s="99"/>
      <c r="AN6647" s="99"/>
      <c r="AO6647" s="99"/>
      <c r="AP6647" s="99"/>
      <c r="AQ6647" s="99"/>
      <c r="AR6647" s="99"/>
      <c r="AS6647" s="99"/>
      <c r="AT6647" s="99"/>
      <c r="AU6647" s="99"/>
      <c r="AV6647" s="99"/>
      <c r="AW6647" s="99"/>
      <c r="AX6647" s="99"/>
      <c r="AY6647" s="99"/>
      <c r="AZ6647" s="99"/>
      <c r="BA6647" s="99"/>
      <c r="BB6647" s="107">
        <v>45065</v>
      </c>
    </row>
    <row r="6648" spans="1:54" s="8" customFormat="1" ht="13.95" customHeight="1" x14ac:dyDescent="0.25">
      <c r="A6648" s="15" t="s">
        <v>15858</v>
      </c>
      <c r="B6648" s="110" t="s">
        <v>19886</v>
      </c>
      <c r="C6648" s="98" t="s">
        <v>15859</v>
      </c>
      <c r="D6648" s="98" t="s">
        <v>15860</v>
      </c>
      <c r="E6648" s="98">
        <v>1977</v>
      </c>
      <c r="F6648" s="98">
        <v>1612</v>
      </c>
      <c r="G6648" s="98" t="s">
        <v>1</v>
      </c>
      <c r="H6648" s="98">
        <v>0</v>
      </c>
      <c r="I6648" s="98">
        <v>0</v>
      </c>
      <c r="J6648" s="98">
        <v>1</v>
      </c>
      <c r="K6648" s="98">
        <v>0</v>
      </c>
      <c r="L6648" s="98">
        <v>0</v>
      </c>
      <c r="M6648" s="98">
        <v>0</v>
      </c>
      <c r="N6648" s="98">
        <v>0</v>
      </c>
      <c r="O6648" s="98">
        <v>0</v>
      </c>
      <c r="P6648" s="98">
        <v>0</v>
      </c>
      <c r="Q6648" s="98">
        <v>0</v>
      </c>
      <c r="R6648" s="98">
        <v>0</v>
      </c>
      <c r="S6648" s="98">
        <v>0</v>
      </c>
      <c r="T6648" s="98">
        <v>0</v>
      </c>
      <c r="U6648" s="99"/>
      <c r="V6648" s="99"/>
      <c r="W6648" s="99"/>
      <c r="X6648" s="99"/>
      <c r="Y6648" s="99"/>
      <c r="Z6648" s="99"/>
      <c r="AA6648" s="99"/>
      <c r="AB6648" s="99"/>
      <c r="AC6648" s="99"/>
      <c r="AD6648" s="99"/>
      <c r="AE6648" s="99"/>
      <c r="AF6648" s="99"/>
      <c r="AG6648" s="99"/>
      <c r="AH6648" s="99"/>
      <c r="AI6648" s="99"/>
      <c r="AJ6648" s="99"/>
      <c r="AK6648" s="99"/>
      <c r="AL6648" s="99"/>
      <c r="AM6648" s="99"/>
      <c r="AN6648" s="99"/>
      <c r="AO6648" s="99"/>
      <c r="AP6648" s="99"/>
      <c r="AQ6648" s="99"/>
      <c r="AR6648" s="99"/>
      <c r="AS6648" s="99"/>
      <c r="AT6648" s="99"/>
      <c r="AU6648" s="99"/>
      <c r="AV6648" s="99"/>
      <c r="AW6648" s="99"/>
      <c r="AX6648" s="99"/>
      <c r="AY6648" s="99"/>
      <c r="AZ6648" s="99"/>
      <c r="BA6648" s="99"/>
      <c r="BB6648" s="107">
        <v>45065</v>
      </c>
    </row>
    <row r="6649" spans="1:54" s="8" customFormat="1" ht="13.95" customHeight="1" x14ac:dyDescent="0.25">
      <c r="A6649" s="15" t="s">
        <v>15861</v>
      </c>
      <c r="B6649" s="110" t="s">
        <v>19886</v>
      </c>
      <c r="C6649" s="98" t="s">
        <v>15862</v>
      </c>
      <c r="D6649" s="98" t="s">
        <v>15863</v>
      </c>
      <c r="E6649" s="98">
        <v>1986</v>
      </c>
      <c r="F6649" s="98">
        <v>1637</v>
      </c>
      <c r="G6649" s="98" t="s">
        <v>1</v>
      </c>
      <c r="H6649" s="98">
        <v>0</v>
      </c>
      <c r="I6649" s="98">
        <v>0</v>
      </c>
      <c r="J6649" s="98">
        <v>1</v>
      </c>
      <c r="K6649" s="98">
        <v>0</v>
      </c>
      <c r="L6649" s="98">
        <v>1</v>
      </c>
      <c r="M6649" s="98">
        <v>0</v>
      </c>
      <c r="N6649" s="98">
        <v>0</v>
      </c>
      <c r="O6649" s="98">
        <v>1</v>
      </c>
      <c r="P6649" s="98">
        <v>1</v>
      </c>
      <c r="Q6649" s="98">
        <v>1</v>
      </c>
      <c r="R6649" s="98">
        <v>1</v>
      </c>
      <c r="S6649" s="98">
        <v>0</v>
      </c>
      <c r="T6649" s="98">
        <v>0</v>
      </c>
      <c r="U6649" s="99"/>
      <c r="V6649" s="99"/>
      <c r="W6649" s="99"/>
      <c r="X6649" s="99"/>
      <c r="Y6649" s="99"/>
      <c r="Z6649" s="99"/>
      <c r="AA6649" s="99"/>
      <c r="AB6649" s="99"/>
      <c r="AC6649" s="99"/>
      <c r="AD6649" s="99"/>
      <c r="AE6649" s="99"/>
      <c r="AF6649" s="99"/>
      <c r="AG6649" s="99"/>
      <c r="AH6649" s="99"/>
      <c r="AI6649" s="99"/>
      <c r="AJ6649" s="99"/>
      <c r="AK6649" s="99"/>
      <c r="AL6649" s="99"/>
      <c r="AM6649" s="99"/>
      <c r="AN6649" s="99"/>
      <c r="AO6649" s="99"/>
      <c r="AP6649" s="99"/>
      <c r="AQ6649" s="99"/>
      <c r="AR6649" s="99"/>
      <c r="AS6649" s="99"/>
      <c r="AT6649" s="99"/>
      <c r="AU6649" s="99"/>
      <c r="AV6649" s="99"/>
      <c r="AW6649" s="99"/>
      <c r="AX6649" s="99"/>
      <c r="AY6649" s="99"/>
      <c r="AZ6649" s="99"/>
      <c r="BA6649" s="99"/>
      <c r="BB6649" s="107">
        <v>45065</v>
      </c>
    </row>
    <row r="6650" spans="1:54" s="8" customFormat="1" ht="13.95" customHeight="1" x14ac:dyDescent="0.25">
      <c r="A6650" s="15" t="s">
        <v>15864</v>
      </c>
      <c r="B6650" s="110" t="s">
        <v>19886</v>
      </c>
      <c r="C6650" s="98" t="s">
        <v>15865</v>
      </c>
      <c r="D6650" s="98" t="s">
        <v>15866</v>
      </c>
      <c r="E6650" s="98">
        <v>2009</v>
      </c>
      <c r="F6650" s="98">
        <v>1720</v>
      </c>
      <c r="G6650" s="98" t="s">
        <v>1</v>
      </c>
      <c r="H6650" s="98">
        <v>1</v>
      </c>
      <c r="I6650" s="98">
        <v>1</v>
      </c>
      <c r="J6650" s="98">
        <v>1</v>
      </c>
      <c r="K6650" s="98">
        <v>1</v>
      </c>
      <c r="L6650" s="98">
        <v>0</v>
      </c>
      <c r="M6650" s="98">
        <v>0</v>
      </c>
      <c r="N6650" s="98">
        <v>0</v>
      </c>
      <c r="O6650" s="98">
        <v>0</v>
      </c>
      <c r="P6650" s="98">
        <v>0</v>
      </c>
      <c r="Q6650" s="98">
        <v>0</v>
      </c>
      <c r="R6650" s="98">
        <v>0</v>
      </c>
      <c r="S6650" s="98">
        <v>0</v>
      </c>
      <c r="T6650" s="98">
        <v>0</v>
      </c>
      <c r="U6650" s="99"/>
      <c r="V6650" s="99"/>
      <c r="W6650" s="99"/>
      <c r="X6650" s="99"/>
      <c r="Y6650" s="99"/>
      <c r="Z6650" s="99"/>
      <c r="AA6650" s="99"/>
      <c r="AB6650" s="99"/>
      <c r="AC6650" s="99"/>
      <c r="AD6650" s="99"/>
      <c r="AE6650" s="99"/>
      <c r="AF6650" s="99"/>
      <c r="AG6650" s="99"/>
      <c r="AH6650" s="99"/>
      <c r="AI6650" s="99"/>
      <c r="AJ6650" s="99"/>
      <c r="AK6650" s="99"/>
      <c r="AL6650" s="99"/>
      <c r="AM6650" s="99"/>
      <c r="AN6650" s="98">
        <v>1</v>
      </c>
      <c r="AO6650" s="98">
        <v>1</v>
      </c>
      <c r="AP6650" s="99"/>
      <c r="AQ6650" s="99"/>
      <c r="AR6650" s="99"/>
      <c r="AS6650" s="99"/>
      <c r="AT6650" s="99"/>
      <c r="AU6650" s="98">
        <v>1</v>
      </c>
      <c r="AV6650" s="99"/>
      <c r="AW6650" s="99"/>
      <c r="AX6650" s="99"/>
      <c r="AY6650" s="99"/>
      <c r="AZ6650" s="99"/>
      <c r="BA6650" s="99"/>
      <c r="BB6650" s="107">
        <v>45065</v>
      </c>
    </row>
    <row r="6651" spans="1:54" s="8" customFormat="1" ht="13.95" customHeight="1" x14ac:dyDescent="0.25">
      <c r="A6651" s="15" t="s">
        <v>15867</v>
      </c>
      <c r="B6651" s="110" t="s">
        <v>19886</v>
      </c>
      <c r="C6651" s="98" t="s">
        <v>15868</v>
      </c>
      <c r="D6651" s="98" t="s">
        <v>15869</v>
      </c>
      <c r="E6651" s="98">
        <v>1977</v>
      </c>
      <c r="F6651" s="98">
        <v>1837</v>
      </c>
      <c r="G6651" s="98" t="s">
        <v>1</v>
      </c>
      <c r="H6651" s="98">
        <v>0</v>
      </c>
      <c r="I6651" s="98">
        <v>0</v>
      </c>
      <c r="J6651" s="98">
        <v>0</v>
      </c>
      <c r="K6651" s="98">
        <v>0</v>
      </c>
      <c r="L6651" s="98">
        <v>1</v>
      </c>
      <c r="M6651" s="98">
        <v>0</v>
      </c>
      <c r="N6651" s="98">
        <v>0</v>
      </c>
      <c r="O6651" s="98">
        <v>1</v>
      </c>
      <c r="P6651" s="98">
        <v>0</v>
      </c>
      <c r="Q6651" s="98">
        <v>1</v>
      </c>
      <c r="R6651" s="98">
        <v>0</v>
      </c>
      <c r="S6651" s="98">
        <v>0</v>
      </c>
      <c r="T6651" s="98">
        <v>0</v>
      </c>
      <c r="U6651" s="99"/>
      <c r="V6651" s="99"/>
      <c r="W6651" s="99"/>
      <c r="X6651" s="99"/>
      <c r="Y6651" s="99"/>
      <c r="Z6651" s="99"/>
      <c r="AA6651" s="99"/>
      <c r="AB6651" s="99"/>
      <c r="AC6651" s="99"/>
      <c r="AD6651" s="99"/>
      <c r="AE6651" s="99"/>
      <c r="AF6651" s="99"/>
      <c r="AG6651" s="99"/>
      <c r="AH6651" s="99"/>
      <c r="AI6651" s="99"/>
      <c r="AJ6651" s="99"/>
      <c r="AK6651" s="99"/>
      <c r="AL6651" s="99"/>
      <c r="AM6651" s="99"/>
      <c r="AN6651" s="99"/>
      <c r="AO6651" s="99"/>
      <c r="AP6651" s="99"/>
      <c r="AQ6651" s="99"/>
      <c r="AR6651" s="99"/>
      <c r="AS6651" s="99"/>
      <c r="AT6651" s="99"/>
      <c r="AU6651" s="99"/>
      <c r="AV6651" s="99"/>
      <c r="AW6651" s="99"/>
      <c r="AX6651" s="99"/>
      <c r="AY6651" s="99"/>
      <c r="AZ6651" s="99"/>
      <c r="BA6651" s="99"/>
      <c r="BB6651" s="107">
        <v>45065</v>
      </c>
    </row>
    <row r="6652" spans="1:54" s="8" customFormat="1" ht="13.95" customHeight="1" x14ac:dyDescent="0.25">
      <c r="A6652" s="15" t="s">
        <v>15870</v>
      </c>
      <c r="B6652" s="110" t="s">
        <v>19886</v>
      </c>
      <c r="C6652" s="98" t="s">
        <v>15871</v>
      </c>
      <c r="D6652" s="98" t="s">
        <v>15872</v>
      </c>
      <c r="E6652" s="98">
        <v>1981</v>
      </c>
      <c r="F6652" s="98">
        <v>1871</v>
      </c>
      <c r="G6652" s="98" t="s">
        <v>1</v>
      </c>
      <c r="H6652" s="98">
        <v>0</v>
      </c>
      <c r="I6652" s="98">
        <v>0</v>
      </c>
      <c r="J6652" s="98">
        <v>1</v>
      </c>
      <c r="K6652" s="98">
        <v>0</v>
      </c>
      <c r="L6652" s="98">
        <v>0</v>
      </c>
      <c r="M6652" s="98">
        <v>0</v>
      </c>
      <c r="N6652" s="98">
        <v>0</v>
      </c>
      <c r="O6652" s="98">
        <v>0</v>
      </c>
      <c r="P6652" s="98">
        <v>1</v>
      </c>
      <c r="Q6652" s="98">
        <v>0</v>
      </c>
      <c r="R6652" s="98">
        <v>0</v>
      </c>
      <c r="S6652" s="98">
        <v>1</v>
      </c>
      <c r="T6652" s="98">
        <v>0</v>
      </c>
      <c r="U6652" s="99"/>
      <c r="V6652" s="99"/>
      <c r="W6652" s="99"/>
      <c r="X6652" s="99"/>
      <c r="Y6652" s="99"/>
      <c r="Z6652" s="99"/>
      <c r="AA6652" s="99"/>
      <c r="AB6652" s="99"/>
      <c r="AC6652" s="99"/>
      <c r="AD6652" s="99"/>
      <c r="AE6652" s="99"/>
      <c r="AF6652" s="99"/>
      <c r="AG6652" s="99"/>
      <c r="AH6652" s="99"/>
      <c r="AI6652" s="99"/>
      <c r="AJ6652" s="99"/>
      <c r="AK6652" s="99"/>
      <c r="AL6652" s="99"/>
      <c r="AM6652" s="99"/>
      <c r="AN6652" s="99"/>
      <c r="AO6652" s="99"/>
      <c r="AP6652" s="99"/>
      <c r="AQ6652" s="99"/>
      <c r="AR6652" s="99"/>
      <c r="AS6652" s="99"/>
      <c r="AT6652" s="99"/>
      <c r="AU6652" s="99"/>
      <c r="AV6652" s="99"/>
      <c r="AW6652" s="99"/>
      <c r="AX6652" s="99"/>
      <c r="AY6652" s="99"/>
      <c r="AZ6652" s="99"/>
      <c r="BA6652" s="99"/>
      <c r="BB6652" s="107">
        <v>45065</v>
      </c>
    </row>
    <row r="6653" spans="1:54" s="8" customFormat="1" ht="13.95" customHeight="1" x14ac:dyDescent="0.25">
      <c r="A6653" s="15" t="s">
        <v>15873</v>
      </c>
      <c r="B6653" s="110" t="s">
        <v>19886</v>
      </c>
      <c r="C6653" s="98" t="s">
        <v>15874</v>
      </c>
      <c r="D6653" s="98" t="s">
        <v>15875</v>
      </c>
      <c r="E6653" s="98">
        <v>2003</v>
      </c>
      <c r="F6653" s="98">
        <v>2502</v>
      </c>
      <c r="G6653" s="98" t="s">
        <v>1</v>
      </c>
      <c r="H6653" s="98">
        <v>0</v>
      </c>
      <c r="I6653" s="98">
        <v>0</v>
      </c>
      <c r="J6653" s="98">
        <v>1</v>
      </c>
      <c r="K6653" s="98">
        <v>1</v>
      </c>
      <c r="L6653" s="98">
        <v>0</v>
      </c>
      <c r="M6653" s="98">
        <v>0</v>
      </c>
      <c r="N6653" s="98">
        <v>0</v>
      </c>
      <c r="O6653" s="98">
        <v>1</v>
      </c>
      <c r="P6653" s="98">
        <v>0</v>
      </c>
      <c r="Q6653" s="98">
        <v>0</v>
      </c>
      <c r="R6653" s="98">
        <v>0</v>
      </c>
      <c r="S6653" s="98">
        <v>0</v>
      </c>
      <c r="T6653" s="98">
        <v>0</v>
      </c>
      <c r="U6653" s="99"/>
      <c r="V6653" s="99"/>
      <c r="W6653" s="99"/>
      <c r="X6653" s="99"/>
      <c r="Y6653" s="99"/>
      <c r="Z6653" s="99"/>
      <c r="AA6653" s="99"/>
      <c r="AB6653" s="99"/>
      <c r="AC6653" s="99"/>
      <c r="AD6653" s="99"/>
      <c r="AE6653" s="99"/>
      <c r="AF6653" s="99"/>
      <c r="AG6653" s="99"/>
      <c r="AH6653" s="99"/>
      <c r="AI6653" s="99"/>
      <c r="AJ6653" s="99"/>
      <c r="AK6653" s="99"/>
      <c r="AL6653" s="99"/>
      <c r="AM6653" s="99"/>
      <c r="AN6653" s="99"/>
      <c r="AO6653" s="99"/>
      <c r="AP6653" s="99"/>
      <c r="AQ6653" s="99"/>
      <c r="AR6653" s="99"/>
      <c r="AS6653" s="99"/>
      <c r="AT6653" s="99"/>
      <c r="AU6653" s="99"/>
      <c r="AV6653" s="99"/>
      <c r="AW6653" s="99"/>
      <c r="AX6653" s="99"/>
      <c r="AY6653" s="99"/>
      <c r="AZ6653" s="99"/>
      <c r="BA6653" s="99"/>
      <c r="BB6653" s="107">
        <v>45065</v>
      </c>
    </row>
    <row r="6654" spans="1:54" s="8" customFormat="1" ht="13.95" customHeight="1" x14ac:dyDescent="0.25">
      <c r="A6654" s="15" t="s">
        <v>15876</v>
      </c>
      <c r="B6654" s="110" t="s">
        <v>19886</v>
      </c>
      <c r="C6654" s="98" t="s">
        <v>15877</v>
      </c>
      <c r="D6654" s="98" t="s">
        <v>15878</v>
      </c>
      <c r="E6654" s="98">
        <v>2000</v>
      </c>
      <c r="F6654" s="98">
        <v>2896</v>
      </c>
      <c r="G6654" s="98" t="s">
        <v>1</v>
      </c>
      <c r="H6654" s="98">
        <v>0</v>
      </c>
      <c r="I6654" s="98">
        <v>0</v>
      </c>
      <c r="J6654" s="98">
        <v>1</v>
      </c>
      <c r="K6654" s="98">
        <v>1</v>
      </c>
      <c r="L6654" s="98">
        <v>0</v>
      </c>
      <c r="M6654" s="98">
        <v>0</v>
      </c>
      <c r="N6654" s="98">
        <v>0</v>
      </c>
      <c r="O6654" s="98">
        <v>0</v>
      </c>
      <c r="P6654" s="98">
        <v>0</v>
      </c>
      <c r="Q6654" s="98">
        <v>0</v>
      </c>
      <c r="R6654" s="98">
        <v>0</v>
      </c>
      <c r="S6654" s="98">
        <v>1</v>
      </c>
      <c r="T6654" s="98">
        <v>0</v>
      </c>
      <c r="U6654" s="99"/>
      <c r="V6654" s="99"/>
      <c r="W6654" s="99"/>
      <c r="X6654" s="99"/>
      <c r="Y6654" s="99"/>
      <c r="Z6654" s="99"/>
      <c r="AA6654" s="99"/>
      <c r="AB6654" s="99"/>
      <c r="AC6654" s="99"/>
      <c r="AD6654" s="99"/>
      <c r="AE6654" s="99"/>
      <c r="AF6654" s="99"/>
      <c r="AG6654" s="99"/>
      <c r="AH6654" s="99"/>
      <c r="AI6654" s="99"/>
      <c r="AJ6654" s="99"/>
      <c r="AK6654" s="99"/>
      <c r="AL6654" s="99"/>
      <c r="AM6654" s="99"/>
      <c r="AN6654" s="99"/>
      <c r="AO6654" s="99"/>
      <c r="AP6654" s="99"/>
      <c r="AQ6654" s="99"/>
      <c r="AR6654" s="99"/>
      <c r="AS6654" s="99"/>
      <c r="AT6654" s="99"/>
      <c r="AU6654" s="99"/>
      <c r="AV6654" s="99"/>
      <c r="AW6654" s="99"/>
      <c r="AX6654" s="99"/>
      <c r="AY6654" s="99"/>
      <c r="AZ6654" s="99"/>
      <c r="BA6654" s="99"/>
      <c r="BB6654" s="107">
        <v>45065</v>
      </c>
    </row>
    <row r="6655" spans="1:54" s="8" customFormat="1" ht="13.95" customHeight="1" x14ac:dyDescent="0.25">
      <c r="A6655" s="15" t="s">
        <v>15879</v>
      </c>
      <c r="B6655" s="110" t="s">
        <v>19886</v>
      </c>
      <c r="C6655" s="98" t="s">
        <v>15880</v>
      </c>
      <c r="D6655" s="98" t="s">
        <v>15881</v>
      </c>
      <c r="E6655" s="98">
        <v>1982</v>
      </c>
      <c r="F6655" s="98">
        <v>2900</v>
      </c>
      <c r="G6655" s="98" t="s">
        <v>1</v>
      </c>
      <c r="H6655" s="98">
        <v>0</v>
      </c>
      <c r="I6655" s="98">
        <v>0</v>
      </c>
      <c r="J6655" s="98">
        <v>1</v>
      </c>
      <c r="K6655" s="98">
        <v>0</v>
      </c>
      <c r="L6655" s="98">
        <v>1</v>
      </c>
      <c r="M6655" s="98">
        <v>1</v>
      </c>
      <c r="N6655" s="98">
        <v>0</v>
      </c>
      <c r="O6655" s="98">
        <v>1</v>
      </c>
      <c r="P6655" s="98">
        <v>1</v>
      </c>
      <c r="Q6655" s="98">
        <v>0</v>
      </c>
      <c r="R6655" s="98">
        <v>1</v>
      </c>
      <c r="S6655" s="98">
        <v>0</v>
      </c>
      <c r="T6655" s="98">
        <v>0</v>
      </c>
      <c r="U6655" s="99"/>
      <c r="V6655" s="99"/>
      <c r="W6655" s="99"/>
      <c r="X6655" s="99"/>
      <c r="Y6655" s="99"/>
      <c r="Z6655" s="99"/>
      <c r="AA6655" s="99"/>
      <c r="AB6655" s="99"/>
      <c r="AC6655" s="99"/>
      <c r="AD6655" s="99"/>
      <c r="AE6655" s="99"/>
      <c r="AF6655" s="99"/>
      <c r="AG6655" s="99"/>
      <c r="AH6655" s="99"/>
      <c r="AI6655" s="99"/>
      <c r="AJ6655" s="99"/>
      <c r="AK6655" s="99"/>
      <c r="AL6655" s="99"/>
      <c r="AM6655" s="99"/>
      <c r="AN6655" s="99"/>
      <c r="AO6655" s="99"/>
      <c r="AP6655" s="99"/>
      <c r="AQ6655" s="99"/>
      <c r="AR6655" s="99"/>
      <c r="AS6655" s="99"/>
      <c r="AT6655" s="99"/>
      <c r="AU6655" s="99"/>
      <c r="AV6655" s="99"/>
      <c r="AW6655" s="99"/>
      <c r="AX6655" s="99"/>
      <c r="AY6655" s="99"/>
      <c r="AZ6655" s="99"/>
      <c r="BA6655" s="99"/>
      <c r="BB6655" s="107">
        <v>45065</v>
      </c>
    </row>
    <row r="6656" spans="1:54" s="8" customFormat="1" ht="13.95" customHeight="1" x14ac:dyDescent="0.25">
      <c r="A6656" s="15" t="s">
        <v>15882</v>
      </c>
      <c r="B6656" s="110" t="s">
        <v>19886</v>
      </c>
      <c r="C6656" s="98" t="s">
        <v>15883</v>
      </c>
      <c r="D6656" s="98" t="s">
        <v>15884</v>
      </c>
      <c r="E6656" s="98">
        <v>1993</v>
      </c>
      <c r="F6656" s="98">
        <v>2999</v>
      </c>
      <c r="G6656" s="98" t="s">
        <v>1</v>
      </c>
      <c r="H6656" s="98">
        <v>0</v>
      </c>
      <c r="I6656" s="98">
        <v>0</v>
      </c>
      <c r="J6656" s="98">
        <v>1</v>
      </c>
      <c r="K6656" s="98">
        <v>1</v>
      </c>
      <c r="L6656" s="98">
        <v>1</v>
      </c>
      <c r="M6656" s="98">
        <v>0</v>
      </c>
      <c r="N6656" s="98">
        <v>0</v>
      </c>
      <c r="O6656" s="98">
        <v>1</v>
      </c>
      <c r="P6656" s="98">
        <v>1</v>
      </c>
      <c r="Q6656" s="98">
        <v>0</v>
      </c>
      <c r="R6656" s="98">
        <v>1</v>
      </c>
      <c r="S6656" s="98">
        <v>0</v>
      </c>
      <c r="T6656" s="98">
        <v>0</v>
      </c>
      <c r="U6656" s="99"/>
      <c r="V6656" s="99"/>
      <c r="W6656" s="99"/>
      <c r="X6656" s="99"/>
      <c r="Y6656" s="99"/>
      <c r="Z6656" s="99"/>
      <c r="AA6656" s="99"/>
      <c r="AB6656" s="99"/>
      <c r="AC6656" s="99"/>
      <c r="AD6656" s="99"/>
      <c r="AE6656" s="99"/>
      <c r="AF6656" s="99"/>
      <c r="AG6656" s="99"/>
      <c r="AH6656" s="99"/>
      <c r="AI6656" s="99"/>
      <c r="AJ6656" s="99"/>
      <c r="AK6656" s="99"/>
      <c r="AL6656" s="99"/>
      <c r="AM6656" s="99"/>
      <c r="AN6656" s="99"/>
      <c r="AO6656" s="99"/>
      <c r="AP6656" s="99"/>
      <c r="AQ6656" s="99"/>
      <c r="AR6656" s="99"/>
      <c r="AS6656" s="99"/>
      <c r="AT6656" s="99"/>
      <c r="AU6656" s="99"/>
      <c r="AV6656" s="99"/>
      <c r="AW6656" s="99"/>
      <c r="AX6656" s="99"/>
      <c r="AY6656" s="99"/>
      <c r="AZ6656" s="99"/>
      <c r="BA6656" s="99"/>
      <c r="BB6656" s="107">
        <v>45065</v>
      </c>
    </row>
    <row r="6657" spans="1:54" s="8" customFormat="1" ht="13.95" customHeight="1" x14ac:dyDescent="0.25">
      <c r="A6657" s="15" t="s">
        <v>15885</v>
      </c>
      <c r="B6657" s="110" t="s">
        <v>19886</v>
      </c>
      <c r="C6657" s="98" t="s">
        <v>15886</v>
      </c>
      <c r="D6657" s="98" t="s">
        <v>15887</v>
      </c>
      <c r="E6657" s="98">
        <v>2003</v>
      </c>
      <c r="F6657" s="98">
        <v>3109</v>
      </c>
      <c r="G6657" s="98" t="s">
        <v>1</v>
      </c>
      <c r="H6657" s="98">
        <v>0</v>
      </c>
      <c r="I6657" s="98">
        <v>0</v>
      </c>
      <c r="J6657" s="98">
        <v>1</v>
      </c>
      <c r="K6657" s="98">
        <v>0</v>
      </c>
      <c r="L6657" s="98">
        <v>0</v>
      </c>
      <c r="M6657" s="98">
        <v>1</v>
      </c>
      <c r="N6657" s="98">
        <v>0</v>
      </c>
      <c r="O6657" s="98">
        <v>0</v>
      </c>
      <c r="P6657" s="98">
        <v>1</v>
      </c>
      <c r="Q6657" s="98">
        <v>0</v>
      </c>
      <c r="R6657" s="98">
        <v>0</v>
      </c>
      <c r="S6657" s="98">
        <v>0</v>
      </c>
      <c r="T6657" s="98">
        <v>0</v>
      </c>
      <c r="U6657" s="99"/>
      <c r="V6657" s="99"/>
      <c r="W6657" s="99"/>
      <c r="X6657" s="99"/>
      <c r="Y6657" s="99"/>
      <c r="Z6657" s="99"/>
      <c r="AA6657" s="99"/>
      <c r="AB6657" s="99"/>
      <c r="AC6657" s="99"/>
      <c r="AD6657" s="99"/>
      <c r="AE6657" s="99"/>
      <c r="AF6657" s="99"/>
      <c r="AG6657" s="99"/>
      <c r="AH6657" s="99"/>
      <c r="AI6657" s="99"/>
      <c r="AJ6657" s="99"/>
      <c r="AK6657" s="99"/>
      <c r="AL6657" s="99"/>
      <c r="AM6657" s="99"/>
      <c r="AN6657" s="99"/>
      <c r="AO6657" s="99"/>
      <c r="AP6657" s="99"/>
      <c r="AQ6657" s="99"/>
      <c r="AR6657" s="99"/>
      <c r="AS6657" s="99"/>
      <c r="AT6657" s="99"/>
      <c r="AU6657" s="99"/>
      <c r="AV6657" s="99"/>
      <c r="AW6657" s="99"/>
      <c r="AX6657" s="99"/>
      <c r="AY6657" s="99"/>
      <c r="AZ6657" s="99"/>
      <c r="BA6657" s="99"/>
      <c r="BB6657" s="107">
        <v>45065</v>
      </c>
    </row>
    <row r="6658" spans="1:54" s="8" customFormat="1" ht="13.95" customHeight="1" x14ac:dyDescent="0.25">
      <c r="A6658" s="15" t="s">
        <v>15888</v>
      </c>
      <c r="B6658" s="110" t="s">
        <v>19886</v>
      </c>
      <c r="C6658" s="98" t="s">
        <v>15889</v>
      </c>
      <c r="D6658" s="98" t="s">
        <v>15890</v>
      </c>
      <c r="E6658" s="98">
        <v>1979</v>
      </c>
      <c r="F6658" s="98">
        <v>3247</v>
      </c>
      <c r="G6658" s="98" t="s">
        <v>8</v>
      </c>
      <c r="H6658" s="98">
        <v>0</v>
      </c>
      <c r="I6658" s="98">
        <v>0</v>
      </c>
      <c r="J6658" s="98">
        <v>1</v>
      </c>
      <c r="K6658" s="98">
        <v>0</v>
      </c>
      <c r="L6658" s="98">
        <v>1</v>
      </c>
      <c r="M6658" s="98">
        <v>0</v>
      </c>
      <c r="N6658" s="98">
        <v>0</v>
      </c>
      <c r="O6658" s="98">
        <v>0</v>
      </c>
      <c r="P6658" s="98">
        <v>1</v>
      </c>
      <c r="Q6658" s="98">
        <v>1</v>
      </c>
      <c r="R6658" s="98">
        <v>1</v>
      </c>
      <c r="S6658" s="98">
        <v>1</v>
      </c>
      <c r="T6658" s="98">
        <v>0</v>
      </c>
      <c r="U6658" s="98">
        <v>0</v>
      </c>
      <c r="V6658" s="98">
        <v>0</v>
      </c>
      <c r="W6658" s="98">
        <v>0</v>
      </c>
      <c r="X6658" s="98">
        <v>0</v>
      </c>
      <c r="Y6658" s="98">
        <v>0</v>
      </c>
      <c r="Z6658" s="98">
        <v>0</v>
      </c>
      <c r="AA6658" s="98">
        <v>0</v>
      </c>
      <c r="AB6658" s="98">
        <v>0</v>
      </c>
      <c r="AC6658" s="98">
        <v>0</v>
      </c>
      <c r="AD6658" s="98">
        <v>0</v>
      </c>
      <c r="AE6658" s="98">
        <v>0</v>
      </c>
      <c r="AF6658" s="98">
        <v>0</v>
      </c>
      <c r="AG6658" s="98">
        <v>0</v>
      </c>
      <c r="AH6658" s="98">
        <v>0</v>
      </c>
      <c r="AI6658" s="98">
        <v>0</v>
      </c>
      <c r="AJ6658" s="98">
        <v>0</v>
      </c>
      <c r="AK6658" s="98">
        <v>0</v>
      </c>
      <c r="AL6658" s="98">
        <v>0</v>
      </c>
      <c r="AM6658" s="98">
        <v>0</v>
      </c>
      <c r="AN6658" s="98">
        <v>0</v>
      </c>
      <c r="AO6658" s="98">
        <v>0</v>
      </c>
      <c r="AP6658" s="98">
        <v>0</v>
      </c>
      <c r="AQ6658" s="98">
        <v>0</v>
      </c>
      <c r="AR6658" s="98">
        <v>0</v>
      </c>
      <c r="AS6658" s="98">
        <v>0</v>
      </c>
      <c r="AT6658" s="129" t="s">
        <v>174</v>
      </c>
      <c r="AU6658" s="98">
        <v>0</v>
      </c>
      <c r="AV6658" s="98">
        <v>0</v>
      </c>
      <c r="AW6658" s="98">
        <v>0</v>
      </c>
      <c r="AX6658" s="98"/>
      <c r="AY6658" s="98"/>
      <c r="AZ6658" s="98"/>
      <c r="BA6658" s="98"/>
      <c r="BB6658" s="107">
        <v>45065</v>
      </c>
    </row>
    <row r="6659" spans="1:54" s="8" customFormat="1" ht="13.95" customHeight="1" x14ac:dyDescent="0.25">
      <c r="A6659" s="15" t="s">
        <v>15891</v>
      </c>
      <c r="B6659" s="110" t="s">
        <v>19886</v>
      </c>
      <c r="C6659" s="98" t="s">
        <v>15892</v>
      </c>
      <c r="D6659" s="98" t="s">
        <v>15893</v>
      </c>
      <c r="E6659" s="98">
        <v>1987</v>
      </c>
      <c r="F6659" s="98">
        <v>3164</v>
      </c>
      <c r="G6659" s="98" t="s">
        <v>1</v>
      </c>
      <c r="H6659" s="98">
        <v>0</v>
      </c>
      <c r="I6659" s="98">
        <v>0</v>
      </c>
      <c r="J6659" s="98">
        <v>1</v>
      </c>
      <c r="K6659" s="98">
        <v>1</v>
      </c>
      <c r="L6659" s="98">
        <v>1</v>
      </c>
      <c r="M6659" s="98">
        <v>0</v>
      </c>
      <c r="N6659" s="98">
        <v>0</v>
      </c>
      <c r="O6659" s="98">
        <v>1</v>
      </c>
      <c r="P6659" s="98">
        <v>1</v>
      </c>
      <c r="Q6659" s="98">
        <v>0</v>
      </c>
      <c r="R6659" s="98">
        <v>1</v>
      </c>
      <c r="S6659" s="98">
        <v>1</v>
      </c>
      <c r="T6659" s="98">
        <v>0</v>
      </c>
      <c r="U6659" s="99"/>
      <c r="V6659" s="99"/>
      <c r="W6659" s="99"/>
      <c r="X6659" s="99"/>
      <c r="Y6659" s="99"/>
      <c r="Z6659" s="99"/>
      <c r="AA6659" s="99"/>
      <c r="AB6659" s="99"/>
      <c r="AC6659" s="99"/>
      <c r="AD6659" s="99"/>
      <c r="AE6659" s="99"/>
      <c r="AF6659" s="99"/>
      <c r="AG6659" s="99"/>
      <c r="AH6659" s="99"/>
      <c r="AI6659" s="99"/>
      <c r="AJ6659" s="99"/>
      <c r="AK6659" s="99"/>
      <c r="AL6659" s="99"/>
      <c r="AM6659" s="99"/>
      <c r="AN6659" s="99"/>
      <c r="AO6659" s="99"/>
      <c r="AP6659" s="99"/>
      <c r="AQ6659" s="99"/>
      <c r="AR6659" s="99"/>
      <c r="AS6659" s="99"/>
      <c r="AT6659" s="99"/>
      <c r="AU6659" s="99"/>
      <c r="AV6659" s="99"/>
      <c r="AW6659" s="99"/>
      <c r="AX6659" s="99"/>
      <c r="AY6659" s="99"/>
      <c r="AZ6659" s="99"/>
      <c r="BA6659" s="99"/>
      <c r="BB6659" s="107">
        <v>45065</v>
      </c>
    </row>
    <row r="6660" spans="1:54" s="8" customFormat="1" ht="13.95" customHeight="1" x14ac:dyDescent="0.25">
      <c r="A6660" s="15" t="s">
        <v>15894</v>
      </c>
      <c r="B6660" s="110" t="s">
        <v>19886</v>
      </c>
      <c r="C6660" s="98" t="s">
        <v>15895</v>
      </c>
      <c r="D6660" s="98" t="s">
        <v>15896</v>
      </c>
      <c r="E6660" s="98">
        <v>1982</v>
      </c>
      <c r="F6660" s="98">
        <v>3498</v>
      </c>
      <c r="G6660" s="98" t="s">
        <v>1</v>
      </c>
      <c r="H6660" s="98">
        <v>0</v>
      </c>
      <c r="I6660" s="98">
        <v>0</v>
      </c>
      <c r="J6660" s="98">
        <v>1</v>
      </c>
      <c r="K6660" s="98">
        <v>0</v>
      </c>
      <c r="L6660" s="98">
        <v>0</v>
      </c>
      <c r="M6660" s="98">
        <v>0</v>
      </c>
      <c r="N6660" s="98">
        <v>0</v>
      </c>
      <c r="O6660" s="98">
        <v>0</v>
      </c>
      <c r="P6660" s="98">
        <v>0</v>
      </c>
      <c r="Q6660" s="98">
        <v>0</v>
      </c>
      <c r="R6660" s="98">
        <v>0</v>
      </c>
      <c r="S6660" s="98">
        <v>0</v>
      </c>
      <c r="T6660" s="98">
        <v>0</v>
      </c>
      <c r="U6660" s="99"/>
      <c r="V6660" s="99"/>
      <c r="W6660" s="99"/>
      <c r="X6660" s="99"/>
      <c r="Y6660" s="99"/>
      <c r="Z6660" s="99"/>
      <c r="AA6660" s="99"/>
      <c r="AB6660" s="99"/>
      <c r="AC6660" s="99"/>
      <c r="AD6660" s="99"/>
      <c r="AE6660" s="99"/>
      <c r="AF6660" s="99"/>
      <c r="AG6660" s="99"/>
      <c r="AH6660" s="99"/>
      <c r="AI6660" s="99"/>
      <c r="AJ6660" s="99"/>
      <c r="AK6660" s="99"/>
      <c r="AL6660" s="99"/>
      <c r="AM6660" s="99"/>
      <c r="AN6660" s="99"/>
      <c r="AO6660" s="99"/>
      <c r="AP6660" s="99"/>
      <c r="AQ6660" s="99"/>
      <c r="AR6660" s="99"/>
      <c r="AS6660" s="99"/>
      <c r="AT6660" s="99"/>
      <c r="AU6660" s="99"/>
      <c r="AV6660" s="99"/>
      <c r="AW6660" s="99"/>
      <c r="AX6660" s="99"/>
      <c r="AY6660" s="99"/>
      <c r="AZ6660" s="99"/>
      <c r="BA6660" s="99"/>
      <c r="BB6660" s="107">
        <v>45065</v>
      </c>
    </row>
    <row r="6661" spans="1:54" s="8" customFormat="1" ht="13.95" customHeight="1" x14ac:dyDescent="0.25">
      <c r="A6661" s="15" t="s">
        <v>15897</v>
      </c>
      <c r="B6661" s="110" t="s">
        <v>19886</v>
      </c>
      <c r="C6661" s="98" t="s">
        <v>15898</v>
      </c>
      <c r="D6661" s="98" t="s">
        <v>15899</v>
      </c>
      <c r="E6661" s="98">
        <v>1982</v>
      </c>
      <c r="F6661" s="98">
        <v>3700</v>
      </c>
      <c r="G6661" s="98" t="s">
        <v>1</v>
      </c>
      <c r="H6661" s="98">
        <v>0</v>
      </c>
      <c r="I6661" s="98">
        <v>0</v>
      </c>
      <c r="J6661" s="98">
        <v>1</v>
      </c>
      <c r="K6661" s="98">
        <v>0</v>
      </c>
      <c r="L6661" s="98">
        <v>0</v>
      </c>
      <c r="M6661" s="98">
        <v>0</v>
      </c>
      <c r="N6661" s="98">
        <v>0</v>
      </c>
      <c r="O6661" s="98">
        <v>0</v>
      </c>
      <c r="P6661" s="98">
        <v>0</v>
      </c>
      <c r="Q6661" s="98">
        <v>0</v>
      </c>
      <c r="R6661" s="98">
        <v>0</v>
      </c>
      <c r="S6661" s="98">
        <v>0</v>
      </c>
      <c r="T6661" s="98">
        <v>0</v>
      </c>
      <c r="U6661" s="99"/>
      <c r="V6661" s="99"/>
      <c r="W6661" s="99"/>
      <c r="X6661" s="99"/>
      <c r="Y6661" s="99"/>
      <c r="Z6661" s="99"/>
      <c r="AA6661" s="99"/>
      <c r="AB6661" s="99"/>
      <c r="AC6661" s="99"/>
      <c r="AD6661" s="99"/>
      <c r="AE6661" s="99"/>
      <c r="AF6661" s="99"/>
      <c r="AG6661" s="99"/>
      <c r="AH6661" s="99"/>
      <c r="AI6661" s="99"/>
      <c r="AJ6661" s="99"/>
      <c r="AK6661" s="99"/>
      <c r="AL6661" s="99"/>
      <c r="AM6661" s="99"/>
      <c r="AN6661" s="99"/>
      <c r="AO6661" s="99"/>
      <c r="AP6661" s="99"/>
      <c r="AQ6661" s="99"/>
      <c r="AR6661" s="99"/>
      <c r="AS6661" s="99"/>
      <c r="AT6661" s="99"/>
      <c r="AU6661" s="99"/>
      <c r="AV6661" s="99"/>
      <c r="AW6661" s="99"/>
      <c r="AX6661" s="99"/>
      <c r="AY6661" s="99"/>
      <c r="AZ6661" s="99"/>
      <c r="BA6661" s="99"/>
      <c r="BB6661" s="107">
        <v>45065</v>
      </c>
    </row>
    <row r="6662" spans="1:54" s="8" customFormat="1" ht="13.95" customHeight="1" x14ac:dyDescent="0.25">
      <c r="A6662" s="15" t="s">
        <v>15900</v>
      </c>
      <c r="B6662" s="110" t="s">
        <v>19886</v>
      </c>
      <c r="C6662" s="98" t="s">
        <v>15901</v>
      </c>
      <c r="D6662" s="98" t="s">
        <v>15902</v>
      </c>
      <c r="E6662" s="98">
        <v>1995</v>
      </c>
      <c r="F6662" s="98">
        <v>3999</v>
      </c>
      <c r="G6662" s="98" t="s">
        <v>1</v>
      </c>
      <c r="H6662" s="98">
        <v>0</v>
      </c>
      <c r="I6662" s="98">
        <v>0</v>
      </c>
      <c r="J6662" s="98">
        <v>1</v>
      </c>
      <c r="K6662" s="98">
        <v>1</v>
      </c>
      <c r="L6662" s="98">
        <v>1</v>
      </c>
      <c r="M6662" s="98">
        <v>0</v>
      </c>
      <c r="N6662" s="98">
        <v>1</v>
      </c>
      <c r="O6662" s="98">
        <v>0</v>
      </c>
      <c r="P6662" s="98">
        <v>0</v>
      </c>
      <c r="Q6662" s="98">
        <v>0</v>
      </c>
      <c r="R6662" s="98">
        <v>1</v>
      </c>
      <c r="S6662" s="98">
        <v>0</v>
      </c>
      <c r="T6662" s="98">
        <v>0</v>
      </c>
      <c r="U6662" s="98">
        <v>1</v>
      </c>
      <c r="V6662" s="99"/>
      <c r="W6662" s="99"/>
      <c r="X6662" s="99"/>
      <c r="Y6662" s="99"/>
      <c r="Z6662" s="99"/>
      <c r="AA6662" s="99"/>
      <c r="AB6662" s="99"/>
      <c r="AC6662" s="99"/>
      <c r="AD6662" s="99"/>
      <c r="AE6662" s="99"/>
      <c r="AF6662" s="99"/>
      <c r="AG6662" s="99"/>
      <c r="AH6662" s="99"/>
      <c r="AI6662" s="99"/>
      <c r="AJ6662" s="99"/>
      <c r="AK6662" s="99"/>
      <c r="AL6662" s="99"/>
      <c r="AM6662" s="99"/>
      <c r="AN6662" s="99"/>
      <c r="AO6662" s="99"/>
      <c r="AP6662" s="99"/>
      <c r="AQ6662" s="99"/>
      <c r="AR6662" s="99"/>
      <c r="AS6662" s="99"/>
      <c r="AT6662" s="99"/>
      <c r="AU6662" s="99"/>
      <c r="AV6662" s="99"/>
      <c r="AW6662" s="98">
        <v>1</v>
      </c>
      <c r="AX6662" s="99"/>
      <c r="AY6662" s="99"/>
      <c r="AZ6662" s="99"/>
      <c r="BA6662" s="99"/>
      <c r="BB6662" s="107">
        <v>45065</v>
      </c>
    </row>
    <row r="6663" spans="1:54" s="8" customFormat="1" ht="13.95" customHeight="1" x14ac:dyDescent="0.25">
      <c r="A6663" s="15" t="s">
        <v>15903</v>
      </c>
      <c r="B6663" s="110" t="s">
        <v>19886</v>
      </c>
      <c r="C6663" s="98" t="s">
        <v>15904</v>
      </c>
      <c r="D6663" s="98" t="s">
        <v>15905</v>
      </c>
      <c r="E6663" s="98">
        <v>1981</v>
      </c>
      <c r="F6663" s="98">
        <v>4047</v>
      </c>
      <c r="G6663" s="98" t="s">
        <v>8</v>
      </c>
      <c r="H6663" s="98">
        <v>0</v>
      </c>
      <c r="I6663" s="98">
        <v>0</v>
      </c>
      <c r="J6663" s="98">
        <v>1</v>
      </c>
      <c r="K6663" s="98">
        <v>0</v>
      </c>
      <c r="L6663" s="98">
        <v>0</v>
      </c>
      <c r="M6663" s="98">
        <v>0</v>
      </c>
      <c r="N6663" s="98">
        <v>0</v>
      </c>
      <c r="O6663" s="98">
        <v>0</v>
      </c>
      <c r="P6663" s="98">
        <v>0</v>
      </c>
      <c r="Q6663" s="98">
        <v>0</v>
      </c>
      <c r="R6663" s="98">
        <v>0</v>
      </c>
      <c r="S6663" s="98">
        <v>0</v>
      </c>
      <c r="T6663" s="98">
        <v>0</v>
      </c>
      <c r="U6663" s="98">
        <v>0</v>
      </c>
      <c r="V6663" s="98">
        <v>0</v>
      </c>
      <c r="W6663" s="98">
        <v>0</v>
      </c>
      <c r="X6663" s="98">
        <v>0</v>
      </c>
      <c r="Y6663" s="98">
        <v>0</v>
      </c>
      <c r="Z6663" s="98">
        <v>0</v>
      </c>
      <c r="AA6663" s="98">
        <v>0</v>
      </c>
      <c r="AB6663" s="98">
        <v>0</v>
      </c>
      <c r="AC6663" s="98">
        <v>0</v>
      </c>
      <c r="AD6663" s="98">
        <v>0</v>
      </c>
      <c r="AE6663" s="98">
        <v>0</v>
      </c>
      <c r="AF6663" s="98">
        <v>0</v>
      </c>
      <c r="AG6663" s="98">
        <v>0</v>
      </c>
      <c r="AH6663" s="98">
        <v>0</v>
      </c>
      <c r="AI6663" s="98">
        <v>0</v>
      </c>
      <c r="AJ6663" s="98">
        <v>0</v>
      </c>
      <c r="AK6663" s="98">
        <v>0</v>
      </c>
      <c r="AL6663" s="98">
        <v>0</v>
      </c>
      <c r="AM6663" s="98">
        <v>0</v>
      </c>
      <c r="AN6663" s="98">
        <v>0</v>
      </c>
      <c r="AO6663" s="98">
        <v>0</v>
      </c>
      <c r="AP6663" s="98">
        <v>0</v>
      </c>
      <c r="AQ6663" s="98">
        <v>0</v>
      </c>
      <c r="AR6663" s="98">
        <v>0</v>
      </c>
      <c r="AS6663" s="98">
        <v>0</v>
      </c>
      <c r="AT6663" s="129" t="s">
        <v>174</v>
      </c>
      <c r="AU6663" s="98">
        <v>0</v>
      </c>
      <c r="AV6663" s="98">
        <v>0</v>
      </c>
      <c r="AW6663" s="98">
        <v>0</v>
      </c>
      <c r="AX6663" s="98"/>
      <c r="AY6663" s="98"/>
      <c r="AZ6663" s="98"/>
      <c r="BA6663" s="98"/>
      <c r="BB6663" s="107">
        <v>45065</v>
      </c>
    </row>
    <row r="6664" spans="1:54" s="8" customFormat="1" ht="13.95" customHeight="1" x14ac:dyDescent="0.25">
      <c r="A6664" s="15" t="s">
        <v>15906</v>
      </c>
      <c r="B6664" s="110" t="s">
        <v>19886</v>
      </c>
      <c r="C6664" s="98" t="s">
        <v>15907</v>
      </c>
      <c r="D6664" s="98" t="s">
        <v>15908</v>
      </c>
      <c r="E6664" s="98">
        <v>1980</v>
      </c>
      <c r="F6664" s="98">
        <v>4386</v>
      </c>
      <c r="G6664" s="98" t="s">
        <v>1</v>
      </c>
      <c r="H6664" s="98">
        <v>0</v>
      </c>
      <c r="I6664" s="98">
        <v>0</v>
      </c>
      <c r="J6664" s="98">
        <v>0</v>
      </c>
      <c r="K6664" s="98">
        <v>0</v>
      </c>
      <c r="L6664" s="98">
        <v>0</v>
      </c>
      <c r="M6664" s="98">
        <v>0</v>
      </c>
      <c r="N6664" s="98">
        <v>0</v>
      </c>
      <c r="O6664" s="98">
        <v>0</v>
      </c>
      <c r="P6664" s="98">
        <v>0</v>
      </c>
      <c r="Q6664" s="98">
        <v>0</v>
      </c>
      <c r="R6664" s="98">
        <v>0</v>
      </c>
      <c r="S6664" s="98">
        <v>0</v>
      </c>
      <c r="T6664" s="98">
        <v>0</v>
      </c>
      <c r="U6664" s="99"/>
      <c r="V6664" s="99"/>
      <c r="W6664" s="99"/>
      <c r="X6664" s="99"/>
      <c r="Y6664" s="99"/>
      <c r="Z6664" s="99"/>
      <c r="AA6664" s="99"/>
      <c r="AB6664" s="99"/>
      <c r="AC6664" s="99"/>
      <c r="AD6664" s="99"/>
      <c r="AE6664" s="99"/>
      <c r="AF6664" s="99"/>
      <c r="AG6664" s="99"/>
      <c r="AH6664" s="99"/>
      <c r="AI6664" s="99"/>
      <c r="AJ6664" s="99"/>
      <c r="AK6664" s="99"/>
      <c r="AL6664" s="99"/>
      <c r="AM6664" s="99"/>
      <c r="AN6664" s="99"/>
      <c r="AO6664" s="99"/>
      <c r="AP6664" s="99"/>
      <c r="AQ6664" s="99"/>
      <c r="AR6664" s="99"/>
      <c r="AS6664" s="99"/>
      <c r="AT6664" s="99"/>
      <c r="AU6664" s="99"/>
      <c r="AV6664" s="99"/>
      <c r="AW6664" s="99"/>
      <c r="AX6664" s="99"/>
      <c r="AY6664" s="99"/>
      <c r="AZ6664" s="99"/>
      <c r="BA6664" s="99"/>
      <c r="BB6664" s="107">
        <v>45065</v>
      </c>
    </row>
    <row r="6665" spans="1:54" s="8" customFormat="1" ht="13.95" customHeight="1" x14ac:dyDescent="0.25">
      <c r="A6665" s="15" t="s">
        <v>15909</v>
      </c>
      <c r="B6665" s="110" t="s">
        <v>19886</v>
      </c>
      <c r="C6665" s="98" t="s">
        <v>15910</v>
      </c>
      <c r="D6665" s="98" t="s">
        <v>15911</v>
      </c>
      <c r="E6665" s="98">
        <v>1995</v>
      </c>
      <c r="F6665" s="98">
        <v>4705</v>
      </c>
      <c r="G6665" s="98" t="s">
        <v>8</v>
      </c>
      <c r="H6665" s="98">
        <v>0</v>
      </c>
      <c r="I6665" s="98">
        <v>0</v>
      </c>
      <c r="J6665" s="98">
        <v>0</v>
      </c>
      <c r="K6665" s="98">
        <v>0</v>
      </c>
      <c r="L6665" s="98">
        <v>0</v>
      </c>
      <c r="M6665" s="98">
        <v>0</v>
      </c>
      <c r="N6665" s="98">
        <v>0</v>
      </c>
      <c r="O6665" s="98">
        <v>0</v>
      </c>
      <c r="P6665" s="98">
        <v>0</v>
      </c>
      <c r="Q6665" s="98">
        <v>0</v>
      </c>
      <c r="R6665" s="98">
        <v>0</v>
      </c>
      <c r="S6665" s="98">
        <v>0</v>
      </c>
      <c r="T6665" s="98">
        <v>0</v>
      </c>
      <c r="U6665" s="98">
        <v>0</v>
      </c>
      <c r="V6665" s="98">
        <v>0</v>
      </c>
      <c r="W6665" s="98">
        <v>0</v>
      </c>
      <c r="X6665" s="98">
        <v>0</v>
      </c>
      <c r="Y6665" s="98">
        <v>0</v>
      </c>
      <c r="Z6665" s="98">
        <v>0</v>
      </c>
      <c r="AA6665" s="98">
        <v>0</v>
      </c>
      <c r="AB6665" s="98">
        <v>0</v>
      </c>
      <c r="AC6665" s="98">
        <v>0</v>
      </c>
      <c r="AD6665" s="98">
        <v>0</v>
      </c>
      <c r="AE6665" s="98">
        <v>0</v>
      </c>
      <c r="AF6665" s="98">
        <v>0</v>
      </c>
      <c r="AG6665" s="98">
        <v>0</v>
      </c>
      <c r="AH6665" s="98">
        <v>0</v>
      </c>
      <c r="AI6665" s="98">
        <v>0</v>
      </c>
      <c r="AJ6665" s="98">
        <v>0</v>
      </c>
      <c r="AK6665" s="98">
        <v>0</v>
      </c>
      <c r="AL6665" s="98">
        <v>0</v>
      </c>
      <c r="AM6665" s="98">
        <v>0</v>
      </c>
      <c r="AN6665" s="98">
        <v>0</v>
      </c>
      <c r="AO6665" s="98">
        <v>0</v>
      </c>
      <c r="AP6665" s="98">
        <v>0</v>
      </c>
      <c r="AQ6665" s="98">
        <v>0</v>
      </c>
      <c r="AR6665" s="98">
        <v>0</v>
      </c>
      <c r="AS6665" s="98">
        <v>0</v>
      </c>
      <c r="AT6665" s="129" t="s">
        <v>174</v>
      </c>
      <c r="AU6665" s="98">
        <v>0</v>
      </c>
      <c r="AV6665" s="98">
        <v>0</v>
      </c>
      <c r="AW6665" s="98">
        <v>0</v>
      </c>
      <c r="AX6665" s="98"/>
      <c r="AY6665" s="98"/>
      <c r="AZ6665" s="98"/>
      <c r="BA6665" s="98"/>
      <c r="BB6665" s="107">
        <v>45065</v>
      </c>
    </row>
    <row r="6666" spans="1:54" s="8" customFormat="1" ht="13.95" customHeight="1" x14ac:dyDescent="0.25">
      <c r="A6666" s="15" t="s">
        <v>15912</v>
      </c>
      <c r="B6666" s="110" t="s">
        <v>19886</v>
      </c>
      <c r="C6666" s="98" t="s">
        <v>15913</v>
      </c>
      <c r="D6666" s="98" t="s">
        <v>15914</v>
      </c>
      <c r="E6666" s="98">
        <v>2006</v>
      </c>
      <c r="F6666" s="98">
        <v>6614</v>
      </c>
      <c r="G6666" s="98" t="s">
        <v>10</v>
      </c>
      <c r="H6666" s="98">
        <v>1</v>
      </c>
      <c r="I6666" s="98">
        <v>1</v>
      </c>
      <c r="J6666" s="98">
        <v>1</v>
      </c>
      <c r="K6666" s="98">
        <v>0</v>
      </c>
      <c r="L6666" s="98">
        <v>0</v>
      </c>
      <c r="M6666" s="98">
        <v>0</v>
      </c>
      <c r="N6666" s="98">
        <v>0</v>
      </c>
      <c r="O6666" s="98">
        <v>0</v>
      </c>
      <c r="P6666" s="98">
        <v>0</v>
      </c>
      <c r="Q6666" s="98">
        <v>0</v>
      </c>
      <c r="R6666" s="98">
        <v>0</v>
      </c>
      <c r="S6666" s="98">
        <v>0</v>
      </c>
      <c r="T6666" s="98">
        <v>0</v>
      </c>
      <c r="U6666" s="98">
        <v>0</v>
      </c>
      <c r="V6666" s="98">
        <v>0</v>
      </c>
      <c r="W6666" s="98">
        <v>0</v>
      </c>
      <c r="X6666" s="98">
        <v>0</v>
      </c>
      <c r="Y6666" s="98">
        <v>0</v>
      </c>
      <c r="Z6666" s="98">
        <v>0</v>
      </c>
      <c r="AA6666" s="98">
        <v>0</v>
      </c>
      <c r="AB6666" s="98">
        <v>0</v>
      </c>
      <c r="AC6666" s="98">
        <v>0</v>
      </c>
      <c r="AD6666" s="98">
        <v>0</v>
      </c>
      <c r="AE6666" s="98">
        <v>0</v>
      </c>
      <c r="AF6666" s="98">
        <v>0</v>
      </c>
      <c r="AG6666" s="98">
        <v>0</v>
      </c>
      <c r="AH6666" s="98">
        <v>0</v>
      </c>
      <c r="AI6666" s="98">
        <v>0</v>
      </c>
      <c r="AJ6666" s="98">
        <v>0</v>
      </c>
      <c r="AK6666" s="98">
        <v>0</v>
      </c>
      <c r="AL6666" s="98">
        <v>0</v>
      </c>
      <c r="AM6666" s="98">
        <v>0</v>
      </c>
      <c r="AN6666" s="98">
        <v>0</v>
      </c>
      <c r="AO6666" s="98">
        <v>0</v>
      </c>
      <c r="AP6666" s="98">
        <v>0</v>
      </c>
      <c r="AQ6666" s="98">
        <v>0</v>
      </c>
      <c r="AR6666" s="98">
        <v>0</v>
      </c>
      <c r="AS6666" s="98">
        <v>0</v>
      </c>
      <c r="AT6666" s="129" t="s">
        <v>174</v>
      </c>
      <c r="AU6666" s="98">
        <v>1</v>
      </c>
      <c r="AV6666" s="98">
        <v>0</v>
      </c>
      <c r="AW6666" s="98">
        <v>1</v>
      </c>
      <c r="AX6666" s="98"/>
      <c r="AY6666" s="98"/>
      <c r="AZ6666" s="98"/>
      <c r="BA6666" s="98"/>
      <c r="BB6666" s="107">
        <v>45065</v>
      </c>
    </row>
    <row r="6667" spans="1:54" s="8" customFormat="1" ht="13.95" customHeight="1" x14ac:dyDescent="0.25">
      <c r="A6667" s="15" t="s">
        <v>15915</v>
      </c>
      <c r="B6667" s="110" t="s">
        <v>19886</v>
      </c>
      <c r="C6667" s="98" t="s">
        <v>15916</v>
      </c>
      <c r="D6667" s="98" t="s">
        <v>15917</v>
      </c>
      <c r="E6667" s="98">
        <v>2005</v>
      </c>
      <c r="F6667" s="98">
        <v>8401</v>
      </c>
      <c r="G6667" s="98" t="s">
        <v>1</v>
      </c>
      <c r="H6667" s="98">
        <v>0</v>
      </c>
      <c r="I6667" s="98">
        <v>0</v>
      </c>
      <c r="J6667" s="98">
        <v>1</v>
      </c>
      <c r="K6667" s="98">
        <v>0</v>
      </c>
      <c r="L6667" s="98">
        <v>0</v>
      </c>
      <c r="M6667" s="98">
        <v>0</v>
      </c>
      <c r="N6667" s="98">
        <v>0</v>
      </c>
      <c r="O6667" s="98">
        <v>0</v>
      </c>
      <c r="P6667" s="98">
        <v>0</v>
      </c>
      <c r="Q6667" s="98">
        <v>0</v>
      </c>
      <c r="R6667" s="98">
        <v>0</v>
      </c>
      <c r="S6667" s="98">
        <v>0</v>
      </c>
      <c r="T6667" s="98">
        <v>0</v>
      </c>
      <c r="U6667" s="99"/>
      <c r="V6667" s="99"/>
      <c r="W6667" s="99"/>
      <c r="X6667" s="99"/>
      <c r="Y6667" s="99"/>
      <c r="Z6667" s="99"/>
      <c r="AA6667" s="99"/>
      <c r="AB6667" s="99"/>
      <c r="AC6667" s="99"/>
      <c r="AD6667" s="99"/>
      <c r="AE6667" s="99"/>
      <c r="AF6667" s="99"/>
      <c r="AG6667" s="99"/>
      <c r="AH6667" s="99"/>
      <c r="AI6667" s="99"/>
      <c r="AJ6667" s="99"/>
      <c r="AK6667" s="99"/>
      <c r="AL6667" s="99"/>
      <c r="AM6667" s="99"/>
      <c r="AN6667" s="99"/>
      <c r="AO6667" s="99"/>
      <c r="AP6667" s="99"/>
      <c r="AQ6667" s="99"/>
      <c r="AR6667" s="99"/>
      <c r="AS6667" s="99"/>
      <c r="AT6667" s="99"/>
      <c r="AU6667" s="99"/>
      <c r="AV6667" s="99"/>
      <c r="AW6667" s="99"/>
      <c r="AX6667" s="99"/>
      <c r="AY6667" s="99"/>
      <c r="AZ6667" s="99"/>
      <c r="BA6667" s="99"/>
      <c r="BB6667" s="107">
        <v>45065</v>
      </c>
    </row>
    <row r="6668" spans="1:54" s="8" customFormat="1" ht="13.95" customHeight="1" x14ac:dyDescent="0.25">
      <c r="A6668" s="15" t="s">
        <v>15918</v>
      </c>
      <c r="B6668" s="110" t="s">
        <v>19886</v>
      </c>
      <c r="C6668" s="98" t="s">
        <v>15919</v>
      </c>
      <c r="D6668" s="98" t="s">
        <v>15920</v>
      </c>
      <c r="E6668" s="98">
        <v>1978</v>
      </c>
      <c r="F6668" s="98">
        <v>8584</v>
      </c>
      <c r="G6668" s="98" t="s">
        <v>1</v>
      </c>
      <c r="H6668" s="98">
        <v>0</v>
      </c>
      <c r="I6668" s="98">
        <v>0</v>
      </c>
      <c r="J6668" s="98">
        <v>1</v>
      </c>
      <c r="K6668" s="98">
        <v>0</v>
      </c>
      <c r="L6668" s="98">
        <v>0</v>
      </c>
      <c r="M6668" s="98">
        <v>0</v>
      </c>
      <c r="N6668" s="98">
        <v>0</v>
      </c>
      <c r="O6668" s="98">
        <v>0</v>
      </c>
      <c r="P6668" s="98">
        <v>0</v>
      </c>
      <c r="Q6668" s="98">
        <v>0</v>
      </c>
      <c r="R6668" s="98">
        <v>0</v>
      </c>
      <c r="S6668" s="98">
        <v>0</v>
      </c>
      <c r="T6668" s="98">
        <v>0</v>
      </c>
      <c r="U6668" s="99"/>
      <c r="V6668" s="99"/>
      <c r="W6668" s="99"/>
      <c r="X6668" s="99"/>
      <c r="Y6668" s="99"/>
      <c r="Z6668" s="99"/>
      <c r="AA6668" s="99"/>
      <c r="AB6668" s="99"/>
      <c r="AC6668" s="99"/>
      <c r="AD6668" s="99"/>
      <c r="AE6668" s="99"/>
      <c r="AF6668" s="99"/>
      <c r="AG6668" s="99"/>
      <c r="AH6668" s="99"/>
      <c r="AI6668" s="99"/>
      <c r="AJ6668" s="99"/>
      <c r="AK6668" s="99"/>
      <c r="AL6668" s="99"/>
      <c r="AM6668" s="99"/>
      <c r="AN6668" s="99"/>
      <c r="AO6668" s="99"/>
      <c r="AP6668" s="99"/>
      <c r="AQ6668" s="99"/>
      <c r="AR6668" s="99"/>
      <c r="AS6668" s="99"/>
      <c r="AT6668" s="99"/>
      <c r="AU6668" s="99"/>
      <c r="AV6668" s="99"/>
      <c r="AW6668" s="99"/>
      <c r="AX6668" s="99"/>
      <c r="AY6668" s="99"/>
      <c r="AZ6668" s="99"/>
      <c r="BA6668" s="99"/>
      <c r="BB6668" s="107">
        <v>45065</v>
      </c>
    </row>
    <row r="6669" spans="1:54" s="8" customFormat="1" ht="13.95" customHeight="1" x14ac:dyDescent="0.25">
      <c r="A6669" s="15" t="s">
        <v>15921</v>
      </c>
      <c r="B6669" s="110" t="s">
        <v>19886</v>
      </c>
      <c r="C6669" s="98" t="s">
        <v>15922</v>
      </c>
      <c r="D6669" s="98" t="s">
        <v>15923</v>
      </c>
      <c r="E6669" s="98">
        <v>1988</v>
      </c>
      <c r="F6669" s="98">
        <v>949</v>
      </c>
      <c r="G6669" s="98" t="s">
        <v>12</v>
      </c>
      <c r="H6669" s="98">
        <v>0</v>
      </c>
      <c r="I6669" s="98">
        <v>0</v>
      </c>
      <c r="J6669" s="98">
        <v>1</v>
      </c>
      <c r="K6669" s="98">
        <v>0</v>
      </c>
      <c r="L6669" s="98">
        <v>1</v>
      </c>
      <c r="M6669" s="98">
        <v>0</v>
      </c>
      <c r="N6669" s="98">
        <v>0</v>
      </c>
      <c r="O6669" s="98">
        <v>1</v>
      </c>
      <c r="P6669" s="98">
        <v>1</v>
      </c>
      <c r="Q6669" s="98">
        <v>0</v>
      </c>
      <c r="R6669" s="98">
        <v>1</v>
      </c>
      <c r="S6669" s="98">
        <v>0</v>
      </c>
      <c r="T6669" s="98">
        <v>0</v>
      </c>
      <c r="U6669" s="99"/>
      <c r="V6669" s="99"/>
      <c r="W6669" s="99"/>
      <c r="X6669" s="99"/>
      <c r="Y6669" s="99"/>
      <c r="Z6669" s="99"/>
      <c r="AA6669" s="99"/>
      <c r="AB6669" s="99"/>
      <c r="AC6669" s="99"/>
      <c r="AD6669" s="99"/>
      <c r="AE6669" s="99"/>
      <c r="AF6669" s="99"/>
      <c r="AG6669" s="99"/>
      <c r="AH6669" s="99"/>
      <c r="AI6669" s="99"/>
      <c r="AJ6669" s="99"/>
      <c r="AK6669" s="99"/>
      <c r="AL6669" s="99"/>
      <c r="AM6669" s="99"/>
      <c r="AN6669" s="99"/>
      <c r="AO6669" s="99"/>
      <c r="AP6669" s="99"/>
      <c r="AQ6669" s="99"/>
      <c r="AR6669" s="99"/>
      <c r="AS6669" s="99"/>
      <c r="AT6669" s="99"/>
      <c r="AU6669" s="99"/>
      <c r="AV6669" s="99"/>
      <c r="AW6669" s="99"/>
      <c r="AX6669" s="99"/>
      <c r="AY6669" s="99"/>
      <c r="AZ6669" s="99"/>
      <c r="BA6669" s="99"/>
      <c r="BB6669" s="107">
        <v>45065</v>
      </c>
    </row>
    <row r="6670" spans="1:54" s="8" customFormat="1" ht="13.95" customHeight="1" x14ac:dyDescent="0.25">
      <c r="A6670" s="15" t="s">
        <v>15924</v>
      </c>
      <c r="B6670" s="110" t="s">
        <v>19886</v>
      </c>
      <c r="C6670" s="98" t="s">
        <v>15925</v>
      </c>
      <c r="D6670" s="98" t="s">
        <v>15926</v>
      </c>
      <c r="E6670" s="98">
        <v>2002</v>
      </c>
      <c r="F6670" s="98">
        <v>3151</v>
      </c>
      <c r="G6670" s="98" t="s">
        <v>1</v>
      </c>
      <c r="H6670" s="98">
        <v>0</v>
      </c>
      <c r="I6670" s="98">
        <v>0</v>
      </c>
      <c r="J6670" s="98">
        <v>0</v>
      </c>
      <c r="K6670" s="98">
        <v>0</v>
      </c>
      <c r="L6670" s="98">
        <v>0</v>
      </c>
      <c r="M6670" s="98">
        <v>0</v>
      </c>
      <c r="N6670" s="98">
        <v>0</v>
      </c>
      <c r="O6670" s="98">
        <v>0</v>
      </c>
      <c r="P6670" s="98">
        <v>0</v>
      </c>
      <c r="Q6670" s="98">
        <v>0</v>
      </c>
      <c r="R6670" s="98">
        <v>0</v>
      </c>
      <c r="S6670" s="98">
        <v>0</v>
      </c>
      <c r="T6670" s="98">
        <v>0</v>
      </c>
      <c r="U6670" s="99"/>
      <c r="V6670" s="99"/>
      <c r="W6670" s="99"/>
      <c r="X6670" s="99"/>
      <c r="Y6670" s="99"/>
      <c r="Z6670" s="99"/>
      <c r="AA6670" s="99"/>
      <c r="AB6670" s="99"/>
      <c r="AC6670" s="99"/>
      <c r="AD6670" s="99"/>
      <c r="AE6670" s="99"/>
      <c r="AF6670" s="99"/>
      <c r="AG6670" s="99"/>
      <c r="AH6670" s="99"/>
      <c r="AI6670" s="99"/>
      <c r="AJ6670" s="99"/>
      <c r="AK6670" s="99"/>
      <c r="AL6670" s="99"/>
      <c r="AM6670" s="99"/>
      <c r="AN6670" s="99"/>
      <c r="AO6670" s="99"/>
      <c r="AP6670" s="99"/>
      <c r="AQ6670" s="99"/>
      <c r="AR6670" s="99"/>
      <c r="AS6670" s="99"/>
      <c r="AT6670" s="99"/>
      <c r="AU6670" s="99"/>
      <c r="AV6670" s="99"/>
      <c r="AW6670" s="99"/>
      <c r="AX6670" s="99"/>
      <c r="AY6670" s="99"/>
      <c r="AZ6670" s="99"/>
      <c r="BA6670" s="99"/>
      <c r="BB6670" s="107">
        <v>45065</v>
      </c>
    </row>
    <row r="6671" spans="1:54" s="8" customFormat="1" ht="13.95" customHeight="1" x14ac:dyDescent="0.25">
      <c r="A6671" s="15" t="s">
        <v>15927</v>
      </c>
      <c r="B6671" s="110" t="s">
        <v>19886</v>
      </c>
      <c r="C6671" s="98" t="s">
        <v>15928</v>
      </c>
      <c r="D6671" s="98" t="s">
        <v>15929</v>
      </c>
      <c r="E6671" s="98">
        <v>1976</v>
      </c>
      <c r="F6671" s="98">
        <v>314</v>
      </c>
      <c r="G6671" s="98" t="s">
        <v>12</v>
      </c>
      <c r="H6671" s="98">
        <v>0</v>
      </c>
      <c r="I6671" s="98">
        <v>0</v>
      </c>
      <c r="J6671" s="98">
        <v>0</v>
      </c>
      <c r="K6671" s="98">
        <v>0</v>
      </c>
      <c r="L6671" s="98">
        <v>0</v>
      </c>
      <c r="M6671" s="98">
        <v>0</v>
      </c>
      <c r="N6671" s="98">
        <v>0</v>
      </c>
      <c r="O6671" s="98">
        <v>0</v>
      </c>
      <c r="P6671" s="98">
        <v>0</v>
      </c>
      <c r="Q6671" s="98">
        <v>0</v>
      </c>
      <c r="R6671" s="98">
        <v>0</v>
      </c>
      <c r="S6671" s="98">
        <v>0</v>
      </c>
      <c r="T6671" s="98">
        <v>0</v>
      </c>
      <c r="U6671" s="99"/>
      <c r="V6671" s="99"/>
      <c r="W6671" s="99"/>
      <c r="X6671" s="99"/>
      <c r="Y6671" s="99"/>
      <c r="Z6671" s="99"/>
      <c r="AA6671" s="99"/>
      <c r="AB6671" s="99"/>
      <c r="AC6671" s="99"/>
      <c r="AD6671" s="99"/>
      <c r="AE6671" s="99"/>
      <c r="AF6671" s="99"/>
      <c r="AG6671" s="99"/>
      <c r="AH6671" s="99"/>
      <c r="AI6671" s="99"/>
      <c r="AJ6671" s="99"/>
      <c r="AK6671" s="99"/>
      <c r="AL6671" s="99"/>
      <c r="AM6671" s="99"/>
      <c r="AN6671" s="99"/>
      <c r="AO6671" s="99"/>
      <c r="AP6671" s="99"/>
      <c r="AQ6671" s="99"/>
      <c r="AR6671" s="99"/>
      <c r="AS6671" s="99"/>
      <c r="AT6671" s="99"/>
      <c r="AU6671" s="99"/>
      <c r="AV6671" s="99"/>
      <c r="AW6671" s="99"/>
      <c r="AX6671" s="99"/>
      <c r="AY6671" s="99"/>
      <c r="AZ6671" s="99"/>
      <c r="BA6671" s="99"/>
      <c r="BB6671" s="107">
        <v>45065</v>
      </c>
    </row>
    <row r="6672" spans="1:54" s="8" customFormat="1" ht="13.95" customHeight="1" x14ac:dyDescent="0.25">
      <c r="A6672" s="15" t="s">
        <v>15930</v>
      </c>
      <c r="B6672" s="110" t="s">
        <v>19886</v>
      </c>
      <c r="C6672" s="98" t="s">
        <v>15931</v>
      </c>
      <c r="D6672" s="98" t="s">
        <v>15932</v>
      </c>
      <c r="E6672" s="98">
        <v>1977</v>
      </c>
      <c r="F6672" s="98">
        <v>4341</v>
      </c>
      <c r="G6672" s="98" t="s">
        <v>12</v>
      </c>
      <c r="H6672" s="98">
        <v>0</v>
      </c>
      <c r="I6672" s="98">
        <v>0</v>
      </c>
      <c r="J6672" s="98">
        <v>0</v>
      </c>
      <c r="K6672" s="98">
        <v>0</v>
      </c>
      <c r="L6672" s="98">
        <v>0</v>
      </c>
      <c r="M6672" s="98">
        <v>0</v>
      </c>
      <c r="N6672" s="98">
        <v>0</v>
      </c>
      <c r="O6672" s="98">
        <v>0</v>
      </c>
      <c r="P6672" s="98">
        <v>0</v>
      </c>
      <c r="Q6672" s="98">
        <v>0</v>
      </c>
      <c r="R6672" s="98">
        <v>0</v>
      </c>
      <c r="S6672" s="98">
        <v>0</v>
      </c>
      <c r="T6672" s="98">
        <v>0</v>
      </c>
      <c r="U6672" s="99"/>
      <c r="V6672" s="99"/>
      <c r="W6672" s="99"/>
      <c r="X6672" s="99"/>
      <c r="Y6672" s="99"/>
      <c r="Z6672" s="99"/>
      <c r="AA6672" s="99"/>
      <c r="AB6672" s="99"/>
      <c r="AC6672" s="99"/>
      <c r="AD6672" s="99"/>
      <c r="AE6672" s="99"/>
      <c r="AF6672" s="99"/>
      <c r="AG6672" s="99"/>
      <c r="AH6672" s="99"/>
      <c r="AI6672" s="99"/>
      <c r="AJ6672" s="99"/>
      <c r="AK6672" s="99"/>
      <c r="AL6672" s="99"/>
      <c r="AM6672" s="99"/>
      <c r="AN6672" s="99"/>
      <c r="AO6672" s="99"/>
      <c r="AP6672" s="99"/>
      <c r="AQ6672" s="99"/>
      <c r="AR6672" s="99"/>
      <c r="AS6672" s="99"/>
      <c r="AT6672" s="99"/>
      <c r="AU6672" s="99"/>
      <c r="AV6672" s="99"/>
      <c r="AW6672" s="99"/>
      <c r="AX6672" s="99"/>
      <c r="AY6672" s="99"/>
      <c r="AZ6672" s="99"/>
      <c r="BA6672" s="99"/>
      <c r="BB6672" s="107">
        <v>45065</v>
      </c>
    </row>
    <row r="6673" spans="1:54" s="8" customFormat="1" ht="13.95" customHeight="1" x14ac:dyDescent="0.25">
      <c r="A6673" s="15" t="s">
        <v>15933</v>
      </c>
      <c r="B6673" s="110" t="s">
        <v>19886</v>
      </c>
      <c r="C6673" s="98" t="s">
        <v>15934</v>
      </c>
      <c r="D6673" s="98" t="s">
        <v>15935</v>
      </c>
      <c r="E6673" s="98">
        <v>2013</v>
      </c>
      <c r="F6673" s="98">
        <v>1050</v>
      </c>
      <c r="G6673" s="98" t="s">
        <v>1</v>
      </c>
      <c r="H6673" s="98">
        <v>0</v>
      </c>
      <c r="I6673" s="98">
        <v>0</v>
      </c>
      <c r="J6673" s="98">
        <v>1</v>
      </c>
      <c r="K6673" s="98">
        <v>0</v>
      </c>
      <c r="L6673" s="98">
        <v>0</v>
      </c>
      <c r="M6673" s="98">
        <v>0</v>
      </c>
      <c r="N6673" s="98">
        <v>0</v>
      </c>
      <c r="O6673" s="98">
        <v>0</v>
      </c>
      <c r="P6673" s="98">
        <v>0</v>
      </c>
      <c r="Q6673" s="98">
        <v>0</v>
      </c>
      <c r="R6673" s="98">
        <v>0</v>
      </c>
      <c r="S6673" s="98">
        <v>0</v>
      </c>
      <c r="T6673" s="98">
        <v>0</v>
      </c>
      <c r="U6673" s="99"/>
      <c r="V6673" s="99"/>
      <c r="W6673" s="99"/>
      <c r="X6673" s="99"/>
      <c r="Y6673" s="99"/>
      <c r="Z6673" s="99"/>
      <c r="AA6673" s="99"/>
      <c r="AB6673" s="99"/>
      <c r="AC6673" s="99"/>
      <c r="AD6673" s="99"/>
      <c r="AE6673" s="99"/>
      <c r="AF6673" s="99"/>
      <c r="AG6673" s="99"/>
      <c r="AH6673" s="99"/>
      <c r="AI6673" s="99"/>
      <c r="AJ6673" s="99"/>
      <c r="AK6673" s="99"/>
      <c r="AL6673" s="99"/>
      <c r="AM6673" s="99"/>
      <c r="AN6673" s="99"/>
      <c r="AO6673" s="99"/>
      <c r="AP6673" s="99"/>
      <c r="AQ6673" s="99"/>
      <c r="AR6673" s="99"/>
      <c r="AS6673" s="99"/>
      <c r="AT6673" s="99"/>
      <c r="AU6673" s="99"/>
      <c r="AV6673" s="99"/>
      <c r="AW6673" s="99"/>
      <c r="AX6673" s="99"/>
      <c r="AY6673" s="99"/>
      <c r="AZ6673" s="99"/>
      <c r="BA6673" s="98" t="s">
        <v>15686</v>
      </c>
      <c r="BB6673" s="107">
        <v>45065</v>
      </c>
    </row>
    <row r="6674" spans="1:54" s="8" customFormat="1" ht="13.95" customHeight="1" x14ac:dyDescent="0.25">
      <c r="A6674" s="15" t="s">
        <v>15936</v>
      </c>
      <c r="B6674" s="110" t="s">
        <v>19886</v>
      </c>
      <c r="C6674" s="98" t="s">
        <v>15937</v>
      </c>
      <c r="D6674" s="98" t="s">
        <v>15938</v>
      </c>
      <c r="E6674" s="98">
        <v>1977</v>
      </c>
      <c r="F6674" s="98">
        <v>6584</v>
      </c>
      <c r="G6674" s="98" t="s">
        <v>12</v>
      </c>
      <c r="H6674" s="98">
        <v>0</v>
      </c>
      <c r="I6674" s="98">
        <v>0</v>
      </c>
      <c r="J6674" s="98">
        <v>0</v>
      </c>
      <c r="K6674" s="98">
        <v>0</v>
      </c>
      <c r="L6674" s="98">
        <v>0</v>
      </c>
      <c r="M6674" s="98">
        <v>0</v>
      </c>
      <c r="N6674" s="98">
        <v>0</v>
      </c>
      <c r="O6674" s="98">
        <v>0</v>
      </c>
      <c r="P6674" s="98">
        <v>0</v>
      </c>
      <c r="Q6674" s="98">
        <v>0</v>
      </c>
      <c r="R6674" s="98">
        <v>0</v>
      </c>
      <c r="S6674" s="98">
        <v>0</v>
      </c>
      <c r="T6674" s="98">
        <v>0</v>
      </c>
      <c r="U6674" s="99"/>
      <c r="V6674" s="99"/>
      <c r="W6674" s="99"/>
      <c r="X6674" s="99"/>
      <c r="Y6674" s="99"/>
      <c r="Z6674" s="99"/>
      <c r="AA6674" s="99"/>
      <c r="AB6674" s="99"/>
      <c r="AC6674" s="99"/>
      <c r="AD6674" s="99"/>
      <c r="AE6674" s="99"/>
      <c r="AF6674" s="99"/>
      <c r="AG6674" s="99"/>
      <c r="AH6674" s="99"/>
      <c r="AI6674" s="99"/>
      <c r="AJ6674" s="99"/>
      <c r="AK6674" s="99"/>
      <c r="AL6674" s="99"/>
      <c r="AM6674" s="99"/>
      <c r="AN6674" s="99"/>
      <c r="AO6674" s="99"/>
      <c r="AP6674" s="99"/>
      <c r="AQ6674" s="99"/>
      <c r="AR6674" s="99"/>
      <c r="AS6674" s="99"/>
      <c r="AT6674" s="99"/>
      <c r="AU6674" s="99"/>
      <c r="AV6674" s="99"/>
      <c r="AW6674" s="99"/>
      <c r="AX6674" s="99"/>
      <c r="AY6674" s="99"/>
      <c r="AZ6674" s="99"/>
      <c r="BA6674" s="99"/>
      <c r="BB6674" s="107">
        <v>45065</v>
      </c>
    </row>
    <row r="6675" spans="1:54" s="8" customFormat="1" ht="13.95" customHeight="1" x14ac:dyDescent="0.25">
      <c r="A6675" s="15" t="s">
        <v>15939</v>
      </c>
      <c r="B6675" s="110" t="s">
        <v>19886</v>
      </c>
      <c r="C6675" s="98" t="s">
        <v>15940</v>
      </c>
      <c r="D6675" s="98" t="s">
        <v>15941</v>
      </c>
      <c r="E6675" s="98">
        <v>2004</v>
      </c>
      <c r="F6675" s="98">
        <v>240</v>
      </c>
      <c r="G6675" s="98" t="s">
        <v>1</v>
      </c>
      <c r="H6675" s="98">
        <v>0</v>
      </c>
      <c r="I6675" s="98">
        <v>0</v>
      </c>
      <c r="J6675" s="98">
        <v>1</v>
      </c>
      <c r="K6675" s="98">
        <v>1</v>
      </c>
      <c r="L6675" s="98">
        <v>0</v>
      </c>
      <c r="M6675" s="98">
        <v>0</v>
      </c>
      <c r="N6675" s="98">
        <v>0</v>
      </c>
      <c r="O6675" s="98">
        <v>0</v>
      </c>
      <c r="P6675" s="98">
        <v>1</v>
      </c>
      <c r="Q6675" s="98">
        <v>0</v>
      </c>
      <c r="R6675" s="98">
        <v>1</v>
      </c>
      <c r="S6675" s="98">
        <v>0</v>
      </c>
      <c r="T6675" s="98">
        <v>0</v>
      </c>
      <c r="U6675" s="99"/>
      <c r="V6675" s="99"/>
      <c r="W6675" s="99"/>
      <c r="X6675" s="99"/>
      <c r="Y6675" s="99"/>
      <c r="Z6675" s="99"/>
      <c r="AA6675" s="99"/>
      <c r="AB6675" s="99"/>
      <c r="AC6675" s="99"/>
      <c r="AD6675" s="99"/>
      <c r="AE6675" s="99"/>
      <c r="AF6675" s="99"/>
      <c r="AG6675" s="99"/>
      <c r="AH6675" s="99"/>
      <c r="AI6675" s="99"/>
      <c r="AJ6675" s="99"/>
      <c r="AK6675" s="99"/>
      <c r="AL6675" s="99"/>
      <c r="AM6675" s="99"/>
      <c r="AN6675" s="99"/>
      <c r="AO6675" s="99"/>
      <c r="AP6675" s="99"/>
      <c r="AQ6675" s="99"/>
      <c r="AR6675" s="99"/>
      <c r="AS6675" s="99"/>
      <c r="AT6675" s="99"/>
      <c r="AU6675" s="99"/>
      <c r="AV6675" s="99"/>
      <c r="AW6675" s="99"/>
      <c r="AX6675" s="99"/>
      <c r="AY6675" s="99"/>
      <c r="AZ6675" s="99"/>
      <c r="BA6675" s="99"/>
      <c r="BB6675" s="107">
        <v>45065</v>
      </c>
    </row>
    <row r="6676" spans="1:54" s="8" customFormat="1" ht="13.95" customHeight="1" x14ac:dyDescent="0.25">
      <c r="A6676" s="15" t="s">
        <v>15942</v>
      </c>
      <c r="B6676" s="110" t="s">
        <v>19886</v>
      </c>
      <c r="C6676" s="98" t="s">
        <v>15943</v>
      </c>
      <c r="D6676" s="98" t="s">
        <v>15944</v>
      </c>
      <c r="E6676" s="98" t="s">
        <v>174</v>
      </c>
      <c r="F6676" s="98">
        <v>1381</v>
      </c>
      <c r="G6676" s="98" t="s">
        <v>12</v>
      </c>
      <c r="H6676" s="98">
        <v>0</v>
      </c>
      <c r="I6676" s="98">
        <v>0</v>
      </c>
      <c r="J6676" s="98">
        <v>0</v>
      </c>
      <c r="K6676" s="98">
        <v>0</v>
      </c>
      <c r="L6676" s="98">
        <v>0</v>
      </c>
      <c r="M6676" s="98">
        <v>0</v>
      </c>
      <c r="N6676" s="98">
        <v>0</v>
      </c>
      <c r="O6676" s="98">
        <v>0</v>
      </c>
      <c r="P6676" s="98">
        <v>0</v>
      </c>
      <c r="Q6676" s="98">
        <v>0</v>
      </c>
      <c r="R6676" s="98">
        <v>0</v>
      </c>
      <c r="S6676" s="98">
        <v>0</v>
      </c>
      <c r="T6676" s="98">
        <v>0</v>
      </c>
      <c r="U6676" s="99"/>
      <c r="V6676" s="99"/>
      <c r="W6676" s="99"/>
      <c r="X6676" s="99"/>
      <c r="Y6676" s="99"/>
      <c r="Z6676" s="99"/>
      <c r="AA6676" s="99"/>
      <c r="AB6676" s="99"/>
      <c r="AC6676" s="99"/>
      <c r="AD6676" s="99"/>
      <c r="AE6676" s="99"/>
      <c r="AF6676" s="99"/>
      <c r="AG6676" s="99"/>
      <c r="AH6676" s="99"/>
      <c r="AI6676" s="99"/>
      <c r="AJ6676" s="99"/>
      <c r="AK6676" s="99"/>
      <c r="AL6676" s="99"/>
      <c r="AM6676" s="99"/>
      <c r="AN6676" s="99"/>
      <c r="AO6676" s="99"/>
      <c r="AP6676" s="99"/>
      <c r="AQ6676" s="99"/>
      <c r="AR6676" s="99"/>
      <c r="AS6676" s="99"/>
      <c r="AT6676" s="99"/>
      <c r="AU6676" s="99"/>
      <c r="AV6676" s="99"/>
      <c r="AW6676" s="99"/>
      <c r="AX6676" s="99"/>
      <c r="AY6676" s="99"/>
      <c r="AZ6676" s="99"/>
      <c r="BA6676" s="99"/>
      <c r="BB6676" s="107">
        <v>45065</v>
      </c>
    </row>
    <row r="6677" spans="1:54" s="8" customFormat="1" ht="13.95" customHeight="1" x14ac:dyDescent="0.25">
      <c r="A6677" s="15" t="s">
        <v>15945</v>
      </c>
      <c r="B6677" s="110" t="s">
        <v>19886</v>
      </c>
      <c r="C6677" s="98" t="s">
        <v>15946</v>
      </c>
      <c r="D6677" s="98" t="s">
        <v>15947</v>
      </c>
      <c r="E6677" s="98" t="s">
        <v>174</v>
      </c>
      <c r="F6677" s="98">
        <v>383</v>
      </c>
      <c r="G6677" s="98" t="s">
        <v>12</v>
      </c>
      <c r="H6677" s="98">
        <v>0</v>
      </c>
      <c r="I6677" s="98">
        <v>0</v>
      </c>
      <c r="J6677" s="98">
        <v>0</v>
      </c>
      <c r="K6677" s="98">
        <v>0</v>
      </c>
      <c r="L6677" s="98">
        <v>0</v>
      </c>
      <c r="M6677" s="98">
        <v>0</v>
      </c>
      <c r="N6677" s="98">
        <v>0</v>
      </c>
      <c r="O6677" s="98">
        <v>0</v>
      </c>
      <c r="P6677" s="98">
        <v>0</v>
      </c>
      <c r="Q6677" s="98">
        <v>0</v>
      </c>
      <c r="R6677" s="98">
        <v>0</v>
      </c>
      <c r="S6677" s="98">
        <v>0</v>
      </c>
      <c r="T6677" s="98">
        <v>0</v>
      </c>
      <c r="U6677" s="99"/>
      <c r="V6677" s="99"/>
      <c r="W6677" s="99"/>
      <c r="X6677" s="99"/>
      <c r="Y6677" s="99"/>
      <c r="Z6677" s="99"/>
      <c r="AA6677" s="99"/>
      <c r="AB6677" s="99"/>
      <c r="AC6677" s="99"/>
      <c r="AD6677" s="99"/>
      <c r="AE6677" s="99"/>
      <c r="AF6677" s="99"/>
      <c r="AG6677" s="99"/>
      <c r="AH6677" s="99"/>
      <c r="AI6677" s="99"/>
      <c r="AJ6677" s="99"/>
      <c r="AK6677" s="99"/>
      <c r="AL6677" s="99"/>
      <c r="AM6677" s="99"/>
      <c r="AN6677" s="99"/>
      <c r="AO6677" s="99"/>
      <c r="AP6677" s="99"/>
      <c r="AQ6677" s="99"/>
      <c r="AR6677" s="99"/>
      <c r="AS6677" s="99"/>
      <c r="AT6677" s="99"/>
      <c r="AU6677" s="99"/>
      <c r="AV6677" s="99"/>
      <c r="AW6677" s="99"/>
      <c r="AX6677" s="99"/>
      <c r="AY6677" s="99"/>
      <c r="AZ6677" s="99"/>
      <c r="BA6677" s="99"/>
      <c r="BB6677" s="107">
        <v>45065</v>
      </c>
    </row>
    <row r="6678" spans="1:54" s="8" customFormat="1" ht="13.95" customHeight="1" x14ac:dyDescent="0.25">
      <c r="A6678" s="15" t="s">
        <v>15948</v>
      </c>
      <c r="B6678" s="110" t="s">
        <v>19886</v>
      </c>
      <c r="C6678" s="98" t="s">
        <v>15949</v>
      </c>
      <c r="D6678" s="98" t="s">
        <v>15950</v>
      </c>
      <c r="E6678" s="98">
        <v>1990</v>
      </c>
      <c r="F6678" s="98">
        <v>2070</v>
      </c>
      <c r="G6678" s="98" t="s">
        <v>1</v>
      </c>
      <c r="H6678" s="98">
        <v>0</v>
      </c>
      <c r="I6678" s="98">
        <v>0</v>
      </c>
      <c r="J6678" s="98">
        <v>1</v>
      </c>
      <c r="K6678" s="98">
        <v>0</v>
      </c>
      <c r="L6678" s="98">
        <v>1</v>
      </c>
      <c r="M6678" s="98">
        <v>1</v>
      </c>
      <c r="N6678" s="98">
        <v>0</v>
      </c>
      <c r="O6678" s="98">
        <v>0</v>
      </c>
      <c r="P6678" s="98">
        <v>0</v>
      </c>
      <c r="Q6678" s="98">
        <v>0</v>
      </c>
      <c r="R6678" s="98">
        <v>0</v>
      </c>
      <c r="S6678" s="98">
        <v>0</v>
      </c>
      <c r="T6678" s="98">
        <v>0</v>
      </c>
      <c r="U6678" s="99"/>
      <c r="V6678" s="99"/>
      <c r="W6678" s="99"/>
      <c r="X6678" s="99"/>
      <c r="Y6678" s="99"/>
      <c r="Z6678" s="99"/>
      <c r="AA6678" s="99"/>
      <c r="AB6678" s="99"/>
      <c r="AC6678" s="99"/>
      <c r="AD6678" s="99"/>
      <c r="AE6678" s="99"/>
      <c r="AF6678" s="99"/>
      <c r="AG6678" s="99"/>
      <c r="AH6678" s="99"/>
      <c r="AI6678" s="99"/>
      <c r="AJ6678" s="99"/>
      <c r="AK6678" s="99"/>
      <c r="AL6678" s="99"/>
      <c r="AM6678" s="99"/>
      <c r="AN6678" s="99"/>
      <c r="AO6678" s="99"/>
      <c r="AP6678" s="99"/>
      <c r="AQ6678" s="99"/>
      <c r="AR6678" s="99"/>
      <c r="AS6678" s="99"/>
      <c r="AT6678" s="99"/>
      <c r="AU6678" s="99"/>
      <c r="AV6678" s="99"/>
      <c r="AW6678" s="99"/>
      <c r="AX6678" s="99"/>
      <c r="AY6678" s="99"/>
      <c r="AZ6678" s="99"/>
      <c r="BA6678" s="99"/>
      <c r="BB6678" s="107">
        <v>45065</v>
      </c>
    </row>
    <row r="6679" spans="1:54" s="8" customFormat="1" ht="13.95" customHeight="1" x14ac:dyDescent="0.25">
      <c r="A6679" s="15" t="s">
        <v>15951</v>
      </c>
      <c r="B6679" s="110" t="s">
        <v>19886</v>
      </c>
      <c r="C6679" s="98" t="s">
        <v>15952</v>
      </c>
      <c r="D6679" s="98" t="s">
        <v>15953</v>
      </c>
      <c r="E6679" s="98">
        <v>1986</v>
      </c>
      <c r="F6679" s="98">
        <v>95</v>
      </c>
      <c r="G6679" s="98" t="s">
        <v>1</v>
      </c>
      <c r="H6679" s="98">
        <v>0</v>
      </c>
      <c r="I6679" s="98">
        <v>0</v>
      </c>
      <c r="J6679" s="98">
        <v>0</v>
      </c>
      <c r="K6679" s="98">
        <v>0</v>
      </c>
      <c r="L6679" s="98">
        <v>1</v>
      </c>
      <c r="M6679" s="98">
        <v>1</v>
      </c>
      <c r="N6679" s="98">
        <v>0</v>
      </c>
      <c r="O6679" s="98">
        <v>0</v>
      </c>
      <c r="P6679" s="98">
        <v>1</v>
      </c>
      <c r="Q6679" s="98">
        <v>0</v>
      </c>
      <c r="R6679" s="98">
        <v>0</v>
      </c>
      <c r="S6679" s="98">
        <v>0</v>
      </c>
      <c r="T6679" s="98">
        <v>0</v>
      </c>
      <c r="U6679" s="99"/>
      <c r="V6679" s="99"/>
      <c r="W6679" s="99"/>
      <c r="X6679" s="99"/>
      <c r="Y6679" s="99"/>
      <c r="Z6679" s="99"/>
      <c r="AA6679" s="99"/>
      <c r="AB6679" s="99"/>
      <c r="AC6679" s="99"/>
      <c r="AD6679" s="99"/>
      <c r="AE6679" s="99"/>
      <c r="AF6679" s="99"/>
      <c r="AG6679" s="99"/>
      <c r="AH6679" s="99"/>
      <c r="AI6679" s="99"/>
      <c r="AJ6679" s="99"/>
      <c r="AK6679" s="99"/>
      <c r="AL6679" s="99"/>
      <c r="AM6679" s="99"/>
      <c r="AN6679" s="99"/>
      <c r="AO6679" s="99"/>
      <c r="AP6679" s="99"/>
      <c r="AQ6679" s="99"/>
      <c r="AR6679" s="99"/>
      <c r="AS6679" s="99"/>
      <c r="AT6679" s="99"/>
      <c r="AU6679" s="99"/>
      <c r="AV6679" s="99"/>
      <c r="AW6679" s="99"/>
      <c r="AX6679" s="99"/>
      <c r="AY6679" s="99"/>
      <c r="AZ6679" s="99"/>
      <c r="BA6679" s="99"/>
      <c r="BB6679" s="107">
        <v>45065</v>
      </c>
    </row>
    <row r="6680" spans="1:54" s="8" customFormat="1" ht="13.95" customHeight="1" x14ac:dyDescent="0.25">
      <c r="A6680" s="15" t="s">
        <v>15954</v>
      </c>
      <c r="B6680" s="110" t="s">
        <v>19886</v>
      </c>
      <c r="C6680" s="98" t="s">
        <v>15955</v>
      </c>
      <c r="D6680" s="98" t="s">
        <v>15956</v>
      </c>
      <c r="E6680" s="98">
        <v>1986</v>
      </c>
      <c r="F6680" s="98">
        <v>180</v>
      </c>
      <c r="G6680" s="98" t="s">
        <v>1</v>
      </c>
      <c r="H6680" s="98">
        <v>0</v>
      </c>
      <c r="I6680" s="98">
        <v>0</v>
      </c>
      <c r="J6680" s="98">
        <v>1</v>
      </c>
      <c r="K6680" s="98">
        <v>0</v>
      </c>
      <c r="L6680" s="98">
        <v>1</v>
      </c>
      <c r="M6680" s="98">
        <v>0</v>
      </c>
      <c r="N6680" s="98">
        <v>0</v>
      </c>
      <c r="O6680" s="98">
        <v>0</v>
      </c>
      <c r="P6680" s="98">
        <v>1</v>
      </c>
      <c r="Q6680" s="98">
        <v>0</v>
      </c>
      <c r="R6680" s="98">
        <v>1</v>
      </c>
      <c r="S6680" s="98">
        <v>0</v>
      </c>
      <c r="T6680" s="98">
        <v>0</v>
      </c>
      <c r="U6680" s="99"/>
      <c r="V6680" s="99"/>
      <c r="W6680" s="99"/>
      <c r="X6680" s="99"/>
      <c r="Y6680" s="99"/>
      <c r="Z6680" s="99"/>
      <c r="AA6680" s="99"/>
      <c r="AB6680" s="99"/>
      <c r="AC6680" s="99"/>
      <c r="AD6680" s="99"/>
      <c r="AE6680" s="99"/>
      <c r="AF6680" s="99"/>
      <c r="AG6680" s="99"/>
      <c r="AH6680" s="99"/>
      <c r="AI6680" s="99"/>
      <c r="AJ6680" s="99"/>
      <c r="AK6680" s="99"/>
      <c r="AL6680" s="99"/>
      <c r="AM6680" s="99"/>
      <c r="AN6680" s="99"/>
      <c r="AO6680" s="99"/>
      <c r="AP6680" s="99"/>
      <c r="AQ6680" s="99"/>
      <c r="AR6680" s="99"/>
      <c r="AS6680" s="99"/>
      <c r="AT6680" s="99"/>
      <c r="AU6680" s="99"/>
      <c r="AV6680" s="99"/>
      <c r="AW6680" s="99"/>
      <c r="AX6680" s="99"/>
      <c r="AY6680" s="99"/>
      <c r="AZ6680" s="99"/>
      <c r="BA6680" s="99"/>
      <c r="BB6680" s="107">
        <v>45065</v>
      </c>
    </row>
    <row r="6681" spans="1:54" s="8" customFormat="1" ht="13.95" customHeight="1" x14ac:dyDescent="0.25">
      <c r="A6681" s="15" t="s">
        <v>15957</v>
      </c>
      <c r="B6681" s="110" t="s">
        <v>19886</v>
      </c>
      <c r="C6681" s="98" t="s">
        <v>15958</v>
      </c>
      <c r="D6681" s="98" t="s">
        <v>15959</v>
      </c>
      <c r="E6681" s="98">
        <v>1990</v>
      </c>
      <c r="F6681" s="98">
        <v>198</v>
      </c>
      <c r="G6681" s="98" t="s">
        <v>1</v>
      </c>
      <c r="H6681" s="98">
        <v>0</v>
      </c>
      <c r="I6681" s="98">
        <v>0</v>
      </c>
      <c r="J6681" s="98">
        <v>1</v>
      </c>
      <c r="K6681" s="98">
        <v>0</v>
      </c>
      <c r="L6681" s="98">
        <v>1</v>
      </c>
      <c r="M6681" s="98">
        <v>0</v>
      </c>
      <c r="N6681" s="98">
        <v>0</v>
      </c>
      <c r="O6681" s="98">
        <v>1</v>
      </c>
      <c r="P6681" s="98">
        <v>1</v>
      </c>
      <c r="Q6681" s="98">
        <v>0</v>
      </c>
      <c r="R6681" s="98">
        <v>1</v>
      </c>
      <c r="S6681" s="98">
        <v>0</v>
      </c>
      <c r="T6681" s="98">
        <v>0</v>
      </c>
      <c r="U6681" s="99"/>
      <c r="V6681" s="99"/>
      <c r="W6681" s="99"/>
      <c r="X6681" s="99"/>
      <c r="Y6681" s="99"/>
      <c r="Z6681" s="99"/>
      <c r="AA6681" s="99"/>
      <c r="AB6681" s="99"/>
      <c r="AC6681" s="99"/>
      <c r="AD6681" s="99"/>
      <c r="AE6681" s="99"/>
      <c r="AF6681" s="99"/>
      <c r="AG6681" s="99"/>
      <c r="AH6681" s="99"/>
      <c r="AI6681" s="99"/>
      <c r="AJ6681" s="99"/>
      <c r="AK6681" s="99"/>
      <c r="AL6681" s="99"/>
      <c r="AM6681" s="99"/>
      <c r="AN6681" s="99"/>
      <c r="AO6681" s="99"/>
      <c r="AP6681" s="99"/>
      <c r="AQ6681" s="99"/>
      <c r="AR6681" s="99"/>
      <c r="AS6681" s="99"/>
      <c r="AT6681" s="99"/>
      <c r="AU6681" s="99"/>
      <c r="AV6681" s="99"/>
      <c r="AW6681" s="99"/>
      <c r="AX6681" s="99"/>
      <c r="AY6681" s="99"/>
      <c r="AZ6681" s="99"/>
      <c r="BA6681" s="99"/>
      <c r="BB6681" s="107">
        <v>45065</v>
      </c>
    </row>
    <row r="6682" spans="1:54" s="8" customFormat="1" ht="13.95" customHeight="1" x14ac:dyDescent="0.25">
      <c r="A6682" s="15" t="s">
        <v>15960</v>
      </c>
      <c r="B6682" s="110" t="s">
        <v>19886</v>
      </c>
      <c r="C6682" s="98" t="s">
        <v>15961</v>
      </c>
      <c r="D6682" s="98" t="s">
        <v>15962</v>
      </c>
      <c r="E6682" s="98">
        <v>2002</v>
      </c>
      <c r="F6682" s="98">
        <v>151</v>
      </c>
      <c r="G6682" s="98" t="s">
        <v>1</v>
      </c>
      <c r="H6682" s="98">
        <v>0</v>
      </c>
      <c r="I6682" s="98">
        <v>0</v>
      </c>
      <c r="J6682" s="98">
        <v>1</v>
      </c>
      <c r="K6682" s="98">
        <v>1</v>
      </c>
      <c r="L6682" s="98">
        <v>0</v>
      </c>
      <c r="M6682" s="98">
        <v>0</v>
      </c>
      <c r="N6682" s="98">
        <v>0</v>
      </c>
      <c r="O6682" s="98">
        <v>1</v>
      </c>
      <c r="P6682" s="98">
        <v>0</v>
      </c>
      <c r="Q6682" s="98">
        <v>0</v>
      </c>
      <c r="R6682" s="98">
        <v>1</v>
      </c>
      <c r="S6682" s="98">
        <v>0</v>
      </c>
      <c r="T6682" s="98">
        <v>0</v>
      </c>
      <c r="U6682" s="99"/>
      <c r="V6682" s="99"/>
      <c r="W6682" s="99"/>
      <c r="X6682" s="99"/>
      <c r="Y6682" s="99"/>
      <c r="Z6682" s="99"/>
      <c r="AA6682" s="99"/>
      <c r="AB6682" s="99"/>
      <c r="AC6682" s="99"/>
      <c r="AD6682" s="99"/>
      <c r="AE6682" s="99"/>
      <c r="AF6682" s="99"/>
      <c r="AG6682" s="99"/>
      <c r="AH6682" s="99"/>
      <c r="AI6682" s="99"/>
      <c r="AJ6682" s="99"/>
      <c r="AK6682" s="99"/>
      <c r="AL6682" s="99"/>
      <c r="AM6682" s="99"/>
      <c r="AN6682" s="99"/>
      <c r="AO6682" s="99"/>
      <c r="AP6682" s="99"/>
      <c r="AQ6682" s="99"/>
      <c r="AR6682" s="99"/>
      <c r="AS6682" s="99"/>
      <c r="AT6682" s="99"/>
      <c r="AU6682" s="99"/>
      <c r="AV6682" s="99"/>
      <c r="AW6682" s="99"/>
      <c r="AX6682" s="99"/>
      <c r="AY6682" s="99"/>
      <c r="AZ6682" s="99"/>
      <c r="BA6682" s="99"/>
      <c r="BB6682" s="107">
        <v>45065</v>
      </c>
    </row>
    <row r="6683" spans="1:54" s="8" customFormat="1" ht="13.95" customHeight="1" x14ac:dyDescent="0.25">
      <c r="A6683" s="15" t="s">
        <v>15963</v>
      </c>
      <c r="B6683" s="110" t="s">
        <v>19886</v>
      </c>
      <c r="C6683" s="98" t="s">
        <v>15964</v>
      </c>
      <c r="D6683" s="98" t="s">
        <v>15965</v>
      </c>
      <c r="E6683" s="98">
        <v>2003</v>
      </c>
      <c r="F6683" s="98">
        <v>170</v>
      </c>
      <c r="G6683" s="98" t="s">
        <v>1</v>
      </c>
      <c r="H6683" s="98">
        <v>0</v>
      </c>
      <c r="I6683" s="98">
        <v>0</v>
      </c>
      <c r="J6683" s="98">
        <v>1</v>
      </c>
      <c r="K6683" s="98">
        <v>1</v>
      </c>
      <c r="L6683" s="98">
        <v>1</v>
      </c>
      <c r="M6683" s="98">
        <v>0</v>
      </c>
      <c r="N6683" s="98">
        <v>0</v>
      </c>
      <c r="O6683" s="98">
        <v>1</v>
      </c>
      <c r="P6683" s="98">
        <v>0</v>
      </c>
      <c r="Q6683" s="98">
        <v>0</v>
      </c>
      <c r="R6683" s="98">
        <v>0</v>
      </c>
      <c r="S6683" s="98">
        <v>0</v>
      </c>
      <c r="T6683" s="98">
        <v>0</v>
      </c>
      <c r="U6683" s="99"/>
      <c r="V6683" s="99"/>
      <c r="W6683" s="99"/>
      <c r="X6683" s="99"/>
      <c r="Y6683" s="99"/>
      <c r="Z6683" s="99"/>
      <c r="AA6683" s="99"/>
      <c r="AB6683" s="99"/>
      <c r="AC6683" s="99"/>
      <c r="AD6683" s="99"/>
      <c r="AE6683" s="99"/>
      <c r="AF6683" s="99"/>
      <c r="AG6683" s="99"/>
      <c r="AH6683" s="99"/>
      <c r="AI6683" s="99"/>
      <c r="AJ6683" s="99"/>
      <c r="AK6683" s="99"/>
      <c r="AL6683" s="99"/>
      <c r="AM6683" s="99"/>
      <c r="AN6683" s="99"/>
      <c r="AO6683" s="99"/>
      <c r="AP6683" s="99"/>
      <c r="AQ6683" s="99"/>
      <c r="AR6683" s="99"/>
      <c r="AS6683" s="99"/>
      <c r="AT6683" s="99"/>
      <c r="AU6683" s="99"/>
      <c r="AV6683" s="99"/>
      <c r="AW6683" s="99"/>
      <c r="AX6683" s="99"/>
      <c r="AY6683" s="99"/>
      <c r="AZ6683" s="99"/>
      <c r="BA6683" s="99"/>
      <c r="BB6683" s="107">
        <v>45065</v>
      </c>
    </row>
    <row r="6684" spans="1:54" s="8" customFormat="1" ht="13.95" customHeight="1" x14ac:dyDescent="0.25">
      <c r="A6684" s="15" t="s">
        <v>15966</v>
      </c>
      <c r="B6684" s="110" t="s">
        <v>19886</v>
      </c>
      <c r="C6684" s="98" t="s">
        <v>15967</v>
      </c>
      <c r="D6684" s="98" t="s">
        <v>15968</v>
      </c>
      <c r="E6684" s="98">
        <v>2004</v>
      </c>
      <c r="F6684" s="98">
        <v>160</v>
      </c>
      <c r="G6684" s="98" t="s">
        <v>1</v>
      </c>
      <c r="H6684" s="98">
        <v>0</v>
      </c>
      <c r="I6684" s="98">
        <v>0</v>
      </c>
      <c r="J6684" s="98">
        <v>1</v>
      </c>
      <c r="K6684" s="98">
        <v>1</v>
      </c>
      <c r="L6684" s="98">
        <v>0</v>
      </c>
      <c r="M6684" s="98">
        <v>0</v>
      </c>
      <c r="N6684" s="98">
        <v>0</v>
      </c>
      <c r="O6684" s="98">
        <v>0</v>
      </c>
      <c r="P6684" s="98">
        <v>1</v>
      </c>
      <c r="Q6684" s="98">
        <v>0</v>
      </c>
      <c r="R6684" s="98">
        <v>1</v>
      </c>
      <c r="S6684" s="98">
        <v>0</v>
      </c>
      <c r="T6684" s="98">
        <v>0</v>
      </c>
      <c r="U6684" s="99"/>
      <c r="V6684" s="99"/>
      <c r="W6684" s="99"/>
      <c r="X6684" s="99"/>
      <c r="Y6684" s="99"/>
      <c r="Z6684" s="99"/>
      <c r="AA6684" s="99"/>
      <c r="AB6684" s="99"/>
      <c r="AC6684" s="99"/>
      <c r="AD6684" s="99"/>
      <c r="AE6684" s="99"/>
      <c r="AF6684" s="99"/>
      <c r="AG6684" s="99"/>
      <c r="AH6684" s="99"/>
      <c r="AI6684" s="99"/>
      <c r="AJ6684" s="99"/>
      <c r="AK6684" s="99"/>
      <c r="AL6684" s="99"/>
      <c r="AM6684" s="99"/>
      <c r="AN6684" s="99"/>
      <c r="AO6684" s="99"/>
      <c r="AP6684" s="99"/>
      <c r="AQ6684" s="99"/>
      <c r="AR6684" s="99"/>
      <c r="AS6684" s="99"/>
      <c r="AT6684" s="99"/>
      <c r="AU6684" s="99"/>
      <c r="AV6684" s="99"/>
      <c r="AW6684" s="99"/>
      <c r="AX6684" s="99"/>
      <c r="AY6684" s="99"/>
      <c r="AZ6684" s="99"/>
      <c r="BA6684" s="99"/>
      <c r="BB6684" s="107">
        <v>45065</v>
      </c>
    </row>
    <row r="6685" spans="1:54" s="8" customFormat="1" ht="13.95" customHeight="1" x14ac:dyDescent="0.25">
      <c r="A6685" s="15" t="s">
        <v>15969</v>
      </c>
      <c r="B6685" s="110" t="s">
        <v>19886</v>
      </c>
      <c r="C6685" s="98" t="s">
        <v>15970</v>
      </c>
      <c r="D6685" s="98" t="s">
        <v>15971</v>
      </c>
      <c r="E6685" s="98">
        <v>2005</v>
      </c>
      <c r="F6685" s="98">
        <v>150</v>
      </c>
      <c r="G6685" s="98" t="s">
        <v>1</v>
      </c>
      <c r="H6685" s="98">
        <v>0</v>
      </c>
      <c r="I6685" s="98">
        <v>0</v>
      </c>
      <c r="J6685" s="98">
        <v>1</v>
      </c>
      <c r="K6685" s="98">
        <v>0</v>
      </c>
      <c r="L6685" s="98">
        <v>0</v>
      </c>
      <c r="M6685" s="98">
        <v>0</v>
      </c>
      <c r="N6685" s="98">
        <v>0</v>
      </c>
      <c r="O6685" s="98">
        <v>0</v>
      </c>
      <c r="P6685" s="98">
        <v>0</v>
      </c>
      <c r="Q6685" s="98">
        <v>1</v>
      </c>
      <c r="R6685" s="98">
        <v>1</v>
      </c>
      <c r="S6685" s="98">
        <v>0</v>
      </c>
      <c r="T6685" s="98">
        <v>0</v>
      </c>
      <c r="U6685" s="99"/>
      <c r="V6685" s="99"/>
      <c r="W6685" s="99"/>
      <c r="X6685" s="99"/>
      <c r="Y6685" s="99"/>
      <c r="Z6685" s="99"/>
      <c r="AA6685" s="99"/>
      <c r="AB6685" s="99"/>
      <c r="AC6685" s="99"/>
      <c r="AD6685" s="99"/>
      <c r="AE6685" s="99"/>
      <c r="AF6685" s="99"/>
      <c r="AG6685" s="99"/>
      <c r="AH6685" s="99"/>
      <c r="AI6685" s="99"/>
      <c r="AJ6685" s="99"/>
      <c r="AK6685" s="99"/>
      <c r="AL6685" s="99"/>
      <c r="AM6685" s="99"/>
      <c r="AN6685" s="99"/>
      <c r="AO6685" s="99"/>
      <c r="AP6685" s="99"/>
      <c r="AQ6685" s="99"/>
      <c r="AR6685" s="99"/>
      <c r="AS6685" s="99"/>
      <c r="AT6685" s="99"/>
      <c r="AU6685" s="99"/>
      <c r="AV6685" s="99"/>
      <c r="AW6685" s="99"/>
      <c r="AX6685" s="99"/>
      <c r="AY6685" s="99"/>
      <c r="AZ6685" s="99"/>
      <c r="BA6685" s="99"/>
      <c r="BB6685" s="107">
        <v>45065</v>
      </c>
    </row>
    <row r="6686" spans="1:54" s="8" customFormat="1" ht="13.95" customHeight="1" x14ac:dyDescent="0.25">
      <c r="A6686" s="15" t="s">
        <v>15972</v>
      </c>
      <c r="B6686" s="110" t="s">
        <v>19886</v>
      </c>
      <c r="C6686" s="98" t="s">
        <v>15973</v>
      </c>
      <c r="D6686" s="98" t="s">
        <v>15974</v>
      </c>
      <c r="E6686" s="98">
        <v>2006</v>
      </c>
      <c r="F6686" s="98">
        <v>153</v>
      </c>
      <c r="G6686" s="98" t="s">
        <v>1</v>
      </c>
      <c r="H6686" s="98">
        <v>0</v>
      </c>
      <c r="I6686" s="98">
        <v>0</v>
      </c>
      <c r="J6686" s="98">
        <v>1</v>
      </c>
      <c r="K6686" s="98">
        <v>1</v>
      </c>
      <c r="L6686" s="98">
        <v>0</v>
      </c>
      <c r="M6686" s="98">
        <v>0</v>
      </c>
      <c r="N6686" s="98">
        <v>0</v>
      </c>
      <c r="O6686" s="98">
        <v>0</v>
      </c>
      <c r="P6686" s="98">
        <v>0</v>
      </c>
      <c r="Q6686" s="98">
        <v>0</v>
      </c>
      <c r="R6686" s="98">
        <v>1</v>
      </c>
      <c r="S6686" s="98">
        <v>0</v>
      </c>
      <c r="T6686" s="98">
        <v>0</v>
      </c>
      <c r="U6686" s="99"/>
      <c r="V6686" s="99"/>
      <c r="W6686" s="99"/>
      <c r="X6686" s="99"/>
      <c r="Y6686" s="99"/>
      <c r="Z6686" s="99"/>
      <c r="AA6686" s="99"/>
      <c r="AB6686" s="99"/>
      <c r="AC6686" s="99"/>
      <c r="AD6686" s="99"/>
      <c r="AE6686" s="99"/>
      <c r="AF6686" s="99"/>
      <c r="AG6686" s="99"/>
      <c r="AH6686" s="99"/>
      <c r="AI6686" s="99"/>
      <c r="AJ6686" s="99"/>
      <c r="AK6686" s="99"/>
      <c r="AL6686" s="99"/>
      <c r="AM6686" s="99"/>
      <c r="AN6686" s="99"/>
      <c r="AO6686" s="99"/>
      <c r="AP6686" s="99"/>
      <c r="AQ6686" s="99"/>
      <c r="AR6686" s="99"/>
      <c r="AS6686" s="99"/>
      <c r="AT6686" s="99"/>
      <c r="AU6686" s="99"/>
      <c r="AV6686" s="99"/>
      <c r="AW6686" s="99"/>
      <c r="AX6686" s="99"/>
      <c r="AY6686" s="99"/>
      <c r="AZ6686" s="99"/>
      <c r="BA6686" s="99"/>
      <c r="BB6686" s="107">
        <v>45065</v>
      </c>
    </row>
    <row r="6687" spans="1:54" s="8" customFormat="1" ht="13.95" customHeight="1" x14ac:dyDescent="0.25">
      <c r="A6687" s="15" t="s">
        <v>15975</v>
      </c>
      <c r="B6687" s="110" t="s">
        <v>19886</v>
      </c>
      <c r="C6687" s="98" t="s">
        <v>15976</v>
      </c>
      <c r="D6687" s="98" t="s">
        <v>15977</v>
      </c>
      <c r="E6687" s="98">
        <v>2008</v>
      </c>
      <c r="F6687" s="98">
        <v>185</v>
      </c>
      <c r="G6687" s="98" t="s">
        <v>1</v>
      </c>
      <c r="H6687" s="98">
        <v>0</v>
      </c>
      <c r="I6687" s="98">
        <v>0</v>
      </c>
      <c r="J6687" s="98">
        <v>1</v>
      </c>
      <c r="K6687" s="98">
        <v>0</v>
      </c>
      <c r="L6687" s="98">
        <v>0</v>
      </c>
      <c r="M6687" s="98">
        <v>0</v>
      </c>
      <c r="N6687" s="98">
        <v>0</v>
      </c>
      <c r="O6687" s="98">
        <v>0</v>
      </c>
      <c r="P6687" s="98">
        <v>0</v>
      </c>
      <c r="Q6687" s="98">
        <v>0</v>
      </c>
      <c r="R6687" s="98">
        <v>0</v>
      </c>
      <c r="S6687" s="98">
        <v>0</v>
      </c>
      <c r="T6687" s="98">
        <v>0</v>
      </c>
      <c r="U6687" s="99"/>
      <c r="V6687" s="99"/>
      <c r="W6687" s="99"/>
      <c r="X6687" s="99"/>
      <c r="Y6687" s="99"/>
      <c r="Z6687" s="99"/>
      <c r="AA6687" s="99"/>
      <c r="AB6687" s="99"/>
      <c r="AC6687" s="99"/>
      <c r="AD6687" s="99"/>
      <c r="AE6687" s="99"/>
      <c r="AF6687" s="99"/>
      <c r="AG6687" s="99"/>
      <c r="AH6687" s="99"/>
      <c r="AI6687" s="99"/>
      <c r="AJ6687" s="99"/>
      <c r="AK6687" s="99"/>
      <c r="AL6687" s="99"/>
      <c r="AM6687" s="99"/>
      <c r="AN6687" s="99"/>
      <c r="AO6687" s="99"/>
      <c r="AP6687" s="99"/>
      <c r="AQ6687" s="99"/>
      <c r="AR6687" s="99"/>
      <c r="AS6687" s="99"/>
      <c r="AT6687" s="99"/>
      <c r="AU6687" s="99"/>
      <c r="AV6687" s="99"/>
      <c r="AW6687" s="99"/>
      <c r="AX6687" s="99"/>
      <c r="AY6687" s="99"/>
      <c r="AZ6687" s="99"/>
      <c r="BA6687" s="99"/>
      <c r="BB6687" s="107">
        <v>45065</v>
      </c>
    </row>
    <row r="6688" spans="1:54" s="8" customFormat="1" ht="13.95" customHeight="1" x14ac:dyDescent="0.25">
      <c r="A6688" s="15" t="s">
        <v>15978</v>
      </c>
      <c r="B6688" s="110" t="s">
        <v>19886</v>
      </c>
      <c r="C6688" s="98" t="s">
        <v>15979</v>
      </c>
      <c r="D6688" s="98" t="s">
        <v>15980</v>
      </c>
      <c r="E6688" s="98">
        <v>2008</v>
      </c>
      <c r="F6688" s="98">
        <v>1000</v>
      </c>
      <c r="G6688" s="98" t="s">
        <v>1</v>
      </c>
      <c r="H6688" s="98">
        <v>0</v>
      </c>
      <c r="I6688" s="98">
        <v>0</v>
      </c>
      <c r="J6688" s="98">
        <v>0</v>
      </c>
      <c r="K6688" s="98">
        <v>1</v>
      </c>
      <c r="L6688" s="98">
        <v>0</v>
      </c>
      <c r="M6688" s="98">
        <v>0</v>
      </c>
      <c r="N6688" s="98">
        <v>0</v>
      </c>
      <c r="O6688" s="98">
        <v>1</v>
      </c>
      <c r="P6688" s="98">
        <v>1</v>
      </c>
      <c r="Q6688" s="98">
        <v>0</v>
      </c>
      <c r="R6688" s="98">
        <v>0</v>
      </c>
      <c r="S6688" s="98">
        <v>0</v>
      </c>
      <c r="T6688" s="98">
        <v>0</v>
      </c>
      <c r="U6688" s="99"/>
      <c r="V6688" s="99"/>
      <c r="W6688" s="99"/>
      <c r="X6688" s="99"/>
      <c r="Y6688" s="99"/>
      <c r="Z6688" s="99"/>
      <c r="AA6688" s="99"/>
      <c r="AB6688" s="99"/>
      <c r="AC6688" s="99"/>
      <c r="AD6688" s="99"/>
      <c r="AE6688" s="99"/>
      <c r="AF6688" s="99"/>
      <c r="AG6688" s="99"/>
      <c r="AH6688" s="99"/>
      <c r="AI6688" s="99"/>
      <c r="AJ6688" s="99"/>
      <c r="AK6688" s="99"/>
      <c r="AL6688" s="99"/>
      <c r="AM6688" s="99"/>
      <c r="AN6688" s="99"/>
      <c r="AO6688" s="99"/>
      <c r="AP6688" s="99"/>
      <c r="AQ6688" s="99"/>
      <c r="AR6688" s="99"/>
      <c r="AS6688" s="99"/>
      <c r="AT6688" s="99"/>
      <c r="AU6688" s="99"/>
      <c r="AV6688" s="99"/>
      <c r="AW6688" s="99"/>
      <c r="AX6688" s="99"/>
      <c r="AY6688" s="99"/>
      <c r="AZ6688" s="99"/>
      <c r="BA6688" s="99"/>
      <c r="BB6688" s="107">
        <v>45065</v>
      </c>
    </row>
    <row r="6689" spans="1:54" s="8" customFormat="1" ht="13.95" customHeight="1" x14ac:dyDescent="0.25">
      <c r="A6689" s="15" t="s">
        <v>15981</v>
      </c>
      <c r="B6689" s="110" t="s">
        <v>19886</v>
      </c>
      <c r="C6689" s="98" t="s">
        <v>15982</v>
      </c>
      <c r="D6689" s="98" t="s">
        <v>15983</v>
      </c>
      <c r="E6689" s="98">
        <v>2001</v>
      </c>
      <c r="F6689" s="98">
        <v>2100</v>
      </c>
      <c r="G6689" s="98" t="s">
        <v>1</v>
      </c>
      <c r="H6689" s="98">
        <v>0</v>
      </c>
      <c r="I6689" s="98">
        <v>0</v>
      </c>
      <c r="J6689" s="98">
        <v>1</v>
      </c>
      <c r="K6689" s="98">
        <v>1</v>
      </c>
      <c r="L6689" s="98">
        <v>0</v>
      </c>
      <c r="M6689" s="98">
        <v>0</v>
      </c>
      <c r="N6689" s="98">
        <v>0</v>
      </c>
      <c r="O6689" s="98">
        <v>1</v>
      </c>
      <c r="P6689" s="98">
        <v>1</v>
      </c>
      <c r="Q6689" s="98">
        <v>0</v>
      </c>
      <c r="R6689" s="98">
        <v>0</v>
      </c>
      <c r="S6689" s="98">
        <v>0</v>
      </c>
      <c r="T6689" s="98">
        <v>0</v>
      </c>
      <c r="U6689" s="99"/>
      <c r="V6689" s="99"/>
      <c r="W6689" s="99"/>
      <c r="X6689" s="99"/>
      <c r="Y6689" s="99"/>
      <c r="Z6689" s="99"/>
      <c r="AA6689" s="99"/>
      <c r="AB6689" s="99"/>
      <c r="AC6689" s="99"/>
      <c r="AD6689" s="99"/>
      <c r="AE6689" s="99"/>
      <c r="AF6689" s="99"/>
      <c r="AG6689" s="99"/>
      <c r="AH6689" s="99"/>
      <c r="AI6689" s="99"/>
      <c r="AJ6689" s="99"/>
      <c r="AK6689" s="99"/>
      <c r="AL6689" s="99"/>
      <c r="AM6689" s="99"/>
      <c r="AN6689" s="99"/>
      <c r="AO6689" s="99"/>
      <c r="AP6689" s="99"/>
      <c r="AQ6689" s="99"/>
      <c r="AR6689" s="99"/>
      <c r="AS6689" s="99"/>
      <c r="AT6689" s="99"/>
      <c r="AU6689" s="99"/>
      <c r="AV6689" s="99"/>
      <c r="AW6689" s="99"/>
      <c r="AX6689" s="99"/>
      <c r="AY6689" s="99"/>
      <c r="AZ6689" s="99"/>
      <c r="BA6689" s="99"/>
      <c r="BB6689" s="107">
        <v>45065</v>
      </c>
    </row>
    <row r="6690" spans="1:54" s="8" customFormat="1" ht="13.95" customHeight="1" x14ac:dyDescent="0.25">
      <c r="A6690" s="15" t="s">
        <v>15984</v>
      </c>
      <c r="B6690" s="110" t="s">
        <v>19886</v>
      </c>
      <c r="C6690" s="98" t="s">
        <v>15985</v>
      </c>
      <c r="D6690" s="98" t="s">
        <v>15986</v>
      </c>
      <c r="E6690" s="98">
        <v>1982</v>
      </c>
      <c r="F6690" s="98">
        <v>111</v>
      </c>
      <c r="G6690" s="98" t="s">
        <v>1</v>
      </c>
      <c r="H6690" s="98">
        <v>0</v>
      </c>
      <c r="I6690" s="98">
        <v>0</v>
      </c>
      <c r="J6690" s="98">
        <v>0</v>
      </c>
      <c r="K6690" s="98">
        <v>0</v>
      </c>
      <c r="L6690" s="98">
        <v>0</v>
      </c>
      <c r="M6690" s="98">
        <v>0</v>
      </c>
      <c r="N6690" s="98">
        <v>1</v>
      </c>
      <c r="O6690" s="98">
        <v>0</v>
      </c>
      <c r="P6690" s="98">
        <v>0</v>
      </c>
      <c r="Q6690" s="98">
        <v>0</v>
      </c>
      <c r="R6690" s="98">
        <v>0</v>
      </c>
      <c r="S6690" s="98">
        <v>0</v>
      </c>
      <c r="T6690" s="98">
        <v>0</v>
      </c>
      <c r="U6690" s="99"/>
      <c r="V6690" s="99"/>
      <c r="W6690" s="99"/>
      <c r="X6690" s="99"/>
      <c r="Y6690" s="99"/>
      <c r="Z6690" s="99"/>
      <c r="AA6690" s="99"/>
      <c r="AB6690" s="99"/>
      <c r="AC6690" s="99"/>
      <c r="AD6690" s="99"/>
      <c r="AE6690" s="99"/>
      <c r="AF6690" s="99"/>
      <c r="AG6690" s="99"/>
      <c r="AH6690" s="99"/>
      <c r="AI6690" s="99"/>
      <c r="AJ6690" s="99"/>
      <c r="AK6690" s="99"/>
      <c r="AL6690" s="99"/>
      <c r="AM6690" s="99"/>
      <c r="AN6690" s="99"/>
      <c r="AO6690" s="99"/>
      <c r="AP6690" s="99"/>
      <c r="AQ6690" s="99"/>
      <c r="AR6690" s="99"/>
      <c r="AS6690" s="99"/>
      <c r="AT6690" s="99"/>
      <c r="AU6690" s="99"/>
      <c r="AV6690" s="99"/>
      <c r="AW6690" s="99"/>
      <c r="AX6690" s="99"/>
      <c r="AY6690" s="99"/>
      <c r="AZ6690" s="99"/>
      <c r="BA6690" s="99"/>
      <c r="BB6690" s="107">
        <v>45065</v>
      </c>
    </row>
    <row r="6691" spans="1:54" s="8" customFormat="1" ht="13.95" customHeight="1" x14ac:dyDescent="0.25">
      <c r="A6691" s="15" t="s">
        <v>15987</v>
      </c>
      <c r="B6691" s="110" t="s">
        <v>19886</v>
      </c>
      <c r="C6691" s="98" t="s">
        <v>15988</v>
      </c>
      <c r="D6691" s="98" t="s">
        <v>15989</v>
      </c>
      <c r="E6691" s="98">
        <v>2000</v>
      </c>
      <c r="F6691" s="98">
        <v>151</v>
      </c>
      <c r="G6691" s="98" t="s">
        <v>1</v>
      </c>
      <c r="H6691" s="98">
        <v>0</v>
      </c>
      <c r="I6691" s="98">
        <v>0</v>
      </c>
      <c r="J6691" s="98">
        <v>1</v>
      </c>
      <c r="K6691" s="98">
        <v>0</v>
      </c>
      <c r="L6691" s="98">
        <v>1</v>
      </c>
      <c r="M6691" s="98">
        <v>0</v>
      </c>
      <c r="N6691" s="98">
        <v>0</v>
      </c>
      <c r="O6691" s="98">
        <v>1</v>
      </c>
      <c r="P6691" s="98">
        <v>0</v>
      </c>
      <c r="Q6691" s="98">
        <v>0</v>
      </c>
      <c r="R6691" s="98">
        <v>1</v>
      </c>
      <c r="S6691" s="98">
        <v>0</v>
      </c>
      <c r="T6691" s="98">
        <v>0</v>
      </c>
      <c r="U6691" s="99"/>
      <c r="V6691" s="99"/>
      <c r="W6691" s="99"/>
      <c r="X6691" s="99"/>
      <c r="Y6691" s="99"/>
      <c r="Z6691" s="99"/>
      <c r="AA6691" s="99"/>
      <c r="AB6691" s="99"/>
      <c r="AC6691" s="99"/>
      <c r="AD6691" s="99"/>
      <c r="AE6691" s="99"/>
      <c r="AF6691" s="99"/>
      <c r="AG6691" s="99"/>
      <c r="AH6691" s="99"/>
      <c r="AI6691" s="99"/>
      <c r="AJ6691" s="99"/>
      <c r="AK6691" s="99"/>
      <c r="AL6691" s="99"/>
      <c r="AM6691" s="99"/>
      <c r="AN6691" s="99"/>
      <c r="AO6691" s="99"/>
      <c r="AP6691" s="99"/>
      <c r="AQ6691" s="99"/>
      <c r="AR6691" s="99"/>
      <c r="AS6691" s="99"/>
      <c r="AT6691" s="99"/>
      <c r="AU6691" s="99"/>
      <c r="AV6691" s="99"/>
      <c r="AW6691" s="99"/>
      <c r="AX6691" s="99"/>
      <c r="AY6691" s="99"/>
      <c r="AZ6691" s="99"/>
      <c r="BA6691" s="99"/>
      <c r="BB6691" s="107">
        <v>45065</v>
      </c>
    </row>
    <row r="6692" spans="1:54" s="8" customFormat="1" ht="13.95" customHeight="1" x14ac:dyDescent="0.25">
      <c r="A6692" s="15" t="s">
        <v>15990</v>
      </c>
      <c r="B6692" s="110" t="s">
        <v>19886</v>
      </c>
      <c r="C6692" s="98" t="s">
        <v>15991</v>
      </c>
      <c r="D6692" s="98" t="s">
        <v>15992</v>
      </c>
      <c r="E6692" s="98">
        <v>2003</v>
      </c>
      <c r="F6692" s="98">
        <v>2798</v>
      </c>
      <c r="G6692" s="98" t="s">
        <v>1</v>
      </c>
      <c r="H6692" s="98">
        <v>0</v>
      </c>
      <c r="I6692" s="98">
        <v>0</v>
      </c>
      <c r="J6692" s="98">
        <v>1</v>
      </c>
      <c r="K6692" s="98">
        <v>1</v>
      </c>
      <c r="L6692" s="98">
        <v>0</v>
      </c>
      <c r="M6692" s="98">
        <v>1</v>
      </c>
      <c r="N6692" s="98">
        <v>1</v>
      </c>
      <c r="O6692" s="98">
        <v>1</v>
      </c>
      <c r="P6692" s="98">
        <v>1</v>
      </c>
      <c r="Q6692" s="98">
        <v>0</v>
      </c>
      <c r="R6692" s="98">
        <v>0</v>
      </c>
      <c r="S6692" s="98">
        <v>0</v>
      </c>
      <c r="T6692" s="98">
        <v>0</v>
      </c>
      <c r="U6692" s="99"/>
      <c r="V6692" s="99"/>
      <c r="W6692" s="99"/>
      <c r="X6692" s="99"/>
      <c r="Y6692" s="99"/>
      <c r="Z6692" s="99"/>
      <c r="AA6692" s="99"/>
      <c r="AB6692" s="99"/>
      <c r="AC6692" s="99"/>
      <c r="AD6692" s="99"/>
      <c r="AE6692" s="99"/>
      <c r="AF6692" s="99"/>
      <c r="AG6692" s="99"/>
      <c r="AH6692" s="99"/>
      <c r="AI6692" s="99"/>
      <c r="AJ6692" s="99"/>
      <c r="AK6692" s="99"/>
      <c r="AL6692" s="99"/>
      <c r="AM6692" s="99"/>
      <c r="AN6692" s="99"/>
      <c r="AO6692" s="99"/>
      <c r="AP6692" s="99"/>
      <c r="AQ6692" s="99"/>
      <c r="AR6692" s="99"/>
      <c r="AS6692" s="99"/>
      <c r="AT6692" s="99"/>
      <c r="AU6692" s="99"/>
      <c r="AV6692" s="99"/>
      <c r="AW6692" s="99"/>
      <c r="AX6692" s="99"/>
      <c r="AY6692" s="99"/>
      <c r="AZ6692" s="99"/>
      <c r="BA6692" s="99"/>
      <c r="BB6692" s="107">
        <v>45065</v>
      </c>
    </row>
    <row r="6693" spans="1:54" s="8" customFormat="1" ht="13.95" customHeight="1" x14ac:dyDescent="0.25">
      <c r="A6693" s="15" t="s">
        <v>15993</v>
      </c>
      <c r="B6693" s="110" t="s">
        <v>19886</v>
      </c>
      <c r="C6693" s="98" t="s">
        <v>15994</v>
      </c>
      <c r="D6693" s="98" t="s">
        <v>15995</v>
      </c>
      <c r="E6693" s="98">
        <v>2005</v>
      </c>
      <c r="F6693" s="98">
        <v>890</v>
      </c>
      <c r="G6693" s="98" t="s">
        <v>1</v>
      </c>
      <c r="H6693" s="98">
        <v>0</v>
      </c>
      <c r="I6693" s="98">
        <v>0</v>
      </c>
      <c r="J6693" s="98">
        <v>1</v>
      </c>
      <c r="K6693" s="98">
        <v>1</v>
      </c>
      <c r="L6693" s="98">
        <v>0</v>
      </c>
      <c r="M6693" s="98">
        <v>0</v>
      </c>
      <c r="N6693" s="98">
        <v>0</v>
      </c>
      <c r="O6693" s="98">
        <v>1</v>
      </c>
      <c r="P6693" s="98">
        <v>1</v>
      </c>
      <c r="Q6693" s="98">
        <v>0</v>
      </c>
      <c r="R6693" s="98">
        <v>0</v>
      </c>
      <c r="S6693" s="98">
        <v>1</v>
      </c>
      <c r="T6693" s="98">
        <v>0</v>
      </c>
      <c r="U6693" s="99"/>
      <c r="V6693" s="99"/>
      <c r="W6693" s="99"/>
      <c r="X6693" s="99"/>
      <c r="Y6693" s="99"/>
      <c r="Z6693" s="99"/>
      <c r="AA6693" s="99"/>
      <c r="AB6693" s="99"/>
      <c r="AC6693" s="99"/>
      <c r="AD6693" s="99"/>
      <c r="AE6693" s="99"/>
      <c r="AF6693" s="99"/>
      <c r="AG6693" s="99"/>
      <c r="AH6693" s="99"/>
      <c r="AI6693" s="99"/>
      <c r="AJ6693" s="99"/>
      <c r="AK6693" s="99"/>
      <c r="AL6693" s="99"/>
      <c r="AM6693" s="99"/>
      <c r="AN6693" s="99"/>
      <c r="AO6693" s="99"/>
      <c r="AP6693" s="99"/>
      <c r="AQ6693" s="99"/>
      <c r="AR6693" s="99"/>
      <c r="AS6693" s="99"/>
      <c r="AT6693" s="99"/>
      <c r="AU6693" s="99"/>
      <c r="AV6693" s="99"/>
      <c r="AW6693" s="99"/>
      <c r="AX6693" s="99"/>
      <c r="AY6693" s="99"/>
      <c r="AZ6693" s="99"/>
      <c r="BA6693" s="99"/>
      <c r="BB6693" s="107">
        <v>45065</v>
      </c>
    </row>
    <row r="6694" spans="1:54" s="8" customFormat="1" ht="13.95" customHeight="1" x14ac:dyDescent="0.25">
      <c r="A6694" s="15" t="s">
        <v>15996</v>
      </c>
      <c r="B6694" s="110" t="s">
        <v>19886</v>
      </c>
      <c r="C6694" s="98" t="s">
        <v>15997</v>
      </c>
      <c r="D6694" s="98" t="s">
        <v>15998</v>
      </c>
      <c r="E6694" s="98">
        <v>2009</v>
      </c>
      <c r="F6694" s="98">
        <v>547</v>
      </c>
      <c r="G6694" s="98" t="s">
        <v>1</v>
      </c>
      <c r="H6694" s="98">
        <v>0</v>
      </c>
      <c r="I6694" s="98">
        <v>0</v>
      </c>
      <c r="J6694" s="98">
        <v>1</v>
      </c>
      <c r="K6694" s="98">
        <v>0</v>
      </c>
      <c r="L6694" s="98">
        <v>0</v>
      </c>
      <c r="M6694" s="98">
        <v>0</v>
      </c>
      <c r="N6694" s="98">
        <v>0</v>
      </c>
      <c r="O6694" s="98">
        <v>0</v>
      </c>
      <c r="P6694" s="98">
        <v>0</v>
      </c>
      <c r="Q6694" s="98">
        <v>0</v>
      </c>
      <c r="R6694" s="98">
        <v>0</v>
      </c>
      <c r="S6694" s="98">
        <v>0</v>
      </c>
      <c r="T6694" s="98">
        <v>0</v>
      </c>
      <c r="U6694" s="99"/>
      <c r="V6694" s="99"/>
      <c r="W6694" s="99"/>
      <c r="X6694" s="99"/>
      <c r="Y6694" s="99"/>
      <c r="Z6694" s="99"/>
      <c r="AA6694" s="99"/>
      <c r="AB6694" s="99"/>
      <c r="AC6694" s="99"/>
      <c r="AD6694" s="99"/>
      <c r="AE6694" s="99"/>
      <c r="AF6694" s="99"/>
      <c r="AG6694" s="99"/>
      <c r="AH6694" s="99"/>
      <c r="AI6694" s="99"/>
      <c r="AJ6694" s="99"/>
      <c r="AK6694" s="99"/>
      <c r="AL6694" s="99"/>
      <c r="AM6694" s="99"/>
      <c r="AN6694" s="99"/>
      <c r="AO6694" s="99"/>
      <c r="AP6694" s="99"/>
      <c r="AQ6694" s="99"/>
      <c r="AR6694" s="99"/>
      <c r="AS6694" s="99"/>
      <c r="AT6694" s="99"/>
      <c r="AU6694" s="99"/>
      <c r="AV6694" s="99"/>
      <c r="AW6694" s="99"/>
      <c r="AX6694" s="99"/>
      <c r="AY6694" s="99"/>
      <c r="AZ6694" s="99"/>
      <c r="BA6694" s="99"/>
      <c r="BB6694" s="107">
        <v>45065</v>
      </c>
    </row>
    <row r="6695" spans="1:54" s="8" customFormat="1" ht="13.95" customHeight="1" x14ac:dyDescent="0.25">
      <c r="A6695" s="15" t="s">
        <v>15999</v>
      </c>
      <c r="B6695" s="110" t="s">
        <v>19886</v>
      </c>
      <c r="C6695" s="98" t="s">
        <v>16000</v>
      </c>
      <c r="D6695" s="98" t="s">
        <v>16001</v>
      </c>
      <c r="E6695" s="98">
        <v>2011</v>
      </c>
      <c r="F6695" s="98">
        <v>284</v>
      </c>
      <c r="G6695" s="98" t="s">
        <v>1</v>
      </c>
      <c r="H6695" s="98">
        <v>0</v>
      </c>
      <c r="I6695" s="98">
        <v>0</v>
      </c>
      <c r="J6695" s="98">
        <v>1</v>
      </c>
      <c r="K6695" s="98">
        <v>1</v>
      </c>
      <c r="L6695" s="98">
        <v>0</v>
      </c>
      <c r="M6695" s="98">
        <v>0</v>
      </c>
      <c r="N6695" s="98">
        <v>0</v>
      </c>
      <c r="O6695" s="98">
        <v>0</v>
      </c>
      <c r="P6695" s="98">
        <v>0</v>
      </c>
      <c r="Q6695" s="98">
        <v>1</v>
      </c>
      <c r="R6695" s="98">
        <v>1</v>
      </c>
      <c r="S6695" s="98">
        <v>0</v>
      </c>
      <c r="T6695" s="98">
        <v>0</v>
      </c>
      <c r="U6695" s="99"/>
      <c r="V6695" s="99"/>
      <c r="W6695" s="99"/>
      <c r="X6695" s="99"/>
      <c r="Y6695" s="99"/>
      <c r="Z6695" s="99"/>
      <c r="AA6695" s="99"/>
      <c r="AB6695" s="99"/>
      <c r="AC6695" s="99"/>
      <c r="AD6695" s="99"/>
      <c r="AE6695" s="99"/>
      <c r="AF6695" s="99"/>
      <c r="AG6695" s="99"/>
      <c r="AH6695" s="99"/>
      <c r="AI6695" s="99"/>
      <c r="AJ6695" s="99"/>
      <c r="AK6695" s="99"/>
      <c r="AL6695" s="99"/>
      <c r="AM6695" s="99"/>
      <c r="AN6695" s="99"/>
      <c r="AO6695" s="99"/>
      <c r="AP6695" s="99"/>
      <c r="AQ6695" s="99"/>
      <c r="AR6695" s="99"/>
      <c r="AS6695" s="99"/>
      <c r="AT6695" s="99"/>
      <c r="AU6695" s="99"/>
      <c r="AV6695" s="99"/>
      <c r="AW6695" s="99"/>
      <c r="AX6695" s="99"/>
      <c r="AY6695" s="99"/>
      <c r="AZ6695" s="99"/>
      <c r="BA6695" s="99"/>
      <c r="BB6695" s="107">
        <v>45065</v>
      </c>
    </row>
    <row r="6696" spans="1:54" s="8" customFormat="1" ht="13.95" customHeight="1" x14ac:dyDescent="0.25">
      <c r="A6696" s="15" t="s">
        <v>16002</v>
      </c>
      <c r="B6696" s="110" t="s">
        <v>19886</v>
      </c>
      <c r="C6696" s="98" t="s">
        <v>16003</v>
      </c>
      <c r="D6696" s="98" t="s">
        <v>16004</v>
      </c>
      <c r="E6696" s="98">
        <v>2002</v>
      </c>
      <c r="F6696" s="98">
        <v>6247</v>
      </c>
      <c r="G6696" s="98" t="s">
        <v>8</v>
      </c>
      <c r="H6696" s="98">
        <v>0</v>
      </c>
      <c r="I6696" s="98">
        <v>0</v>
      </c>
      <c r="J6696" s="98">
        <v>0</v>
      </c>
      <c r="K6696" s="98">
        <v>0</v>
      </c>
      <c r="L6696" s="98">
        <v>0</v>
      </c>
      <c r="M6696" s="98">
        <v>0</v>
      </c>
      <c r="N6696" s="98">
        <v>0</v>
      </c>
      <c r="O6696" s="98">
        <v>0</v>
      </c>
      <c r="P6696" s="98">
        <v>0</v>
      </c>
      <c r="Q6696" s="98">
        <v>0</v>
      </c>
      <c r="R6696" s="98">
        <v>0</v>
      </c>
      <c r="S6696" s="98">
        <v>0</v>
      </c>
      <c r="T6696" s="98">
        <v>0</v>
      </c>
      <c r="U6696" s="98">
        <v>0</v>
      </c>
      <c r="V6696" s="98">
        <v>0</v>
      </c>
      <c r="W6696" s="98">
        <v>0</v>
      </c>
      <c r="X6696" s="98">
        <v>0</v>
      </c>
      <c r="Y6696" s="98">
        <v>0</v>
      </c>
      <c r="Z6696" s="98">
        <v>0</v>
      </c>
      <c r="AA6696" s="98">
        <v>0</v>
      </c>
      <c r="AB6696" s="98">
        <v>0</v>
      </c>
      <c r="AC6696" s="98">
        <v>0</v>
      </c>
      <c r="AD6696" s="98">
        <v>0</v>
      </c>
      <c r="AE6696" s="98">
        <v>0</v>
      </c>
      <c r="AF6696" s="98">
        <v>0</v>
      </c>
      <c r="AG6696" s="98">
        <v>0</v>
      </c>
      <c r="AH6696" s="98">
        <v>0</v>
      </c>
      <c r="AI6696" s="98">
        <v>0</v>
      </c>
      <c r="AJ6696" s="98">
        <v>0</v>
      </c>
      <c r="AK6696" s="98">
        <v>0</v>
      </c>
      <c r="AL6696" s="98">
        <v>0</v>
      </c>
      <c r="AM6696" s="98">
        <v>0</v>
      </c>
      <c r="AN6696" s="98">
        <v>0</v>
      </c>
      <c r="AO6696" s="98">
        <v>0</v>
      </c>
      <c r="AP6696" s="98">
        <v>0</v>
      </c>
      <c r="AQ6696" s="98">
        <v>0</v>
      </c>
      <c r="AR6696" s="98">
        <v>0</v>
      </c>
      <c r="AS6696" s="98">
        <v>0</v>
      </c>
      <c r="AT6696" s="129" t="s">
        <v>174</v>
      </c>
      <c r="AU6696" s="98">
        <v>0</v>
      </c>
      <c r="AV6696" s="98">
        <v>0</v>
      </c>
      <c r="AW6696" s="98">
        <v>0</v>
      </c>
      <c r="AX6696" s="98"/>
      <c r="AY6696" s="98"/>
      <c r="AZ6696" s="98"/>
      <c r="BA6696" s="98"/>
      <c r="BB6696" s="107">
        <v>45065</v>
      </c>
    </row>
    <row r="6697" spans="1:54" s="8" customFormat="1" ht="13.95" customHeight="1" x14ac:dyDescent="0.25">
      <c r="A6697" s="15" t="s">
        <v>16005</v>
      </c>
      <c r="B6697" s="110" t="s">
        <v>19886</v>
      </c>
      <c r="C6697" s="98" t="s">
        <v>16006</v>
      </c>
      <c r="D6697" s="98" t="s">
        <v>16007</v>
      </c>
      <c r="E6697" s="98">
        <v>2003</v>
      </c>
      <c r="F6697" s="98">
        <v>481</v>
      </c>
      <c r="G6697" s="98" t="s">
        <v>8</v>
      </c>
      <c r="H6697" s="98">
        <v>0</v>
      </c>
      <c r="I6697" s="98">
        <v>0</v>
      </c>
      <c r="J6697" s="98">
        <v>0</v>
      </c>
      <c r="K6697" s="98">
        <v>0</v>
      </c>
      <c r="L6697" s="98">
        <v>0</v>
      </c>
      <c r="M6697" s="98">
        <v>0</v>
      </c>
      <c r="N6697" s="98">
        <v>0</v>
      </c>
      <c r="O6697" s="98">
        <v>0</v>
      </c>
      <c r="P6697" s="98">
        <v>0</v>
      </c>
      <c r="Q6697" s="98">
        <v>0</v>
      </c>
      <c r="R6697" s="98">
        <v>0</v>
      </c>
      <c r="S6697" s="98">
        <v>0</v>
      </c>
      <c r="T6697" s="98">
        <v>0</v>
      </c>
      <c r="U6697" s="98">
        <v>0</v>
      </c>
      <c r="V6697" s="98">
        <v>0</v>
      </c>
      <c r="W6697" s="98">
        <v>0</v>
      </c>
      <c r="X6697" s="98">
        <v>0</v>
      </c>
      <c r="Y6697" s="98">
        <v>0</v>
      </c>
      <c r="Z6697" s="98">
        <v>0</v>
      </c>
      <c r="AA6697" s="98">
        <v>0</v>
      </c>
      <c r="AB6697" s="98">
        <v>0</v>
      </c>
      <c r="AC6697" s="98">
        <v>0</v>
      </c>
      <c r="AD6697" s="98">
        <v>0</v>
      </c>
      <c r="AE6697" s="98">
        <v>0</v>
      </c>
      <c r="AF6697" s="98">
        <v>0</v>
      </c>
      <c r="AG6697" s="98">
        <v>0</v>
      </c>
      <c r="AH6697" s="98">
        <v>0</v>
      </c>
      <c r="AI6697" s="98">
        <v>0</v>
      </c>
      <c r="AJ6697" s="98">
        <v>0</v>
      </c>
      <c r="AK6697" s="98">
        <v>0</v>
      </c>
      <c r="AL6697" s="98">
        <v>0</v>
      </c>
      <c r="AM6697" s="98">
        <v>0</v>
      </c>
      <c r="AN6697" s="98">
        <v>0</v>
      </c>
      <c r="AO6697" s="98">
        <v>0</v>
      </c>
      <c r="AP6697" s="98">
        <v>0</v>
      </c>
      <c r="AQ6697" s="98">
        <v>0</v>
      </c>
      <c r="AR6697" s="98">
        <v>0</v>
      </c>
      <c r="AS6697" s="98">
        <v>0</v>
      </c>
      <c r="AT6697" s="129" t="s">
        <v>174</v>
      </c>
      <c r="AU6697" s="98">
        <v>0</v>
      </c>
      <c r="AV6697" s="98">
        <v>0</v>
      </c>
      <c r="AW6697" s="98">
        <v>0</v>
      </c>
      <c r="AX6697" s="98"/>
      <c r="AY6697" s="98"/>
      <c r="AZ6697" s="98"/>
      <c r="BA6697" s="98"/>
      <c r="BB6697" s="107">
        <v>45065</v>
      </c>
    </row>
    <row r="6698" spans="1:54" s="8" customFormat="1" ht="13.95" customHeight="1" x14ac:dyDescent="0.25">
      <c r="A6698" s="15" t="s">
        <v>16008</v>
      </c>
      <c r="B6698" s="110" t="s">
        <v>19886</v>
      </c>
      <c r="C6698" s="98" t="s">
        <v>16009</v>
      </c>
      <c r="D6698" s="98" t="s">
        <v>16010</v>
      </c>
      <c r="E6698" s="98">
        <v>2005</v>
      </c>
      <c r="F6698" s="98">
        <v>1677</v>
      </c>
      <c r="G6698" s="98" t="s">
        <v>8</v>
      </c>
      <c r="H6698" s="98">
        <v>0</v>
      </c>
      <c r="I6698" s="98">
        <v>0</v>
      </c>
      <c r="J6698" s="98">
        <v>0</v>
      </c>
      <c r="K6698" s="98">
        <v>0</v>
      </c>
      <c r="L6698" s="98">
        <v>0</v>
      </c>
      <c r="M6698" s="98">
        <v>0</v>
      </c>
      <c r="N6698" s="98">
        <v>0</v>
      </c>
      <c r="O6698" s="98">
        <v>0</v>
      </c>
      <c r="P6698" s="98">
        <v>0</v>
      </c>
      <c r="Q6698" s="98">
        <v>0</v>
      </c>
      <c r="R6698" s="98">
        <v>0</v>
      </c>
      <c r="S6698" s="98">
        <v>0</v>
      </c>
      <c r="T6698" s="98">
        <v>0</v>
      </c>
      <c r="U6698" s="98">
        <v>0</v>
      </c>
      <c r="V6698" s="98">
        <v>0</v>
      </c>
      <c r="W6698" s="98">
        <v>0</v>
      </c>
      <c r="X6698" s="98">
        <v>0</v>
      </c>
      <c r="Y6698" s="98">
        <v>0</v>
      </c>
      <c r="Z6698" s="98">
        <v>0</v>
      </c>
      <c r="AA6698" s="98">
        <v>0</v>
      </c>
      <c r="AB6698" s="98">
        <v>0</v>
      </c>
      <c r="AC6698" s="98">
        <v>0</v>
      </c>
      <c r="AD6698" s="98">
        <v>0</v>
      </c>
      <c r="AE6698" s="98">
        <v>0</v>
      </c>
      <c r="AF6698" s="98">
        <v>0</v>
      </c>
      <c r="AG6698" s="98">
        <v>0</v>
      </c>
      <c r="AH6698" s="98">
        <v>0</v>
      </c>
      <c r="AI6698" s="98">
        <v>0</v>
      </c>
      <c r="AJ6698" s="98">
        <v>0</v>
      </c>
      <c r="AK6698" s="98">
        <v>0</v>
      </c>
      <c r="AL6698" s="98">
        <v>0</v>
      </c>
      <c r="AM6698" s="98">
        <v>0</v>
      </c>
      <c r="AN6698" s="98">
        <v>0</v>
      </c>
      <c r="AO6698" s="98">
        <v>0</v>
      </c>
      <c r="AP6698" s="98">
        <v>0</v>
      </c>
      <c r="AQ6698" s="98">
        <v>0</v>
      </c>
      <c r="AR6698" s="98">
        <v>0</v>
      </c>
      <c r="AS6698" s="98">
        <v>0</v>
      </c>
      <c r="AT6698" s="129" t="s">
        <v>174</v>
      </c>
      <c r="AU6698" s="98">
        <v>0</v>
      </c>
      <c r="AV6698" s="98">
        <v>0</v>
      </c>
      <c r="AW6698" s="98">
        <v>0</v>
      </c>
      <c r="AX6698" s="98"/>
      <c r="AY6698" s="98"/>
      <c r="AZ6698" s="98"/>
      <c r="BA6698" s="98"/>
      <c r="BB6698" s="107">
        <v>45065</v>
      </c>
    </row>
    <row r="6699" spans="1:54" s="8" customFormat="1" ht="13.95" customHeight="1" x14ac:dyDescent="0.25">
      <c r="A6699" s="15" t="s">
        <v>16011</v>
      </c>
      <c r="B6699" s="110" t="s">
        <v>19886</v>
      </c>
      <c r="C6699" s="98" t="s">
        <v>16012</v>
      </c>
      <c r="D6699" s="98" t="s">
        <v>16013</v>
      </c>
      <c r="E6699" s="98">
        <v>2009</v>
      </c>
      <c r="F6699" s="98">
        <v>6773</v>
      </c>
      <c r="G6699" s="98" t="s">
        <v>8</v>
      </c>
      <c r="H6699" s="98">
        <v>0</v>
      </c>
      <c r="I6699" s="98">
        <v>0</v>
      </c>
      <c r="J6699" s="98">
        <v>0</v>
      </c>
      <c r="K6699" s="98">
        <v>0</v>
      </c>
      <c r="L6699" s="98">
        <v>0</v>
      </c>
      <c r="M6699" s="98">
        <v>0</v>
      </c>
      <c r="N6699" s="98">
        <v>0</v>
      </c>
      <c r="O6699" s="98">
        <v>0</v>
      </c>
      <c r="P6699" s="98">
        <v>0</v>
      </c>
      <c r="Q6699" s="98">
        <v>0</v>
      </c>
      <c r="R6699" s="98">
        <v>0</v>
      </c>
      <c r="S6699" s="98">
        <v>0</v>
      </c>
      <c r="T6699" s="98">
        <v>0</v>
      </c>
      <c r="U6699" s="98">
        <v>0</v>
      </c>
      <c r="V6699" s="98">
        <v>0</v>
      </c>
      <c r="W6699" s="98">
        <v>0</v>
      </c>
      <c r="X6699" s="98">
        <v>0</v>
      </c>
      <c r="Y6699" s="98">
        <v>0</v>
      </c>
      <c r="Z6699" s="98">
        <v>0</v>
      </c>
      <c r="AA6699" s="98">
        <v>0</v>
      </c>
      <c r="AB6699" s="98">
        <v>0</v>
      </c>
      <c r="AC6699" s="98">
        <v>0</v>
      </c>
      <c r="AD6699" s="98">
        <v>0</v>
      </c>
      <c r="AE6699" s="98">
        <v>0</v>
      </c>
      <c r="AF6699" s="98">
        <v>0</v>
      </c>
      <c r="AG6699" s="98">
        <v>0</v>
      </c>
      <c r="AH6699" s="98">
        <v>0</v>
      </c>
      <c r="AI6699" s="98">
        <v>0</v>
      </c>
      <c r="AJ6699" s="98">
        <v>0</v>
      </c>
      <c r="AK6699" s="98">
        <v>0</v>
      </c>
      <c r="AL6699" s="98">
        <v>0</v>
      </c>
      <c r="AM6699" s="98">
        <v>0</v>
      </c>
      <c r="AN6699" s="98">
        <v>0</v>
      </c>
      <c r="AO6699" s="98">
        <v>0</v>
      </c>
      <c r="AP6699" s="98">
        <v>0</v>
      </c>
      <c r="AQ6699" s="98">
        <v>0</v>
      </c>
      <c r="AR6699" s="98">
        <v>0</v>
      </c>
      <c r="AS6699" s="98">
        <v>0</v>
      </c>
      <c r="AT6699" s="129" t="s">
        <v>174</v>
      </c>
      <c r="AU6699" s="98">
        <v>0</v>
      </c>
      <c r="AV6699" s="98">
        <v>0</v>
      </c>
      <c r="AW6699" s="98">
        <v>0</v>
      </c>
      <c r="AX6699" s="98"/>
      <c r="AY6699" s="98"/>
      <c r="AZ6699" s="98"/>
      <c r="BA6699" s="98"/>
      <c r="BB6699" s="107">
        <v>45065</v>
      </c>
    </row>
    <row r="6700" spans="1:54" s="8" customFormat="1" ht="13.95" customHeight="1" x14ac:dyDescent="0.25">
      <c r="A6700" s="15" t="s">
        <v>16014</v>
      </c>
      <c r="B6700" s="110" t="s">
        <v>19886</v>
      </c>
      <c r="C6700" s="98" t="s">
        <v>16015</v>
      </c>
      <c r="D6700" s="98" t="s">
        <v>16016</v>
      </c>
      <c r="E6700" s="98">
        <v>1991</v>
      </c>
      <c r="F6700" s="98">
        <v>295</v>
      </c>
      <c r="G6700" s="98" t="s">
        <v>12</v>
      </c>
      <c r="H6700" s="98">
        <v>0</v>
      </c>
      <c r="I6700" s="98">
        <v>0</v>
      </c>
      <c r="J6700" s="98">
        <v>1</v>
      </c>
      <c r="K6700" s="98">
        <v>1</v>
      </c>
      <c r="L6700" s="98">
        <v>0</v>
      </c>
      <c r="M6700" s="98">
        <v>0</v>
      </c>
      <c r="N6700" s="98">
        <v>0</v>
      </c>
      <c r="O6700" s="98">
        <v>1</v>
      </c>
      <c r="P6700" s="98">
        <v>1</v>
      </c>
      <c r="Q6700" s="98">
        <v>1</v>
      </c>
      <c r="R6700" s="98">
        <v>0</v>
      </c>
      <c r="S6700" s="98">
        <v>0</v>
      </c>
      <c r="T6700" s="98">
        <v>0</v>
      </c>
      <c r="U6700" s="99"/>
      <c r="V6700" s="99"/>
      <c r="W6700" s="99"/>
      <c r="X6700" s="99"/>
      <c r="Y6700" s="99"/>
      <c r="Z6700" s="99"/>
      <c r="AA6700" s="99"/>
      <c r="AB6700" s="99"/>
      <c r="AC6700" s="99"/>
      <c r="AD6700" s="99"/>
      <c r="AE6700" s="99"/>
      <c r="AF6700" s="99"/>
      <c r="AG6700" s="99"/>
      <c r="AH6700" s="99"/>
      <c r="AI6700" s="99"/>
      <c r="AJ6700" s="99"/>
      <c r="AK6700" s="99"/>
      <c r="AL6700" s="99"/>
      <c r="AM6700" s="99"/>
      <c r="AN6700" s="99"/>
      <c r="AO6700" s="99"/>
      <c r="AP6700" s="99"/>
      <c r="AQ6700" s="99"/>
      <c r="AR6700" s="99"/>
      <c r="AS6700" s="99"/>
      <c r="AT6700" s="99"/>
      <c r="AU6700" s="99"/>
      <c r="AV6700" s="99"/>
      <c r="AW6700" s="99"/>
      <c r="AX6700" s="99"/>
      <c r="AY6700" s="99"/>
      <c r="AZ6700" s="99"/>
      <c r="BA6700" s="99"/>
      <c r="BB6700" s="107">
        <v>45065</v>
      </c>
    </row>
    <row r="6701" spans="1:54" s="8" customFormat="1" ht="13.95" customHeight="1" x14ac:dyDescent="0.25">
      <c r="A6701" s="15" t="s">
        <v>16017</v>
      </c>
      <c r="B6701" s="110" t="s">
        <v>19886</v>
      </c>
      <c r="C6701" s="98" t="s">
        <v>16018</v>
      </c>
      <c r="D6701" s="98" t="s">
        <v>16019</v>
      </c>
      <c r="E6701" s="98">
        <v>2007</v>
      </c>
      <c r="F6701" s="98">
        <v>234</v>
      </c>
      <c r="G6701" s="98" t="s">
        <v>1</v>
      </c>
      <c r="H6701" s="98">
        <v>0</v>
      </c>
      <c r="I6701" s="98">
        <v>0</v>
      </c>
      <c r="J6701" s="98">
        <v>1</v>
      </c>
      <c r="K6701" s="98">
        <v>1</v>
      </c>
      <c r="L6701" s="98">
        <v>0</v>
      </c>
      <c r="M6701" s="98">
        <v>0</v>
      </c>
      <c r="N6701" s="98">
        <v>0</v>
      </c>
      <c r="O6701" s="98">
        <v>0</v>
      </c>
      <c r="P6701" s="98">
        <v>1</v>
      </c>
      <c r="Q6701" s="98">
        <v>0</v>
      </c>
      <c r="R6701" s="98">
        <v>1</v>
      </c>
      <c r="S6701" s="98">
        <v>0</v>
      </c>
      <c r="T6701" s="98">
        <v>0</v>
      </c>
      <c r="U6701" s="99"/>
      <c r="V6701" s="99"/>
      <c r="W6701" s="99"/>
      <c r="X6701" s="99"/>
      <c r="Y6701" s="99"/>
      <c r="Z6701" s="99"/>
      <c r="AA6701" s="99"/>
      <c r="AB6701" s="99"/>
      <c r="AC6701" s="99"/>
      <c r="AD6701" s="99"/>
      <c r="AE6701" s="99"/>
      <c r="AF6701" s="99"/>
      <c r="AG6701" s="99"/>
      <c r="AH6701" s="99"/>
      <c r="AI6701" s="99"/>
      <c r="AJ6701" s="99"/>
      <c r="AK6701" s="99"/>
      <c r="AL6701" s="99"/>
      <c r="AM6701" s="99"/>
      <c r="AN6701" s="99"/>
      <c r="AO6701" s="99"/>
      <c r="AP6701" s="99"/>
      <c r="AQ6701" s="99"/>
      <c r="AR6701" s="99"/>
      <c r="AS6701" s="99"/>
      <c r="AT6701" s="99"/>
      <c r="AU6701" s="99"/>
      <c r="AV6701" s="99"/>
      <c r="AW6701" s="99"/>
      <c r="AX6701" s="99"/>
      <c r="AY6701" s="99"/>
      <c r="AZ6701" s="99"/>
      <c r="BA6701" s="99"/>
      <c r="BB6701" s="107">
        <v>45065</v>
      </c>
    </row>
    <row r="6702" spans="1:54" s="8" customFormat="1" ht="13.95" customHeight="1" x14ac:dyDescent="0.25">
      <c r="A6702" s="15" t="s">
        <v>16020</v>
      </c>
      <c r="B6702" s="110" t="s">
        <v>19886</v>
      </c>
      <c r="C6702" s="98" t="s">
        <v>16021</v>
      </c>
      <c r="D6702" s="98" t="s">
        <v>16022</v>
      </c>
      <c r="E6702" s="98" t="s">
        <v>174</v>
      </c>
      <c r="F6702" s="98">
        <v>709</v>
      </c>
      <c r="G6702" s="98" t="s">
        <v>12</v>
      </c>
      <c r="H6702" s="98">
        <v>0</v>
      </c>
      <c r="I6702" s="98">
        <v>0</v>
      </c>
      <c r="J6702" s="98">
        <v>0</v>
      </c>
      <c r="K6702" s="98">
        <v>0</v>
      </c>
      <c r="L6702" s="98">
        <v>0</v>
      </c>
      <c r="M6702" s="98">
        <v>0</v>
      </c>
      <c r="N6702" s="98">
        <v>0</v>
      </c>
      <c r="O6702" s="98">
        <v>0</v>
      </c>
      <c r="P6702" s="98">
        <v>0</v>
      </c>
      <c r="Q6702" s="98">
        <v>0</v>
      </c>
      <c r="R6702" s="98">
        <v>0</v>
      </c>
      <c r="S6702" s="98">
        <v>0</v>
      </c>
      <c r="T6702" s="98">
        <v>0</v>
      </c>
      <c r="U6702" s="99"/>
      <c r="V6702" s="99"/>
      <c r="W6702" s="99"/>
      <c r="X6702" s="99"/>
      <c r="Y6702" s="99"/>
      <c r="Z6702" s="99"/>
      <c r="AA6702" s="99"/>
      <c r="AB6702" s="99"/>
      <c r="AC6702" s="99"/>
      <c r="AD6702" s="99"/>
      <c r="AE6702" s="99"/>
      <c r="AF6702" s="99"/>
      <c r="AG6702" s="99"/>
      <c r="AH6702" s="99"/>
      <c r="AI6702" s="99"/>
      <c r="AJ6702" s="99"/>
      <c r="AK6702" s="99"/>
      <c r="AL6702" s="99"/>
      <c r="AM6702" s="99"/>
      <c r="AN6702" s="99"/>
      <c r="AO6702" s="99"/>
      <c r="AP6702" s="99"/>
      <c r="AQ6702" s="99"/>
      <c r="AR6702" s="99"/>
      <c r="AS6702" s="99"/>
      <c r="AT6702" s="99"/>
      <c r="AU6702" s="99"/>
      <c r="AV6702" s="99"/>
      <c r="AW6702" s="99"/>
      <c r="AX6702" s="99"/>
      <c r="AY6702" s="99"/>
      <c r="AZ6702" s="99"/>
      <c r="BA6702" s="99"/>
      <c r="BB6702" s="107">
        <v>45065</v>
      </c>
    </row>
    <row r="6703" spans="1:54" s="8" customFormat="1" ht="13.95" customHeight="1" x14ac:dyDescent="0.25">
      <c r="A6703" s="15" t="s">
        <v>16023</v>
      </c>
      <c r="B6703" s="110" t="s">
        <v>19886</v>
      </c>
      <c r="C6703" s="98" t="s">
        <v>16024</v>
      </c>
      <c r="D6703" s="98" t="s">
        <v>16025</v>
      </c>
      <c r="E6703" s="98">
        <v>2001</v>
      </c>
      <c r="F6703" s="98">
        <v>1522</v>
      </c>
      <c r="G6703" s="98" t="s">
        <v>1</v>
      </c>
      <c r="H6703" s="98">
        <v>0</v>
      </c>
      <c r="I6703" s="98">
        <v>0</v>
      </c>
      <c r="J6703" s="98">
        <v>1</v>
      </c>
      <c r="K6703" s="98">
        <v>1</v>
      </c>
      <c r="L6703" s="98">
        <v>0</v>
      </c>
      <c r="M6703" s="98">
        <v>0</v>
      </c>
      <c r="N6703" s="98">
        <v>0</v>
      </c>
      <c r="O6703" s="98">
        <v>0</v>
      </c>
      <c r="P6703" s="98">
        <v>1</v>
      </c>
      <c r="Q6703" s="98">
        <v>0</v>
      </c>
      <c r="R6703" s="98">
        <v>1</v>
      </c>
      <c r="S6703" s="98">
        <v>0</v>
      </c>
      <c r="T6703" s="98">
        <v>0</v>
      </c>
      <c r="U6703" s="99"/>
      <c r="V6703" s="99"/>
      <c r="W6703" s="99"/>
      <c r="X6703" s="99"/>
      <c r="Y6703" s="99"/>
      <c r="Z6703" s="99"/>
      <c r="AA6703" s="99"/>
      <c r="AB6703" s="99"/>
      <c r="AC6703" s="99"/>
      <c r="AD6703" s="99"/>
      <c r="AE6703" s="99"/>
      <c r="AF6703" s="99"/>
      <c r="AG6703" s="99"/>
      <c r="AH6703" s="99"/>
      <c r="AI6703" s="99"/>
      <c r="AJ6703" s="99"/>
      <c r="AK6703" s="99"/>
      <c r="AL6703" s="99"/>
      <c r="AM6703" s="99"/>
      <c r="AN6703" s="99"/>
      <c r="AO6703" s="99"/>
      <c r="AP6703" s="99"/>
      <c r="AQ6703" s="99"/>
      <c r="AR6703" s="99"/>
      <c r="AS6703" s="99"/>
      <c r="AT6703" s="99"/>
      <c r="AU6703" s="99"/>
      <c r="AV6703" s="99"/>
      <c r="AW6703" s="99"/>
      <c r="AX6703" s="99"/>
      <c r="AY6703" s="99"/>
      <c r="AZ6703" s="99"/>
      <c r="BA6703" s="99"/>
      <c r="BB6703" s="107">
        <v>45065</v>
      </c>
    </row>
    <row r="6704" spans="1:54" s="8" customFormat="1" ht="13.95" customHeight="1" x14ac:dyDescent="0.25">
      <c r="A6704" s="15" t="s">
        <v>16026</v>
      </c>
      <c r="B6704" s="110" t="s">
        <v>19886</v>
      </c>
      <c r="C6704" s="98" t="s">
        <v>16027</v>
      </c>
      <c r="D6704" s="98" t="s">
        <v>16028</v>
      </c>
      <c r="E6704" s="98">
        <v>2003</v>
      </c>
      <c r="F6704" s="98">
        <v>569</v>
      </c>
      <c r="G6704" s="98" t="s">
        <v>1</v>
      </c>
      <c r="H6704" s="98">
        <v>0</v>
      </c>
      <c r="I6704" s="98">
        <v>0</v>
      </c>
      <c r="J6704" s="98">
        <v>1</v>
      </c>
      <c r="K6704" s="98">
        <v>0</v>
      </c>
      <c r="L6704" s="98">
        <v>0</v>
      </c>
      <c r="M6704" s="98">
        <v>0</v>
      </c>
      <c r="N6704" s="98">
        <v>0</v>
      </c>
      <c r="O6704" s="98">
        <v>1</v>
      </c>
      <c r="P6704" s="98">
        <v>1</v>
      </c>
      <c r="Q6704" s="98">
        <v>0</v>
      </c>
      <c r="R6704" s="98">
        <v>0</v>
      </c>
      <c r="S6704" s="98">
        <v>0</v>
      </c>
      <c r="T6704" s="98">
        <v>0</v>
      </c>
      <c r="U6704" s="99"/>
      <c r="V6704" s="99"/>
      <c r="W6704" s="99"/>
      <c r="X6704" s="99"/>
      <c r="Y6704" s="99"/>
      <c r="Z6704" s="99"/>
      <c r="AA6704" s="99"/>
      <c r="AB6704" s="99"/>
      <c r="AC6704" s="99"/>
      <c r="AD6704" s="99"/>
      <c r="AE6704" s="99"/>
      <c r="AF6704" s="99"/>
      <c r="AG6704" s="99"/>
      <c r="AH6704" s="99"/>
      <c r="AI6704" s="99"/>
      <c r="AJ6704" s="99"/>
      <c r="AK6704" s="99"/>
      <c r="AL6704" s="99"/>
      <c r="AM6704" s="99"/>
      <c r="AN6704" s="99"/>
      <c r="AO6704" s="99"/>
      <c r="AP6704" s="99"/>
      <c r="AQ6704" s="99"/>
      <c r="AR6704" s="99"/>
      <c r="AS6704" s="99"/>
      <c r="AT6704" s="99"/>
      <c r="AU6704" s="99"/>
      <c r="AV6704" s="99"/>
      <c r="AW6704" s="99"/>
      <c r="AX6704" s="99"/>
      <c r="AY6704" s="99"/>
      <c r="AZ6704" s="99"/>
      <c r="BA6704" s="99"/>
      <c r="BB6704" s="107">
        <v>45065</v>
      </c>
    </row>
    <row r="6705" spans="1:54" s="8" customFormat="1" ht="13.95" customHeight="1" x14ac:dyDescent="0.25">
      <c r="A6705" s="15" t="s">
        <v>16029</v>
      </c>
      <c r="B6705" s="110" t="s">
        <v>19886</v>
      </c>
      <c r="C6705" s="98" t="s">
        <v>16030</v>
      </c>
      <c r="D6705" s="98" t="s">
        <v>16031</v>
      </c>
      <c r="E6705" s="98">
        <v>2004</v>
      </c>
      <c r="F6705" s="98">
        <v>153</v>
      </c>
      <c r="G6705" s="98" t="s">
        <v>1</v>
      </c>
      <c r="H6705" s="98">
        <v>0</v>
      </c>
      <c r="I6705" s="98">
        <v>0</v>
      </c>
      <c r="J6705" s="98">
        <v>1</v>
      </c>
      <c r="K6705" s="98">
        <v>0</v>
      </c>
      <c r="L6705" s="98">
        <v>0</v>
      </c>
      <c r="M6705" s="98">
        <v>0</v>
      </c>
      <c r="N6705" s="98">
        <v>1</v>
      </c>
      <c r="O6705" s="98">
        <v>1</v>
      </c>
      <c r="P6705" s="98">
        <v>0</v>
      </c>
      <c r="Q6705" s="98">
        <v>0</v>
      </c>
      <c r="R6705" s="98">
        <v>1</v>
      </c>
      <c r="S6705" s="98">
        <v>0</v>
      </c>
      <c r="T6705" s="98">
        <v>0</v>
      </c>
      <c r="U6705" s="99"/>
      <c r="V6705" s="99"/>
      <c r="W6705" s="99"/>
      <c r="X6705" s="99"/>
      <c r="Y6705" s="99"/>
      <c r="Z6705" s="99"/>
      <c r="AA6705" s="99"/>
      <c r="AB6705" s="99"/>
      <c r="AC6705" s="99"/>
      <c r="AD6705" s="99"/>
      <c r="AE6705" s="99"/>
      <c r="AF6705" s="99"/>
      <c r="AG6705" s="99"/>
      <c r="AH6705" s="99"/>
      <c r="AI6705" s="99"/>
      <c r="AJ6705" s="99"/>
      <c r="AK6705" s="99"/>
      <c r="AL6705" s="99"/>
      <c r="AM6705" s="99"/>
      <c r="AN6705" s="99"/>
      <c r="AO6705" s="99"/>
      <c r="AP6705" s="99"/>
      <c r="AQ6705" s="99"/>
      <c r="AR6705" s="99"/>
      <c r="AS6705" s="99"/>
      <c r="AT6705" s="99"/>
      <c r="AU6705" s="99"/>
      <c r="AV6705" s="99"/>
      <c r="AW6705" s="99"/>
      <c r="AX6705" s="99"/>
      <c r="AY6705" s="99"/>
      <c r="AZ6705" s="99"/>
      <c r="BA6705" s="99"/>
      <c r="BB6705" s="107">
        <v>45065</v>
      </c>
    </row>
    <row r="6706" spans="1:54" s="8" customFormat="1" ht="13.95" customHeight="1" x14ac:dyDescent="0.25">
      <c r="A6706" s="15" t="s">
        <v>16032</v>
      </c>
      <c r="B6706" s="110" t="s">
        <v>19886</v>
      </c>
      <c r="C6706" s="98" t="s">
        <v>16033</v>
      </c>
      <c r="D6706" s="98" t="s">
        <v>16034</v>
      </c>
      <c r="E6706" s="98">
        <v>2003</v>
      </c>
      <c r="F6706" s="98">
        <v>301</v>
      </c>
      <c r="G6706" s="98" t="s">
        <v>1</v>
      </c>
      <c r="H6706" s="98">
        <v>0</v>
      </c>
      <c r="I6706" s="98">
        <v>0</v>
      </c>
      <c r="J6706" s="98">
        <v>1</v>
      </c>
      <c r="K6706" s="98">
        <v>1</v>
      </c>
      <c r="L6706" s="98">
        <v>0</v>
      </c>
      <c r="M6706" s="98">
        <v>1</v>
      </c>
      <c r="N6706" s="98">
        <v>0</v>
      </c>
      <c r="O6706" s="98">
        <v>0</v>
      </c>
      <c r="P6706" s="98">
        <v>1</v>
      </c>
      <c r="Q6706" s="98">
        <v>0</v>
      </c>
      <c r="R6706" s="98">
        <v>0</v>
      </c>
      <c r="S6706" s="98">
        <v>0</v>
      </c>
      <c r="T6706" s="98">
        <v>0</v>
      </c>
      <c r="U6706" s="99"/>
      <c r="V6706" s="99"/>
      <c r="W6706" s="99"/>
      <c r="X6706" s="99"/>
      <c r="Y6706" s="99"/>
      <c r="Z6706" s="99"/>
      <c r="AA6706" s="99"/>
      <c r="AB6706" s="99"/>
      <c r="AC6706" s="99"/>
      <c r="AD6706" s="99"/>
      <c r="AE6706" s="99"/>
      <c r="AF6706" s="99"/>
      <c r="AG6706" s="99"/>
      <c r="AH6706" s="99"/>
      <c r="AI6706" s="99"/>
      <c r="AJ6706" s="99"/>
      <c r="AK6706" s="99"/>
      <c r="AL6706" s="99"/>
      <c r="AM6706" s="99"/>
      <c r="AN6706" s="99"/>
      <c r="AO6706" s="99"/>
      <c r="AP6706" s="99"/>
      <c r="AQ6706" s="99"/>
      <c r="AR6706" s="99"/>
      <c r="AS6706" s="99"/>
      <c r="AT6706" s="99"/>
      <c r="AU6706" s="99"/>
      <c r="AV6706" s="99"/>
      <c r="AW6706" s="99"/>
      <c r="AX6706" s="99"/>
      <c r="AY6706" s="99"/>
      <c r="AZ6706" s="99"/>
      <c r="BA6706" s="99"/>
      <c r="BB6706" s="107">
        <v>45065</v>
      </c>
    </row>
    <row r="6707" spans="1:54" s="8" customFormat="1" ht="13.95" customHeight="1" x14ac:dyDescent="0.25">
      <c r="A6707" s="15" t="s">
        <v>16035</v>
      </c>
      <c r="B6707" s="110" t="s">
        <v>19886</v>
      </c>
      <c r="C6707" s="98" t="s">
        <v>16036</v>
      </c>
      <c r="D6707" s="98" t="s">
        <v>16037</v>
      </c>
      <c r="E6707" s="98">
        <v>2013</v>
      </c>
      <c r="F6707" s="98">
        <v>106535</v>
      </c>
      <c r="G6707" s="98" t="s">
        <v>8</v>
      </c>
      <c r="H6707" s="98">
        <v>0</v>
      </c>
      <c r="I6707" s="98">
        <v>0</v>
      </c>
      <c r="J6707" s="98">
        <v>1</v>
      </c>
      <c r="K6707" s="98">
        <v>0</v>
      </c>
      <c r="L6707" s="98">
        <v>0</v>
      </c>
      <c r="M6707" s="98">
        <v>0</v>
      </c>
      <c r="N6707" s="98">
        <v>0</v>
      </c>
      <c r="O6707" s="98">
        <v>0</v>
      </c>
      <c r="P6707" s="98">
        <v>0</v>
      </c>
      <c r="Q6707" s="98">
        <v>0</v>
      </c>
      <c r="R6707" s="98">
        <v>0</v>
      </c>
      <c r="S6707" s="98">
        <v>0</v>
      </c>
      <c r="T6707" s="98">
        <v>0</v>
      </c>
      <c r="U6707" s="98">
        <v>0</v>
      </c>
      <c r="V6707" s="98">
        <v>0</v>
      </c>
      <c r="W6707" s="98">
        <v>0</v>
      </c>
      <c r="X6707" s="98">
        <v>0</v>
      </c>
      <c r="Y6707" s="98">
        <v>0</v>
      </c>
      <c r="Z6707" s="98">
        <v>0</v>
      </c>
      <c r="AA6707" s="98">
        <v>0</v>
      </c>
      <c r="AB6707" s="98">
        <v>0</v>
      </c>
      <c r="AC6707" s="98">
        <v>0</v>
      </c>
      <c r="AD6707" s="98">
        <v>0</v>
      </c>
      <c r="AE6707" s="98">
        <v>0</v>
      </c>
      <c r="AF6707" s="98">
        <v>0</v>
      </c>
      <c r="AG6707" s="98">
        <v>0</v>
      </c>
      <c r="AH6707" s="98">
        <v>0</v>
      </c>
      <c r="AI6707" s="98">
        <v>0</v>
      </c>
      <c r="AJ6707" s="98">
        <v>0</v>
      </c>
      <c r="AK6707" s="98">
        <v>0</v>
      </c>
      <c r="AL6707" s="98">
        <v>0</v>
      </c>
      <c r="AM6707" s="98">
        <v>0</v>
      </c>
      <c r="AN6707" s="98">
        <v>0</v>
      </c>
      <c r="AO6707" s="98">
        <v>0</v>
      </c>
      <c r="AP6707" s="98">
        <v>0</v>
      </c>
      <c r="AQ6707" s="98">
        <v>0</v>
      </c>
      <c r="AR6707" s="98">
        <v>0</v>
      </c>
      <c r="AS6707" s="98">
        <v>0</v>
      </c>
      <c r="AT6707" s="129" t="s">
        <v>174</v>
      </c>
      <c r="AU6707" s="98">
        <v>0</v>
      </c>
      <c r="AV6707" s="98">
        <v>0</v>
      </c>
      <c r="AW6707" s="98">
        <v>0</v>
      </c>
      <c r="AX6707" s="98"/>
      <c r="AY6707" s="98"/>
      <c r="AZ6707" s="98"/>
      <c r="BA6707" s="98"/>
      <c r="BB6707" s="107">
        <v>45065</v>
      </c>
    </row>
    <row r="6708" spans="1:54" s="8" customFormat="1" ht="13.95" customHeight="1" x14ac:dyDescent="0.25">
      <c r="A6708" s="15" t="s">
        <v>16038</v>
      </c>
      <c r="B6708" s="110" t="s">
        <v>19886</v>
      </c>
      <c r="C6708" s="98" t="s">
        <v>16039</v>
      </c>
      <c r="D6708" s="98" t="s">
        <v>16040</v>
      </c>
      <c r="E6708" s="98">
        <v>1986</v>
      </c>
      <c r="F6708" s="98">
        <v>156</v>
      </c>
      <c r="G6708" s="98" t="s">
        <v>1</v>
      </c>
      <c r="H6708" s="98">
        <v>0</v>
      </c>
      <c r="I6708" s="98">
        <v>0</v>
      </c>
      <c r="J6708" s="98">
        <v>1</v>
      </c>
      <c r="K6708" s="98">
        <v>1</v>
      </c>
      <c r="L6708" s="98">
        <v>0</v>
      </c>
      <c r="M6708" s="98">
        <v>0</v>
      </c>
      <c r="N6708" s="98">
        <v>0</v>
      </c>
      <c r="O6708" s="98">
        <v>0</v>
      </c>
      <c r="P6708" s="98">
        <v>0</v>
      </c>
      <c r="Q6708" s="98">
        <v>0</v>
      </c>
      <c r="R6708" s="98">
        <v>1</v>
      </c>
      <c r="S6708" s="98">
        <v>0</v>
      </c>
      <c r="T6708" s="98">
        <v>0</v>
      </c>
      <c r="U6708" s="99"/>
      <c r="V6708" s="99"/>
      <c r="W6708" s="99"/>
      <c r="X6708" s="99"/>
      <c r="Y6708" s="99"/>
      <c r="Z6708" s="99"/>
      <c r="AA6708" s="99"/>
      <c r="AB6708" s="99"/>
      <c r="AC6708" s="99"/>
      <c r="AD6708" s="99"/>
      <c r="AE6708" s="99"/>
      <c r="AF6708" s="99"/>
      <c r="AG6708" s="99"/>
      <c r="AH6708" s="99"/>
      <c r="AI6708" s="99"/>
      <c r="AJ6708" s="99"/>
      <c r="AK6708" s="99"/>
      <c r="AL6708" s="99"/>
      <c r="AM6708" s="99"/>
      <c r="AN6708" s="99"/>
      <c r="AO6708" s="99"/>
      <c r="AP6708" s="99"/>
      <c r="AQ6708" s="99"/>
      <c r="AR6708" s="99"/>
      <c r="AS6708" s="99"/>
      <c r="AT6708" s="99"/>
      <c r="AU6708" s="99"/>
      <c r="AV6708" s="99"/>
      <c r="AW6708" s="99"/>
      <c r="AX6708" s="99"/>
      <c r="AY6708" s="99"/>
      <c r="AZ6708" s="99"/>
      <c r="BA6708" s="99"/>
      <c r="BB6708" s="107">
        <v>45065</v>
      </c>
    </row>
    <row r="6709" spans="1:54" s="8" customFormat="1" ht="13.95" customHeight="1" x14ac:dyDescent="0.25">
      <c r="A6709" s="15" t="s">
        <v>16041</v>
      </c>
      <c r="B6709" s="110" t="s">
        <v>19886</v>
      </c>
      <c r="C6709" s="98" t="s">
        <v>16042</v>
      </c>
      <c r="D6709" s="98" t="s">
        <v>16043</v>
      </c>
      <c r="E6709" s="98">
        <v>1998</v>
      </c>
      <c r="F6709" s="98">
        <v>286</v>
      </c>
      <c r="G6709" s="98" t="s">
        <v>1</v>
      </c>
      <c r="H6709" s="98">
        <v>0</v>
      </c>
      <c r="I6709" s="98">
        <v>0</v>
      </c>
      <c r="J6709" s="98">
        <v>1</v>
      </c>
      <c r="K6709" s="98">
        <v>0</v>
      </c>
      <c r="L6709" s="98">
        <v>1</v>
      </c>
      <c r="M6709" s="98">
        <v>0</v>
      </c>
      <c r="N6709" s="98">
        <v>0</v>
      </c>
      <c r="O6709" s="98">
        <v>1</v>
      </c>
      <c r="P6709" s="98">
        <v>1</v>
      </c>
      <c r="Q6709" s="98">
        <v>0</v>
      </c>
      <c r="R6709" s="98">
        <v>0</v>
      </c>
      <c r="S6709" s="98">
        <v>0</v>
      </c>
      <c r="T6709" s="98">
        <v>0</v>
      </c>
      <c r="U6709" s="99"/>
      <c r="V6709" s="99"/>
      <c r="W6709" s="99"/>
      <c r="X6709" s="99"/>
      <c r="Y6709" s="99"/>
      <c r="Z6709" s="99"/>
      <c r="AA6709" s="99"/>
      <c r="AB6709" s="99"/>
      <c r="AC6709" s="99"/>
      <c r="AD6709" s="99"/>
      <c r="AE6709" s="99"/>
      <c r="AF6709" s="99"/>
      <c r="AG6709" s="99"/>
      <c r="AH6709" s="99"/>
      <c r="AI6709" s="99"/>
      <c r="AJ6709" s="99"/>
      <c r="AK6709" s="99"/>
      <c r="AL6709" s="99"/>
      <c r="AM6709" s="99"/>
      <c r="AN6709" s="99"/>
      <c r="AO6709" s="99"/>
      <c r="AP6709" s="99"/>
      <c r="AQ6709" s="99"/>
      <c r="AR6709" s="99"/>
      <c r="AS6709" s="99"/>
      <c r="AT6709" s="99"/>
      <c r="AU6709" s="99"/>
      <c r="AV6709" s="99"/>
      <c r="AW6709" s="99"/>
      <c r="AX6709" s="99"/>
      <c r="AY6709" s="99"/>
      <c r="AZ6709" s="99"/>
      <c r="BA6709" s="99"/>
      <c r="BB6709" s="107">
        <v>45065</v>
      </c>
    </row>
    <row r="6710" spans="1:54" s="8" customFormat="1" ht="13.95" customHeight="1" x14ac:dyDescent="0.25">
      <c r="A6710" s="15" t="s">
        <v>16044</v>
      </c>
      <c r="B6710" s="110" t="s">
        <v>19886</v>
      </c>
      <c r="C6710" s="98" t="s">
        <v>16045</v>
      </c>
      <c r="D6710" s="98" t="s">
        <v>16046</v>
      </c>
      <c r="E6710" s="98">
        <v>2006</v>
      </c>
      <c r="F6710" s="98">
        <v>174</v>
      </c>
      <c r="G6710" s="98" t="s">
        <v>1</v>
      </c>
      <c r="H6710" s="98">
        <v>0</v>
      </c>
      <c r="I6710" s="98">
        <v>0</v>
      </c>
      <c r="J6710" s="98">
        <v>1</v>
      </c>
      <c r="K6710" s="98">
        <v>1</v>
      </c>
      <c r="L6710" s="98">
        <v>0</v>
      </c>
      <c r="M6710" s="98">
        <v>0</v>
      </c>
      <c r="N6710" s="98">
        <v>0</v>
      </c>
      <c r="O6710" s="98">
        <v>0</v>
      </c>
      <c r="P6710" s="98">
        <v>1</v>
      </c>
      <c r="Q6710" s="98">
        <v>0</v>
      </c>
      <c r="R6710" s="98">
        <v>1</v>
      </c>
      <c r="S6710" s="98">
        <v>0</v>
      </c>
      <c r="T6710" s="98">
        <v>0</v>
      </c>
      <c r="U6710" s="99"/>
      <c r="V6710" s="99"/>
      <c r="W6710" s="99"/>
      <c r="X6710" s="99"/>
      <c r="Y6710" s="99"/>
      <c r="Z6710" s="99"/>
      <c r="AA6710" s="99"/>
      <c r="AB6710" s="99"/>
      <c r="AC6710" s="99"/>
      <c r="AD6710" s="99"/>
      <c r="AE6710" s="99"/>
      <c r="AF6710" s="99"/>
      <c r="AG6710" s="99"/>
      <c r="AH6710" s="99"/>
      <c r="AI6710" s="99"/>
      <c r="AJ6710" s="99"/>
      <c r="AK6710" s="99"/>
      <c r="AL6710" s="99"/>
      <c r="AM6710" s="99"/>
      <c r="AN6710" s="99"/>
      <c r="AO6710" s="99"/>
      <c r="AP6710" s="99"/>
      <c r="AQ6710" s="99"/>
      <c r="AR6710" s="99"/>
      <c r="AS6710" s="99"/>
      <c r="AT6710" s="99"/>
      <c r="AU6710" s="99"/>
      <c r="AV6710" s="99"/>
      <c r="AW6710" s="99"/>
      <c r="AX6710" s="99"/>
      <c r="AY6710" s="99"/>
      <c r="AZ6710" s="99"/>
      <c r="BA6710" s="99"/>
      <c r="BB6710" s="107">
        <v>45065</v>
      </c>
    </row>
    <row r="6711" spans="1:54" s="8" customFormat="1" ht="13.95" customHeight="1" x14ac:dyDescent="0.25">
      <c r="A6711" s="15" t="s">
        <v>16047</v>
      </c>
      <c r="B6711" s="110" t="s">
        <v>19886</v>
      </c>
      <c r="C6711" s="98" t="s">
        <v>16048</v>
      </c>
      <c r="D6711" s="98" t="s">
        <v>16049</v>
      </c>
      <c r="E6711" s="98">
        <v>2006</v>
      </c>
      <c r="F6711" s="98">
        <v>212</v>
      </c>
      <c r="G6711" s="98" t="s">
        <v>1</v>
      </c>
      <c r="H6711" s="98">
        <v>0</v>
      </c>
      <c r="I6711" s="98">
        <v>0</v>
      </c>
      <c r="J6711" s="98">
        <v>1</v>
      </c>
      <c r="K6711" s="98">
        <v>0</v>
      </c>
      <c r="L6711" s="98">
        <v>0</v>
      </c>
      <c r="M6711" s="98">
        <v>0</v>
      </c>
      <c r="N6711" s="98">
        <v>0</v>
      </c>
      <c r="O6711" s="98">
        <v>0</v>
      </c>
      <c r="P6711" s="98">
        <v>0</v>
      </c>
      <c r="Q6711" s="98">
        <v>1</v>
      </c>
      <c r="R6711" s="98">
        <v>0</v>
      </c>
      <c r="S6711" s="98">
        <v>0</v>
      </c>
      <c r="T6711" s="98">
        <v>0</v>
      </c>
      <c r="U6711" s="99"/>
      <c r="V6711" s="99"/>
      <c r="W6711" s="99"/>
      <c r="X6711" s="99"/>
      <c r="Y6711" s="99"/>
      <c r="Z6711" s="99"/>
      <c r="AA6711" s="99"/>
      <c r="AB6711" s="99"/>
      <c r="AC6711" s="99"/>
      <c r="AD6711" s="99"/>
      <c r="AE6711" s="99"/>
      <c r="AF6711" s="99"/>
      <c r="AG6711" s="99"/>
      <c r="AH6711" s="99"/>
      <c r="AI6711" s="99"/>
      <c r="AJ6711" s="99"/>
      <c r="AK6711" s="99"/>
      <c r="AL6711" s="99"/>
      <c r="AM6711" s="99"/>
      <c r="AN6711" s="99"/>
      <c r="AO6711" s="99"/>
      <c r="AP6711" s="99"/>
      <c r="AQ6711" s="99"/>
      <c r="AR6711" s="99"/>
      <c r="AS6711" s="99"/>
      <c r="AT6711" s="99"/>
      <c r="AU6711" s="99"/>
      <c r="AV6711" s="99"/>
      <c r="AW6711" s="99"/>
      <c r="AX6711" s="99"/>
      <c r="AY6711" s="99"/>
      <c r="AZ6711" s="99"/>
      <c r="BA6711" s="99"/>
      <c r="BB6711" s="107">
        <v>45065</v>
      </c>
    </row>
    <row r="6712" spans="1:54" s="8" customFormat="1" ht="13.95" customHeight="1" x14ac:dyDescent="0.25">
      <c r="A6712" s="15" t="s">
        <v>16050</v>
      </c>
      <c r="B6712" s="110" t="s">
        <v>19886</v>
      </c>
      <c r="C6712" s="98" t="s">
        <v>16051</v>
      </c>
      <c r="D6712" s="98" t="s">
        <v>16052</v>
      </c>
      <c r="E6712" s="98">
        <v>2012</v>
      </c>
      <c r="F6712" s="98">
        <v>1675</v>
      </c>
      <c r="G6712" s="98" t="s">
        <v>1</v>
      </c>
      <c r="H6712" s="98">
        <v>0</v>
      </c>
      <c r="I6712" s="98">
        <v>0</v>
      </c>
      <c r="J6712" s="98">
        <v>1</v>
      </c>
      <c r="K6712" s="98">
        <v>0</v>
      </c>
      <c r="L6712" s="98">
        <v>0</v>
      </c>
      <c r="M6712" s="98">
        <v>0</v>
      </c>
      <c r="N6712" s="98">
        <v>0</v>
      </c>
      <c r="O6712" s="98">
        <v>0</v>
      </c>
      <c r="P6712" s="98">
        <v>1</v>
      </c>
      <c r="Q6712" s="98">
        <v>0</v>
      </c>
      <c r="R6712" s="98">
        <v>1</v>
      </c>
      <c r="S6712" s="98">
        <v>0</v>
      </c>
      <c r="T6712" s="98">
        <v>0</v>
      </c>
      <c r="U6712" s="99"/>
      <c r="V6712" s="99"/>
      <c r="W6712" s="99"/>
      <c r="X6712" s="99"/>
      <c r="Y6712" s="99"/>
      <c r="Z6712" s="99"/>
      <c r="AA6712" s="99"/>
      <c r="AB6712" s="99"/>
      <c r="AC6712" s="99"/>
      <c r="AD6712" s="99"/>
      <c r="AE6712" s="99"/>
      <c r="AF6712" s="99"/>
      <c r="AG6712" s="99"/>
      <c r="AH6712" s="99"/>
      <c r="AI6712" s="99"/>
      <c r="AJ6712" s="99"/>
      <c r="AK6712" s="99"/>
      <c r="AL6712" s="99"/>
      <c r="AM6712" s="99"/>
      <c r="AN6712" s="99"/>
      <c r="AO6712" s="99"/>
      <c r="AP6712" s="99"/>
      <c r="AQ6712" s="99"/>
      <c r="AR6712" s="99"/>
      <c r="AS6712" s="99"/>
      <c r="AT6712" s="99"/>
      <c r="AU6712" s="99"/>
      <c r="AV6712" s="99"/>
      <c r="AW6712" s="99"/>
      <c r="AX6712" s="99"/>
      <c r="AY6712" s="99"/>
      <c r="AZ6712" s="99"/>
      <c r="BA6712" s="99"/>
      <c r="BB6712" s="107">
        <v>45065</v>
      </c>
    </row>
    <row r="6713" spans="1:54" s="8" customFormat="1" ht="13.95" customHeight="1" x14ac:dyDescent="0.25">
      <c r="A6713" s="15" t="s">
        <v>16053</v>
      </c>
      <c r="B6713" s="110" t="s">
        <v>19886</v>
      </c>
      <c r="C6713" s="98" t="s">
        <v>16054</v>
      </c>
      <c r="D6713" s="98" t="s">
        <v>16055</v>
      </c>
      <c r="E6713" s="98">
        <v>1973</v>
      </c>
      <c r="F6713" s="98">
        <v>2927</v>
      </c>
      <c r="G6713" s="98" t="s">
        <v>12</v>
      </c>
      <c r="H6713" s="98">
        <v>0</v>
      </c>
      <c r="I6713" s="98">
        <v>0</v>
      </c>
      <c r="J6713" s="98">
        <v>0</v>
      </c>
      <c r="K6713" s="98">
        <v>0</v>
      </c>
      <c r="L6713" s="98">
        <v>0</v>
      </c>
      <c r="M6713" s="98">
        <v>0</v>
      </c>
      <c r="N6713" s="98">
        <v>0</v>
      </c>
      <c r="O6713" s="98">
        <v>0</v>
      </c>
      <c r="P6713" s="98">
        <v>0</v>
      </c>
      <c r="Q6713" s="98">
        <v>0</v>
      </c>
      <c r="R6713" s="98">
        <v>0</v>
      </c>
      <c r="S6713" s="98">
        <v>0</v>
      </c>
      <c r="T6713" s="98">
        <v>0</v>
      </c>
      <c r="U6713" s="99"/>
      <c r="V6713" s="99"/>
      <c r="W6713" s="99"/>
      <c r="X6713" s="99"/>
      <c r="Y6713" s="99"/>
      <c r="Z6713" s="99"/>
      <c r="AA6713" s="99"/>
      <c r="AB6713" s="99"/>
      <c r="AC6713" s="99"/>
      <c r="AD6713" s="99"/>
      <c r="AE6713" s="99"/>
      <c r="AF6713" s="99"/>
      <c r="AG6713" s="99"/>
      <c r="AH6713" s="99"/>
      <c r="AI6713" s="99"/>
      <c r="AJ6713" s="99"/>
      <c r="AK6713" s="99"/>
      <c r="AL6713" s="99"/>
      <c r="AM6713" s="99"/>
      <c r="AN6713" s="99"/>
      <c r="AO6713" s="99"/>
      <c r="AP6713" s="99"/>
      <c r="AQ6713" s="99"/>
      <c r="AR6713" s="99"/>
      <c r="AS6713" s="99"/>
      <c r="AT6713" s="99"/>
      <c r="AU6713" s="99"/>
      <c r="AV6713" s="99"/>
      <c r="AW6713" s="99"/>
      <c r="AX6713" s="99"/>
      <c r="AY6713" s="99"/>
      <c r="AZ6713" s="99"/>
      <c r="BA6713" s="99"/>
      <c r="BB6713" s="107">
        <v>45065</v>
      </c>
    </row>
    <row r="6714" spans="1:54" s="8" customFormat="1" ht="13.95" customHeight="1" x14ac:dyDescent="0.25">
      <c r="A6714" s="15" t="s">
        <v>16056</v>
      </c>
      <c r="B6714" s="110" t="s">
        <v>19886</v>
      </c>
      <c r="C6714" s="98" t="s">
        <v>16057</v>
      </c>
      <c r="D6714" s="98" t="s">
        <v>16058</v>
      </c>
      <c r="E6714" s="98">
        <v>1975</v>
      </c>
      <c r="F6714" s="98">
        <v>2009</v>
      </c>
      <c r="G6714" s="98" t="s">
        <v>12</v>
      </c>
      <c r="H6714" s="98">
        <v>0</v>
      </c>
      <c r="I6714" s="98">
        <v>0</v>
      </c>
      <c r="J6714" s="98">
        <v>0</v>
      </c>
      <c r="K6714" s="98">
        <v>0</v>
      </c>
      <c r="L6714" s="98">
        <v>1</v>
      </c>
      <c r="M6714" s="98">
        <v>0</v>
      </c>
      <c r="N6714" s="98">
        <v>0</v>
      </c>
      <c r="O6714" s="98">
        <v>0</v>
      </c>
      <c r="P6714" s="98">
        <v>0</v>
      </c>
      <c r="Q6714" s="98">
        <v>0</v>
      </c>
      <c r="R6714" s="98">
        <v>0</v>
      </c>
      <c r="S6714" s="98">
        <v>0</v>
      </c>
      <c r="T6714" s="98">
        <v>0</v>
      </c>
      <c r="U6714" s="99"/>
      <c r="V6714" s="99"/>
      <c r="W6714" s="99"/>
      <c r="X6714" s="99"/>
      <c r="Y6714" s="99"/>
      <c r="Z6714" s="99"/>
      <c r="AA6714" s="99"/>
      <c r="AB6714" s="99"/>
      <c r="AC6714" s="99"/>
      <c r="AD6714" s="99"/>
      <c r="AE6714" s="99"/>
      <c r="AF6714" s="99"/>
      <c r="AG6714" s="99"/>
      <c r="AH6714" s="99"/>
      <c r="AI6714" s="99"/>
      <c r="AJ6714" s="99"/>
      <c r="AK6714" s="99"/>
      <c r="AL6714" s="99"/>
      <c r="AM6714" s="99"/>
      <c r="AN6714" s="99"/>
      <c r="AO6714" s="99"/>
      <c r="AP6714" s="99"/>
      <c r="AQ6714" s="99"/>
      <c r="AR6714" s="99"/>
      <c r="AS6714" s="99"/>
      <c r="AT6714" s="99"/>
      <c r="AU6714" s="99"/>
      <c r="AV6714" s="99"/>
      <c r="AW6714" s="99"/>
      <c r="AX6714" s="99"/>
      <c r="AY6714" s="99"/>
      <c r="AZ6714" s="99"/>
      <c r="BA6714" s="99"/>
      <c r="BB6714" s="107">
        <v>45065</v>
      </c>
    </row>
    <row r="6715" spans="1:54" s="8" customFormat="1" ht="13.95" customHeight="1" x14ac:dyDescent="0.25">
      <c r="A6715" s="15" t="s">
        <v>16059</v>
      </c>
      <c r="B6715" s="110" t="s">
        <v>19886</v>
      </c>
      <c r="C6715" s="98" t="s">
        <v>16060</v>
      </c>
      <c r="D6715" s="98" t="s">
        <v>16061</v>
      </c>
      <c r="E6715" s="98">
        <v>1986</v>
      </c>
      <c r="F6715" s="98">
        <v>347</v>
      </c>
      <c r="G6715" s="98" t="s">
        <v>1</v>
      </c>
      <c r="H6715" s="98">
        <v>0</v>
      </c>
      <c r="I6715" s="98">
        <v>0</v>
      </c>
      <c r="J6715" s="98">
        <v>1</v>
      </c>
      <c r="K6715" s="98">
        <v>0</v>
      </c>
      <c r="L6715" s="98">
        <v>1</v>
      </c>
      <c r="M6715" s="98">
        <v>0</v>
      </c>
      <c r="N6715" s="98">
        <v>0</v>
      </c>
      <c r="O6715" s="98">
        <v>1</v>
      </c>
      <c r="P6715" s="98">
        <v>1</v>
      </c>
      <c r="Q6715" s="98">
        <v>0</v>
      </c>
      <c r="R6715" s="98">
        <v>0</v>
      </c>
      <c r="S6715" s="98">
        <v>0</v>
      </c>
      <c r="T6715" s="98">
        <v>0</v>
      </c>
      <c r="U6715" s="99"/>
      <c r="V6715" s="99"/>
      <c r="W6715" s="99"/>
      <c r="X6715" s="99"/>
      <c r="Y6715" s="99"/>
      <c r="Z6715" s="99"/>
      <c r="AA6715" s="99"/>
      <c r="AB6715" s="99"/>
      <c r="AC6715" s="99"/>
      <c r="AD6715" s="99"/>
      <c r="AE6715" s="99"/>
      <c r="AF6715" s="99"/>
      <c r="AG6715" s="99"/>
      <c r="AH6715" s="99"/>
      <c r="AI6715" s="99"/>
      <c r="AJ6715" s="99"/>
      <c r="AK6715" s="99"/>
      <c r="AL6715" s="99"/>
      <c r="AM6715" s="99"/>
      <c r="AN6715" s="99"/>
      <c r="AO6715" s="99"/>
      <c r="AP6715" s="99"/>
      <c r="AQ6715" s="99"/>
      <c r="AR6715" s="99"/>
      <c r="AS6715" s="99"/>
      <c r="AT6715" s="99"/>
      <c r="AU6715" s="99"/>
      <c r="AV6715" s="99"/>
      <c r="AW6715" s="99"/>
      <c r="AX6715" s="99"/>
      <c r="AY6715" s="99"/>
      <c r="AZ6715" s="99"/>
      <c r="BA6715" s="99"/>
      <c r="BB6715" s="107">
        <v>45065</v>
      </c>
    </row>
    <row r="6716" spans="1:54" s="8" customFormat="1" ht="13.95" customHeight="1" x14ac:dyDescent="0.25">
      <c r="A6716" s="15" t="s">
        <v>16062</v>
      </c>
      <c r="B6716" s="110" t="s">
        <v>19886</v>
      </c>
      <c r="C6716" s="98" t="s">
        <v>16063</v>
      </c>
      <c r="D6716" s="98" t="s">
        <v>16064</v>
      </c>
      <c r="E6716" s="98">
        <v>1986</v>
      </c>
      <c r="F6716" s="98">
        <v>400</v>
      </c>
      <c r="G6716" s="98" t="s">
        <v>1</v>
      </c>
      <c r="H6716" s="98">
        <v>0</v>
      </c>
      <c r="I6716" s="98">
        <v>0</v>
      </c>
      <c r="J6716" s="98">
        <v>1</v>
      </c>
      <c r="K6716" s="98">
        <v>1</v>
      </c>
      <c r="L6716" s="98">
        <v>1</v>
      </c>
      <c r="M6716" s="98">
        <v>0</v>
      </c>
      <c r="N6716" s="98">
        <v>0</v>
      </c>
      <c r="O6716" s="98">
        <v>0</v>
      </c>
      <c r="P6716" s="98">
        <v>0</v>
      </c>
      <c r="Q6716" s="98">
        <v>1</v>
      </c>
      <c r="R6716" s="98">
        <v>1</v>
      </c>
      <c r="S6716" s="98">
        <v>0</v>
      </c>
      <c r="T6716" s="98">
        <v>0</v>
      </c>
      <c r="U6716" s="99"/>
      <c r="V6716" s="99"/>
      <c r="W6716" s="99"/>
      <c r="X6716" s="99"/>
      <c r="Y6716" s="99"/>
      <c r="Z6716" s="99"/>
      <c r="AA6716" s="99"/>
      <c r="AB6716" s="99"/>
      <c r="AC6716" s="99"/>
      <c r="AD6716" s="99"/>
      <c r="AE6716" s="99"/>
      <c r="AF6716" s="99"/>
      <c r="AG6716" s="99"/>
      <c r="AH6716" s="99"/>
      <c r="AI6716" s="99"/>
      <c r="AJ6716" s="99"/>
      <c r="AK6716" s="99"/>
      <c r="AL6716" s="99"/>
      <c r="AM6716" s="99"/>
      <c r="AN6716" s="99"/>
      <c r="AO6716" s="99"/>
      <c r="AP6716" s="99"/>
      <c r="AQ6716" s="99"/>
      <c r="AR6716" s="99"/>
      <c r="AS6716" s="99"/>
      <c r="AT6716" s="99"/>
      <c r="AU6716" s="99"/>
      <c r="AV6716" s="99"/>
      <c r="AW6716" s="99"/>
      <c r="AX6716" s="99"/>
      <c r="AY6716" s="99"/>
      <c r="AZ6716" s="99"/>
      <c r="BA6716" s="99"/>
      <c r="BB6716" s="107">
        <v>45065</v>
      </c>
    </row>
    <row r="6717" spans="1:54" s="8" customFormat="1" ht="13.95" customHeight="1" x14ac:dyDescent="0.25">
      <c r="A6717" s="15" t="s">
        <v>16065</v>
      </c>
      <c r="B6717" s="110" t="s">
        <v>19886</v>
      </c>
      <c r="C6717" s="98" t="s">
        <v>16066</v>
      </c>
      <c r="D6717" s="98" t="s">
        <v>16067</v>
      </c>
      <c r="E6717" s="98">
        <v>1986</v>
      </c>
      <c r="F6717" s="98">
        <v>231</v>
      </c>
      <c r="G6717" s="98" t="s">
        <v>1</v>
      </c>
      <c r="H6717" s="98">
        <v>0</v>
      </c>
      <c r="I6717" s="98">
        <v>0</v>
      </c>
      <c r="J6717" s="98">
        <v>1</v>
      </c>
      <c r="K6717" s="98">
        <v>0</v>
      </c>
      <c r="L6717" s="98">
        <v>1</v>
      </c>
      <c r="M6717" s="98">
        <v>0</v>
      </c>
      <c r="N6717" s="98">
        <v>0</v>
      </c>
      <c r="O6717" s="98">
        <v>1</v>
      </c>
      <c r="P6717" s="98">
        <v>1</v>
      </c>
      <c r="Q6717" s="98">
        <v>0</v>
      </c>
      <c r="R6717" s="98">
        <v>0</v>
      </c>
      <c r="S6717" s="98">
        <v>0</v>
      </c>
      <c r="T6717" s="98">
        <v>0</v>
      </c>
      <c r="U6717" s="99"/>
      <c r="V6717" s="99"/>
      <c r="W6717" s="99"/>
      <c r="X6717" s="99"/>
      <c r="Y6717" s="99"/>
      <c r="Z6717" s="99"/>
      <c r="AA6717" s="99"/>
      <c r="AB6717" s="99"/>
      <c r="AC6717" s="99"/>
      <c r="AD6717" s="99"/>
      <c r="AE6717" s="99"/>
      <c r="AF6717" s="99"/>
      <c r="AG6717" s="99"/>
      <c r="AH6717" s="99"/>
      <c r="AI6717" s="99"/>
      <c r="AJ6717" s="99"/>
      <c r="AK6717" s="99"/>
      <c r="AL6717" s="99"/>
      <c r="AM6717" s="99"/>
      <c r="AN6717" s="99"/>
      <c r="AO6717" s="99"/>
      <c r="AP6717" s="99"/>
      <c r="AQ6717" s="99"/>
      <c r="AR6717" s="99"/>
      <c r="AS6717" s="99"/>
      <c r="AT6717" s="99"/>
      <c r="AU6717" s="99"/>
      <c r="AV6717" s="99"/>
      <c r="AW6717" s="99"/>
      <c r="AX6717" s="99"/>
      <c r="AY6717" s="99"/>
      <c r="AZ6717" s="99"/>
      <c r="BA6717" s="99"/>
      <c r="BB6717" s="107">
        <v>45065</v>
      </c>
    </row>
    <row r="6718" spans="1:54" s="8" customFormat="1" ht="13.95" customHeight="1" x14ac:dyDescent="0.25">
      <c r="A6718" s="15" t="s">
        <v>16068</v>
      </c>
      <c r="B6718" s="110" t="s">
        <v>19886</v>
      </c>
      <c r="C6718" s="98" t="s">
        <v>16069</v>
      </c>
      <c r="D6718" s="98" t="s">
        <v>16070</v>
      </c>
      <c r="E6718" s="98">
        <v>1986</v>
      </c>
      <c r="F6718" s="98">
        <v>460</v>
      </c>
      <c r="G6718" s="98" t="s">
        <v>1</v>
      </c>
      <c r="H6718" s="98">
        <v>0</v>
      </c>
      <c r="I6718" s="98">
        <v>0</v>
      </c>
      <c r="J6718" s="98">
        <v>1</v>
      </c>
      <c r="K6718" s="98">
        <v>1</v>
      </c>
      <c r="L6718" s="98">
        <v>1</v>
      </c>
      <c r="M6718" s="98">
        <v>0</v>
      </c>
      <c r="N6718" s="98">
        <v>0</v>
      </c>
      <c r="O6718" s="98">
        <v>0</v>
      </c>
      <c r="P6718" s="98">
        <v>1</v>
      </c>
      <c r="Q6718" s="98">
        <v>0</v>
      </c>
      <c r="R6718" s="98">
        <v>1</v>
      </c>
      <c r="S6718" s="98">
        <v>1</v>
      </c>
      <c r="T6718" s="98">
        <v>0</v>
      </c>
      <c r="U6718" s="99"/>
      <c r="V6718" s="99"/>
      <c r="W6718" s="99"/>
      <c r="X6718" s="99"/>
      <c r="Y6718" s="99"/>
      <c r="Z6718" s="99"/>
      <c r="AA6718" s="99"/>
      <c r="AB6718" s="99"/>
      <c r="AC6718" s="99"/>
      <c r="AD6718" s="99"/>
      <c r="AE6718" s="99"/>
      <c r="AF6718" s="99"/>
      <c r="AG6718" s="99"/>
      <c r="AH6718" s="99"/>
      <c r="AI6718" s="99"/>
      <c r="AJ6718" s="99"/>
      <c r="AK6718" s="99"/>
      <c r="AL6718" s="99"/>
      <c r="AM6718" s="99"/>
      <c r="AN6718" s="99"/>
      <c r="AO6718" s="99"/>
      <c r="AP6718" s="99"/>
      <c r="AQ6718" s="99"/>
      <c r="AR6718" s="99"/>
      <c r="AS6718" s="99"/>
      <c r="AT6718" s="99"/>
      <c r="AU6718" s="99"/>
      <c r="AV6718" s="99"/>
      <c r="AW6718" s="99"/>
      <c r="AX6718" s="99"/>
      <c r="AY6718" s="99"/>
      <c r="AZ6718" s="99"/>
      <c r="BA6718" s="99"/>
      <c r="BB6718" s="107">
        <v>45065</v>
      </c>
    </row>
    <row r="6719" spans="1:54" s="8" customFormat="1" ht="13.95" customHeight="1" x14ac:dyDescent="0.25">
      <c r="A6719" s="15" t="s">
        <v>16071</v>
      </c>
      <c r="B6719" s="110" t="s">
        <v>19886</v>
      </c>
      <c r="C6719" s="98" t="s">
        <v>16072</v>
      </c>
      <c r="D6719" s="98" t="s">
        <v>16073</v>
      </c>
      <c r="E6719" s="98">
        <v>1995</v>
      </c>
      <c r="F6719" s="98">
        <v>3227</v>
      </c>
      <c r="G6719" s="98" t="s">
        <v>1</v>
      </c>
      <c r="H6719" s="98">
        <v>0</v>
      </c>
      <c r="I6719" s="98">
        <v>0</v>
      </c>
      <c r="J6719" s="98">
        <v>1</v>
      </c>
      <c r="K6719" s="98">
        <v>1</v>
      </c>
      <c r="L6719" s="98">
        <v>1</v>
      </c>
      <c r="M6719" s="98">
        <v>0</v>
      </c>
      <c r="N6719" s="98">
        <v>0</v>
      </c>
      <c r="O6719" s="98">
        <v>0</v>
      </c>
      <c r="P6719" s="98">
        <v>1</v>
      </c>
      <c r="Q6719" s="98">
        <v>0</v>
      </c>
      <c r="R6719" s="98">
        <v>0</v>
      </c>
      <c r="S6719" s="98">
        <v>0</v>
      </c>
      <c r="T6719" s="98">
        <v>0</v>
      </c>
      <c r="U6719" s="99"/>
      <c r="V6719" s="99"/>
      <c r="W6719" s="99"/>
      <c r="X6719" s="99"/>
      <c r="Y6719" s="99"/>
      <c r="Z6719" s="99"/>
      <c r="AA6719" s="99"/>
      <c r="AB6719" s="99"/>
      <c r="AC6719" s="99"/>
      <c r="AD6719" s="99"/>
      <c r="AE6719" s="99"/>
      <c r="AF6719" s="99"/>
      <c r="AG6719" s="99"/>
      <c r="AH6719" s="99"/>
      <c r="AI6719" s="99"/>
      <c r="AJ6719" s="99"/>
      <c r="AK6719" s="99"/>
      <c r="AL6719" s="99"/>
      <c r="AM6719" s="99"/>
      <c r="AN6719" s="99"/>
      <c r="AO6719" s="99"/>
      <c r="AP6719" s="99"/>
      <c r="AQ6719" s="99"/>
      <c r="AR6719" s="99"/>
      <c r="AS6719" s="99"/>
      <c r="AT6719" s="99"/>
      <c r="AU6719" s="99"/>
      <c r="AV6719" s="99"/>
      <c r="AW6719" s="99"/>
      <c r="AX6719" s="99"/>
      <c r="AY6719" s="99"/>
      <c r="AZ6719" s="99"/>
      <c r="BA6719" s="99"/>
      <c r="BB6719" s="107">
        <v>45065</v>
      </c>
    </row>
    <row r="6720" spans="1:54" s="8" customFormat="1" ht="13.95" customHeight="1" x14ac:dyDescent="0.25">
      <c r="A6720" s="15" t="s">
        <v>16074</v>
      </c>
      <c r="B6720" s="110" t="s">
        <v>19886</v>
      </c>
      <c r="C6720" s="98" t="s">
        <v>16075</v>
      </c>
      <c r="D6720" s="98" t="s">
        <v>16076</v>
      </c>
      <c r="E6720" s="98">
        <v>1976</v>
      </c>
      <c r="F6720" s="98">
        <v>2861</v>
      </c>
      <c r="G6720" s="98" t="s">
        <v>12</v>
      </c>
      <c r="H6720" s="98">
        <v>0</v>
      </c>
      <c r="I6720" s="98">
        <v>0</v>
      </c>
      <c r="J6720" s="98">
        <v>0</v>
      </c>
      <c r="K6720" s="98">
        <v>0</v>
      </c>
      <c r="L6720" s="98">
        <v>0</v>
      </c>
      <c r="M6720" s="98">
        <v>0</v>
      </c>
      <c r="N6720" s="98">
        <v>0</v>
      </c>
      <c r="O6720" s="98">
        <v>0</v>
      </c>
      <c r="P6720" s="98">
        <v>0</v>
      </c>
      <c r="Q6720" s="98">
        <v>0</v>
      </c>
      <c r="R6720" s="98">
        <v>0</v>
      </c>
      <c r="S6720" s="98">
        <v>0</v>
      </c>
      <c r="T6720" s="98">
        <v>0</v>
      </c>
      <c r="U6720" s="99"/>
      <c r="V6720" s="99"/>
      <c r="W6720" s="99"/>
      <c r="X6720" s="99"/>
      <c r="Y6720" s="99"/>
      <c r="Z6720" s="99"/>
      <c r="AA6720" s="99"/>
      <c r="AB6720" s="99"/>
      <c r="AC6720" s="99"/>
      <c r="AD6720" s="99"/>
      <c r="AE6720" s="99"/>
      <c r="AF6720" s="99"/>
      <c r="AG6720" s="99"/>
      <c r="AH6720" s="99"/>
      <c r="AI6720" s="99"/>
      <c r="AJ6720" s="99"/>
      <c r="AK6720" s="99"/>
      <c r="AL6720" s="99"/>
      <c r="AM6720" s="99"/>
      <c r="AN6720" s="99"/>
      <c r="AO6720" s="99"/>
      <c r="AP6720" s="99"/>
      <c r="AQ6720" s="99"/>
      <c r="AR6720" s="99"/>
      <c r="AS6720" s="99"/>
      <c r="AT6720" s="99"/>
      <c r="AU6720" s="99"/>
      <c r="AV6720" s="99"/>
      <c r="AW6720" s="99"/>
      <c r="AX6720" s="99"/>
      <c r="AY6720" s="99"/>
      <c r="AZ6720" s="99"/>
      <c r="BA6720" s="99"/>
      <c r="BB6720" s="107">
        <v>45065</v>
      </c>
    </row>
    <row r="6721" spans="1:54" s="8" customFormat="1" ht="13.95" customHeight="1" x14ac:dyDescent="0.25">
      <c r="A6721" s="15" t="s">
        <v>16077</v>
      </c>
      <c r="B6721" s="110" t="s">
        <v>19886</v>
      </c>
      <c r="C6721" s="98" t="s">
        <v>16078</v>
      </c>
      <c r="D6721" s="98" t="s">
        <v>16079</v>
      </c>
      <c r="E6721" s="98">
        <v>1994</v>
      </c>
      <c r="F6721" s="98">
        <v>468</v>
      </c>
      <c r="G6721" s="98" t="s">
        <v>12</v>
      </c>
      <c r="H6721" s="98">
        <v>0</v>
      </c>
      <c r="I6721" s="98">
        <v>0</v>
      </c>
      <c r="J6721" s="98">
        <v>0</v>
      </c>
      <c r="K6721" s="98">
        <v>0</v>
      </c>
      <c r="L6721" s="98">
        <v>0</v>
      </c>
      <c r="M6721" s="98">
        <v>0</v>
      </c>
      <c r="N6721" s="98">
        <v>0</v>
      </c>
      <c r="O6721" s="98">
        <v>0</v>
      </c>
      <c r="P6721" s="98">
        <v>0</v>
      </c>
      <c r="Q6721" s="98">
        <v>0</v>
      </c>
      <c r="R6721" s="98">
        <v>0</v>
      </c>
      <c r="S6721" s="98">
        <v>0</v>
      </c>
      <c r="T6721" s="98">
        <v>0</v>
      </c>
      <c r="U6721" s="99"/>
      <c r="V6721" s="99"/>
      <c r="W6721" s="99"/>
      <c r="X6721" s="99"/>
      <c r="Y6721" s="99"/>
      <c r="Z6721" s="99"/>
      <c r="AA6721" s="99"/>
      <c r="AB6721" s="99"/>
      <c r="AC6721" s="99"/>
      <c r="AD6721" s="99"/>
      <c r="AE6721" s="99"/>
      <c r="AF6721" s="99"/>
      <c r="AG6721" s="99"/>
      <c r="AH6721" s="99"/>
      <c r="AI6721" s="99"/>
      <c r="AJ6721" s="99"/>
      <c r="AK6721" s="99"/>
      <c r="AL6721" s="99"/>
      <c r="AM6721" s="99"/>
      <c r="AN6721" s="99"/>
      <c r="AO6721" s="99"/>
      <c r="AP6721" s="99"/>
      <c r="AQ6721" s="99"/>
      <c r="AR6721" s="99"/>
      <c r="AS6721" s="99"/>
      <c r="AT6721" s="99"/>
      <c r="AU6721" s="99"/>
      <c r="AV6721" s="99"/>
      <c r="AW6721" s="99"/>
      <c r="AX6721" s="99"/>
      <c r="AY6721" s="99"/>
      <c r="AZ6721" s="99"/>
      <c r="BA6721" s="99"/>
      <c r="BB6721" s="107">
        <v>45065</v>
      </c>
    </row>
    <row r="6722" spans="1:54" s="8" customFormat="1" ht="13.95" customHeight="1" x14ac:dyDescent="0.25">
      <c r="A6722" s="15" t="s">
        <v>16080</v>
      </c>
      <c r="B6722" s="110" t="s">
        <v>19886</v>
      </c>
      <c r="C6722" s="98" t="s">
        <v>16081</v>
      </c>
      <c r="D6722" s="98" t="s">
        <v>16082</v>
      </c>
      <c r="E6722" s="98">
        <v>1997</v>
      </c>
      <c r="F6722" s="98">
        <v>150</v>
      </c>
      <c r="G6722" s="98" t="s">
        <v>1</v>
      </c>
      <c r="H6722" s="98">
        <v>0</v>
      </c>
      <c r="I6722" s="98">
        <v>0</v>
      </c>
      <c r="J6722" s="98">
        <v>1</v>
      </c>
      <c r="K6722" s="98">
        <v>0</v>
      </c>
      <c r="L6722" s="98">
        <v>0</v>
      </c>
      <c r="M6722" s="98">
        <v>0</v>
      </c>
      <c r="N6722" s="98">
        <v>1</v>
      </c>
      <c r="O6722" s="98">
        <v>0</v>
      </c>
      <c r="P6722" s="98">
        <v>0</v>
      </c>
      <c r="Q6722" s="98">
        <v>0</v>
      </c>
      <c r="R6722" s="98">
        <v>0</v>
      </c>
      <c r="S6722" s="98">
        <v>0</v>
      </c>
      <c r="T6722" s="98">
        <v>0</v>
      </c>
      <c r="U6722" s="99"/>
      <c r="V6722" s="99"/>
      <c r="W6722" s="99"/>
      <c r="X6722" s="99"/>
      <c r="Y6722" s="99"/>
      <c r="Z6722" s="99"/>
      <c r="AA6722" s="99"/>
      <c r="AB6722" s="99"/>
      <c r="AC6722" s="99"/>
      <c r="AD6722" s="99"/>
      <c r="AE6722" s="99"/>
      <c r="AF6722" s="99"/>
      <c r="AG6722" s="99"/>
      <c r="AH6722" s="99"/>
      <c r="AI6722" s="99"/>
      <c r="AJ6722" s="99"/>
      <c r="AK6722" s="99"/>
      <c r="AL6722" s="99"/>
      <c r="AM6722" s="99"/>
      <c r="AN6722" s="99"/>
      <c r="AO6722" s="99"/>
      <c r="AP6722" s="99"/>
      <c r="AQ6722" s="99"/>
      <c r="AR6722" s="99"/>
      <c r="AS6722" s="99"/>
      <c r="AT6722" s="99"/>
      <c r="AU6722" s="99"/>
      <c r="AV6722" s="99"/>
      <c r="AW6722" s="99"/>
      <c r="AX6722" s="99"/>
      <c r="AY6722" s="99"/>
      <c r="AZ6722" s="99"/>
      <c r="BA6722" s="99"/>
      <c r="BB6722" s="107">
        <v>45065</v>
      </c>
    </row>
    <row r="6723" spans="1:54" s="8" customFormat="1" ht="13.95" customHeight="1" x14ac:dyDescent="0.25">
      <c r="A6723" s="15" t="s">
        <v>16083</v>
      </c>
      <c r="B6723" s="110" t="s">
        <v>19886</v>
      </c>
      <c r="C6723" s="98" t="s">
        <v>16084</v>
      </c>
      <c r="D6723" s="98" t="s">
        <v>16085</v>
      </c>
      <c r="E6723" s="98">
        <v>1986</v>
      </c>
      <c r="F6723" s="98">
        <v>200</v>
      </c>
      <c r="G6723" s="98" t="s">
        <v>1</v>
      </c>
      <c r="H6723" s="98">
        <v>0</v>
      </c>
      <c r="I6723" s="98">
        <v>0</v>
      </c>
      <c r="J6723" s="98">
        <v>1</v>
      </c>
      <c r="K6723" s="98">
        <v>0</v>
      </c>
      <c r="L6723" s="98">
        <v>1</v>
      </c>
      <c r="M6723" s="98">
        <v>0</v>
      </c>
      <c r="N6723" s="98">
        <v>0</v>
      </c>
      <c r="O6723" s="98">
        <v>0</v>
      </c>
      <c r="P6723" s="98">
        <v>1</v>
      </c>
      <c r="Q6723" s="98">
        <v>0</v>
      </c>
      <c r="R6723" s="98">
        <v>1</v>
      </c>
      <c r="S6723" s="98">
        <v>0</v>
      </c>
      <c r="T6723" s="98">
        <v>0</v>
      </c>
      <c r="U6723" s="99"/>
      <c r="V6723" s="99"/>
      <c r="W6723" s="99"/>
      <c r="X6723" s="99"/>
      <c r="Y6723" s="99"/>
      <c r="Z6723" s="99"/>
      <c r="AA6723" s="99"/>
      <c r="AB6723" s="99"/>
      <c r="AC6723" s="99"/>
      <c r="AD6723" s="99"/>
      <c r="AE6723" s="99"/>
      <c r="AF6723" s="99"/>
      <c r="AG6723" s="99"/>
      <c r="AH6723" s="99"/>
      <c r="AI6723" s="99"/>
      <c r="AJ6723" s="99"/>
      <c r="AK6723" s="99"/>
      <c r="AL6723" s="99"/>
      <c r="AM6723" s="99"/>
      <c r="AN6723" s="99"/>
      <c r="AO6723" s="99"/>
      <c r="AP6723" s="99"/>
      <c r="AQ6723" s="99"/>
      <c r="AR6723" s="99"/>
      <c r="AS6723" s="99"/>
      <c r="AT6723" s="99"/>
      <c r="AU6723" s="99"/>
      <c r="AV6723" s="99"/>
      <c r="AW6723" s="99"/>
      <c r="AX6723" s="99"/>
      <c r="AY6723" s="99"/>
      <c r="AZ6723" s="99"/>
      <c r="BA6723" s="99"/>
      <c r="BB6723" s="107">
        <v>45065</v>
      </c>
    </row>
    <row r="6724" spans="1:54" s="8" customFormat="1" ht="13.95" customHeight="1" x14ac:dyDescent="0.25">
      <c r="A6724" s="15" t="s">
        <v>16086</v>
      </c>
      <c r="B6724" s="110" t="s">
        <v>19886</v>
      </c>
      <c r="C6724" s="98" t="s">
        <v>16087</v>
      </c>
      <c r="D6724" s="98" t="s">
        <v>16088</v>
      </c>
      <c r="E6724" s="98">
        <v>2000</v>
      </c>
      <c r="F6724" s="98">
        <v>488</v>
      </c>
      <c r="G6724" s="98" t="s">
        <v>1</v>
      </c>
      <c r="H6724" s="98">
        <v>0</v>
      </c>
      <c r="I6724" s="98">
        <v>0</v>
      </c>
      <c r="J6724" s="98">
        <v>1</v>
      </c>
      <c r="K6724" s="98">
        <v>0</v>
      </c>
      <c r="L6724" s="98">
        <v>0</v>
      </c>
      <c r="M6724" s="98">
        <v>0</v>
      </c>
      <c r="N6724" s="98">
        <v>0</v>
      </c>
      <c r="O6724" s="98">
        <v>0</v>
      </c>
      <c r="P6724" s="98">
        <v>0</v>
      </c>
      <c r="Q6724" s="98">
        <v>0</v>
      </c>
      <c r="R6724" s="98">
        <v>0</v>
      </c>
      <c r="S6724" s="98">
        <v>0</v>
      </c>
      <c r="T6724" s="98">
        <v>0</v>
      </c>
      <c r="U6724" s="99"/>
      <c r="V6724" s="99"/>
      <c r="W6724" s="99"/>
      <c r="X6724" s="99"/>
      <c r="Y6724" s="99"/>
      <c r="Z6724" s="99"/>
      <c r="AA6724" s="99"/>
      <c r="AB6724" s="99"/>
      <c r="AC6724" s="99"/>
      <c r="AD6724" s="99"/>
      <c r="AE6724" s="99"/>
      <c r="AF6724" s="99"/>
      <c r="AG6724" s="99"/>
      <c r="AH6724" s="99"/>
      <c r="AI6724" s="99"/>
      <c r="AJ6724" s="99"/>
      <c r="AK6724" s="99"/>
      <c r="AL6724" s="99"/>
      <c r="AM6724" s="99"/>
      <c r="AN6724" s="99"/>
      <c r="AO6724" s="99"/>
      <c r="AP6724" s="99"/>
      <c r="AQ6724" s="99"/>
      <c r="AR6724" s="99"/>
      <c r="AS6724" s="99"/>
      <c r="AT6724" s="99"/>
      <c r="AU6724" s="99"/>
      <c r="AV6724" s="99"/>
      <c r="AW6724" s="99"/>
      <c r="AX6724" s="99"/>
      <c r="AY6724" s="99"/>
      <c r="AZ6724" s="99"/>
      <c r="BA6724" s="99"/>
      <c r="BB6724" s="107">
        <v>45065</v>
      </c>
    </row>
    <row r="6725" spans="1:54" s="8" customFormat="1" ht="13.95" customHeight="1" x14ac:dyDescent="0.25">
      <c r="A6725" s="15" t="s">
        <v>16089</v>
      </c>
      <c r="B6725" s="110" t="s">
        <v>19886</v>
      </c>
      <c r="C6725" s="98" t="s">
        <v>16090</v>
      </c>
      <c r="D6725" s="98" t="s">
        <v>16091</v>
      </c>
      <c r="E6725" s="98">
        <v>2007</v>
      </c>
      <c r="F6725" s="98">
        <v>906</v>
      </c>
      <c r="G6725" s="98" t="s">
        <v>1</v>
      </c>
      <c r="H6725" s="98">
        <v>0</v>
      </c>
      <c r="I6725" s="98">
        <v>0</v>
      </c>
      <c r="J6725" s="98">
        <v>1</v>
      </c>
      <c r="K6725" s="98">
        <v>0</v>
      </c>
      <c r="L6725" s="98">
        <v>0</v>
      </c>
      <c r="M6725" s="98">
        <v>1</v>
      </c>
      <c r="N6725" s="98">
        <v>1</v>
      </c>
      <c r="O6725" s="98">
        <v>0</v>
      </c>
      <c r="P6725" s="98">
        <v>1</v>
      </c>
      <c r="Q6725" s="98">
        <v>0</v>
      </c>
      <c r="R6725" s="98">
        <v>0</v>
      </c>
      <c r="S6725" s="98">
        <v>0</v>
      </c>
      <c r="T6725" s="98">
        <v>0</v>
      </c>
      <c r="U6725" s="99"/>
      <c r="V6725" s="99"/>
      <c r="W6725" s="99"/>
      <c r="X6725" s="99"/>
      <c r="Y6725" s="99"/>
      <c r="Z6725" s="99"/>
      <c r="AA6725" s="99"/>
      <c r="AB6725" s="99"/>
      <c r="AC6725" s="99"/>
      <c r="AD6725" s="99"/>
      <c r="AE6725" s="99"/>
      <c r="AF6725" s="99"/>
      <c r="AG6725" s="99"/>
      <c r="AH6725" s="99"/>
      <c r="AI6725" s="99"/>
      <c r="AJ6725" s="99"/>
      <c r="AK6725" s="99"/>
      <c r="AL6725" s="99"/>
      <c r="AM6725" s="99"/>
      <c r="AN6725" s="99"/>
      <c r="AO6725" s="99"/>
      <c r="AP6725" s="99"/>
      <c r="AQ6725" s="99"/>
      <c r="AR6725" s="99"/>
      <c r="AS6725" s="99"/>
      <c r="AT6725" s="99"/>
      <c r="AU6725" s="99"/>
      <c r="AV6725" s="99"/>
      <c r="AW6725" s="99"/>
      <c r="AX6725" s="99"/>
      <c r="AY6725" s="99"/>
      <c r="AZ6725" s="99"/>
      <c r="BA6725" s="99"/>
      <c r="BB6725" s="107">
        <v>45065</v>
      </c>
    </row>
    <row r="6726" spans="1:54" s="8" customFormat="1" ht="13.95" customHeight="1" x14ac:dyDescent="0.25">
      <c r="A6726" s="15" t="s">
        <v>16092</v>
      </c>
      <c r="B6726" s="110" t="s">
        <v>19886</v>
      </c>
      <c r="C6726" s="98" t="s">
        <v>16093</v>
      </c>
      <c r="D6726" s="98" t="s">
        <v>16094</v>
      </c>
      <c r="E6726" s="98" t="s">
        <v>174</v>
      </c>
      <c r="F6726" s="98">
        <v>723</v>
      </c>
      <c r="G6726" s="98" t="s">
        <v>12</v>
      </c>
      <c r="H6726" s="98">
        <v>0</v>
      </c>
      <c r="I6726" s="98">
        <v>0</v>
      </c>
      <c r="J6726" s="98">
        <v>0</v>
      </c>
      <c r="K6726" s="98">
        <v>0</v>
      </c>
      <c r="L6726" s="98">
        <v>0</v>
      </c>
      <c r="M6726" s="98">
        <v>0</v>
      </c>
      <c r="N6726" s="98">
        <v>0</v>
      </c>
      <c r="O6726" s="98">
        <v>0</v>
      </c>
      <c r="P6726" s="98">
        <v>0</v>
      </c>
      <c r="Q6726" s="98">
        <v>0</v>
      </c>
      <c r="R6726" s="98">
        <v>0</v>
      </c>
      <c r="S6726" s="98">
        <v>0</v>
      </c>
      <c r="T6726" s="98">
        <v>0</v>
      </c>
      <c r="U6726" s="99"/>
      <c r="V6726" s="99"/>
      <c r="W6726" s="99"/>
      <c r="X6726" s="99"/>
      <c r="Y6726" s="99"/>
      <c r="Z6726" s="99"/>
      <c r="AA6726" s="99"/>
      <c r="AB6726" s="99"/>
      <c r="AC6726" s="99"/>
      <c r="AD6726" s="99"/>
      <c r="AE6726" s="99"/>
      <c r="AF6726" s="99"/>
      <c r="AG6726" s="99"/>
      <c r="AH6726" s="99"/>
      <c r="AI6726" s="99"/>
      <c r="AJ6726" s="99"/>
      <c r="AK6726" s="99"/>
      <c r="AL6726" s="99"/>
      <c r="AM6726" s="99"/>
      <c r="AN6726" s="99"/>
      <c r="AO6726" s="99"/>
      <c r="AP6726" s="99"/>
      <c r="AQ6726" s="99"/>
      <c r="AR6726" s="99"/>
      <c r="AS6726" s="99"/>
      <c r="AT6726" s="99"/>
      <c r="AU6726" s="99"/>
      <c r="AV6726" s="99"/>
      <c r="AW6726" s="99"/>
      <c r="AX6726" s="99"/>
      <c r="AY6726" s="99"/>
      <c r="AZ6726" s="99"/>
      <c r="BA6726" s="99"/>
      <c r="BB6726" s="107">
        <v>45065</v>
      </c>
    </row>
    <row r="6727" spans="1:54" s="8" customFormat="1" ht="13.95" customHeight="1" x14ac:dyDescent="0.25">
      <c r="A6727" s="15" t="s">
        <v>16095</v>
      </c>
      <c r="B6727" s="110" t="s">
        <v>19886</v>
      </c>
      <c r="C6727" s="98" t="s">
        <v>16096</v>
      </c>
      <c r="D6727" s="98" t="s">
        <v>16097</v>
      </c>
      <c r="E6727" s="98" t="s">
        <v>174</v>
      </c>
      <c r="F6727" s="98">
        <v>1225</v>
      </c>
      <c r="G6727" s="98" t="s">
        <v>12</v>
      </c>
      <c r="H6727" s="98">
        <v>0</v>
      </c>
      <c r="I6727" s="98">
        <v>0</v>
      </c>
      <c r="J6727" s="98">
        <v>0</v>
      </c>
      <c r="K6727" s="98">
        <v>0</v>
      </c>
      <c r="L6727" s="98">
        <v>0</v>
      </c>
      <c r="M6727" s="98">
        <v>0</v>
      </c>
      <c r="N6727" s="98">
        <v>0</v>
      </c>
      <c r="O6727" s="98">
        <v>0</v>
      </c>
      <c r="P6727" s="98">
        <v>0</v>
      </c>
      <c r="Q6727" s="98">
        <v>0</v>
      </c>
      <c r="R6727" s="98">
        <v>0</v>
      </c>
      <c r="S6727" s="98">
        <v>0</v>
      </c>
      <c r="T6727" s="98">
        <v>0</v>
      </c>
      <c r="U6727" s="99"/>
      <c r="V6727" s="99"/>
      <c r="W6727" s="99"/>
      <c r="X6727" s="99"/>
      <c r="Y6727" s="99"/>
      <c r="Z6727" s="99"/>
      <c r="AA6727" s="99"/>
      <c r="AB6727" s="99"/>
      <c r="AC6727" s="99"/>
      <c r="AD6727" s="99"/>
      <c r="AE6727" s="99"/>
      <c r="AF6727" s="99"/>
      <c r="AG6727" s="99"/>
      <c r="AH6727" s="99"/>
      <c r="AI6727" s="99"/>
      <c r="AJ6727" s="99"/>
      <c r="AK6727" s="99"/>
      <c r="AL6727" s="99"/>
      <c r="AM6727" s="99"/>
      <c r="AN6727" s="99"/>
      <c r="AO6727" s="99"/>
      <c r="AP6727" s="99"/>
      <c r="AQ6727" s="99"/>
      <c r="AR6727" s="99"/>
      <c r="AS6727" s="99"/>
      <c r="AT6727" s="99"/>
      <c r="AU6727" s="99"/>
      <c r="AV6727" s="99"/>
      <c r="AW6727" s="99"/>
      <c r="AX6727" s="99"/>
      <c r="AY6727" s="99"/>
      <c r="AZ6727" s="99"/>
      <c r="BA6727" s="99"/>
      <c r="BB6727" s="107">
        <v>45065</v>
      </c>
    </row>
    <row r="6728" spans="1:54" s="8" customFormat="1" ht="13.95" customHeight="1" x14ac:dyDescent="0.25">
      <c r="A6728" s="15" t="s">
        <v>16098</v>
      </c>
      <c r="B6728" s="110" t="s">
        <v>19886</v>
      </c>
      <c r="C6728" s="98" t="s">
        <v>16099</v>
      </c>
      <c r="D6728" s="98" t="s">
        <v>16100</v>
      </c>
      <c r="E6728" s="98">
        <v>1990</v>
      </c>
      <c r="F6728" s="98">
        <v>10240</v>
      </c>
      <c r="G6728" s="98" t="s">
        <v>10</v>
      </c>
      <c r="H6728" s="98">
        <v>0</v>
      </c>
      <c r="I6728" s="98">
        <v>0</v>
      </c>
      <c r="J6728" s="98">
        <v>0</v>
      </c>
      <c r="K6728" s="98">
        <v>0</v>
      </c>
      <c r="L6728" s="98">
        <v>0</v>
      </c>
      <c r="M6728" s="98">
        <v>0</v>
      </c>
      <c r="N6728" s="98">
        <v>0</v>
      </c>
      <c r="O6728" s="98">
        <v>0</v>
      </c>
      <c r="P6728" s="98">
        <v>0</v>
      </c>
      <c r="Q6728" s="98">
        <v>0</v>
      </c>
      <c r="R6728" s="98">
        <v>0</v>
      </c>
      <c r="S6728" s="98">
        <v>0</v>
      </c>
      <c r="T6728" s="98">
        <v>0</v>
      </c>
      <c r="U6728" s="98">
        <v>0</v>
      </c>
      <c r="V6728" s="98">
        <v>0</v>
      </c>
      <c r="W6728" s="98">
        <v>0</v>
      </c>
      <c r="X6728" s="98">
        <v>0</v>
      </c>
      <c r="Y6728" s="98">
        <v>0</v>
      </c>
      <c r="Z6728" s="98">
        <v>0</v>
      </c>
      <c r="AA6728" s="98">
        <v>0</v>
      </c>
      <c r="AB6728" s="98">
        <v>0</v>
      </c>
      <c r="AC6728" s="98">
        <v>0</v>
      </c>
      <c r="AD6728" s="98">
        <v>0</v>
      </c>
      <c r="AE6728" s="98">
        <v>0</v>
      </c>
      <c r="AF6728" s="98">
        <v>0</v>
      </c>
      <c r="AG6728" s="98">
        <v>0</v>
      </c>
      <c r="AH6728" s="98">
        <v>0</v>
      </c>
      <c r="AI6728" s="98">
        <v>0</v>
      </c>
      <c r="AJ6728" s="98">
        <v>0</v>
      </c>
      <c r="AK6728" s="98">
        <v>0</v>
      </c>
      <c r="AL6728" s="98">
        <v>0</v>
      </c>
      <c r="AM6728" s="98">
        <v>0</v>
      </c>
      <c r="AN6728" s="98">
        <v>0</v>
      </c>
      <c r="AO6728" s="98">
        <v>0</v>
      </c>
      <c r="AP6728" s="98">
        <v>0</v>
      </c>
      <c r="AQ6728" s="98">
        <v>0</v>
      </c>
      <c r="AR6728" s="98">
        <v>0</v>
      </c>
      <c r="AS6728" s="98">
        <v>0</v>
      </c>
      <c r="AT6728" s="129" t="s">
        <v>174</v>
      </c>
      <c r="AU6728" s="98">
        <v>0</v>
      </c>
      <c r="AV6728" s="98">
        <v>0</v>
      </c>
      <c r="AW6728" s="98">
        <v>0</v>
      </c>
      <c r="AX6728" s="98"/>
      <c r="AY6728" s="98"/>
      <c r="AZ6728" s="98"/>
      <c r="BA6728" s="98"/>
      <c r="BB6728" s="107">
        <v>45065</v>
      </c>
    </row>
    <row r="6729" spans="1:54" s="8" customFormat="1" ht="13.95" customHeight="1" x14ac:dyDescent="0.25">
      <c r="A6729" s="15" t="s">
        <v>16101</v>
      </c>
      <c r="B6729" s="110" t="s">
        <v>19886</v>
      </c>
      <c r="C6729" s="98" t="s">
        <v>16102</v>
      </c>
      <c r="D6729" s="98" t="s">
        <v>16103</v>
      </c>
      <c r="E6729" s="98">
        <v>1997</v>
      </c>
      <c r="F6729" s="98">
        <v>12365</v>
      </c>
      <c r="G6729" s="98" t="s">
        <v>8</v>
      </c>
      <c r="H6729" s="98">
        <v>0</v>
      </c>
      <c r="I6729" s="98">
        <v>0</v>
      </c>
      <c r="J6729" s="98">
        <v>0</v>
      </c>
      <c r="K6729" s="98">
        <v>0</v>
      </c>
      <c r="L6729" s="98">
        <v>0</v>
      </c>
      <c r="M6729" s="98">
        <v>0</v>
      </c>
      <c r="N6729" s="98">
        <v>0</v>
      </c>
      <c r="O6729" s="98">
        <v>0</v>
      </c>
      <c r="P6729" s="98">
        <v>0</v>
      </c>
      <c r="Q6729" s="98">
        <v>0</v>
      </c>
      <c r="R6729" s="98">
        <v>0</v>
      </c>
      <c r="S6729" s="98">
        <v>0</v>
      </c>
      <c r="T6729" s="98">
        <v>0</v>
      </c>
      <c r="U6729" s="98">
        <v>0</v>
      </c>
      <c r="V6729" s="98">
        <v>0</v>
      </c>
      <c r="W6729" s="98">
        <v>0</v>
      </c>
      <c r="X6729" s="98">
        <v>0</v>
      </c>
      <c r="Y6729" s="98">
        <v>0</v>
      </c>
      <c r="Z6729" s="98">
        <v>0</v>
      </c>
      <c r="AA6729" s="98">
        <v>0</v>
      </c>
      <c r="AB6729" s="98">
        <v>0</v>
      </c>
      <c r="AC6729" s="98">
        <v>0</v>
      </c>
      <c r="AD6729" s="98">
        <v>0</v>
      </c>
      <c r="AE6729" s="98">
        <v>0</v>
      </c>
      <c r="AF6729" s="98">
        <v>0</v>
      </c>
      <c r="AG6729" s="98">
        <v>0</v>
      </c>
      <c r="AH6729" s="98">
        <v>0</v>
      </c>
      <c r="AI6729" s="98">
        <v>0</v>
      </c>
      <c r="AJ6729" s="98">
        <v>0</v>
      </c>
      <c r="AK6729" s="98">
        <v>0</v>
      </c>
      <c r="AL6729" s="98">
        <v>0</v>
      </c>
      <c r="AM6729" s="98">
        <v>0</v>
      </c>
      <c r="AN6729" s="98">
        <v>0</v>
      </c>
      <c r="AO6729" s="98">
        <v>0</v>
      </c>
      <c r="AP6729" s="98">
        <v>0</v>
      </c>
      <c r="AQ6729" s="98">
        <v>0</v>
      </c>
      <c r="AR6729" s="98">
        <v>0</v>
      </c>
      <c r="AS6729" s="98">
        <v>0</v>
      </c>
      <c r="AT6729" s="129" t="s">
        <v>174</v>
      </c>
      <c r="AU6729" s="98">
        <v>0</v>
      </c>
      <c r="AV6729" s="98">
        <v>0</v>
      </c>
      <c r="AW6729" s="98">
        <v>0</v>
      </c>
      <c r="AX6729" s="98"/>
      <c r="AY6729" s="98"/>
      <c r="AZ6729" s="98"/>
      <c r="BA6729" s="98"/>
      <c r="BB6729" s="107">
        <v>45065</v>
      </c>
    </row>
    <row r="6730" spans="1:54" s="8" customFormat="1" ht="13.95" customHeight="1" x14ac:dyDescent="0.25">
      <c r="A6730" s="15" t="s">
        <v>16104</v>
      </c>
      <c r="B6730" s="110" t="s">
        <v>19886</v>
      </c>
      <c r="C6730" s="98" t="s">
        <v>16105</v>
      </c>
      <c r="D6730" s="98" t="s">
        <v>15935</v>
      </c>
      <c r="E6730" s="98">
        <v>1977</v>
      </c>
      <c r="F6730" s="98">
        <v>13342</v>
      </c>
      <c r="G6730" s="98" t="s">
        <v>3</v>
      </c>
      <c r="H6730" s="98">
        <v>1</v>
      </c>
      <c r="I6730" s="98">
        <v>1</v>
      </c>
      <c r="J6730" s="98">
        <v>1</v>
      </c>
      <c r="K6730" s="98">
        <v>0</v>
      </c>
      <c r="L6730" s="98">
        <v>0</v>
      </c>
      <c r="M6730" s="98">
        <v>0</v>
      </c>
      <c r="N6730" s="98">
        <v>0</v>
      </c>
      <c r="O6730" s="98">
        <v>0</v>
      </c>
      <c r="P6730" s="98">
        <v>0</v>
      </c>
      <c r="Q6730" s="98">
        <v>0</v>
      </c>
      <c r="R6730" s="98">
        <v>0</v>
      </c>
      <c r="S6730" s="98">
        <v>0</v>
      </c>
      <c r="T6730" s="98">
        <v>0</v>
      </c>
      <c r="U6730" s="98">
        <v>0</v>
      </c>
      <c r="V6730" s="98">
        <v>0</v>
      </c>
      <c r="W6730" s="98">
        <v>1</v>
      </c>
      <c r="X6730" s="98">
        <v>0</v>
      </c>
      <c r="Y6730" s="98">
        <v>0</v>
      </c>
      <c r="Z6730" s="98">
        <v>0</v>
      </c>
      <c r="AA6730" s="98">
        <v>0</v>
      </c>
      <c r="AB6730" s="98">
        <v>0</v>
      </c>
      <c r="AC6730" s="98">
        <v>0</v>
      </c>
      <c r="AD6730" s="98">
        <v>0</v>
      </c>
      <c r="AE6730" s="98">
        <v>0</v>
      </c>
      <c r="AF6730" s="98">
        <v>0</v>
      </c>
      <c r="AG6730" s="98">
        <v>0</v>
      </c>
      <c r="AH6730" s="98">
        <v>0</v>
      </c>
      <c r="AI6730" s="98">
        <v>0</v>
      </c>
      <c r="AJ6730" s="98">
        <v>0</v>
      </c>
      <c r="AK6730" s="98">
        <v>0</v>
      </c>
      <c r="AL6730" s="98">
        <v>0</v>
      </c>
      <c r="AM6730" s="98">
        <v>0</v>
      </c>
      <c r="AN6730" s="98">
        <v>0</v>
      </c>
      <c r="AO6730" s="98">
        <v>1</v>
      </c>
      <c r="AP6730" s="98">
        <v>0</v>
      </c>
      <c r="AQ6730" s="98">
        <v>0</v>
      </c>
      <c r="AR6730" s="98">
        <v>0</v>
      </c>
      <c r="AS6730" s="98">
        <v>0</v>
      </c>
      <c r="AT6730" s="129" t="s">
        <v>174</v>
      </c>
      <c r="AU6730" s="98">
        <v>1</v>
      </c>
      <c r="AV6730" s="98">
        <v>0</v>
      </c>
      <c r="AW6730" s="98">
        <v>0</v>
      </c>
      <c r="AX6730" s="98"/>
      <c r="AY6730" s="98"/>
      <c r="AZ6730" s="98"/>
      <c r="BA6730" s="98" t="s">
        <v>15686</v>
      </c>
      <c r="BB6730" s="107">
        <v>45065</v>
      </c>
    </row>
    <row r="6731" spans="1:54" s="8" customFormat="1" ht="13.95" customHeight="1" x14ac:dyDescent="0.25">
      <c r="A6731" s="15" t="s">
        <v>16106</v>
      </c>
      <c r="B6731" s="110" t="s">
        <v>19886</v>
      </c>
      <c r="C6731" s="98" t="s">
        <v>16107</v>
      </c>
      <c r="D6731" s="98" t="s">
        <v>16108</v>
      </c>
      <c r="E6731" s="98">
        <v>1981</v>
      </c>
      <c r="F6731" s="98">
        <v>20000</v>
      </c>
      <c r="G6731" s="98" t="s">
        <v>3</v>
      </c>
      <c r="H6731" s="98">
        <v>1</v>
      </c>
      <c r="I6731" s="98">
        <v>1</v>
      </c>
      <c r="J6731" s="98">
        <v>1</v>
      </c>
      <c r="K6731" s="98">
        <v>0</v>
      </c>
      <c r="L6731" s="98">
        <v>1</v>
      </c>
      <c r="M6731" s="98">
        <v>1</v>
      </c>
      <c r="N6731" s="98">
        <v>0</v>
      </c>
      <c r="O6731" s="98">
        <v>1</v>
      </c>
      <c r="P6731" s="98">
        <v>1</v>
      </c>
      <c r="Q6731" s="98">
        <v>0</v>
      </c>
      <c r="R6731" s="98">
        <v>1</v>
      </c>
      <c r="S6731" s="98">
        <v>1</v>
      </c>
      <c r="T6731" s="98">
        <v>0</v>
      </c>
      <c r="U6731" s="98">
        <v>0</v>
      </c>
      <c r="V6731" s="98">
        <v>0</v>
      </c>
      <c r="W6731" s="98">
        <v>0</v>
      </c>
      <c r="X6731" s="98">
        <v>0</v>
      </c>
      <c r="Y6731" s="98">
        <v>0</v>
      </c>
      <c r="Z6731" s="98">
        <v>0</v>
      </c>
      <c r="AA6731" s="98">
        <v>0</v>
      </c>
      <c r="AB6731" s="98">
        <v>0</v>
      </c>
      <c r="AC6731" s="98">
        <v>0</v>
      </c>
      <c r="AD6731" s="98">
        <v>0</v>
      </c>
      <c r="AE6731" s="98">
        <v>0</v>
      </c>
      <c r="AF6731" s="98">
        <v>0</v>
      </c>
      <c r="AG6731" s="98">
        <v>0</v>
      </c>
      <c r="AH6731" s="98">
        <v>0</v>
      </c>
      <c r="AI6731" s="98">
        <v>0</v>
      </c>
      <c r="AJ6731" s="98">
        <v>0</v>
      </c>
      <c r="AK6731" s="98">
        <v>0</v>
      </c>
      <c r="AL6731" s="98">
        <v>0</v>
      </c>
      <c r="AM6731" s="98">
        <v>0</v>
      </c>
      <c r="AN6731" s="98">
        <v>0</v>
      </c>
      <c r="AO6731" s="98">
        <v>1</v>
      </c>
      <c r="AP6731" s="98">
        <v>0</v>
      </c>
      <c r="AQ6731" s="98">
        <v>0</v>
      </c>
      <c r="AR6731" s="98">
        <v>0</v>
      </c>
      <c r="AS6731" s="98">
        <v>0</v>
      </c>
      <c r="AT6731" s="129" t="s">
        <v>174</v>
      </c>
      <c r="AU6731" s="98">
        <v>1</v>
      </c>
      <c r="AV6731" s="98">
        <v>0</v>
      </c>
      <c r="AW6731" s="98">
        <v>0</v>
      </c>
      <c r="AX6731" s="98"/>
      <c r="AY6731" s="98"/>
      <c r="AZ6731" s="98"/>
      <c r="BA6731" s="98"/>
      <c r="BB6731" s="107">
        <v>45065</v>
      </c>
    </row>
    <row r="6732" spans="1:54" s="8" customFormat="1" ht="13.95" customHeight="1" x14ac:dyDescent="0.25">
      <c r="A6732" s="15" t="s">
        <v>16109</v>
      </c>
      <c r="B6732" s="110" t="s">
        <v>19886</v>
      </c>
      <c r="C6732" s="98" t="s">
        <v>16110</v>
      </c>
      <c r="D6732" s="98" t="s">
        <v>16111</v>
      </c>
      <c r="E6732" s="98">
        <v>2000</v>
      </c>
      <c r="F6732" s="98">
        <v>68214</v>
      </c>
      <c r="G6732" s="98" t="s">
        <v>7</v>
      </c>
      <c r="H6732" s="98">
        <v>1</v>
      </c>
      <c r="I6732" s="98">
        <v>1</v>
      </c>
      <c r="J6732" s="98">
        <v>1</v>
      </c>
      <c r="K6732" s="98">
        <v>0</v>
      </c>
      <c r="L6732" s="98">
        <v>1</v>
      </c>
      <c r="M6732" s="98">
        <v>1</v>
      </c>
      <c r="N6732" s="98">
        <v>0</v>
      </c>
      <c r="O6732" s="98">
        <v>1</v>
      </c>
      <c r="P6732" s="98">
        <v>1</v>
      </c>
      <c r="Q6732" s="98">
        <v>0</v>
      </c>
      <c r="R6732" s="98">
        <v>0</v>
      </c>
      <c r="S6732" s="98">
        <v>0</v>
      </c>
      <c r="T6732" s="98">
        <v>1</v>
      </c>
      <c r="U6732" s="98">
        <v>1</v>
      </c>
      <c r="V6732" s="98">
        <v>0</v>
      </c>
      <c r="W6732" s="98">
        <v>1</v>
      </c>
      <c r="X6732" s="98">
        <v>1</v>
      </c>
      <c r="Y6732" s="98">
        <v>1</v>
      </c>
      <c r="Z6732" s="98">
        <v>1</v>
      </c>
      <c r="AA6732" s="98">
        <v>1</v>
      </c>
      <c r="AB6732" s="98">
        <v>1</v>
      </c>
      <c r="AC6732" s="98">
        <v>0</v>
      </c>
      <c r="AD6732" s="98">
        <v>0</v>
      </c>
      <c r="AE6732" s="98">
        <v>1</v>
      </c>
      <c r="AF6732" s="98">
        <v>1</v>
      </c>
      <c r="AG6732" s="98">
        <v>0</v>
      </c>
      <c r="AH6732" s="98">
        <v>0</v>
      </c>
      <c r="AI6732" s="98">
        <v>0</v>
      </c>
      <c r="AJ6732" s="98">
        <v>0</v>
      </c>
      <c r="AK6732" s="98">
        <v>0</v>
      </c>
      <c r="AL6732" s="98">
        <v>0</v>
      </c>
      <c r="AM6732" s="98">
        <v>0</v>
      </c>
      <c r="AN6732" s="98">
        <v>1</v>
      </c>
      <c r="AO6732" s="98">
        <v>1</v>
      </c>
      <c r="AP6732" s="98">
        <v>0</v>
      </c>
      <c r="AQ6732" s="98">
        <v>0</v>
      </c>
      <c r="AR6732" s="98">
        <v>1</v>
      </c>
      <c r="AS6732" s="98">
        <v>0</v>
      </c>
      <c r="AT6732" s="129" t="s">
        <v>174</v>
      </c>
      <c r="AU6732" s="98">
        <v>1</v>
      </c>
      <c r="AV6732" s="98">
        <v>0</v>
      </c>
      <c r="AW6732" s="98">
        <v>1</v>
      </c>
      <c r="AX6732" s="98"/>
      <c r="AY6732" s="98"/>
      <c r="AZ6732" s="98"/>
      <c r="BA6732" s="98"/>
      <c r="BB6732" s="107">
        <v>45065</v>
      </c>
    </row>
    <row r="6733" spans="1:54" s="8" customFormat="1" ht="13.95" customHeight="1" x14ac:dyDescent="0.25">
      <c r="A6733" s="15" t="s">
        <v>16112</v>
      </c>
      <c r="B6733" s="110" t="s">
        <v>19886</v>
      </c>
      <c r="C6733" s="98" t="s">
        <v>16113</v>
      </c>
      <c r="D6733" s="98" t="s">
        <v>16114</v>
      </c>
      <c r="E6733" s="98">
        <v>1984</v>
      </c>
      <c r="F6733" s="98">
        <v>102514</v>
      </c>
      <c r="G6733" s="98" t="s">
        <v>8</v>
      </c>
      <c r="H6733" s="98">
        <v>1</v>
      </c>
      <c r="I6733" s="98">
        <v>1</v>
      </c>
      <c r="J6733" s="98">
        <v>1</v>
      </c>
      <c r="K6733" s="98">
        <v>0</v>
      </c>
      <c r="L6733" s="98">
        <v>0</v>
      </c>
      <c r="M6733" s="98">
        <v>0</v>
      </c>
      <c r="N6733" s="98">
        <v>0</v>
      </c>
      <c r="O6733" s="98">
        <v>0</v>
      </c>
      <c r="P6733" s="98">
        <v>0</v>
      </c>
      <c r="Q6733" s="98">
        <v>0</v>
      </c>
      <c r="R6733" s="98">
        <v>0</v>
      </c>
      <c r="S6733" s="98">
        <v>0</v>
      </c>
      <c r="T6733" s="98">
        <v>0</v>
      </c>
      <c r="U6733" s="98">
        <v>0</v>
      </c>
      <c r="V6733" s="98">
        <v>0</v>
      </c>
      <c r="W6733" s="98">
        <v>0</v>
      </c>
      <c r="X6733" s="98">
        <v>0</v>
      </c>
      <c r="Y6733" s="98">
        <v>0</v>
      </c>
      <c r="Z6733" s="98">
        <v>1</v>
      </c>
      <c r="AA6733" s="98">
        <v>0</v>
      </c>
      <c r="AB6733" s="98">
        <v>0</v>
      </c>
      <c r="AC6733" s="98">
        <v>0</v>
      </c>
      <c r="AD6733" s="98">
        <v>0</v>
      </c>
      <c r="AE6733" s="98">
        <v>0</v>
      </c>
      <c r="AF6733" s="98">
        <v>0</v>
      </c>
      <c r="AG6733" s="98">
        <v>0</v>
      </c>
      <c r="AH6733" s="98">
        <v>0</v>
      </c>
      <c r="AI6733" s="98">
        <v>0</v>
      </c>
      <c r="AJ6733" s="98">
        <v>0</v>
      </c>
      <c r="AK6733" s="98">
        <v>0</v>
      </c>
      <c r="AL6733" s="98">
        <v>0</v>
      </c>
      <c r="AM6733" s="98">
        <v>0</v>
      </c>
      <c r="AN6733" s="98">
        <v>0</v>
      </c>
      <c r="AO6733" s="98">
        <v>0</v>
      </c>
      <c r="AP6733" s="98">
        <v>0</v>
      </c>
      <c r="AQ6733" s="98">
        <v>0</v>
      </c>
      <c r="AR6733" s="98">
        <v>0</v>
      </c>
      <c r="AS6733" s="98">
        <v>0</v>
      </c>
      <c r="AT6733" s="129" t="s">
        <v>174</v>
      </c>
      <c r="AU6733" s="98">
        <v>0</v>
      </c>
      <c r="AV6733" s="98">
        <v>0</v>
      </c>
      <c r="AW6733" s="98">
        <v>0</v>
      </c>
      <c r="AX6733" s="98"/>
      <c r="AY6733" s="98"/>
      <c r="AZ6733" s="98"/>
      <c r="BA6733" s="98"/>
      <c r="BB6733" s="107">
        <v>45065</v>
      </c>
    </row>
    <row r="6734" spans="1:54" s="8" customFormat="1" ht="13.95" customHeight="1" x14ac:dyDescent="0.25">
      <c r="A6734" s="15" t="s">
        <v>16115</v>
      </c>
      <c r="B6734" s="110" t="s">
        <v>19886</v>
      </c>
      <c r="C6734" s="98" t="s">
        <v>16116</v>
      </c>
      <c r="D6734" s="98" t="s">
        <v>16117</v>
      </c>
      <c r="E6734" s="98">
        <v>2015</v>
      </c>
      <c r="F6734" s="98">
        <v>177453</v>
      </c>
      <c r="G6734" s="98" t="s">
        <v>0</v>
      </c>
      <c r="H6734" s="98">
        <v>1</v>
      </c>
      <c r="I6734" s="98">
        <v>1</v>
      </c>
      <c r="J6734" s="98">
        <v>1</v>
      </c>
      <c r="K6734" s="98">
        <v>0</v>
      </c>
      <c r="L6734" s="98">
        <v>0</v>
      </c>
      <c r="M6734" s="98">
        <v>0</v>
      </c>
      <c r="N6734" s="98">
        <v>0</v>
      </c>
      <c r="O6734" s="98">
        <v>0</v>
      </c>
      <c r="P6734" s="98">
        <v>0</v>
      </c>
      <c r="Q6734" s="98">
        <v>0</v>
      </c>
      <c r="R6734" s="98">
        <v>0</v>
      </c>
      <c r="S6734" s="98">
        <v>0</v>
      </c>
      <c r="T6734" s="98">
        <v>0</v>
      </c>
      <c r="U6734" s="98">
        <v>0</v>
      </c>
      <c r="V6734" s="98">
        <v>0</v>
      </c>
      <c r="W6734" s="98">
        <v>1</v>
      </c>
      <c r="X6734" s="98">
        <v>0</v>
      </c>
      <c r="Y6734" s="98">
        <v>0</v>
      </c>
      <c r="Z6734" s="98">
        <v>0</v>
      </c>
      <c r="AA6734" s="98">
        <v>0</v>
      </c>
      <c r="AB6734" s="98">
        <v>0</v>
      </c>
      <c r="AC6734" s="98">
        <v>0</v>
      </c>
      <c r="AD6734" s="98">
        <v>0</v>
      </c>
      <c r="AE6734" s="98">
        <v>0</v>
      </c>
      <c r="AF6734" s="98">
        <v>0</v>
      </c>
      <c r="AG6734" s="98">
        <v>0</v>
      </c>
      <c r="AH6734" s="98">
        <v>0</v>
      </c>
      <c r="AI6734" s="98">
        <v>0</v>
      </c>
      <c r="AJ6734" s="98">
        <v>0</v>
      </c>
      <c r="AK6734" s="98">
        <v>0</v>
      </c>
      <c r="AL6734" s="98">
        <v>0</v>
      </c>
      <c r="AM6734" s="98">
        <v>0</v>
      </c>
      <c r="AN6734" s="98">
        <v>0</v>
      </c>
      <c r="AO6734" s="98">
        <v>1</v>
      </c>
      <c r="AP6734" s="98">
        <v>0</v>
      </c>
      <c r="AQ6734" s="98">
        <v>0</v>
      </c>
      <c r="AR6734" s="98">
        <v>1</v>
      </c>
      <c r="AS6734" s="98">
        <v>0</v>
      </c>
      <c r="AT6734" s="98">
        <v>1</v>
      </c>
      <c r="AU6734" s="98">
        <v>1</v>
      </c>
      <c r="AV6734" s="98">
        <v>0</v>
      </c>
      <c r="AW6734" s="98">
        <v>1</v>
      </c>
      <c r="AX6734" s="98"/>
      <c r="AY6734" s="98"/>
      <c r="AZ6734" s="98"/>
      <c r="BA6734" s="98" t="s">
        <v>15686</v>
      </c>
      <c r="BB6734" s="107">
        <v>45065</v>
      </c>
    </row>
    <row r="6735" spans="1:54" s="8" customFormat="1" ht="13.95" customHeight="1" x14ac:dyDescent="0.25">
      <c r="A6735" s="15" t="s">
        <v>19887</v>
      </c>
      <c r="B6735" s="110" t="s">
        <v>19886</v>
      </c>
      <c r="C6735" s="98" t="s">
        <v>19794</v>
      </c>
      <c r="D6735" s="98" t="s">
        <v>20311</v>
      </c>
      <c r="E6735" s="98">
        <v>2015</v>
      </c>
      <c r="F6735" s="98">
        <v>3254</v>
      </c>
      <c r="G6735" s="98" t="s">
        <v>1</v>
      </c>
      <c r="H6735" s="98">
        <v>0</v>
      </c>
      <c r="I6735" s="98">
        <v>0</v>
      </c>
      <c r="J6735" s="98">
        <v>1</v>
      </c>
      <c r="K6735" s="98">
        <v>1</v>
      </c>
      <c r="L6735" s="98">
        <v>0</v>
      </c>
      <c r="M6735" s="98">
        <v>0</v>
      </c>
      <c r="N6735" s="98">
        <v>0</v>
      </c>
      <c r="O6735" s="98">
        <v>0</v>
      </c>
      <c r="P6735" s="98">
        <v>0</v>
      </c>
      <c r="Q6735" s="98">
        <v>0</v>
      </c>
      <c r="R6735" s="98">
        <v>0</v>
      </c>
      <c r="S6735" s="98">
        <v>0</v>
      </c>
      <c r="T6735" s="98">
        <v>0</v>
      </c>
      <c r="U6735" s="99"/>
      <c r="V6735" s="99"/>
      <c r="W6735" s="99"/>
      <c r="X6735" s="99"/>
      <c r="Y6735" s="99"/>
      <c r="Z6735" s="99"/>
      <c r="AA6735" s="99"/>
      <c r="AB6735" s="99"/>
      <c r="AC6735" s="99"/>
      <c r="AD6735" s="99"/>
      <c r="AE6735" s="99"/>
      <c r="AF6735" s="99"/>
      <c r="AG6735" s="99"/>
      <c r="AH6735" s="99"/>
      <c r="AI6735" s="99"/>
      <c r="AJ6735" s="99"/>
      <c r="AK6735" s="99"/>
      <c r="AL6735" s="99"/>
      <c r="AM6735" s="99"/>
      <c r="AN6735" s="99"/>
      <c r="AO6735" s="99"/>
      <c r="AP6735" s="99"/>
      <c r="AQ6735" s="99"/>
      <c r="AR6735" s="99"/>
      <c r="AS6735" s="99"/>
      <c r="AT6735" s="99"/>
      <c r="AU6735" s="99"/>
      <c r="AV6735" s="99"/>
      <c r="AW6735" s="99"/>
      <c r="AX6735" s="99"/>
      <c r="AY6735" s="99"/>
      <c r="AZ6735" s="99"/>
      <c r="BA6735" s="99"/>
      <c r="BB6735" s="107">
        <v>45065</v>
      </c>
    </row>
    <row r="6736" spans="1:54" s="8" customFormat="1" ht="13.95" customHeight="1" x14ac:dyDescent="0.25">
      <c r="A6736" s="15" t="s">
        <v>20533</v>
      </c>
      <c r="B6736" s="110" t="s">
        <v>19886</v>
      </c>
      <c r="C6736" s="98" t="s">
        <v>19795</v>
      </c>
      <c r="D6736" s="98" t="s">
        <v>20312</v>
      </c>
      <c r="E6736" s="98">
        <v>2015</v>
      </c>
      <c r="F6736" s="98">
        <v>154</v>
      </c>
      <c r="G6736" s="98" t="s">
        <v>1</v>
      </c>
      <c r="H6736" s="98">
        <v>0</v>
      </c>
      <c r="I6736" s="98">
        <v>0</v>
      </c>
      <c r="J6736" s="98">
        <v>1</v>
      </c>
      <c r="K6736" s="98">
        <v>1</v>
      </c>
      <c r="L6736" s="98">
        <v>0</v>
      </c>
      <c r="M6736" s="98">
        <v>0</v>
      </c>
      <c r="N6736" s="98">
        <v>0</v>
      </c>
      <c r="O6736" s="98">
        <v>1</v>
      </c>
      <c r="P6736" s="98">
        <v>0</v>
      </c>
      <c r="Q6736" s="98">
        <v>0</v>
      </c>
      <c r="R6736" s="98">
        <v>1</v>
      </c>
      <c r="S6736" s="98">
        <v>0</v>
      </c>
      <c r="T6736" s="98">
        <v>0</v>
      </c>
      <c r="U6736" s="99"/>
      <c r="V6736" s="99"/>
      <c r="W6736" s="99"/>
      <c r="X6736" s="99"/>
      <c r="Y6736" s="99"/>
      <c r="Z6736" s="99"/>
      <c r="AA6736" s="99"/>
      <c r="AB6736" s="99"/>
      <c r="AC6736" s="99"/>
      <c r="AD6736" s="99"/>
      <c r="AE6736" s="99"/>
      <c r="AF6736" s="99"/>
      <c r="AG6736" s="99"/>
      <c r="AH6736" s="99"/>
      <c r="AI6736" s="99"/>
      <c r="AJ6736" s="99"/>
      <c r="AK6736" s="99"/>
      <c r="AL6736" s="99"/>
      <c r="AM6736" s="99"/>
      <c r="AN6736" s="99"/>
      <c r="AO6736" s="99"/>
      <c r="AP6736" s="99"/>
      <c r="AQ6736" s="99"/>
      <c r="AR6736" s="99"/>
      <c r="AS6736" s="99"/>
      <c r="AT6736" s="99"/>
      <c r="AU6736" s="99"/>
      <c r="AV6736" s="99"/>
      <c r="AW6736" s="99"/>
      <c r="AX6736" s="99"/>
      <c r="AY6736" s="99"/>
      <c r="AZ6736" s="99"/>
      <c r="BA6736" s="99"/>
      <c r="BB6736" s="107">
        <v>45065</v>
      </c>
    </row>
    <row r="6737" spans="1:54" s="8" customFormat="1" ht="13.95" customHeight="1" x14ac:dyDescent="0.25">
      <c r="A6737" s="15" t="s">
        <v>20534</v>
      </c>
      <c r="B6737" s="110" t="s">
        <v>19886</v>
      </c>
      <c r="C6737" s="98" t="s">
        <v>19796</v>
      </c>
      <c r="D6737" s="98" t="s">
        <v>20313</v>
      </c>
      <c r="E6737" s="98">
        <v>2012</v>
      </c>
      <c r="F6737" s="98">
        <v>205</v>
      </c>
      <c r="G6737" s="98" t="s">
        <v>1</v>
      </c>
      <c r="H6737" s="98">
        <v>0</v>
      </c>
      <c r="I6737" s="98">
        <v>0</v>
      </c>
      <c r="J6737" s="98">
        <v>1</v>
      </c>
      <c r="K6737" s="98">
        <v>0</v>
      </c>
      <c r="L6737" s="98">
        <v>0</v>
      </c>
      <c r="M6737" s="98">
        <v>0</v>
      </c>
      <c r="N6737" s="98">
        <v>0</v>
      </c>
      <c r="O6737" s="98">
        <v>0</v>
      </c>
      <c r="P6737" s="98">
        <v>1</v>
      </c>
      <c r="Q6737" s="98">
        <v>0</v>
      </c>
      <c r="R6737" s="98">
        <v>1</v>
      </c>
      <c r="S6737" s="98">
        <v>0</v>
      </c>
      <c r="T6737" s="98">
        <v>0</v>
      </c>
      <c r="U6737" s="99"/>
      <c r="V6737" s="99"/>
      <c r="W6737" s="99"/>
      <c r="X6737" s="99"/>
      <c r="Y6737" s="99"/>
      <c r="Z6737" s="99"/>
      <c r="AA6737" s="99"/>
      <c r="AB6737" s="99"/>
      <c r="AC6737" s="99"/>
      <c r="AD6737" s="99"/>
      <c r="AE6737" s="99"/>
      <c r="AF6737" s="99"/>
      <c r="AG6737" s="99"/>
      <c r="AH6737" s="99"/>
      <c r="AI6737" s="99"/>
      <c r="AJ6737" s="99"/>
      <c r="AK6737" s="99"/>
      <c r="AL6737" s="99"/>
      <c r="AM6737" s="99"/>
      <c r="AN6737" s="99"/>
      <c r="AO6737" s="99"/>
      <c r="AP6737" s="99"/>
      <c r="AQ6737" s="99"/>
      <c r="AR6737" s="99"/>
      <c r="AS6737" s="99"/>
      <c r="AT6737" s="99"/>
      <c r="AU6737" s="99"/>
      <c r="AV6737" s="99"/>
      <c r="AW6737" s="99"/>
      <c r="AX6737" s="99"/>
      <c r="AY6737" s="99"/>
      <c r="AZ6737" s="99"/>
      <c r="BA6737" s="99"/>
      <c r="BB6737" s="107">
        <v>45065</v>
      </c>
    </row>
    <row r="6738" spans="1:54" s="8" customFormat="1" ht="13.95" customHeight="1" x14ac:dyDescent="0.25">
      <c r="A6738" s="15" t="s">
        <v>20314</v>
      </c>
      <c r="B6738" s="110" t="s">
        <v>19886</v>
      </c>
      <c r="C6738" s="98" t="s">
        <v>19797</v>
      </c>
      <c r="D6738" s="98" t="s">
        <v>20315</v>
      </c>
      <c r="E6738" s="98">
        <v>2013</v>
      </c>
      <c r="F6738" s="98">
        <v>150</v>
      </c>
      <c r="G6738" s="98" t="s">
        <v>1</v>
      </c>
      <c r="H6738" s="98">
        <v>0</v>
      </c>
      <c r="I6738" s="98">
        <v>0</v>
      </c>
      <c r="J6738" s="98">
        <v>1</v>
      </c>
      <c r="K6738" s="98">
        <v>1</v>
      </c>
      <c r="L6738" s="98">
        <v>0</v>
      </c>
      <c r="M6738" s="98">
        <v>0</v>
      </c>
      <c r="N6738" s="98">
        <v>1</v>
      </c>
      <c r="O6738" s="98">
        <v>0</v>
      </c>
      <c r="P6738" s="98">
        <v>1</v>
      </c>
      <c r="Q6738" s="98">
        <v>0</v>
      </c>
      <c r="R6738" s="98">
        <v>0</v>
      </c>
      <c r="S6738" s="98">
        <v>0</v>
      </c>
      <c r="T6738" s="98">
        <v>0</v>
      </c>
      <c r="U6738" s="99"/>
      <c r="V6738" s="99"/>
      <c r="W6738" s="99"/>
      <c r="X6738" s="99"/>
      <c r="Y6738" s="99"/>
      <c r="Z6738" s="99"/>
      <c r="AA6738" s="99"/>
      <c r="AB6738" s="99"/>
      <c r="AC6738" s="99"/>
      <c r="AD6738" s="99"/>
      <c r="AE6738" s="99"/>
      <c r="AF6738" s="99"/>
      <c r="AG6738" s="99"/>
      <c r="AH6738" s="99"/>
      <c r="AI6738" s="99"/>
      <c r="AJ6738" s="99"/>
      <c r="AK6738" s="99"/>
      <c r="AL6738" s="99"/>
      <c r="AM6738" s="99"/>
      <c r="AN6738" s="99"/>
      <c r="AO6738" s="99"/>
      <c r="AP6738" s="99"/>
      <c r="AQ6738" s="99"/>
      <c r="AR6738" s="99"/>
      <c r="AS6738" s="99"/>
      <c r="AT6738" s="99"/>
      <c r="AU6738" s="99"/>
      <c r="AV6738" s="99"/>
      <c r="AW6738" s="99"/>
      <c r="AX6738" s="99"/>
      <c r="AY6738" s="99"/>
      <c r="AZ6738" s="99"/>
      <c r="BA6738" s="99"/>
      <c r="BB6738" s="107">
        <v>45065</v>
      </c>
    </row>
    <row r="6739" spans="1:54" s="8" customFormat="1" ht="13.95" customHeight="1" x14ac:dyDescent="0.25">
      <c r="A6739" s="15" t="s">
        <v>19888</v>
      </c>
      <c r="B6739" s="110" t="s">
        <v>19886</v>
      </c>
      <c r="C6739" s="98" t="s">
        <v>19798</v>
      </c>
      <c r="D6739" s="98" t="s">
        <v>20316</v>
      </c>
      <c r="E6739" s="98">
        <v>2013</v>
      </c>
      <c r="F6739" s="98">
        <v>624</v>
      </c>
      <c r="G6739" s="98" t="s">
        <v>1</v>
      </c>
      <c r="H6739" s="98">
        <v>0</v>
      </c>
      <c r="I6739" s="98">
        <v>0</v>
      </c>
      <c r="J6739" s="98">
        <v>1</v>
      </c>
      <c r="K6739" s="98">
        <v>1</v>
      </c>
      <c r="L6739" s="98">
        <v>0</v>
      </c>
      <c r="M6739" s="98">
        <v>0</v>
      </c>
      <c r="N6739" s="98">
        <v>1</v>
      </c>
      <c r="O6739" s="98">
        <v>0</v>
      </c>
      <c r="P6739" s="98">
        <v>0</v>
      </c>
      <c r="Q6739" s="98">
        <v>0</v>
      </c>
      <c r="R6739" s="98">
        <v>0</v>
      </c>
      <c r="S6739" s="98">
        <v>0</v>
      </c>
      <c r="T6739" s="98">
        <v>0</v>
      </c>
      <c r="U6739" s="99"/>
      <c r="V6739" s="99"/>
      <c r="W6739" s="99"/>
      <c r="X6739" s="99"/>
      <c r="Y6739" s="99"/>
      <c r="Z6739" s="99"/>
      <c r="AA6739" s="99"/>
      <c r="AB6739" s="99"/>
      <c r="AC6739" s="99"/>
      <c r="AD6739" s="99"/>
      <c r="AE6739" s="99"/>
      <c r="AF6739" s="99"/>
      <c r="AG6739" s="99"/>
      <c r="AH6739" s="99"/>
      <c r="AI6739" s="99"/>
      <c r="AJ6739" s="99"/>
      <c r="AK6739" s="99"/>
      <c r="AL6739" s="99"/>
      <c r="AM6739" s="99"/>
      <c r="AN6739" s="99"/>
      <c r="AO6739" s="99"/>
      <c r="AP6739" s="99"/>
      <c r="AQ6739" s="99"/>
      <c r="AR6739" s="99"/>
      <c r="AS6739" s="99"/>
      <c r="AT6739" s="99"/>
      <c r="AU6739" s="99"/>
      <c r="AV6739" s="99"/>
      <c r="AW6739" s="99"/>
      <c r="AX6739" s="99"/>
      <c r="AY6739" s="99"/>
      <c r="AZ6739" s="99"/>
      <c r="BA6739" s="99"/>
      <c r="BB6739" s="107">
        <v>45065</v>
      </c>
    </row>
    <row r="6740" spans="1:54" s="8" customFormat="1" ht="13.95" customHeight="1" x14ac:dyDescent="0.25">
      <c r="A6740" s="15" t="s">
        <v>19889</v>
      </c>
      <c r="B6740" s="110" t="s">
        <v>19886</v>
      </c>
      <c r="C6740" s="98" t="s">
        <v>19799</v>
      </c>
      <c r="D6740" s="98" t="s">
        <v>20317</v>
      </c>
      <c r="E6740" s="98">
        <v>2017</v>
      </c>
      <c r="F6740" s="98">
        <v>150</v>
      </c>
      <c r="G6740" s="98" t="s">
        <v>1</v>
      </c>
      <c r="H6740" s="98">
        <v>0</v>
      </c>
      <c r="I6740" s="98">
        <v>0</v>
      </c>
      <c r="J6740" s="98">
        <v>1</v>
      </c>
      <c r="K6740" s="98">
        <v>1</v>
      </c>
      <c r="L6740" s="98">
        <v>0</v>
      </c>
      <c r="M6740" s="98">
        <v>0</v>
      </c>
      <c r="N6740" s="98">
        <v>1</v>
      </c>
      <c r="O6740" s="98">
        <v>1</v>
      </c>
      <c r="P6740" s="98">
        <v>0</v>
      </c>
      <c r="Q6740" s="98">
        <v>0</v>
      </c>
      <c r="R6740" s="98">
        <v>0</v>
      </c>
      <c r="S6740" s="98">
        <v>0</v>
      </c>
      <c r="T6740" s="98">
        <v>0</v>
      </c>
      <c r="U6740" s="99"/>
      <c r="V6740" s="99"/>
      <c r="W6740" s="99"/>
      <c r="X6740" s="99"/>
      <c r="Y6740" s="99"/>
      <c r="Z6740" s="99"/>
      <c r="AA6740" s="99"/>
      <c r="AB6740" s="99"/>
      <c r="AC6740" s="99"/>
      <c r="AD6740" s="99"/>
      <c r="AE6740" s="99"/>
      <c r="AF6740" s="99"/>
      <c r="AG6740" s="99"/>
      <c r="AH6740" s="99"/>
      <c r="AI6740" s="99"/>
      <c r="AJ6740" s="99"/>
      <c r="AK6740" s="99"/>
      <c r="AL6740" s="99"/>
      <c r="AM6740" s="99"/>
      <c r="AN6740" s="99"/>
      <c r="AO6740" s="99"/>
      <c r="AP6740" s="99"/>
      <c r="AQ6740" s="99"/>
      <c r="AR6740" s="99"/>
      <c r="AS6740" s="99"/>
      <c r="AT6740" s="99"/>
      <c r="AU6740" s="99"/>
      <c r="AV6740" s="99"/>
      <c r="AW6740" s="99"/>
      <c r="AX6740" s="99"/>
      <c r="AY6740" s="99"/>
      <c r="AZ6740" s="99"/>
      <c r="BA6740" s="99"/>
      <c r="BB6740" s="107">
        <v>45065</v>
      </c>
    </row>
    <row r="6741" spans="1:54" s="8" customFormat="1" ht="12" customHeight="1" x14ac:dyDescent="0.25">
      <c r="A6741" s="15" t="s">
        <v>19890</v>
      </c>
      <c r="B6741" s="110" t="s">
        <v>19886</v>
      </c>
      <c r="C6741" s="98" t="s">
        <v>19800</v>
      </c>
      <c r="D6741" s="98" t="s">
        <v>20535</v>
      </c>
      <c r="E6741" s="98">
        <v>2017</v>
      </c>
      <c r="F6741" s="98">
        <v>1652</v>
      </c>
      <c r="G6741" s="98" t="s">
        <v>1</v>
      </c>
      <c r="H6741" s="98">
        <v>0</v>
      </c>
      <c r="I6741" s="98">
        <v>0</v>
      </c>
      <c r="J6741" s="98">
        <v>1</v>
      </c>
      <c r="K6741" s="98">
        <v>1</v>
      </c>
      <c r="L6741" s="98">
        <v>1</v>
      </c>
      <c r="M6741" s="98">
        <v>1</v>
      </c>
      <c r="N6741" s="98">
        <v>0</v>
      </c>
      <c r="O6741" s="98">
        <v>1</v>
      </c>
      <c r="P6741" s="98">
        <v>1</v>
      </c>
      <c r="Q6741" s="98">
        <v>1</v>
      </c>
      <c r="R6741" s="98">
        <v>0</v>
      </c>
      <c r="S6741" s="98">
        <v>0</v>
      </c>
      <c r="T6741" s="98">
        <v>0</v>
      </c>
      <c r="U6741" s="99"/>
      <c r="V6741" s="99"/>
      <c r="W6741" s="99"/>
      <c r="X6741" s="99"/>
      <c r="Y6741" s="99"/>
      <c r="Z6741" s="99"/>
      <c r="AA6741" s="99"/>
      <c r="AB6741" s="99"/>
      <c r="AC6741" s="99"/>
      <c r="AD6741" s="99"/>
      <c r="AE6741" s="99"/>
      <c r="AF6741" s="99"/>
      <c r="AG6741" s="99"/>
      <c r="AH6741" s="99"/>
      <c r="AI6741" s="99"/>
      <c r="AJ6741" s="99"/>
      <c r="AK6741" s="99"/>
      <c r="AL6741" s="99"/>
      <c r="AM6741" s="99"/>
      <c r="AN6741" s="99"/>
      <c r="AO6741" s="99"/>
      <c r="AP6741" s="99"/>
      <c r="AQ6741" s="99"/>
      <c r="AR6741" s="99"/>
      <c r="AS6741" s="99"/>
      <c r="AT6741" s="99"/>
      <c r="AU6741" s="99"/>
      <c r="AV6741" s="99"/>
      <c r="AW6741" s="99"/>
      <c r="AX6741" s="99"/>
      <c r="AY6741" s="99"/>
      <c r="AZ6741" s="99"/>
      <c r="BA6741" s="99"/>
      <c r="BB6741" s="107">
        <v>45065</v>
      </c>
    </row>
    <row r="6742" spans="1:54" s="8" customFormat="1" ht="13.95" customHeight="1" x14ac:dyDescent="0.25">
      <c r="A6742" s="15" t="s">
        <v>20320</v>
      </c>
      <c r="B6742" s="110" t="s">
        <v>19886</v>
      </c>
      <c r="C6742" s="98" t="s">
        <v>20318</v>
      </c>
      <c r="D6742" s="98" t="s">
        <v>20319</v>
      </c>
      <c r="E6742" s="98">
        <v>2017</v>
      </c>
      <c r="F6742" s="98">
        <v>1482</v>
      </c>
      <c r="G6742" s="98" t="s">
        <v>1</v>
      </c>
      <c r="H6742" s="98">
        <v>0</v>
      </c>
      <c r="I6742" s="98">
        <v>0</v>
      </c>
      <c r="J6742" s="98">
        <v>1</v>
      </c>
      <c r="K6742" s="98">
        <v>0</v>
      </c>
      <c r="L6742" s="98">
        <v>0</v>
      </c>
      <c r="M6742" s="98">
        <v>0</v>
      </c>
      <c r="N6742" s="98">
        <v>0</v>
      </c>
      <c r="O6742" s="98">
        <v>0</v>
      </c>
      <c r="P6742" s="98">
        <v>0</v>
      </c>
      <c r="Q6742" s="98">
        <v>0</v>
      </c>
      <c r="R6742" s="98">
        <v>0</v>
      </c>
      <c r="S6742" s="98">
        <v>0</v>
      </c>
      <c r="T6742" s="98">
        <v>0</v>
      </c>
      <c r="U6742" s="99"/>
      <c r="V6742" s="99"/>
      <c r="W6742" s="99"/>
      <c r="X6742" s="99"/>
      <c r="Y6742" s="99"/>
      <c r="Z6742" s="99"/>
      <c r="AA6742" s="99"/>
      <c r="AB6742" s="99"/>
      <c r="AC6742" s="99"/>
      <c r="AD6742" s="99"/>
      <c r="AE6742" s="99"/>
      <c r="AF6742" s="99"/>
      <c r="AG6742" s="99"/>
      <c r="AH6742" s="99"/>
      <c r="AI6742" s="99"/>
      <c r="AJ6742" s="99"/>
      <c r="AK6742" s="99"/>
      <c r="AL6742" s="99"/>
      <c r="AM6742" s="99"/>
      <c r="AN6742" s="99"/>
      <c r="AO6742" s="99"/>
      <c r="AP6742" s="99"/>
      <c r="AQ6742" s="99"/>
      <c r="AR6742" s="99"/>
      <c r="AS6742" s="99"/>
      <c r="AT6742" s="99"/>
      <c r="AU6742" s="99"/>
      <c r="AV6742" s="99"/>
      <c r="AW6742" s="99"/>
      <c r="AX6742" s="99"/>
      <c r="AY6742" s="99"/>
      <c r="AZ6742" s="99"/>
      <c r="BA6742" s="99"/>
      <c r="BB6742" s="107">
        <v>45065</v>
      </c>
    </row>
    <row r="6743" spans="1:54" s="8" customFormat="1" ht="13.95" customHeight="1" x14ac:dyDescent="0.25">
      <c r="A6743" s="15" t="s">
        <v>20536</v>
      </c>
      <c r="B6743" s="110" t="s">
        <v>19886</v>
      </c>
      <c r="C6743" s="98" t="s">
        <v>20537</v>
      </c>
      <c r="D6743" s="98" t="s">
        <v>20538</v>
      </c>
      <c r="E6743" s="98">
        <v>2019</v>
      </c>
      <c r="F6743" s="98">
        <v>151</v>
      </c>
      <c r="G6743" s="98" t="s">
        <v>1</v>
      </c>
      <c r="H6743" s="98">
        <v>0</v>
      </c>
      <c r="I6743" s="98">
        <v>0</v>
      </c>
      <c r="J6743" s="98">
        <v>1</v>
      </c>
      <c r="K6743" s="98">
        <v>1</v>
      </c>
      <c r="L6743" s="98">
        <v>0</v>
      </c>
      <c r="M6743" s="98">
        <v>0</v>
      </c>
      <c r="N6743" s="98">
        <v>1</v>
      </c>
      <c r="O6743" s="98">
        <v>0</v>
      </c>
      <c r="P6743" s="98">
        <v>0</v>
      </c>
      <c r="Q6743" s="98">
        <v>1</v>
      </c>
      <c r="R6743" s="98">
        <v>1</v>
      </c>
      <c r="S6743" s="98">
        <v>0</v>
      </c>
      <c r="T6743" s="98">
        <v>0</v>
      </c>
      <c r="U6743" s="99"/>
      <c r="V6743" s="99"/>
      <c r="W6743" s="99"/>
      <c r="X6743" s="99"/>
      <c r="Y6743" s="99"/>
      <c r="Z6743" s="99"/>
      <c r="AA6743" s="99"/>
      <c r="AB6743" s="99"/>
      <c r="AC6743" s="99"/>
      <c r="AD6743" s="99"/>
      <c r="AE6743" s="99"/>
      <c r="AF6743" s="99"/>
      <c r="AG6743" s="99"/>
      <c r="AH6743" s="99"/>
      <c r="AI6743" s="99"/>
      <c r="AJ6743" s="99"/>
      <c r="AK6743" s="99"/>
      <c r="AL6743" s="99"/>
      <c r="AM6743" s="99"/>
      <c r="AN6743" s="99"/>
      <c r="AO6743" s="99"/>
      <c r="AP6743" s="99"/>
      <c r="AQ6743" s="99"/>
      <c r="AR6743" s="99"/>
      <c r="AS6743" s="99"/>
      <c r="AT6743" s="99"/>
      <c r="AU6743" s="99"/>
      <c r="AV6743" s="99"/>
      <c r="AW6743" s="99"/>
      <c r="AX6743" s="99"/>
      <c r="AY6743" s="99"/>
      <c r="AZ6743" s="99"/>
      <c r="BA6743" s="99"/>
      <c r="BB6743" s="107">
        <v>45065</v>
      </c>
    </row>
    <row r="6744" spans="1:54" ht="15.75" customHeight="1" x14ac:dyDescent="0.25">
      <c r="A6744" s="14" t="s">
        <v>22075</v>
      </c>
      <c r="B6744" s="160" t="s">
        <v>22070</v>
      </c>
      <c r="C6744" s="161" t="s">
        <v>22071</v>
      </c>
      <c r="D6744" s="162" t="s">
        <v>22072</v>
      </c>
      <c r="E6744" s="162">
        <v>2022</v>
      </c>
      <c r="F6744" s="162">
        <v>191</v>
      </c>
      <c r="G6744" s="98" t="s">
        <v>1</v>
      </c>
      <c r="H6744" s="162">
        <v>0</v>
      </c>
      <c r="I6744" s="161">
        <v>0</v>
      </c>
      <c r="J6744" s="162">
        <v>1</v>
      </c>
      <c r="K6744" s="161">
        <v>1</v>
      </c>
      <c r="L6744" s="161">
        <v>0</v>
      </c>
      <c r="M6744" s="161">
        <v>0</v>
      </c>
      <c r="N6744" s="162">
        <v>0</v>
      </c>
      <c r="O6744" s="161">
        <v>0</v>
      </c>
      <c r="P6744" s="161">
        <v>0</v>
      </c>
      <c r="Q6744" s="161">
        <v>0</v>
      </c>
      <c r="R6744" s="161">
        <v>1</v>
      </c>
      <c r="S6744" s="161">
        <v>0</v>
      </c>
      <c r="T6744" s="163">
        <v>0</v>
      </c>
      <c r="U6744" s="164"/>
      <c r="V6744" s="165"/>
      <c r="W6744" s="165"/>
      <c r="X6744" s="165"/>
      <c r="Y6744" s="165"/>
      <c r="Z6744" s="165"/>
      <c r="AA6744" s="164"/>
      <c r="AB6744" s="164"/>
      <c r="AC6744" s="164"/>
      <c r="AD6744" s="164"/>
      <c r="AE6744" s="165"/>
      <c r="AF6744" s="164"/>
      <c r="AG6744" s="164"/>
      <c r="AH6744" s="164"/>
      <c r="AI6744" s="164"/>
      <c r="AJ6744" s="164"/>
      <c r="AK6744" s="164"/>
      <c r="AL6744" s="164"/>
      <c r="AM6744" s="164"/>
      <c r="AN6744" s="164"/>
      <c r="AO6744" s="164"/>
      <c r="AP6744" s="164"/>
      <c r="AQ6744" s="164"/>
      <c r="AR6744" s="164"/>
      <c r="AS6744" s="164"/>
      <c r="AT6744" s="164"/>
      <c r="AU6744" s="164"/>
      <c r="AV6744" s="164"/>
      <c r="AW6744" s="164"/>
      <c r="AX6744" s="164"/>
      <c r="AY6744" s="164"/>
      <c r="AZ6744" s="165"/>
      <c r="BA6744" s="166"/>
      <c r="BB6744" s="107">
        <v>45065</v>
      </c>
    </row>
    <row r="6745" spans="1:54" ht="15.75" customHeight="1" x14ac:dyDescent="0.25">
      <c r="A6745" s="14" t="s">
        <v>22076</v>
      </c>
      <c r="B6745" s="167" t="s">
        <v>22070</v>
      </c>
      <c r="C6745" s="137" t="s">
        <v>22073</v>
      </c>
      <c r="D6745" s="137" t="s">
        <v>22074</v>
      </c>
      <c r="E6745" s="137">
        <v>2023</v>
      </c>
      <c r="F6745" s="168">
        <v>303</v>
      </c>
      <c r="G6745" s="98" t="s">
        <v>1</v>
      </c>
      <c r="H6745" s="130">
        <v>0</v>
      </c>
      <c r="I6745" s="137">
        <v>0</v>
      </c>
      <c r="J6745" s="130">
        <v>1</v>
      </c>
      <c r="K6745" s="137">
        <v>0</v>
      </c>
      <c r="L6745" s="137">
        <v>0</v>
      </c>
      <c r="M6745" s="137">
        <v>0</v>
      </c>
      <c r="N6745" s="130">
        <v>3</v>
      </c>
      <c r="O6745" s="137">
        <v>0</v>
      </c>
      <c r="P6745" s="137">
        <v>0</v>
      </c>
      <c r="Q6745" s="130">
        <v>0</v>
      </c>
      <c r="R6745" s="137">
        <v>1</v>
      </c>
      <c r="S6745" s="137">
        <v>0</v>
      </c>
      <c r="T6745" s="168">
        <v>0</v>
      </c>
      <c r="U6745" s="169"/>
      <c r="V6745" s="170"/>
      <c r="W6745" s="170"/>
      <c r="X6745" s="170"/>
      <c r="Y6745" s="170"/>
      <c r="Z6745" s="170"/>
      <c r="AA6745" s="169"/>
      <c r="AB6745" s="169"/>
      <c r="AC6745" s="169"/>
      <c r="AD6745" s="169"/>
      <c r="AE6745" s="170"/>
      <c r="AF6745" s="169"/>
      <c r="AG6745" s="169"/>
      <c r="AH6745" s="169"/>
      <c r="AI6745" s="169"/>
      <c r="AJ6745" s="169"/>
      <c r="AK6745" s="169"/>
      <c r="AL6745" s="169"/>
      <c r="AM6745" s="169"/>
      <c r="AN6745" s="169"/>
      <c r="AO6745" s="169"/>
      <c r="AP6745" s="169"/>
      <c r="AQ6745" s="169"/>
      <c r="AR6745" s="169"/>
      <c r="AS6745" s="169"/>
      <c r="AT6745" s="169"/>
      <c r="AU6745" s="169"/>
      <c r="AV6745" s="169"/>
      <c r="AW6745" s="169"/>
      <c r="AX6745" s="169"/>
      <c r="AY6745" s="169"/>
      <c r="AZ6745" s="170"/>
      <c r="BA6745" s="171"/>
      <c r="BB6745" s="107">
        <v>45065</v>
      </c>
    </row>
    <row r="6746" spans="1:54" s="8" customFormat="1" ht="14.1" customHeight="1" x14ac:dyDescent="0.25">
      <c r="A6746" s="219" t="s">
        <v>16118</v>
      </c>
      <c r="B6746" s="220" t="s">
        <v>19871</v>
      </c>
      <c r="C6746" s="98" t="s">
        <v>7264</v>
      </c>
      <c r="D6746" s="98" t="s">
        <v>16119</v>
      </c>
      <c r="E6746" s="141">
        <v>2005</v>
      </c>
      <c r="F6746" s="141">
        <v>582</v>
      </c>
      <c r="G6746" s="98" t="s">
        <v>1</v>
      </c>
      <c r="H6746" s="98">
        <v>0</v>
      </c>
      <c r="I6746" s="98">
        <v>0</v>
      </c>
      <c r="J6746" s="98">
        <v>1</v>
      </c>
      <c r="K6746" s="98">
        <v>0</v>
      </c>
      <c r="L6746" s="98">
        <v>1</v>
      </c>
      <c r="M6746" s="98">
        <v>1</v>
      </c>
      <c r="N6746" s="98">
        <v>0</v>
      </c>
      <c r="O6746" s="98">
        <v>1</v>
      </c>
      <c r="P6746" s="98">
        <v>0</v>
      </c>
      <c r="Q6746" s="98">
        <v>0</v>
      </c>
      <c r="R6746" s="98">
        <v>0</v>
      </c>
      <c r="S6746" s="98">
        <v>0</v>
      </c>
      <c r="T6746" s="98">
        <v>0</v>
      </c>
      <c r="U6746" s="99"/>
      <c r="V6746" s="99"/>
      <c r="W6746" s="99"/>
      <c r="X6746" s="99"/>
      <c r="Y6746" s="99"/>
      <c r="Z6746" s="99"/>
      <c r="AA6746" s="99"/>
      <c r="AB6746" s="99"/>
      <c r="AC6746" s="99"/>
      <c r="AD6746" s="99"/>
      <c r="AE6746" s="99"/>
      <c r="AF6746" s="99"/>
      <c r="AG6746" s="99"/>
      <c r="AH6746" s="99"/>
      <c r="AI6746" s="99"/>
      <c r="AJ6746" s="99"/>
      <c r="AK6746" s="99"/>
      <c r="AL6746" s="99"/>
      <c r="AM6746" s="99"/>
      <c r="AN6746" s="99"/>
      <c r="AO6746" s="99"/>
      <c r="AP6746" s="99"/>
      <c r="AQ6746" s="99"/>
      <c r="AR6746" s="99"/>
      <c r="AS6746" s="99"/>
      <c r="AT6746" s="99"/>
      <c r="AU6746" s="99"/>
      <c r="AV6746" s="99"/>
      <c r="AW6746" s="99"/>
      <c r="AX6746" s="99"/>
      <c r="AY6746" s="99"/>
      <c r="AZ6746" s="99"/>
      <c r="BA6746" s="99"/>
      <c r="BB6746" s="221">
        <v>45884</v>
      </c>
    </row>
    <row r="6747" spans="1:54" s="8" customFormat="1" ht="14.1" customHeight="1" x14ac:dyDescent="0.25">
      <c r="A6747" s="219" t="s">
        <v>16120</v>
      </c>
      <c r="B6747" s="220" t="s">
        <v>19871</v>
      </c>
      <c r="C6747" s="98" t="s">
        <v>16121</v>
      </c>
      <c r="D6747" s="98" t="s">
        <v>16122</v>
      </c>
      <c r="E6747" s="141">
        <v>2015</v>
      </c>
      <c r="F6747" s="141">
        <v>631</v>
      </c>
      <c r="G6747" s="98" t="s">
        <v>1</v>
      </c>
      <c r="H6747" s="98">
        <v>0</v>
      </c>
      <c r="I6747" s="98">
        <v>0</v>
      </c>
      <c r="J6747" s="98">
        <v>1</v>
      </c>
      <c r="K6747" s="98">
        <v>0</v>
      </c>
      <c r="L6747" s="98">
        <v>0</v>
      </c>
      <c r="M6747" s="98">
        <v>0</v>
      </c>
      <c r="N6747" s="98">
        <v>0</v>
      </c>
      <c r="O6747" s="98">
        <v>0</v>
      </c>
      <c r="P6747" s="98">
        <v>0</v>
      </c>
      <c r="Q6747" s="98">
        <v>0</v>
      </c>
      <c r="R6747" s="98">
        <v>0</v>
      </c>
      <c r="S6747" s="98">
        <v>0</v>
      </c>
      <c r="T6747" s="98">
        <v>0</v>
      </c>
      <c r="U6747" s="99"/>
      <c r="V6747" s="99"/>
      <c r="W6747" s="99"/>
      <c r="X6747" s="99"/>
      <c r="Y6747" s="99"/>
      <c r="Z6747" s="99"/>
      <c r="AA6747" s="99"/>
      <c r="AB6747" s="99"/>
      <c r="AC6747" s="99"/>
      <c r="AD6747" s="99"/>
      <c r="AE6747" s="99"/>
      <c r="AF6747" s="99"/>
      <c r="AG6747" s="99"/>
      <c r="AH6747" s="99"/>
      <c r="AI6747" s="99"/>
      <c r="AJ6747" s="99"/>
      <c r="AK6747" s="99"/>
      <c r="AL6747" s="99"/>
      <c r="AM6747" s="99"/>
      <c r="AN6747" s="99"/>
      <c r="AO6747" s="99"/>
      <c r="AP6747" s="99"/>
      <c r="AQ6747" s="99"/>
      <c r="AR6747" s="99"/>
      <c r="AS6747" s="99"/>
      <c r="AT6747" s="99"/>
      <c r="AU6747" s="99"/>
      <c r="AV6747" s="99"/>
      <c r="AW6747" s="99"/>
      <c r="AX6747" s="99"/>
      <c r="AY6747" s="99"/>
      <c r="AZ6747" s="99"/>
      <c r="BA6747" s="99"/>
      <c r="BB6747" s="221">
        <v>45884</v>
      </c>
    </row>
    <row r="6748" spans="1:54" s="8" customFormat="1" ht="14.1" customHeight="1" x14ac:dyDescent="0.25">
      <c r="A6748" s="219" t="s">
        <v>16123</v>
      </c>
      <c r="B6748" s="220" t="s">
        <v>19871</v>
      </c>
      <c r="C6748" s="98" t="s">
        <v>16124</v>
      </c>
      <c r="D6748" s="98" t="s">
        <v>16125</v>
      </c>
      <c r="E6748" s="141">
        <v>2015</v>
      </c>
      <c r="F6748" s="141">
        <v>142</v>
      </c>
      <c r="G6748" s="98" t="s">
        <v>1</v>
      </c>
      <c r="H6748" s="98">
        <v>0</v>
      </c>
      <c r="I6748" s="98">
        <v>0</v>
      </c>
      <c r="J6748" s="98">
        <v>1</v>
      </c>
      <c r="K6748" s="98">
        <v>0</v>
      </c>
      <c r="L6748" s="98">
        <v>0</v>
      </c>
      <c r="M6748" s="98">
        <v>0</v>
      </c>
      <c r="N6748" s="98">
        <v>0</v>
      </c>
      <c r="O6748" s="98">
        <v>0</v>
      </c>
      <c r="P6748" s="98">
        <v>1</v>
      </c>
      <c r="Q6748" s="98">
        <v>0</v>
      </c>
      <c r="R6748" s="98">
        <v>0</v>
      </c>
      <c r="S6748" s="98">
        <v>0</v>
      </c>
      <c r="T6748" s="98">
        <v>0</v>
      </c>
      <c r="U6748" s="99"/>
      <c r="V6748" s="99"/>
      <c r="W6748" s="99"/>
      <c r="X6748" s="99"/>
      <c r="Y6748" s="99"/>
      <c r="Z6748" s="99"/>
      <c r="AA6748" s="99"/>
      <c r="AB6748" s="99"/>
      <c r="AC6748" s="99"/>
      <c r="AD6748" s="99"/>
      <c r="AE6748" s="99"/>
      <c r="AF6748" s="99"/>
      <c r="AG6748" s="99"/>
      <c r="AH6748" s="99"/>
      <c r="AI6748" s="99"/>
      <c r="AJ6748" s="99"/>
      <c r="AK6748" s="99"/>
      <c r="AL6748" s="99"/>
      <c r="AM6748" s="99"/>
      <c r="AN6748" s="99"/>
      <c r="AO6748" s="99"/>
      <c r="AP6748" s="99"/>
      <c r="AQ6748" s="99"/>
      <c r="AR6748" s="99"/>
      <c r="AS6748" s="99"/>
      <c r="AT6748" s="99"/>
      <c r="AU6748" s="99"/>
      <c r="AV6748" s="99"/>
      <c r="AW6748" s="99"/>
      <c r="AX6748" s="99"/>
      <c r="AY6748" s="99"/>
      <c r="AZ6748" s="99"/>
      <c r="BA6748" s="99"/>
      <c r="BB6748" s="221">
        <v>45884</v>
      </c>
    </row>
    <row r="6749" spans="1:54" s="8" customFormat="1" ht="14.1" customHeight="1" x14ac:dyDescent="0.25">
      <c r="A6749" s="219" t="s">
        <v>16126</v>
      </c>
      <c r="B6749" s="220" t="s">
        <v>19871</v>
      </c>
      <c r="C6749" s="98" t="s">
        <v>16127</v>
      </c>
      <c r="D6749" s="98" t="s">
        <v>16128</v>
      </c>
      <c r="E6749" s="141">
        <v>2015</v>
      </c>
      <c r="F6749" s="141">
        <v>180</v>
      </c>
      <c r="G6749" s="98" t="s">
        <v>1</v>
      </c>
      <c r="H6749" s="98">
        <v>0</v>
      </c>
      <c r="I6749" s="98">
        <v>0</v>
      </c>
      <c r="J6749" s="98">
        <v>1</v>
      </c>
      <c r="K6749" s="98">
        <v>0</v>
      </c>
      <c r="L6749" s="98">
        <v>0</v>
      </c>
      <c r="M6749" s="98">
        <v>0</v>
      </c>
      <c r="N6749" s="98">
        <v>0</v>
      </c>
      <c r="O6749" s="98">
        <v>0</v>
      </c>
      <c r="P6749" s="98">
        <v>0</v>
      </c>
      <c r="Q6749" s="98">
        <v>0</v>
      </c>
      <c r="R6749" s="98">
        <v>0</v>
      </c>
      <c r="S6749" s="98">
        <v>0</v>
      </c>
      <c r="T6749" s="98">
        <v>0</v>
      </c>
      <c r="U6749" s="99"/>
      <c r="V6749" s="99"/>
      <c r="W6749" s="99"/>
      <c r="X6749" s="99"/>
      <c r="Y6749" s="99"/>
      <c r="Z6749" s="99"/>
      <c r="AA6749" s="99"/>
      <c r="AB6749" s="99"/>
      <c r="AC6749" s="99"/>
      <c r="AD6749" s="99"/>
      <c r="AE6749" s="99"/>
      <c r="AF6749" s="99"/>
      <c r="AG6749" s="99"/>
      <c r="AH6749" s="99"/>
      <c r="AI6749" s="99"/>
      <c r="AJ6749" s="99"/>
      <c r="AK6749" s="99"/>
      <c r="AL6749" s="99"/>
      <c r="AM6749" s="99"/>
      <c r="AN6749" s="99"/>
      <c r="AO6749" s="99"/>
      <c r="AP6749" s="99"/>
      <c r="AQ6749" s="99"/>
      <c r="AR6749" s="99"/>
      <c r="AS6749" s="99"/>
      <c r="AT6749" s="99"/>
      <c r="AU6749" s="99"/>
      <c r="AV6749" s="99"/>
      <c r="AW6749" s="99"/>
      <c r="AX6749" s="99"/>
      <c r="AY6749" s="99"/>
      <c r="AZ6749" s="99"/>
      <c r="BA6749" s="99"/>
      <c r="BB6749" s="221">
        <v>45884</v>
      </c>
    </row>
    <row r="6750" spans="1:54" s="8" customFormat="1" ht="14.1" customHeight="1" x14ac:dyDescent="0.25">
      <c r="A6750" s="219" t="s">
        <v>16129</v>
      </c>
      <c r="B6750" s="220" t="s">
        <v>19871</v>
      </c>
      <c r="C6750" s="98" t="s">
        <v>16130</v>
      </c>
      <c r="D6750" s="98" t="s">
        <v>16131</v>
      </c>
      <c r="E6750" s="141">
        <v>2004</v>
      </c>
      <c r="F6750" s="141">
        <v>265</v>
      </c>
      <c r="G6750" s="98" t="s">
        <v>1</v>
      </c>
      <c r="H6750" s="98">
        <v>0</v>
      </c>
      <c r="I6750" s="98">
        <v>0</v>
      </c>
      <c r="J6750" s="98">
        <v>1</v>
      </c>
      <c r="K6750" s="98">
        <v>0</v>
      </c>
      <c r="L6750" s="98">
        <v>0</v>
      </c>
      <c r="M6750" s="98">
        <v>0</v>
      </c>
      <c r="N6750" s="98">
        <v>0</v>
      </c>
      <c r="O6750" s="98">
        <v>0</v>
      </c>
      <c r="P6750" s="98">
        <v>0</v>
      </c>
      <c r="Q6750" s="98">
        <v>1</v>
      </c>
      <c r="R6750" s="98">
        <v>1</v>
      </c>
      <c r="S6750" s="98">
        <v>0</v>
      </c>
      <c r="T6750" s="98">
        <v>0</v>
      </c>
      <c r="U6750" s="99"/>
      <c r="V6750" s="99"/>
      <c r="W6750" s="99"/>
      <c r="X6750" s="99"/>
      <c r="Y6750" s="99"/>
      <c r="Z6750" s="99"/>
      <c r="AA6750" s="99"/>
      <c r="AB6750" s="99"/>
      <c r="AC6750" s="99"/>
      <c r="AD6750" s="99"/>
      <c r="AE6750" s="99"/>
      <c r="AF6750" s="99"/>
      <c r="AG6750" s="99"/>
      <c r="AH6750" s="99"/>
      <c r="AI6750" s="99"/>
      <c r="AJ6750" s="99"/>
      <c r="AK6750" s="99"/>
      <c r="AL6750" s="99"/>
      <c r="AM6750" s="99"/>
      <c r="AN6750" s="99"/>
      <c r="AO6750" s="99"/>
      <c r="AP6750" s="99"/>
      <c r="AQ6750" s="99"/>
      <c r="AR6750" s="99"/>
      <c r="AS6750" s="99"/>
      <c r="AT6750" s="99"/>
      <c r="AU6750" s="99"/>
      <c r="AV6750" s="99"/>
      <c r="AW6750" s="99"/>
      <c r="AX6750" s="99"/>
      <c r="AY6750" s="99"/>
      <c r="AZ6750" s="99"/>
      <c r="BA6750" s="99"/>
      <c r="BB6750" s="221">
        <v>45884</v>
      </c>
    </row>
    <row r="6751" spans="1:54" s="8" customFormat="1" ht="14.1" customHeight="1" x14ac:dyDescent="0.25">
      <c r="A6751" s="219" t="s">
        <v>16132</v>
      </c>
      <c r="B6751" s="220" t="s">
        <v>19871</v>
      </c>
      <c r="C6751" s="98" t="s">
        <v>15120</v>
      </c>
      <c r="D6751" s="98" t="s">
        <v>16133</v>
      </c>
      <c r="E6751" s="141">
        <v>1983</v>
      </c>
      <c r="F6751" s="141">
        <v>350</v>
      </c>
      <c r="G6751" s="98" t="s">
        <v>1</v>
      </c>
      <c r="H6751" s="98">
        <v>0</v>
      </c>
      <c r="I6751" s="98">
        <v>0</v>
      </c>
      <c r="J6751" s="98">
        <v>1</v>
      </c>
      <c r="K6751" s="98">
        <v>0</v>
      </c>
      <c r="L6751" s="98">
        <v>0</v>
      </c>
      <c r="M6751" s="98">
        <v>0</v>
      </c>
      <c r="N6751" s="98">
        <v>0</v>
      </c>
      <c r="O6751" s="98">
        <v>0</v>
      </c>
      <c r="P6751" s="98">
        <v>0</v>
      </c>
      <c r="Q6751" s="98">
        <v>0</v>
      </c>
      <c r="R6751" s="98">
        <v>0</v>
      </c>
      <c r="S6751" s="98">
        <v>0</v>
      </c>
      <c r="T6751" s="98">
        <v>0</v>
      </c>
      <c r="U6751" s="99"/>
      <c r="V6751" s="99"/>
      <c r="W6751" s="99"/>
      <c r="X6751" s="99"/>
      <c r="Y6751" s="99"/>
      <c r="Z6751" s="99"/>
      <c r="AA6751" s="99"/>
      <c r="AB6751" s="99"/>
      <c r="AC6751" s="99"/>
      <c r="AD6751" s="99"/>
      <c r="AE6751" s="99"/>
      <c r="AF6751" s="99"/>
      <c r="AG6751" s="99"/>
      <c r="AH6751" s="99"/>
      <c r="AI6751" s="99"/>
      <c r="AJ6751" s="99"/>
      <c r="AK6751" s="99"/>
      <c r="AL6751" s="99"/>
      <c r="AM6751" s="99"/>
      <c r="AN6751" s="99"/>
      <c r="AO6751" s="99"/>
      <c r="AP6751" s="99"/>
      <c r="AQ6751" s="99"/>
      <c r="AR6751" s="99"/>
      <c r="AS6751" s="99"/>
      <c r="AT6751" s="99"/>
      <c r="AU6751" s="99"/>
      <c r="AV6751" s="99"/>
      <c r="AW6751" s="99"/>
      <c r="AX6751" s="99"/>
      <c r="AY6751" s="99"/>
      <c r="AZ6751" s="99"/>
      <c r="BA6751" s="99"/>
      <c r="BB6751" s="221">
        <v>45884</v>
      </c>
    </row>
    <row r="6752" spans="1:54" s="8" customFormat="1" ht="14.1" customHeight="1" x14ac:dyDescent="0.25">
      <c r="A6752" s="219" t="s">
        <v>16134</v>
      </c>
      <c r="B6752" s="220" t="s">
        <v>19871</v>
      </c>
      <c r="C6752" s="98" t="s">
        <v>16135</v>
      </c>
      <c r="D6752" s="98" t="s">
        <v>16136</v>
      </c>
      <c r="E6752" s="141">
        <v>1983</v>
      </c>
      <c r="F6752" s="141">
        <v>350</v>
      </c>
      <c r="G6752" s="98" t="s">
        <v>1</v>
      </c>
      <c r="H6752" s="98">
        <v>0</v>
      </c>
      <c r="I6752" s="98">
        <v>0</v>
      </c>
      <c r="J6752" s="98">
        <v>1</v>
      </c>
      <c r="K6752" s="98">
        <v>1</v>
      </c>
      <c r="L6752" s="98">
        <v>1</v>
      </c>
      <c r="M6752" s="98">
        <v>0</v>
      </c>
      <c r="N6752" s="98">
        <v>0</v>
      </c>
      <c r="O6752" s="98">
        <v>0</v>
      </c>
      <c r="P6752" s="98">
        <v>0</v>
      </c>
      <c r="Q6752" s="98">
        <v>0</v>
      </c>
      <c r="R6752" s="98">
        <v>0</v>
      </c>
      <c r="S6752" s="98">
        <v>0</v>
      </c>
      <c r="T6752" s="98">
        <v>0</v>
      </c>
      <c r="U6752" s="99"/>
      <c r="V6752" s="99"/>
      <c r="W6752" s="99"/>
      <c r="X6752" s="99"/>
      <c r="Y6752" s="99"/>
      <c r="Z6752" s="99"/>
      <c r="AA6752" s="99"/>
      <c r="AB6752" s="99"/>
      <c r="AC6752" s="99"/>
      <c r="AD6752" s="99"/>
      <c r="AE6752" s="99"/>
      <c r="AF6752" s="99"/>
      <c r="AG6752" s="99"/>
      <c r="AH6752" s="99"/>
      <c r="AI6752" s="99"/>
      <c r="AJ6752" s="99"/>
      <c r="AK6752" s="99"/>
      <c r="AL6752" s="99"/>
      <c r="AM6752" s="99"/>
      <c r="AN6752" s="99"/>
      <c r="AO6752" s="99"/>
      <c r="AP6752" s="99"/>
      <c r="AQ6752" s="99"/>
      <c r="AR6752" s="99"/>
      <c r="AS6752" s="99"/>
      <c r="AT6752" s="99"/>
      <c r="AU6752" s="99"/>
      <c r="AV6752" s="99"/>
      <c r="AW6752" s="99"/>
      <c r="AX6752" s="99"/>
      <c r="AY6752" s="99"/>
      <c r="AZ6752" s="99"/>
      <c r="BA6752" s="99"/>
      <c r="BB6752" s="221">
        <v>45884</v>
      </c>
    </row>
    <row r="6753" spans="1:54" s="8" customFormat="1" ht="14.1" customHeight="1" x14ac:dyDescent="0.25">
      <c r="A6753" s="219" t="s">
        <v>16137</v>
      </c>
      <c r="B6753" s="220" t="s">
        <v>19871</v>
      </c>
      <c r="C6753" s="98" t="s">
        <v>16138</v>
      </c>
      <c r="D6753" s="98" t="s">
        <v>16139</v>
      </c>
      <c r="E6753" s="141">
        <v>1983</v>
      </c>
      <c r="F6753" s="141">
        <v>386</v>
      </c>
      <c r="G6753" s="98" t="s">
        <v>1</v>
      </c>
      <c r="H6753" s="98">
        <v>0</v>
      </c>
      <c r="I6753" s="98">
        <v>0</v>
      </c>
      <c r="J6753" s="98">
        <v>0</v>
      </c>
      <c r="K6753" s="98">
        <v>0</v>
      </c>
      <c r="L6753" s="98">
        <v>0</v>
      </c>
      <c r="M6753" s="98">
        <v>0</v>
      </c>
      <c r="N6753" s="98">
        <v>0</v>
      </c>
      <c r="O6753" s="98">
        <v>0</v>
      </c>
      <c r="P6753" s="98">
        <v>1</v>
      </c>
      <c r="Q6753" s="98">
        <v>0</v>
      </c>
      <c r="R6753" s="98">
        <v>1</v>
      </c>
      <c r="S6753" s="98">
        <v>0</v>
      </c>
      <c r="T6753" s="98">
        <v>0</v>
      </c>
      <c r="U6753" s="99"/>
      <c r="V6753" s="99"/>
      <c r="W6753" s="99"/>
      <c r="X6753" s="99"/>
      <c r="Y6753" s="99"/>
      <c r="Z6753" s="99"/>
      <c r="AA6753" s="99"/>
      <c r="AB6753" s="99"/>
      <c r="AC6753" s="99"/>
      <c r="AD6753" s="99"/>
      <c r="AE6753" s="99"/>
      <c r="AF6753" s="99"/>
      <c r="AG6753" s="99"/>
      <c r="AH6753" s="99"/>
      <c r="AI6753" s="99"/>
      <c r="AJ6753" s="99"/>
      <c r="AK6753" s="99"/>
      <c r="AL6753" s="99"/>
      <c r="AM6753" s="99"/>
      <c r="AN6753" s="99"/>
      <c r="AO6753" s="99"/>
      <c r="AP6753" s="99"/>
      <c r="AQ6753" s="99"/>
      <c r="AR6753" s="99"/>
      <c r="AS6753" s="99"/>
      <c r="AT6753" s="99"/>
      <c r="AU6753" s="99"/>
      <c r="AV6753" s="99"/>
      <c r="AW6753" s="99"/>
      <c r="AX6753" s="99"/>
      <c r="AY6753" s="99"/>
      <c r="AZ6753" s="99"/>
      <c r="BA6753" s="99"/>
      <c r="BB6753" s="221">
        <v>45884</v>
      </c>
    </row>
    <row r="6754" spans="1:54" s="8" customFormat="1" ht="14.1" customHeight="1" x14ac:dyDescent="0.25">
      <c r="A6754" s="219" t="s">
        <v>16140</v>
      </c>
      <c r="B6754" s="220" t="s">
        <v>19871</v>
      </c>
      <c r="C6754" s="98" t="s">
        <v>16141</v>
      </c>
      <c r="D6754" s="98" t="s">
        <v>16142</v>
      </c>
      <c r="E6754" s="141">
        <v>2016</v>
      </c>
      <c r="F6754" s="141">
        <v>358</v>
      </c>
      <c r="G6754" s="98" t="s">
        <v>1</v>
      </c>
      <c r="H6754" s="98">
        <v>0</v>
      </c>
      <c r="I6754" s="98">
        <v>0</v>
      </c>
      <c r="J6754" s="98">
        <v>1</v>
      </c>
      <c r="K6754" s="98">
        <v>1</v>
      </c>
      <c r="L6754" s="98">
        <v>0</v>
      </c>
      <c r="M6754" s="98">
        <v>0</v>
      </c>
      <c r="N6754" s="98">
        <v>0</v>
      </c>
      <c r="O6754" s="98">
        <v>0</v>
      </c>
      <c r="P6754" s="98">
        <v>0</v>
      </c>
      <c r="Q6754" s="98">
        <v>0</v>
      </c>
      <c r="R6754" s="98">
        <v>0</v>
      </c>
      <c r="S6754" s="98">
        <v>0</v>
      </c>
      <c r="T6754" s="98">
        <v>0</v>
      </c>
      <c r="U6754" s="99"/>
      <c r="V6754" s="99"/>
      <c r="W6754" s="99"/>
      <c r="X6754" s="99"/>
      <c r="Y6754" s="99"/>
      <c r="Z6754" s="99"/>
      <c r="AA6754" s="99"/>
      <c r="AB6754" s="99"/>
      <c r="AC6754" s="99"/>
      <c r="AD6754" s="99"/>
      <c r="AE6754" s="99"/>
      <c r="AF6754" s="99"/>
      <c r="AG6754" s="99"/>
      <c r="AH6754" s="99"/>
      <c r="AI6754" s="99"/>
      <c r="AJ6754" s="99"/>
      <c r="AK6754" s="99"/>
      <c r="AL6754" s="99"/>
      <c r="AM6754" s="99"/>
      <c r="AN6754" s="99"/>
      <c r="AO6754" s="99"/>
      <c r="AP6754" s="99"/>
      <c r="AQ6754" s="99"/>
      <c r="AR6754" s="99"/>
      <c r="AS6754" s="99"/>
      <c r="AT6754" s="99"/>
      <c r="AU6754" s="99"/>
      <c r="AV6754" s="99"/>
      <c r="AW6754" s="99"/>
      <c r="AX6754" s="99"/>
      <c r="AY6754" s="99"/>
      <c r="AZ6754" s="99"/>
      <c r="BA6754" s="99"/>
      <c r="BB6754" s="221">
        <v>45884</v>
      </c>
    </row>
    <row r="6755" spans="1:54" s="8" customFormat="1" ht="14.1" customHeight="1" x14ac:dyDescent="0.25">
      <c r="A6755" s="219" t="s">
        <v>16143</v>
      </c>
      <c r="B6755" s="220" t="s">
        <v>19871</v>
      </c>
      <c r="C6755" s="98" t="s">
        <v>16144</v>
      </c>
      <c r="D6755" s="98" t="s">
        <v>16145</v>
      </c>
      <c r="E6755" s="141">
        <v>2016</v>
      </c>
      <c r="F6755" s="141">
        <v>424</v>
      </c>
      <c r="G6755" s="98" t="s">
        <v>1</v>
      </c>
      <c r="H6755" s="98">
        <v>0</v>
      </c>
      <c r="I6755" s="98">
        <v>0</v>
      </c>
      <c r="J6755" s="98">
        <v>1</v>
      </c>
      <c r="K6755" s="98">
        <v>0</v>
      </c>
      <c r="L6755" s="98">
        <v>0</v>
      </c>
      <c r="M6755" s="98">
        <v>1</v>
      </c>
      <c r="N6755" s="98">
        <v>0</v>
      </c>
      <c r="O6755" s="98">
        <v>0</v>
      </c>
      <c r="P6755" s="98">
        <v>0</v>
      </c>
      <c r="Q6755" s="98">
        <v>0</v>
      </c>
      <c r="R6755" s="98">
        <v>1</v>
      </c>
      <c r="S6755" s="98">
        <v>0</v>
      </c>
      <c r="T6755" s="98">
        <v>0</v>
      </c>
      <c r="U6755" s="99"/>
      <c r="V6755" s="99"/>
      <c r="W6755" s="99"/>
      <c r="X6755" s="99"/>
      <c r="Y6755" s="99"/>
      <c r="Z6755" s="99"/>
      <c r="AA6755" s="99"/>
      <c r="AB6755" s="99"/>
      <c r="AC6755" s="99"/>
      <c r="AD6755" s="99"/>
      <c r="AE6755" s="99"/>
      <c r="AF6755" s="99"/>
      <c r="AG6755" s="99"/>
      <c r="AH6755" s="99"/>
      <c r="AI6755" s="99"/>
      <c r="AJ6755" s="99"/>
      <c r="AK6755" s="99"/>
      <c r="AL6755" s="99"/>
      <c r="AM6755" s="99"/>
      <c r="AN6755" s="99"/>
      <c r="AO6755" s="99"/>
      <c r="AP6755" s="99"/>
      <c r="AQ6755" s="99"/>
      <c r="AR6755" s="99"/>
      <c r="AS6755" s="99"/>
      <c r="AT6755" s="99"/>
      <c r="AU6755" s="99"/>
      <c r="AV6755" s="99"/>
      <c r="AW6755" s="99"/>
      <c r="AX6755" s="99"/>
      <c r="AY6755" s="99"/>
      <c r="AZ6755" s="99"/>
      <c r="BA6755" s="99"/>
      <c r="BB6755" s="221">
        <v>45884</v>
      </c>
    </row>
    <row r="6756" spans="1:54" s="8" customFormat="1" ht="14.1" customHeight="1" x14ac:dyDescent="0.25">
      <c r="A6756" s="219" t="s">
        <v>16146</v>
      </c>
      <c r="B6756" s="220" t="s">
        <v>19871</v>
      </c>
      <c r="C6756" s="98" t="s">
        <v>16147</v>
      </c>
      <c r="D6756" s="98" t="s">
        <v>16148</v>
      </c>
      <c r="E6756" s="141">
        <v>1993</v>
      </c>
      <c r="F6756" s="141">
        <v>403</v>
      </c>
      <c r="G6756" s="98" t="s">
        <v>1</v>
      </c>
      <c r="H6756" s="98">
        <v>0</v>
      </c>
      <c r="I6756" s="98">
        <v>0</v>
      </c>
      <c r="J6756" s="98">
        <v>1</v>
      </c>
      <c r="K6756" s="98">
        <v>0</v>
      </c>
      <c r="L6756" s="98">
        <v>0</v>
      </c>
      <c r="M6756" s="98">
        <v>0</v>
      </c>
      <c r="N6756" s="98">
        <v>0</v>
      </c>
      <c r="O6756" s="98">
        <v>0</v>
      </c>
      <c r="P6756" s="98">
        <v>0</v>
      </c>
      <c r="Q6756" s="98">
        <v>0</v>
      </c>
      <c r="R6756" s="98">
        <v>0</v>
      </c>
      <c r="S6756" s="98">
        <v>0</v>
      </c>
      <c r="T6756" s="98">
        <v>0</v>
      </c>
      <c r="U6756" s="99"/>
      <c r="V6756" s="99"/>
      <c r="W6756" s="99"/>
      <c r="X6756" s="99"/>
      <c r="Y6756" s="99"/>
      <c r="Z6756" s="99"/>
      <c r="AA6756" s="99"/>
      <c r="AB6756" s="99"/>
      <c r="AC6756" s="99"/>
      <c r="AD6756" s="99"/>
      <c r="AE6756" s="99"/>
      <c r="AF6756" s="99"/>
      <c r="AG6756" s="99"/>
      <c r="AH6756" s="99"/>
      <c r="AI6756" s="99"/>
      <c r="AJ6756" s="99"/>
      <c r="AK6756" s="99"/>
      <c r="AL6756" s="99"/>
      <c r="AM6756" s="99"/>
      <c r="AN6756" s="99"/>
      <c r="AO6756" s="99"/>
      <c r="AP6756" s="99"/>
      <c r="AQ6756" s="99"/>
      <c r="AR6756" s="99"/>
      <c r="AS6756" s="99"/>
      <c r="AT6756" s="99"/>
      <c r="AU6756" s="99"/>
      <c r="AV6756" s="99"/>
      <c r="AW6756" s="99"/>
      <c r="AX6756" s="99"/>
      <c r="AY6756" s="99"/>
      <c r="AZ6756" s="99"/>
      <c r="BA6756" s="99"/>
      <c r="BB6756" s="221">
        <v>45884</v>
      </c>
    </row>
    <row r="6757" spans="1:54" s="8" customFormat="1" ht="14.1" customHeight="1" x14ac:dyDescent="0.25">
      <c r="A6757" s="219" t="s">
        <v>16149</v>
      </c>
      <c r="B6757" s="220" t="s">
        <v>19871</v>
      </c>
      <c r="C6757" s="98" t="s">
        <v>21685</v>
      </c>
      <c r="D6757" s="98" t="s">
        <v>22077</v>
      </c>
      <c r="E6757" s="141">
        <v>1975</v>
      </c>
      <c r="F6757" s="141">
        <v>415</v>
      </c>
      <c r="G6757" s="98" t="s">
        <v>1</v>
      </c>
      <c r="H6757" s="98">
        <v>0</v>
      </c>
      <c r="I6757" s="98">
        <v>0</v>
      </c>
      <c r="J6757" s="98">
        <v>0</v>
      </c>
      <c r="K6757" s="98">
        <v>0</v>
      </c>
      <c r="L6757" s="98">
        <v>1</v>
      </c>
      <c r="M6757" s="98">
        <v>0</v>
      </c>
      <c r="N6757" s="98">
        <v>0</v>
      </c>
      <c r="O6757" s="98">
        <v>0</v>
      </c>
      <c r="P6757" s="98">
        <v>0</v>
      </c>
      <c r="Q6757" s="98">
        <v>0</v>
      </c>
      <c r="R6757" s="98">
        <v>1</v>
      </c>
      <c r="S6757" s="98">
        <v>0</v>
      </c>
      <c r="T6757" s="98">
        <v>0</v>
      </c>
      <c r="U6757" s="99"/>
      <c r="V6757" s="99"/>
      <c r="W6757" s="99"/>
      <c r="X6757" s="99"/>
      <c r="Y6757" s="99"/>
      <c r="Z6757" s="99"/>
      <c r="AA6757" s="99"/>
      <c r="AB6757" s="99"/>
      <c r="AC6757" s="99"/>
      <c r="AD6757" s="99"/>
      <c r="AE6757" s="99"/>
      <c r="AF6757" s="99"/>
      <c r="AG6757" s="99"/>
      <c r="AH6757" s="99"/>
      <c r="AI6757" s="99"/>
      <c r="AJ6757" s="99"/>
      <c r="AK6757" s="99"/>
      <c r="AL6757" s="99"/>
      <c r="AM6757" s="99"/>
      <c r="AN6757" s="99"/>
      <c r="AO6757" s="99"/>
      <c r="AP6757" s="99"/>
      <c r="AQ6757" s="99"/>
      <c r="AR6757" s="99"/>
      <c r="AS6757" s="99"/>
      <c r="AT6757" s="99"/>
      <c r="AU6757" s="99"/>
      <c r="AV6757" s="99"/>
      <c r="AW6757" s="99"/>
      <c r="AX6757" s="99"/>
      <c r="AY6757" s="99"/>
      <c r="AZ6757" s="99"/>
      <c r="BA6757" s="99"/>
      <c r="BB6757" s="221">
        <v>45884</v>
      </c>
    </row>
    <row r="6758" spans="1:54" s="8" customFormat="1" ht="14.1" customHeight="1" x14ac:dyDescent="0.25">
      <c r="A6758" s="219" t="s">
        <v>16150</v>
      </c>
      <c r="B6758" s="220" t="s">
        <v>19871</v>
      </c>
      <c r="C6758" s="98" t="s">
        <v>16151</v>
      </c>
      <c r="D6758" s="98" t="s">
        <v>16152</v>
      </c>
      <c r="E6758" s="141">
        <v>2016</v>
      </c>
      <c r="F6758" s="141">
        <v>462</v>
      </c>
      <c r="G6758" s="98" t="s">
        <v>1</v>
      </c>
      <c r="H6758" s="98">
        <v>0</v>
      </c>
      <c r="I6758" s="98">
        <v>0</v>
      </c>
      <c r="J6758" s="98">
        <v>1</v>
      </c>
      <c r="K6758" s="98">
        <v>1</v>
      </c>
      <c r="L6758" s="98">
        <v>0</v>
      </c>
      <c r="M6758" s="98">
        <v>0</v>
      </c>
      <c r="N6758" s="98">
        <v>0</v>
      </c>
      <c r="O6758" s="98">
        <v>0</v>
      </c>
      <c r="P6758" s="98">
        <v>0</v>
      </c>
      <c r="Q6758" s="98">
        <v>0</v>
      </c>
      <c r="R6758" s="98">
        <v>0</v>
      </c>
      <c r="S6758" s="98">
        <v>0</v>
      </c>
      <c r="T6758" s="98">
        <v>0</v>
      </c>
      <c r="U6758" s="99"/>
      <c r="V6758" s="99"/>
      <c r="W6758" s="99"/>
      <c r="X6758" s="99"/>
      <c r="Y6758" s="99"/>
      <c r="Z6758" s="99"/>
      <c r="AA6758" s="99"/>
      <c r="AB6758" s="99"/>
      <c r="AC6758" s="99"/>
      <c r="AD6758" s="99"/>
      <c r="AE6758" s="99"/>
      <c r="AF6758" s="99"/>
      <c r="AG6758" s="99"/>
      <c r="AH6758" s="99"/>
      <c r="AI6758" s="99"/>
      <c r="AJ6758" s="99"/>
      <c r="AK6758" s="99"/>
      <c r="AL6758" s="99"/>
      <c r="AM6758" s="99"/>
      <c r="AN6758" s="99"/>
      <c r="AO6758" s="99"/>
      <c r="AP6758" s="99"/>
      <c r="AQ6758" s="99"/>
      <c r="AR6758" s="99"/>
      <c r="AS6758" s="99"/>
      <c r="AT6758" s="99"/>
      <c r="AU6758" s="99"/>
      <c r="AV6758" s="99"/>
      <c r="AW6758" s="99"/>
      <c r="AX6758" s="99"/>
      <c r="AY6758" s="99"/>
      <c r="AZ6758" s="99"/>
      <c r="BA6758" s="99"/>
      <c r="BB6758" s="221">
        <v>45884</v>
      </c>
    </row>
    <row r="6759" spans="1:54" s="8" customFormat="1" ht="14.1" customHeight="1" x14ac:dyDescent="0.25">
      <c r="A6759" s="219" t="s">
        <v>16153</v>
      </c>
      <c r="B6759" s="220" t="s">
        <v>19871</v>
      </c>
      <c r="C6759" s="98" t="s">
        <v>16154</v>
      </c>
      <c r="D6759" s="98" t="s">
        <v>22078</v>
      </c>
      <c r="E6759" s="141">
        <v>1983</v>
      </c>
      <c r="F6759" s="141">
        <v>503</v>
      </c>
      <c r="G6759" s="98" t="s">
        <v>1</v>
      </c>
      <c r="H6759" s="98">
        <v>0</v>
      </c>
      <c r="I6759" s="98">
        <v>0</v>
      </c>
      <c r="J6759" s="98">
        <v>1</v>
      </c>
      <c r="K6759" s="98">
        <v>0</v>
      </c>
      <c r="L6759" s="98">
        <v>1</v>
      </c>
      <c r="M6759" s="98">
        <v>0</v>
      </c>
      <c r="N6759" s="98">
        <v>0</v>
      </c>
      <c r="O6759" s="98">
        <v>0</v>
      </c>
      <c r="P6759" s="98">
        <v>1</v>
      </c>
      <c r="Q6759" s="98">
        <v>1</v>
      </c>
      <c r="R6759" s="98">
        <v>0</v>
      </c>
      <c r="S6759" s="98">
        <v>1</v>
      </c>
      <c r="T6759" s="98">
        <v>0</v>
      </c>
      <c r="U6759" s="99"/>
      <c r="V6759" s="99"/>
      <c r="W6759" s="99"/>
      <c r="X6759" s="99"/>
      <c r="Y6759" s="99"/>
      <c r="Z6759" s="99"/>
      <c r="AA6759" s="99"/>
      <c r="AB6759" s="99"/>
      <c r="AC6759" s="99"/>
      <c r="AD6759" s="99"/>
      <c r="AE6759" s="99"/>
      <c r="AF6759" s="99"/>
      <c r="AG6759" s="99"/>
      <c r="AH6759" s="99"/>
      <c r="AI6759" s="99"/>
      <c r="AJ6759" s="99"/>
      <c r="AK6759" s="99"/>
      <c r="AL6759" s="99"/>
      <c r="AM6759" s="99"/>
      <c r="AN6759" s="99"/>
      <c r="AO6759" s="99"/>
      <c r="AP6759" s="99"/>
      <c r="AQ6759" s="99"/>
      <c r="AR6759" s="99"/>
      <c r="AS6759" s="99"/>
      <c r="AT6759" s="99"/>
      <c r="AU6759" s="99"/>
      <c r="AV6759" s="99"/>
      <c r="AW6759" s="99"/>
      <c r="AX6759" s="99"/>
      <c r="AY6759" s="99"/>
      <c r="AZ6759" s="99"/>
      <c r="BA6759" s="99"/>
      <c r="BB6759" s="221">
        <v>45884</v>
      </c>
    </row>
    <row r="6760" spans="1:54" s="8" customFormat="1" ht="14.1" customHeight="1" x14ac:dyDescent="0.25">
      <c r="A6760" s="219" t="s">
        <v>16155</v>
      </c>
      <c r="B6760" s="220" t="s">
        <v>19871</v>
      </c>
      <c r="C6760" s="98" t="s">
        <v>16156</v>
      </c>
      <c r="D6760" s="98" t="s">
        <v>16157</v>
      </c>
      <c r="E6760" s="141">
        <v>1990</v>
      </c>
      <c r="F6760" s="141">
        <v>503</v>
      </c>
      <c r="G6760" s="98" t="s">
        <v>1</v>
      </c>
      <c r="H6760" s="98">
        <v>0</v>
      </c>
      <c r="I6760" s="98">
        <v>0</v>
      </c>
      <c r="J6760" s="98">
        <v>1</v>
      </c>
      <c r="K6760" s="98">
        <v>0</v>
      </c>
      <c r="L6760" s="98">
        <v>1</v>
      </c>
      <c r="M6760" s="98">
        <v>0</v>
      </c>
      <c r="N6760" s="98">
        <v>0</v>
      </c>
      <c r="O6760" s="98">
        <v>0</v>
      </c>
      <c r="P6760" s="98">
        <v>0</v>
      </c>
      <c r="Q6760" s="98">
        <v>0</v>
      </c>
      <c r="R6760" s="98">
        <v>0</v>
      </c>
      <c r="S6760" s="98">
        <v>0</v>
      </c>
      <c r="T6760" s="98">
        <v>0</v>
      </c>
      <c r="U6760" s="99"/>
      <c r="V6760" s="99"/>
      <c r="W6760" s="99"/>
      <c r="X6760" s="99"/>
      <c r="Y6760" s="99"/>
      <c r="Z6760" s="99"/>
      <c r="AA6760" s="99"/>
      <c r="AB6760" s="99"/>
      <c r="AC6760" s="99"/>
      <c r="AD6760" s="99"/>
      <c r="AE6760" s="99"/>
      <c r="AF6760" s="99"/>
      <c r="AG6760" s="99"/>
      <c r="AH6760" s="99"/>
      <c r="AI6760" s="99"/>
      <c r="AJ6760" s="99"/>
      <c r="AK6760" s="99"/>
      <c r="AL6760" s="99"/>
      <c r="AM6760" s="99"/>
      <c r="AN6760" s="99"/>
      <c r="AO6760" s="99"/>
      <c r="AP6760" s="99"/>
      <c r="AQ6760" s="99"/>
      <c r="AR6760" s="99"/>
      <c r="AS6760" s="99"/>
      <c r="AT6760" s="99"/>
      <c r="AU6760" s="99"/>
      <c r="AV6760" s="99"/>
      <c r="AW6760" s="99"/>
      <c r="AX6760" s="99"/>
      <c r="AY6760" s="99"/>
      <c r="AZ6760" s="99"/>
      <c r="BA6760" s="99"/>
      <c r="BB6760" s="221">
        <v>45884</v>
      </c>
    </row>
    <row r="6761" spans="1:54" s="8" customFormat="1" ht="14.1" customHeight="1" x14ac:dyDescent="0.25">
      <c r="A6761" s="219" t="s">
        <v>16158</v>
      </c>
      <c r="B6761" s="220" t="s">
        <v>19871</v>
      </c>
      <c r="C6761" s="98" t="s">
        <v>16159</v>
      </c>
      <c r="D6761" s="98" t="s">
        <v>16160</v>
      </c>
      <c r="E6761" s="141">
        <v>1988</v>
      </c>
      <c r="F6761" s="141">
        <v>506</v>
      </c>
      <c r="G6761" s="98" t="s">
        <v>1</v>
      </c>
      <c r="H6761" s="98">
        <v>0</v>
      </c>
      <c r="I6761" s="98">
        <v>0</v>
      </c>
      <c r="J6761" s="98">
        <v>1</v>
      </c>
      <c r="K6761" s="98">
        <v>0</v>
      </c>
      <c r="L6761" s="98">
        <v>0</v>
      </c>
      <c r="M6761" s="98">
        <v>0</v>
      </c>
      <c r="N6761" s="98">
        <v>1</v>
      </c>
      <c r="O6761" s="98">
        <v>0</v>
      </c>
      <c r="P6761" s="98">
        <v>0</v>
      </c>
      <c r="Q6761" s="98">
        <v>0</v>
      </c>
      <c r="R6761" s="98">
        <v>0</v>
      </c>
      <c r="S6761" s="98">
        <v>0</v>
      </c>
      <c r="T6761" s="98">
        <v>0</v>
      </c>
      <c r="U6761" s="99"/>
      <c r="V6761" s="99"/>
      <c r="W6761" s="99"/>
      <c r="X6761" s="99"/>
      <c r="Y6761" s="99"/>
      <c r="Z6761" s="99"/>
      <c r="AA6761" s="99"/>
      <c r="AB6761" s="99"/>
      <c r="AC6761" s="99"/>
      <c r="AD6761" s="99"/>
      <c r="AE6761" s="99"/>
      <c r="AF6761" s="99"/>
      <c r="AG6761" s="99"/>
      <c r="AH6761" s="99"/>
      <c r="AI6761" s="99"/>
      <c r="AJ6761" s="99"/>
      <c r="AK6761" s="99"/>
      <c r="AL6761" s="99"/>
      <c r="AM6761" s="99"/>
      <c r="AN6761" s="99"/>
      <c r="AO6761" s="99"/>
      <c r="AP6761" s="99"/>
      <c r="AQ6761" s="99"/>
      <c r="AR6761" s="99"/>
      <c r="AS6761" s="99"/>
      <c r="AT6761" s="99"/>
      <c r="AU6761" s="99"/>
      <c r="AV6761" s="99"/>
      <c r="AW6761" s="99"/>
      <c r="AX6761" s="99"/>
      <c r="AY6761" s="99"/>
      <c r="AZ6761" s="99"/>
      <c r="BA6761" s="99"/>
      <c r="BB6761" s="221">
        <v>45884</v>
      </c>
    </row>
    <row r="6762" spans="1:54" s="8" customFormat="1" ht="14.1" customHeight="1" x14ac:dyDescent="0.25">
      <c r="A6762" s="219" t="s">
        <v>16161</v>
      </c>
      <c r="B6762" s="220" t="s">
        <v>19871</v>
      </c>
      <c r="C6762" s="98" t="s">
        <v>13493</v>
      </c>
      <c r="D6762" s="98" t="s">
        <v>16162</v>
      </c>
      <c r="E6762" s="141">
        <v>1983</v>
      </c>
      <c r="F6762" s="141">
        <v>510</v>
      </c>
      <c r="G6762" s="98" t="s">
        <v>1</v>
      </c>
      <c r="H6762" s="98">
        <v>0</v>
      </c>
      <c r="I6762" s="98">
        <v>0</v>
      </c>
      <c r="J6762" s="98">
        <v>0</v>
      </c>
      <c r="K6762" s="98">
        <v>1</v>
      </c>
      <c r="L6762" s="98">
        <v>0</v>
      </c>
      <c r="M6762" s="98">
        <v>0</v>
      </c>
      <c r="N6762" s="98">
        <v>1</v>
      </c>
      <c r="O6762" s="98">
        <v>1</v>
      </c>
      <c r="P6762" s="98">
        <v>0</v>
      </c>
      <c r="Q6762" s="98">
        <v>1</v>
      </c>
      <c r="R6762" s="98">
        <v>0</v>
      </c>
      <c r="S6762" s="98">
        <v>0</v>
      </c>
      <c r="T6762" s="98">
        <v>0</v>
      </c>
      <c r="U6762" s="99"/>
      <c r="V6762" s="99"/>
      <c r="W6762" s="99"/>
      <c r="X6762" s="99"/>
      <c r="Y6762" s="99"/>
      <c r="Z6762" s="99"/>
      <c r="AA6762" s="99"/>
      <c r="AB6762" s="99"/>
      <c r="AC6762" s="99"/>
      <c r="AD6762" s="99"/>
      <c r="AE6762" s="99"/>
      <c r="AF6762" s="99"/>
      <c r="AG6762" s="99"/>
      <c r="AH6762" s="99"/>
      <c r="AI6762" s="99"/>
      <c r="AJ6762" s="99"/>
      <c r="AK6762" s="99"/>
      <c r="AL6762" s="99"/>
      <c r="AM6762" s="99"/>
      <c r="AN6762" s="99"/>
      <c r="AO6762" s="99"/>
      <c r="AP6762" s="99"/>
      <c r="AQ6762" s="99"/>
      <c r="AR6762" s="99"/>
      <c r="AS6762" s="99"/>
      <c r="AT6762" s="99"/>
      <c r="AU6762" s="99"/>
      <c r="AV6762" s="99"/>
      <c r="AW6762" s="99"/>
      <c r="AX6762" s="99"/>
      <c r="AY6762" s="99"/>
      <c r="AZ6762" s="99"/>
      <c r="BA6762" s="99"/>
      <c r="BB6762" s="221">
        <v>45884</v>
      </c>
    </row>
    <row r="6763" spans="1:54" s="8" customFormat="1" ht="14.1" customHeight="1" x14ac:dyDescent="0.25">
      <c r="A6763" s="219" t="s">
        <v>16163</v>
      </c>
      <c r="B6763" s="220" t="s">
        <v>19871</v>
      </c>
      <c r="C6763" s="98" t="s">
        <v>16164</v>
      </c>
      <c r="D6763" s="98" t="s">
        <v>22079</v>
      </c>
      <c r="E6763" s="141">
        <v>1992</v>
      </c>
      <c r="F6763" s="141">
        <v>542</v>
      </c>
      <c r="G6763" s="98" t="s">
        <v>1</v>
      </c>
      <c r="H6763" s="98">
        <v>0</v>
      </c>
      <c r="I6763" s="98">
        <v>0</v>
      </c>
      <c r="J6763" s="98">
        <v>0</v>
      </c>
      <c r="K6763" s="98">
        <v>0</v>
      </c>
      <c r="L6763" s="98">
        <v>1</v>
      </c>
      <c r="M6763" s="98">
        <v>0</v>
      </c>
      <c r="N6763" s="98">
        <v>0</v>
      </c>
      <c r="O6763" s="98">
        <v>1</v>
      </c>
      <c r="P6763" s="98">
        <v>1</v>
      </c>
      <c r="Q6763" s="98">
        <v>0</v>
      </c>
      <c r="R6763" s="98">
        <v>1</v>
      </c>
      <c r="S6763" s="98">
        <v>0</v>
      </c>
      <c r="T6763" s="98">
        <v>0</v>
      </c>
      <c r="U6763" s="99"/>
      <c r="V6763" s="99"/>
      <c r="W6763" s="99"/>
      <c r="X6763" s="99"/>
      <c r="Y6763" s="99"/>
      <c r="Z6763" s="99"/>
      <c r="AA6763" s="99"/>
      <c r="AB6763" s="99"/>
      <c r="AC6763" s="99"/>
      <c r="AD6763" s="99"/>
      <c r="AE6763" s="99"/>
      <c r="AF6763" s="99"/>
      <c r="AG6763" s="99"/>
      <c r="AH6763" s="99"/>
      <c r="AI6763" s="99"/>
      <c r="AJ6763" s="99"/>
      <c r="AK6763" s="99"/>
      <c r="AL6763" s="99"/>
      <c r="AM6763" s="99"/>
      <c r="AN6763" s="99"/>
      <c r="AO6763" s="99"/>
      <c r="AP6763" s="99"/>
      <c r="AQ6763" s="99"/>
      <c r="AR6763" s="99"/>
      <c r="AS6763" s="99"/>
      <c r="AT6763" s="99"/>
      <c r="AU6763" s="99"/>
      <c r="AV6763" s="99"/>
      <c r="AW6763" s="99"/>
      <c r="AX6763" s="99"/>
      <c r="AY6763" s="99"/>
      <c r="AZ6763" s="99"/>
      <c r="BA6763" s="99"/>
      <c r="BB6763" s="221">
        <v>45884</v>
      </c>
    </row>
    <row r="6764" spans="1:54" s="8" customFormat="1" ht="14.1" customHeight="1" x14ac:dyDescent="0.25">
      <c r="A6764" s="219" t="s">
        <v>16165</v>
      </c>
      <c r="B6764" s="220" t="s">
        <v>19871</v>
      </c>
      <c r="C6764" s="98" t="s">
        <v>16166</v>
      </c>
      <c r="D6764" s="98" t="s">
        <v>16167</v>
      </c>
      <c r="E6764" s="141">
        <v>1984</v>
      </c>
      <c r="F6764" s="141">
        <v>596</v>
      </c>
      <c r="G6764" s="98" t="s">
        <v>1</v>
      </c>
      <c r="H6764" s="98">
        <v>0</v>
      </c>
      <c r="I6764" s="98">
        <v>0</v>
      </c>
      <c r="J6764" s="98">
        <v>1</v>
      </c>
      <c r="K6764" s="98">
        <v>0</v>
      </c>
      <c r="L6764" s="98">
        <v>1</v>
      </c>
      <c r="M6764" s="98">
        <v>1</v>
      </c>
      <c r="N6764" s="98">
        <v>0</v>
      </c>
      <c r="O6764" s="98">
        <v>0</v>
      </c>
      <c r="P6764" s="98">
        <v>0</v>
      </c>
      <c r="Q6764" s="98">
        <v>0</v>
      </c>
      <c r="R6764" s="98">
        <v>0</v>
      </c>
      <c r="S6764" s="98">
        <v>0</v>
      </c>
      <c r="T6764" s="98">
        <v>0</v>
      </c>
      <c r="U6764" s="99"/>
      <c r="V6764" s="99"/>
      <c r="W6764" s="99"/>
      <c r="X6764" s="99"/>
      <c r="Y6764" s="99"/>
      <c r="Z6764" s="99"/>
      <c r="AA6764" s="99"/>
      <c r="AB6764" s="99"/>
      <c r="AC6764" s="99"/>
      <c r="AD6764" s="99"/>
      <c r="AE6764" s="99"/>
      <c r="AF6764" s="99"/>
      <c r="AG6764" s="99"/>
      <c r="AH6764" s="99"/>
      <c r="AI6764" s="99"/>
      <c r="AJ6764" s="99"/>
      <c r="AK6764" s="99"/>
      <c r="AL6764" s="99"/>
      <c r="AM6764" s="99"/>
      <c r="AN6764" s="99"/>
      <c r="AO6764" s="99"/>
      <c r="AP6764" s="99"/>
      <c r="AQ6764" s="99"/>
      <c r="AR6764" s="99"/>
      <c r="AS6764" s="99"/>
      <c r="AT6764" s="99"/>
      <c r="AU6764" s="99"/>
      <c r="AV6764" s="99"/>
      <c r="AW6764" s="99"/>
      <c r="AX6764" s="99"/>
      <c r="AY6764" s="99"/>
      <c r="AZ6764" s="99"/>
      <c r="BA6764" s="99"/>
      <c r="BB6764" s="221">
        <v>45884</v>
      </c>
    </row>
    <row r="6765" spans="1:54" s="8" customFormat="1" ht="14.1" customHeight="1" x14ac:dyDescent="0.25">
      <c r="A6765" s="219" t="s">
        <v>16168</v>
      </c>
      <c r="B6765" s="220" t="s">
        <v>19871</v>
      </c>
      <c r="C6765" s="98" t="s">
        <v>16169</v>
      </c>
      <c r="D6765" s="98" t="s">
        <v>16170</v>
      </c>
      <c r="E6765" s="141">
        <v>1988</v>
      </c>
      <c r="F6765" s="141">
        <v>609</v>
      </c>
      <c r="G6765" s="98" t="s">
        <v>1</v>
      </c>
      <c r="H6765" s="98">
        <v>0</v>
      </c>
      <c r="I6765" s="98">
        <v>0</v>
      </c>
      <c r="J6765" s="98">
        <v>1</v>
      </c>
      <c r="K6765" s="98">
        <v>1</v>
      </c>
      <c r="L6765" s="98">
        <v>1</v>
      </c>
      <c r="M6765" s="98">
        <v>0</v>
      </c>
      <c r="N6765" s="98">
        <v>0</v>
      </c>
      <c r="O6765" s="98">
        <v>0</v>
      </c>
      <c r="P6765" s="98">
        <v>1</v>
      </c>
      <c r="Q6765" s="98">
        <v>1</v>
      </c>
      <c r="R6765" s="98">
        <v>0</v>
      </c>
      <c r="S6765" s="98">
        <v>0</v>
      </c>
      <c r="T6765" s="98">
        <v>0</v>
      </c>
      <c r="U6765" s="99"/>
      <c r="V6765" s="99"/>
      <c r="W6765" s="99"/>
      <c r="X6765" s="99"/>
      <c r="Y6765" s="99"/>
      <c r="Z6765" s="99"/>
      <c r="AA6765" s="99"/>
      <c r="AB6765" s="99"/>
      <c r="AC6765" s="99"/>
      <c r="AD6765" s="99"/>
      <c r="AE6765" s="99"/>
      <c r="AF6765" s="99"/>
      <c r="AG6765" s="99"/>
      <c r="AH6765" s="99"/>
      <c r="AI6765" s="99"/>
      <c r="AJ6765" s="99"/>
      <c r="AK6765" s="99"/>
      <c r="AL6765" s="99"/>
      <c r="AM6765" s="99"/>
      <c r="AN6765" s="99"/>
      <c r="AO6765" s="99"/>
      <c r="AP6765" s="99"/>
      <c r="AQ6765" s="99"/>
      <c r="AR6765" s="99"/>
      <c r="AS6765" s="99"/>
      <c r="AT6765" s="99"/>
      <c r="AU6765" s="99"/>
      <c r="AV6765" s="99"/>
      <c r="AW6765" s="99"/>
      <c r="AX6765" s="99"/>
      <c r="AY6765" s="99"/>
      <c r="AZ6765" s="99"/>
      <c r="BA6765" s="99"/>
      <c r="BB6765" s="221">
        <v>45884</v>
      </c>
    </row>
    <row r="6766" spans="1:54" s="8" customFormat="1" ht="14.1" customHeight="1" x14ac:dyDescent="0.25">
      <c r="A6766" s="219" t="s">
        <v>16171</v>
      </c>
      <c r="B6766" s="220" t="s">
        <v>19871</v>
      </c>
      <c r="C6766" s="98" t="s">
        <v>16172</v>
      </c>
      <c r="D6766" s="98" t="s">
        <v>16173</v>
      </c>
      <c r="E6766" s="141">
        <v>1983</v>
      </c>
      <c r="F6766" s="141">
        <v>684</v>
      </c>
      <c r="G6766" s="98" t="s">
        <v>1</v>
      </c>
      <c r="H6766" s="98">
        <v>0</v>
      </c>
      <c r="I6766" s="98">
        <v>0</v>
      </c>
      <c r="J6766" s="98">
        <v>1</v>
      </c>
      <c r="K6766" s="98">
        <v>0</v>
      </c>
      <c r="L6766" s="98">
        <v>0</v>
      </c>
      <c r="M6766" s="98">
        <v>1</v>
      </c>
      <c r="N6766" s="98">
        <v>0</v>
      </c>
      <c r="O6766" s="98">
        <v>0</v>
      </c>
      <c r="P6766" s="98">
        <v>0</v>
      </c>
      <c r="Q6766" s="98">
        <v>0</v>
      </c>
      <c r="R6766" s="98">
        <v>0</v>
      </c>
      <c r="S6766" s="98">
        <v>0</v>
      </c>
      <c r="T6766" s="98">
        <v>0</v>
      </c>
      <c r="U6766" s="99"/>
      <c r="V6766" s="99"/>
      <c r="W6766" s="99"/>
      <c r="X6766" s="99"/>
      <c r="Y6766" s="99"/>
      <c r="Z6766" s="99"/>
      <c r="AA6766" s="99"/>
      <c r="AB6766" s="99"/>
      <c r="AC6766" s="99"/>
      <c r="AD6766" s="99"/>
      <c r="AE6766" s="99"/>
      <c r="AF6766" s="99"/>
      <c r="AG6766" s="99"/>
      <c r="AH6766" s="99"/>
      <c r="AI6766" s="99"/>
      <c r="AJ6766" s="99"/>
      <c r="AK6766" s="99"/>
      <c r="AL6766" s="99"/>
      <c r="AM6766" s="99"/>
      <c r="AN6766" s="99"/>
      <c r="AO6766" s="99"/>
      <c r="AP6766" s="99"/>
      <c r="AQ6766" s="99"/>
      <c r="AR6766" s="99"/>
      <c r="AS6766" s="99"/>
      <c r="AT6766" s="99"/>
      <c r="AU6766" s="99"/>
      <c r="AV6766" s="99"/>
      <c r="AW6766" s="99"/>
      <c r="AX6766" s="99"/>
      <c r="AY6766" s="99"/>
      <c r="AZ6766" s="99"/>
      <c r="BA6766" s="99"/>
      <c r="BB6766" s="221">
        <v>45884</v>
      </c>
    </row>
    <row r="6767" spans="1:54" s="8" customFormat="1" ht="14.1" customHeight="1" x14ac:dyDescent="0.25">
      <c r="A6767" s="219" t="s">
        <v>16174</v>
      </c>
      <c r="B6767" s="220" t="s">
        <v>19871</v>
      </c>
      <c r="C6767" s="98" t="s">
        <v>20539</v>
      </c>
      <c r="D6767" s="98" t="s">
        <v>16175</v>
      </c>
      <c r="E6767" s="141">
        <v>1975</v>
      </c>
      <c r="F6767" s="141">
        <v>700</v>
      </c>
      <c r="G6767" s="98" t="s">
        <v>1</v>
      </c>
      <c r="H6767" s="98">
        <v>0</v>
      </c>
      <c r="I6767" s="98">
        <v>0</v>
      </c>
      <c r="J6767" s="98">
        <v>1</v>
      </c>
      <c r="K6767" s="98">
        <v>0</v>
      </c>
      <c r="L6767" s="98">
        <v>1</v>
      </c>
      <c r="M6767" s="98">
        <v>0</v>
      </c>
      <c r="N6767" s="98">
        <v>0</v>
      </c>
      <c r="O6767" s="98">
        <v>1</v>
      </c>
      <c r="P6767" s="98">
        <v>1</v>
      </c>
      <c r="Q6767" s="98">
        <v>0</v>
      </c>
      <c r="R6767" s="98">
        <v>0</v>
      </c>
      <c r="S6767" s="98">
        <v>0</v>
      </c>
      <c r="T6767" s="98">
        <v>0</v>
      </c>
      <c r="U6767" s="99"/>
      <c r="V6767" s="99"/>
      <c r="W6767" s="99"/>
      <c r="X6767" s="99"/>
      <c r="Y6767" s="99"/>
      <c r="Z6767" s="99"/>
      <c r="AA6767" s="99"/>
      <c r="AB6767" s="99"/>
      <c r="AC6767" s="99"/>
      <c r="AD6767" s="99"/>
      <c r="AE6767" s="99"/>
      <c r="AF6767" s="99"/>
      <c r="AG6767" s="99"/>
      <c r="AH6767" s="99"/>
      <c r="AI6767" s="99"/>
      <c r="AJ6767" s="99"/>
      <c r="AK6767" s="99"/>
      <c r="AL6767" s="99"/>
      <c r="AM6767" s="99"/>
      <c r="AN6767" s="99"/>
      <c r="AO6767" s="99"/>
      <c r="AP6767" s="99"/>
      <c r="AQ6767" s="99"/>
      <c r="AR6767" s="99"/>
      <c r="AS6767" s="99"/>
      <c r="AT6767" s="99"/>
      <c r="AU6767" s="99"/>
      <c r="AV6767" s="99"/>
      <c r="AW6767" s="99"/>
      <c r="AX6767" s="99"/>
      <c r="AY6767" s="99"/>
      <c r="AZ6767" s="99"/>
      <c r="BA6767" s="99"/>
      <c r="BB6767" s="221">
        <v>45884</v>
      </c>
    </row>
    <row r="6768" spans="1:54" s="8" customFormat="1" ht="14.1" customHeight="1" x14ac:dyDescent="0.25">
      <c r="A6768" s="219" t="s">
        <v>16176</v>
      </c>
      <c r="B6768" s="220" t="s">
        <v>19871</v>
      </c>
      <c r="C6768" s="98" t="s">
        <v>16177</v>
      </c>
      <c r="D6768" s="98" t="s">
        <v>16178</v>
      </c>
      <c r="E6768" s="141">
        <v>1994</v>
      </c>
      <c r="F6768" s="141">
        <v>742</v>
      </c>
      <c r="G6768" s="98" t="s">
        <v>1</v>
      </c>
      <c r="H6768" s="98">
        <v>0</v>
      </c>
      <c r="I6768" s="98">
        <v>0</v>
      </c>
      <c r="J6768" s="98">
        <v>1</v>
      </c>
      <c r="K6768" s="98">
        <v>1</v>
      </c>
      <c r="L6768" s="98">
        <v>1</v>
      </c>
      <c r="M6768" s="98">
        <v>0</v>
      </c>
      <c r="N6768" s="98">
        <v>0</v>
      </c>
      <c r="O6768" s="98">
        <v>1</v>
      </c>
      <c r="P6768" s="98">
        <v>1</v>
      </c>
      <c r="Q6768" s="98">
        <v>0</v>
      </c>
      <c r="R6768" s="98">
        <v>1</v>
      </c>
      <c r="S6768" s="98">
        <v>0</v>
      </c>
      <c r="T6768" s="98">
        <v>0</v>
      </c>
      <c r="U6768" s="99"/>
      <c r="V6768" s="99"/>
      <c r="W6768" s="99"/>
      <c r="X6768" s="99"/>
      <c r="Y6768" s="99"/>
      <c r="Z6768" s="99"/>
      <c r="AA6768" s="99"/>
      <c r="AB6768" s="99"/>
      <c r="AC6768" s="99"/>
      <c r="AD6768" s="99"/>
      <c r="AE6768" s="99"/>
      <c r="AF6768" s="99"/>
      <c r="AG6768" s="99"/>
      <c r="AH6768" s="99"/>
      <c r="AI6768" s="99"/>
      <c r="AJ6768" s="99"/>
      <c r="AK6768" s="99"/>
      <c r="AL6768" s="99"/>
      <c r="AM6768" s="99"/>
      <c r="AN6768" s="99"/>
      <c r="AO6768" s="99"/>
      <c r="AP6768" s="99"/>
      <c r="AQ6768" s="99"/>
      <c r="AR6768" s="99"/>
      <c r="AS6768" s="99"/>
      <c r="AT6768" s="99"/>
      <c r="AU6768" s="99"/>
      <c r="AV6768" s="99"/>
      <c r="AW6768" s="99"/>
      <c r="AX6768" s="99"/>
      <c r="AY6768" s="99"/>
      <c r="AZ6768" s="99"/>
      <c r="BA6768" s="99"/>
      <c r="BB6768" s="221">
        <v>45884</v>
      </c>
    </row>
    <row r="6769" spans="1:54" s="8" customFormat="1" ht="14.1" customHeight="1" x14ac:dyDescent="0.25">
      <c r="A6769" s="219" t="s">
        <v>16179</v>
      </c>
      <c r="B6769" s="220" t="s">
        <v>19871</v>
      </c>
      <c r="C6769" s="98" t="s">
        <v>16180</v>
      </c>
      <c r="D6769" s="98" t="s">
        <v>22080</v>
      </c>
      <c r="E6769" s="141">
        <v>1983</v>
      </c>
      <c r="F6769" s="141">
        <v>749</v>
      </c>
      <c r="G6769" s="98" t="s">
        <v>1</v>
      </c>
      <c r="H6769" s="98">
        <v>0</v>
      </c>
      <c r="I6769" s="98">
        <v>0</v>
      </c>
      <c r="J6769" s="98">
        <v>1</v>
      </c>
      <c r="K6769" s="98">
        <v>0</v>
      </c>
      <c r="L6769" s="98">
        <v>1</v>
      </c>
      <c r="M6769" s="98">
        <v>0</v>
      </c>
      <c r="N6769" s="98">
        <v>0</v>
      </c>
      <c r="O6769" s="98">
        <v>1</v>
      </c>
      <c r="P6769" s="98">
        <v>1</v>
      </c>
      <c r="Q6769" s="98">
        <v>0</v>
      </c>
      <c r="R6769" s="98">
        <v>1</v>
      </c>
      <c r="S6769" s="98">
        <v>1</v>
      </c>
      <c r="T6769" s="98">
        <v>0</v>
      </c>
      <c r="U6769" s="99"/>
      <c r="V6769" s="99"/>
      <c r="W6769" s="99"/>
      <c r="X6769" s="99"/>
      <c r="Y6769" s="99"/>
      <c r="Z6769" s="99"/>
      <c r="AA6769" s="99"/>
      <c r="AB6769" s="99"/>
      <c r="AC6769" s="99"/>
      <c r="AD6769" s="99"/>
      <c r="AE6769" s="99"/>
      <c r="AF6769" s="99"/>
      <c r="AG6769" s="99"/>
      <c r="AH6769" s="99"/>
      <c r="AI6769" s="99"/>
      <c r="AJ6769" s="99"/>
      <c r="AK6769" s="99"/>
      <c r="AL6769" s="99"/>
      <c r="AM6769" s="99"/>
      <c r="AN6769" s="99"/>
      <c r="AO6769" s="99"/>
      <c r="AP6769" s="99"/>
      <c r="AQ6769" s="99"/>
      <c r="AR6769" s="99"/>
      <c r="AS6769" s="99"/>
      <c r="AT6769" s="99"/>
      <c r="AU6769" s="99"/>
      <c r="AV6769" s="99"/>
      <c r="AW6769" s="99"/>
      <c r="AX6769" s="99"/>
      <c r="AY6769" s="99"/>
      <c r="AZ6769" s="99"/>
      <c r="BA6769" s="99"/>
      <c r="BB6769" s="221">
        <v>45884</v>
      </c>
    </row>
    <row r="6770" spans="1:54" s="8" customFormat="1" ht="14.1" customHeight="1" x14ac:dyDescent="0.25">
      <c r="A6770" s="219" t="s">
        <v>16181</v>
      </c>
      <c r="B6770" s="220" t="s">
        <v>19871</v>
      </c>
      <c r="C6770" s="98" t="s">
        <v>16182</v>
      </c>
      <c r="D6770" s="98" t="s">
        <v>16183</v>
      </c>
      <c r="E6770" s="141">
        <v>1975</v>
      </c>
      <c r="F6770" s="141">
        <v>753</v>
      </c>
      <c r="G6770" s="98" t="s">
        <v>1</v>
      </c>
      <c r="H6770" s="98">
        <v>0</v>
      </c>
      <c r="I6770" s="98">
        <v>0</v>
      </c>
      <c r="J6770" s="98">
        <v>0</v>
      </c>
      <c r="K6770" s="98">
        <v>0</v>
      </c>
      <c r="L6770" s="98">
        <v>0</v>
      </c>
      <c r="M6770" s="98">
        <v>0</v>
      </c>
      <c r="N6770" s="98">
        <v>0</v>
      </c>
      <c r="O6770" s="98">
        <v>0</v>
      </c>
      <c r="P6770" s="98">
        <v>0</v>
      </c>
      <c r="Q6770" s="98">
        <v>0</v>
      </c>
      <c r="R6770" s="98">
        <v>0</v>
      </c>
      <c r="S6770" s="98">
        <v>0</v>
      </c>
      <c r="T6770" s="98">
        <v>0</v>
      </c>
      <c r="U6770" s="99"/>
      <c r="V6770" s="99"/>
      <c r="W6770" s="99"/>
      <c r="X6770" s="99"/>
      <c r="Y6770" s="99"/>
      <c r="Z6770" s="99"/>
      <c r="AA6770" s="99"/>
      <c r="AB6770" s="99"/>
      <c r="AC6770" s="99"/>
      <c r="AD6770" s="99"/>
      <c r="AE6770" s="99"/>
      <c r="AF6770" s="99"/>
      <c r="AG6770" s="99"/>
      <c r="AH6770" s="99"/>
      <c r="AI6770" s="99"/>
      <c r="AJ6770" s="99"/>
      <c r="AK6770" s="99"/>
      <c r="AL6770" s="99"/>
      <c r="AM6770" s="99"/>
      <c r="AN6770" s="99"/>
      <c r="AO6770" s="99"/>
      <c r="AP6770" s="99"/>
      <c r="AQ6770" s="99"/>
      <c r="AR6770" s="99"/>
      <c r="AS6770" s="99"/>
      <c r="AT6770" s="99"/>
      <c r="AU6770" s="99"/>
      <c r="AV6770" s="99"/>
      <c r="AW6770" s="99"/>
      <c r="AX6770" s="99"/>
      <c r="AY6770" s="99"/>
      <c r="AZ6770" s="99"/>
      <c r="BA6770" s="99"/>
      <c r="BB6770" s="221">
        <v>45884</v>
      </c>
    </row>
    <row r="6771" spans="1:54" s="8" customFormat="1" ht="14.1" customHeight="1" x14ac:dyDescent="0.25">
      <c r="A6771" s="219" t="s">
        <v>16184</v>
      </c>
      <c r="B6771" s="220" t="s">
        <v>19871</v>
      </c>
      <c r="C6771" s="98" t="s">
        <v>16185</v>
      </c>
      <c r="D6771" s="98" t="s">
        <v>16186</v>
      </c>
      <c r="E6771" s="141">
        <v>1985</v>
      </c>
      <c r="F6771" s="141">
        <v>759</v>
      </c>
      <c r="G6771" s="98" t="s">
        <v>1</v>
      </c>
      <c r="H6771" s="98">
        <v>0</v>
      </c>
      <c r="I6771" s="98">
        <v>0</v>
      </c>
      <c r="J6771" s="98">
        <v>1</v>
      </c>
      <c r="K6771" s="98">
        <v>1</v>
      </c>
      <c r="L6771" s="98">
        <v>1</v>
      </c>
      <c r="M6771" s="98">
        <v>1</v>
      </c>
      <c r="N6771" s="98">
        <v>1</v>
      </c>
      <c r="O6771" s="98">
        <v>1</v>
      </c>
      <c r="P6771" s="98">
        <v>0</v>
      </c>
      <c r="Q6771" s="98">
        <v>0</v>
      </c>
      <c r="R6771" s="98">
        <v>1</v>
      </c>
      <c r="S6771" s="98">
        <v>0</v>
      </c>
      <c r="T6771" s="98">
        <v>0</v>
      </c>
      <c r="U6771" s="99"/>
      <c r="V6771" s="99"/>
      <c r="W6771" s="99"/>
      <c r="X6771" s="99"/>
      <c r="Y6771" s="99"/>
      <c r="Z6771" s="99"/>
      <c r="AA6771" s="99"/>
      <c r="AB6771" s="99"/>
      <c r="AC6771" s="99"/>
      <c r="AD6771" s="99"/>
      <c r="AE6771" s="99"/>
      <c r="AF6771" s="99"/>
      <c r="AG6771" s="99"/>
      <c r="AH6771" s="99"/>
      <c r="AI6771" s="99"/>
      <c r="AJ6771" s="99"/>
      <c r="AK6771" s="99"/>
      <c r="AL6771" s="99"/>
      <c r="AM6771" s="99"/>
      <c r="AN6771" s="99"/>
      <c r="AO6771" s="99"/>
      <c r="AP6771" s="99"/>
      <c r="AQ6771" s="99"/>
      <c r="AR6771" s="99"/>
      <c r="AS6771" s="99"/>
      <c r="AT6771" s="99"/>
      <c r="AU6771" s="99"/>
      <c r="AV6771" s="99"/>
      <c r="AW6771" s="99"/>
      <c r="AX6771" s="99"/>
      <c r="AY6771" s="99"/>
      <c r="AZ6771" s="99"/>
      <c r="BA6771" s="99"/>
      <c r="BB6771" s="221">
        <v>45884</v>
      </c>
    </row>
    <row r="6772" spans="1:54" s="8" customFormat="1" ht="14.1" customHeight="1" x14ac:dyDescent="0.25">
      <c r="A6772" s="219" t="s">
        <v>16187</v>
      </c>
      <c r="B6772" s="220" t="s">
        <v>19871</v>
      </c>
      <c r="C6772" s="98" t="s">
        <v>16188</v>
      </c>
      <c r="D6772" s="98" t="s">
        <v>16189</v>
      </c>
      <c r="E6772" s="141">
        <v>1975</v>
      </c>
      <c r="F6772" s="141">
        <v>760</v>
      </c>
      <c r="G6772" s="98" t="s">
        <v>1</v>
      </c>
      <c r="H6772" s="98">
        <v>0</v>
      </c>
      <c r="I6772" s="98">
        <v>0</v>
      </c>
      <c r="J6772" s="98">
        <v>0</v>
      </c>
      <c r="K6772" s="98">
        <v>0</v>
      </c>
      <c r="L6772" s="98">
        <v>0</v>
      </c>
      <c r="M6772" s="98">
        <v>0</v>
      </c>
      <c r="N6772" s="98">
        <v>0</v>
      </c>
      <c r="O6772" s="98">
        <v>0</v>
      </c>
      <c r="P6772" s="98">
        <v>0</v>
      </c>
      <c r="Q6772" s="98">
        <v>0</v>
      </c>
      <c r="R6772" s="98">
        <v>0</v>
      </c>
      <c r="S6772" s="98">
        <v>0</v>
      </c>
      <c r="T6772" s="98">
        <v>0</v>
      </c>
      <c r="U6772" s="99"/>
      <c r="V6772" s="99"/>
      <c r="W6772" s="99"/>
      <c r="X6772" s="99"/>
      <c r="Y6772" s="99"/>
      <c r="Z6772" s="99"/>
      <c r="AA6772" s="99"/>
      <c r="AB6772" s="99"/>
      <c r="AC6772" s="99"/>
      <c r="AD6772" s="99"/>
      <c r="AE6772" s="99"/>
      <c r="AF6772" s="99"/>
      <c r="AG6772" s="99"/>
      <c r="AH6772" s="99"/>
      <c r="AI6772" s="99"/>
      <c r="AJ6772" s="99"/>
      <c r="AK6772" s="99"/>
      <c r="AL6772" s="99"/>
      <c r="AM6772" s="99"/>
      <c r="AN6772" s="99"/>
      <c r="AO6772" s="99"/>
      <c r="AP6772" s="99"/>
      <c r="AQ6772" s="99"/>
      <c r="AR6772" s="99"/>
      <c r="AS6772" s="99"/>
      <c r="AT6772" s="99"/>
      <c r="AU6772" s="99"/>
      <c r="AV6772" s="99"/>
      <c r="AW6772" s="99"/>
      <c r="AX6772" s="99"/>
      <c r="AY6772" s="99"/>
      <c r="AZ6772" s="99"/>
      <c r="BA6772" s="99"/>
      <c r="BB6772" s="221">
        <v>45884</v>
      </c>
    </row>
    <row r="6773" spans="1:54" s="8" customFormat="1" ht="14.1" customHeight="1" x14ac:dyDescent="0.25">
      <c r="A6773" s="219" t="s">
        <v>16190</v>
      </c>
      <c r="B6773" s="220" t="s">
        <v>19871</v>
      </c>
      <c r="C6773" s="98" t="s">
        <v>16191</v>
      </c>
      <c r="D6773" s="98" t="s">
        <v>16192</v>
      </c>
      <c r="E6773" s="141">
        <v>1983</v>
      </c>
      <c r="F6773" s="141">
        <v>789</v>
      </c>
      <c r="G6773" s="98" t="s">
        <v>1</v>
      </c>
      <c r="H6773" s="98">
        <v>0</v>
      </c>
      <c r="I6773" s="98">
        <v>0</v>
      </c>
      <c r="J6773" s="98">
        <v>1</v>
      </c>
      <c r="K6773" s="98">
        <v>0</v>
      </c>
      <c r="L6773" s="98">
        <v>1</v>
      </c>
      <c r="M6773" s="98">
        <v>0</v>
      </c>
      <c r="N6773" s="98">
        <v>0</v>
      </c>
      <c r="O6773" s="98">
        <v>0</v>
      </c>
      <c r="P6773" s="98">
        <v>1</v>
      </c>
      <c r="Q6773" s="98">
        <v>0</v>
      </c>
      <c r="R6773" s="98">
        <v>0</v>
      </c>
      <c r="S6773" s="98">
        <v>0</v>
      </c>
      <c r="T6773" s="98">
        <v>0</v>
      </c>
      <c r="U6773" s="99"/>
      <c r="V6773" s="99"/>
      <c r="W6773" s="99"/>
      <c r="X6773" s="99"/>
      <c r="Y6773" s="99"/>
      <c r="Z6773" s="99"/>
      <c r="AA6773" s="99"/>
      <c r="AB6773" s="99"/>
      <c r="AC6773" s="99"/>
      <c r="AD6773" s="99"/>
      <c r="AE6773" s="99"/>
      <c r="AF6773" s="99"/>
      <c r="AG6773" s="99"/>
      <c r="AH6773" s="99"/>
      <c r="AI6773" s="99"/>
      <c r="AJ6773" s="99"/>
      <c r="AK6773" s="99"/>
      <c r="AL6773" s="99"/>
      <c r="AM6773" s="99"/>
      <c r="AN6773" s="99"/>
      <c r="AO6773" s="99"/>
      <c r="AP6773" s="99"/>
      <c r="AQ6773" s="99"/>
      <c r="AR6773" s="99"/>
      <c r="AS6773" s="99"/>
      <c r="AT6773" s="99"/>
      <c r="AU6773" s="99"/>
      <c r="AV6773" s="99"/>
      <c r="AW6773" s="99"/>
      <c r="AX6773" s="99"/>
      <c r="AY6773" s="99"/>
      <c r="AZ6773" s="99"/>
      <c r="BA6773" s="99"/>
      <c r="BB6773" s="221">
        <v>45884</v>
      </c>
    </row>
    <row r="6774" spans="1:54" s="8" customFormat="1" ht="14.1" customHeight="1" x14ac:dyDescent="0.25">
      <c r="A6774" s="219" t="s">
        <v>16193</v>
      </c>
      <c r="B6774" s="220" t="s">
        <v>19871</v>
      </c>
      <c r="C6774" s="98" t="s">
        <v>16194</v>
      </c>
      <c r="D6774" s="98" t="s">
        <v>16195</v>
      </c>
      <c r="E6774" s="141">
        <v>1990</v>
      </c>
      <c r="F6774" s="141">
        <v>797</v>
      </c>
      <c r="G6774" s="98" t="s">
        <v>1</v>
      </c>
      <c r="H6774" s="98">
        <v>0</v>
      </c>
      <c r="I6774" s="98">
        <v>0</v>
      </c>
      <c r="J6774" s="98">
        <v>1</v>
      </c>
      <c r="K6774" s="98">
        <v>0</v>
      </c>
      <c r="L6774" s="98">
        <v>0</v>
      </c>
      <c r="M6774" s="98">
        <v>0</v>
      </c>
      <c r="N6774" s="98">
        <v>0</v>
      </c>
      <c r="O6774" s="98">
        <v>0</v>
      </c>
      <c r="P6774" s="98">
        <v>0</v>
      </c>
      <c r="Q6774" s="98">
        <v>0</v>
      </c>
      <c r="R6774" s="98">
        <v>0</v>
      </c>
      <c r="S6774" s="98">
        <v>0</v>
      </c>
      <c r="T6774" s="98">
        <v>0</v>
      </c>
      <c r="U6774" s="99"/>
      <c r="V6774" s="99"/>
      <c r="W6774" s="99"/>
      <c r="X6774" s="99"/>
      <c r="Y6774" s="99"/>
      <c r="Z6774" s="99"/>
      <c r="AA6774" s="99"/>
      <c r="AB6774" s="99"/>
      <c r="AC6774" s="99"/>
      <c r="AD6774" s="99"/>
      <c r="AE6774" s="99"/>
      <c r="AF6774" s="99"/>
      <c r="AG6774" s="99"/>
      <c r="AH6774" s="99"/>
      <c r="AI6774" s="99"/>
      <c r="AJ6774" s="99"/>
      <c r="AK6774" s="99"/>
      <c r="AL6774" s="99"/>
      <c r="AM6774" s="99"/>
      <c r="AN6774" s="99"/>
      <c r="AO6774" s="99"/>
      <c r="AP6774" s="99"/>
      <c r="AQ6774" s="99"/>
      <c r="AR6774" s="99"/>
      <c r="AS6774" s="99"/>
      <c r="AT6774" s="99"/>
      <c r="AU6774" s="99"/>
      <c r="AV6774" s="99"/>
      <c r="AW6774" s="99"/>
      <c r="AX6774" s="99"/>
      <c r="AY6774" s="99"/>
      <c r="AZ6774" s="99"/>
      <c r="BA6774" s="99"/>
      <c r="BB6774" s="221">
        <v>45884</v>
      </c>
    </row>
    <row r="6775" spans="1:54" s="8" customFormat="1" ht="14.1" customHeight="1" x14ac:dyDescent="0.25">
      <c r="A6775" s="219" t="s">
        <v>16196</v>
      </c>
      <c r="B6775" s="220" t="s">
        <v>19871</v>
      </c>
      <c r="C6775" s="98" t="s">
        <v>13947</v>
      </c>
      <c r="D6775" s="98" t="s">
        <v>16197</v>
      </c>
      <c r="E6775" s="141">
        <v>2001</v>
      </c>
      <c r="F6775" s="141">
        <v>800</v>
      </c>
      <c r="G6775" s="98" t="s">
        <v>1</v>
      </c>
      <c r="H6775" s="98">
        <v>0</v>
      </c>
      <c r="I6775" s="98">
        <v>0</v>
      </c>
      <c r="J6775" s="98">
        <v>1</v>
      </c>
      <c r="K6775" s="98">
        <v>0</v>
      </c>
      <c r="L6775" s="98">
        <v>1</v>
      </c>
      <c r="M6775" s="98">
        <v>0</v>
      </c>
      <c r="N6775" s="98">
        <v>0</v>
      </c>
      <c r="O6775" s="98">
        <v>1</v>
      </c>
      <c r="P6775" s="98">
        <v>1</v>
      </c>
      <c r="Q6775" s="98">
        <v>0</v>
      </c>
      <c r="R6775" s="98">
        <v>1</v>
      </c>
      <c r="S6775" s="98">
        <v>0</v>
      </c>
      <c r="T6775" s="98">
        <v>0</v>
      </c>
      <c r="U6775" s="99"/>
      <c r="V6775" s="99"/>
      <c r="W6775" s="99"/>
      <c r="X6775" s="99"/>
      <c r="Y6775" s="99"/>
      <c r="Z6775" s="99"/>
      <c r="AA6775" s="99"/>
      <c r="AB6775" s="99"/>
      <c r="AC6775" s="99"/>
      <c r="AD6775" s="99"/>
      <c r="AE6775" s="99"/>
      <c r="AF6775" s="99"/>
      <c r="AG6775" s="99"/>
      <c r="AH6775" s="99"/>
      <c r="AI6775" s="99"/>
      <c r="AJ6775" s="99"/>
      <c r="AK6775" s="99"/>
      <c r="AL6775" s="99"/>
      <c r="AM6775" s="99"/>
      <c r="AN6775" s="99"/>
      <c r="AO6775" s="99"/>
      <c r="AP6775" s="99"/>
      <c r="AQ6775" s="99"/>
      <c r="AR6775" s="99"/>
      <c r="AS6775" s="99"/>
      <c r="AT6775" s="99"/>
      <c r="AU6775" s="99"/>
      <c r="AV6775" s="99"/>
      <c r="AW6775" s="99"/>
      <c r="AX6775" s="99"/>
      <c r="AY6775" s="99"/>
      <c r="AZ6775" s="99"/>
      <c r="BA6775" s="99"/>
      <c r="BB6775" s="221">
        <v>45884</v>
      </c>
    </row>
    <row r="6776" spans="1:54" s="8" customFormat="1" ht="14.1" customHeight="1" x14ac:dyDescent="0.25">
      <c r="A6776" s="219" t="s">
        <v>16198</v>
      </c>
      <c r="B6776" s="220" t="s">
        <v>19871</v>
      </c>
      <c r="C6776" s="98" t="s">
        <v>16199</v>
      </c>
      <c r="D6776" s="98" t="s">
        <v>16200</v>
      </c>
      <c r="E6776" s="141">
        <v>1998</v>
      </c>
      <c r="F6776" s="141">
        <v>800</v>
      </c>
      <c r="G6776" s="98" t="s">
        <v>1</v>
      </c>
      <c r="H6776" s="98">
        <v>0</v>
      </c>
      <c r="I6776" s="98">
        <v>0</v>
      </c>
      <c r="J6776" s="98">
        <v>0</v>
      </c>
      <c r="K6776" s="98">
        <v>0</v>
      </c>
      <c r="L6776" s="98">
        <v>0</v>
      </c>
      <c r="M6776" s="98">
        <v>0</v>
      </c>
      <c r="N6776" s="98">
        <v>0</v>
      </c>
      <c r="O6776" s="98">
        <v>0</v>
      </c>
      <c r="P6776" s="98">
        <v>0</v>
      </c>
      <c r="Q6776" s="98">
        <v>0</v>
      </c>
      <c r="R6776" s="98">
        <v>0</v>
      </c>
      <c r="S6776" s="98">
        <v>0</v>
      </c>
      <c r="T6776" s="98">
        <v>0</v>
      </c>
      <c r="U6776" s="99"/>
      <c r="V6776" s="99"/>
      <c r="W6776" s="99"/>
      <c r="X6776" s="99"/>
      <c r="Y6776" s="99"/>
      <c r="Z6776" s="99"/>
      <c r="AA6776" s="99"/>
      <c r="AB6776" s="99"/>
      <c r="AC6776" s="99"/>
      <c r="AD6776" s="99"/>
      <c r="AE6776" s="99"/>
      <c r="AF6776" s="99"/>
      <c r="AG6776" s="99"/>
      <c r="AH6776" s="99"/>
      <c r="AI6776" s="99"/>
      <c r="AJ6776" s="99"/>
      <c r="AK6776" s="99"/>
      <c r="AL6776" s="99"/>
      <c r="AM6776" s="99"/>
      <c r="AN6776" s="99"/>
      <c r="AO6776" s="99"/>
      <c r="AP6776" s="99"/>
      <c r="AQ6776" s="99"/>
      <c r="AR6776" s="99"/>
      <c r="AS6776" s="99"/>
      <c r="AT6776" s="99"/>
      <c r="AU6776" s="99"/>
      <c r="AV6776" s="99"/>
      <c r="AW6776" s="99"/>
      <c r="AX6776" s="99"/>
      <c r="AY6776" s="99"/>
      <c r="AZ6776" s="99"/>
      <c r="BA6776" s="99"/>
      <c r="BB6776" s="221">
        <v>45884</v>
      </c>
    </row>
    <row r="6777" spans="1:54" s="8" customFormat="1" ht="14.1" customHeight="1" x14ac:dyDescent="0.25">
      <c r="A6777" s="219" t="s">
        <v>16201</v>
      </c>
      <c r="B6777" s="220" t="s">
        <v>19871</v>
      </c>
      <c r="C6777" s="98" t="s">
        <v>16202</v>
      </c>
      <c r="D6777" s="98" t="s">
        <v>16203</v>
      </c>
      <c r="E6777" s="141">
        <v>1989</v>
      </c>
      <c r="F6777" s="141">
        <v>806</v>
      </c>
      <c r="G6777" s="98" t="s">
        <v>1</v>
      </c>
      <c r="H6777" s="98">
        <v>0</v>
      </c>
      <c r="I6777" s="98">
        <v>0</v>
      </c>
      <c r="J6777" s="98">
        <v>0</v>
      </c>
      <c r="K6777" s="98">
        <v>0</v>
      </c>
      <c r="L6777" s="98">
        <v>0</v>
      </c>
      <c r="M6777" s="98">
        <v>0</v>
      </c>
      <c r="N6777" s="98">
        <v>0</v>
      </c>
      <c r="O6777" s="98">
        <v>0</v>
      </c>
      <c r="P6777" s="98">
        <v>0</v>
      </c>
      <c r="Q6777" s="98">
        <v>0</v>
      </c>
      <c r="R6777" s="98">
        <v>0</v>
      </c>
      <c r="S6777" s="98">
        <v>0</v>
      </c>
      <c r="T6777" s="98">
        <v>0</v>
      </c>
      <c r="U6777" s="99"/>
      <c r="V6777" s="99"/>
      <c r="W6777" s="99"/>
      <c r="X6777" s="99"/>
      <c r="Y6777" s="99"/>
      <c r="Z6777" s="99"/>
      <c r="AA6777" s="99"/>
      <c r="AB6777" s="99"/>
      <c r="AC6777" s="99"/>
      <c r="AD6777" s="99"/>
      <c r="AE6777" s="99"/>
      <c r="AF6777" s="99"/>
      <c r="AG6777" s="99"/>
      <c r="AH6777" s="99"/>
      <c r="AI6777" s="99"/>
      <c r="AJ6777" s="99"/>
      <c r="AK6777" s="99"/>
      <c r="AL6777" s="99"/>
      <c r="AM6777" s="99"/>
      <c r="AN6777" s="99"/>
      <c r="AO6777" s="99"/>
      <c r="AP6777" s="99"/>
      <c r="AQ6777" s="99"/>
      <c r="AR6777" s="99"/>
      <c r="AS6777" s="99"/>
      <c r="AT6777" s="99"/>
      <c r="AU6777" s="99"/>
      <c r="AV6777" s="99"/>
      <c r="AW6777" s="99"/>
      <c r="AX6777" s="99"/>
      <c r="AY6777" s="99"/>
      <c r="AZ6777" s="99"/>
      <c r="BA6777" s="99"/>
      <c r="BB6777" s="221">
        <v>45884</v>
      </c>
    </row>
    <row r="6778" spans="1:54" s="8" customFormat="1" ht="14.1" customHeight="1" x14ac:dyDescent="0.25">
      <c r="A6778" s="219" t="s">
        <v>16204</v>
      </c>
      <c r="B6778" s="220" t="s">
        <v>19871</v>
      </c>
      <c r="C6778" s="98" t="s">
        <v>16205</v>
      </c>
      <c r="D6778" s="98" t="s">
        <v>16206</v>
      </c>
      <c r="E6778" s="141">
        <v>1994</v>
      </c>
      <c r="F6778" s="141">
        <v>818</v>
      </c>
      <c r="G6778" s="98" t="s">
        <v>1</v>
      </c>
      <c r="H6778" s="98">
        <v>0</v>
      </c>
      <c r="I6778" s="98">
        <v>0</v>
      </c>
      <c r="J6778" s="98">
        <v>1</v>
      </c>
      <c r="K6778" s="98">
        <v>1</v>
      </c>
      <c r="L6778" s="98">
        <v>0</v>
      </c>
      <c r="M6778" s="98">
        <v>1</v>
      </c>
      <c r="N6778" s="98">
        <v>0</v>
      </c>
      <c r="O6778" s="98">
        <v>0</v>
      </c>
      <c r="P6778" s="98">
        <v>0</v>
      </c>
      <c r="Q6778" s="98">
        <v>0</v>
      </c>
      <c r="R6778" s="98">
        <v>0</v>
      </c>
      <c r="S6778" s="98">
        <v>1</v>
      </c>
      <c r="T6778" s="98">
        <v>0</v>
      </c>
      <c r="U6778" s="99"/>
      <c r="V6778" s="99"/>
      <c r="W6778" s="99"/>
      <c r="X6778" s="99"/>
      <c r="Y6778" s="99"/>
      <c r="Z6778" s="99"/>
      <c r="AA6778" s="99"/>
      <c r="AB6778" s="99"/>
      <c r="AC6778" s="99"/>
      <c r="AD6778" s="99"/>
      <c r="AE6778" s="99"/>
      <c r="AF6778" s="99"/>
      <c r="AG6778" s="99"/>
      <c r="AH6778" s="99"/>
      <c r="AI6778" s="99"/>
      <c r="AJ6778" s="99"/>
      <c r="AK6778" s="99"/>
      <c r="AL6778" s="99"/>
      <c r="AM6778" s="99"/>
      <c r="AN6778" s="99"/>
      <c r="AO6778" s="99"/>
      <c r="AP6778" s="99"/>
      <c r="AQ6778" s="99"/>
      <c r="AR6778" s="99"/>
      <c r="AS6778" s="99"/>
      <c r="AT6778" s="99"/>
      <c r="AU6778" s="99"/>
      <c r="AV6778" s="99"/>
      <c r="AW6778" s="99"/>
      <c r="AX6778" s="99"/>
      <c r="AY6778" s="99"/>
      <c r="AZ6778" s="99"/>
      <c r="BA6778" s="99"/>
      <c r="BB6778" s="221">
        <v>45884</v>
      </c>
    </row>
    <row r="6779" spans="1:54" s="8" customFormat="1" ht="14.1" customHeight="1" x14ac:dyDescent="0.25">
      <c r="A6779" s="219" t="s">
        <v>16207</v>
      </c>
      <c r="B6779" s="220" t="s">
        <v>19871</v>
      </c>
      <c r="C6779" s="98" t="s">
        <v>16208</v>
      </c>
      <c r="D6779" s="98" t="s">
        <v>16209</v>
      </c>
      <c r="E6779" s="141">
        <v>2006</v>
      </c>
      <c r="F6779" s="141">
        <v>831</v>
      </c>
      <c r="G6779" s="98" t="s">
        <v>1</v>
      </c>
      <c r="H6779" s="98">
        <v>0</v>
      </c>
      <c r="I6779" s="98">
        <v>0</v>
      </c>
      <c r="J6779" s="98">
        <v>1</v>
      </c>
      <c r="K6779" s="98">
        <v>0</v>
      </c>
      <c r="L6779" s="98">
        <v>0</v>
      </c>
      <c r="M6779" s="98">
        <v>0</v>
      </c>
      <c r="N6779" s="98">
        <v>0</v>
      </c>
      <c r="O6779" s="98">
        <v>1</v>
      </c>
      <c r="P6779" s="98">
        <v>1</v>
      </c>
      <c r="Q6779" s="98">
        <v>0</v>
      </c>
      <c r="R6779" s="98">
        <v>1</v>
      </c>
      <c r="S6779" s="98">
        <v>0</v>
      </c>
      <c r="T6779" s="98">
        <v>0</v>
      </c>
      <c r="U6779" s="99"/>
      <c r="V6779" s="99"/>
      <c r="W6779" s="99"/>
      <c r="X6779" s="99"/>
      <c r="Y6779" s="99"/>
      <c r="Z6779" s="99"/>
      <c r="AA6779" s="99"/>
      <c r="AB6779" s="99"/>
      <c r="AC6779" s="99"/>
      <c r="AD6779" s="99"/>
      <c r="AE6779" s="99"/>
      <c r="AF6779" s="99"/>
      <c r="AG6779" s="99"/>
      <c r="AH6779" s="99"/>
      <c r="AI6779" s="99"/>
      <c r="AJ6779" s="99"/>
      <c r="AK6779" s="99"/>
      <c r="AL6779" s="99"/>
      <c r="AM6779" s="99"/>
      <c r="AN6779" s="99"/>
      <c r="AO6779" s="99"/>
      <c r="AP6779" s="99"/>
      <c r="AQ6779" s="99"/>
      <c r="AR6779" s="99"/>
      <c r="AS6779" s="99"/>
      <c r="AT6779" s="99"/>
      <c r="AU6779" s="99"/>
      <c r="AV6779" s="99"/>
      <c r="AW6779" s="99"/>
      <c r="AX6779" s="99"/>
      <c r="AY6779" s="99"/>
      <c r="AZ6779" s="99"/>
      <c r="BA6779" s="99"/>
      <c r="BB6779" s="221">
        <v>45884</v>
      </c>
    </row>
    <row r="6780" spans="1:54" s="8" customFormat="1" ht="14.1" customHeight="1" x14ac:dyDescent="0.25">
      <c r="A6780" s="219" t="s">
        <v>16210</v>
      </c>
      <c r="B6780" s="220" t="s">
        <v>19871</v>
      </c>
      <c r="C6780" s="98" t="s">
        <v>16211</v>
      </c>
      <c r="D6780" s="98" t="s">
        <v>16212</v>
      </c>
      <c r="E6780" s="141">
        <v>1975</v>
      </c>
      <c r="F6780" s="141">
        <v>837</v>
      </c>
      <c r="G6780" s="98" t="s">
        <v>1</v>
      </c>
      <c r="H6780" s="98">
        <v>0</v>
      </c>
      <c r="I6780" s="98">
        <v>0</v>
      </c>
      <c r="J6780" s="98">
        <v>1</v>
      </c>
      <c r="K6780" s="98">
        <v>0</v>
      </c>
      <c r="L6780" s="98">
        <v>1</v>
      </c>
      <c r="M6780" s="98">
        <v>0</v>
      </c>
      <c r="N6780" s="98">
        <v>0</v>
      </c>
      <c r="O6780" s="98">
        <v>1</v>
      </c>
      <c r="P6780" s="98">
        <v>0</v>
      </c>
      <c r="Q6780" s="98">
        <v>0</v>
      </c>
      <c r="R6780" s="98">
        <v>0</v>
      </c>
      <c r="S6780" s="98">
        <v>0</v>
      </c>
      <c r="T6780" s="98">
        <v>0</v>
      </c>
      <c r="U6780" s="99"/>
      <c r="V6780" s="99"/>
      <c r="W6780" s="99"/>
      <c r="X6780" s="99"/>
      <c r="Y6780" s="99"/>
      <c r="Z6780" s="99"/>
      <c r="AA6780" s="99"/>
      <c r="AB6780" s="99"/>
      <c r="AC6780" s="99"/>
      <c r="AD6780" s="99"/>
      <c r="AE6780" s="99"/>
      <c r="AF6780" s="99"/>
      <c r="AG6780" s="99"/>
      <c r="AH6780" s="99"/>
      <c r="AI6780" s="99"/>
      <c r="AJ6780" s="99"/>
      <c r="AK6780" s="99"/>
      <c r="AL6780" s="99"/>
      <c r="AM6780" s="99"/>
      <c r="AN6780" s="99"/>
      <c r="AO6780" s="99"/>
      <c r="AP6780" s="99"/>
      <c r="AQ6780" s="99"/>
      <c r="AR6780" s="99"/>
      <c r="AS6780" s="99"/>
      <c r="AT6780" s="99"/>
      <c r="AU6780" s="99"/>
      <c r="AV6780" s="99"/>
      <c r="AW6780" s="99"/>
      <c r="AX6780" s="99"/>
      <c r="AY6780" s="99"/>
      <c r="AZ6780" s="99"/>
      <c r="BA6780" s="99"/>
      <c r="BB6780" s="221">
        <v>45884</v>
      </c>
    </row>
    <row r="6781" spans="1:54" s="8" customFormat="1" ht="14.1" customHeight="1" x14ac:dyDescent="0.25">
      <c r="A6781" s="219" t="s">
        <v>16213</v>
      </c>
      <c r="B6781" s="220" t="s">
        <v>19871</v>
      </c>
      <c r="C6781" s="98" t="s">
        <v>16214</v>
      </c>
      <c r="D6781" s="98" t="s">
        <v>16215</v>
      </c>
      <c r="E6781" s="141">
        <v>1993</v>
      </c>
      <c r="F6781" s="141">
        <v>842</v>
      </c>
      <c r="G6781" s="98" t="s">
        <v>1</v>
      </c>
      <c r="H6781" s="98">
        <v>0</v>
      </c>
      <c r="I6781" s="98">
        <v>0</v>
      </c>
      <c r="J6781" s="98">
        <v>1</v>
      </c>
      <c r="K6781" s="98">
        <v>1</v>
      </c>
      <c r="L6781" s="98">
        <v>1</v>
      </c>
      <c r="M6781" s="98">
        <v>1</v>
      </c>
      <c r="N6781" s="98">
        <v>0</v>
      </c>
      <c r="O6781" s="98">
        <v>0</v>
      </c>
      <c r="P6781" s="98">
        <v>0</v>
      </c>
      <c r="Q6781" s="98">
        <v>0</v>
      </c>
      <c r="R6781" s="98">
        <v>0</v>
      </c>
      <c r="S6781" s="98">
        <v>0</v>
      </c>
      <c r="T6781" s="98">
        <v>0</v>
      </c>
      <c r="U6781" s="99"/>
      <c r="V6781" s="99"/>
      <c r="W6781" s="99"/>
      <c r="X6781" s="99"/>
      <c r="Y6781" s="99"/>
      <c r="Z6781" s="99"/>
      <c r="AA6781" s="99"/>
      <c r="AB6781" s="99"/>
      <c r="AC6781" s="99"/>
      <c r="AD6781" s="99"/>
      <c r="AE6781" s="99"/>
      <c r="AF6781" s="99"/>
      <c r="AG6781" s="99"/>
      <c r="AH6781" s="99"/>
      <c r="AI6781" s="99"/>
      <c r="AJ6781" s="99"/>
      <c r="AK6781" s="99"/>
      <c r="AL6781" s="99"/>
      <c r="AM6781" s="99"/>
      <c r="AN6781" s="99"/>
      <c r="AO6781" s="99"/>
      <c r="AP6781" s="99"/>
      <c r="AQ6781" s="99"/>
      <c r="AR6781" s="99"/>
      <c r="AS6781" s="99"/>
      <c r="AT6781" s="99"/>
      <c r="AU6781" s="99"/>
      <c r="AV6781" s="99"/>
      <c r="AW6781" s="99"/>
      <c r="AX6781" s="99"/>
      <c r="AY6781" s="99"/>
      <c r="AZ6781" s="99"/>
      <c r="BA6781" s="99"/>
      <c r="BB6781" s="221">
        <v>45884</v>
      </c>
    </row>
    <row r="6782" spans="1:54" s="8" customFormat="1" ht="14.1" customHeight="1" x14ac:dyDescent="0.25">
      <c r="A6782" s="219" t="s">
        <v>16216</v>
      </c>
      <c r="B6782" s="220" t="s">
        <v>19871</v>
      </c>
      <c r="C6782" s="98" t="s">
        <v>16217</v>
      </c>
      <c r="D6782" s="98" t="s">
        <v>16218</v>
      </c>
      <c r="E6782" s="141">
        <v>1998</v>
      </c>
      <c r="F6782" s="141">
        <v>870</v>
      </c>
      <c r="G6782" s="98" t="s">
        <v>1</v>
      </c>
      <c r="H6782" s="98">
        <v>0</v>
      </c>
      <c r="I6782" s="98">
        <v>0</v>
      </c>
      <c r="J6782" s="98">
        <v>1</v>
      </c>
      <c r="K6782" s="98">
        <v>1</v>
      </c>
      <c r="L6782" s="98">
        <v>1</v>
      </c>
      <c r="M6782" s="98">
        <v>1</v>
      </c>
      <c r="N6782" s="98">
        <v>0</v>
      </c>
      <c r="O6782" s="98">
        <v>1</v>
      </c>
      <c r="P6782" s="98">
        <v>0</v>
      </c>
      <c r="Q6782" s="98">
        <v>0</v>
      </c>
      <c r="R6782" s="98">
        <v>1</v>
      </c>
      <c r="S6782" s="98">
        <v>0</v>
      </c>
      <c r="T6782" s="98">
        <v>0</v>
      </c>
      <c r="U6782" s="99"/>
      <c r="V6782" s="99"/>
      <c r="W6782" s="99"/>
      <c r="X6782" s="99"/>
      <c r="Y6782" s="99"/>
      <c r="Z6782" s="99"/>
      <c r="AA6782" s="99"/>
      <c r="AB6782" s="99"/>
      <c r="AC6782" s="99"/>
      <c r="AD6782" s="99"/>
      <c r="AE6782" s="99"/>
      <c r="AF6782" s="99"/>
      <c r="AG6782" s="99"/>
      <c r="AH6782" s="99"/>
      <c r="AI6782" s="99"/>
      <c r="AJ6782" s="99"/>
      <c r="AK6782" s="99"/>
      <c r="AL6782" s="99"/>
      <c r="AM6782" s="99"/>
      <c r="AN6782" s="99"/>
      <c r="AO6782" s="99"/>
      <c r="AP6782" s="99"/>
      <c r="AQ6782" s="99"/>
      <c r="AR6782" s="99"/>
      <c r="AS6782" s="99"/>
      <c r="AT6782" s="99"/>
      <c r="AU6782" s="99"/>
      <c r="AV6782" s="99"/>
      <c r="AW6782" s="99"/>
      <c r="AX6782" s="99"/>
      <c r="AY6782" s="99"/>
      <c r="AZ6782" s="99"/>
      <c r="BA6782" s="99"/>
      <c r="BB6782" s="221">
        <v>45884</v>
      </c>
    </row>
    <row r="6783" spans="1:54" s="8" customFormat="1" ht="14.1" customHeight="1" x14ac:dyDescent="0.25">
      <c r="A6783" s="219" t="s">
        <v>16219</v>
      </c>
      <c r="B6783" s="220" t="s">
        <v>19871</v>
      </c>
      <c r="C6783" s="98" t="s">
        <v>16220</v>
      </c>
      <c r="D6783" s="98" t="s">
        <v>16221</v>
      </c>
      <c r="E6783" s="141">
        <v>1992</v>
      </c>
      <c r="F6783" s="141">
        <v>952</v>
      </c>
      <c r="G6783" s="98" t="s">
        <v>1</v>
      </c>
      <c r="H6783" s="98">
        <v>0</v>
      </c>
      <c r="I6783" s="98">
        <v>0</v>
      </c>
      <c r="J6783" s="98">
        <v>1</v>
      </c>
      <c r="K6783" s="98">
        <v>0</v>
      </c>
      <c r="L6783" s="98">
        <v>1</v>
      </c>
      <c r="M6783" s="98">
        <v>0</v>
      </c>
      <c r="N6783" s="98">
        <v>0</v>
      </c>
      <c r="O6783" s="98">
        <v>1</v>
      </c>
      <c r="P6783" s="98">
        <v>1</v>
      </c>
      <c r="Q6783" s="98">
        <v>0</v>
      </c>
      <c r="R6783" s="98">
        <v>0</v>
      </c>
      <c r="S6783" s="98">
        <v>0</v>
      </c>
      <c r="T6783" s="98">
        <v>0</v>
      </c>
      <c r="U6783" s="99"/>
      <c r="V6783" s="99"/>
      <c r="W6783" s="99"/>
      <c r="X6783" s="99"/>
      <c r="Y6783" s="99"/>
      <c r="Z6783" s="99"/>
      <c r="AA6783" s="99"/>
      <c r="AB6783" s="99"/>
      <c r="AC6783" s="99"/>
      <c r="AD6783" s="99"/>
      <c r="AE6783" s="99"/>
      <c r="AF6783" s="99"/>
      <c r="AG6783" s="99"/>
      <c r="AH6783" s="99"/>
      <c r="AI6783" s="99"/>
      <c r="AJ6783" s="99"/>
      <c r="AK6783" s="99"/>
      <c r="AL6783" s="99"/>
      <c r="AM6783" s="99"/>
      <c r="AN6783" s="99"/>
      <c r="AO6783" s="99"/>
      <c r="AP6783" s="99"/>
      <c r="AQ6783" s="99"/>
      <c r="AR6783" s="99"/>
      <c r="AS6783" s="99"/>
      <c r="AT6783" s="99"/>
      <c r="AU6783" s="99"/>
      <c r="AV6783" s="99"/>
      <c r="AW6783" s="99"/>
      <c r="AX6783" s="99"/>
      <c r="AY6783" s="99"/>
      <c r="AZ6783" s="99"/>
      <c r="BA6783" s="99"/>
      <c r="BB6783" s="221">
        <v>45884</v>
      </c>
    </row>
    <row r="6784" spans="1:54" s="8" customFormat="1" ht="14.1" customHeight="1" x14ac:dyDescent="0.25">
      <c r="A6784" s="219" t="s">
        <v>16222</v>
      </c>
      <c r="B6784" s="220" t="s">
        <v>19871</v>
      </c>
      <c r="C6784" s="98" t="s">
        <v>16223</v>
      </c>
      <c r="D6784" s="98" t="s">
        <v>16224</v>
      </c>
      <c r="E6784" s="141">
        <v>1975</v>
      </c>
      <c r="F6784" s="141">
        <v>905</v>
      </c>
      <c r="G6784" s="98" t="s">
        <v>1</v>
      </c>
      <c r="H6784" s="98">
        <v>0</v>
      </c>
      <c r="I6784" s="98">
        <v>0</v>
      </c>
      <c r="J6784" s="98">
        <v>1</v>
      </c>
      <c r="K6784" s="98">
        <v>0</v>
      </c>
      <c r="L6784" s="98">
        <v>0</v>
      </c>
      <c r="M6784" s="98">
        <v>0</v>
      </c>
      <c r="N6784" s="98">
        <v>0</v>
      </c>
      <c r="O6784" s="98">
        <v>0</v>
      </c>
      <c r="P6784" s="98">
        <v>0</v>
      </c>
      <c r="Q6784" s="98">
        <v>0</v>
      </c>
      <c r="R6784" s="98">
        <v>0</v>
      </c>
      <c r="S6784" s="98">
        <v>0</v>
      </c>
      <c r="T6784" s="98">
        <v>0</v>
      </c>
      <c r="U6784" s="99"/>
      <c r="V6784" s="99"/>
      <c r="W6784" s="99"/>
      <c r="X6784" s="99"/>
      <c r="Y6784" s="99"/>
      <c r="Z6784" s="99"/>
      <c r="AA6784" s="99"/>
      <c r="AB6784" s="99"/>
      <c r="AC6784" s="99"/>
      <c r="AD6784" s="99"/>
      <c r="AE6784" s="99"/>
      <c r="AF6784" s="99"/>
      <c r="AG6784" s="99"/>
      <c r="AH6784" s="99"/>
      <c r="AI6784" s="99"/>
      <c r="AJ6784" s="99"/>
      <c r="AK6784" s="99"/>
      <c r="AL6784" s="99"/>
      <c r="AM6784" s="99"/>
      <c r="AN6784" s="99"/>
      <c r="AO6784" s="99"/>
      <c r="AP6784" s="99"/>
      <c r="AQ6784" s="99"/>
      <c r="AR6784" s="99"/>
      <c r="AS6784" s="99"/>
      <c r="AT6784" s="99"/>
      <c r="AU6784" s="99"/>
      <c r="AV6784" s="99"/>
      <c r="AW6784" s="99"/>
      <c r="AX6784" s="99"/>
      <c r="AY6784" s="99"/>
      <c r="AZ6784" s="99"/>
      <c r="BA6784" s="99"/>
      <c r="BB6784" s="221">
        <v>45884</v>
      </c>
    </row>
    <row r="6785" spans="1:54" s="8" customFormat="1" ht="14.1" customHeight="1" x14ac:dyDescent="0.25">
      <c r="A6785" s="219" t="s">
        <v>16225</v>
      </c>
      <c r="B6785" s="220" t="s">
        <v>19871</v>
      </c>
      <c r="C6785" s="98" t="s">
        <v>16226</v>
      </c>
      <c r="D6785" s="98" t="s">
        <v>16227</v>
      </c>
      <c r="E6785" s="141">
        <v>1994</v>
      </c>
      <c r="F6785" s="141">
        <v>909</v>
      </c>
      <c r="G6785" s="98" t="s">
        <v>1</v>
      </c>
      <c r="H6785" s="98">
        <v>0</v>
      </c>
      <c r="I6785" s="98">
        <v>0</v>
      </c>
      <c r="J6785" s="98">
        <v>1</v>
      </c>
      <c r="K6785" s="98">
        <v>1</v>
      </c>
      <c r="L6785" s="98">
        <v>1</v>
      </c>
      <c r="M6785" s="98">
        <v>1</v>
      </c>
      <c r="N6785" s="98">
        <v>0</v>
      </c>
      <c r="O6785" s="98">
        <v>0</v>
      </c>
      <c r="P6785" s="98">
        <v>1</v>
      </c>
      <c r="Q6785" s="98">
        <v>0</v>
      </c>
      <c r="R6785" s="98">
        <v>0</v>
      </c>
      <c r="S6785" s="98">
        <v>0</v>
      </c>
      <c r="T6785" s="98">
        <v>0</v>
      </c>
      <c r="U6785" s="99"/>
      <c r="V6785" s="99"/>
      <c r="W6785" s="99"/>
      <c r="X6785" s="99"/>
      <c r="Y6785" s="99"/>
      <c r="Z6785" s="99"/>
      <c r="AA6785" s="99"/>
      <c r="AB6785" s="99"/>
      <c r="AC6785" s="99"/>
      <c r="AD6785" s="99"/>
      <c r="AE6785" s="99"/>
      <c r="AF6785" s="99"/>
      <c r="AG6785" s="99"/>
      <c r="AH6785" s="99"/>
      <c r="AI6785" s="99"/>
      <c r="AJ6785" s="99"/>
      <c r="AK6785" s="99"/>
      <c r="AL6785" s="99"/>
      <c r="AM6785" s="99"/>
      <c r="AN6785" s="99"/>
      <c r="AO6785" s="99"/>
      <c r="AP6785" s="99"/>
      <c r="AQ6785" s="99"/>
      <c r="AR6785" s="99"/>
      <c r="AS6785" s="99"/>
      <c r="AT6785" s="99"/>
      <c r="AU6785" s="99"/>
      <c r="AV6785" s="99"/>
      <c r="AW6785" s="99"/>
      <c r="AX6785" s="99"/>
      <c r="AY6785" s="99"/>
      <c r="AZ6785" s="99"/>
      <c r="BA6785" s="99"/>
      <c r="BB6785" s="221">
        <v>45884</v>
      </c>
    </row>
    <row r="6786" spans="1:54" s="8" customFormat="1" ht="14.1" customHeight="1" x14ac:dyDescent="0.25">
      <c r="A6786" s="219" t="s">
        <v>16228</v>
      </c>
      <c r="B6786" s="220" t="s">
        <v>19871</v>
      </c>
      <c r="C6786" s="98" t="s">
        <v>16229</v>
      </c>
      <c r="D6786" s="98" t="s">
        <v>16230</v>
      </c>
      <c r="E6786" s="141">
        <v>1975</v>
      </c>
      <c r="F6786" s="141">
        <v>919</v>
      </c>
      <c r="G6786" s="98" t="s">
        <v>1</v>
      </c>
      <c r="H6786" s="98">
        <v>0</v>
      </c>
      <c r="I6786" s="98">
        <v>0</v>
      </c>
      <c r="J6786" s="98">
        <v>1</v>
      </c>
      <c r="K6786" s="98">
        <v>0</v>
      </c>
      <c r="L6786" s="98">
        <v>1</v>
      </c>
      <c r="M6786" s="98">
        <v>1</v>
      </c>
      <c r="N6786" s="98">
        <v>0</v>
      </c>
      <c r="O6786" s="98">
        <v>1</v>
      </c>
      <c r="P6786" s="98">
        <v>0</v>
      </c>
      <c r="Q6786" s="98">
        <v>0</v>
      </c>
      <c r="R6786" s="98">
        <v>0</v>
      </c>
      <c r="S6786" s="98">
        <v>0</v>
      </c>
      <c r="T6786" s="98">
        <v>0</v>
      </c>
      <c r="U6786" s="99"/>
      <c r="V6786" s="99"/>
      <c r="W6786" s="99"/>
      <c r="X6786" s="99"/>
      <c r="Y6786" s="99"/>
      <c r="Z6786" s="99"/>
      <c r="AA6786" s="99"/>
      <c r="AB6786" s="99"/>
      <c r="AC6786" s="99"/>
      <c r="AD6786" s="99"/>
      <c r="AE6786" s="99"/>
      <c r="AF6786" s="99"/>
      <c r="AG6786" s="99"/>
      <c r="AH6786" s="99"/>
      <c r="AI6786" s="99"/>
      <c r="AJ6786" s="99"/>
      <c r="AK6786" s="99"/>
      <c r="AL6786" s="99"/>
      <c r="AM6786" s="99"/>
      <c r="AN6786" s="99"/>
      <c r="AO6786" s="99"/>
      <c r="AP6786" s="99"/>
      <c r="AQ6786" s="99"/>
      <c r="AR6786" s="99"/>
      <c r="AS6786" s="99"/>
      <c r="AT6786" s="99"/>
      <c r="AU6786" s="99"/>
      <c r="AV6786" s="99"/>
      <c r="AW6786" s="99"/>
      <c r="AX6786" s="99"/>
      <c r="AY6786" s="99"/>
      <c r="AZ6786" s="99"/>
      <c r="BA6786" s="99"/>
      <c r="BB6786" s="221">
        <v>45884</v>
      </c>
    </row>
    <row r="6787" spans="1:54" s="8" customFormat="1" ht="14.1" customHeight="1" x14ac:dyDescent="0.25">
      <c r="A6787" s="219" t="s">
        <v>16231</v>
      </c>
      <c r="B6787" s="220" t="s">
        <v>19871</v>
      </c>
      <c r="C6787" s="98" t="s">
        <v>16232</v>
      </c>
      <c r="D6787" s="98" t="s">
        <v>16233</v>
      </c>
      <c r="E6787" s="141">
        <v>1975</v>
      </c>
      <c r="F6787" s="141">
        <v>925</v>
      </c>
      <c r="G6787" s="98" t="s">
        <v>1</v>
      </c>
      <c r="H6787" s="98">
        <v>0</v>
      </c>
      <c r="I6787" s="98">
        <v>0</v>
      </c>
      <c r="J6787" s="98">
        <v>1</v>
      </c>
      <c r="K6787" s="98">
        <v>0</v>
      </c>
      <c r="L6787" s="98">
        <v>1</v>
      </c>
      <c r="M6787" s="98">
        <v>0</v>
      </c>
      <c r="N6787" s="98">
        <v>0</v>
      </c>
      <c r="O6787" s="98">
        <v>1</v>
      </c>
      <c r="P6787" s="98">
        <v>1</v>
      </c>
      <c r="Q6787" s="98">
        <v>0</v>
      </c>
      <c r="R6787" s="98">
        <v>1</v>
      </c>
      <c r="S6787" s="98">
        <v>0</v>
      </c>
      <c r="T6787" s="98">
        <v>0</v>
      </c>
      <c r="U6787" s="99"/>
      <c r="V6787" s="99"/>
      <c r="W6787" s="99"/>
      <c r="X6787" s="99"/>
      <c r="Y6787" s="99"/>
      <c r="Z6787" s="99"/>
      <c r="AA6787" s="99"/>
      <c r="AB6787" s="99"/>
      <c r="AC6787" s="99"/>
      <c r="AD6787" s="99"/>
      <c r="AE6787" s="99"/>
      <c r="AF6787" s="99"/>
      <c r="AG6787" s="99"/>
      <c r="AH6787" s="99"/>
      <c r="AI6787" s="99"/>
      <c r="AJ6787" s="99"/>
      <c r="AK6787" s="99"/>
      <c r="AL6787" s="99"/>
      <c r="AM6787" s="99"/>
      <c r="AN6787" s="99"/>
      <c r="AO6787" s="99"/>
      <c r="AP6787" s="99"/>
      <c r="AQ6787" s="99"/>
      <c r="AR6787" s="99"/>
      <c r="AS6787" s="99"/>
      <c r="AT6787" s="99"/>
      <c r="AU6787" s="99"/>
      <c r="AV6787" s="99"/>
      <c r="AW6787" s="99"/>
      <c r="AX6787" s="99"/>
      <c r="AY6787" s="99"/>
      <c r="AZ6787" s="99"/>
      <c r="BA6787" s="99"/>
      <c r="BB6787" s="221">
        <v>45884</v>
      </c>
    </row>
    <row r="6788" spans="1:54" s="8" customFormat="1" ht="14.1" customHeight="1" x14ac:dyDescent="0.25">
      <c r="A6788" s="219" t="s">
        <v>16234</v>
      </c>
      <c r="B6788" s="220" t="s">
        <v>19871</v>
      </c>
      <c r="C6788" s="98" t="s">
        <v>16235</v>
      </c>
      <c r="D6788" s="98" t="s">
        <v>16236</v>
      </c>
      <c r="E6788" s="141">
        <v>1975</v>
      </c>
      <c r="F6788" s="141">
        <v>929</v>
      </c>
      <c r="G6788" s="98" t="s">
        <v>1</v>
      </c>
      <c r="H6788" s="98">
        <v>0</v>
      </c>
      <c r="I6788" s="98">
        <v>0</v>
      </c>
      <c r="J6788" s="98">
        <v>1</v>
      </c>
      <c r="K6788" s="98">
        <v>0</v>
      </c>
      <c r="L6788" s="98">
        <v>0</v>
      </c>
      <c r="M6788" s="98">
        <v>0</v>
      </c>
      <c r="N6788" s="98">
        <v>0</v>
      </c>
      <c r="O6788" s="98">
        <v>0</v>
      </c>
      <c r="P6788" s="98">
        <v>0</v>
      </c>
      <c r="Q6788" s="98">
        <v>0</v>
      </c>
      <c r="R6788" s="98">
        <v>0</v>
      </c>
      <c r="S6788" s="98">
        <v>0</v>
      </c>
      <c r="T6788" s="98">
        <v>0</v>
      </c>
      <c r="U6788" s="99"/>
      <c r="V6788" s="99"/>
      <c r="W6788" s="99"/>
      <c r="X6788" s="99"/>
      <c r="Y6788" s="99"/>
      <c r="Z6788" s="99"/>
      <c r="AA6788" s="99"/>
      <c r="AB6788" s="99"/>
      <c r="AC6788" s="99"/>
      <c r="AD6788" s="99"/>
      <c r="AE6788" s="99"/>
      <c r="AF6788" s="99"/>
      <c r="AG6788" s="99"/>
      <c r="AH6788" s="99"/>
      <c r="AI6788" s="99"/>
      <c r="AJ6788" s="99"/>
      <c r="AK6788" s="99"/>
      <c r="AL6788" s="99"/>
      <c r="AM6788" s="99"/>
      <c r="AN6788" s="99"/>
      <c r="AO6788" s="99"/>
      <c r="AP6788" s="99"/>
      <c r="AQ6788" s="99"/>
      <c r="AR6788" s="99"/>
      <c r="AS6788" s="99"/>
      <c r="AT6788" s="99"/>
      <c r="AU6788" s="99"/>
      <c r="AV6788" s="99"/>
      <c r="AW6788" s="99"/>
      <c r="AX6788" s="99"/>
      <c r="AY6788" s="99"/>
      <c r="AZ6788" s="99"/>
      <c r="BA6788" s="99"/>
      <c r="BB6788" s="221">
        <v>45884</v>
      </c>
    </row>
    <row r="6789" spans="1:54" s="8" customFormat="1" ht="14.1" customHeight="1" x14ac:dyDescent="0.25">
      <c r="A6789" s="219" t="s">
        <v>16237</v>
      </c>
      <c r="B6789" s="220" t="s">
        <v>19871</v>
      </c>
      <c r="C6789" s="98" t="s">
        <v>16238</v>
      </c>
      <c r="D6789" s="98" t="s">
        <v>16239</v>
      </c>
      <c r="E6789" s="141">
        <v>1983</v>
      </c>
      <c r="F6789" s="141">
        <v>932</v>
      </c>
      <c r="G6789" s="98" t="s">
        <v>1</v>
      </c>
      <c r="H6789" s="98">
        <v>0</v>
      </c>
      <c r="I6789" s="98">
        <v>0</v>
      </c>
      <c r="J6789" s="98">
        <v>1</v>
      </c>
      <c r="K6789" s="98">
        <v>0</v>
      </c>
      <c r="L6789" s="98">
        <v>1</v>
      </c>
      <c r="M6789" s="98">
        <v>1</v>
      </c>
      <c r="N6789" s="98">
        <v>0</v>
      </c>
      <c r="O6789" s="98">
        <v>0</v>
      </c>
      <c r="P6789" s="98">
        <v>0</v>
      </c>
      <c r="Q6789" s="98">
        <v>0</v>
      </c>
      <c r="R6789" s="98">
        <v>0</v>
      </c>
      <c r="S6789" s="98">
        <v>0</v>
      </c>
      <c r="T6789" s="98">
        <v>0</v>
      </c>
      <c r="U6789" s="99"/>
      <c r="V6789" s="99"/>
      <c r="W6789" s="99"/>
      <c r="X6789" s="99"/>
      <c r="Y6789" s="99"/>
      <c r="Z6789" s="99"/>
      <c r="AA6789" s="99"/>
      <c r="AB6789" s="99"/>
      <c r="AC6789" s="99"/>
      <c r="AD6789" s="99"/>
      <c r="AE6789" s="99"/>
      <c r="AF6789" s="99"/>
      <c r="AG6789" s="99"/>
      <c r="AH6789" s="99"/>
      <c r="AI6789" s="99"/>
      <c r="AJ6789" s="99"/>
      <c r="AK6789" s="99"/>
      <c r="AL6789" s="99"/>
      <c r="AM6789" s="99"/>
      <c r="AN6789" s="99"/>
      <c r="AO6789" s="99"/>
      <c r="AP6789" s="99"/>
      <c r="AQ6789" s="99"/>
      <c r="AR6789" s="99"/>
      <c r="AS6789" s="99"/>
      <c r="AT6789" s="99"/>
      <c r="AU6789" s="99"/>
      <c r="AV6789" s="99"/>
      <c r="AW6789" s="99"/>
      <c r="AX6789" s="99"/>
      <c r="AY6789" s="99"/>
      <c r="AZ6789" s="99"/>
      <c r="BA6789" s="99"/>
      <c r="BB6789" s="221">
        <v>45884</v>
      </c>
    </row>
    <row r="6790" spans="1:54" s="8" customFormat="1" ht="14.1" customHeight="1" x14ac:dyDescent="0.25">
      <c r="A6790" s="219" t="s">
        <v>16240</v>
      </c>
      <c r="B6790" s="220" t="s">
        <v>19871</v>
      </c>
      <c r="C6790" s="98" t="s">
        <v>10996</v>
      </c>
      <c r="D6790" s="98" t="s">
        <v>16241</v>
      </c>
      <c r="E6790" s="141">
        <v>1976</v>
      </c>
      <c r="F6790" s="141">
        <v>957</v>
      </c>
      <c r="G6790" s="98" t="s">
        <v>1</v>
      </c>
      <c r="H6790" s="98">
        <v>0</v>
      </c>
      <c r="I6790" s="98">
        <v>0</v>
      </c>
      <c r="J6790" s="98">
        <v>1</v>
      </c>
      <c r="K6790" s="98">
        <v>1</v>
      </c>
      <c r="L6790" s="98">
        <v>1</v>
      </c>
      <c r="M6790" s="98">
        <v>0</v>
      </c>
      <c r="N6790" s="98">
        <v>0</v>
      </c>
      <c r="O6790" s="98">
        <v>1</v>
      </c>
      <c r="P6790" s="98">
        <v>1</v>
      </c>
      <c r="Q6790" s="98">
        <v>0</v>
      </c>
      <c r="R6790" s="98">
        <v>1</v>
      </c>
      <c r="S6790" s="98">
        <v>0</v>
      </c>
      <c r="T6790" s="98">
        <v>0</v>
      </c>
      <c r="U6790" s="99"/>
      <c r="V6790" s="99"/>
      <c r="W6790" s="99"/>
      <c r="X6790" s="99"/>
      <c r="Y6790" s="99"/>
      <c r="Z6790" s="99"/>
      <c r="AA6790" s="99"/>
      <c r="AB6790" s="99"/>
      <c r="AC6790" s="99"/>
      <c r="AD6790" s="99"/>
      <c r="AE6790" s="99"/>
      <c r="AF6790" s="99"/>
      <c r="AG6790" s="99"/>
      <c r="AH6790" s="99"/>
      <c r="AI6790" s="99"/>
      <c r="AJ6790" s="99"/>
      <c r="AK6790" s="99"/>
      <c r="AL6790" s="99"/>
      <c r="AM6790" s="99"/>
      <c r="AN6790" s="99"/>
      <c r="AO6790" s="99"/>
      <c r="AP6790" s="99"/>
      <c r="AQ6790" s="99"/>
      <c r="AR6790" s="99"/>
      <c r="AS6790" s="99"/>
      <c r="AT6790" s="99"/>
      <c r="AU6790" s="99"/>
      <c r="AV6790" s="99"/>
      <c r="AW6790" s="99"/>
      <c r="AX6790" s="99"/>
      <c r="AY6790" s="99"/>
      <c r="AZ6790" s="99"/>
      <c r="BA6790" s="99"/>
      <c r="BB6790" s="221">
        <v>45884</v>
      </c>
    </row>
    <row r="6791" spans="1:54" s="8" customFormat="1" ht="14.1" customHeight="1" x14ac:dyDescent="0.25">
      <c r="A6791" s="219" t="s">
        <v>16242</v>
      </c>
      <c r="B6791" s="220" t="s">
        <v>19871</v>
      </c>
      <c r="C6791" s="98" t="s">
        <v>16243</v>
      </c>
      <c r="D6791" s="98" t="s">
        <v>16244</v>
      </c>
      <c r="E6791" s="141">
        <v>1997</v>
      </c>
      <c r="F6791" s="141">
        <v>959</v>
      </c>
      <c r="G6791" s="98" t="s">
        <v>1</v>
      </c>
      <c r="H6791" s="98">
        <v>0</v>
      </c>
      <c r="I6791" s="98">
        <v>0</v>
      </c>
      <c r="J6791" s="98">
        <v>0</v>
      </c>
      <c r="K6791" s="98">
        <v>1</v>
      </c>
      <c r="L6791" s="98">
        <v>0</v>
      </c>
      <c r="M6791" s="98">
        <v>1</v>
      </c>
      <c r="N6791" s="98">
        <v>0</v>
      </c>
      <c r="O6791" s="98">
        <v>0</v>
      </c>
      <c r="P6791" s="98">
        <v>0</v>
      </c>
      <c r="Q6791" s="98">
        <v>0</v>
      </c>
      <c r="R6791" s="98">
        <v>0</v>
      </c>
      <c r="S6791" s="98">
        <v>1</v>
      </c>
      <c r="T6791" s="98">
        <v>0</v>
      </c>
      <c r="U6791" s="99"/>
      <c r="V6791" s="99"/>
      <c r="W6791" s="99"/>
      <c r="X6791" s="99"/>
      <c r="Y6791" s="99"/>
      <c r="Z6791" s="99"/>
      <c r="AA6791" s="99"/>
      <c r="AB6791" s="99"/>
      <c r="AC6791" s="99"/>
      <c r="AD6791" s="99"/>
      <c r="AE6791" s="99"/>
      <c r="AF6791" s="99"/>
      <c r="AG6791" s="99"/>
      <c r="AH6791" s="99"/>
      <c r="AI6791" s="99"/>
      <c r="AJ6791" s="99"/>
      <c r="AK6791" s="99"/>
      <c r="AL6791" s="99"/>
      <c r="AM6791" s="99"/>
      <c r="AN6791" s="99"/>
      <c r="AO6791" s="99"/>
      <c r="AP6791" s="99"/>
      <c r="AQ6791" s="99"/>
      <c r="AR6791" s="99"/>
      <c r="AS6791" s="99"/>
      <c r="AT6791" s="99"/>
      <c r="AU6791" s="99"/>
      <c r="AV6791" s="99"/>
      <c r="AW6791" s="99"/>
      <c r="AX6791" s="99"/>
      <c r="AY6791" s="99"/>
      <c r="AZ6791" s="99"/>
      <c r="BA6791" s="99"/>
      <c r="BB6791" s="221">
        <v>45884</v>
      </c>
    </row>
    <row r="6792" spans="1:54" s="8" customFormat="1" ht="14.1" customHeight="1" x14ac:dyDescent="0.25">
      <c r="A6792" s="219" t="s">
        <v>16245</v>
      </c>
      <c r="B6792" s="220" t="s">
        <v>19871</v>
      </c>
      <c r="C6792" s="98" t="s">
        <v>16246</v>
      </c>
      <c r="D6792" s="98" t="s">
        <v>16247</v>
      </c>
      <c r="E6792" s="141">
        <v>1985</v>
      </c>
      <c r="F6792" s="141">
        <v>975</v>
      </c>
      <c r="G6792" s="98" t="s">
        <v>1</v>
      </c>
      <c r="H6792" s="98">
        <v>0</v>
      </c>
      <c r="I6792" s="98">
        <v>0</v>
      </c>
      <c r="J6792" s="98">
        <v>1</v>
      </c>
      <c r="K6792" s="98">
        <v>1</v>
      </c>
      <c r="L6792" s="98">
        <v>1</v>
      </c>
      <c r="M6792" s="98">
        <v>0</v>
      </c>
      <c r="N6792" s="98">
        <v>1</v>
      </c>
      <c r="O6792" s="98">
        <v>1</v>
      </c>
      <c r="P6792" s="98">
        <v>0</v>
      </c>
      <c r="Q6792" s="98">
        <v>0</v>
      </c>
      <c r="R6792" s="98">
        <v>0</v>
      </c>
      <c r="S6792" s="98">
        <v>0</v>
      </c>
      <c r="T6792" s="98">
        <v>0</v>
      </c>
      <c r="U6792" s="99"/>
      <c r="V6792" s="99"/>
      <c r="W6792" s="99"/>
      <c r="X6792" s="99"/>
      <c r="Y6792" s="99"/>
      <c r="Z6792" s="99"/>
      <c r="AA6792" s="99"/>
      <c r="AB6792" s="99"/>
      <c r="AC6792" s="99"/>
      <c r="AD6792" s="99"/>
      <c r="AE6792" s="99"/>
      <c r="AF6792" s="99"/>
      <c r="AG6792" s="99"/>
      <c r="AH6792" s="99"/>
      <c r="AI6792" s="99"/>
      <c r="AJ6792" s="99"/>
      <c r="AK6792" s="99"/>
      <c r="AL6792" s="99"/>
      <c r="AM6792" s="99"/>
      <c r="AN6792" s="99"/>
      <c r="AO6792" s="99"/>
      <c r="AP6792" s="99"/>
      <c r="AQ6792" s="99"/>
      <c r="AR6792" s="99"/>
      <c r="AS6792" s="99"/>
      <c r="AT6792" s="99"/>
      <c r="AU6792" s="99"/>
      <c r="AV6792" s="99"/>
      <c r="AW6792" s="99"/>
      <c r="AX6792" s="99"/>
      <c r="AY6792" s="99"/>
      <c r="AZ6792" s="99"/>
      <c r="BA6792" s="99"/>
      <c r="BB6792" s="221">
        <v>45884</v>
      </c>
    </row>
    <row r="6793" spans="1:54" s="8" customFormat="1" ht="14.1" customHeight="1" x14ac:dyDescent="0.25">
      <c r="A6793" s="219" t="s">
        <v>16248</v>
      </c>
      <c r="B6793" s="220" t="s">
        <v>19871</v>
      </c>
      <c r="C6793" s="98" t="s">
        <v>16249</v>
      </c>
      <c r="D6793" s="98" t="s">
        <v>16250</v>
      </c>
      <c r="E6793" s="141">
        <v>1969</v>
      </c>
      <c r="F6793" s="141">
        <v>998</v>
      </c>
      <c r="G6793" s="98" t="s">
        <v>1</v>
      </c>
      <c r="H6793" s="98">
        <v>1</v>
      </c>
      <c r="I6793" s="98">
        <v>1</v>
      </c>
      <c r="J6793" s="98">
        <v>1</v>
      </c>
      <c r="K6793" s="98">
        <v>1</v>
      </c>
      <c r="L6793" s="98">
        <v>0</v>
      </c>
      <c r="M6793" s="98">
        <v>0</v>
      </c>
      <c r="N6793" s="98">
        <v>1</v>
      </c>
      <c r="O6793" s="98">
        <v>0</v>
      </c>
      <c r="P6793" s="98">
        <v>0</v>
      </c>
      <c r="Q6793" s="98">
        <v>0</v>
      </c>
      <c r="R6793" s="98">
        <v>0</v>
      </c>
      <c r="S6793" s="98">
        <v>0</v>
      </c>
      <c r="T6793" s="98">
        <v>0</v>
      </c>
      <c r="U6793" s="99"/>
      <c r="V6793" s="99"/>
      <c r="W6793" s="99"/>
      <c r="X6793" s="99"/>
      <c r="Y6793" s="99"/>
      <c r="Z6793" s="99"/>
      <c r="AA6793" s="99"/>
      <c r="AB6793" s="99"/>
      <c r="AC6793" s="99"/>
      <c r="AD6793" s="99"/>
      <c r="AE6793" s="99"/>
      <c r="AF6793" s="99"/>
      <c r="AG6793" s="99"/>
      <c r="AH6793" s="99"/>
      <c r="AI6793" s="99"/>
      <c r="AJ6793" s="99"/>
      <c r="AK6793" s="99"/>
      <c r="AL6793" s="99"/>
      <c r="AM6793" s="99"/>
      <c r="AN6793" s="99"/>
      <c r="AO6793" s="99"/>
      <c r="AP6793" s="99"/>
      <c r="AQ6793" s="99"/>
      <c r="AR6793" s="99"/>
      <c r="AS6793" s="99"/>
      <c r="AT6793" s="99"/>
      <c r="AU6793" s="99"/>
      <c r="AV6793" s="99"/>
      <c r="AW6793" s="99"/>
      <c r="AX6793" s="99"/>
      <c r="AY6793" s="99"/>
      <c r="AZ6793" s="99"/>
      <c r="BA6793" s="99"/>
      <c r="BB6793" s="221">
        <v>45884</v>
      </c>
    </row>
    <row r="6794" spans="1:54" s="8" customFormat="1" ht="14.1" customHeight="1" x14ac:dyDescent="0.25">
      <c r="A6794" s="219" t="s">
        <v>16251</v>
      </c>
      <c r="B6794" s="220" t="s">
        <v>19871</v>
      </c>
      <c r="C6794" s="98" t="s">
        <v>16252</v>
      </c>
      <c r="D6794" s="98" t="s">
        <v>16253</v>
      </c>
      <c r="E6794" s="141">
        <v>1984</v>
      </c>
      <c r="F6794" s="141">
        <v>1000</v>
      </c>
      <c r="G6794" s="98" t="s">
        <v>1</v>
      </c>
      <c r="H6794" s="98">
        <v>0</v>
      </c>
      <c r="I6794" s="98">
        <v>0</v>
      </c>
      <c r="J6794" s="98">
        <v>1</v>
      </c>
      <c r="K6794" s="98">
        <v>0</v>
      </c>
      <c r="L6794" s="98">
        <v>0</v>
      </c>
      <c r="M6794" s="98">
        <v>1</v>
      </c>
      <c r="N6794" s="98">
        <v>0</v>
      </c>
      <c r="O6794" s="98">
        <v>0</v>
      </c>
      <c r="P6794" s="98">
        <v>0</v>
      </c>
      <c r="Q6794" s="98">
        <v>0</v>
      </c>
      <c r="R6794" s="98">
        <v>0</v>
      </c>
      <c r="S6794" s="98">
        <v>0</v>
      </c>
      <c r="T6794" s="98">
        <v>0</v>
      </c>
      <c r="U6794" s="99"/>
      <c r="V6794" s="99"/>
      <c r="W6794" s="99"/>
      <c r="X6794" s="99"/>
      <c r="Y6794" s="99"/>
      <c r="Z6794" s="99"/>
      <c r="AA6794" s="99"/>
      <c r="AB6794" s="99"/>
      <c r="AC6794" s="99"/>
      <c r="AD6794" s="99"/>
      <c r="AE6794" s="99"/>
      <c r="AF6794" s="99"/>
      <c r="AG6794" s="99"/>
      <c r="AH6794" s="99"/>
      <c r="AI6794" s="99"/>
      <c r="AJ6794" s="99"/>
      <c r="AK6794" s="99"/>
      <c r="AL6794" s="99"/>
      <c r="AM6794" s="99"/>
      <c r="AN6794" s="99"/>
      <c r="AO6794" s="99"/>
      <c r="AP6794" s="99"/>
      <c r="AQ6794" s="99"/>
      <c r="AR6794" s="99"/>
      <c r="AS6794" s="99"/>
      <c r="AT6794" s="99"/>
      <c r="AU6794" s="99"/>
      <c r="AV6794" s="99"/>
      <c r="AW6794" s="99"/>
      <c r="AX6794" s="99"/>
      <c r="AY6794" s="99"/>
      <c r="AZ6794" s="99"/>
      <c r="BA6794" s="99"/>
      <c r="BB6794" s="221">
        <v>45884</v>
      </c>
    </row>
    <row r="6795" spans="1:54" s="8" customFormat="1" ht="14.1" customHeight="1" x14ac:dyDescent="0.25">
      <c r="A6795" s="219" t="s">
        <v>16254</v>
      </c>
      <c r="B6795" s="220" t="s">
        <v>19871</v>
      </c>
      <c r="C6795" s="98" t="s">
        <v>16255</v>
      </c>
      <c r="D6795" s="98" t="s">
        <v>16256</v>
      </c>
      <c r="E6795" s="141">
        <v>1975</v>
      </c>
      <c r="F6795" s="141">
        <v>1010</v>
      </c>
      <c r="G6795" s="98" t="s">
        <v>1</v>
      </c>
      <c r="H6795" s="98">
        <v>0</v>
      </c>
      <c r="I6795" s="98">
        <v>0</v>
      </c>
      <c r="J6795" s="98">
        <v>1</v>
      </c>
      <c r="K6795" s="98">
        <v>1</v>
      </c>
      <c r="L6795" s="98">
        <v>1</v>
      </c>
      <c r="M6795" s="98">
        <v>0</v>
      </c>
      <c r="N6795" s="98">
        <v>0</v>
      </c>
      <c r="O6795" s="98">
        <v>1</v>
      </c>
      <c r="P6795" s="98">
        <v>1</v>
      </c>
      <c r="Q6795" s="98">
        <v>0</v>
      </c>
      <c r="R6795" s="98">
        <v>1</v>
      </c>
      <c r="S6795" s="98">
        <v>0</v>
      </c>
      <c r="T6795" s="98">
        <v>0</v>
      </c>
      <c r="U6795" s="99"/>
      <c r="V6795" s="99"/>
      <c r="W6795" s="99"/>
      <c r="X6795" s="99"/>
      <c r="Y6795" s="99"/>
      <c r="Z6795" s="99"/>
      <c r="AA6795" s="99"/>
      <c r="AB6795" s="99"/>
      <c r="AC6795" s="99"/>
      <c r="AD6795" s="99"/>
      <c r="AE6795" s="99"/>
      <c r="AF6795" s="99"/>
      <c r="AG6795" s="99"/>
      <c r="AH6795" s="99"/>
      <c r="AI6795" s="99"/>
      <c r="AJ6795" s="99"/>
      <c r="AK6795" s="99"/>
      <c r="AL6795" s="99"/>
      <c r="AM6795" s="99"/>
      <c r="AN6795" s="99"/>
      <c r="AO6795" s="99"/>
      <c r="AP6795" s="99"/>
      <c r="AQ6795" s="99"/>
      <c r="AR6795" s="99"/>
      <c r="AS6795" s="99"/>
      <c r="AT6795" s="99"/>
      <c r="AU6795" s="99"/>
      <c r="AV6795" s="99"/>
      <c r="AW6795" s="99"/>
      <c r="AX6795" s="99"/>
      <c r="AY6795" s="99"/>
      <c r="AZ6795" s="99"/>
      <c r="BA6795" s="99"/>
      <c r="BB6795" s="221">
        <v>45884</v>
      </c>
    </row>
    <row r="6796" spans="1:54" s="8" customFormat="1" ht="14.1" customHeight="1" x14ac:dyDescent="0.25">
      <c r="A6796" s="219" t="s">
        <v>16257</v>
      </c>
      <c r="B6796" s="220" t="s">
        <v>19871</v>
      </c>
      <c r="C6796" s="98" t="s">
        <v>16258</v>
      </c>
      <c r="D6796" s="98" t="s">
        <v>16259</v>
      </c>
      <c r="E6796" s="141">
        <v>1984</v>
      </c>
      <c r="F6796" s="141">
        <v>1042</v>
      </c>
      <c r="G6796" s="98" t="s">
        <v>1</v>
      </c>
      <c r="H6796" s="98">
        <v>0</v>
      </c>
      <c r="I6796" s="98">
        <v>0</v>
      </c>
      <c r="J6796" s="98">
        <v>1</v>
      </c>
      <c r="K6796" s="98">
        <v>1</v>
      </c>
      <c r="L6796" s="98">
        <v>1</v>
      </c>
      <c r="M6796" s="98">
        <v>1</v>
      </c>
      <c r="N6796" s="98">
        <v>0</v>
      </c>
      <c r="O6796" s="98">
        <v>1</v>
      </c>
      <c r="P6796" s="98">
        <v>0</v>
      </c>
      <c r="Q6796" s="98">
        <v>0</v>
      </c>
      <c r="R6796" s="98">
        <v>0</v>
      </c>
      <c r="S6796" s="98">
        <v>0</v>
      </c>
      <c r="T6796" s="98">
        <v>0</v>
      </c>
      <c r="U6796" s="99"/>
      <c r="V6796" s="99"/>
      <c r="W6796" s="99"/>
      <c r="X6796" s="99"/>
      <c r="Y6796" s="99"/>
      <c r="Z6796" s="99"/>
      <c r="AA6796" s="99"/>
      <c r="AB6796" s="99"/>
      <c r="AC6796" s="99"/>
      <c r="AD6796" s="99"/>
      <c r="AE6796" s="99"/>
      <c r="AF6796" s="99"/>
      <c r="AG6796" s="99"/>
      <c r="AH6796" s="99"/>
      <c r="AI6796" s="99"/>
      <c r="AJ6796" s="99"/>
      <c r="AK6796" s="99"/>
      <c r="AL6796" s="99"/>
      <c r="AM6796" s="99"/>
      <c r="AN6796" s="99"/>
      <c r="AO6796" s="99"/>
      <c r="AP6796" s="99"/>
      <c r="AQ6796" s="99"/>
      <c r="AR6796" s="99"/>
      <c r="AS6796" s="99"/>
      <c r="AT6796" s="99"/>
      <c r="AU6796" s="99"/>
      <c r="AV6796" s="99"/>
      <c r="AW6796" s="99"/>
      <c r="AX6796" s="99"/>
      <c r="AY6796" s="99"/>
      <c r="AZ6796" s="99"/>
      <c r="BA6796" s="99"/>
      <c r="BB6796" s="221">
        <v>45884</v>
      </c>
    </row>
    <row r="6797" spans="1:54" s="8" customFormat="1" ht="14.1" customHeight="1" x14ac:dyDescent="0.25">
      <c r="A6797" s="219" t="s">
        <v>16260</v>
      </c>
      <c r="B6797" s="220" t="s">
        <v>19871</v>
      </c>
      <c r="C6797" s="98" t="s">
        <v>4720</v>
      </c>
      <c r="D6797" s="98" t="s">
        <v>16261</v>
      </c>
      <c r="E6797" s="141">
        <v>1983</v>
      </c>
      <c r="F6797" s="141">
        <v>1050</v>
      </c>
      <c r="G6797" s="98" t="s">
        <v>1</v>
      </c>
      <c r="H6797" s="98">
        <v>0</v>
      </c>
      <c r="I6797" s="98">
        <v>0</v>
      </c>
      <c r="J6797" s="98">
        <v>1</v>
      </c>
      <c r="K6797" s="98">
        <v>1</v>
      </c>
      <c r="L6797" s="98">
        <v>1</v>
      </c>
      <c r="M6797" s="98">
        <v>1</v>
      </c>
      <c r="N6797" s="98">
        <v>0</v>
      </c>
      <c r="O6797" s="98">
        <v>1</v>
      </c>
      <c r="P6797" s="98">
        <v>0</v>
      </c>
      <c r="Q6797" s="98">
        <v>0</v>
      </c>
      <c r="R6797" s="98">
        <v>1</v>
      </c>
      <c r="S6797" s="98">
        <v>0</v>
      </c>
      <c r="T6797" s="98">
        <v>0</v>
      </c>
      <c r="U6797" s="99"/>
      <c r="V6797" s="99"/>
      <c r="W6797" s="99"/>
      <c r="X6797" s="99"/>
      <c r="Y6797" s="99"/>
      <c r="Z6797" s="99"/>
      <c r="AA6797" s="99"/>
      <c r="AB6797" s="99"/>
      <c r="AC6797" s="99"/>
      <c r="AD6797" s="99"/>
      <c r="AE6797" s="99"/>
      <c r="AF6797" s="99"/>
      <c r="AG6797" s="99"/>
      <c r="AH6797" s="99"/>
      <c r="AI6797" s="99"/>
      <c r="AJ6797" s="99"/>
      <c r="AK6797" s="99"/>
      <c r="AL6797" s="99"/>
      <c r="AM6797" s="99"/>
      <c r="AN6797" s="99"/>
      <c r="AO6797" s="99"/>
      <c r="AP6797" s="99"/>
      <c r="AQ6797" s="99"/>
      <c r="AR6797" s="99"/>
      <c r="AS6797" s="99"/>
      <c r="AT6797" s="99"/>
      <c r="AU6797" s="99"/>
      <c r="AV6797" s="99"/>
      <c r="AW6797" s="99"/>
      <c r="AX6797" s="99"/>
      <c r="AY6797" s="99"/>
      <c r="AZ6797" s="99"/>
      <c r="BA6797" s="99"/>
      <c r="BB6797" s="221">
        <v>45884</v>
      </c>
    </row>
    <row r="6798" spans="1:54" s="8" customFormat="1" ht="14.1" customHeight="1" x14ac:dyDescent="0.25">
      <c r="A6798" s="219" t="s">
        <v>16262</v>
      </c>
      <c r="B6798" s="220" t="s">
        <v>19871</v>
      </c>
      <c r="C6798" s="98" t="s">
        <v>16263</v>
      </c>
      <c r="D6798" s="98" t="s">
        <v>22081</v>
      </c>
      <c r="E6798" s="141">
        <v>1992</v>
      </c>
      <c r="F6798" s="141">
        <v>1056</v>
      </c>
      <c r="G6798" s="98" t="s">
        <v>1</v>
      </c>
      <c r="H6798" s="98">
        <v>0</v>
      </c>
      <c r="I6798" s="98">
        <v>0</v>
      </c>
      <c r="J6798" s="98">
        <v>1</v>
      </c>
      <c r="K6798" s="98">
        <v>1</v>
      </c>
      <c r="L6798" s="98">
        <v>0</v>
      </c>
      <c r="M6798" s="98">
        <v>0</v>
      </c>
      <c r="N6798" s="98">
        <v>0</v>
      </c>
      <c r="O6798" s="98">
        <v>1</v>
      </c>
      <c r="P6798" s="98">
        <v>1</v>
      </c>
      <c r="Q6798" s="98">
        <v>0</v>
      </c>
      <c r="R6798" s="98">
        <v>1</v>
      </c>
      <c r="S6798" s="98">
        <v>0</v>
      </c>
      <c r="T6798" s="98">
        <v>0</v>
      </c>
      <c r="U6798" s="99"/>
      <c r="V6798" s="99"/>
      <c r="W6798" s="99"/>
      <c r="X6798" s="99"/>
      <c r="Y6798" s="99"/>
      <c r="Z6798" s="99"/>
      <c r="AA6798" s="99"/>
      <c r="AB6798" s="99"/>
      <c r="AC6798" s="99"/>
      <c r="AD6798" s="99"/>
      <c r="AE6798" s="99"/>
      <c r="AF6798" s="99"/>
      <c r="AG6798" s="99"/>
      <c r="AH6798" s="99"/>
      <c r="AI6798" s="99"/>
      <c r="AJ6798" s="99"/>
      <c r="AK6798" s="99"/>
      <c r="AL6798" s="99"/>
      <c r="AM6798" s="99"/>
      <c r="AN6798" s="99"/>
      <c r="AO6798" s="99"/>
      <c r="AP6798" s="99"/>
      <c r="AQ6798" s="99"/>
      <c r="AR6798" s="99"/>
      <c r="AS6798" s="99"/>
      <c r="AT6798" s="99"/>
      <c r="AU6798" s="99"/>
      <c r="AV6798" s="99"/>
      <c r="AW6798" s="99"/>
      <c r="AX6798" s="99"/>
      <c r="AY6798" s="99"/>
      <c r="AZ6798" s="99"/>
      <c r="BA6798" s="99"/>
      <c r="BB6798" s="221">
        <v>45884</v>
      </c>
    </row>
    <row r="6799" spans="1:54" s="8" customFormat="1" ht="14.1" customHeight="1" x14ac:dyDescent="0.25">
      <c r="A6799" s="219" t="s">
        <v>16264</v>
      </c>
      <c r="B6799" s="220" t="s">
        <v>19871</v>
      </c>
      <c r="C6799" s="98" t="s">
        <v>16265</v>
      </c>
      <c r="D6799" s="98" t="s">
        <v>16266</v>
      </c>
      <c r="E6799" s="141">
        <v>1983</v>
      </c>
      <c r="F6799" s="141">
        <v>1062</v>
      </c>
      <c r="G6799" s="98" t="s">
        <v>1</v>
      </c>
      <c r="H6799" s="98">
        <v>0</v>
      </c>
      <c r="I6799" s="98">
        <v>0</v>
      </c>
      <c r="J6799" s="98">
        <v>1</v>
      </c>
      <c r="K6799" s="98">
        <v>0</v>
      </c>
      <c r="L6799" s="98">
        <v>1</v>
      </c>
      <c r="M6799" s="98">
        <v>0</v>
      </c>
      <c r="N6799" s="98">
        <v>0</v>
      </c>
      <c r="O6799" s="98">
        <v>0</v>
      </c>
      <c r="P6799" s="98">
        <v>1</v>
      </c>
      <c r="Q6799" s="98">
        <v>0</v>
      </c>
      <c r="R6799" s="98">
        <v>0</v>
      </c>
      <c r="S6799" s="98">
        <v>0</v>
      </c>
      <c r="T6799" s="98">
        <v>0</v>
      </c>
      <c r="U6799" s="99"/>
      <c r="V6799" s="99"/>
      <c r="W6799" s="99"/>
      <c r="X6799" s="99"/>
      <c r="Y6799" s="99"/>
      <c r="Z6799" s="99"/>
      <c r="AA6799" s="99"/>
      <c r="AB6799" s="99"/>
      <c r="AC6799" s="99"/>
      <c r="AD6799" s="99"/>
      <c r="AE6799" s="99"/>
      <c r="AF6799" s="99"/>
      <c r="AG6799" s="99"/>
      <c r="AH6799" s="99"/>
      <c r="AI6799" s="99"/>
      <c r="AJ6799" s="99"/>
      <c r="AK6799" s="99"/>
      <c r="AL6799" s="99"/>
      <c r="AM6799" s="99"/>
      <c r="AN6799" s="99"/>
      <c r="AO6799" s="99"/>
      <c r="AP6799" s="99"/>
      <c r="AQ6799" s="99"/>
      <c r="AR6799" s="99"/>
      <c r="AS6799" s="99"/>
      <c r="AT6799" s="99"/>
      <c r="AU6799" s="99"/>
      <c r="AV6799" s="99"/>
      <c r="AW6799" s="99"/>
      <c r="AX6799" s="99"/>
      <c r="AY6799" s="99"/>
      <c r="AZ6799" s="99"/>
      <c r="BA6799" s="99"/>
      <c r="BB6799" s="221">
        <v>45884</v>
      </c>
    </row>
    <row r="6800" spans="1:54" s="8" customFormat="1" ht="14.1" customHeight="1" x14ac:dyDescent="0.25">
      <c r="A6800" s="219" t="s">
        <v>16267</v>
      </c>
      <c r="B6800" s="220" t="s">
        <v>19871</v>
      </c>
      <c r="C6800" s="98" t="s">
        <v>16268</v>
      </c>
      <c r="D6800" s="98" t="s">
        <v>16269</v>
      </c>
      <c r="E6800" s="141">
        <v>1983</v>
      </c>
      <c r="F6800" s="141">
        <v>1153</v>
      </c>
      <c r="G6800" s="98" t="s">
        <v>1</v>
      </c>
      <c r="H6800" s="98">
        <v>0</v>
      </c>
      <c r="I6800" s="98">
        <v>0</v>
      </c>
      <c r="J6800" s="98">
        <v>1</v>
      </c>
      <c r="K6800" s="98">
        <v>0</v>
      </c>
      <c r="L6800" s="98">
        <v>1</v>
      </c>
      <c r="M6800" s="98">
        <v>0</v>
      </c>
      <c r="N6800" s="98">
        <v>0</v>
      </c>
      <c r="O6800" s="98">
        <v>1</v>
      </c>
      <c r="P6800" s="98">
        <v>1</v>
      </c>
      <c r="Q6800" s="98">
        <v>0</v>
      </c>
      <c r="R6800" s="98">
        <v>1</v>
      </c>
      <c r="S6800" s="98">
        <v>0</v>
      </c>
      <c r="T6800" s="98">
        <v>0</v>
      </c>
      <c r="U6800" s="99"/>
      <c r="V6800" s="99"/>
      <c r="W6800" s="99"/>
      <c r="X6800" s="99"/>
      <c r="Y6800" s="99"/>
      <c r="Z6800" s="99"/>
      <c r="AA6800" s="99"/>
      <c r="AB6800" s="99"/>
      <c r="AC6800" s="99"/>
      <c r="AD6800" s="99"/>
      <c r="AE6800" s="99"/>
      <c r="AF6800" s="99"/>
      <c r="AG6800" s="99"/>
      <c r="AH6800" s="99"/>
      <c r="AI6800" s="99"/>
      <c r="AJ6800" s="99"/>
      <c r="AK6800" s="99"/>
      <c r="AL6800" s="99"/>
      <c r="AM6800" s="99"/>
      <c r="AN6800" s="99"/>
      <c r="AO6800" s="99"/>
      <c r="AP6800" s="99"/>
      <c r="AQ6800" s="99"/>
      <c r="AR6800" s="99"/>
      <c r="AS6800" s="99"/>
      <c r="AT6800" s="99"/>
      <c r="AU6800" s="99"/>
      <c r="AV6800" s="99"/>
      <c r="AW6800" s="99"/>
      <c r="AX6800" s="99"/>
      <c r="AY6800" s="99"/>
      <c r="AZ6800" s="99"/>
      <c r="BA6800" s="99"/>
      <c r="BB6800" s="221">
        <v>45884</v>
      </c>
    </row>
    <row r="6801" spans="1:54" s="8" customFormat="1" ht="14.1" customHeight="1" x14ac:dyDescent="0.25">
      <c r="A6801" s="219" t="s">
        <v>16270</v>
      </c>
      <c r="B6801" s="220" t="s">
        <v>19871</v>
      </c>
      <c r="C6801" s="98" t="s">
        <v>16271</v>
      </c>
      <c r="D6801" s="98" t="s">
        <v>16272</v>
      </c>
      <c r="E6801" s="141">
        <v>1988</v>
      </c>
      <c r="F6801" s="141">
        <v>1154</v>
      </c>
      <c r="G6801" s="98" t="s">
        <v>1</v>
      </c>
      <c r="H6801" s="98">
        <v>0</v>
      </c>
      <c r="I6801" s="98">
        <v>0</v>
      </c>
      <c r="J6801" s="98">
        <v>1</v>
      </c>
      <c r="K6801" s="98">
        <v>0</v>
      </c>
      <c r="L6801" s="98">
        <v>1</v>
      </c>
      <c r="M6801" s="98">
        <v>0</v>
      </c>
      <c r="N6801" s="98">
        <v>0</v>
      </c>
      <c r="O6801" s="98">
        <v>1</v>
      </c>
      <c r="P6801" s="98">
        <v>1</v>
      </c>
      <c r="Q6801" s="98">
        <v>0</v>
      </c>
      <c r="R6801" s="98">
        <v>0</v>
      </c>
      <c r="S6801" s="98">
        <v>0</v>
      </c>
      <c r="T6801" s="98">
        <v>0</v>
      </c>
      <c r="U6801" s="99"/>
      <c r="V6801" s="99"/>
      <c r="W6801" s="99"/>
      <c r="X6801" s="99"/>
      <c r="Y6801" s="99"/>
      <c r="Z6801" s="99"/>
      <c r="AA6801" s="99"/>
      <c r="AB6801" s="99"/>
      <c r="AC6801" s="99"/>
      <c r="AD6801" s="99"/>
      <c r="AE6801" s="99"/>
      <c r="AF6801" s="99"/>
      <c r="AG6801" s="99"/>
      <c r="AH6801" s="99"/>
      <c r="AI6801" s="99"/>
      <c r="AJ6801" s="99"/>
      <c r="AK6801" s="99"/>
      <c r="AL6801" s="99"/>
      <c r="AM6801" s="99"/>
      <c r="AN6801" s="99"/>
      <c r="AO6801" s="99"/>
      <c r="AP6801" s="99"/>
      <c r="AQ6801" s="99"/>
      <c r="AR6801" s="99"/>
      <c r="AS6801" s="99"/>
      <c r="AT6801" s="99"/>
      <c r="AU6801" s="99"/>
      <c r="AV6801" s="99"/>
      <c r="AW6801" s="99"/>
      <c r="AX6801" s="99"/>
      <c r="AY6801" s="99"/>
      <c r="AZ6801" s="99"/>
      <c r="BA6801" s="99"/>
      <c r="BB6801" s="221">
        <v>45884</v>
      </c>
    </row>
    <row r="6802" spans="1:54" s="8" customFormat="1" ht="14.1" customHeight="1" x14ac:dyDescent="0.25">
      <c r="A6802" s="219" t="s">
        <v>16273</v>
      </c>
      <c r="B6802" s="220" t="s">
        <v>19871</v>
      </c>
      <c r="C6802" s="98" t="s">
        <v>16274</v>
      </c>
      <c r="D6802" s="98" t="s">
        <v>16275</v>
      </c>
      <c r="E6802" s="141">
        <v>1975</v>
      </c>
      <c r="F6802" s="141">
        <v>1158</v>
      </c>
      <c r="G6802" s="98" t="s">
        <v>1</v>
      </c>
      <c r="H6802" s="98">
        <v>1</v>
      </c>
      <c r="I6802" s="98">
        <v>1</v>
      </c>
      <c r="J6802" s="98">
        <v>0</v>
      </c>
      <c r="K6802" s="98">
        <v>1</v>
      </c>
      <c r="L6802" s="98">
        <v>0</v>
      </c>
      <c r="M6802" s="98">
        <v>1</v>
      </c>
      <c r="N6802" s="98">
        <v>0</v>
      </c>
      <c r="O6802" s="98">
        <v>0</v>
      </c>
      <c r="P6802" s="98">
        <v>0</v>
      </c>
      <c r="Q6802" s="98">
        <v>0</v>
      </c>
      <c r="R6802" s="98">
        <v>0</v>
      </c>
      <c r="S6802" s="98">
        <v>0</v>
      </c>
      <c r="T6802" s="98">
        <v>0</v>
      </c>
      <c r="U6802" s="99"/>
      <c r="V6802" s="99"/>
      <c r="W6802" s="99"/>
      <c r="X6802" s="99"/>
      <c r="Y6802" s="99"/>
      <c r="Z6802" s="99"/>
      <c r="AA6802" s="99"/>
      <c r="AB6802" s="99"/>
      <c r="AC6802" s="99"/>
      <c r="AD6802" s="99"/>
      <c r="AE6802" s="99"/>
      <c r="AF6802" s="99"/>
      <c r="AG6802" s="99"/>
      <c r="AH6802" s="99"/>
      <c r="AI6802" s="99"/>
      <c r="AJ6802" s="99"/>
      <c r="AK6802" s="99"/>
      <c r="AL6802" s="99"/>
      <c r="AM6802" s="99"/>
      <c r="AN6802" s="99"/>
      <c r="AO6802" s="99"/>
      <c r="AP6802" s="99"/>
      <c r="AQ6802" s="99"/>
      <c r="AR6802" s="99"/>
      <c r="AS6802" s="99"/>
      <c r="AT6802" s="99"/>
      <c r="AU6802" s="99"/>
      <c r="AV6802" s="99"/>
      <c r="AW6802" s="99"/>
      <c r="AX6802" s="99"/>
      <c r="AY6802" s="99"/>
      <c r="AZ6802" s="99"/>
      <c r="BA6802" s="99"/>
      <c r="BB6802" s="221">
        <v>45884</v>
      </c>
    </row>
    <row r="6803" spans="1:54" s="8" customFormat="1" ht="14.1" customHeight="1" x14ac:dyDescent="0.25">
      <c r="A6803" s="219" t="s">
        <v>16276</v>
      </c>
      <c r="B6803" s="220" t="s">
        <v>19871</v>
      </c>
      <c r="C6803" s="98" t="s">
        <v>16277</v>
      </c>
      <c r="D6803" s="98" t="s">
        <v>16278</v>
      </c>
      <c r="E6803" s="141">
        <v>1988</v>
      </c>
      <c r="F6803" s="141">
        <v>1181</v>
      </c>
      <c r="G6803" s="98" t="s">
        <v>1</v>
      </c>
      <c r="H6803" s="98">
        <v>0</v>
      </c>
      <c r="I6803" s="98">
        <v>0</v>
      </c>
      <c r="J6803" s="98">
        <v>1</v>
      </c>
      <c r="K6803" s="98">
        <v>0</v>
      </c>
      <c r="L6803" s="98">
        <v>1</v>
      </c>
      <c r="M6803" s="98">
        <v>1</v>
      </c>
      <c r="N6803" s="98">
        <v>0</v>
      </c>
      <c r="O6803" s="98">
        <v>0</v>
      </c>
      <c r="P6803" s="98">
        <v>0</v>
      </c>
      <c r="Q6803" s="98">
        <v>0</v>
      </c>
      <c r="R6803" s="98">
        <v>0</v>
      </c>
      <c r="S6803" s="98">
        <v>0</v>
      </c>
      <c r="T6803" s="98">
        <v>0</v>
      </c>
      <c r="U6803" s="99"/>
      <c r="V6803" s="99"/>
      <c r="W6803" s="99"/>
      <c r="X6803" s="99"/>
      <c r="Y6803" s="99"/>
      <c r="Z6803" s="99"/>
      <c r="AA6803" s="99"/>
      <c r="AB6803" s="99"/>
      <c r="AC6803" s="99"/>
      <c r="AD6803" s="99"/>
      <c r="AE6803" s="99"/>
      <c r="AF6803" s="99"/>
      <c r="AG6803" s="99"/>
      <c r="AH6803" s="99"/>
      <c r="AI6803" s="99"/>
      <c r="AJ6803" s="99"/>
      <c r="AK6803" s="99"/>
      <c r="AL6803" s="99"/>
      <c r="AM6803" s="99"/>
      <c r="AN6803" s="99"/>
      <c r="AO6803" s="99"/>
      <c r="AP6803" s="99"/>
      <c r="AQ6803" s="99"/>
      <c r="AR6803" s="99"/>
      <c r="AS6803" s="99"/>
      <c r="AT6803" s="99"/>
      <c r="AU6803" s="99"/>
      <c r="AV6803" s="99"/>
      <c r="AW6803" s="99"/>
      <c r="AX6803" s="99"/>
      <c r="AY6803" s="99"/>
      <c r="AZ6803" s="99"/>
      <c r="BA6803" s="99"/>
      <c r="BB6803" s="221">
        <v>45884</v>
      </c>
    </row>
    <row r="6804" spans="1:54" s="8" customFormat="1" ht="14.1" customHeight="1" x14ac:dyDescent="0.25">
      <c r="A6804" s="219" t="s">
        <v>16279</v>
      </c>
      <c r="B6804" s="220" t="s">
        <v>19871</v>
      </c>
      <c r="C6804" s="98" t="s">
        <v>16280</v>
      </c>
      <c r="D6804" s="98" t="s">
        <v>16281</v>
      </c>
      <c r="E6804" s="141">
        <v>1981</v>
      </c>
      <c r="F6804" s="141">
        <v>1200</v>
      </c>
      <c r="G6804" s="98" t="s">
        <v>1</v>
      </c>
      <c r="H6804" s="98">
        <v>0</v>
      </c>
      <c r="I6804" s="98">
        <v>0</v>
      </c>
      <c r="J6804" s="98">
        <v>1</v>
      </c>
      <c r="K6804" s="98">
        <v>0</v>
      </c>
      <c r="L6804" s="98">
        <v>0</v>
      </c>
      <c r="M6804" s="98">
        <v>1</v>
      </c>
      <c r="N6804" s="98">
        <v>0</v>
      </c>
      <c r="O6804" s="98">
        <v>0</v>
      </c>
      <c r="P6804" s="98">
        <v>0</v>
      </c>
      <c r="Q6804" s="98">
        <v>0</v>
      </c>
      <c r="R6804" s="98">
        <v>0</v>
      </c>
      <c r="S6804" s="98">
        <v>0</v>
      </c>
      <c r="T6804" s="98">
        <v>0</v>
      </c>
      <c r="U6804" s="99"/>
      <c r="V6804" s="99"/>
      <c r="W6804" s="99"/>
      <c r="X6804" s="99"/>
      <c r="Y6804" s="99"/>
      <c r="Z6804" s="99"/>
      <c r="AA6804" s="99"/>
      <c r="AB6804" s="99"/>
      <c r="AC6804" s="99"/>
      <c r="AD6804" s="99"/>
      <c r="AE6804" s="99"/>
      <c r="AF6804" s="99"/>
      <c r="AG6804" s="99"/>
      <c r="AH6804" s="99"/>
      <c r="AI6804" s="99"/>
      <c r="AJ6804" s="99"/>
      <c r="AK6804" s="99"/>
      <c r="AL6804" s="99"/>
      <c r="AM6804" s="99"/>
      <c r="AN6804" s="99"/>
      <c r="AO6804" s="99"/>
      <c r="AP6804" s="99"/>
      <c r="AQ6804" s="99"/>
      <c r="AR6804" s="99"/>
      <c r="AS6804" s="99"/>
      <c r="AT6804" s="99"/>
      <c r="AU6804" s="99"/>
      <c r="AV6804" s="99"/>
      <c r="AW6804" s="99"/>
      <c r="AX6804" s="99"/>
      <c r="AY6804" s="99"/>
      <c r="AZ6804" s="99"/>
      <c r="BA6804" s="99"/>
      <c r="BB6804" s="221">
        <v>45884</v>
      </c>
    </row>
    <row r="6805" spans="1:54" s="8" customFormat="1" ht="14.1" customHeight="1" x14ac:dyDescent="0.25">
      <c r="A6805" s="219" t="s">
        <v>16282</v>
      </c>
      <c r="B6805" s="220" t="s">
        <v>19871</v>
      </c>
      <c r="C6805" s="98" t="s">
        <v>16283</v>
      </c>
      <c r="D6805" s="98" t="s">
        <v>16284</v>
      </c>
      <c r="E6805" s="141">
        <v>1988</v>
      </c>
      <c r="F6805" s="141">
        <v>1240</v>
      </c>
      <c r="G6805" s="98" t="s">
        <v>1</v>
      </c>
      <c r="H6805" s="98">
        <v>0</v>
      </c>
      <c r="I6805" s="98">
        <v>0</v>
      </c>
      <c r="J6805" s="98">
        <v>1</v>
      </c>
      <c r="K6805" s="98">
        <v>0</v>
      </c>
      <c r="L6805" s="98">
        <v>1</v>
      </c>
      <c r="M6805" s="98">
        <v>0</v>
      </c>
      <c r="N6805" s="98">
        <v>0</v>
      </c>
      <c r="O6805" s="98">
        <v>1</v>
      </c>
      <c r="P6805" s="98">
        <v>1</v>
      </c>
      <c r="Q6805" s="98">
        <v>0</v>
      </c>
      <c r="R6805" s="98">
        <v>0</v>
      </c>
      <c r="S6805" s="98">
        <v>1</v>
      </c>
      <c r="T6805" s="98">
        <v>0</v>
      </c>
      <c r="U6805" s="99"/>
      <c r="V6805" s="99"/>
      <c r="W6805" s="99"/>
      <c r="X6805" s="99"/>
      <c r="Y6805" s="99"/>
      <c r="Z6805" s="99"/>
      <c r="AA6805" s="99"/>
      <c r="AB6805" s="99"/>
      <c r="AC6805" s="99"/>
      <c r="AD6805" s="99"/>
      <c r="AE6805" s="99"/>
      <c r="AF6805" s="99"/>
      <c r="AG6805" s="99"/>
      <c r="AH6805" s="99"/>
      <c r="AI6805" s="99"/>
      <c r="AJ6805" s="99"/>
      <c r="AK6805" s="99"/>
      <c r="AL6805" s="99"/>
      <c r="AM6805" s="99"/>
      <c r="AN6805" s="99"/>
      <c r="AO6805" s="99"/>
      <c r="AP6805" s="99"/>
      <c r="AQ6805" s="99"/>
      <c r="AR6805" s="99"/>
      <c r="AS6805" s="99"/>
      <c r="AT6805" s="99"/>
      <c r="AU6805" s="99"/>
      <c r="AV6805" s="99"/>
      <c r="AW6805" s="99"/>
      <c r="AX6805" s="99"/>
      <c r="AY6805" s="99"/>
      <c r="AZ6805" s="99"/>
      <c r="BA6805" s="99"/>
      <c r="BB6805" s="221">
        <v>45884</v>
      </c>
    </row>
    <row r="6806" spans="1:54" s="8" customFormat="1" ht="14.1" customHeight="1" x14ac:dyDescent="0.25">
      <c r="A6806" s="219" t="s">
        <v>16285</v>
      </c>
      <c r="B6806" s="220" t="s">
        <v>19871</v>
      </c>
      <c r="C6806" s="98" t="s">
        <v>16286</v>
      </c>
      <c r="D6806" s="98" t="s">
        <v>16287</v>
      </c>
      <c r="E6806" s="141">
        <v>1994</v>
      </c>
      <c r="F6806" s="141">
        <v>1242</v>
      </c>
      <c r="G6806" s="98" t="s">
        <v>1</v>
      </c>
      <c r="H6806" s="98">
        <v>0</v>
      </c>
      <c r="I6806" s="98">
        <v>0</v>
      </c>
      <c r="J6806" s="98">
        <v>0</v>
      </c>
      <c r="K6806" s="98">
        <v>0</v>
      </c>
      <c r="L6806" s="98">
        <v>0</v>
      </c>
      <c r="M6806" s="98">
        <v>0</v>
      </c>
      <c r="N6806" s="98">
        <v>0</v>
      </c>
      <c r="O6806" s="98">
        <v>0</v>
      </c>
      <c r="P6806" s="98">
        <v>0</v>
      </c>
      <c r="Q6806" s="98">
        <v>0</v>
      </c>
      <c r="R6806" s="98">
        <v>0</v>
      </c>
      <c r="S6806" s="98">
        <v>0</v>
      </c>
      <c r="T6806" s="98">
        <v>0</v>
      </c>
      <c r="U6806" s="99"/>
      <c r="V6806" s="99"/>
      <c r="W6806" s="99"/>
      <c r="X6806" s="99"/>
      <c r="Y6806" s="99"/>
      <c r="Z6806" s="99"/>
      <c r="AA6806" s="99"/>
      <c r="AB6806" s="99"/>
      <c r="AC6806" s="99"/>
      <c r="AD6806" s="99"/>
      <c r="AE6806" s="99"/>
      <c r="AF6806" s="99"/>
      <c r="AG6806" s="99"/>
      <c r="AH6806" s="99"/>
      <c r="AI6806" s="99"/>
      <c r="AJ6806" s="99"/>
      <c r="AK6806" s="99"/>
      <c r="AL6806" s="99"/>
      <c r="AM6806" s="99"/>
      <c r="AN6806" s="99"/>
      <c r="AO6806" s="99"/>
      <c r="AP6806" s="99"/>
      <c r="AQ6806" s="99"/>
      <c r="AR6806" s="99"/>
      <c r="AS6806" s="99"/>
      <c r="AT6806" s="99"/>
      <c r="AU6806" s="99"/>
      <c r="AV6806" s="99"/>
      <c r="AW6806" s="99"/>
      <c r="AX6806" s="99"/>
      <c r="AY6806" s="99"/>
      <c r="AZ6806" s="99"/>
      <c r="BA6806" s="99"/>
      <c r="BB6806" s="221">
        <v>45884</v>
      </c>
    </row>
    <row r="6807" spans="1:54" s="8" customFormat="1" ht="14.1" customHeight="1" x14ac:dyDescent="0.25">
      <c r="A6807" s="219" t="s">
        <v>16288</v>
      </c>
      <c r="B6807" s="220" t="s">
        <v>19871</v>
      </c>
      <c r="C6807" s="98" t="s">
        <v>16289</v>
      </c>
      <c r="D6807" s="98" t="s">
        <v>16290</v>
      </c>
      <c r="E6807" s="141">
        <v>1984</v>
      </c>
      <c r="F6807" s="141">
        <v>1252</v>
      </c>
      <c r="G6807" s="98" t="s">
        <v>1</v>
      </c>
      <c r="H6807" s="98">
        <v>0</v>
      </c>
      <c r="I6807" s="98">
        <v>0</v>
      </c>
      <c r="J6807" s="98">
        <v>1</v>
      </c>
      <c r="K6807" s="98">
        <v>1</v>
      </c>
      <c r="L6807" s="98">
        <v>0</v>
      </c>
      <c r="M6807" s="98">
        <v>0</v>
      </c>
      <c r="N6807" s="98">
        <v>0</v>
      </c>
      <c r="O6807" s="98">
        <v>0</v>
      </c>
      <c r="P6807" s="98">
        <v>0</v>
      </c>
      <c r="Q6807" s="98">
        <v>0</v>
      </c>
      <c r="R6807" s="98">
        <v>0</v>
      </c>
      <c r="S6807" s="98">
        <v>0</v>
      </c>
      <c r="T6807" s="98">
        <v>0</v>
      </c>
      <c r="U6807" s="99"/>
      <c r="V6807" s="99"/>
      <c r="W6807" s="99"/>
      <c r="X6807" s="99"/>
      <c r="Y6807" s="99"/>
      <c r="Z6807" s="99"/>
      <c r="AA6807" s="99"/>
      <c r="AB6807" s="99"/>
      <c r="AC6807" s="99"/>
      <c r="AD6807" s="99"/>
      <c r="AE6807" s="99"/>
      <c r="AF6807" s="99"/>
      <c r="AG6807" s="99"/>
      <c r="AH6807" s="99"/>
      <c r="AI6807" s="99"/>
      <c r="AJ6807" s="99"/>
      <c r="AK6807" s="99"/>
      <c r="AL6807" s="99"/>
      <c r="AM6807" s="99"/>
      <c r="AN6807" s="99"/>
      <c r="AO6807" s="99"/>
      <c r="AP6807" s="99"/>
      <c r="AQ6807" s="99"/>
      <c r="AR6807" s="99"/>
      <c r="AS6807" s="99"/>
      <c r="AT6807" s="99"/>
      <c r="AU6807" s="99"/>
      <c r="AV6807" s="99"/>
      <c r="AW6807" s="99"/>
      <c r="AX6807" s="99"/>
      <c r="AY6807" s="99"/>
      <c r="AZ6807" s="99"/>
      <c r="BA6807" s="99"/>
      <c r="BB6807" s="221">
        <v>45884</v>
      </c>
    </row>
    <row r="6808" spans="1:54" s="8" customFormat="1" ht="14.1" customHeight="1" x14ac:dyDescent="0.25">
      <c r="A6808" s="219" t="s">
        <v>16291</v>
      </c>
      <c r="B6808" s="220" t="s">
        <v>19871</v>
      </c>
      <c r="C6808" s="98" t="s">
        <v>16292</v>
      </c>
      <c r="D6808" s="98" t="s">
        <v>16293</v>
      </c>
      <c r="E6808" s="141">
        <v>1992</v>
      </c>
      <c r="F6808" s="141">
        <v>1257</v>
      </c>
      <c r="G6808" s="98" t="s">
        <v>1</v>
      </c>
      <c r="H6808" s="98">
        <v>0</v>
      </c>
      <c r="I6808" s="98">
        <v>0</v>
      </c>
      <c r="J6808" s="98">
        <v>1</v>
      </c>
      <c r="K6808" s="98">
        <v>1</v>
      </c>
      <c r="L6808" s="98">
        <v>1</v>
      </c>
      <c r="M6808" s="98">
        <v>1</v>
      </c>
      <c r="N6808" s="98">
        <v>0</v>
      </c>
      <c r="O6808" s="98">
        <v>1</v>
      </c>
      <c r="P6808" s="98">
        <v>0</v>
      </c>
      <c r="Q6808" s="98">
        <v>1</v>
      </c>
      <c r="R6808" s="98">
        <v>0</v>
      </c>
      <c r="S6808" s="98">
        <v>0</v>
      </c>
      <c r="T6808" s="98">
        <v>0</v>
      </c>
      <c r="U6808" s="99"/>
      <c r="V6808" s="99"/>
      <c r="W6808" s="99"/>
      <c r="X6808" s="99"/>
      <c r="Y6808" s="99"/>
      <c r="Z6808" s="99"/>
      <c r="AA6808" s="99"/>
      <c r="AB6808" s="99"/>
      <c r="AC6808" s="99"/>
      <c r="AD6808" s="99"/>
      <c r="AE6808" s="99"/>
      <c r="AF6808" s="99"/>
      <c r="AG6808" s="99"/>
      <c r="AH6808" s="99"/>
      <c r="AI6808" s="99"/>
      <c r="AJ6808" s="99"/>
      <c r="AK6808" s="99"/>
      <c r="AL6808" s="99"/>
      <c r="AM6808" s="99"/>
      <c r="AN6808" s="99"/>
      <c r="AO6808" s="99"/>
      <c r="AP6808" s="99"/>
      <c r="AQ6808" s="99"/>
      <c r="AR6808" s="99"/>
      <c r="AS6808" s="99"/>
      <c r="AT6808" s="99"/>
      <c r="AU6808" s="99"/>
      <c r="AV6808" s="99"/>
      <c r="AW6808" s="99"/>
      <c r="AX6808" s="99"/>
      <c r="AY6808" s="99"/>
      <c r="AZ6808" s="99"/>
      <c r="BA6808" s="99"/>
      <c r="BB6808" s="221">
        <v>45884</v>
      </c>
    </row>
    <row r="6809" spans="1:54" s="8" customFormat="1" ht="14.1" customHeight="1" x14ac:dyDescent="0.25">
      <c r="A6809" s="219" t="s">
        <v>16294</v>
      </c>
      <c r="B6809" s="220" t="s">
        <v>19871</v>
      </c>
      <c r="C6809" s="98" t="s">
        <v>16295</v>
      </c>
      <c r="D6809" s="98" t="s">
        <v>16296</v>
      </c>
      <c r="E6809" s="141">
        <v>1983</v>
      </c>
      <c r="F6809" s="141">
        <v>1283</v>
      </c>
      <c r="G6809" s="98" t="s">
        <v>1</v>
      </c>
      <c r="H6809" s="98">
        <v>0</v>
      </c>
      <c r="I6809" s="98">
        <v>0</v>
      </c>
      <c r="J6809" s="98">
        <v>1</v>
      </c>
      <c r="K6809" s="98">
        <v>0</v>
      </c>
      <c r="L6809" s="98">
        <v>0</v>
      </c>
      <c r="M6809" s="98">
        <v>1</v>
      </c>
      <c r="N6809" s="98">
        <v>0</v>
      </c>
      <c r="O6809" s="98">
        <v>1</v>
      </c>
      <c r="P6809" s="98">
        <v>1</v>
      </c>
      <c r="Q6809" s="98">
        <v>0</v>
      </c>
      <c r="R6809" s="98">
        <v>0</v>
      </c>
      <c r="S6809" s="98">
        <v>0</v>
      </c>
      <c r="T6809" s="98">
        <v>0</v>
      </c>
      <c r="U6809" s="99"/>
      <c r="V6809" s="99"/>
      <c r="W6809" s="99"/>
      <c r="X6809" s="99"/>
      <c r="Y6809" s="99"/>
      <c r="Z6809" s="99"/>
      <c r="AA6809" s="99"/>
      <c r="AB6809" s="99"/>
      <c r="AC6809" s="99"/>
      <c r="AD6809" s="99"/>
      <c r="AE6809" s="99"/>
      <c r="AF6809" s="99"/>
      <c r="AG6809" s="99"/>
      <c r="AH6809" s="99"/>
      <c r="AI6809" s="99"/>
      <c r="AJ6809" s="99"/>
      <c r="AK6809" s="99"/>
      <c r="AL6809" s="99"/>
      <c r="AM6809" s="99"/>
      <c r="AN6809" s="99"/>
      <c r="AO6809" s="99"/>
      <c r="AP6809" s="99"/>
      <c r="AQ6809" s="99"/>
      <c r="AR6809" s="99"/>
      <c r="AS6809" s="99"/>
      <c r="AT6809" s="99"/>
      <c r="AU6809" s="99"/>
      <c r="AV6809" s="99"/>
      <c r="AW6809" s="99"/>
      <c r="AX6809" s="99"/>
      <c r="AY6809" s="99"/>
      <c r="AZ6809" s="99"/>
      <c r="BA6809" s="99"/>
      <c r="BB6809" s="221">
        <v>45884</v>
      </c>
    </row>
    <row r="6810" spans="1:54" s="8" customFormat="1" ht="14.1" customHeight="1" x14ac:dyDescent="0.25">
      <c r="A6810" s="219" t="s">
        <v>16297</v>
      </c>
      <c r="B6810" s="220" t="s">
        <v>19871</v>
      </c>
      <c r="C6810" s="98" t="s">
        <v>9567</v>
      </c>
      <c r="D6810" s="98" t="s">
        <v>16298</v>
      </c>
      <c r="E6810" s="141">
        <v>1976</v>
      </c>
      <c r="F6810" s="141">
        <v>1297</v>
      </c>
      <c r="G6810" s="98" t="s">
        <v>1</v>
      </c>
      <c r="H6810" s="98">
        <v>0</v>
      </c>
      <c r="I6810" s="98">
        <v>0</v>
      </c>
      <c r="J6810" s="98">
        <v>1</v>
      </c>
      <c r="K6810" s="98">
        <v>1</v>
      </c>
      <c r="L6810" s="98">
        <v>1</v>
      </c>
      <c r="M6810" s="98">
        <v>1</v>
      </c>
      <c r="N6810" s="98">
        <v>1</v>
      </c>
      <c r="O6810" s="98">
        <v>0</v>
      </c>
      <c r="P6810" s="98">
        <v>0</v>
      </c>
      <c r="Q6810" s="98">
        <v>0</v>
      </c>
      <c r="R6810" s="98">
        <v>0</v>
      </c>
      <c r="S6810" s="98">
        <v>0</v>
      </c>
      <c r="T6810" s="98">
        <v>0</v>
      </c>
      <c r="U6810" s="99"/>
      <c r="V6810" s="99"/>
      <c r="W6810" s="99"/>
      <c r="X6810" s="99"/>
      <c r="Y6810" s="99"/>
      <c r="Z6810" s="99"/>
      <c r="AA6810" s="99"/>
      <c r="AB6810" s="99"/>
      <c r="AC6810" s="99"/>
      <c r="AD6810" s="99"/>
      <c r="AE6810" s="99"/>
      <c r="AF6810" s="99"/>
      <c r="AG6810" s="99"/>
      <c r="AH6810" s="99"/>
      <c r="AI6810" s="99"/>
      <c r="AJ6810" s="99"/>
      <c r="AK6810" s="99"/>
      <c r="AL6810" s="99"/>
      <c r="AM6810" s="99"/>
      <c r="AN6810" s="99"/>
      <c r="AO6810" s="99"/>
      <c r="AP6810" s="99"/>
      <c r="AQ6810" s="99"/>
      <c r="AR6810" s="99"/>
      <c r="AS6810" s="99"/>
      <c r="AT6810" s="99"/>
      <c r="AU6810" s="99"/>
      <c r="AV6810" s="99"/>
      <c r="AW6810" s="99"/>
      <c r="AX6810" s="99"/>
      <c r="AY6810" s="99"/>
      <c r="AZ6810" s="99"/>
      <c r="BA6810" s="99"/>
      <c r="BB6810" s="221">
        <v>45884</v>
      </c>
    </row>
    <row r="6811" spans="1:54" s="8" customFormat="1" ht="14.1" customHeight="1" x14ac:dyDescent="0.25">
      <c r="A6811" s="219" t="s">
        <v>16299</v>
      </c>
      <c r="B6811" s="220" t="s">
        <v>19871</v>
      </c>
      <c r="C6811" s="98" t="s">
        <v>16300</v>
      </c>
      <c r="D6811" s="98" t="s">
        <v>16301</v>
      </c>
      <c r="E6811" s="141">
        <v>1997</v>
      </c>
      <c r="F6811" s="141">
        <v>1299</v>
      </c>
      <c r="G6811" s="98" t="s">
        <v>1</v>
      </c>
      <c r="H6811" s="98">
        <v>0</v>
      </c>
      <c r="I6811" s="98">
        <v>0</v>
      </c>
      <c r="J6811" s="98">
        <v>0</v>
      </c>
      <c r="K6811" s="98">
        <v>1</v>
      </c>
      <c r="L6811" s="98">
        <v>0</v>
      </c>
      <c r="M6811" s="98">
        <v>0</v>
      </c>
      <c r="N6811" s="98">
        <v>1</v>
      </c>
      <c r="O6811" s="98">
        <v>1</v>
      </c>
      <c r="P6811" s="98">
        <v>1</v>
      </c>
      <c r="Q6811" s="98">
        <v>1</v>
      </c>
      <c r="R6811" s="98">
        <v>1</v>
      </c>
      <c r="S6811" s="98">
        <v>0</v>
      </c>
      <c r="T6811" s="98">
        <v>0</v>
      </c>
      <c r="U6811" s="99"/>
      <c r="V6811" s="99"/>
      <c r="W6811" s="99"/>
      <c r="X6811" s="99"/>
      <c r="Y6811" s="99"/>
      <c r="Z6811" s="99"/>
      <c r="AA6811" s="99"/>
      <c r="AB6811" s="99"/>
      <c r="AC6811" s="99"/>
      <c r="AD6811" s="99"/>
      <c r="AE6811" s="99"/>
      <c r="AF6811" s="99"/>
      <c r="AG6811" s="99"/>
      <c r="AH6811" s="99"/>
      <c r="AI6811" s="99"/>
      <c r="AJ6811" s="99"/>
      <c r="AK6811" s="99"/>
      <c r="AL6811" s="99"/>
      <c r="AM6811" s="99"/>
      <c r="AN6811" s="99"/>
      <c r="AO6811" s="99"/>
      <c r="AP6811" s="99"/>
      <c r="AQ6811" s="99"/>
      <c r="AR6811" s="99"/>
      <c r="AS6811" s="99"/>
      <c r="AT6811" s="99"/>
      <c r="AU6811" s="99"/>
      <c r="AV6811" s="99"/>
      <c r="AW6811" s="99"/>
      <c r="AX6811" s="99"/>
      <c r="AY6811" s="99"/>
      <c r="AZ6811" s="99"/>
      <c r="BA6811" s="99"/>
      <c r="BB6811" s="221">
        <v>45884</v>
      </c>
    </row>
    <row r="6812" spans="1:54" s="8" customFormat="1" ht="14.1" customHeight="1" x14ac:dyDescent="0.25">
      <c r="A6812" s="219" t="s">
        <v>16302</v>
      </c>
      <c r="B6812" s="220" t="s">
        <v>19871</v>
      </c>
      <c r="C6812" s="98" t="s">
        <v>16303</v>
      </c>
      <c r="D6812" s="98" t="s">
        <v>16304</v>
      </c>
      <c r="E6812" s="141">
        <v>1983</v>
      </c>
      <c r="F6812" s="141">
        <v>1310</v>
      </c>
      <c r="G6812" s="98" t="s">
        <v>1</v>
      </c>
      <c r="H6812" s="98">
        <v>0</v>
      </c>
      <c r="I6812" s="98">
        <v>0</v>
      </c>
      <c r="J6812" s="98">
        <v>1</v>
      </c>
      <c r="K6812" s="98">
        <v>1</v>
      </c>
      <c r="L6812" s="98">
        <v>1</v>
      </c>
      <c r="M6812" s="98">
        <v>0</v>
      </c>
      <c r="N6812" s="98">
        <v>0</v>
      </c>
      <c r="O6812" s="98">
        <v>1</v>
      </c>
      <c r="P6812" s="98">
        <v>1</v>
      </c>
      <c r="Q6812" s="98">
        <v>0</v>
      </c>
      <c r="R6812" s="98">
        <v>1</v>
      </c>
      <c r="S6812" s="98">
        <v>0</v>
      </c>
      <c r="T6812" s="98">
        <v>0</v>
      </c>
      <c r="U6812" s="99"/>
      <c r="V6812" s="99"/>
      <c r="W6812" s="99"/>
      <c r="X6812" s="99"/>
      <c r="Y6812" s="99"/>
      <c r="Z6812" s="99"/>
      <c r="AA6812" s="99"/>
      <c r="AB6812" s="99"/>
      <c r="AC6812" s="99"/>
      <c r="AD6812" s="99"/>
      <c r="AE6812" s="99"/>
      <c r="AF6812" s="99"/>
      <c r="AG6812" s="99"/>
      <c r="AH6812" s="99"/>
      <c r="AI6812" s="99"/>
      <c r="AJ6812" s="99"/>
      <c r="AK6812" s="99"/>
      <c r="AL6812" s="99"/>
      <c r="AM6812" s="99"/>
      <c r="AN6812" s="99"/>
      <c r="AO6812" s="99"/>
      <c r="AP6812" s="99"/>
      <c r="AQ6812" s="99"/>
      <c r="AR6812" s="99"/>
      <c r="AS6812" s="99"/>
      <c r="AT6812" s="99"/>
      <c r="AU6812" s="99"/>
      <c r="AV6812" s="99"/>
      <c r="AW6812" s="99"/>
      <c r="AX6812" s="99"/>
      <c r="AY6812" s="99"/>
      <c r="AZ6812" s="99"/>
      <c r="BA6812" s="99"/>
      <c r="BB6812" s="221">
        <v>45884</v>
      </c>
    </row>
    <row r="6813" spans="1:54" s="8" customFormat="1" ht="14.1" customHeight="1" x14ac:dyDescent="0.25">
      <c r="A6813" s="219" t="s">
        <v>16305</v>
      </c>
      <c r="B6813" s="220" t="s">
        <v>19871</v>
      </c>
      <c r="C6813" s="98" t="s">
        <v>16306</v>
      </c>
      <c r="D6813" s="98" t="s">
        <v>16307</v>
      </c>
      <c r="E6813" s="141">
        <v>2009</v>
      </c>
      <c r="F6813" s="141">
        <v>1329</v>
      </c>
      <c r="G6813" s="98" t="s">
        <v>1</v>
      </c>
      <c r="H6813" s="98">
        <v>0</v>
      </c>
      <c r="I6813" s="98">
        <v>0</v>
      </c>
      <c r="J6813" s="98">
        <v>1</v>
      </c>
      <c r="K6813" s="98">
        <v>1</v>
      </c>
      <c r="L6813" s="98">
        <v>1</v>
      </c>
      <c r="M6813" s="98">
        <v>1</v>
      </c>
      <c r="N6813" s="98">
        <v>1</v>
      </c>
      <c r="O6813" s="98">
        <v>1</v>
      </c>
      <c r="P6813" s="98">
        <v>0</v>
      </c>
      <c r="Q6813" s="98">
        <v>0</v>
      </c>
      <c r="R6813" s="98">
        <v>1</v>
      </c>
      <c r="S6813" s="98">
        <v>0</v>
      </c>
      <c r="T6813" s="98">
        <v>0</v>
      </c>
      <c r="U6813" s="99"/>
      <c r="V6813" s="99"/>
      <c r="W6813" s="99"/>
      <c r="X6813" s="99"/>
      <c r="Y6813" s="99"/>
      <c r="Z6813" s="99"/>
      <c r="AA6813" s="99"/>
      <c r="AB6813" s="99"/>
      <c r="AC6813" s="99"/>
      <c r="AD6813" s="99"/>
      <c r="AE6813" s="99"/>
      <c r="AF6813" s="99"/>
      <c r="AG6813" s="99"/>
      <c r="AH6813" s="99"/>
      <c r="AI6813" s="99"/>
      <c r="AJ6813" s="99"/>
      <c r="AK6813" s="99"/>
      <c r="AL6813" s="99"/>
      <c r="AM6813" s="99"/>
      <c r="AN6813" s="99"/>
      <c r="AO6813" s="99"/>
      <c r="AP6813" s="99"/>
      <c r="AQ6813" s="99"/>
      <c r="AR6813" s="99"/>
      <c r="AS6813" s="99"/>
      <c r="AT6813" s="99"/>
      <c r="AU6813" s="99"/>
      <c r="AV6813" s="99"/>
      <c r="AW6813" s="99"/>
      <c r="AX6813" s="99"/>
      <c r="AY6813" s="99"/>
      <c r="AZ6813" s="99"/>
      <c r="BA6813" s="99"/>
      <c r="BB6813" s="221">
        <v>45884</v>
      </c>
    </row>
    <row r="6814" spans="1:54" s="8" customFormat="1" ht="14.1" customHeight="1" x14ac:dyDescent="0.25">
      <c r="A6814" s="219" t="s">
        <v>16308</v>
      </c>
      <c r="B6814" s="220" t="s">
        <v>19871</v>
      </c>
      <c r="C6814" s="98" t="s">
        <v>1319</v>
      </c>
      <c r="D6814" s="98" t="s">
        <v>16309</v>
      </c>
      <c r="E6814" s="141">
        <v>1969</v>
      </c>
      <c r="F6814" s="141">
        <v>1361</v>
      </c>
      <c r="G6814" s="98" t="s">
        <v>1</v>
      </c>
      <c r="H6814" s="98">
        <v>0</v>
      </c>
      <c r="I6814" s="98">
        <v>0</v>
      </c>
      <c r="J6814" s="98">
        <v>0</v>
      </c>
      <c r="K6814" s="98">
        <v>0</v>
      </c>
      <c r="L6814" s="98">
        <v>0</v>
      </c>
      <c r="M6814" s="98">
        <v>0</v>
      </c>
      <c r="N6814" s="98">
        <v>0</v>
      </c>
      <c r="O6814" s="98">
        <v>0</v>
      </c>
      <c r="P6814" s="98">
        <v>0</v>
      </c>
      <c r="Q6814" s="98">
        <v>0</v>
      </c>
      <c r="R6814" s="98">
        <v>0</v>
      </c>
      <c r="S6814" s="98">
        <v>0</v>
      </c>
      <c r="T6814" s="98">
        <v>0</v>
      </c>
      <c r="U6814" s="99"/>
      <c r="V6814" s="99"/>
      <c r="W6814" s="99"/>
      <c r="X6814" s="99"/>
      <c r="Y6814" s="99"/>
      <c r="Z6814" s="99"/>
      <c r="AA6814" s="99"/>
      <c r="AB6814" s="99"/>
      <c r="AC6814" s="99"/>
      <c r="AD6814" s="99"/>
      <c r="AE6814" s="99"/>
      <c r="AF6814" s="99"/>
      <c r="AG6814" s="99"/>
      <c r="AH6814" s="99"/>
      <c r="AI6814" s="99"/>
      <c r="AJ6814" s="99"/>
      <c r="AK6814" s="99"/>
      <c r="AL6814" s="99"/>
      <c r="AM6814" s="99"/>
      <c r="AN6814" s="99"/>
      <c r="AO6814" s="99"/>
      <c r="AP6814" s="99"/>
      <c r="AQ6814" s="99"/>
      <c r="AR6814" s="99"/>
      <c r="AS6814" s="99"/>
      <c r="AT6814" s="99"/>
      <c r="AU6814" s="99"/>
      <c r="AV6814" s="99"/>
      <c r="AW6814" s="99"/>
      <c r="AX6814" s="99"/>
      <c r="AY6814" s="99"/>
      <c r="AZ6814" s="99"/>
      <c r="BA6814" s="99"/>
      <c r="BB6814" s="221">
        <v>45884</v>
      </c>
    </row>
    <row r="6815" spans="1:54" s="8" customFormat="1" ht="14.1" customHeight="1" x14ac:dyDescent="0.25">
      <c r="A6815" s="219" t="s">
        <v>16310</v>
      </c>
      <c r="B6815" s="220" t="s">
        <v>19871</v>
      </c>
      <c r="C6815" s="98" t="s">
        <v>16311</v>
      </c>
      <c r="D6815" s="98" t="s">
        <v>16312</v>
      </c>
      <c r="E6815" s="141">
        <v>1975</v>
      </c>
      <c r="F6815" s="141">
        <v>2472</v>
      </c>
      <c r="G6815" s="98" t="s">
        <v>1</v>
      </c>
      <c r="H6815" s="98">
        <v>1</v>
      </c>
      <c r="I6815" s="98">
        <v>1</v>
      </c>
      <c r="J6815" s="98">
        <v>1</v>
      </c>
      <c r="K6815" s="98">
        <v>0</v>
      </c>
      <c r="L6815" s="98">
        <v>1</v>
      </c>
      <c r="M6815" s="98">
        <v>0</v>
      </c>
      <c r="N6815" s="98">
        <v>0</v>
      </c>
      <c r="O6815" s="98">
        <v>1</v>
      </c>
      <c r="P6815" s="98">
        <v>0</v>
      </c>
      <c r="Q6815" s="98">
        <v>0</v>
      </c>
      <c r="R6815" s="98">
        <v>0</v>
      </c>
      <c r="S6815" s="98">
        <v>0</v>
      </c>
      <c r="T6815" s="98">
        <v>0</v>
      </c>
      <c r="U6815" s="99"/>
      <c r="V6815" s="99"/>
      <c r="W6815" s="99"/>
      <c r="X6815" s="99"/>
      <c r="Y6815" s="99"/>
      <c r="Z6815" s="99"/>
      <c r="AA6815" s="99"/>
      <c r="AB6815" s="99"/>
      <c r="AC6815" s="99"/>
      <c r="AD6815" s="99"/>
      <c r="AE6815" s="99"/>
      <c r="AF6815" s="99"/>
      <c r="AG6815" s="99"/>
      <c r="AH6815" s="99"/>
      <c r="AI6815" s="99"/>
      <c r="AJ6815" s="99"/>
      <c r="AK6815" s="99"/>
      <c r="AL6815" s="99"/>
      <c r="AM6815" s="99"/>
      <c r="AN6815" s="99"/>
      <c r="AO6815" s="99"/>
      <c r="AP6815" s="99"/>
      <c r="AQ6815" s="99"/>
      <c r="AR6815" s="99"/>
      <c r="AS6815" s="99"/>
      <c r="AT6815" s="99"/>
      <c r="AU6815" s="99"/>
      <c r="AV6815" s="99"/>
      <c r="AW6815" s="99"/>
      <c r="AX6815" s="99"/>
      <c r="AY6815" s="99"/>
      <c r="AZ6815" s="99"/>
      <c r="BA6815" s="99"/>
      <c r="BB6815" s="221">
        <v>45884</v>
      </c>
    </row>
    <row r="6816" spans="1:54" s="8" customFormat="1" ht="14.1" customHeight="1" x14ac:dyDescent="0.25">
      <c r="A6816" s="219" t="s">
        <v>16313</v>
      </c>
      <c r="B6816" s="220" t="s">
        <v>19871</v>
      </c>
      <c r="C6816" s="98" t="s">
        <v>16314</v>
      </c>
      <c r="D6816" s="98" t="s">
        <v>16315</v>
      </c>
      <c r="E6816" s="141">
        <v>1990</v>
      </c>
      <c r="F6816" s="141">
        <v>1364</v>
      </c>
      <c r="G6816" s="98" t="s">
        <v>1</v>
      </c>
      <c r="H6816" s="98">
        <v>0</v>
      </c>
      <c r="I6816" s="98">
        <v>0</v>
      </c>
      <c r="J6816" s="98">
        <v>1</v>
      </c>
      <c r="K6816" s="98">
        <v>0</v>
      </c>
      <c r="L6816" s="98">
        <v>0</v>
      </c>
      <c r="M6816" s="98">
        <v>0</v>
      </c>
      <c r="N6816" s="98">
        <v>0</v>
      </c>
      <c r="O6816" s="98">
        <v>0</v>
      </c>
      <c r="P6816" s="98">
        <v>0</v>
      </c>
      <c r="Q6816" s="98">
        <v>0</v>
      </c>
      <c r="R6816" s="98">
        <v>0</v>
      </c>
      <c r="S6816" s="98">
        <v>0</v>
      </c>
      <c r="T6816" s="98">
        <v>0</v>
      </c>
      <c r="U6816" s="99"/>
      <c r="V6816" s="99"/>
      <c r="W6816" s="99"/>
      <c r="X6816" s="99"/>
      <c r="Y6816" s="99"/>
      <c r="Z6816" s="99"/>
      <c r="AA6816" s="99"/>
      <c r="AB6816" s="99"/>
      <c r="AC6816" s="99"/>
      <c r="AD6816" s="99"/>
      <c r="AE6816" s="99"/>
      <c r="AF6816" s="99"/>
      <c r="AG6816" s="99"/>
      <c r="AH6816" s="99"/>
      <c r="AI6816" s="99"/>
      <c r="AJ6816" s="99"/>
      <c r="AK6816" s="99"/>
      <c r="AL6816" s="99"/>
      <c r="AM6816" s="99"/>
      <c r="AN6816" s="99"/>
      <c r="AO6816" s="99"/>
      <c r="AP6816" s="99"/>
      <c r="AQ6816" s="99"/>
      <c r="AR6816" s="99"/>
      <c r="AS6816" s="99"/>
      <c r="AT6816" s="99"/>
      <c r="AU6816" s="99"/>
      <c r="AV6816" s="99"/>
      <c r="AW6816" s="99"/>
      <c r="AX6816" s="99"/>
      <c r="AY6816" s="99"/>
      <c r="AZ6816" s="99"/>
      <c r="BA6816" s="99"/>
      <c r="BB6816" s="221">
        <v>45884</v>
      </c>
    </row>
    <row r="6817" spans="1:54" s="8" customFormat="1" ht="14.1" customHeight="1" x14ac:dyDescent="0.25">
      <c r="A6817" s="219" t="s">
        <v>16316</v>
      </c>
      <c r="B6817" s="220" t="s">
        <v>19871</v>
      </c>
      <c r="C6817" s="98" t="s">
        <v>16317</v>
      </c>
      <c r="D6817" s="98" t="s">
        <v>16318</v>
      </c>
      <c r="E6817" s="141">
        <v>1985</v>
      </c>
      <c r="F6817" s="141">
        <v>1386</v>
      </c>
      <c r="G6817" s="98" t="s">
        <v>1</v>
      </c>
      <c r="H6817" s="98">
        <v>0</v>
      </c>
      <c r="I6817" s="98">
        <v>0</v>
      </c>
      <c r="J6817" s="98">
        <v>1</v>
      </c>
      <c r="K6817" s="98">
        <v>1</v>
      </c>
      <c r="L6817" s="98">
        <v>1</v>
      </c>
      <c r="M6817" s="98">
        <v>0</v>
      </c>
      <c r="N6817" s="98">
        <v>0</v>
      </c>
      <c r="O6817" s="98">
        <v>1</v>
      </c>
      <c r="P6817" s="98">
        <v>1</v>
      </c>
      <c r="Q6817" s="98">
        <v>0</v>
      </c>
      <c r="R6817" s="98">
        <v>0</v>
      </c>
      <c r="S6817" s="98">
        <v>0</v>
      </c>
      <c r="T6817" s="98">
        <v>0</v>
      </c>
      <c r="U6817" s="99"/>
      <c r="V6817" s="99"/>
      <c r="W6817" s="99"/>
      <c r="X6817" s="99"/>
      <c r="Y6817" s="99"/>
      <c r="Z6817" s="99"/>
      <c r="AA6817" s="99"/>
      <c r="AB6817" s="99"/>
      <c r="AC6817" s="99"/>
      <c r="AD6817" s="99"/>
      <c r="AE6817" s="99"/>
      <c r="AF6817" s="99"/>
      <c r="AG6817" s="99"/>
      <c r="AH6817" s="99"/>
      <c r="AI6817" s="99"/>
      <c r="AJ6817" s="99"/>
      <c r="AK6817" s="99"/>
      <c r="AL6817" s="99"/>
      <c r="AM6817" s="99"/>
      <c r="AN6817" s="99"/>
      <c r="AO6817" s="99"/>
      <c r="AP6817" s="99"/>
      <c r="AQ6817" s="99"/>
      <c r="AR6817" s="99"/>
      <c r="AS6817" s="99"/>
      <c r="AT6817" s="99"/>
      <c r="AU6817" s="99"/>
      <c r="AV6817" s="99"/>
      <c r="AW6817" s="99"/>
      <c r="AX6817" s="99"/>
      <c r="AY6817" s="99"/>
      <c r="AZ6817" s="99"/>
      <c r="BA6817" s="99"/>
      <c r="BB6817" s="221">
        <v>45884</v>
      </c>
    </row>
    <row r="6818" spans="1:54" s="8" customFormat="1" ht="14.1" customHeight="1" x14ac:dyDescent="0.25">
      <c r="A6818" s="219" t="s">
        <v>16319</v>
      </c>
      <c r="B6818" s="220" t="s">
        <v>19871</v>
      </c>
      <c r="C6818" s="98" t="s">
        <v>16320</v>
      </c>
      <c r="D6818" s="98" t="s">
        <v>22082</v>
      </c>
      <c r="E6818" s="141">
        <v>1996</v>
      </c>
      <c r="F6818" s="141">
        <v>1414</v>
      </c>
      <c r="G6818" s="98" t="s">
        <v>1</v>
      </c>
      <c r="H6818" s="98">
        <v>0</v>
      </c>
      <c r="I6818" s="98">
        <v>0</v>
      </c>
      <c r="J6818" s="98">
        <v>1</v>
      </c>
      <c r="K6818" s="98">
        <v>1</v>
      </c>
      <c r="L6818" s="98">
        <v>1</v>
      </c>
      <c r="M6818" s="98">
        <v>1</v>
      </c>
      <c r="N6818" s="98">
        <v>0</v>
      </c>
      <c r="O6818" s="98">
        <v>0</v>
      </c>
      <c r="P6818" s="98">
        <v>1</v>
      </c>
      <c r="Q6818" s="98">
        <v>0</v>
      </c>
      <c r="R6818" s="98">
        <v>0</v>
      </c>
      <c r="S6818" s="98">
        <v>0</v>
      </c>
      <c r="T6818" s="98">
        <v>0</v>
      </c>
      <c r="U6818" s="99"/>
      <c r="V6818" s="99"/>
      <c r="W6818" s="99"/>
      <c r="X6818" s="99"/>
      <c r="Y6818" s="99"/>
      <c r="Z6818" s="99"/>
      <c r="AA6818" s="99"/>
      <c r="AB6818" s="99"/>
      <c r="AC6818" s="99"/>
      <c r="AD6818" s="99"/>
      <c r="AE6818" s="99"/>
      <c r="AF6818" s="99"/>
      <c r="AG6818" s="99"/>
      <c r="AH6818" s="99"/>
      <c r="AI6818" s="99"/>
      <c r="AJ6818" s="99"/>
      <c r="AK6818" s="99"/>
      <c r="AL6818" s="99"/>
      <c r="AM6818" s="99"/>
      <c r="AN6818" s="99"/>
      <c r="AO6818" s="99"/>
      <c r="AP6818" s="99"/>
      <c r="AQ6818" s="99"/>
      <c r="AR6818" s="99"/>
      <c r="AS6818" s="99"/>
      <c r="AT6818" s="99"/>
      <c r="AU6818" s="99"/>
      <c r="AV6818" s="99"/>
      <c r="AW6818" s="99"/>
      <c r="AX6818" s="99"/>
      <c r="AY6818" s="99"/>
      <c r="AZ6818" s="99"/>
      <c r="BA6818" s="99"/>
      <c r="BB6818" s="221">
        <v>45884</v>
      </c>
    </row>
    <row r="6819" spans="1:54" s="8" customFormat="1" ht="14.1" customHeight="1" x14ac:dyDescent="0.25">
      <c r="A6819" s="219" t="s">
        <v>16321</v>
      </c>
      <c r="B6819" s="220" t="s">
        <v>19871</v>
      </c>
      <c r="C6819" s="98" t="s">
        <v>16322</v>
      </c>
      <c r="D6819" s="98" t="s">
        <v>16323</v>
      </c>
      <c r="E6819" s="141">
        <v>1992</v>
      </c>
      <c r="F6819" s="141">
        <v>1472</v>
      </c>
      <c r="G6819" s="98" t="s">
        <v>1</v>
      </c>
      <c r="H6819" s="98">
        <v>0</v>
      </c>
      <c r="I6819" s="98">
        <v>0</v>
      </c>
      <c r="J6819" s="98">
        <v>1</v>
      </c>
      <c r="K6819" s="98">
        <v>1</v>
      </c>
      <c r="L6819" s="98">
        <v>1</v>
      </c>
      <c r="M6819" s="98">
        <v>0</v>
      </c>
      <c r="N6819" s="98">
        <v>0</v>
      </c>
      <c r="O6819" s="98">
        <v>1</v>
      </c>
      <c r="P6819" s="98">
        <v>1</v>
      </c>
      <c r="Q6819" s="98">
        <v>0</v>
      </c>
      <c r="R6819" s="98">
        <v>1</v>
      </c>
      <c r="S6819" s="98">
        <v>0</v>
      </c>
      <c r="T6819" s="98">
        <v>0</v>
      </c>
      <c r="U6819" s="99"/>
      <c r="V6819" s="99"/>
      <c r="W6819" s="99"/>
      <c r="X6819" s="99"/>
      <c r="Y6819" s="99"/>
      <c r="Z6819" s="99"/>
      <c r="AA6819" s="99"/>
      <c r="AB6819" s="99"/>
      <c r="AC6819" s="99"/>
      <c r="AD6819" s="99"/>
      <c r="AE6819" s="99"/>
      <c r="AF6819" s="99"/>
      <c r="AG6819" s="99"/>
      <c r="AH6819" s="99"/>
      <c r="AI6819" s="99"/>
      <c r="AJ6819" s="99"/>
      <c r="AK6819" s="99"/>
      <c r="AL6819" s="99"/>
      <c r="AM6819" s="99"/>
      <c r="AN6819" s="99"/>
      <c r="AO6819" s="99"/>
      <c r="AP6819" s="99"/>
      <c r="AQ6819" s="99"/>
      <c r="AR6819" s="99"/>
      <c r="AS6819" s="99"/>
      <c r="AT6819" s="99"/>
      <c r="AU6819" s="99"/>
      <c r="AV6819" s="99"/>
      <c r="AW6819" s="99"/>
      <c r="AX6819" s="99"/>
      <c r="AY6819" s="99"/>
      <c r="AZ6819" s="99"/>
      <c r="BA6819" s="99"/>
      <c r="BB6819" s="221">
        <v>45884</v>
      </c>
    </row>
    <row r="6820" spans="1:54" s="8" customFormat="1" ht="14.1" customHeight="1" x14ac:dyDescent="0.25">
      <c r="A6820" s="219" t="s">
        <v>16324</v>
      </c>
      <c r="B6820" s="220" t="s">
        <v>19871</v>
      </c>
      <c r="C6820" s="98" t="s">
        <v>16325</v>
      </c>
      <c r="D6820" s="98" t="s">
        <v>16326</v>
      </c>
      <c r="E6820" s="141">
        <v>1988</v>
      </c>
      <c r="F6820" s="141">
        <v>1488</v>
      </c>
      <c r="G6820" s="98" t="s">
        <v>1</v>
      </c>
      <c r="H6820" s="98">
        <v>0</v>
      </c>
      <c r="I6820" s="98">
        <v>0</v>
      </c>
      <c r="J6820" s="98">
        <v>1</v>
      </c>
      <c r="K6820" s="98">
        <v>1</v>
      </c>
      <c r="L6820" s="98">
        <v>1</v>
      </c>
      <c r="M6820" s="98">
        <v>0</v>
      </c>
      <c r="N6820" s="98">
        <v>0</v>
      </c>
      <c r="O6820" s="98">
        <v>0</v>
      </c>
      <c r="P6820" s="98">
        <v>1</v>
      </c>
      <c r="Q6820" s="98">
        <v>0</v>
      </c>
      <c r="R6820" s="98">
        <v>0</v>
      </c>
      <c r="S6820" s="98">
        <v>0</v>
      </c>
      <c r="T6820" s="98">
        <v>0</v>
      </c>
      <c r="U6820" s="99"/>
      <c r="V6820" s="99"/>
      <c r="W6820" s="99"/>
      <c r="X6820" s="99"/>
      <c r="Y6820" s="99"/>
      <c r="Z6820" s="99"/>
      <c r="AA6820" s="99"/>
      <c r="AB6820" s="99"/>
      <c r="AC6820" s="99"/>
      <c r="AD6820" s="99"/>
      <c r="AE6820" s="99"/>
      <c r="AF6820" s="99"/>
      <c r="AG6820" s="99"/>
      <c r="AH6820" s="99"/>
      <c r="AI6820" s="99"/>
      <c r="AJ6820" s="99"/>
      <c r="AK6820" s="99"/>
      <c r="AL6820" s="99"/>
      <c r="AM6820" s="99"/>
      <c r="AN6820" s="99"/>
      <c r="AO6820" s="99"/>
      <c r="AP6820" s="99"/>
      <c r="AQ6820" s="99"/>
      <c r="AR6820" s="99"/>
      <c r="AS6820" s="99"/>
      <c r="AT6820" s="99"/>
      <c r="AU6820" s="99"/>
      <c r="AV6820" s="99"/>
      <c r="AW6820" s="99"/>
      <c r="AX6820" s="99"/>
      <c r="AY6820" s="99"/>
      <c r="AZ6820" s="99"/>
      <c r="BA6820" s="99"/>
      <c r="BB6820" s="221">
        <v>45884</v>
      </c>
    </row>
    <row r="6821" spans="1:54" s="8" customFormat="1" ht="14.1" customHeight="1" x14ac:dyDescent="0.25">
      <c r="A6821" s="219" t="s">
        <v>16327</v>
      </c>
      <c r="B6821" s="220" t="s">
        <v>19871</v>
      </c>
      <c r="C6821" s="98" t="s">
        <v>16328</v>
      </c>
      <c r="D6821" s="98" t="s">
        <v>16329</v>
      </c>
      <c r="E6821" s="141">
        <v>1975</v>
      </c>
      <c r="F6821" s="141">
        <v>1490</v>
      </c>
      <c r="G6821" s="98" t="s">
        <v>1</v>
      </c>
      <c r="H6821" s="98">
        <v>0</v>
      </c>
      <c r="I6821" s="98">
        <v>0</v>
      </c>
      <c r="J6821" s="98">
        <v>1</v>
      </c>
      <c r="K6821" s="98">
        <v>1</v>
      </c>
      <c r="L6821" s="98">
        <v>1</v>
      </c>
      <c r="M6821" s="98">
        <v>0</v>
      </c>
      <c r="N6821" s="98">
        <v>0</v>
      </c>
      <c r="O6821" s="98">
        <v>1</v>
      </c>
      <c r="P6821" s="98">
        <v>1</v>
      </c>
      <c r="Q6821" s="98">
        <v>1</v>
      </c>
      <c r="R6821" s="98">
        <v>1</v>
      </c>
      <c r="S6821" s="98">
        <v>0</v>
      </c>
      <c r="T6821" s="98">
        <v>0</v>
      </c>
      <c r="U6821" s="99"/>
      <c r="V6821" s="99"/>
      <c r="W6821" s="99"/>
      <c r="X6821" s="99"/>
      <c r="Y6821" s="99"/>
      <c r="Z6821" s="99"/>
      <c r="AA6821" s="99"/>
      <c r="AB6821" s="99"/>
      <c r="AC6821" s="99"/>
      <c r="AD6821" s="99"/>
      <c r="AE6821" s="99"/>
      <c r="AF6821" s="99"/>
      <c r="AG6821" s="99"/>
      <c r="AH6821" s="99"/>
      <c r="AI6821" s="99"/>
      <c r="AJ6821" s="99"/>
      <c r="AK6821" s="99"/>
      <c r="AL6821" s="99"/>
      <c r="AM6821" s="99"/>
      <c r="AN6821" s="99"/>
      <c r="AO6821" s="99"/>
      <c r="AP6821" s="99"/>
      <c r="AQ6821" s="99"/>
      <c r="AR6821" s="99"/>
      <c r="AS6821" s="99"/>
      <c r="AT6821" s="99"/>
      <c r="AU6821" s="99"/>
      <c r="AV6821" s="99"/>
      <c r="AW6821" s="99"/>
      <c r="AX6821" s="99"/>
      <c r="AY6821" s="99"/>
      <c r="AZ6821" s="99"/>
      <c r="BA6821" s="99"/>
      <c r="BB6821" s="221">
        <v>45884</v>
      </c>
    </row>
    <row r="6822" spans="1:54" s="8" customFormat="1" ht="14.1" customHeight="1" x14ac:dyDescent="0.25">
      <c r="A6822" s="219" t="s">
        <v>16330</v>
      </c>
      <c r="B6822" s="220" t="s">
        <v>19871</v>
      </c>
      <c r="C6822" s="98" t="s">
        <v>16331</v>
      </c>
      <c r="D6822" s="98" t="s">
        <v>16332</v>
      </c>
      <c r="E6822" s="141">
        <v>1983</v>
      </c>
      <c r="F6822" s="141">
        <v>1499</v>
      </c>
      <c r="G6822" s="98" t="s">
        <v>1</v>
      </c>
      <c r="H6822" s="98">
        <v>0</v>
      </c>
      <c r="I6822" s="98">
        <v>0</v>
      </c>
      <c r="J6822" s="98">
        <v>1</v>
      </c>
      <c r="K6822" s="98">
        <v>1</v>
      </c>
      <c r="L6822" s="98">
        <v>1</v>
      </c>
      <c r="M6822" s="98">
        <v>1</v>
      </c>
      <c r="N6822" s="98">
        <v>0</v>
      </c>
      <c r="O6822" s="98">
        <v>1</v>
      </c>
      <c r="P6822" s="98">
        <v>1</v>
      </c>
      <c r="Q6822" s="98">
        <v>0</v>
      </c>
      <c r="R6822" s="98">
        <v>0</v>
      </c>
      <c r="S6822" s="98">
        <v>0</v>
      </c>
      <c r="T6822" s="98">
        <v>0</v>
      </c>
      <c r="U6822" s="99"/>
      <c r="V6822" s="99"/>
      <c r="W6822" s="99"/>
      <c r="X6822" s="99"/>
      <c r="Y6822" s="99"/>
      <c r="Z6822" s="99"/>
      <c r="AA6822" s="99"/>
      <c r="AB6822" s="99"/>
      <c r="AC6822" s="99"/>
      <c r="AD6822" s="99"/>
      <c r="AE6822" s="99"/>
      <c r="AF6822" s="99"/>
      <c r="AG6822" s="99"/>
      <c r="AH6822" s="99"/>
      <c r="AI6822" s="99"/>
      <c r="AJ6822" s="99"/>
      <c r="AK6822" s="99"/>
      <c r="AL6822" s="99"/>
      <c r="AM6822" s="99"/>
      <c r="AN6822" s="99"/>
      <c r="AO6822" s="99"/>
      <c r="AP6822" s="99"/>
      <c r="AQ6822" s="99"/>
      <c r="AR6822" s="99"/>
      <c r="AS6822" s="99"/>
      <c r="AT6822" s="99"/>
      <c r="AU6822" s="99"/>
      <c r="AV6822" s="99"/>
      <c r="AW6822" s="99"/>
      <c r="AX6822" s="99"/>
      <c r="AY6822" s="99"/>
      <c r="AZ6822" s="99"/>
      <c r="BA6822" s="99"/>
      <c r="BB6822" s="221">
        <v>45884</v>
      </c>
    </row>
    <row r="6823" spans="1:54" s="8" customFormat="1" ht="14.1" customHeight="1" x14ac:dyDescent="0.25">
      <c r="A6823" s="219" t="s">
        <v>16333</v>
      </c>
      <c r="B6823" s="220" t="s">
        <v>19871</v>
      </c>
      <c r="C6823" s="98" t="s">
        <v>16334</v>
      </c>
      <c r="D6823" s="98" t="s">
        <v>16335</v>
      </c>
      <c r="E6823" s="141">
        <v>2001</v>
      </c>
      <c r="F6823" s="141">
        <v>1500</v>
      </c>
      <c r="G6823" s="98" t="s">
        <v>1</v>
      </c>
      <c r="H6823" s="98">
        <v>0</v>
      </c>
      <c r="I6823" s="98">
        <v>0</v>
      </c>
      <c r="J6823" s="98">
        <v>1</v>
      </c>
      <c r="K6823" s="98">
        <v>1</v>
      </c>
      <c r="L6823" s="98">
        <v>1</v>
      </c>
      <c r="M6823" s="98">
        <v>0</v>
      </c>
      <c r="N6823" s="98">
        <v>1</v>
      </c>
      <c r="O6823" s="98">
        <v>1</v>
      </c>
      <c r="P6823" s="98">
        <v>1</v>
      </c>
      <c r="Q6823" s="98">
        <v>0</v>
      </c>
      <c r="R6823" s="98">
        <v>1</v>
      </c>
      <c r="S6823" s="98">
        <v>0</v>
      </c>
      <c r="T6823" s="98">
        <v>0</v>
      </c>
      <c r="U6823" s="99"/>
      <c r="V6823" s="99"/>
      <c r="W6823" s="99"/>
      <c r="X6823" s="99"/>
      <c r="Y6823" s="99"/>
      <c r="Z6823" s="99"/>
      <c r="AA6823" s="99"/>
      <c r="AB6823" s="99"/>
      <c r="AC6823" s="99"/>
      <c r="AD6823" s="99"/>
      <c r="AE6823" s="99"/>
      <c r="AF6823" s="99"/>
      <c r="AG6823" s="99"/>
      <c r="AH6823" s="99"/>
      <c r="AI6823" s="99"/>
      <c r="AJ6823" s="99"/>
      <c r="AK6823" s="99"/>
      <c r="AL6823" s="99"/>
      <c r="AM6823" s="99"/>
      <c r="AN6823" s="99"/>
      <c r="AO6823" s="99"/>
      <c r="AP6823" s="99"/>
      <c r="AQ6823" s="99"/>
      <c r="AR6823" s="99"/>
      <c r="AS6823" s="99"/>
      <c r="AT6823" s="99"/>
      <c r="AU6823" s="99"/>
      <c r="AV6823" s="99"/>
      <c r="AW6823" s="99"/>
      <c r="AX6823" s="99"/>
      <c r="AY6823" s="99"/>
      <c r="AZ6823" s="99"/>
      <c r="BA6823" s="99"/>
      <c r="BB6823" s="221">
        <v>45884</v>
      </c>
    </row>
    <row r="6824" spans="1:54" s="8" customFormat="1" ht="14.1" customHeight="1" x14ac:dyDescent="0.25">
      <c r="A6824" s="219" t="s">
        <v>16336</v>
      </c>
      <c r="B6824" s="220" t="s">
        <v>19871</v>
      </c>
      <c r="C6824" s="98" t="s">
        <v>16337</v>
      </c>
      <c r="D6824" s="98" t="s">
        <v>16338</v>
      </c>
      <c r="E6824" s="141">
        <v>1996</v>
      </c>
      <c r="F6824" s="141">
        <v>1527</v>
      </c>
      <c r="G6824" s="98" t="s">
        <v>1</v>
      </c>
      <c r="H6824" s="98">
        <v>1</v>
      </c>
      <c r="I6824" s="98">
        <v>1</v>
      </c>
      <c r="J6824" s="98">
        <v>1</v>
      </c>
      <c r="K6824" s="98">
        <v>0</v>
      </c>
      <c r="L6824" s="98">
        <v>0</v>
      </c>
      <c r="M6824" s="98">
        <v>0</v>
      </c>
      <c r="N6824" s="98">
        <v>0</v>
      </c>
      <c r="O6824" s="98">
        <v>1</v>
      </c>
      <c r="P6824" s="98">
        <v>1</v>
      </c>
      <c r="Q6824" s="98">
        <v>1</v>
      </c>
      <c r="R6824" s="98">
        <v>0</v>
      </c>
      <c r="S6824" s="98">
        <v>1</v>
      </c>
      <c r="T6824" s="98">
        <v>0</v>
      </c>
      <c r="U6824" s="99"/>
      <c r="V6824" s="99"/>
      <c r="W6824" s="99"/>
      <c r="X6824" s="99"/>
      <c r="Y6824" s="99"/>
      <c r="Z6824" s="99"/>
      <c r="AA6824" s="99"/>
      <c r="AB6824" s="99"/>
      <c r="AC6824" s="99"/>
      <c r="AD6824" s="99"/>
      <c r="AE6824" s="99"/>
      <c r="AF6824" s="99"/>
      <c r="AG6824" s="99"/>
      <c r="AH6824" s="99"/>
      <c r="AI6824" s="99"/>
      <c r="AJ6824" s="99"/>
      <c r="AK6824" s="99"/>
      <c r="AL6824" s="99"/>
      <c r="AM6824" s="99"/>
      <c r="AN6824" s="99"/>
      <c r="AO6824" s="99"/>
      <c r="AP6824" s="99"/>
      <c r="AQ6824" s="99"/>
      <c r="AR6824" s="99"/>
      <c r="AS6824" s="99"/>
      <c r="AT6824" s="99"/>
      <c r="AU6824" s="99"/>
      <c r="AV6824" s="99"/>
      <c r="AW6824" s="99"/>
      <c r="AX6824" s="99"/>
      <c r="AY6824" s="99"/>
      <c r="AZ6824" s="99"/>
      <c r="BA6824" s="99"/>
      <c r="BB6824" s="221">
        <v>45884</v>
      </c>
    </row>
    <row r="6825" spans="1:54" s="8" customFormat="1" ht="14.1" customHeight="1" x14ac:dyDescent="0.25">
      <c r="A6825" s="219" t="s">
        <v>16339</v>
      </c>
      <c r="B6825" s="220" t="s">
        <v>19871</v>
      </c>
      <c r="C6825" s="98" t="s">
        <v>16340</v>
      </c>
      <c r="D6825" s="98" t="s">
        <v>16341</v>
      </c>
      <c r="E6825" s="141">
        <v>1975</v>
      </c>
      <c r="F6825" s="141">
        <v>1537</v>
      </c>
      <c r="G6825" s="98" t="s">
        <v>1</v>
      </c>
      <c r="H6825" s="98">
        <v>0</v>
      </c>
      <c r="I6825" s="98">
        <v>0</v>
      </c>
      <c r="J6825" s="98">
        <v>1</v>
      </c>
      <c r="K6825" s="98">
        <v>1</v>
      </c>
      <c r="L6825" s="98">
        <v>1</v>
      </c>
      <c r="M6825" s="98">
        <v>1</v>
      </c>
      <c r="N6825" s="98">
        <v>0</v>
      </c>
      <c r="O6825" s="98">
        <v>1</v>
      </c>
      <c r="P6825" s="98">
        <v>0</v>
      </c>
      <c r="Q6825" s="98">
        <v>0</v>
      </c>
      <c r="R6825" s="98">
        <v>0</v>
      </c>
      <c r="S6825" s="98">
        <v>0</v>
      </c>
      <c r="T6825" s="98">
        <v>0</v>
      </c>
      <c r="U6825" s="99"/>
      <c r="V6825" s="99"/>
      <c r="W6825" s="99"/>
      <c r="X6825" s="99"/>
      <c r="Y6825" s="99"/>
      <c r="Z6825" s="99"/>
      <c r="AA6825" s="99"/>
      <c r="AB6825" s="99"/>
      <c r="AC6825" s="99"/>
      <c r="AD6825" s="99"/>
      <c r="AE6825" s="99"/>
      <c r="AF6825" s="99"/>
      <c r="AG6825" s="99"/>
      <c r="AH6825" s="99"/>
      <c r="AI6825" s="99"/>
      <c r="AJ6825" s="99"/>
      <c r="AK6825" s="99"/>
      <c r="AL6825" s="99"/>
      <c r="AM6825" s="99"/>
      <c r="AN6825" s="99"/>
      <c r="AO6825" s="99"/>
      <c r="AP6825" s="99"/>
      <c r="AQ6825" s="99"/>
      <c r="AR6825" s="99"/>
      <c r="AS6825" s="99"/>
      <c r="AT6825" s="99"/>
      <c r="AU6825" s="99"/>
      <c r="AV6825" s="99"/>
      <c r="AW6825" s="99"/>
      <c r="AX6825" s="99"/>
      <c r="AY6825" s="99"/>
      <c r="AZ6825" s="99"/>
      <c r="BA6825" s="99"/>
      <c r="BB6825" s="221">
        <v>45884</v>
      </c>
    </row>
    <row r="6826" spans="1:54" s="8" customFormat="1" ht="14.1" customHeight="1" x14ac:dyDescent="0.25">
      <c r="A6826" s="219" t="s">
        <v>16342</v>
      </c>
      <c r="B6826" s="220" t="s">
        <v>19871</v>
      </c>
      <c r="C6826" s="98" t="s">
        <v>16343</v>
      </c>
      <c r="D6826" s="98" t="s">
        <v>16344</v>
      </c>
      <c r="E6826" s="141">
        <v>1983</v>
      </c>
      <c r="F6826" s="141">
        <v>1543</v>
      </c>
      <c r="G6826" s="98" t="s">
        <v>1</v>
      </c>
      <c r="H6826" s="98">
        <v>0</v>
      </c>
      <c r="I6826" s="98">
        <v>0</v>
      </c>
      <c r="J6826" s="98">
        <v>1</v>
      </c>
      <c r="K6826" s="98">
        <v>1</v>
      </c>
      <c r="L6826" s="98">
        <v>1</v>
      </c>
      <c r="M6826" s="98">
        <v>1</v>
      </c>
      <c r="N6826" s="98">
        <v>0</v>
      </c>
      <c r="O6826" s="98">
        <v>1</v>
      </c>
      <c r="P6826" s="98">
        <v>0</v>
      </c>
      <c r="Q6826" s="98">
        <v>0</v>
      </c>
      <c r="R6826" s="98">
        <v>0</v>
      </c>
      <c r="S6826" s="98">
        <v>0</v>
      </c>
      <c r="T6826" s="98">
        <v>0</v>
      </c>
      <c r="U6826" s="99"/>
      <c r="V6826" s="99"/>
      <c r="W6826" s="99"/>
      <c r="X6826" s="99"/>
      <c r="Y6826" s="99"/>
      <c r="Z6826" s="99"/>
      <c r="AA6826" s="99"/>
      <c r="AB6826" s="99"/>
      <c r="AC6826" s="99"/>
      <c r="AD6826" s="99"/>
      <c r="AE6826" s="99"/>
      <c r="AF6826" s="99"/>
      <c r="AG6826" s="99"/>
      <c r="AH6826" s="99"/>
      <c r="AI6826" s="99"/>
      <c r="AJ6826" s="99"/>
      <c r="AK6826" s="99"/>
      <c r="AL6826" s="99"/>
      <c r="AM6826" s="99"/>
      <c r="AN6826" s="99"/>
      <c r="AO6826" s="99"/>
      <c r="AP6826" s="99"/>
      <c r="AQ6826" s="99"/>
      <c r="AR6826" s="99"/>
      <c r="AS6826" s="99"/>
      <c r="AT6826" s="99"/>
      <c r="AU6826" s="99"/>
      <c r="AV6826" s="99"/>
      <c r="AW6826" s="99"/>
      <c r="AX6826" s="99"/>
      <c r="AY6826" s="99"/>
      <c r="AZ6826" s="99"/>
      <c r="BA6826" s="99"/>
      <c r="BB6826" s="221">
        <v>45884</v>
      </c>
    </row>
    <row r="6827" spans="1:54" s="8" customFormat="1" ht="14.1" customHeight="1" x14ac:dyDescent="0.25">
      <c r="A6827" s="219" t="s">
        <v>16345</v>
      </c>
      <c r="B6827" s="220" t="s">
        <v>19871</v>
      </c>
      <c r="C6827" s="98" t="s">
        <v>16346</v>
      </c>
      <c r="D6827" s="98" t="s">
        <v>22083</v>
      </c>
      <c r="E6827" s="141">
        <v>1983</v>
      </c>
      <c r="F6827" s="141">
        <v>1592</v>
      </c>
      <c r="G6827" s="98" t="s">
        <v>1</v>
      </c>
      <c r="H6827" s="98">
        <v>0</v>
      </c>
      <c r="I6827" s="98">
        <v>0</v>
      </c>
      <c r="J6827" s="98">
        <v>1</v>
      </c>
      <c r="K6827" s="98">
        <v>0</v>
      </c>
      <c r="L6827" s="98">
        <v>1</v>
      </c>
      <c r="M6827" s="98">
        <v>0</v>
      </c>
      <c r="N6827" s="98">
        <v>0</v>
      </c>
      <c r="O6827" s="98">
        <v>1</v>
      </c>
      <c r="P6827" s="98">
        <v>1</v>
      </c>
      <c r="Q6827" s="98">
        <v>0</v>
      </c>
      <c r="R6827" s="98">
        <v>1</v>
      </c>
      <c r="S6827" s="98">
        <v>0</v>
      </c>
      <c r="T6827" s="98">
        <v>0</v>
      </c>
      <c r="U6827" s="99"/>
      <c r="V6827" s="99"/>
      <c r="W6827" s="99"/>
      <c r="X6827" s="99"/>
      <c r="Y6827" s="99"/>
      <c r="Z6827" s="99"/>
      <c r="AA6827" s="99"/>
      <c r="AB6827" s="99"/>
      <c r="AC6827" s="99"/>
      <c r="AD6827" s="99"/>
      <c r="AE6827" s="99"/>
      <c r="AF6827" s="99"/>
      <c r="AG6827" s="99"/>
      <c r="AH6827" s="99"/>
      <c r="AI6827" s="99"/>
      <c r="AJ6827" s="99"/>
      <c r="AK6827" s="99"/>
      <c r="AL6827" s="99"/>
      <c r="AM6827" s="99"/>
      <c r="AN6827" s="99"/>
      <c r="AO6827" s="99"/>
      <c r="AP6827" s="99"/>
      <c r="AQ6827" s="99"/>
      <c r="AR6827" s="99"/>
      <c r="AS6827" s="99"/>
      <c r="AT6827" s="99"/>
      <c r="AU6827" s="99"/>
      <c r="AV6827" s="99"/>
      <c r="AW6827" s="99"/>
      <c r="AX6827" s="99"/>
      <c r="AY6827" s="99"/>
      <c r="AZ6827" s="99"/>
      <c r="BA6827" s="99"/>
      <c r="BB6827" s="221">
        <v>45884</v>
      </c>
    </row>
    <row r="6828" spans="1:54" s="8" customFormat="1" ht="14.1" customHeight="1" x14ac:dyDescent="0.25">
      <c r="A6828" s="219" t="s">
        <v>16347</v>
      </c>
      <c r="B6828" s="220" t="s">
        <v>19871</v>
      </c>
      <c r="C6828" s="98" t="s">
        <v>16348</v>
      </c>
      <c r="D6828" s="98" t="s">
        <v>16349</v>
      </c>
      <c r="E6828" s="141">
        <v>1975</v>
      </c>
      <c r="F6828" s="141">
        <v>1649</v>
      </c>
      <c r="G6828" s="98" t="s">
        <v>1</v>
      </c>
      <c r="H6828" s="98">
        <v>0</v>
      </c>
      <c r="I6828" s="98">
        <v>0</v>
      </c>
      <c r="J6828" s="98">
        <v>1</v>
      </c>
      <c r="K6828" s="98">
        <v>0</v>
      </c>
      <c r="L6828" s="98">
        <v>0</v>
      </c>
      <c r="M6828" s="98">
        <v>1</v>
      </c>
      <c r="N6828" s="98">
        <v>0</v>
      </c>
      <c r="O6828" s="98">
        <v>0</v>
      </c>
      <c r="P6828" s="98">
        <v>1</v>
      </c>
      <c r="Q6828" s="98">
        <v>0</v>
      </c>
      <c r="R6828" s="98">
        <v>0</v>
      </c>
      <c r="S6828" s="98">
        <v>0</v>
      </c>
      <c r="T6828" s="98">
        <v>0</v>
      </c>
      <c r="U6828" s="99"/>
      <c r="V6828" s="99"/>
      <c r="W6828" s="99"/>
      <c r="X6828" s="99"/>
      <c r="Y6828" s="99"/>
      <c r="Z6828" s="99"/>
      <c r="AA6828" s="99"/>
      <c r="AB6828" s="99"/>
      <c r="AC6828" s="99"/>
      <c r="AD6828" s="99"/>
      <c r="AE6828" s="99"/>
      <c r="AF6828" s="99"/>
      <c r="AG6828" s="99"/>
      <c r="AH6828" s="99"/>
      <c r="AI6828" s="99"/>
      <c r="AJ6828" s="99"/>
      <c r="AK6828" s="99"/>
      <c r="AL6828" s="99"/>
      <c r="AM6828" s="99"/>
      <c r="AN6828" s="99"/>
      <c r="AO6828" s="99"/>
      <c r="AP6828" s="99"/>
      <c r="AQ6828" s="99"/>
      <c r="AR6828" s="99"/>
      <c r="AS6828" s="99"/>
      <c r="AT6828" s="99"/>
      <c r="AU6828" s="99"/>
      <c r="AV6828" s="99"/>
      <c r="AW6828" s="99"/>
      <c r="AX6828" s="99"/>
      <c r="AY6828" s="99"/>
      <c r="AZ6828" s="99"/>
      <c r="BA6828" s="99"/>
      <c r="BB6828" s="221">
        <v>45884</v>
      </c>
    </row>
    <row r="6829" spans="1:54" s="8" customFormat="1" ht="14.1" customHeight="1" x14ac:dyDescent="0.25">
      <c r="A6829" s="219" t="s">
        <v>16350</v>
      </c>
      <c r="B6829" s="220" t="s">
        <v>19871</v>
      </c>
      <c r="C6829" s="98" t="s">
        <v>16351</v>
      </c>
      <c r="D6829" s="98" t="s">
        <v>16352</v>
      </c>
      <c r="E6829" s="141">
        <v>1990</v>
      </c>
      <c r="F6829" s="141">
        <v>1699</v>
      </c>
      <c r="G6829" s="98" t="s">
        <v>1</v>
      </c>
      <c r="H6829" s="98">
        <v>1</v>
      </c>
      <c r="I6829" s="98">
        <v>1</v>
      </c>
      <c r="J6829" s="98">
        <v>1</v>
      </c>
      <c r="K6829" s="98">
        <v>0</v>
      </c>
      <c r="L6829" s="98">
        <v>0</v>
      </c>
      <c r="M6829" s="98">
        <v>0</v>
      </c>
      <c r="N6829" s="98">
        <v>0</v>
      </c>
      <c r="O6829" s="98">
        <v>0</v>
      </c>
      <c r="P6829" s="98">
        <v>0</v>
      </c>
      <c r="Q6829" s="98">
        <v>0</v>
      </c>
      <c r="R6829" s="98">
        <v>0</v>
      </c>
      <c r="S6829" s="98">
        <v>0</v>
      </c>
      <c r="T6829" s="98">
        <v>0</v>
      </c>
      <c r="U6829" s="99"/>
      <c r="V6829" s="99"/>
      <c r="W6829" s="99"/>
      <c r="X6829" s="99"/>
      <c r="Y6829" s="99"/>
      <c r="Z6829" s="99"/>
      <c r="AA6829" s="99"/>
      <c r="AB6829" s="99"/>
      <c r="AC6829" s="99"/>
      <c r="AD6829" s="99"/>
      <c r="AE6829" s="99"/>
      <c r="AF6829" s="99"/>
      <c r="AG6829" s="99"/>
      <c r="AH6829" s="99"/>
      <c r="AI6829" s="99"/>
      <c r="AJ6829" s="99"/>
      <c r="AK6829" s="99"/>
      <c r="AL6829" s="99"/>
      <c r="AM6829" s="99"/>
      <c r="AN6829" s="99"/>
      <c r="AO6829" s="99"/>
      <c r="AP6829" s="99"/>
      <c r="AQ6829" s="99"/>
      <c r="AR6829" s="99"/>
      <c r="AS6829" s="99"/>
      <c r="AT6829" s="99"/>
      <c r="AU6829" s="99"/>
      <c r="AV6829" s="99"/>
      <c r="AW6829" s="99"/>
      <c r="AX6829" s="99"/>
      <c r="AY6829" s="99"/>
      <c r="AZ6829" s="99"/>
      <c r="BA6829" s="99"/>
      <c r="BB6829" s="221">
        <v>45884</v>
      </c>
    </row>
    <row r="6830" spans="1:54" s="8" customFormat="1" ht="14.1" customHeight="1" x14ac:dyDescent="0.25">
      <c r="A6830" s="219" t="s">
        <v>16353</v>
      </c>
      <c r="B6830" s="220" t="s">
        <v>19871</v>
      </c>
      <c r="C6830" s="98" t="s">
        <v>16354</v>
      </c>
      <c r="D6830" s="98" t="s">
        <v>16355</v>
      </c>
      <c r="E6830" s="141">
        <v>1975</v>
      </c>
      <c r="F6830" s="141">
        <v>1710</v>
      </c>
      <c r="G6830" s="98" t="s">
        <v>1</v>
      </c>
      <c r="H6830" s="98">
        <v>0</v>
      </c>
      <c r="I6830" s="98">
        <v>0</v>
      </c>
      <c r="J6830" s="98">
        <v>1</v>
      </c>
      <c r="K6830" s="98">
        <v>1</v>
      </c>
      <c r="L6830" s="98">
        <v>1</v>
      </c>
      <c r="M6830" s="98">
        <v>0</v>
      </c>
      <c r="N6830" s="98">
        <v>0</v>
      </c>
      <c r="O6830" s="98">
        <v>1</v>
      </c>
      <c r="P6830" s="98">
        <v>1</v>
      </c>
      <c r="Q6830" s="98">
        <v>0</v>
      </c>
      <c r="R6830" s="98">
        <v>1</v>
      </c>
      <c r="S6830" s="98">
        <v>0</v>
      </c>
      <c r="T6830" s="98">
        <v>0</v>
      </c>
      <c r="U6830" s="99"/>
      <c r="V6830" s="99"/>
      <c r="W6830" s="99"/>
      <c r="X6830" s="99"/>
      <c r="Y6830" s="99"/>
      <c r="Z6830" s="99"/>
      <c r="AA6830" s="99"/>
      <c r="AB6830" s="99"/>
      <c r="AC6830" s="99"/>
      <c r="AD6830" s="99"/>
      <c r="AE6830" s="99"/>
      <c r="AF6830" s="99"/>
      <c r="AG6830" s="99"/>
      <c r="AH6830" s="99"/>
      <c r="AI6830" s="99"/>
      <c r="AJ6830" s="99"/>
      <c r="AK6830" s="99"/>
      <c r="AL6830" s="99"/>
      <c r="AM6830" s="99"/>
      <c r="AN6830" s="99"/>
      <c r="AO6830" s="99"/>
      <c r="AP6830" s="99"/>
      <c r="AQ6830" s="99"/>
      <c r="AR6830" s="99"/>
      <c r="AS6830" s="99"/>
      <c r="AT6830" s="99"/>
      <c r="AU6830" s="99"/>
      <c r="AV6830" s="99"/>
      <c r="AW6830" s="99"/>
      <c r="AX6830" s="99"/>
      <c r="AY6830" s="99"/>
      <c r="AZ6830" s="99"/>
      <c r="BA6830" s="99"/>
      <c r="BB6830" s="221">
        <v>45884</v>
      </c>
    </row>
    <row r="6831" spans="1:54" s="8" customFormat="1" ht="14.1" customHeight="1" x14ac:dyDescent="0.25">
      <c r="A6831" s="219" t="s">
        <v>16356</v>
      </c>
      <c r="B6831" s="220" t="s">
        <v>19871</v>
      </c>
      <c r="C6831" s="98" t="s">
        <v>16357</v>
      </c>
      <c r="D6831" s="98" t="s">
        <v>16358</v>
      </c>
      <c r="E6831" s="141">
        <v>1986</v>
      </c>
      <c r="F6831" s="141">
        <v>1798</v>
      </c>
      <c r="G6831" s="98" t="s">
        <v>1</v>
      </c>
      <c r="H6831" s="98">
        <v>1</v>
      </c>
      <c r="I6831" s="98">
        <v>0</v>
      </c>
      <c r="J6831" s="98">
        <v>1</v>
      </c>
      <c r="K6831" s="98">
        <v>0</v>
      </c>
      <c r="L6831" s="98">
        <v>0</v>
      </c>
      <c r="M6831" s="98">
        <v>0</v>
      </c>
      <c r="N6831" s="98">
        <v>0</v>
      </c>
      <c r="O6831" s="98">
        <v>0</v>
      </c>
      <c r="P6831" s="98">
        <v>0</v>
      </c>
      <c r="Q6831" s="98">
        <v>0</v>
      </c>
      <c r="R6831" s="98">
        <v>0</v>
      </c>
      <c r="S6831" s="98">
        <v>0</v>
      </c>
      <c r="T6831" s="98">
        <v>0</v>
      </c>
      <c r="U6831" s="99"/>
      <c r="V6831" s="99"/>
      <c r="W6831" s="99"/>
      <c r="X6831" s="99"/>
      <c r="Y6831" s="99"/>
      <c r="Z6831" s="99"/>
      <c r="AA6831" s="99"/>
      <c r="AB6831" s="99"/>
      <c r="AC6831" s="99"/>
      <c r="AD6831" s="99"/>
      <c r="AE6831" s="99"/>
      <c r="AF6831" s="99"/>
      <c r="AG6831" s="99"/>
      <c r="AH6831" s="99"/>
      <c r="AI6831" s="99"/>
      <c r="AJ6831" s="99"/>
      <c r="AK6831" s="99"/>
      <c r="AL6831" s="99"/>
      <c r="AM6831" s="99"/>
      <c r="AN6831" s="99"/>
      <c r="AO6831" s="99"/>
      <c r="AP6831" s="99"/>
      <c r="AQ6831" s="99"/>
      <c r="AR6831" s="99"/>
      <c r="AS6831" s="99"/>
      <c r="AT6831" s="99"/>
      <c r="AU6831" s="99"/>
      <c r="AV6831" s="99"/>
      <c r="AW6831" s="99"/>
      <c r="AX6831" s="99"/>
      <c r="AY6831" s="99"/>
      <c r="AZ6831" s="99"/>
      <c r="BA6831" s="99"/>
      <c r="BB6831" s="221">
        <v>45884</v>
      </c>
    </row>
    <row r="6832" spans="1:54" s="8" customFormat="1" ht="14.1" customHeight="1" x14ac:dyDescent="0.25">
      <c r="A6832" s="219" t="s">
        <v>16359</v>
      </c>
      <c r="B6832" s="220" t="s">
        <v>19871</v>
      </c>
      <c r="C6832" s="98" t="s">
        <v>6126</v>
      </c>
      <c r="D6832" s="98" t="s">
        <v>16360</v>
      </c>
      <c r="E6832" s="141">
        <v>1983</v>
      </c>
      <c r="F6832" s="141">
        <v>1798</v>
      </c>
      <c r="G6832" s="98" t="s">
        <v>1</v>
      </c>
      <c r="H6832" s="98">
        <v>0</v>
      </c>
      <c r="I6832" s="98">
        <v>0</v>
      </c>
      <c r="J6832" s="98">
        <v>1</v>
      </c>
      <c r="K6832" s="98">
        <v>1</v>
      </c>
      <c r="L6832" s="98">
        <v>1</v>
      </c>
      <c r="M6832" s="98">
        <v>1</v>
      </c>
      <c r="N6832" s="98">
        <v>0</v>
      </c>
      <c r="O6832" s="98">
        <v>0</v>
      </c>
      <c r="P6832" s="98">
        <v>0</v>
      </c>
      <c r="Q6832" s="98">
        <v>0</v>
      </c>
      <c r="R6832" s="98">
        <v>1</v>
      </c>
      <c r="S6832" s="98">
        <v>0</v>
      </c>
      <c r="T6832" s="98">
        <v>0</v>
      </c>
      <c r="U6832" s="99"/>
      <c r="V6832" s="99"/>
      <c r="W6832" s="99"/>
      <c r="X6832" s="99"/>
      <c r="Y6832" s="99"/>
      <c r="Z6832" s="99"/>
      <c r="AA6832" s="99"/>
      <c r="AB6832" s="99"/>
      <c r="AC6832" s="99"/>
      <c r="AD6832" s="99"/>
      <c r="AE6832" s="99"/>
      <c r="AF6832" s="99"/>
      <c r="AG6832" s="99"/>
      <c r="AH6832" s="99"/>
      <c r="AI6832" s="99"/>
      <c r="AJ6832" s="99"/>
      <c r="AK6832" s="99"/>
      <c r="AL6832" s="99"/>
      <c r="AM6832" s="99"/>
      <c r="AN6832" s="99"/>
      <c r="AO6832" s="99"/>
      <c r="AP6832" s="99"/>
      <c r="AQ6832" s="99"/>
      <c r="AR6832" s="99"/>
      <c r="AS6832" s="99"/>
      <c r="AT6832" s="99"/>
      <c r="AU6832" s="99"/>
      <c r="AV6832" s="99"/>
      <c r="AW6832" s="99"/>
      <c r="AX6832" s="99"/>
      <c r="AY6832" s="99"/>
      <c r="AZ6832" s="99"/>
      <c r="BA6832" s="99"/>
      <c r="BB6832" s="221">
        <v>45884</v>
      </c>
    </row>
    <row r="6833" spans="1:54" s="8" customFormat="1" ht="14.1" customHeight="1" x14ac:dyDescent="0.25">
      <c r="A6833" s="219" t="s">
        <v>16361</v>
      </c>
      <c r="B6833" s="220" t="s">
        <v>19871</v>
      </c>
      <c r="C6833" s="98" t="s">
        <v>16362</v>
      </c>
      <c r="D6833" s="98" t="s">
        <v>16363</v>
      </c>
      <c r="E6833" s="141">
        <v>1983</v>
      </c>
      <c r="F6833" s="141">
        <v>1803</v>
      </c>
      <c r="G6833" s="98" t="s">
        <v>1</v>
      </c>
      <c r="H6833" s="98">
        <v>0</v>
      </c>
      <c r="I6833" s="98">
        <v>0</v>
      </c>
      <c r="J6833" s="98">
        <v>1</v>
      </c>
      <c r="K6833" s="98">
        <v>0</v>
      </c>
      <c r="L6833" s="98">
        <v>1</v>
      </c>
      <c r="M6833" s="98">
        <v>0</v>
      </c>
      <c r="N6833" s="98">
        <v>0</v>
      </c>
      <c r="O6833" s="98">
        <v>1</v>
      </c>
      <c r="P6833" s="98">
        <v>0</v>
      </c>
      <c r="Q6833" s="98">
        <v>0</v>
      </c>
      <c r="R6833" s="98">
        <v>0</v>
      </c>
      <c r="S6833" s="98">
        <v>0</v>
      </c>
      <c r="T6833" s="98">
        <v>0</v>
      </c>
      <c r="U6833" s="99"/>
      <c r="V6833" s="99"/>
      <c r="W6833" s="99"/>
      <c r="X6833" s="99"/>
      <c r="Y6833" s="99"/>
      <c r="Z6833" s="99"/>
      <c r="AA6833" s="99"/>
      <c r="AB6833" s="99"/>
      <c r="AC6833" s="99"/>
      <c r="AD6833" s="99"/>
      <c r="AE6833" s="99"/>
      <c r="AF6833" s="99"/>
      <c r="AG6833" s="99"/>
      <c r="AH6833" s="99"/>
      <c r="AI6833" s="99"/>
      <c r="AJ6833" s="99"/>
      <c r="AK6833" s="99"/>
      <c r="AL6833" s="99"/>
      <c r="AM6833" s="99"/>
      <c r="AN6833" s="99"/>
      <c r="AO6833" s="99"/>
      <c r="AP6833" s="99"/>
      <c r="AQ6833" s="99"/>
      <c r="AR6833" s="99"/>
      <c r="AS6833" s="99"/>
      <c r="AT6833" s="99"/>
      <c r="AU6833" s="99"/>
      <c r="AV6833" s="99"/>
      <c r="AW6833" s="99"/>
      <c r="AX6833" s="99"/>
      <c r="AY6833" s="99"/>
      <c r="AZ6833" s="99"/>
      <c r="BA6833" s="99"/>
      <c r="BB6833" s="221">
        <v>45884</v>
      </c>
    </row>
    <row r="6834" spans="1:54" s="8" customFormat="1" ht="14.1" customHeight="1" x14ac:dyDescent="0.25">
      <c r="A6834" s="219" t="s">
        <v>16364</v>
      </c>
      <c r="B6834" s="220" t="s">
        <v>19871</v>
      </c>
      <c r="C6834" s="98" t="s">
        <v>16365</v>
      </c>
      <c r="D6834" s="98" t="s">
        <v>16366</v>
      </c>
      <c r="E6834" s="141">
        <v>1988</v>
      </c>
      <c r="F6834" s="141">
        <v>1818</v>
      </c>
      <c r="G6834" s="98" t="s">
        <v>1</v>
      </c>
      <c r="H6834" s="98">
        <v>1</v>
      </c>
      <c r="I6834" s="98">
        <v>1</v>
      </c>
      <c r="J6834" s="98">
        <v>1</v>
      </c>
      <c r="K6834" s="98">
        <v>1</v>
      </c>
      <c r="L6834" s="98">
        <v>1</v>
      </c>
      <c r="M6834" s="98">
        <v>0</v>
      </c>
      <c r="N6834" s="98">
        <v>0</v>
      </c>
      <c r="O6834" s="98">
        <v>1</v>
      </c>
      <c r="P6834" s="98">
        <v>0</v>
      </c>
      <c r="Q6834" s="98">
        <v>1</v>
      </c>
      <c r="R6834" s="98">
        <v>0</v>
      </c>
      <c r="S6834" s="98">
        <v>0</v>
      </c>
      <c r="T6834" s="98">
        <v>0</v>
      </c>
      <c r="U6834" s="99"/>
      <c r="V6834" s="99"/>
      <c r="W6834" s="99"/>
      <c r="X6834" s="99"/>
      <c r="Y6834" s="99"/>
      <c r="Z6834" s="99"/>
      <c r="AA6834" s="99"/>
      <c r="AB6834" s="99"/>
      <c r="AC6834" s="99"/>
      <c r="AD6834" s="99"/>
      <c r="AE6834" s="99"/>
      <c r="AF6834" s="99"/>
      <c r="AG6834" s="99"/>
      <c r="AH6834" s="99"/>
      <c r="AI6834" s="99"/>
      <c r="AJ6834" s="99"/>
      <c r="AK6834" s="99"/>
      <c r="AL6834" s="99"/>
      <c r="AM6834" s="99"/>
      <c r="AN6834" s="99"/>
      <c r="AO6834" s="99"/>
      <c r="AP6834" s="99"/>
      <c r="AQ6834" s="99"/>
      <c r="AR6834" s="99"/>
      <c r="AS6834" s="99"/>
      <c r="AT6834" s="99"/>
      <c r="AU6834" s="99"/>
      <c r="AV6834" s="99"/>
      <c r="AW6834" s="99"/>
      <c r="AX6834" s="99"/>
      <c r="AY6834" s="99"/>
      <c r="AZ6834" s="99"/>
      <c r="BA6834" s="99"/>
      <c r="BB6834" s="221">
        <v>45884</v>
      </c>
    </row>
    <row r="6835" spans="1:54" s="8" customFormat="1" ht="14.1" customHeight="1" x14ac:dyDescent="0.25">
      <c r="A6835" s="219" t="s">
        <v>16367</v>
      </c>
      <c r="B6835" s="220" t="s">
        <v>19871</v>
      </c>
      <c r="C6835" s="98" t="s">
        <v>16368</v>
      </c>
      <c r="D6835" s="98" t="s">
        <v>16369</v>
      </c>
      <c r="E6835" s="141">
        <v>1975</v>
      </c>
      <c r="F6835" s="141">
        <v>1945</v>
      </c>
      <c r="G6835" s="98" t="s">
        <v>1</v>
      </c>
      <c r="H6835" s="98">
        <v>1</v>
      </c>
      <c r="I6835" s="98">
        <v>0</v>
      </c>
      <c r="J6835" s="98">
        <v>1</v>
      </c>
      <c r="K6835" s="98">
        <v>1</v>
      </c>
      <c r="L6835" s="98">
        <v>1</v>
      </c>
      <c r="M6835" s="98">
        <v>1</v>
      </c>
      <c r="N6835" s="98">
        <v>0</v>
      </c>
      <c r="O6835" s="98">
        <v>0</v>
      </c>
      <c r="P6835" s="98">
        <v>0</v>
      </c>
      <c r="Q6835" s="98">
        <v>0</v>
      </c>
      <c r="R6835" s="98">
        <v>1</v>
      </c>
      <c r="S6835" s="98">
        <v>0</v>
      </c>
      <c r="T6835" s="98">
        <v>0</v>
      </c>
      <c r="U6835" s="99"/>
      <c r="V6835" s="99"/>
      <c r="W6835" s="99"/>
      <c r="X6835" s="99"/>
      <c r="Y6835" s="99"/>
      <c r="Z6835" s="99"/>
      <c r="AA6835" s="99"/>
      <c r="AB6835" s="99"/>
      <c r="AC6835" s="99"/>
      <c r="AD6835" s="99"/>
      <c r="AE6835" s="99"/>
      <c r="AF6835" s="99"/>
      <c r="AG6835" s="99"/>
      <c r="AH6835" s="99"/>
      <c r="AI6835" s="99"/>
      <c r="AJ6835" s="99"/>
      <c r="AK6835" s="99"/>
      <c r="AL6835" s="99"/>
      <c r="AM6835" s="99"/>
      <c r="AN6835" s="99"/>
      <c r="AO6835" s="99"/>
      <c r="AP6835" s="99"/>
      <c r="AQ6835" s="99"/>
      <c r="AR6835" s="99"/>
      <c r="AS6835" s="99"/>
      <c r="AT6835" s="99"/>
      <c r="AU6835" s="99"/>
      <c r="AV6835" s="99"/>
      <c r="AW6835" s="99"/>
      <c r="AX6835" s="99"/>
      <c r="AY6835" s="99"/>
      <c r="AZ6835" s="99"/>
      <c r="BA6835" s="99"/>
      <c r="BB6835" s="221">
        <v>45884</v>
      </c>
    </row>
    <row r="6836" spans="1:54" s="8" customFormat="1" ht="14.1" customHeight="1" x14ac:dyDescent="0.25">
      <c r="A6836" s="219" t="s">
        <v>16370</v>
      </c>
      <c r="B6836" s="220" t="s">
        <v>19871</v>
      </c>
      <c r="C6836" s="98" t="s">
        <v>16371</v>
      </c>
      <c r="D6836" s="98" t="s">
        <v>16372</v>
      </c>
      <c r="E6836" s="141">
        <v>1988</v>
      </c>
      <c r="F6836" s="141">
        <v>1993</v>
      </c>
      <c r="G6836" s="98" t="s">
        <v>1</v>
      </c>
      <c r="H6836" s="98">
        <v>0</v>
      </c>
      <c r="I6836" s="98">
        <v>0</v>
      </c>
      <c r="J6836" s="98">
        <v>0</v>
      </c>
      <c r="K6836" s="98">
        <v>0</v>
      </c>
      <c r="L6836" s="98">
        <v>0</v>
      </c>
      <c r="M6836" s="98">
        <v>0</v>
      </c>
      <c r="N6836" s="98">
        <v>0</v>
      </c>
      <c r="O6836" s="98">
        <v>0</v>
      </c>
      <c r="P6836" s="98">
        <v>0</v>
      </c>
      <c r="Q6836" s="98">
        <v>0</v>
      </c>
      <c r="R6836" s="98">
        <v>0</v>
      </c>
      <c r="S6836" s="98">
        <v>0</v>
      </c>
      <c r="T6836" s="98">
        <v>0</v>
      </c>
      <c r="U6836" s="99"/>
      <c r="V6836" s="99"/>
      <c r="W6836" s="99"/>
      <c r="X6836" s="99"/>
      <c r="Y6836" s="99"/>
      <c r="Z6836" s="99"/>
      <c r="AA6836" s="99"/>
      <c r="AB6836" s="99"/>
      <c r="AC6836" s="99"/>
      <c r="AD6836" s="99"/>
      <c r="AE6836" s="99"/>
      <c r="AF6836" s="99"/>
      <c r="AG6836" s="99"/>
      <c r="AH6836" s="99"/>
      <c r="AI6836" s="99"/>
      <c r="AJ6836" s="99"/>
      <c r="AK6836" s="99"/>
      <c r="AL6836" s="99"/>
      <c r="AM6836" s="99"/>
      <c r="AN6836" s="99"/>
      <c r="AO6836" s="99"/>
      <c r="AP6836" s="99"/>
      <c r="AQ6836" s="99"/>
      <c r="AR6836" s="99"/>
      <c r="AS6836" s="99"/>
      <c r="AT6836" s="99"/>
      <c r="AU6836" s="99"/>
      <c r="AV6836" s="99"/>
      <c r="AW6836" s="99"/>
      <c r="AX6836" s="99"/>
      <c r="AY6836" s="99"/>
      <c r="AZ6836" s="99"/>
      <c r="BA6836" s="99"/>
      <c r="BB6836" s="221">
        <v>45884</v>
      </c>
    </row>
    <row r="6837" spans="1:54" s="8" customFormat="1" ht="14.1" customHeight="1" x14ac:dyDescent="0.25">
      <c r="A6837" s="219" t="s">
        <v>16373</v>
      </c>
      <c r="B6837" s="220" t="s">
        <v>19871</v>
      </c>
      <c r="C6837" s="98" t="s">
        <v>9510</v>
      </c>
      <c r="D6837" s="98" t="s">
        <v>16374</v>
      </c>
      <c r="E6837" s="141">
        <v>1983</v>
      </c>
      <c r="F6837" s="141">
        <v>1997</v>
      </c>
      <c r="G6837" s="98" t="s">
        <v>1</v>
      </c>
      <c r="H6837" s="98">
        <v>0</v>
      </c>
      <c r="I6837" s="98">
        <v>0</v>
      </c>
      <c r="J6837" s="98">
        <v>1</v>
      </c>
      <c r="K6837" s="98">
        <v>0</v>
      </c>
      <c r="L6837" s="98">
        <v>1</v>
      </c>
      <c r="M6837" s="98">
        <v>0</v>
      </c>
      <c r="N6837" s="98">
        <v>1</v>
      </c>
      <c r="O6837" s="98">
        <v>1</v>
      </c>
      <c r="P6837" s="98">
        <v>1</v>
      </c>
      <c r="Q6837" s="98">
        <v>0</v>
      </c>
      <c r="R6837" s="98">
        <v>0</v>
      </c>
      <c r="S6837" s="98">
        <v>0</v>
      </c>
      <c r="T6837" s="98">
        <v>0</v>
      </c>
      <c r="U6837" s="99"/>
      <c r="V6837" s="99"/>
      <c r="W6837" s="99"/>
      <c r="X6837" s="99"/>
      <c r="Y6837" s="99"/>
      <c r="Z6837" s="99"/>
      <c r="AA6837" s="99"/>
      <c r="AB6837" s="99"/>
      <c r="AC6837" s="99"/>
      <c r="AD6837" s="99"/>
      <c r="AE6837" s="99"/>
      <c r="AF6837" s="99"/>
      <c r="AG6837" s="99"/>
      <c r="AH6837" s="99"/>
      <c r="AI6837" s="99"/>
      <c r="AJ6837" s="99"/>
      <c r="AK6837" s="99"/>
      <c r="AL6837" s="99"/>
      <c r="AM6837" s="99"/>
      <c r="AN6837" s="99"/>
      <c r="AO6837" s="99"/>
      <c r="AP6837" s="99"/>
      <c r="AQ6837" s="99"/>
      <c r="AR6837" s="99"/>
      <c r="AS6837" s="99"/>
      <c r="AT6837" s="99"/>
      <c r="AU6837" s="99"/>
      <c r="AV6837" s="99"/>
      <c r="AW6837" s="99"/>
      <c r="AX6837" s="99"/>
      <c r="AY6837" s="99"/>
      <c r="AZ6837" s="99"/>
      <c r="BA6837" s="99"/>
      <c r="BB6837" s="221">
        <v>45884</v>
      </c>
    </row>
    <row r="6838" spans="1:54" s="8" customFormat="1" ht="14.1" customHeight="1" x14ac:dyDescent="0.25">
      <c r="A6838" s="219" t="s">
        <v>16375</v>
      </c>
      <c r="B6838" s="220" t="s">
        <v>19871</v>
      </c>
      <c r="C6838" s="98" t="s">
        <v>16376</v>
      </c>
      <c r="D6838" s="98" t="s">
        <v>16377</v>
      </c>
      <c r="E6838" s="141">
        <v>2004</v>
      </c>
      <c r="F6838" s="141">
        <v>1999</v>
      </c>
      <c r="G6838" s="98" t="s">
        <v>1</v>
      </c>
      <c r="H6838" s="98">
        <v>0</v>
      </c>
      <c r="I6838" s="98">
        <v>0</v>
      </c>
      <c r="J6838" s="98">
        <v>1</v>
      </c>
      <c r="K6838" s="98">
        <v>1</v>
      </c>
      <c r="L6838" s="98">
        <v>1</v>
      </c>
      <c r="M6838" s="98">
        <v>1</v>
      </c>
      <c r="N6838" s="98">
        <v>0</v>
      </c>
      <c r="O6838" s="98">
        <v>1</v>
      </c>
      <c r="P6838" s="98">
        <v>0</v>
      </c>
      <c r="Q6838" s="98">
        <v>0</v>
      </c>
      <c r="R6838" s="98">
        <v>1</v>
      </c>
      <c r="S6838" s="98">
        <v>0</v>
      </c>
      <c r="T6838" s="98">
        <v>0</v>
      </c>
      <c r="U6838" s="99"/>
      <c r="V6838" s="99"/>
      <c r="W6838" s="99"/>
      <c r="X6838" s="99"/>
      <c r="Y6838" s="99"/>
      <c r="Z6838" s="99"/>
      <c r="AA6838" s="99"/>
      <c r="AB6838" s="99"/>
      <c r="AC6838" s="99"/>
      <c r="AD6838" s="99"/>
      <c r="AE6838" s="99"/>
      <c r="AF6838" s="99"/>
      <c r="AG6838" s="99"/>
      <c r="AH6838" s="99"/>
      <c r="AI6838" s="99"/>
      <c r="AJ6838" s="99"/>
      <c r="AK6838" s="99"/>
      <c r="AL6838" s="99"/>
      <c r="AM6838" s="99"/>
      <c r="AN6838" s="99"/>
      <c r="AO6838" s="99"/>
      <c r="AP6838" s="99"/>
      <c r="AQ6838" s="99"/>
      <c r="AR6838" s="99"/>
      <c r="AS6838" s="99"/>
      <c r="AT6838" s="99"/>
      <c r="AU6838" s="99"/>
      <c r="AV6838" s="99"/>
      <c r="AW6838" s="99"/>
      <c r="AX6838" s="99"/>
      <c r="AY6838" s="99"/>
      <c r="AZ6838" s="99"/>
      <c r="BA6838" s="99"/>
      <c r="BB6838" s="221">
        <v>45884</v>
      </c>
    </row>
    <row r="6839" spans="1:54" s="8" customFormat="1" ht="14.1" customHeight="1" x14ac:dyDescent="0.25">
      <c r="A6839" s="219" t="s">
        <v>16378</v>
      </c>
      <c r="B6839" s="220" t="s">
        <v>19871</v>
      </c>
      <c r="C6839" s="98" t="s">
        <v>16379</v>
      </c>
      <c r="D6839" s="98" t="s">
        <v>16380</v>
      </c>
      <c r="E6839" s="141">
        <v>1990</v>
      </c>
      <c r="F6839" s="141">
        <v>2004</v>
      </c>
      <c r="G6839" s="98" t="s">
        <v>1</v>
      </c>
      <c r="H6839" s="98">
        <v>1</v>
      </c>
      <c r="I6839" s="98">
        <v>1</v>
      </c>
      <c r="J6839" s="98">
        <v>1</v>
      </c>
      <c r="K6839" s="98">
        <v>0</v>
      </c>
      <c r="L6839" s="98">
        <v>1</v>
      </c>
      <c r="M6839" s="98">
        <v>0</v>
      </c>
      <c r="N6839" s="98">
        <v>0</v>
      </c>
      <c r="O6839" s="98">
        <v>0</v>
      </c>
      <c r="P6839" s="98">
        <v>0</v>
      </c>
      <c r="Q6839" s="98">
        <v>0</v>
      </c>
      <c r="R6839" s="98">
        <v>0</v>
      </c>
      <c r="S6839" s="98">
        <v>0</v>
      </c>
      <c r="T6839" s="98">
        <v>0</v>
      </c>
      <c r="U6839" s="99"/>
      <c r="V6839" s="99"/>
      <c r="W6839" s="99"/>
      <c r="X6839" s="99"/>
      <c r="Y6839" s="99"/>
      <c r="Z6839" s="99"/>
      <c r="AA6839" s="99"/>
      <c r="AB6839" s="99"/>
      <c r="AC6839" s="99"/>
      <c r="AD6839" s="99"/>
      <c r="AE6839" s="99"/>
      <c r="AF6839" s="99"/>
      <c r="AG6839" s="99"/>
      <c r="AH6839" s="99"/>
      <c r="AI6839" s="99"/>
      <c r="AJ6839" s="99"/>
      <c r="AK6839" s="99"/>
      <c r="AL6839" s="99"/>
      <c r="AM6839" s="99"/>
      <c r="AN6839" s="99"/>
      <c r="AO6839" s="99"/>
      <c r="AP6839" s="99"/>
      <c r="AQ6839" s="99"/>
      <c r="AR6839" s="99"/>
      <c r="AS6839" s="99"/>
      <c r="AT6839" s="99"/>
      <c r="AU6839" s="99"/>
      <c r="AV6839" s="99"/>
      <c r="AW6839" s="99"/>
      <c r="AX6839" s="99"/>
      <c r="AY6839" s="99"/>
      <c r="AZ6839" s="99"/>
      <c r="BA6839" s="99"/>
      <c r="BB6839" s="221">
        <v>45884</v>
      </c>
    </row>
    <row r="6840" spans="1:54" s="8" customFormat="1" ht="14.1" customHeight="1" x14ac:dyDescent="0.25">
      <c r="A6840" s="219" t="s">
        <v>16381</v>
      </c>
      <c r="B6840" s="220" t="s">
        <v>19871</v>
      </c>
      <c r="C6840" s="98" t="s">
        <v>9798</v>
      </c>
      <c r="D6840" s="98" t="s">
        <v>16382</v>
      </c>
      <c r="E6840" s="141">
        <v>1975</v>
      </c>
      <c r="F6840" s="141">
        <v>13715</v>
      </c>
      <c r="G6840" s="98" t="s">
        <v>3</v>
      </c>
      <c r="H6840" s="98">
        <v>1</v>
      </c>
      <c r="I6840" s="98">
        <v>1</v>
      </c>
      <c r="J6840" s="98">
        <v>1</v>
      </c>
      <c r="K6840" s="98">
        <v>0</v>
      </c>
      <c r="L6840" s="98">
        <v>0</v>
      </c>
      <c r="M6840" s="98">
        <v>0</v>
      </c>
      <c r="N6840" s="98">
        <v>0</v>
      </c>
      <c r="O6840" s="98">
        <v>0</v>
      </c>
      <c r="P6840" s="98">
        <v>0</v>
      </c>
      <c r="Q6840" s="98">
        <v>0</v>
      </c>
      <c r="R6840" s="98">
        <v>1</v>
      </c>
      <c r="S6840" s="98">
        <v>0</v>
      </c>
      <c r="T6840" s="98">
        <v>0</v>
      </c>
      <c r="U6840" s="98">
        <v>0</v>
      </c>
      <c r="V6840" s="98">
        <v>0</v>
      </c>
      <c r="W6840" s="98">
        <v>0</v>
      </c>
      <c r="X6840" s="98">
        <v>0</v>
      </c>
      <c r="Y6840" s="98">
        <v>0</v>
      </c>
      <c r="Z6840" s="98">
        <v>0</v>
      </c>
      <c r="AA6840" s="98">
        <v>0</v>
      </c>
      <c r="AB6840" s="98">
        <v>0</v>
      </c>
      <c r="AC6840" s="98">
        <v>0</v>
      </c>
      <c r="AD6840" s="98">
        <v>0</v>
      </c>
      <c r="AE6840" s="98">
        <v>0</v>
      </c>
      <c r="AF6840" s="98">
        <v>0</v>
      </c>
      <c r="AG6840" s="98">
        <v>0</v>
      </c>
      <c r="AH6840" s="98">
        <v>0</v>
      </c>
      <c r="AI6840" s="98">
        <v>0</v>
      </c>
      <c r="AJ6840" s="98">
        <v>0</v>
      </c>
      <c r="AK6840" s="98">
        <v>0</v>
      </c>
      <c r="AL6840" s="98">
        <v>0</v>
      </c>
      <c r="AM6840" s="98">
        <v>0</v>
      </c>
      <c r="AN6840" s="98">
        <v>0</v>
      </c>
      <c r="AO6840" s="98">
        <v>0</v>
      </c>
      <c r="AP6840" s="98">
        <v>0</v>
      </c>
      <c r="AQ6840" s="98">
        <v>0</v>
      </c>
      <c r="AR6840" s="98">
        <v>0</v>
      </c>
      <c r="AS6840" s="98">
        <v>0</v>
      </c>
      <c r="AT6840" s="129" t="s">
        <v>174</v>
      </c>
      <c r="AU6840" s="98">
        <v>1</v>
      </c>
      <c r="AV6840" s="98">
        <v>0</v>
      </c>
      <c r="AW6840" s="98">
        <v>0</v>
      </c>
      <c r="AX6840" s="98"/>
      <c r="AY6840" s="98"/>
      <c r="AZ6840" s="98"/>
      <c r="BA6840" s="98"/>
      <c r="BB6840" s="221">
        <v>45884</v>
      </c>
    </row>
    <row r="6841" spans="1:54" s="8" customFormat="1" ht="14.1" customHeight="1" x14ac:dyDescent="0.25">
      <c r="A6841" s="219" t="s">
        <v>16383</v>
      </c>
      <c r="B6841" s="220" t="s">
        <v>19871</v>
      </c>
      <c r="C6841" s="98" t="s">
        <v>16384</v>
      </c>
      <c r="D6841" s="98" t="s">
        <v>16385</v>
      </c>
      <c r="E6841" s="141">
        <v>1983</v>
      </c>
      <c r="F6841" s="141">
        <v>2047</v>
      </c>
      <c r="G6841" s="98" t="s">
        <v>1</v>
      </c>
      <c r="H6841" s="98">
        <v>0</v>
      </c>
      <c r="I6841" s="98">
        <v>0</v>
      </c>
      <c r="J6841" s="98">
        <v>1</v>
      </c>
      <c r="K6841" s="98">
        <v>1</v>
      </c>
      <c r="L6841" s="98">
        <v>1</v>
      </c>
      <c r="M6841" s="98">
        <v>1</v>
      </c>
      <c r="N6841" s="98">
        <v>0</v>
      </c>
      <c r="O6841" s="98">
        <v>1</v>
      </c>
      <c r="P6841" s="98">
        <v>0</v>
      </c>
      <c r="Q6841" s="98">
        <v>0</v>
      </c>
      <c r="R6841" s="98">
        <v>1</v>
      </c>
      <c r="S6841" s="98">
        <v>0</v>
      </c>
      <c r="T6841" s="98">
        <v>0</v>
      </c>
      <c r="U6841" s="99"/>
      <c r="V6841" s="99"/>
      <c r="W6841" s="99"/>
      <c r="X6841" s="99"/>
      <c r="Y6841" s="99"/>
      <c r="Z6841" s="99"/>
      <c r="AA6841" s="98">
        <v>1</v>
      </c>
      <c r="AB6841" s="99"/>
      <c r="AC6841" s="99"/>
      <c r="AD6841" s="99"/>
      <c r="AE6841" s="99"/>
      <c r="AF6841" s="99"/>
      <c r="AG6841" s="99"/>
      <c r="AH6841" s="99"/>
      <c r="AI6841" s="99"/>
      <c r="AJ6841" s="99"/>
      <c r="AK6841" s="99"/>
      <c r="AL6841" s="99"/>
      <c r="AM6841" s="99"/>
      <c r="AN6841" s="99"/>
      <c r="AO6841" s="99"/>
      <c r="AP6841" s="99"/>
      <c r="AQ6841" s="99"/>
      <c r="AR6841" s="99"/>
      <c r="AS6841" s="99"/>
      <c r="AT6841" s="99"/>
      <c r="AU6841" s="99"/>
      <c r="AV6841" s="99"/>
      <c r="AW6841" s="99"/>
      <c r="AX6841" s="99"/>
      <c r="AY6841" s="99"/>
      <c r="AZ6841" s="99"/>
      <c r="BA6841" s="99"/>
      <c r="BB6841" s="221">
        <v>45884</v>
      </c>
    </row>
    <row r="6842" spans="1:54" s="8" customFormat="1" ht="14.1" customHeight="1" x14ac:dyDescent="0.25">
      <c r="A6842" s="219" t="s">
        <v>16386</v>
      </c>
      <c r="B6842" s="220" t="s">
        <v>19871</v>
      </c>
      <c r="C6842" s="98" t="s">
        <v>16387</v>
      </c>
      <c r="D6842" s="98" t="s">
        <v>16388</v>
      </c>
      <c r="E6842" s="141">
        <v>1983</v>
      </c>
      <c r="F6842" s="141">
        <v>2115</v>
      </c>
      <c r="G6842" s="98" t="s">
        <v>1</v>
      </c>
      <c r="H6842" s="98">
        <v>0</v>
      </c>
      <c r="I6842" s="98">
        <v>0</v>
      </c>
      <c r="J6842" s="98">
        <v>1</v>
      </c>
      <c r="K6842" s="98">
        <v>1</v>
      </c>
      <c r="L6842" s="98">
        <v>1</v>
      </c>
      <c r="M6842" s="98">
        <v>0</v>
      </c>
      <c r="N6842" s="98">
        <v>0</v>
      </c>
      <c r="O6842" s="98">
        <v>1</v>
      </c>
      <c r="P6842" s="98">
        <v>1</v>
      </c>
      <c r="Q6842" s="98">
        <v>0</v>
      </c>
      <c r="R6842" s="98">
        <v>1</v>
      </c>
      <c r="S6842" s="98">
        <v>0</v>
      </c>
      <c r="T6842" s="98">
        <v>0</v>
      </c>
      <c r="U6842" s="99"/>
      <c r="V6842" s="99"/>
      <c r="W6842" s="99"/>
      <c r="X6842" s="99"/>
      <c r="Y6842" s="99"/>
      <c r="Z6842" s="99"/>
      <c r="AA6842" s="99"/>
      <c r="AB6842" s="99"/>
      <c r="AC6842" s="99"/>
      <c r="AD6842" s="99"/>
      <c r="AE6842" s="99"/>
      <c r="AF6842" s="99"/>
      <c r="AG6842" s="99"/>
      <c r="AH6842" s="99"/>
      <c r="AI6842" s="99"/>
      <c r="AJ6842" s="99"/>
      <c r="AK6842" s="99"/>
      <c r="AL6842" s="99"/>
      <c r="AM6842" s="99"/>
      <c r="AN6842" s="99"/>
      <c r="AO6842" s="99"/>
      <c r="AP6842" s="99"/>
      <c r="AQ6842" s="99"/>
      <c r="AR6842" s="99"/>
      <c r="AS6842" s="99"/>
      <c r="AT6842" s="99"/>
      <c r="AU6842" s="99"/>
      <c r="AV6842" s="99"/>
      <c r="AW6842" s="99"/>
      <c r="AX6842" s="99"/>
      <c r="AY6842" s="99"/>
      <c r="AZ6842" s="99"/>
      <c r="BA6842" s="99"/>
      <c r="BB6842" s="221">
        <v>45884</v>
      </c>
    </row>
    <row r="6843" spans="1:54" s="8" customFormat="1" ht="14.1" customHeight="1" x14ac:dyDescent="0.25">
      <c r="A6843" s="219" t="s">
        <v>16389</v>
      </c>
      <c r="B6843" s="220" t="s">
        <v>19871</v>
      </c>
      <c r="C6843" s="98" t="s">
        <v>5498</v>
      </c>
      <c r="D6843" s="98" t="s">
        <v>16390</v>
      </c>
      <c r="E6843" s="141">
        <v>1983</v>
      </c>
      <c r="F6843" s="141">
        <v>2138</v>
      </c>
      <c r="G6843" s="98" t="s">
        <v>1</v>
      </c>
      <c r="H6843" s="98">
        <v>1</v>
      </c>
      <c r="I6843" s="98">
        <v>0</v>
      </c>
      <c r="J6843" s="98">
        <v>1</v>
      </c>
      <c r="K6843" s="98">
        <v>1</v>
      </c>
      <c r="L6843" s="98">
        <v>1</v>
      </c>
      <c r="M6843" s="98">
        <v>0</v>
      </c>
      <c r="N6843" s="98">
        <v>1</v>
      </c>
      <c r="O6843" s="98">
        <v>1</v>
      </c>
      <c r="P6843" s="98">
        <v>1</v>
      </c>
      <c r="Q6843" s="98">
        <v>0</v>
      </c>
      <c r="R6843" s="98">
        <v>1</v>
      </c>
      <c r="S6843" s="98">
        <v>0</v>
      </c>
      <c r="T6843" s="98">
        <v>0</v>
      </c>
      <c r="U6843" s="99"/>
      <c r="V6843" s="99"/>
      <c r="W6843" s="99"/>
      <c r="X6843" s="99"/>
      <c r="Y6843" s="99"/>
      <c r="Z6843" s="99"/>
      <c r="AA6843" s="99"/>
      <c r="AB6843" s="99"/>
      <c r="AC6843" s="99"/>
      <c r="AD6843" s="99"/>
      <c r="AE6843" s="99"/>
      <c r="AF6843" s="99"/>
      <c r="AG6843" s="99"/>
      <c r="AH6843" s="99"/>
      <c r="AI6843" s="99"/>
      <c r="AJ6843" s="99"/>
      <c r="AK6843" s="99"/>
      <c r="AL6843" s="99"/>
      <c r="AM6843" s="99"/>
      <c r="AN6843" s="99"/>
      <c r="AO6843" s="99"/>
      <c r="AP6843" s="99"/>
      <c r="AQ6843" s="99"/>
      <c r="AR6843" s="99"/>
      <c r="AS6843" s="99"/>
      <c r="AT6843" s="99"/>
      <c r="AU6843" s="99"/>
      <c r="AV6843" s="99"/>
      <c r="AW6843" s="99"/>
      <c r="AX6843" s="99"/>
      <c r="AY6843" s="99"/>
      <c r="AZ6843" s="99"/>
      <c r="BA6843" s="99"/>
      <c r="BB6843" s="221">
        <v>45884</v>
      </c>
    </row>
    <row r="6844" spans="1:54" s="8" customFormat="1" ht="14.1" customHeight="1" x14ac:dyDescent="0.25">
      <c r="A6844" s="219" t="s">
        <v>16391</v>
      </c>
      <c r="B6844" s="220" t="s">
        <v>19871</v>
      </c>
      <c r="C6844" s="98" t="s">
        <v>16392</v>
      </c>
      <c r="D6844" s="98" t="s">
        <v>16393</v>
      </c>
      <c r="E6844" s="141">
        <v>2004</v>
      </c>
      <c r="F6844" s="141">
        <v>2200</v>
      </c>
      <c r="G6844" s="98" t="s">
        <v>1</v>
      </c>
      <c r="H6844" s="98">
        <v>0</v>
      </c>
      <c r="I6844" s="98">
        <v>0</v>
      </c>
      <c r="J6844" s="98">
        <v>1</v>
      </c>
      <c r="K6844" s="98">
        <v>1</v>
      </c>
      <c r="L6844" s="98">
        <v>1</v>
      </c>
      <c r="M6844" s="98">
        <v>0</v>
      </c>
      <c r="N6844" s="98">
        <v>0</v>
      </c>
      <c r="O6844" s="98">
        <v>1</v>
      </c>
      <c r="P6844" s="98">
        <v>1</v>
      </c>
      <c r="Q6844" s="98">
        <v>0</v>
      </c>
      <c r="R6844" s="98">
        <v>1</v>
      </c>
      <c r="S6844" s="98">
        <v>0</v>
      </c>
      <c r="T6844" s="98">
        <v>0</v>
      </c>
      <c r="U6844" s="99"/>
      <c r="V6844" s="99"/>
      <c r="W6844" s="99"/>
      <c r="X6844" s="99"/>
      <c r="Y6844" s="99"/>
      <c r="Z6844" s="99"/>
      <c r="AA6844" s="99"/>
      <c r="AB6844" s="99"/>
      <c r="AC6844" s="99"/>
      <c r="AD6844" s="99"/>
      <c r="AE6844" s="99"/>
      <c r="AF6844" s="99"/>
      <c r="AG6844" s="99"/>
      <c r="AH6844" s="99"/>
      <c r="AI6844" s="99"/>
      <c r="AJ6844" s="99"/>
      <c r="AK6844" s="99"/>
      <c r="AL6844" s="99"/>
      <c r="AM6844" s="99"/>
      <c r="AN6844" s="99"/>
      <c r="AO6844" s="99"/>
      <c r="AP6844" s="99"/>
      <c r="AQ6844" s="99"/>
      <c r="AR6844" s="99"/>
      <c r="AS6844" s="99"/>
      <c r="AT6844" s="99"/>
      <c r="AU6844" s="99"/>
      <c r="AV6844" s="99"/>
      <c r="AW6844" s="99"/>
      <c r="AX6844" s="99"/>
      <c r="AY6844" s="99"/>
      <c r="AZ6844" s="99"/>
      <c r="BA6844" s="99"/>
      <c r="BB6844" s="221">
        <v>45884</v>
      </c>
    </row>
    <row r="6845" spans="1:54" s="8" customFormat="1" ht="14.1" customHeight="1" x14ac:dyDescent="0.25">
      <c r="A6845" s="219" t="s">
        <v>16394</v>
      </c>
      <c r="B6845" s="220" t="s">
        <v>19871</v>
      </c>
      <c r="C6845" s="98" t="s">
        <v>16395</v>
      </c>
      <c r="D6845" s="98" t="s">
        <v>16396</v>
      </c>
      <c r="E6845" s="141">
        <v>1975</v>
      </c>
      <c r="F6845" s="141">
        <v>2303</v>
      </c>
      <c r="G6845" s="98" t="s">
        <v>1</v>
      </c>
      <c r="H6845" s="98">
        <v>1</v>
      </c>
      <c r="I6845" s="98">
        <v>1</v>
      </c>
      <c r="J6845" s="98">
        <v>1</v>
      </c>
      <c r="K6845" s="98">
        <v>0</v>
      </c>
      <c r="L6845" s="98">
        <v>1</v>
      </c>
      <c r="M6845" s="98">
        <v>1</v>
      </c>
      <c r="N6845" s="98">
        <v>0</v>
      </c>
      <c r="O6845" s="98">
        <v>0</v>
      </c>
      <c r="P6845" s="98">
        <v>0</v>
      </c>
      <c r="Q6845" s="98">
        <v>0</v>
      </c>
      <c r="R6845" s="98">
        <v>0</v>
      </c>
      <c r="S6845" s="98">
        <v>0</v>
      </c>
      <c r="T6845" s="98">
        <v>0</v>
      </c>
      <c r="U6845" s="99"/>
      <c r="V6845" s="99"/>
      <c r="W6845" s="99"/>
      <c r="X6845" s="99"/>
      <c r="Y6845" s="99"/>
      <c r="Z6845" s="99"/>
      <c r="AA6845" s="99"/>
      <c r="AB6845" s="99"/>
      <c r="AC6845" s="99"/>
      <c r="AD6845" s="99"/>
      <c r="AE6845" s="99"/>
      <c r="AF6845" s="99"/>
      <c r="AG6845" s="99"/>
      <c r="AH6845" s="99"/>
      <c r="AI6845" s="99"/>
      <c r="AJ6845" s="99"/>
      <c r="AK6845" s="99"/>
      <c r="AL6845" s="99"/>
      <c r="AM6845" s="99"/>
      <c r="AN6845" s="99"/>
      <c r="AO6845" s="99"/>
      <c r="AP6845" s="99"/>
      <c r="AQ6845" s="99"/>
      <c r="AR6845" s="99"/>
      <c r="AS6845" s="99"/>
      <c r="AT6845" s="99"/>
      <c r="AU6845" s="99"/>
      <c r="AV6845" s="99"/>
      <c r="AW6845" s="99"/>
      <c r="AX6845" s="99"/>
      <c r="AY6845" s="99"/>
      <c r="AZ6845" s="99"/>
      <c r="BA6845" s="99"/>
      <c r="BB6845" s="221">
        <v>45884</v>
      </c>
    </row>
    <row r="6846" spans="1:54" s="8" customFormat="1" ht="14.1" customHeight="1" x14ac:dyDescent="0.25">
      <c r="A6846" s="219" t="s">
        <v>16397</v>
      </c>
      <c r="B6846" s="220" t="s">
        <v>19871</v>
      </c>
      <c r="C6846" s="98" t="s">
        <v>16398</v>
      </c>
      <c r="D6846" s="98" t="s">
        <v>16399</v>
      </c>
      <c r="E6846" s="141">
        <v>1983</v>
      </c>
      <c r="F6846" s="141">
        <v>2425</v>
      </c>
      <c r="G6846" s="98" t="s">
        <v>1</v>
      </c>
      <c r="H6846" s="98">
        <v>0</v>
      </c>
      <c r="I6846" s="98">
        <v>0</v>
      </c>
      <c r="J6846" s="98">
        <v>1</v>
      </c>
      <c r="K6846" s="98">
        <v>1</v>
      </c>
      <c r="L6846" s="98">
        <v>1</v>
      </c>
      <c r="M6846" s="98">
        <v>1</v>
      </c>
      <c r="N6846" s="98">
        <v>1</v>
      </c>
      <c r="O6846" s="98">
        <v>1</v>
      </c>
      <c r="P6846" s="98">
        <v>0</v>
      </c>
      <c r="Q6846" s="98">
        <v>0</v>
      </c>
      <c r="R6846" s="98">
        <v>0</v>
      </c>
      <c r="S6846" s="98">
        <v>0</v>
      </c>
      <c r="T6846" s="98">
        <v>0</v>
      </c>
      <c r="U6846" s="99"/>
      <c r="V6846" s="99"/>
      <c r="W6846" s="99"/>
      <c r="X6846" s="99"/>
      <c r="Y6846" s="99"/>
      <c r="Z6846" s="99"/>
      <c r="AA6846" s="99"/>
      <c r="AB6846" s="99"/>
      <c r="AC6846" s="99"/>
      <c r="AD6846" s="99"/>
      <c r="AE6846" s="99"/>
      <c r="AF6846" s="99"/>
      <c r="AG6846" s="99"/>
      <c r="AH6846" s="99"/>
      <c r="AI6846" s="99"/>
      <c r="AJ6846" s="99"/>
      <c r="AK6846" s="99"/>
      <c r="AL6846" s="99"/>
      <c r="AM6846" s="99"/>
      <c r="AN6846" s="99"/>
      <c r="AO6846" s="99"/>
      <c r="AP6846" s="99"/>
      <c r="AQ6846" s="99"/>
      <c r="AR6846" s="99"/>
      <c r="AS6846" s="99"/>
      <c r="AT6846" s="99"/>
      <c r="AU6846" s="99"/>
      <c r="AV6846" s="99"/>
      <c r="AW6846" s="99"/>
      <c r="AX6846" s="99"/>
      <c r="AY6846" s="99"/>
      <c r="AZ6846" s="99"/>
      <c r="BA6846" s="99"/>
      <c r="BB6846" s="221">
        <v>45884</v>
      </c>
    </row>
    <row r="6847" spans="1:54" s="8" customFormat="1" ht="14.1" customHeight="1" x14ac:dyDescent="0.25">
      <c r="A6847" s="219" t="s">
        <v>16400</v>
      </c>
      <c r="B6847" s="220" t="s">
        <v>19871</v>
      </c>
      <c r="C6847" s="98" t="s">
        <v>16401</v>
      </c>
      <c r="D6847" s="98" t="s">
        <v>16402</v>
      </c>
      <c r="E6847" s="141">
        <v>1996</v>
      </c>
      <c r="F6847" s="141">
        <v>2440</v>
      </c>
      <c r="G6847" s="98" t="s">
        <v>1</v>
      </c>
      <c r="H6847" s="98">
        <v>0</v>
      </c>
      <c r="I6847" s="98">
        <v>0</v>
      </c>
      <c r="J6847" s="98">
        <v>1</v>
      </c>
      <c r="K6847" s="98">
        <v>0</v>
      </c>
      <c r="L6847" s="98">
        <v>1</v>
      </c>
      <c r="M6847" s="98">
        <v>1</v>
      </c>
      <c r="N6847" s="98">
        <v>1</v>
      </c>
      <c r="O6847" s="98">
        <v>0</v>
      </c>
      <c r="P6847" s="98">
        <v>1</v>
      </c>
      <c r="Q6847" s="98">
        <v>0</v>
      </c>
      <c r="R6847" s="98">
        <v>0</v>
      </c>
      <c r="S6847" s="98">
        <v>0</v>
      </c>
      <c r="T6847" s="98">
        <v>0</v>
      </c>
      <c r="U6847" s="99"/>
      <c r="V6847" s="99"/>
      <c r="W6847" s="99"/>
      <c r="X6847" s="99"/>
      <c r="Y6847" s="99"/>
      <c r="Z6847" s="99"/>
      <c r="AA6847" s="99"/>
      <c r="AB6847" s="99"/>
      <c r="AC6847" s="99"/>
      <c r="AD6847" s="99"/>
      <c r="AE6847" s="99"/>
      <c r="AF6847" s="99"/>
      <c r="AG6847" s="99"/>
      <c r="AH6847" s="99"/>
      <c r="AI6847" s="99"/>
      <c r="AJ6847" s="99"/>
      <c r="AK6847" s="99"/>
      <c r="AL6847" s="99"/>
      <c r="AM6847" s="99"/>
      <c r="AN6847" s="99"/>
      <c r="AO6847" s="99"/>
      <c r="AP6847" s="99"/>
      <c r="AQ6847" s="99"/>
      <c r="AR6847" s="99"/>
      <c r="AS6847" s="99"/>
      <c r="AT6847" s="99"/>
      <c r="AU6847" s="99"/>
      <c r="AV6847" s="99"/>
      <c r="AW6847" s="99"/>
      <c r="AX6847" s="99"/>
      <c r="AY6847" s="99"/>
      <c r="AZ6847" s="99"/>
      <c r="BA6847" s="99"/>
      <c r="BB6847" s="221">
        <v>45884</v>
      </c>
    </row>
    <row r="6848" spans="1:54" s="8" customFormat="1" ht="14.1" customHeight="1" x14ac:dyDescent="0.25">
      <c r="A6848" s="219" t="s">
        <v>16403</v>
      </c>
      <c r="B6848" s="220" t="s">
        <v>19871</v>
      </c>
      <c r="C6848" s="98" t="s">
        <v>16404</v>
      </c>
      <c r="D6848" s="98" t="s">
        <v>16405</v>
      </c>
      <c r="E6848" s="141">
        <v>1996</v>
      </c>
      <c r="F6848" s="141">
        <v>2490</v>
      </c>
      <c r="G6848" s="98" t="s">
        <v>1</v>
      </c>
      <c r="H6848" s="98">
        <v>0</v>
      </c>
      <c r="I6848" s="98">
        <v>0</v>
      </c>
      <c r="J6848" s="98">
        <v>1</v>
      </c>
      <c r="K6848" s="98">
        <v>0</v>
      </c>
      <c r="L6848" s="98">
        <v>1</v>
      </c>
      <c r="M6848" s="98">
        <v>0</v>
      </c>
      <c r="N6848" s="98">
        <v>0</v>
      </c>
      <c r="O6848" s="98">
        <v>0</v>
      </c>
      <c r="P6848" s="98">
        <v>1</v>
      </c>
      <c r="Q6848" s="98">
        <v>0</v>
      </c>
      <c r="R6848" s="98">
        <v>0</v>
      </c>
      <c r="S6848" s="98">
        <v>0</v>
      </c>
      <c r="T6848" s="98">
        <v>0</v>
      </c>
      <c r="U6848" s="99"/>
      <c r="V6848" s="99"/>
      <c r="W6848" s="99"/>
      <c r="X6848" s="99"/>
      <c r="Y6848" s="99"/>
      <c r="Z6848" s="99"/>
      <c r="AA6848" s="99"/>
      <c r="AB6848" s="99"/>
      <c r="AC6848" s="99"/>
      <c r="AD6848" s="99"/>
      <c r="AE6848" s="99"/>
      <c r="AF6848" s="99"/>
      <c r="AG6848" s="99"/>
      <c r="AH6848" s="99"/>
      <c r="AI6848" s="99"/>
      <c r="AJ6848" s="99"/>
      <c r="AK6848" s="99"/>
      <c r="AL6848" s="99"/>
      <c r="AM6848" s="99"/>
      <c r="AN6848" s="99"/>
      <c r="AO6848" s="99"/>
      <c r="AP6848" s="99"/>
      <c r="AQ6848" s="99"/>
      <c r="AR6848" s="99"/>
      <c r="AS6848" s="99"/>
      <c r="AT6848" s="99"/>
      <c r="AU6848" s="99"/>
      <c r="AV6848" s="99"/>
      <c r="AW6848" s="99"/>
      <c r="AX6848" s="99"/>
      <c r="AY6848" s="99"/>
      <c r="AZ6848" s="99"/>
      <c r="BA6848" s="99"/>
      <c r="BB6848" s="221">
        <v>45884</v>
      </c>
    </row>
    <row r="6849" spans="1:54" s="8" customFormat="1" ht="14.1" customHeight="1" x14ac:dyDescent="0.25">
      <c r="A6849" s="219" t="s">
        <v>16406</v>
      </c>
      <c r="B6849" s="220" t="s">
        <v>19871</v>
      </c>
      <c r="C6849" s="98" t="s">
        <v>16407</v>
      </c>
      <c r="D6849" s="98" t="s">
        <v>16408</v>
      </c>
      <c r="E6849" s="141">
        <v>2004</v>
      </c>
      <c r="F6849" s="141">
        <v>2499</v>
      </c>
      <c r="G6849" s="98" t="s">
        <v>1</v>
      </c>
      <c r="H6849" s="98">
        <v>0</v>
      </c>
      <c r="I6849" s="98">
        <v>0</v>
      </c>
      <c r="J6849" s="98">
        <v>1</v>
      </c>
      <c r="K6849" s="98">
        <v>0</v>
      </c>
      <c r="L6849" s="98">
        <v>1</v>
      </c>
      <c r="M6849" s="98">
        <v>1</v>
      </c>
      <c r="N6849" s="98">
        <v>1</v>
      </c>
      <c r="O6849" s="98">
        <v>1</v>
      </c>
      <c r="P6849" s="98">
        <v>0</v>
      </c>
      <c r="Q6849" s="98">
        <v>0</v>
      </c>
      <c r="R6849" s="98">
        <v>1</v>
      </c>
      <c r="S6849" s="98">
        <v>0</v>
      </c>
      <c r="T6849" s="98">
        <v>0</v>
      </c>
      <c r="U6849" s="99"/>
      <c r="V6849" s="99"/>
      <c r="W6849" s="99"/>
      <c r="X6849" s="99"/>
      <c r="Y6849" s="99"/>
      <c r="Z6849" s="99"/>
      <c r="AA6849" s="99"/>
      <c r="AB6849" s="99"/>
      <c r="AC6849" s="99"/>
      <c r="AD6849" s="99"/>
      <c r="AE6849" s="99"/>
      <c r="AF6849" s="99"/>
      <c r="AG6849" s="99"/>
      <c r="AH6849" s="99"/>
      <c r="AI6849" s="99"/>
      <c r="AJ6849" s="99"/>
      <c r="AK6849" s="99"/>
      <c r="AL6849" s="99"/>
      <c r="AM6849" s="99"/>
      <c r="AN6849" s="99"/>
      <c r="AO6849" s="99"/>
      <c r="AP6849" s="99"/>
      <c r="AQ6849" s="99"/>
      <c r="AR6849" s="99"/>
      <c r="AS6849" s="99"/>
      <c r="AT6849" s="99"/>
      <c r="AU6849" s="99"/>
      <c r="AV6849" s="99"/>
      <c r="AW6849" s="99"/>
      <c r="AX6849" s="99"/>
      <c r="AY6849" s="99"/>
      <c r="AZ6849" s="99"/>
      <c r="BA6849" s="99"/>
      <c r="BB6849" s="221">
        <v>45884</v>
      </c>
    </row>
    <row r="6850" spans="1:54" s="8" customFormat="1" ht="14.1" customHeight="1" x14ac:dyDescent="0.25">
      <c r="A6850" s="219" t="s">
        <v>16409</v>
      </c>
      <c r="B6850" s="220" t="s">
        <v>19871</v>
      </c>
      <c r="C6850" s="98" t="s">
        <v>16410</v>
      </c>
      <c r="D6850" s="98" t="s">
        <v>16411</v>
      </c>
      <c r="E6850" s="141">
        <v>1996</v>
      </c>
      <c r="F6850" s="141">
        <v>2507</v>
      </c>
      <c r="G6850" s="98" t="s">
        <v>1</v>
      </c>
      <c r="H6850" s="98">
        <v>0</v>
      </c>
      <c r="I6850" s="98">
        <v>0</v>
      </c>
      <c r="J6850" s="98">
        <v>1</v>
      </c>
      <c r="K6850" s="98">
        <v>0</v>
      </c>
      <c r="L6850" s="98">
        <v>1</v>
      </c>
      <c r="M6850" s="98">
        <v>1</v>
      </c>
      <c r="N6850" s="98">
        <v>0</v>
      </c>
      <c r="O6850" s="98">
        <v>0</v>
      </c>
      <c r="P6850" s="98">
        <v>0</v>
      </c>
      <c r="Q6850" s="98">
        <v>0</v>
      </c>
      <c r="R6850" s="98">
        <v>0</v>
      </c>
      <c r="S6850" s="98">
        <v>0</v>
      </c>
      <c r="T6850" s="98">
        <v>0</v>
      </c>
      <c r="U6850" s="99"/>
      <c r="V6850" s="99"/>
      <c r="W6850" s="99"/>
      <c r="X6850" s="99"/>
      <c r="Y6850" s="99"/>
      <c r="Z6850" s="99"/>
      <c r="AA6850" s="99"/>
      <c r="AB6850" s="99"/>
      <c r="AC6850" s="99"/>
      <c r="AD6850" s="99"/>
      <c r="AE6850" s="99"/>
      <c r="AF6850" s="99"/>
      <c r="AG6850" s="99"/>
      <c r="AH6850" s="99"/>
      <c r="AI6850" s="99"/>
      <c r="AJ6850" s="99"/>
      <c r="AK6850" s="99"/>
      <c r="AL6850" s="99"/>
      <c r="AM6850" s="99"/>
      <c r="AN6850" s="99"/>
      <c r="AO6850" s="99"/>
      <c r="AP6850" s="99"/>
      <c r="AQ6850" s="99"/>
      <c r="AR6850" s="99"/>
      <c r="AS6850" s="99"/>
      <c r="AT6850" s="99"/>
      <c r="AU6850" s="99"/>
      <c r="AV6850" s="99"/>
      <c r="AW6850" s="99"/>
      <c r="AX6850" s="99"/>
      <c r="AY6850" s="99"/>
      <c r="AZ6850" s="99"/>
      <c r="BA6850" s="99"/>
      <c r="BB6850" s="221">
        <v>45884</v>
      </c>
    </row>
    <row r="6851" spans="1:54" s="8" customFormat="1" ht="14.1" customHeight="1" x14ac:dyDescent="0.25">
      <c r="A6851" s="219" t="s">
        <v>16412</v>
      </c>
      <c r="B6851" s="220" t="s">
        <v>19871</v>
      </c>
      <c r="C6851" s="98" t="s">
        <v>14717</v>
      </c>
      <c r="D6851" s="98" t="s">
        <v>16413</v>
      </c>
      <c r="E6851" s="141">
        <v>1993</v>
      </c>
      <c r="F6851" s="141">
        <v>2524</v>
      </c>
      <c r="G6851" s="98" t="s">
        <v>1</v>
      </c>
      <c r="H6851" s="98">
        <v>1</v>
      </c>
      <c r="I6851" s="98">
        <v>1</v>
      </c>
      <c r="J6851" s="98">
        <v>1</v>
      </c>
      <c r="K6851" s="98">
        <v>1</v>
      </c>
      <c r="L6851" s="98">
        <v>1</v>
      </c>
      <c r="M6851" s="98">
        <v>0</v>
      </c>
      <c r="N6851" s="98">
        <v>0</v>
      </c>
      <c r="O6851" s="98">
        <v>1</v>
      </c>
      <c r="P6851" s="98">
        <v>1</v>
      </c>
      <c r="Q6851" s="98">
        <v>0</v>
      </c>
      <c r="R6851" s="98">
        <v>1</v>
      </c>
      <c r="S6851" s="98">
        <v>0</v>
      </c>
      <c r="T6851" s="98">
        <v>0</v>
      </c>
      <c r="U6851" s="99"/>
      <c r="V6851" s="99"/>
      <c r="W6851" s="99"/>
      <c r="X6851" s="99"/>
      <c r="Y6851" s="99"/>
      <c r="Z6851" s="99"/>
      <c r="AA6851" s="99"/>
      <c r="AB6851" s="99"/>
      <c r="AC6851" s="99"/>
      <c r="AD6851" s="99"/>
      <c r="AE6851" s="99"/>
      <c r="AF6851" s="99"/>
      <c r="AG6851" s="99"/>
      <c r="AH6851" s="99"/>
      <c r="AI6851" s="99"/>
      <c r="AJ6851" s="99"/>
      <c r="AK6851" s="99"/>
      <c r="AL6851" s="99"/>
      <c r="AM6851" s="99"/>
      <c r="AN6851" s="99"/>
      <c r="AO6851" s="99"/>
      <c r="AP6851" s="99"/>
      <c r="AQ6851" s="99"/>
      <c r="AR6851" s="99"/>
      <c r="AS6851" s="99"/>
      <c r="AT6851" s="99"/>
      <c r="AU6851" s="99"/>
      <c r="AV6851" s="99"/>
      <c r="AW6851" s="99"/>
      <c r="AX6851" s="99"/>
      <c r="AY6851" s="99"/>
      <c r="AZ6851" s="99"/>
      <c r="BA6851" s="99"/>
      <c r="BB6851" s="221">
        <v>45884</v>
      </c>
    </row>
    <row r="6852" spans="1:54" s="8" customFormat="1" ht="14.1" customHeight="1" x14ac:dyDescent="0.25">
      <c r="A6852" s="219" t="s">
        <v>16414</v>
      </c>
      <c r="B6852" s="220" t="s">
        <v>19871</v>
      </c>
      <c r="C6852" s="98" t="s">
        <v>16415</v>
      </c>
      <c r="D6852" s="98" t="s">
        <v>16416</v>
      </c>
      <c r="E6852" s="141">
        <v>1987</v>
      </c>
      <c r="F6852" s="141">
        <v>2550</v>
      </c>
      <c r="G6852" s="98" t="s">
        <v>1</v>
      </c>
      <c r="H6852" s="98">
        <v>1</v>
      </c>
      <c r="I6852" s="98">
        <v>0</v>
      </c>
      <c r="J6852" s="98">
        <v>1</v>
      </c>
      <c r="K6852" s="98">
        <v>1</v>
      </c>
      <c r="L6852" s="98">
        <v>0</v>
      </c>
      <c r="M6852" s="98">
        <v>1</v>
      </c>
      <c r="N6852" s="98">
        <v>0</v>
      </c>
      <c r="O6852" s="98">
        <v>1</v>
      </c>
      <c r="P6852" s="98">
        <v>1</v>
      </c>
      <c r="Q6852" s="98">
        <v>0</v>
      </c>
      <c r="R6852" s="98">
        <v>0</v>
      </c>
      <c r="S6852" s="98">
        <v>0</v>
      </c>
      <c r="T6852" s="98">
        <v>0</v>
      </c>
      <c r="U6852" s="99"/>
      <c r="V6852" s="99"/>
      <c r="W6852" s="99"/>
      <c r="X6852" s="99"/>
      <c r="Y6852" s="99"/>
      <c r="Z6852" s="99"/>
      <c r="AA6852" s="99"/>
      <c r="AB6852" s="99"/>
      <c r="AC6852" s="99"/>
      <c r="AD6852" s="99"/>
      <c r="AE6852" s="99"/>
      <c r="AF6852" s="99"/>
      <c r="AG6852" s="99"/>
      <c r="AH6852" s="99"/>
      <c r="AI6852" s="99"/>
      <c r="AJ6852" s="99"/>
      <c r="AK6852" s="99"/>
      <c r="AL6852" s="99"/>
      <c r="AM6852" s="99"/>
      <c r="AN6852" s="99"/>
      <c r="AO6852" s="99"/>
      <c r="AP6852" s="99"/>
      <c r="AQ6852" s="99"/>
      <c r="AR6852" s="99"/>
      <c r="AS6852" s="99"/>
      <c r="AT6852" s="99"/>
      <c r="AU6852" s="99"/>
      <c r="AV6852" s="99"/>
      <c r="AW6852" s="99"/>
      <c r="AX6852" s="99"/>
      <c r="AY6852" s="99"/>
      <c r="AZ6852" s="99"/>
      <c r="BA6852" s="99"/>
      <c r="BB6852" s="221">
        <v>45884</v>
      </c>
    </row>
    <row r="6853" spans="1:54" s="8" customFormat="1" ht="14.1" customHeight="1" x14ac:dyDescent="0.25">
      <c r="A6853" s="219" t="s">
        <v>16417</v>
      </c>
      <c r="B6853" s="220" t="s">
        <v>19871</v>
      </c>
      <c r="C6853" s="98" t="s">
        <v>16418</v>
      </c>
      <c r="D6853" s="98" t="s">
        <v>16419</v>
      </c>
      <c r="E6853" s="141">
        <v>1983</v>
      </c>
      <c r="F6853" s="141">
        <v>2683</v>
      </c>
      <c r="G6853" s="98" t="s">
        <v>1</v>
      </c>
      <c r="H6853" s="98">
        <v>0</v>
      </c>
      <c r="I6853" s="98">
        <v>0</v>
      </c>
      <c r="J6853" s="98">
        <v>1</v>
      </c>
      <c r="K6853" s="98">
        <v>0</v>
      </c>
      <c r="L6853" s="98">
        <v>1</v>
      </c>
      <c r="M6853" s="98">
        <v>0</v>
      </c>
      <c r="N6853" s="98">
        <v>0</v>
      </c>
      <c r="O6853" s="98">
        <v>1</v>
      </c>
      <c r="P6853" s="98">
        <v>1</v>
      </c>
      <c r="Q6853" s="98">
        <v>0</v>
      </c>
      <c r="R6853" s="98">
        <v>1</v>
      </c>
      <c r="S6853" s="98">
        <v>0</v>
      </c>
      <c r="T6853" s="98">
        <v>0</v>
      </c>
      <c r="U6853" s="99"/>
      <c r="V6853" s="99"/>
      <c r="W6853" s="99"/>
      <c r="X6853" s="99"/>
      <c r="Y6853" s="99"/>
      <c r="Z6853" s="99"/>
      <c r="AA6853" s="99"/>
      <c r="AB6853" s="99"/>
      <c r="AC6853" s="99"/>
      <c r="AD6853" s="99"/>
      <c r="AE6853" s="99"/>
      <c r="AF6853" s="99"/>
      <c r="AG6853" s="99"/>
      <c r="AH6853" s="99"/>
      <c r="AI6853" s="99"/>
      <c r="AJ6853" s="99"/>
      <c r="AK6853" s="99"/>
      <c r="AL6853" s="99"/>
      <c r="AM6853" s="99"/>
      <c r="AN6853" s="99"/>
      <c r="AO6853" s="99"/>
      <c r="AP6853" s="99"/>
      <c r="AQ6853" s="99"/>
      <c r="AR6853" s="99"/>
      <c r="AS6853" s="99"/>
      <c r="AT6853" s="99"/>
      <c r="AU6853" s="99"/>
      <c r="AV6853" s="99"/>
      <c r="AW6853" s="99"/>
      <c r="AX6853" s="99"/>
      <c r="AY6853" s="99"/>
      <c r="AZ6853" s="99"/>
      <c r="BA6853" s="99"/>
      <c r="BB6853" s="221">
        <v>45884</v>
      </c>
    </row>
    <row r="6854" spans="1:54" s="8" customFormat="1" ht="14.1" customHeight="1" x14ac:dyDescent="0.25">
      <c r="A6854" s="219" t="s">
        <v>16420</v>
      </c>
      <c r="B6854" s="220" t="s">
        <v>19871</v>
      </c>
      <c r="C6854" s="98" t="s">
        <v>7956</v>
      </c>
      <c r="D6854" s="98" t="s">
        <v>16421</v>
      </c>
      <c r="E6854" s="141">
        <v>2004</v>
      </c>
      <c r="F6854" s="141">
        <v>2696</v>
      </c>
      <c r="G6854" s="98" t="s">
        <v>1</v>
      </c>
      <c r="H6854" s="98">
        <v>1</v>
      </c>
      <c r="I6854" s="98">
        <v>1</v>
      </c>
      <c r="J6854" s="98">
        <v>1</v>
      </c>
      <c r="K6854" s="98">
        <v>1</v>
      </c>
      <c r="L6854" s="98">
        <v>1</v>
      </c>
      <c r="M6854" s="98">
        <v>1</v>
      </c>
      <c r="N6854" s="98">
        <v>0</v>
      </c>
      <c r="O6854" s="98">
        <v>0</v>
      </c>
      <c r="P6854" s="98">
        <v>0</v>
      </c>
      <c r="Q6854" s="98">
        <v>0</v>
      </c>
      <c r="R6854" s="98">
        <v>0</v>
      </c>
      <c r="S6854" s="98">
        <v>0</v>
      </c>
      <c r="T6854" s="98">
        <v>0</v>
      </c>
      <c r="U6854" s="99"/>
      <c r="V6854" s="99"/>
      <c r="W6854" s="99"/>
      <c r="X6854" s="99"/>
      <c r="Y6854" s="99"/>
      <c r="Z6854" s="99"/>
      <c r="AA6854" s="99"/>
      <c r="AB6854" s="99"/>
      <c r="AC6854" s="99"/>
      <c r="AD6854" s="99"/>
      <c r="AE6854" s="99"/>
      <c r="AF6854" s="99"/>
      <c r="AG6854" s="99"/>
      <c r="AH6854" s="99"/>
      <c r="AI6854" s="99"/>
      <c r="AJ6854" s="99"/>
      <c r="AK6854" s="99"/>
      <c r="AL6854" s="99"/>
      <c r="AM6854" s="99"/>
      <c r="AN6854" s="99"/>
      <c r="AO6854" s="99"/>
      <c r="AP6854" s="99"/>
      <c r="AQ6854" s="99"/>
      <c r="AR6854" s="99"/>
      <c r="AS6854" s="99"/>
      <c r="AT6854" s="99"/>
      <c r="AU6854" s="99"/>
      <c r="AV6854" s="99"/>
      <c r="AW6854" s="99"/>
      <c r="AX6854" s="99"/>
      <c r="AY6854" s="99"/>
      <c r="AZ6854" s="99"/>
      <c r="BA6854" s="99"/>
      <c r="BB6854" s="221">
        <v>45884</v>
      </c>
    </row>
    <row r="6855" spans="1:54" s="8" customFormat="1" ht="14.1" customHeight="1" x14ac:dyDescent="0.25">
      <c r="A6855" s="219" t="s">
        <v>16422</v>
      </c>
      <c r="B6855" s="220" t="s">
        <v>19871</v>
      </c>
      <c r="C6855" s="98" t="s">
        <v>16423</v>
      </c>
      <c r="D6855" s="98" t="s">
        <v>16424</v>
      </c>
      <c r="E6855" s="141">
        <v>1996</v>
      </c>
      <c r="F6855" s="141">
        <v>2751</v>
      </c>
      <c r="G6855" s="98" t="s">
        <v>1</v>
      </c>
      <c r="H6855" s="98">
        <v>0</v>
      </c>
      <c r="I6855" s="98">
        <v>0</v>
      </c>
      <c r="J6855" s="98">
        <v>1</v>
      </c>
      <c r="K6855" s="98">
        <v>0</v>
      </c>
      <c r="L6855" s="98">
        <v>0</v>
      </c>
      <c r="M6855" s="98">
        <v>0</v>
      </c>
      <c r="N6855" s="98">
        <v>0</v>
      </c>
      <c r="O6855" s="98">
        <v>0</v>
      </c>
      <c r="P6855" s="98">
        <v>0</v>
      </c>
      <c r="Q6855" s="98">
        <v>0</v>
      </c>
      <c r="R6855" s="98">
        <v>0</v>
      </c>
      <c r="S6855" s="98">
        <v>0</v>
      </c>
      <c r="T6855" s="98">
        <v>0</v>
      </c>
      <c r="U6855" s="99"/>
      <c r="V6855" s="99"/>
      <c r="W6855" s="99"/>
      <c r="X6855" s="99"/>
      <c r="Y6855" s="99"/>
      <c r="Z6855" s="99"/>
      <c r="AA6855" s="99"/>
      <c r="AB6855" s="99"/>
      <c r="AC6855" s="99"/>
      <c r="AD6855" s="99"/>
      <c r="AE6855" s="99"/>
      <c r="AF6855" s="99"/>
      <c r="AG6855" s="99"/>
      <c r="AH6855" s="99"/>
      <c r="AI6855" s="99"/>
      <c r="AJ6855" s="99"/>
      <c r="AK6855" s="99"/>
      <c r="AL6855" s="99"/>
      <c r="AM6855" s="99"/>
      <c r="AN6855" s="99"/>
      <c r="AO6855" s="99"/>
      <c r="AP6855" s="99"/>
      <c r="AQ6855" s="99"/>
      <c r="AR6855" s="99"/>
      <c r="AS6855" s="99"/>
      <c r="AT6855" s="99"/>
      <c r="AU6855" s="99"/>
      <c r="AV6855" s="99"/>
      <c r="AW6855" s="99"/>
      <c r="AX6855" s="99"/>
      <c r="AY6855" s="99"/>
      <c r="AZ6855" s="99"/>
      <c r="BA6855" s="99"/>
      <c r="BB6855" s="221">
        <v>45884</v>
      </c>
    </row>
    <row r="6856" spans="1:54" s="8" customFormat="1" ht="14.1" customHeight="1" x14ac:dyDescent="0.25">
      <c r="A6856" s="219" t="s">
        <v>16425</v>
      </c>
      <c r="B6856" s="220" t="s">
        <v>19871</v>
      </c>
      <c r="C6856" s="98" t="s">
        <v>4043</v>
      </c>
      <c r="D6856" s="98" t="s">
        <v>16426</v>
      </c>
      <c r="E6856" s="141">
        <v>2000</v>
      </c>
      <c r="F6856" s="141">
        <v>2800</v>
      </c>
      <c r="G6856" s="98" t="s">
        <v>1</v>
      </c>
      <c r="H6856" s="98">
        <v>1</v>
      </c>
      <c r="I6856" s="98">
        <v>1</v>
      </c>
      <c r="J6856" s="98">
        <v>1</v>
      </c>
      <c r="K6856" s="98">
        <v>1</v>
      </c>
      <c r="L6856" s="98">
        <v>1</v>
      </c>
      <c r="M6856" s="98">
        <v>1</v>
      </c>
      <c r="N6856" s="98">
        <v>0</v>
      </c>
      <c r="O6856" s="98">
        <v>1</v>
      </c>
      <c r="P6856" s="98">
        <v>0</v>
      </c>
      <c r="Q6856" s="98">
        <v>0</v>
      </c>
      <c r="R6856" s="98">
        <v>0</v>
      </c>
      <c r="S6856" s="98">
        <v>0</v>
      </c>
      <c r="T6856" s="98">
        <v>0</v>
      </c>
      <c r="U6856" s="99"/>
      <c r="V6856" s="99"/>
      <c r="W6856" s="99"/>
      <c r="X6856" s="99"/>
      <c r="Y6856" s="99"/>
      <c r="Z6856" s="99"/>
      <c r="AA6856" s="98">
        <v>1</v>
      </c>
      <c r="AB6856" s="99"/>
      <c r="AC6856" s="99"/>
      <c r="AD6856" s="99"/>
      <c r="AE6856" s="99"/>
      <c r="AF6856" s="99"/>
      <c r="AG6856" s="99"/>
      <c r="AH6856" s="99"/>
      <c r="AI6856" s="99"/>
      <c r="AJ6856" s="99"/>
      <c r="AK6856" s="99"/>
      <c r="AL6856" s="99"/>
      <c r="AM6856" s="99"/>
      <c r="AN6856" s="99"/>
      <c r="AO6856" s="99"/>
      <c r="AP6856" s="99"/>
      <c r="AQ6856" s="99"/>
      <c r="AR6856" s="99"/>
      <c r="AS6856" s="99"/>
      <c r="AT6856" s="99"/>
      <c r="AU6856" s="99"/>
      <c r="AV6856" s="99"/>
      <c r="AW6856" s="99"/>
      <c r="AX6856" s="99"/>
      <c r="AY6856" s="99"/>
      <c r="AZ6856" s="99"/>
      <c r="BA6856" s="99"/>
      <c r="BB6856" s="221">
        <v>45884</v>
      </c>
    </row>
    <row r="6857" spans="1:54" s="8" customFormat="1" ht="14.1" customHeight="1" x14ac:dyDescent="0.25">
      <c r="A6857" s="219" t="s">
        <v>16427</v>
      </c>
      <c r="B6857" s="220" t="s">
        <v>19871</v>
      </c>
      <c r="C6857" s="98" t="s">
        <v>16428</v>
      </c>
      <c r="D6857" s="98" t="s">
        <v>16429</v>
      </c>
      <c r="E6857" s="141">
        <v>1983</v>
      </c>
      <c r="F6857" s="141">
        <v>2936</v>
      </c>
      <c r="G6857" s="98" t="s">
        <v>1</v>
      </c>
      <c r="H6857" s="98">
        <v>0</v>
      </c>
      <c r="I6857" s="98">
        <v>0</v>
      </c>
      <c r="J6857" s="98">
        <v>1</v>
      </c>
      <c r="K6857" s="98">
        <v>0</v>
      </c>
      <c r="L6857" s="98">
        <v>1</v>
      </c>
      <c r="M6857" s="98">
        <v>0</v>
      </c>
      <c r="N6857" s="98">
        <v>0</v>
      </c>
      <c r="O6857" s="98">
        <v>1</v>
      </c>
      <c r="P6857" s="98">
        <v>1</v>
      </c>
      <c r="Q6857" s="98">
        <v>0</v>
      </c>
      <c r="R6857" s="98">
        <v>1</v>
      </c>
      <c r="S6857" s="98">
        <v>0</v>
      </c>
      <c r="T6857" s="98">
        <v>0</v>
      </c>
      <c r="U6857" s="99"/>
      <c r="V6857" s="99"/>
      <c r="W6857" s="99"/>
      <c r="X6857" s="99"/>
      <c r="Y6857" s="99"/>
      <c r="Z6857" s="99"/>
      <c r="AA6857" s="99"/>
      <c r="AB6857" s="99"/>
      <c r="AC6857" s="99"/>
      <c r="AD6857" s="99"/>
      <c r="AE6857" s="99"/>
      <c r="AF6857" s="99"/>
      <c r="AG6857" s="99"/>
      <c r="AH6857" s="99"/>
      <c r="AI6857" s="99"/>
      <c r="AJ6857" s="99"/>
      <c r="AK6857" s="99"/>
      <c r="AL6857" s="99"/>
      <c r="AM6857" s="99"/>
      <c r="AN6857" s="99"/>
      <c r="AO6857" s="99"/>
      <c r="AP6857" s="99"/>
      <c r="AQ6857" s="99"/>
      <c r="AR6857" s="99"/>
      <c r="AS6857" s="99"/>
      <c r="AT6857" s="99"/>
      <c r="AU6857" s="99"/>
      <c r="AV6857" s="99"/>
      <c r="AW6857" s="99"/>
      <c r="AX6857" s="99"/>
      <c r="AY6857" s="99"/>
      <c r="AZ6857" s="99"/>
      <c r="BA6857" s="99"/>
      <c r="BB6857" s="221">
        <v>45884</v>
      </c>
    </row>
    <row r="6858" spans="1:54" s="8" customFormat="1" ht="14.1" customHeight="1" x14ac:dyDescent="0.25">
      <c r="A6858" s="219" t="s">
        <v>16430</v>
      </c>
      <c r="B6858" s="220" t="s">
        <v>19871</v>
      </c>
      <c r="C6858" s="98" t="s">
        <v>16431</v>
      </c>
      <c r="D6858" s="98" t="s">
        <v>16281</v>
      </c>
      <c r="E6858" s="141">
        <v>1976</v>
      </c>
      <c r="F6858" s="141">
        <v>2938</v>
      </c>
      <c r="G6858" s="98" t="s">
        <v>1</v>
      </c>
      <c r="H6858" s="98">
        <v>0</v>
      </c>
      <c r="I6858" s="98">
        <v>0</v>
      </c>
      <c r="J6858" s="98">
        <v>1</v>
      </c>
      <c r="K6858" s="98">
        <v>0</v>
      </c>
      <c r="L6858" s="98">
        <v>1</v>
      </c>
      <c r="M6858" s="98">
        <v>1</v>
      </c>
      <c r="N6858" s="98">
        <v>0</v>
      </c>
      <c r="O6858" s="98">
        <v>1</v>
      </c>
      <c r="P6858" s="98">
        <v>0</v>
      </c>
      <c r="Q6858" s="98">
        <v>1</v>
      </c>
      <c r="R6858" s="98">
        <v>1</v>
      </c>
      <c r="S6858" s="98">
        <v>1</v>
      </c>
      <c r="T6858" s="98">
        <v>0</v>
      </c>
      <c r="U6858" s="99"/>
      <c r="V6858" s="99"/>
      <c r="W6858" s="99"/>
      <c r="X6858" s="99"/>
      <c r="Y6858" s="99"/>
      <c r="Z6858" s="99"/>
      <c r="AA6858" s="99"/>
      <c r="AB6858" s="99"/>
      <c r="AC6858" s="99"/>
      <c r="AD6858" s="99"/>
      <c r="AE6858" s="99"/>
      <c r="AF6858" s="99"/>
      <c r="AG6858" s="99"/>
      <c r="AH6858" s="99"/>
      <c r="AI6858" s="99"/>
      <c r="AJ6858" s="99"/>
      <c r="AK6858" s="99"/>
      <c r="AL6858" s="99"/>
      <c r="AM6858" s="99"/>
      <c r="AN6858" s="99"/>
      <c r="AO6858" s="99"/>
      <c r="AP6858" s="99"/>
      <c r="AQ6858" s="99"/>
      <c r="AR6858" s="99"/>
      <c r="AS6858" s="99"/>
      <c r="AT6858" s="99"/>
      <c r="AU6858" s="99"/>
      <c r="AV6858" s="99"/>
      <c r="AW6858" s="99"/>
      <c r="AX6858" s="99"/>
      <c r="AY6858" s="99"/>
      <c r="AZ6858" s="99"/>
      <c r="BA6858" s="99"/>
      <c r="BB6858" s="221">
        <v>45884</v>
      </c>
    </row>
    <row r="6859" spans="1:54" s="8" customFormat="1" ht="14.1" customHeight="1" x14ac:dyDescent="0.25">
      <c r="A6859" s="219" t="s">
        <v>16432</v>
      </c>
      <c r="B6859" s="220" t="s">
        <v>19871</v>
      </c>
      <c r="C6859" s="98" t="s">
        <v>6116</v>
      </c>
      <c r="D6859" s="98" t="s">
        <v>16433</v>
      </c>
      <c r="E6859" s="141">
        <v>1990</v>
      </c>
      <c r="F6859" s="141">
        <v>2999</v>
      </c>
      <c r="G6859" s="98" t="s">
        <v>1</v>
      </c>
      <c r="H6859" s="98">
        <v>1</v>
      </c>
      <c r="I6859" s="98">
        <v>1</v>
      </c>
      <c r="J6859" s="98">
        <v>1</v>
      </c>
      <c r="K6859" s="98">
        <v>0</v>
      </c>
      <c r="L6859" s="98">
        <v>0</v>
      </c>
      <c r="M6859" s="98">
        <v>0</v>
      </c>
      <c r="N6859" s="98">
        <v>0</v>
      </c>
      <c r="O6859" s="98">
        <v>0</v>
      </c>
      <c r="P6859" s="98">
        <v>0</v>
      </c>
      <c r="Q6859" s="98">
        <v>0</v>
      </c>
      <c r="R6859" s="98">
        <v>0</v>
      </c>
      <c r="S6859" s="98">
        <v>0</v>
      </c>
      <c r="T6859" s="98">
        <v>0</v>
      </c>
      <c r="U6859" s="99"/>
      <c r="V6859" s="99"/>
      <c r="W6859" s="99"/>
      <c r="X6859" s="99"/>
      <c r="Y6859" s="99"/>
      <c r="Z6859" s="99"/>
      <c r="AA6859" s="99"/>
      <c r="AB6859" s="99"/>
      <c r="AC6859" s="99"/>
      <c r="AD6859" s="99"/>
      <c r="AE6859" s="99"/>
      <c r="AF6859" s="99"/>
      <c r="AG6859" s="99"/>
      <c r="AH6859" s="99"/>
      <c r="AI6859" s="99"/>
      <c r="AJ6859" s="99"/>
      <c r="AK6859" s="99"/>
      <c r="AL6859" s="99"/>
      <c r="AM6859" s="99"/>
      <c r="AN6859" s="99"/>
      <c r="AO6859" s="99"/>
      <c r="AP6859" s="99"/>
      <c r="AQ6859" s="99"/>
      <c r="AR6859" s="99"/>
      <c r="AS6859" s="99"/>
      <c r="AT6859" s="99"/>
      <c r="AU6859" s="99"/>
      <c r="AV6859" s="99"/>
      <c r="AW6859" s="99"/>
      <c r="AX6859" s="99"/>
      <c r="AY6859" s="99"/>
      <c r="AZ6859" s="99"/>
      <c r="BA6859" s="99"/>
      <c r="BB6859" s="221">
        <v>45884</v>
      </c>
    </row>
    <row r="6860" spans="1:54" s="8" customFormat="1" ht="14.1" customHeight="1" x14ac:dyDescent="0.25">
      <c r="A6860" s="219" t="s">
        <v>16434</v>
      </c>
      <c r="B6860" s="220" t="s">
        <v>19871</v>
      </c>
      <c r="C6860" s="98" t="s">
        <v>16435</v>
      </c>
      <c r="D6860" s="98" t="s">
        <v>16436</v>
      </c>
      <c r="E6860" s="141">
        <v>1975</v>
      </c>
      <c r="F6860" s="141">
        <v>3082</v>
      </c>
      <c r="G6860" s="98" t="s">
        <v>1</v>
      </c>
      <c r="H6860" s="98">
        <v>1</v>
      </c>
      <c r="I6860" s="98">
        <v>1</v>
      </c>
      <c r="J6860" s="98">
        <v>1</v>
      </c>
      <c r="K6860" s="98">
        <v>1</v>
      </c>
      <c r="L6860" s="98">
        <v>1</v>
      </c>
      <c r="M6860" s="98">
        <v>1</v>
      </c>
      <c r="N6860" s="98">
        <v>1</v>
      </c>
      <c r="O6860" s="98">
        <v>1</v>
      </c>
      <c r="P6860" s="98">
        <v>0</v>
      </c>
      <c r="Q6860" s="98">
        <v>1</v>
      </c>
      <c r="R6860" s="98">
        <v>1</v>
      </c>
      <c r="S6860" s="98">
        <v>0</v>
      </c>
      <c r="T6860" s="98">
        <v>0</v>
      </c>
      <c r="U6860" s="99"/>
      <c r="V6860" s="99"/>
      <c r="W6860" s="99"/>
      <c r="X6860" s="99"/>
      <c r="Y6860" s="99"/>
      <c r="Z6860" s="99"/>
      <c r="AA6860" s="99"/>
      <c r="AB6860" s="99"/>
      <c r="AC6860" s="99"/>
      <c r="AD6860" s="99"/>
      <c r="AE6860" s="99"/>
      <c r="AF6860" s="99"/>
      <c r="AG6860" s="99"/>
      <c r="AH6860" s="99"/>
      <c r="AI6860" s="99"/>
      <c r="AJ6860" s="99"/>
      <c r="AK6860" s="99"/>
      <c r="AL6860" s="99"/>
      <c r="AM6860" s="99"/>
      <c r="AN6860" s="99"/>
      <c r="AO6860" s="99"/>
      <c r="AP6860" s="99"/>
      <c r="AQ6860" s="99"/>
      <c r="AR6860" s="99"/>
      <c r="AS6860" s="99"/>
      <c r="AT6860" s="99"/>
      <c r="AU6860" s="99"/>
      <c r="AV6860" s="99"/>
      <c r="AW6860" s="99"/>
      <c r="AX6860" s="99"/>
      <c r="AY6860" s="99"/>
      <c r="AZ6860" s="99"/>
      <c r="BA6860" s="99"/>
      <c r="BB6860" s="221">
        <v>45884</v>
      </c>
    </row>
    <row r="6861" spans="1:54" s="8" customFormat="1" ht="14.1" customHeight="1" x14ac:dyDescent="0.25">
      <c r="A6861" s="219" t="s">
        <v>16437</v>
      </c>
      <c r="B6861" s="220" t="s">
        <v>19871</v>
      </c>
      <c r="C6861" s="98" t="s">
        <v>16438</v>
      </c>
      <c r="D6861" s="98" t="s">
        <v>16439</v>
      </c>
      <c r="E6861" s="141">
        <v>1996</v>
      </c>
      <c r="F6861" s="141">
        <v>3343</v>
      </c>
      <c r="G6861" s="98" t="s">
        <v>1</v>
      </c>
      <c r="H6861" s="98">
        <v>0</v>
      </c>
      <c r="I6861" s="98">
        <v>0</v>
      </c>
      <c r="J6861" s="98">
        <v>1</v>
      </c>
      <c r="K6861" s="98">
        <v>1</v>
      </c>
      <c r="L6861" s="98">
        <v>1</v>
      </c>
      <c r="M6861" s="98">
        <v>1</v>
      </c>
      <c r="N6861" s="98">
        <v>0</v>
      </c>
      <c r="O6861" s="98">
        <v>1</v>
      </c>
      <c r="P6861" s="98">
        <v>1</v>
      </c>
      <c r="Q6861" s="98">
        <v>0</v>
      </c>
      <c r="R6861" s="98">
        <v>1</v>
      </c>
      <c r="S6861" s="98">
        <v>0</v>
      </c>
      <c r="T6861" s="98">
        <v>0</v>
      </c>
      <c r="U6861" s="99"/>
      <c r="V6861" s="99"/>
      <c r="W6861" s="99"/>
      <c r="X6861" s="99"/>
      <c r="Y6861" s="99"/>
      <c r="Z6861" s="99"/>
      <c r="AA6861" s="99"/>
      <c r="AB6861" s="99"/>
      <c r="AC6861" s="99"/>
      <c r="AD6861" s="99"/>
      <c r="AE6861" s="99"/>
      <c r="AF6861" s="99"/>
      <c r="AG6861" s="99"/>
      <c r="AH6861" s="99"/>
      <c r="AI6861" s="99"/>
      <c r="AJ6861" s="99"/>
      <c r="AK6861" s="99"/>
      <c r="AL6861" s="99"/>
      <c r="AM6861" s="99"/>
      <c r="AN6861" s="99"/>
      <c r="AO6861" s="99"/>
      <c r="AP6861" s="99"/>
      <c r="AQ6861" s="99"/>
      <c r="AR6861" s="99"/>
      <c r="AS6861" s="99"/>
      <c r="AT6861" s="99"/>
      <c r="AU6861" s="99"/>
      <c r="AV6861" s="99"/>
      <c r="AW6861" s="99"/>
      <c r="AX6861" s="99"/>
      <c r="AY6861" s="99"/>
      <c r="AZ6861" s="99"/>
      <c r="BA6861" s="99"/>
      <c r="BB6861" s="221">
        <v>45884</v>
      </c>
    </row>
    <row r="6862" spans="1:54" s="8" customFormat="1" ht="14.1" customHeight="1" x14ac:dyDescent="0.25">
      <c r="A6862" s="219" t="s">
        <v>16440</v>
      </c>
      <c r="B6862" s="220" t="s">
        <v>19871</v>
      </c>
      <c r="C6862" s="98" t="s">
        <v>16441</v>
      </c>
      <c r="D6862" s="98" t="s">
        <v>16442</v>
      </c>
      <c r="E6862" s="141">
        <v>1983</v>
      </c>
      <c r="F6862" s="141">
        <v>3475</v>
      </c>
      <c r="G6862" s="98" t="s">
        <v>1</v>
      </c>
      <c r="H6862" s="98">
        <v>0</v>
      </c>
      <c r="I6862" s="98">
        <v>0</v>
      </c>
      <c r="J6862" s="98">
        <v>1</v>
      </c>
      <c r="K6862" s="98">
        <v>1</v>
      </c>
      <c r="L6862" s="98">
        <v>1</v>
      </c>
      <c r="M6862" s="98">
        <v>0</v>
      </c>
      <c r="N6862" s="98">
        <v>1</v>
      </c>
      <c r="O6862" s="98">
        <v>1</v>
      </c>
      <c r="P6862" s="98">
        <v>1</v>
      </c>
      <c r="Q6862" s="98">
        <v>0</v>
      </c>
      <c r="R6862" s="98">
        <v>1</v>
      </c>
      <c r="S6862" s="98">
        <v>0</v>
      </c>
      <c r="T6862" s="98">
        <v>0</v>
      </c>
      <c r="U6862" s="99"/>
      <c r="V6862" s="99"/>
      <c r="W6862" s="99"/>
      <c r="X6862" s="99"/>
      <c r="Y6862" s="99"/>
      <c r="Z6862" s="99"/>
      <c r="AA6862" s="99"/>
      <c r="AB6862" s="99"/>
      <c r="AC6862" s="99"/>
      <c r="AD6862" s="99"/>
      <c r="AE6862" s="99"/>
      <c r="AF6862" s="99"/>
      <c r="AG6862" s="99"/>
      <c r="AH6862" s="99"/>
      <c r="AI6862" s="99"/>
      <c r="AJ6862" s="99"/>
      <c r="AK6862" s="99"/>
      <c r="AL6862" s="99"/>
      <c r="AM6862" s="99"/>
      <c r="AN6862" s="99"/>
      <c r="AO6862" s="99"/>
      <c r="AP6862" s="99"/>
      <c r="AQ6862" s="99"/>
      <c r="AR6862" s="99"/>
      <c r="AS6862" s="99"/>
      <c r="AT6862" s="99"/>
      <c r="AU6862" s="99"/>
      <c r="AV6862" s="99"/>
      <c r="AW6862" s="99"/>
      <c r="AX6862" s="99"/>
      <c r="AY6862" s="99"/>
      <c r="AZ6862" s="99"/>
      <c r="BA6862" s="99"/>
      <c r="BB6862" s="221">
        <v>45884</v>
      </c>
    </row>
    <row r="6863" spans="1:54" s="8" customFormat="1" ht="14.1" customHeight="1" x14ac:dyDescent="0.25">
      <c r="A6863" s="219" t="s">
        <v>16443</v>
      </c>
      <c r="B6863" s="220" t="s">
        <v>19871</v>
      </c>
      <c r="C6863" s="98" t="s">
        <v>16444</v>
      </c>
      <c r="D6863" s="98" t="s">
        <v>22084</v>
      </c>
      <c r="E6863" s="141">
        <v>1975</v>
      </c>
      <c r="F6863" s="141">
        <v>3539</v>
      </c>
      <c r="G6863" s="98" t="s">
        <v>1</v>
      </c>
      <c r="H6863" s="98">
        <v>1</v>
      </c>
      <c r="I6863" s="98">
        <v>1</v>
      </c>
      <c r="J6863" s="98">
        <v>1</v>
      </c>
      <c r="K6863" s="98">
        <v>1</v>
      </c>
      <c r="L6863" s="98">
        <v>1</v>
      </c>
      <c r="M6863" s="98">
        <v>1</v>
      </c>
      <c r="N6863" s="98">
        <v>0</v>
      </c>
      <c r="O6863" s="98">
        <v>1</v>
      </c>
      <c r="P6863" s="98">
        <v>1</v>
      </c>
      <c r="Q6863" s="98">
        <v>0</v>
      </c>
      <c r="R6863" s="98">
        <v>0</v>
      </c>
      <c r="S6863" s="98">
        <v>0</v>
      </c>
      <c r="T6863" s="98">
        <v>0</v>
      </c>
      <c r="U6863" s="99"/>
      <c r="V6863" s="99"/>
      <c r="W6863" s="99"/>
      <c r="X6863" s="99"/>
      <c r="Y6863" s="99"/>
      <c r="Z6863" s="99"/>
      <c r="AA6863" s="99"/>
      <c r="AB6863" s="99"/>
      <c r="AC6863" s="99"/>
      <c r="AD6863" s="99"/>
      <c r="AE6863" s="99"/>
      <c r="AF6863" s="99"/>
      <c r="AG6863" s="99"/>
      <c r="AH6863" s="99"/>
      <c r="AI6863" s="99"/>
      <c r="AJ6863" s="99"/>
      <c r="AK6863" s="99"/>
      <c r="AL6863" s="99"/>
      <c r="AM6863" s="99"/>
      <c r="AN6863" s="99"/>
      <c r="AO6863" s="99"/>
      <c r="AP6863" s="99"/>
      <c r="AQ6863" s="99"/>
      <c r="AR6863" s="99"/>
      <c r="AS6863" s="99"/>
      <c r="AT6863" s="99"/>
      <c r="AU6863" s="99"/>
      <c r="AV6863" s="99"/>
      <c r="AW6863" s="99"/>
      <c r="AX6863" s="99"/>
      <c r="AY6863" s="99"/>
      <c r="AZ6863" s="99"/>
      <c r="BA6863" s="99"/>
      <c r="BB6863" s="221">
        <v>45884</v>
      </c>
    </row>
    <row r="6864" spans="1:54" s="8" customFormat="1" ht="14.1" customHeight="1" x14ac:dyDescent="0.25">
      <c r="A6864" s="219" t="s">
        <v>16445</v>
      </c>
      <c r="B6864" s="220" t="s">
        <v>19871</v>
      </c>
      <c r="C6864" s="98" t="s">
        <v>16446</v>
      </c>
      <c r="D6864" s="98" t="s">
        <v>16447</v>
      </c>
      <c r="E6864" s="141">
        <v>1983</v>
      </c>
      <c r="F6864" s="141">
        <v>3691</v>
      </c>
      <c r="G6864" s="98" t="s">
        <v>1</v>
      </c>
      <c r="H6864" s="98">
        <v>0</v>
      </c>
      <c r="I6864" s="98">
        <v>0</v>
      </c>
      <c r="J6864" s="98">
        <v>1</v>
      </c>
      <c r="K6864" s="98">
        <v>0</v>
      </c>
      <c r="L6864" s="98">
        <v>1</v>
      </c>
      <c r="M6864" s="98">
        <v>0</v>
      </c>
      <c r="N6864" s="98">
        <v>0</v>
      </c>
      <c r="O6864" s="98">
        <v>1</v>
      </c>
      <c r="P6864" s="98">
        <v>1</v>
      </c>
      <c r="Q6864" s="98">
        <v>0</v>
      </c>
      <c r="R6864" s="98">
        <v>1</v>
      </c>
      <c r="S6864" s="98">
        <v>0</v>
      </c>
      <c r="T6864" s="98">
        <v>0</v>
      </c>
      <c r="U6864" s="99"/>
      <c r="V6864" s="99"/>
      <c r="W6864" s="99"/>
      <c r="X6864" s="99"/>
      <c r="Y6864" s="99"/>
      <c r="Z6864" s="99"/>
      <c r="AA6864" s="99"/>
      <c r="AB6864" s="99"/>
      <c r="AC6864" s="99"/>
      <c r="AD6864" s="99"/>
      <c r="AE6864" s="99"/>
      <c r="AF6864" s="99"/>
      <c r="AG6864" s="99"/>
      <c r="AH6864" s="99"/>
      <c r="AI6864" s="99"/>
      <c r="AJ6864" s="99"/>
      <c r="AK6864" s="99"/>
      <c r="AL6864" s="99"/>
      <c r="AM6864" s="99"/>
      <c r="AN6864" s="99"/>
      <c r="AO6864" s="99"/>
      <c r="AP6864" s="99"/>
      <c r="AQ6864" s="99"/>
      <c r="AR6864" s="99"/>
      <c r="AS6864" s="99"/>
      <c r="AT6864" s="99"/>
      <c r="AU6864" s="99"/>
      <c r="AV6864" s="99"/>
      <c r="AW6864" s="99"/>
      <c r="AX6864" s="99"/>
      <c r="AY6864" s="99"/>
      <c r="AZ6864" s="99"/>
      <c r="BA6864" s="99"/>
      <c r="BB6864" s="221">
        <v>45884</v>
      </c>
    </row>
    <row r="6865" spans="1:54" s="8" customFormat="1" ht="14.1" customHeight="1" x14ac:dyDescent="0.25">
      <c r="A6865" s="219" t="s">
        <v>16448</v>
      </c>
      <c r="B6865" s="220" t="s">
        <v>19871</v>
      </c>
      <c r="C6865" s="98" t="s">
        <v>16449</v>
      </c>
      <c r="D6865" s="98" t="s">
        <v>16450</v>
      </c>
      <c r="E6865" s="141">
        <v>1983</v>
      </c>
      <c r="F6865" s="141">
        <v>5030</v>
      </c>
      <c r="G6865" s="98" t="s">
        <v>1</v>
      </c>
      <c r="H6865" s="98">
        <v>0</v>
      </c>
      <c r="I6865" s="98">
        <v>0</v>
      </c>
      <c r="J6865" s="98">
        <v>1</v>
      </c>
      <c r="K6865" s="98">
        <v>1</v>
      </c>
      <c r="L6865" s="98">
        <v>0</v>
      </c>
      <c r="M6865" s="98">
        <v>1</v>
      </c>
      <c r="N6865" s="98">
        <v>1</v>
      </c>
      <c r="O6865" s="98">
        <v>0</v>
      </c>
      <c r="P6865" s="98">
        <v>1</v>
      </c>
      <c r="Q6865" s="98">
        <v>0</v>
      </c>
      <c r="R6865" s="98">
        <v>0</v>
      </c>
      <c r="S6865" s="98">
        <v>0</v>
      </c>
      <c r="T6865" s="98">
        <v>0</v>
      </c>
      <c r="U6865" s="99"/>
      <c r="V6865" s="99"/>
      <c r="W6865" s="99"/>
      <c r="X6865" s="99"/>
      <c r="Y6865" s="99"/>
      <c r="Z6865" s="99"/>
      <c r="AA6865" s="99"/>
      <c r="AB6865" s="99"/>
      <c r="AC6865" s="99"/>
      <c r="AD6865" s="99"/>
      <c r="AE6865" s="99"/>
      <c r="AF6865" s="99"/>
      <c r="AG6865" s="99"/>
      <c r="AH6865" s="99"/>
      <c r="AI6865" s="99"/>
      <c r="AJ6865" s="99"/>
      <c r="AK6865" s="99"/>
      <c r="AL6865" s="99"/>
      <c r="AM6865" s="99"/>
      <c r="AN6865" s="99"/>
      <c r="AO6865" s="99"/>
      <c r="AP6865" s="99"/>
      <c r="AQ6865" s="99"/>
      <c r="AR6865" s="99"/>
      <c r="AS6865" s="99"/>
      <c r="AT6865" s="99"/>
      <c r="AU6865" s="99"/>
      <c r="AV6865" s="99"/>
      <c r="AW6865" s="99"/>
      <c r="AX6865" s="99"/>
      <c r="AY6865" s="99"/>
      <c r="AZ6865" s="99"/>
      <c r="BA6865" s="99"/>
      <c r="BB6865" s="221">
        <v>45884</v>
      </c>
    </row>
    <row r="6866" spans="1:54" s="8" customFormat="1" ht="14.1" customHeight="1" x14ac:dyDescent="0.25">
      <c r="A6866" s="219" t="s">
        <v>16451</v>
      </c>
      <c r="B6866" s="220" t="s">
        <v>19871</v>
      </c>
      <c r="C6866" s="98" t="s">
        <v>16452</v>
      </c>
      <c r="D6866" s="98" t="s">
        <v>16453</v>
      </c>
      <c r="E6866" s="141">
        <v>1983</v>
      </c>
      <c r="F6866" s="141">
        <v>3979</v>
      </c>
      <c r="G6866" s="98" t="s">
        <v>1</v>
      </c>
      <c r="H6866" s="98">
        <v>0</v>
      </c>
      <c r="I6866" s="98">
        <v>0</v>
      </c>
      <c r="J6866" s="98">
        <v>1</v>
      </c>
      <c r="K6866" s="98">
        <v>0</v>
      </c>
      <c r="L6866" s="98">
        <v>1</v>
      </c>
      <c r="M6866" s="98">
        <v>0</v>
      </c>
      <c r="N6866" s="98">
        <v>0</v>
      </c>
      <c r="O6866" s="98">
        <v>1</v>
      </c>
      <c r="P6866" s="98">
        <v>1</v>
      </c>
      <c r="Q6866" s="98">
        <v>0</v>
      </c>
      <c r="R6866" s="98">
        <v>0</v>
      </c>
      <c r="S6866" s="98">
        <v>0</v>
      </c>
      <c r="T6866" s="98">
        <v>0</v>
      </c>
      <c r="U6866" s="99"/>
      <c r="V6866" s="99"/>
      <c r="W6866" s="99"/>
      <c r="X6866" s="99"/>
      <c r="Y6866" s="99"/>
      <c r="Z6866" s="99"/>
      <c r="AA6866" s="99"/>
      <c r="AB6866" s="99"/>
      <c r="AC6866" s="99"/>
      <c r="AD6866" s="99"/>
      <c r="AE6866" s="99"/>
      <c r="AF6866" s="99"/>
      <c r="AG6866" s="99"/>
      <c r="AH6866" s="99"/>
      <c r="AI6866" s="99"/>
      <c r="AJ6866" s="99"/>
      <c r="AK6866" s="99"/>
      <c r="AL6866" s="99"/>
      <c r="AM6866" s="99"/>
      <c r="AN6866" s="99"/>
      <c r="AO6866" s="99"/>
      <c r="AP6866" s="99"/>
      <c r="AQ6866" s="99"/>
      <c r="AR6866" s="99"/>
      <c r="AS6866" s="99"/>
      <c r="AT6866" s="99"/>
      <c r="AU6866" s="99"/>
      <c r="AV6866" s="99"/>
      <c r="AW6866" s="99"/>
      <c r="AX6866" s="99"/>
      <c r="AY6866" s="99"/>
      <c r="AZ6866" s="99"/>
      <c r="BA6866" s="99"/>
      <c r="BB6866" s="221">
        <v>45884</v>
      </c>
    </row>
    <row r="6867" spans="1:54" s="8" customFormat="1" ht="14.1" customHeight="1" x14ac:dyDescent="0.25">
      <c r="A6867" s="219" t="s">
        <v>16454</v>
      </c>
      <c r="B6867" s="220" t="s">
        <v>19871</v>
      </c>
      <c r="C6867" s="98" t="s">
        <v>4504</v>
      </c>
      <c r="D6867" s="98" t="s">
        <v>16455</v>
      </c>
      <c r="E6867" s="141">
        <v>1991</v>
      </c>
      <c r="F6867" s="141">
        <v>4011</v>
      </c>
      <c r="G6867" s="98" t="s">
        <v>1</v>
      </c>
      <c r="H6867" s="98">
        <v>0</v>
      </c>
      <c r="I6867" s="98">
        <v>0</v>
      </c>
      <c r="J6867" s="98">
        <v>1</v>
      </c>
      <c r="K6867" s="98">
        <v>0</v>
      </c>
      <c r="L6867" s="98">
        <v>0</v>
      </c>
      <c r="M6867" s="98">
        <v>0</v>
      </c>
      <c r="N6867" s="98">
        <v>0</v>
      </c>
      <c r="O6867" s="98">
        <v>0</v>
      </c>
      <c r="P6867" s="98">
        <v>0</v>
      </c>
      <c r="Q6867" s="98">
        <v>0</v>
      </c>
      <c r="R6867" s="98">
        <v>0</v>
      </c>
      <c r="S6867" s="98">
        <v>0</v>
      </c>
      <c r="T6867" s="98">
        <v>0</v>
      </c>
      <c r="U6867" s="99"/>
      <c r="V6867" s="99"/>
      <c r="W6867" s="99"/>
      <c r="X6867" s="99"/>
      <c r="Y6867" s="99"/>
      <c r="Z6867" s="99"/>
      <c r="AA6867" s="99"/>
      <c r="AB6867" s="99"/>
      <c r="AC6867" s="99"/>
      <c r="AD6867" s="99"/>
      <c r="AE6867" s="99"/>
      <c r="AF6867" s="99"/>
      <c r="AG6867" s="99"/>
      <c r="AH6867" s="99"/>
      <c r="AI6867" s="99"/>
      <c r="AJ6867" s="99"/>
      <c r="AK6867" s="99"/>
      <c r="AL6867" s="99"/>
      <c r="AM6867" s="99"/>
      <c r="AN6867" s="99"/>
      <c r="AO6867" s="99"/>
      <c r="AP6867" s="99"/>
      <c r="AQ6867" s="99"/>
      <c r="AR6867" s="99"/>
      <c r="AS6867" s="99"/>
      <c r="AT6867" s="99"/>
      <c r="AU6867" s="99"/>
      <c r="AV6867" s="99"/>
      <c r="AW6867" s="99"/>
      <c r="AX6867" s="99"/>
      <c r="AY6867" s="99"/>
      <c r="AZ6867" s="99"/>
      <c r="BA6867" s="99"/>
      <c r="BB6867" s="221">
        <v>45884</v>
      </c>
    </row>
    <row r="6868" spans="1:54" s="8" customFormat="1" ht="14.1" customHeight="1" x14ac:dyDescent="0.25">
      <c r="A6868" s="219" t="s">
        <v>16456</v>
      </c>
      <c r="B6868" s="220" t="s">
        <v>19871</v>
      </c>
      <c r="C6868" s="98" t="s">
        <v>16457</v>
      </c>
      <c r="D6868" s="98" t="s">
        <v>16458</v>
      </c>
      <c r="E6868" s="141">
        <v>1983</v>
      </c>
      <c r="F6868" s="141">
        <v>4231</v>
      </c>
      <c r="G6868" s="98" t="s">
        <v>1</v>
      </c>
      <c r="H6868" s="98">
        <v>0</v>
      </c>
      <c r="I6868" s="98">
        <v>0</v>
      </c>
      <c r="J6868" s="98">
        <v>1</v>
      </c>
      <c r="K6868" s="98">
        <v>0</v>
      </c>
      <c r="L6868" s="98">
        <v>1</v>
      </c>
      <c r="M6868" s="98">
        <v>0</v>
      </c>
      <c r="N6868" s="98">
        <v>0</v>
      </c>
      <c r="O6868" s="98">
        <v>1</v>
      </c>
      <c r="P6868" s="98">
        <v>1</v>
      </c>
      <c r="Q6868" s="98">
        <v>0</v>
      </c>
      <c r="R6868" s="98">
        <v>0</v>
      </c>
      <c r="S6868" s="98">
        <v>0</v>
      </c>
      <c r="T6868" s="98">
        <v>0</v>
      </c>
      <c r="U6868" s="99"/>
      <c r="V6868" s="99"/>
      <c r="W6868" s="99"/>
      <c r="X6868" s="99"/>
      <c r="Y6868" s="99"/>
      <c r="Z6868" s="99"/>
      <c r="AA6868" s="99"/>
      <c r="AB6868" s="99"/>
      <c r="AC6868" s="99"/>
      <c r="AD6868" s="99"/>
      <c r="AE6868" s="99"/>
      <c r="AF6868" s="99"/>
      <c r="AG6868" s="99"/>
      <c r="AH6868" s="99"/>
      <c r="AI6868" s="99"/>
      <c r="AJ6868" s="99"/>
      <c r="AK6868" s="99"/>
      <c r="AL6868" s="99"/>
      <c r="AM6868" s="99"/>
      <c r="AN6868" s="99"/>
      <c r="AO6868" s="99"/>
      <c r="AP6868" s="99"/>
      <c r="AQ6868" s="99"/>
      <c r="AR6868" s="99"/>
      <c r="AS6868" s="99"/>
      <c r="AT6868" s="99"/>
      <c r="AU6868" s="99"/>
      <c r="AV6868" s="99"/>
      <c r="AW6868" s="99"/>
      <c r="AX6868" s="99"/>
      <c r="AY6868" s="99"/>
      <c r="AZ6868" s="99"/>
      <c r="BA6868" s="99"/>
      <c r="BB6868" s="221">
        <v>45884</v>
      </c>
    </row>
    <row r="6869" spans="1:54" s="8" customFormat="1" ht="14.1" customHeight="1" x14ac:dyDescent="0.25">
      <c r="A6869" s="219" t="s">
        <v>16459</v>
      </c>
      <c r="B6869" s="220" t="s">
        <v>19871</v>
      </c>
      <c r="C6869" s="98" t="s">
        <v>16460</v>
      </c>
      <c r="D6869" s="98" t="s">
        <v>16461</v>
      </c>
      <c r="E6869" s="141">
        <v>1969</v>
      </c>
      <c r="F6869" s="141">
        <v>4357</v>
      </c>
      <c r="G6869" s="98" t="s">
        <v>1</v>
      </c>
      <c r="H6869" s="98">
        <v>1</v>
      </c>
      <c r="I6869" s="98">
        <v>1</v>
      </c>
      <c r="J6869" s="98">
        <v>1</v>
      </c>
      <c r="K6869" s="98">
        <v>1</v>
      </c>
      <c r="L6869" s="98">
        <v>0</v>
      </c>
      <c r="M6869" s="98">
        <v>1</v>
      </c>
      <c r="N6869" s="98">
        <v>0</v>
      </c>
      <c r="O6869" s="98">
        <v>0</v>
      </c>
      <c r="P6869" s="98">
        <v>0</v>
      </c>
      <c r="Q6869" s="98">
        <v>0</v>
      </c>
      <c r="R6869" s="98">
        <v>0</v>
      </c>
      <c r="S6869" s="98">
        <v>0</v>
      </c>
      <c r="T6869" s="98">
        <v>0</v>
      </c>
      <c r="U6869" s="99"/>
      <c r="V6869" s="99"/>
      <c r="W6869" s="99"/>
      <c r="X6869" s="99"/>
      <c r="Y6869" s="99"/>
      <c r="Z6869" s="99"/>
      <c r="AA6869" s="99"/>
      <c r="AB6869" s="99"/>
      <c r="AC6869" s="99"/>
      <c r="AD6869" s="99"/>
      <c r="AE6869" s="99"/>
      <c r="AF6869" s="99"/>
      <c r="AG6869" s="99"/>
      <c r="AH6869" s="99"/>
      <c r="AI6869" s="99"/>
      <c r="AJ6869" s="99"/>
      <c r="AK6869" s="99"/>
      <c r="AL6869" s="99"/>
      <c r="AM6869" s="99"/>
      <c r="AN6869" s="99"/>
      <c r="AO6869" s="99"/>
      <c r="AP6869" s="99"/>
      <c r="AQ6869" s="99"/>
      <c r="AR6869" s="99"/>
      <c r="AS6869" s="99"/>
      <c r="AT6869" s="99"/>
      <c r="AU6869" s="99"/>
      <c r="AV6869" s="99"/>
      <c r="AW6869" s="99"/>
      <c r="AX6869" s="99"/>
      <c r="AY6869" s="99"/>
      <c r="AZ6869" s="99"/>
      <c r="BA6869" s="99"/>
      <c r="BB6869" s="221">
        <v>45884</v>
      </c>
    </row>
    <row r="6870" spans="1:54" s="8" customFormat="1" ht="14.1" customHeight="1" x14ac:dyDescent="0.25">
      <c r="A6870" s="219" t="s">
        <v>16462</v>
      </c>
      <c r="B6870" s="220" t="s">
        <v>19871</v>
      </c>
      <c r="C6870" s="98" t="s">
        <v>16463</v>
      </c>
      <c r="D6870" s="98" t="s">
        <v>16464</v>
      </c>
      <c r="E6870" s="141">
        <v>1975</v>
      </c>
      <c r="F6870" s="141">
        <v>4371</v>
      </c>
      <c r="G6870" s="98" t="s">
        <v>1</v>
      </c>
      <c r="H6870" s="98">
        <v>1</v>
      </c>
      <c r="I6870" s="98">
        <v>1</v>
      </c>
      <c r="J6870" s="98">
        <v>1</v>
      </c>
      <c r="K6870" s="98">
        <v>0</v>
      </c>
      <c r="L6870" s="98">
        <v>0</v>
      </c>
      <c r="M6870" s="98">
        <v>1</v>
      </c>
      <c r="N6870" s="98">
        <v>1</v>
      </c>
      <c r="O6870" s="98">
        <v>1</v>
      </c>
      <c r="P6870" s="98">
        <v>0</v>
      </c>
      <c r="Q6870" s="98">
        <v>0</v>
      </c>
      <c r="R6870" s="98">
        <v>0</v>
      </c>
      <c r="S6870" s="98">
        <v>0</v>
      </c>
      <c r="T6870" s="98">
        <v>1</v>
      </c>
      <c r="U6870" s="99"/>
      <c r="V6870" s="99"/>
      <c r="W6870" s="99"/>
      <c r="X6870" s="99"/>
      <c r="Y6870" s="99"/>
      <c r="Z6870" s="99"/>
      <c r="AA6870" s="99"/>
      <c r="AB6870" s="99"/>
      <c r="AC6870" s="99"/>
      <c r="AD6870" s="99"/>
      <c r="AE6870" s="99"/>
      <c r="AF6870" s="99"/>
      <c r="AG6870" s="99"/>
      <c r="AH6870" s="99"/>
      <c r="AI6870" s="99"/>
      <c r="AJ6870" s="99"/>
      <c r="AK6870" s="99"/>
      <c r="AL6870" s="99"/>
      <c r="AM6870" s="99"/>
      <c r="AN6870" s="99"/>
      <c r="AO6870" s="99"/>
      <c r="AP6870" s="99"/>
      <c r="AQ6870" s="99"/>
      <c r="AR6870" s="99"/>
      <c r="AS6870" s="99"/>
      <c r="AT6870" s="99"/>
      <c r="AU6870" s="99"/>
      <c r="AV6870" s="99"/>
      <c r="AW6870" s="99"/>
      <c r="AX6870" s="99"/>
      <c r="AY6870" s="99"/>
      <c r="AZ6870" s="99"/>
      <c r="BA6870" s="99"/>
      <c r="BB6870" s="221">
        <v>45884</v>
      </c>
    </row>
    <row r="6871" spans="1:54" s="8" customFormat="1" ht="14.1" customHeight="1" x14ac:dyDescent="0.25">
      <c r="A6871" s="219" t="s">
        <v>16465</v>
      </c>
      <c r="B6871" s="220" t="s">
        <v>19871</v>
      </c>
      <c r="C6871" s="98" t="s">
        <v>16466</v>
      </c>
      <c r="D6871" s="98" t="s">
        <v>16467</v>
      </c>
      <c r="E6871" s="141">
        <v>1983</v>
      </c>
      <c r="F6871" s="141">
        <v>5514</v>
      </c>
      <c r="G6871" s="98" t="s">
        <v>1</v>
      </c>
      <c r="H6871" s="98">
        <v>0</v>
      </c>
      <c r="I6871" s="98">
        <v>0</v>
      </c>
      <c r="J6871" s="98">
        <v>1</v>
      </c>
      <c r="K6871" s="98">
        <v>0</v>
      </c>
      <c r="L6871" s="98">
        <v>1</v>
      </c>
      <c r="M6871" s="98">
        <v>1</v>
      </c>
      <c r="N6871" s="98">
        <v>0</v>
      </c>
      <c r="O6871" s="98">
        <v>1</v>
      </c>
      <c r="P6871" s="98">
        <v>0</v>
      </c>
      <c r="Q6871" s="98">
        <v>1</v>
      </c>
      <c r="R6871" s="98">
        <v>1</v>
      </c>
      <c r="S6871" s="98">
        <v>0</v>
      </c>
      <c r="T6871" s="98">
        <v>0</v>
      </c>
      <c r="U6871" s="99"/>
      <c r="V6871" s="99"/>
      <c r="W6871" s="99"/>
      <c r="X6871" s="99"/>
      <c r="Y6871" s="99"/>
      <c r="Z6871" s="99"/>
      <c r="AA6871" s="99"/>
      <c r="AB6871" s="99"/>
      <c r="AC6871" s="99"/>
      <c r="AD6871" s="99"/>
      <c r="AE6871" s="99"/>
      <c r="AF6871" s="99"/>
      <c r="AG6871" s="99"/>
      <c r="AH6871" s="99"/>
      <c r="AI6871" s="99"/>
      <c r="AJ6871" s="99"/>
      <c r="AK6871" s="99"/>
      <c r="AL6871" s="99"/>
      <c r="AM6871" s="99"/>
      <c r="AN6871" s="99"/>
      <c r="AO6871" s="99"/>
      <c r="AP6871" s="99"/>
      <c r="AQ6871" s="99"/>
      <c r="AR6871" s="99"/>
      <c r="AS6871" s="99"/>
      <c r="AT6871" s="99"/>
      <c r="AU6871" s="99"/>
      <c r="AV6871" s="99"/>
      <c r="AW6871" s="99"/>
      <c r="AX6871" s="99"/>
      <c r="AY6871" s="99"/>
      <c r="AZ6871" s="99"/>
      <c r="BA6871" s="99"/>
      <c r="BB6871" s="221">
        <v>45884</v>
      </c>
    </row>
    <row r="6872" spans="1:54" s="8" customFormat="1" ht="14.1" customHeight="1" x14ac:dyDescent="0.25">
      <c r="A6872" s="219" t="s">
        <v>16468</v>
      </c>
      <c r="B6872" s="220" t="s">
        <v>19871</v>
      </c>
      <c r="C6872" s="98" t="s">
        <v>16469</v>
      </c>
      <c r="D6872" s="98" t="s">
        <v>16470</v>
      </c>
      <c r="E6872" s="141">
        <v>2000</v>
      </c>
      <c r="F6872" s="141">
        <v>5539</v>
      </c>
      <c r="G6872" s="98" t="s">
        <v>1</v>
      </c>
      <c r="H6872" s="98">
        <v>1</v>
      </c>
      <c r="I6872" s="98">
        <v>1</v>
      </c>
      <c r="J6872" s="98">
        <v>1</v>
      </c>
      <c r="K6872" s="98">
        <v>0</v>
      </c>
      <c r="L6872" s="98">
        <v>1</v>
      </c>
      <c r="M6872" s="98">
        <v>1</v>
      </c>
      <c r="N6872" s="98">
        <v>0</v>
      </c>
      <c r="O6872" s="98">
        <v>1</v>
      </c>
      <c r="P6872" s="98">
        <v>0</v>
      </c>
      <c r="Q6872" s="98">
        <v>0</v>
      </c>
      <c r="R6872" s="98">
        <v>0</v>
      </c>
      <c r="S6872" s="98">
        <v>0</v>
      </c>
      <c r="T6872" s="98">
        <v>0</v>
      </c>
      <c r="U6872" s="99"/>
      <c r="V6872" s="99"/>
      <c r="W6872" s="99"/>
      <c r="X6872" s="99"/>
      <c r="Y6872" s="99"/>
      <c r="Z6872" s="99"/>
      <c r="AA6872" s="99"/>
      <c r="AB6872" s="99"/>
      <c r="AC6872" s="99"/>
      <c r="AD6872" s="99"/>
      <c r="AE6872" s="99"/>
      <c r="AF6872" s="99"/>
      <c r="AG6872" s="99"/>
      <c r="AH6872" s="99"/>
      <c r="AI6872" s="99"/>
      <c r="AJ6872" s="99"/>
      <c r="AK6872" s="99"/>
      <c r="AL6872" s="99"/>
      <c r="AM6872" s="99"/>
      <c r="AN6872" s="99"/>
      <c r="AO6872" s="99"/>
      <c r="AP6872" s="99"/>
      <c r="AQ6872" s="99"/>
      <c r="AR6872" s="99"/>
      <c r="AS6872" s="99"/>
      <c r="AT6872" s="99"/>
      <c r="AU6872" s="99"/>
      <c r="AV6872" s="99"/>
      <c r="AW6872" s="99"/>
      <c r="AX6872" s="99"/>
      <c r="AY6872" s="99"/>
      <c r="AZ6872" s="99"/>
      <c r="BA6872" s="99"/>
      <c r="BB6872" s="221">
        <v>45884</v>
      </c>
    </row>
    <row r="6873" spans="1:54" s="8" customFormat="1" ht="14.1" customHeight="1" x14ac:dyDescent="0.25">
      <c r="A6873" s="219" t="s">
        <v>16471</v>
      </c>
      <c r="B6873" s="220" t="s">
        <v>19871</v>
      </c>
      <c r="C6873" s="98" t="s">
        <v>16472</v>
      </c>
      <c r="D6873" s="98" t="s">
        <v>16473</v>
      </c>
      <c r="E6873" s="141">
        <v>1983</v>
      </c>
      <c r="F6873" s="141">
        <v>5593</v>
      </c>
      <c r="G6873" s="98" t="s">
        <v>1</v>
      </c>
      <c r="H6873" s="98">
        <v>1</v>
      </c>
      <c r="I6873" s="98">
        <v>1</v>
      </c>
      <c r="J6873" s="98">
        <v>1</v>
      </c>
      <c r="K6873" s="98">
        <v>0</v>
      </c>
      <c r="L6873" s="98">
        <v>0</v>
      </c>
      <c r="M6873" s="98">
        <v>1</v>
      </c>
      <c r="N6873" s="98">
        <v>0</v>
      </c>
      <c r="O6873" s="98">
        <v>1</v>
      </c>
      <c r="P6873" s="98">
        <v>1</v>
      </c>
      <c r="Q6873" s="98">
        <v>0</v>
      </c>
      <c r="R6873" s="98">
        <v>0</v>
      </c>
      <c r="S6873" s="98">
        <v>0</v>
      </c>
      <c r="T6873" s="98">
        <v>0</v>
      </c>
      <c r="U6873" s="99"/>
      <c r="V6873" s="99"/>
      <c r="W6873" s="99"/>
      <c r="X6873" s="99"/>
      <c r="Y6873" s="99"/>
      <c r="Z6873" s="99"/>
      <c r="AA6873" s="99"/>
      <c r="AB6873" s="99"/>
      <c r="AC6873" s="99"/>
      <c r="AD6873" s="99"/>
      <c r="AE6873" s="99"/>
      <c r="AF6873" s="99"/>
      <c r="AG6873" s="99"/>
      <c r="AH6873" s="99"/>
      <c r="AI6873" s="99"/>
      <c r="AJ6873" s="99"/>
      <c r="AK6873" s="99"/>
      <c r="AL6873" s="99"/>
      <c r="AM6873" s="99"/>
      <c r="AN6873" s="99"/>
      <c r="AO6873" s="99"/>
      <c r="AP6873" s="99"/>
      <c r="AQ6873" s="99"/>
      <c r="AR6873" s="99"/>
      <c r="AS6873" s="99"/>
      <c r="AT6873" s="99"/>
      <c r="AU6873" s="99"/>
      <c r="AV6873" s="99"/>
      <c r="AW6873" s="99"/>
      <c r="AX6873" s="99"/>
      <c r="AY6873" s="99"/>
      <c r="AZ6873" s="99"/>
      <c r="BA6873" s="99"/>
      <c r="BB6873" s="221">
        <v>45884</v>
      </c>
    </row>
    <row r="6874" spans="1:54" s="8" customFormat="1" ht="14.1" customHeight="1" x14ac:dyDescent="0.25">
      <c r="A6874" s="219" t="s">
        <v>16474</v>
      </c>
      <c r="B6874" s="220" t="s">
        <v>19871</v>
      </c>
      <c r="C6874" s="98" t="s">
        <v>16475</v>
      </c>
      <c r="D6874" s="98" t="s">
        <v>16476</v>
      </c>
      <c r="E6874" s="141">
        <v>1975</v>
      </c>
      <c r="F6874" s="141">
        <v>6519</v>
      </c>
      <c r="G6874" s="98" t="s">
        <v>1</v>
      </c>
      <c r="H6874" s="98">
        <v>1</v>
      </c>
      <c r="I6874" s="98">
        <v>1</v>
      </c>
      <c r="J6874" s="98">
        <v>1</v>
      </c>
      <c r="K6874" s="98">
        <v>0</v>
      </c>
      <c r="L6874" s="98">
        <v>1</v>
      </c>
      <c r="M6874" s="98">
        <v>0</v>
      </c>
      <c r="N6874" s="98">
        <v>0</v>
      </c>
      <c r="O6874" s="98">
        <v>1</v>
      </c>
      <c r="P6874" s="98">
        <v>1</v>
      </c>
      <c r="Q6874" s="98">
        <v>0</v>
      </c>
      <c r="R6874" s="98">
        <v>1</v>
      </c>
      <c r="S6874" s="98">
        <v>0</v>
      </c>
      <c r="T6874" s="98">
        <v>0</v>
      </c>
      <c r="U6874" s="99"/>
      <c r="V6874" s="99"/>
      <c r="W6874" s="99"/>
      <c r="X6874" s="99"/>
      <c r="Y6874" s="99"/>
      <c r="Z6874" s="99"/>
      <c r="AA6874" s="99"/>
      <c r="AB6874" s="99"/>
      <c r="AC6874" s="99"/>
      <c r="AD6874" s="99"/>
      <c r="AE6874" s="99"/>
      <c r="AF6874" s="99"/>
      <c r="AG6874" s="99"/>
      <c r="AH6874" s="99"/>
      <c r="AI6874" s="99"/>
      <c r="AJ6874" s="99"/>
      <c r="AK6874" s="99"/>
      <c r="AL6874" s="99"/>
      <c r="AM6874" s="99"/>
      <c r="AN6874" s="99"/>
      <c r="AO6874" s="99"/>
      <c r="AP6874" s="99"/>
      <c r="AQ6874" s="99"/>
      <c r="AR6874" s="99"/>
      <c r="AS6874" s="99"/>
      <c r="AT6874" s="99"/>
      <c r="AU6874" s="99"/>
      <c r="AV6874" s="99"/>
      <c r="AW6874" s="99"/>
      <c r="AX6874" s="99"/>
      <c r="AY6874" s="99"/>
      <c r="AZ6874" s="99"/>
      <c r="BA6874" s="99"/>
      <c r="BB6874" s="221">
        <v>45884</v>
      </c>
    </row>
    <row r="6875" spans="1:54" s="8" customFormat="1" ht="14.1" customHeight="1" x14ac:dyDescent="0.25">
      <c r="A6875" s="219" t="s">
        <v>16477</v>
      </c>
      <c r="B6875" s="220" t="s">
        <v>19871</v>
      </c>
      <c r="C6875" s="98" t="s">
        <v>16478</v>
      </c>
      <c r="D6875" s="98" t="s">
        <v>16479</v>
      </c>
      <c r="E6875" s="141">
        <v>1975</v>
      </c>
      <c r="F6875" s="141">
        <v>8376</v>
      </c>
      <c r="G6875" s="98" t="s">
        <v>1</v>
      </c>
      <c r="H6875" s="98">
        <v>1</v>
      </c>
      <c r="I6875" s="98">
        <v>1</v>
      </c>
      <c r="J6875" s="98">
        <v>1</v>
      </c>
      <c r="K6875" s="98">
        <v>0</v>
      </c>
      <c r="L6875" s="98">
        <v>0</v>
      </c>
      <c r="M6875" s="98">
        <v>0</v>
      </c>
      <c r="N6875" s="98">
        <v>0</v>
      </c>
      <c r="O6875" s="98">
        <v>1</v>
      </c>
      <c r="P6875" s="98">
        <v>1</v>
      </c>
      <c r="Q6875" s="98">
        <v>0</v>
      </c>
      <c r="R6875" s="98">
        <v>1</v>
      </c>
      <c r="S6875" s="98">
        <v>0</v>
      </c>
      <c r="T6875" s="98">
        <v>0</v>
      </c>
      <c r="U6875" s="99"/>
      <c r="V6875" s="99"/>
      <c r="W6875" s="99"/>
      <c r="X6875" s="99"/>
      <c r="Y6875" s="99"/>
      <c r="Z6875" s="99"/>
      <c r="AA6875" s="99"/>
      <c r="AB6875" s="99"/>
      <c r="AC6875" s="99"/>
      <c r="AD6875" s="99"/>
      <c r="AE6875" s="99"/>
      <c r="AF6875" s="99"/>
      <c r="AG6875" s="99"/>
      <c r="AH6875" s="99"/>
      <c r="AI6875" s="99"/>
      <c r="AJ6875" s="99"/>
      <c r="AK6875" s="99"/>
      <c r="AL6875" s="99"/>
      <c r="AM6875" s="99"/>
      <c r="AN6875" s="99"/>
      <c r="AO6875" s="99"/>
      <c r="AP6875" s="99"/>
      <c r="AQ6875" s="99"/>
      <c r="AR6875" s="99"/>
      <c r="AS6875" s="99"/>
      <c r="AT6875" s="99"/>
      <c r="AU6875" s="99"/>
      <c r="AV6875" s="99"/>
      <c r="AW6875" s="99"/>
      <c r="AX6875" s="99"/>
      <c r="AY6875" s="99"/>
      <c r="AZ6875" s="99"/>
      <c r="BA6875" s="99"/>
      <c r="BB6875" s="221">
        <v>45884</v>
      </c>
    </row>
    <row r="6876" spans="1:54" s="8" customFormat="1" ht="14.1" customHeight="1" x14ac:dyDescent="0.25">
      <c r="A6876" s="219" t="s">
        <v>16480</v>
      </c>
      <c r="B6876" s="220" t="s">
        <v>19871</v>
      </c>
      <c r="C6876" s="98" t="s">
        <v>16481</v>
      </c>
      <c r="D6876" s="98" t="s">
        <v>16482</v>
      </c>
      <c r="E6876" s="141">
        <v>2012</v>
      </c>
      <c r="F6876" s="141">
        <v>642</v>
      </c>
      <c r="G6876" s="98" t="s">
        <v>1</v>
      </c>
      <c r="H6876" s="98">
        <v>0</v>
      </c>
      <c r="I6876" s="98">
        <v>0</v>
      </c>
      <c r="J6876" s="98">
        <v>1</v>
      </c>
      <c r="K6876" s="98">
        <v>0</v>
      </c>
      <c r="L6876" s="98">
        <v>1</v>
      </c>
      <c r="M6876" s="98">
        <v>0</v>
      </c>
      <c r="N6876" s="98">
        <v>0</v>
      </c>
      <c r="O6876" s="98">
        <v>1</v>
      </c>
      <c r="P6876" s="98">
        <v>0</v>
      </c>
      <c r="Q6876" s="98">
        <v>0</v>
      </c>
      <c r="R6876" s="98">
        <v>0</v>
      </c>
      <c r="S6876" s="98">
        <v>1</v>
      </c>
      <c r="T6876" s="98">
        <v>0</v>
      </c>
      <c r="U6876" s="99"/>
      <c r="V6876" s="99"/>
      <c r="W6876" s="99"/>
      <c r="X6876" s="99"/>
      <c r="Y6876" s="99"/>
      <c r="Z6876" s="99"/>
      <c r="AA6876" s="99"/>
      <c r="AB6876" s="99"/>
      <c r="AC6876" s="99"/>
      <c r="AD6876" s="99"/>
      <c r="AE6876" s="99"/>
      <c r="AF6876" s="99"/>
      <c r="AG6876" s="99"/>
      <c r="AH6876" s="99"/>
      <c r="AI6876" s="99"/>
      <c r="AJ6876" s="99"/>
      <c r="AK6876" s="99"/>
      <c r="AL6876" s="99"/>
      <c r="AM6876" s="99"/>
      <c r="AN6876" s="99"/>
      <c r="AO6876" s="99"/>
      <c r="AP6876" s="99"/>
      <c r="AQ6876" s="99"/>
      <c r="AR6876" s="99"/>
      <c r="AS6876" s="99"/>
      <c r="AT6876" s="99"/>
      <c r="AU6876" s="99"/>
      <c r="AV6876" s="99"/>
      <c r="AW6876" s="99"/>
      <c r="AX6876" s="99"/>
      <c r="AY6876" s="99"/>
      <c r="AZ6876" s="99"/>
      <c r="BA6876" s="99"/>
      <c r="BB6876" s="221">
        <v>45884</v>
      </c>
    </row>
    <row r="6877" spans="1:54" s="8" customFormat="1" ht="14.1" customHeight="1" x14ac:dyDescent="0.25">
      <c r="A6877" s="219" t="s">
        <v>16483</v>
      </c>
      <c r="B6877" s="220" t="s">
        <v>19871</v>
      </c>
      <c r="C6877" s="98" t="s">
        <v>16484</v>
      </c>
      <c r="D6877" s="98" t="s">
        <v>16485</v>
      </c>
      <c r="E6877" s="141">
        <v>2005</v>
      </c>
      <c r="F6877" s="141">
        <v>410</v>
      </c>
      <c r="G6877" s="98" t="s">
        <v>1</v>
      </c>
      <c r="H6877" s="98">
        <v>0</v>
      </c>
      <c r="I6877" s="98">
        <v>0</v>
      </c>
      <c r="J6877" s="98">
        <v>1</v>
      </c>
      <c r="K6877" s="98">
        <v>1</v>
      </c>
      <c r="L6877" s="98">
        <v>1</v>
      </c>
      <c r="M6877" s="98">
        <v>0</v>
      </c>
      <c r="N6877" s="98">
        <v>0</v>
      </c>
      <c r="O6877" s="98">
        <v>0</v>
      </c>
      <c r="P6877" s="98">
        <v>1</v>
      </c>
      <c r="Q6877" s="98">
        <v>0</v>
      </c>
      <c r="R6877" s="98">
        <v>1</v>
      </c>
      <c r="S6877" s="98">
        <v>0</v>
      </c>
      <c r="T6877" s="98">
        <v>0</v>
      </c>
      <c r="U6877" s="99"/>
      <c r="V6877" s="99"/>
      <c r="W6877" s="99"/>
      <c r="X6877" s="99"/>
      <c r="Y6877" s="99"/>
      <c r="Z6877" s="99"/>
      <c r="AA6877" s="99"/>
      <c r="AB6877" s="99"/>
      <c r="AC6877" s="99"/>
      <c r="AD6877" s="99"/>
      <c r="AE6877" s="99"/>
      <c r="AF6877" s="99"/>
      <c r="AG6877" s="99"/>
      <c r="AH6877" s="99"/>
      <c r="AI6877" s="99"/>
      <c r="AJ6877" s="99"/>
      <c r="AK6877" s="99"/>
      <c r="AL6877" s="99"/>
      <c r="AM6877" s="99"/>
      <c r="AN6877" s="99"/>
      <c r="AO6877" s="99"/>
      <c r="AP6877" s="99"/>
      <c r="AQ6877" s="99"/>
      <c r="AR6877" s="99"/>
      <c r="AS6877" s="99"/>
      <c r="AT6877" s="99"/>
      <c r="AU6877" s="99"/>
      <c r="AV6877" s="99"/>
      <c r="AW6877" s="99"/>
      <c r="AX6877" s="99"/>
      <c r="AY6877" s="99"/>
      <c r="AZ6877" s="99"/>
      <c r="BA6877" s="99"/>
      <c r="BB6877" s="221">
        <v>45884</v>
      </c>
    </row>
    <row r="6878" spans="1:54" s="8" customFormat="1" ht="14.1" customHeight="1" x14ac:dyDescent="0.25">
      <c r="A6878" s="219" t="s">
        <v>16486</v>
      </c>
      <c r="B6878" s="220" t="s">
        <v>19871</v>
      </c>
      <c r="C6878" s="98" t="s">
        <v>16487</v>
      </c>
      <c r="D6878" s="98" t="s">
        <v>16488</v>
      </c>
      <c r="E6878" s="141">
        <v>2006</v>
      </c>
      <c r="F6878" s="141">
        <v>204</v>
      </c>
      <c r="G6878" s="98" t="s">
        <v>1</v>
      </c>
      <c r="H6878" s="98">
        <v>0</v>
      </c>
      <c r="I6878" s="98">
        <v>0</v>
      </c>
      <c r="J6878" s="98">
        <v>1</v>
      </c>
      <c r="K6878" s="98">
        <v>0</v>
      </c>
      <c r="L6878" s="98">
        <v>1</v>
      </c>
      <c r="M6878" s="98">
        <v>0</v>
      </c>
      <c r="N6878" s="98">
        <v>0</v>
      </c>
      <c r="O6878" s="98">
        <v>1</v>
      </c>
      <c r="P6878" s="98">
        <v>1</v>
      </c>
      <c r="Q6878" s="98">
        <v>0</v>
      </c>
      <c r="R6878" s="98">
        <v>0</v>
      </c>
      <c r="S6878" s="98">
        <v>0</v>
      </c>
      <c r="T6878" s="98">
        <v>0</v>
      </c>
      <c r="U6878" s="99"/>
      <c r="V6878" s="99"/>
      <c r="W6878" s="99"/>
      <c r="X6878" s="99"/>
      <c r="Y6878" s="99"/>
      <c r="Z6878" s="99"/>
      <c r="AA6878" s="99"/>
      <c r="AB6878" s="99"/>
      <c r="AC6878" s="99"/>
      <c r="AD6878" s="99"/>
      <c r="AE6878" s="99"/>
      <c r="AF6878" s="99"/>
      <c r="AG6878" s="99"/>
      <c r="AH6878" s="99"/>
      <c r="AI6878" s="99"/>
      <c r="AJ6878" s="99"/>
      <c r="AK6878" s="99"/>
      <c r="AL6878" s="99"/>
      <c r="AM6878" s="99"/>
      <c r="AN6878" s="99"/>
      <c r="AO6878" s="99"/>
      <c r="AP6878" s="99"/>
      <c r="AQ6878" s="99"/>
      <c r="AR6878" s="99"/>
      <c r="AS6878" s="99"/>
      <c r="AT6878" s="99"/>
      <c r="AU6878" s="99"/>
      <c r="AV6878" s="99"/>
      <c r="AW6878" s="99"/>
      <c r="AX6878" s="99"/>
      <c r="AY6878" s="99"/>
      <c r="AZ6878" s="99"/>
      <c r="BA6878" s="99"/>
      <c r="BB6878" s="221">
        <v>45884</v>
      </c>
    </row>
    <row r="6879" spans="1:54" s="8" customFormat="1" ht="14.1" customHeight="1" x14ac:dyDescent="0.25">
      <c r="A6879" s="219" t="s">
        <v>16489</v>
      </c>
      <c r="B6879" s="220" t="s">
        <v>19871</v>
      </c>
      <c r="C6879" s="98" t="s">
        <v>16490</v>
      </c>
      <c r="D6879" s="98" t="s">
        <v>16491</v>
      </c>
      <c r="E6879" s="141">
        <v>2011</v>
      </c>
      <c r="F6879" s="141">
        <v>408</v>
      </c>
      <c r="G6879" s="98" t="s">
        <v>1</v>
      </c>
      <c r="H6879" s="98">
        <v>0</v>
      </c>
      <c r="I6879" s="98">
        <v>0</v>
      </c>
      <c r="J6879" s="98">
        <v>1</v>
      </c>
      <c r="K6879" s="98">
        <v>0</v>
      </c>
      <c r="L6879" s="98">
        <v>0</v>
      </c>
      <c r="M6879" s="98">
        <v>1</v>
      </c>
      <c r="N6879" s="98">
        <v>0</v>
      </c>
      <c r="O6879" s="98">
        <v>0</v>
      </c>
      <c r="P6879" s="98">
        <v>0</v>
      </c>
      <c r="Q6879" s="98">
        <v>0</v>
      </c>
      <c r="R6879" s="98">
        <v>1</v>
      </c>
      <c r="S6879" s="98">
        <v>0</v>
      </c>
      <c r="T6879" s="98">
        <v>0</v>
      </c>
      <c r="U6879" s="99"/>
      <c r="V6879" s="99"/>
      <c r="W6879" s="99"/>
      <c r="X6879" s="99"/>
      <c r="Y6879" s="99"/>
      <c r="Z6879" s="99"/>
      <c r="AA6879" s="99"/>
      <c r="AB6879" s="99"/>
      <c r="AC6879" s="99"/>
      <c r="AD6879" s="99"/>
      <c r="AE6879" s="99"/>
      <c r="AF6879" s="99"/>
      <c r="AG6879" s="99"/>
      <c r="AH6879" s="99"/>
      <c r="AI6879" s="99"/>
      <c r="AJ6879" s="99"/>
      <c r="AK6879" s="99"/>
      <c r="AL6879" s="99"/>
      <c r="AM6879" s="99"/>
      <c r="AN6879" s="99"/>
      <c r="AO6879" s="99"/>
      <c r="AP6879" s="99"/>
      <c r="AQ6879" s="99"/>
      <c r="AR6879" s="99"/>
      <c r="AS6879" s="99"/>
      <c r="AT6879" s="99"/>
      <c r="AU6879" s="99"/>
      <c r="AV6879" s="99"/>
      <c r="AW6879" s="99"/>
      <c r="AX6879" s="99"/>
      <c r="AY6879" s="99"/>
      <c r="AZ6879" s="99"/>
      <c r="BA6879" s="99"/>
      <c r="BB6879" s="221">
        <v>45884</v>
      </c>
    </row>
    <row r="6880" spans="1:54" s="8" customFormat="1" ht="14.1" customHeight="1" x14ac:dyDescent="0.25">
      <c r="A6880" s="219" t="s">
        <v>16492</v>
      </c>
      <c r="B6880" s="220" t="s">
        <v>19871</v>
      </c>
      <c r="C6880" s="98" t="s">
        <v>16493</v>
      </c>
      <c r="D6880" s="98" t="s">
        <v>16494</v>
      </c>
      <c r="E6880" s="141">
        <v>2011</v>
      </c>
      <c r="F6880" s="141">
        <v>248</v>
      </c>
      <c r="G6880" s="98" t="s">
        <v>1</v>
      </c>
      <c r="H6880" s="98">
        <v>0</v>
      </c>
      <c r="I6880" s="98">
        <v>0</v>
      </c>
      <c r="J6880" s="98">
        <v>1</v>
      </c>
      <c r="K6880" s="98">
        <v>1</v>
      </c>
      <c r="L6880" s="98">
        <v>1</v>
      </c>
      <c r="M6880" s="98">
        <v>0</v>
      </c>
      <c r="N6880" s="98">
        <v>0</v>
      </c>
      <c r="O6880" s="98">
        <v>0</v>
      </c>
      <c r="P6880" s="98">
        <v>1</v>
      </c>
      <c r="Q6880" s="98">
        <v>0</v>
      </c>
      <c r="R6880" s="98">
        <v>0</v>
      </c>
      <c r="S6880" s="98">
        <v>0</v>
      </c>
      <c r="T6880" s="98">
        <v>0</v>
      </c>
      <c r="U6880" s="99"/>
      <c r="V6880" s="99"/>
      <c r="W6880" s="99"/>
      <c r="X6880" s="99"/>
      <c r="Y6880" s="99"/>
      <c r="Z6880" s="99"/>
      <c r="AA6880" s="99"/>
      <c r="AB6880" s="99"/>
      <c r="AC6880" s="99"/>
      <c r="AD6880" s="99"/>
      <c r="AE6880" s="99"/>
      <c r="AF6880" s="99"/>
      <c r="AG6880" s="99"/>
      <c r="AH6880" s="99"/>
      <c r="AI6880" s="99"/>
      <c r="AJ6880" s="99"/>
      <c r="AK6880" s="99"/>
      <c r="AL6880" s="99"/>
      <c r="AM6880" s="99"/>
      <c r="AN6880" s="99"/>
      <c r="AO6880" s="99"/>
      <c r="AP6880" s="99"/>
      <c r="AQ6880" s="99"/>
      <c r="AR6880" s="99"/>
      <c r="AS6880" s="99"/>
      <c r="AT6880" s="99"/>
      <c r="AU6880" s="99"/>
      <c r="AV6880" s="99"/>
      <c r="AW6880" s="99"/>
      <c r="AX6880" s="99"/>
      <c r="AY6880" s="99"/>
      <c r="AZ6880" s="99"/>
      <c r="BA6880" s="99"/>
      <c r="BB6880" s="221">
        <v>45884</v>
      </c>
    </row>
    <row r="6881" spans="1:54" s="8" customFormat="1" ht="14.1" customHeight="1" x14ac:dyDescent="0.25">
      <c r="A6881" s="219" t="s">
        <v>16495</v>
      </c>
      <c r="B6881" s="220" t="s">
        <v>19871</v>
      </c>
      <c r="C6881" s="98" t="s">
        <v>16496</v>
      </c>
      <c r="D6881" s="98" t="s">
        <v>16497</v>
      </c>
      <c r="E6881" s="141">
        <v>2000</v>
      </c>
      <c r="F6881" s="141">
        <v>275</v>
      </c>
      <c r="G6881" s="98" t="s">
        <v>1</v>
      </c>
      <c r="H6881" s="98">
        <v>0</v>
      </c>
      <c r="I6881" s="98">
        <v>0</v>
      </c>
      <c r="J6881" s="98">
        <v>1</v>
      </c>
      <c r="K6881" s="98">
        <v>1</v>
      </c>
      <c r="L6881" s="98">
        <v>1</v>
      </c>
      <c r="M6881" s="98">
        <v>0</v>
      </c>
      <c r="N6881" s="98">
        <v>0</v>
      </c>
      <c r="O6881" s="98">
        <v>0</v>
      </c>
      <c r="P6881" s="98">
        <v>1</v>
      </c>
      <c r="Q6881" s="98">
        <v>0</v>
      </c>
      <c r="R6881" s="98">
        <v>0</v>
      </c>
      <c r="S6881" s="98">
        <v>0</v>
      </c>
      <c r="T6881" s="98">
        <v>0</v>
      </c>
      <c r="U6881" s="99"/>
      <c r="V6881" s="99"/>
      <c r="W6881" s="99"/>
      <c r="X6881" s="99"/>
      <c r="Y6881" s="99"/>
      <c r="Z6881" s="99"/>
      <c r="AA6881" s="99"/>
      <c r="AB6881" s="99"/>
      <c r="AC6881" s="99"/>
      <c r="AD6881" s="99"/>
      <c r="AE6881" s="99"/>
      <c r="AF6881" s="99"/>
      <c r="AG6881" s="99"/>
      <c r="AH6881" s="99"/>
      <c r="AI6881" s="99"/>
      <c r="AJ6881" s="99"/>
      <c r="AK6881" s="99"/>
      <c r="AL6881" s="99"/>
      <c r="AM6881" s="99"/>
      <c r="AN6881" s="99"/>
      <c r="AO6881" s="99"/>
      <c r="AP6881" s="99"/>
      <c r="AQ6881" s="99"/>
      <c r="AR6881" s="99"/>
      <c r="AS6881" s="99"/>
      <c r="AT6881" s="99"/>
      <c r="AU6881" s="99"/>
      <c r="AV6881" s="99"/>
      <c r="AW6881" s="99"/>
      <c r="AX6881" s="99"/>
      <c r="AY6881" s="99"/>
      <c r="AZ6881" s="99"/>
      <c r="BA6881" s="99"/>
      <c r="BB6881" s="221">
        <v>45884</v>
      </c>
    </row>
    <row r="6882" spans="1:54" s="8" customFormat="1" ht="14.1" customHeight="1" x14ac:dyDescent="0.25">
      <c r="A6882" s="219" t="s">
        <v>16498</v>
      </c>
      <c r="B6882" s="220" t="s">
        <v>19871</v>
      </c>
      <c r="C6882" s="98" t="s">
        <v>16499</v>
      </c>
      <c r="D6882" s="98" t="s">
        <v>16500</v>
      </c>
      <c r="E6882" s="141">
        <v>1988</v>
      </c>
      <c r="F6882" s="141">
        <v>280</v>
      </c>
      <c r="G6882" s="98" t="s">
        <v>1</v>
      </c>
      <c r="H6882" s="98">
        <v>0</v>
      </c>
      <c r="I6882" s="98">
        <v>0</v>
      </c>
      <c r="J6882" s="98">
        <v>0</v>
      </c>
      <c r="K6882" s="98">
        <v>1</v>
      </c>
      <c r="L6882" s="98">
        <v>0</v>
      </c>
      <c r="M6882" s="98">
        <v>0</v>
      </c>
      <c r="N6882" s="98">
        <v>0</v>
      </c>
      <c r="O6882" s="98">
        <v>0</v>
      </c>
      <c r="P6882" s="98">
        <v>1</v>
      </c>
      <c r="Q6882" s="98">
        <v>0</v>
      </c>
      <c r="R6882" s="98">
        <v>1</v>
      </c>
      <c r="S6882" s="98">
        <v>0</v>
      </c>
      <c r="T6882" s="98">
        <v>0</v>
      </c>
      <c r="U6882" s="99"/>
      <c r="V6882" s="99"/>
      <c r="W6882" s="99"/>
      <c r="X6882" s="99"/>
      <c r="Y6882" s="99"/>
      <c r="Z6882" s="99"/>
      <c r="AA6882" s="99"/>
      <c r="AB6882" s="99"/>
      <c r="AC6882" s="99"/>
      <c r="AD6882" s="99"/>
      <c r="AE6882" s="99"/>
      <c r="AF6882" s="99"/>
      <c r="AG6882" s="99"/>
      <c r="AH6882" s="99"/>
      <c r="AI6882" s="99"/>
      <c r="AJ6882" s="99"/>
      <c r="AK6882" s="99"/>
      <c r="AL6882" s="99"/>
      <c r="AM6882" s="99"/>
      <c r="AN6882" s="99"/>
      <c r="AO6882" s="99"/>
      <c r="AP6882" s="99"/>
      <c r="AQ6882" s="99"/>
      <c r="AR6882" s="99"/>
      <c r="AS6882" s="99"/>
      <c r="AT6882" s="99"/>
      <c r="AU6882" s="99"/>
      <c r="AV6882" s="99"/>
      <c r="AW6882" s="99"/>
      <c r="AX6882" s="99"/>
      <c r="AY6882" s="99"/>
      <c r="AZ6882" s="99"/>
      <c r="BA6882" s="99"/>
      <c r="BB6882" s="221">
        <v>45884</v>
      </c>
    </row>
    <row r="6883" spans="1:54" s="8" customFormat="1" ht="14.1" customHeight="1" x14ac:dyDescent="0.25">
      <c r="A6883" s="219" t="s">
        <v>16501</v>
      </c>
      <c r="B6883" s="220" t="s">
        <v>19871</v>
      </c>
      <c r="C6883" s="98" t="s">
        <v>16502</v>
      </c>
      <c r="D6883" s="98" t="s">
        <v>16503</v>
      </c>
      <c r="E6883" s="141">
        <v>2000</v>
      </c>
      <c r="F6883" s="141">
        <v>185</v>
      </c>
      <c r="G6883" s="98" t="s">
        <v>1</v>
      </c>
      <c r="H6883" s="98">
        <v>0</v>
      </c>
      <c r="I6883" s="98">
        <v>0</v>
      </c>
      <c r="J6883" s="98">
        <v>1</v>
      </c>
      <c r="K6883" s="98">
        <v>0</v>
      </c>
      <c r="L6883" s="98">
        <v>1</v>
      </c>
      <c r="M6883" s="98">
        <v>0</v>
      </c>
      <c r="N6883" s="98">
        <v>0</v>
      </c>
      <c r="O6883" s="98">
        <v>1</v>
      </c>
      <c r="P6883" s="98">
        <v>1</v>
      </c>
      <c r="Q6883" s="98">
        <v>0</v>
      </c>
      <c r="R6883" s="98">
        <v>1</v>
      </c>
      <c r="S6883" s="98">
        <v>0</v>
      </c>
      <c r="T6883" s="98">
        <v>0</v>
      </c>
      <c r="U6883" s="99"/>
      <c r="V6883" s="99"/>
      <c r="W6883" s="99"/>
      <c r="X6883" s="99"/>
      <c r="Y6883" s="99"/>
      <c r="Z6883" s="99"/>
      <c r="AA6883" s="99"/>
      <c r="AB6883" s="99"/>
      <c r="AC6883" s="99"/>
      <c r="AD6883" s="99"/>
      <c r="AE6883" s="99"/>
      <c r="AF6883" s="99"/>
      <c r="AG6883" s="99"/>
      <c r="AH6883" s="99"/>
      <c r="AI6883" s="99"/>
      <c r="AJ6883" s="99"/>
      <c r="AK6883" s="99"/>
      <c r="AL6883" s="99"/>
      <c r="AM6883" s="99"/>
      <c r="AN6883" s="99"/>
      <c r="AO6883" s="99"/>
      <c r="AP6883" s="99"/>
      <c r="AQ6883" s="99"/>
      <c r="AR6883" s="99"/>
      <c r="AS6883" s="99"/>
      <c r="AT6883" s="99"/>
      <c r="AU6883" s="99"/>
      <c r="AV6883" s="99"/>
      <c r="AW6883" s="99"/>
      <c r="AX6883" s="99"/>
      <c r="AY6883" s="99"/>
      <c r="AZ6883" s="99"/>
      <c r="BA6883" s="99"/>
      <c r="BB6883" s="221">
        <v>45884</v>
      </c>
    </row>
    <row r="6884" spans="1:54" s="8" customFormat="1" ht="14.1" customHeight="1" x14ac:dyDescent="0.25">
      <c r="A6884" s="219" t="s">
        <v>16504</v>
      </c>
      <c r="B6884" s="220" t="s">
        <v>19871</v>
      </c>
      <c r="C6884" s="98" t="s">
        <v>16505</v>
      </c>
      <c r="D6884" s="98" t="s">
        <v>16506</v>
      </c>
      <c r="E6884" s="141">
        <v>2003</v>
      </c>
      <c r="F6884" s="141">
        <v>241</v>
      </c>
      <c r="G6884" s="98" t="s">
        <v>1</v>
      </c>
      <c r="H6884" s="98">
        <v>0</v>
      </c>
      <c r="I6884" s="98">
        <v>0</v>
      </c>
      <c r="J6884" s="98">
        <v>1</v>
      </c>
      <c r="K6884" s="98">
        <v>0</v>
      </c>
      <c r="L6884" s="98">
        <v>1</v>
      </c>
      <c r="M6884" s="98">
        <v>0</v>
      </c>
      <c r="N6884" s="98">
        <v>0</v>
      </c>
      <c r="O6884" s="98">
        <v>1</v>
      </c>
      <c r="P6884" s="98">
        <v>1</v>
      </c>
      <c r="Q6884" s="98">
        <v>0</v>
      </c>
      <c r="R6884" s="98">
        <v>1</v>
      </c>
      <c r="S6884" s="98">
        <v>0</v>
      </c>
      <c r="T6884" s="98">
        <v>0</v>
      </c>
      <c r="U6884" s="99"/>
      <c r="V6884" s="99"/>
      <c r="W6884" s="99"/>
      <c r="X6884" s="99"/>
      <c r="Y6884" s="99"/>
      <c r="Z6884" s="99"/>
      <c r="AA6884" s="99"/>
      <c r="AB6884" s="99"/>
      <c r="AC6884" s="99"/>
      <c r="AD6884" s="99"/>
      <c r="AE6884" s="99"/>
      <c r="AF6884" s="99"/>
      <c r="AG6884" s="99"/>
      <c r="AH6884" s="99"/>
      <c r="AI6884" s="99"/>
      <c r="AJ6884" s="99"/>
      <c r="AK6884" s="99"/>
      <c r="AL6884" s="99"/>
      <c r="AM6884" s="99"/>
      <c r="AN6884" s="99"/>
      <c r="AO6884" s="99"/>
      <c r="AP6884" s="99"/>
      <c r="AQ6884" s="99"/>
      <c r="AR6884" s="99"/>
      <c r="AS6884" s="99"/>
      <c r="AT6884" s="99"/>
      <c r="AU6884" s="99"/>
      <c r="AV6884" s="99"/>
      <c r="AW6884" s="99"/>
      <c r="AX6884" s="99"/>
      <c r="AY6884" s="99"/>
      <c r="AZ6884" s="99"/>
      <c r="BA6884" s="99"/>
      <c r="BB6884" s="221">
        <v>45884</v>
      </c>
    </row>
    <row r="6885" spans="1:54" s="8" customFormat="1" ht="14.1" customHeight="1" x14ac:dyDescent="0.25">
      <c r="A6885" s="219" t="s">
        <v>16507</v>
      </c>
      <c r="B6885" s="220" t="s">
        <v>19871</v>
      </c>
      <c r="C6885" s="98" t="s">
        <v>16508</v>
      </c>
      <c r="D6885" s="98" t="s">
        <v>16509</v>
      </c>
      <c r="E6885" s="141">
        <v>1978</v>
      </c>
      <c r="F6885" s="141">
        <v>761</v>
      </c>
      <c r="G6885" s="98" t="s">
        <v>1</v>
      </c>
      <c r="H6885" s="98">
        <v>0</v>
      </c>
      <c r="I6885" s="98">
        <v>0</v>
      </c>
      <c r="J6885" s="98">
        <v>1</v>
      </c>
      <c r="K6885" s="98">
        <v>0</v>
      </c>
      <c r="L6885" s="98">
        <v>1</v>
      </c>
      <c r="M6885" s="98">
        <v>0</v>
      </c>
      <c r="N6885" s="98">
        <v>0</v>
      </c>
      <c r="O6885" s="98">
        <v>1</v>
      </c>
      <c r="P6885" s="98">
        <v>1</v>
      </c>
      <c r="Q6885" s="98">
        <v>0</v>
      </c>
      <c r="R6885" s="98">
        <v>0</v>
      </c>
      <c r="S6885" s="98">
        <v>0</v>
      </c>
      <c r="T6885" s="98">
        <v>0</v>
      </c>
      <c r="U6885" s="99"/>
      <c r="V6885" s="99"/>
      <c r="W6885" s="99"/>
      <c r="X6885" s="99"/>
      <c r="Y6885" s="99"/>
      <c r="Z6885" s="99"/>
      <c r="AA6885" s="99"/>
      <c r="AB6885" s="99"/>
      <c r="AC6885" s="99"/>
      <c r="AD6885" s="99"/>
      <c r="AE6885" s="99"/>
      <c r="AF6885" s="99"/>
      <c r="AG6885" s="99"/>
      <c r="AH6885" s="99"/>
      <c r="AI6885" s="99"/>
      <c r="AJ6885" s="99"/>
      <c r="AK6885" s="99"/>
      <c r="AL6885" s="99"/>
      <c r="AM6885" s="99"/>
      <c r="AN6885" s="99"/>
      <c r="AO6885" s="99"/>
      <c r="AP6885" s="99"/>
      <c r="AQ6885" s="99"/>
      <c r="AR6885" s="99"/>
      <c r="AS6885" s="99"/>
      <c r="AT6885" s="99"/>
      <c r="AU6885" s="99"/>
      <c r="AV6885" s="99"/>
      <c r="AW6885" s="99"/>
      <c r="AX6885" s="99"/>
      <c r="AY6885" s="99"/>
      <c r="AZ6885" s="99"/>
      <c r="BA6885" s="99"/>
      <c r="BB6885" s="221">
        <v>45884</v>
      </c>
    </row>
    <row r="6886" spans="1:54" s="8" customFormat="1" ht="14.1" customHeight="1" x14ac:dyDescent="0.25">
      <c r="A6886" s="219" t="s">
        <v>16510</v>
      </c>
      <c r="B6886" s="220" t="s">
        <v>19871</v>
      </c>
      <c r="C6886" s="98" t="s">
        <v>16511</v>
      </c>
      <c r="D6886" s="98" t="s">
        <v>16512</v>
      </c>
      <c r="E6886" s="141">
        <v>1983</v>
      </c>
      <c r="F6886" s="141">
        <v>132</v>
      </c>
      <c r="G6886" s="98" t="s">
        <v>1</v>
      </c>
      <c r="H6886" s="98">
        <v>0</v>
      </c>
      <c r="I6886" s="98">
        <v>0</v>
      </c>
      <c r="J6886" s="98">
        <v>1</v>
      </c>
      <c r="K6886" s="98">
        <v>0</v>
      </c>
      <c r="L6886" s="98">
        <v>1</v>
      </c>
      <c r="M6886" s="98">
        <v>0</v>
      </c>
      <c r="N6886" s="98">
        <v>0</v>
      </c>
      <c r="O6886" s="98">
        <v>1</v>
      </c>
      <c r="P6886" s="98">
        <v>1</v>
      </c>
      <c r="Q6886" s="98">
        <v>0</v>
      </c>
      <c r="R6886" s="98">
        <v>0</v>
      </c>
      <c r="S6886" s="98">
        <v>0</v>
      </c>
      <c r="T6886" s="98">
        <v>0</v>
      </c>
      <c r="U6886" s="99"/>
      <c r="V6886" s="99"/>
      <c r="W6886" s="99"/>
      <c r="X6886" s="99"/>
      <c r="Y6886" s="99"/>
      <c r="Z6886" s="99"/>
      <c r="AA6886" s="99"/>
      <c r="AB6886" s="99"/>
      <c r="AC6886" s="99"/>
      <c r="AD6886" s="99"/>
      <c r="AE6886" s="99"/>
      <c r="AF6886" s="99"/>
      <c r="AG6886" s="99"/>
      <c r="AH6886" s="99"/>
      <c r="AI6886" s="99"/>
      <c r="AJ6886" s="99"/>
      <c r="AK6886" s="99"/>
      <c r="AL6886" s="99"/>
      <c r="AM6886" s="99"/>
      <c r="AN6886" s="99"/>
      <c r="AO6886" s="99"/>
      <c r="AP6886" s="99"/>
      <c r="AQ6886" s="99"/>
      <c r="AR6886" s="99"/>
      <c r="AS6886" s="99"/>
      <c r="AT6886" s="99"/>
      <c r="AU6886" s="99"/>
      <c r="AV6886" s="99"/>
      <c r="AW6886" s="99"/>
      <c r="AX6886" s="99"/>
      <c r="AY6886" s="99"/>
      <c r="AZ6886" s="99"/>
      <c r="BA6886" s="99"/>
      <c r="BB6886" s="221">
        <v>45884</v>
      </c>
    </row>
    <row r="6887" spans="1:54" s="8" customFormat="1" ht="14.1" customHeight="1" x14ac:dyDescent="0.25">
      <c r="A6887" s="219" t="s">
        <v>16513</v>
      </c>
      <c r="B6887" s="220" t="s">
        <v>19871</v>
      </c>
      <c r="C6887" s="98" t="s">
        <v>16514</v>
      </c>
      <c r="D6887" s="98" t="s">
        <v>16515</v>
      </c>
      <c r="E6887" s="141">
        <v>1992</v>
      </c>
      <c r="F6887" s="141">
        <v>158</v>
      </c>
      <c r="G6887" s="98" t="s">
        <v>1</v>
      </c>
      <c r="H6887" s="98">
        <v>0</v>
      </c>
      <c r="I6887" s="98">
        <v>0</v>
      </c>
      <c r="J6887" s="98">
        <v>1</v>
      </c>
      <c r="K6887" s="98">
        <v>1</v>
      </c>
      <c r="L6887" s="98">
        <v>1</v>
      </c>
      <c r="M6887" s="98">
        <v>0</v>
      </c>
      <c r="N6887" s="98">
        <v>0</v>
      </c>
      <c r="O6887" s="98">
        <v>0</v>
      </c>
      <c r="P6887" s="98">
        <v>1</v>
      </c>
      <c r="Q6887" s="98">
        <v>0</v>
      </c>
      <c r="R6887" s="98">
        <v>0</v>
      </c>
      <c r="S6887" s="98">
        <v>0</v>
      </c>
      <c r="T6887" s="98">
        <v>0</v>
      </c>
      <c r="U6887" s="99"/>
      <c r="V6887" s="99"/>
      <c r="W6887" s="99"/>
      <c r="X6887" s="99"/>
      <c r="Y6887" s="99"/>
      <c r="Z6887" s="99"/>
      <c r="AA6887" s="99"/>
      <c r="AB6887" s="99"/>
      <c r="AC6887" s="99"/>
      <c r="AD6887" s="99"/>
      <c r="AE6887" s="99"/>
      <c r="AF6887" s="99"/>
      <c r="AG6887" s="99"/>
      <c r="AH6887" s="99"/>
      <c r="AI6887" s="99"/>
      <c r="AJ6887" s="99"/>
      <c r="AK6887" s="99"/>
      <c r="AL6887" s="99"/>
      <c r="AM6887" s="99"/>
      <c r="AN6887" s="99"/>
      <c r="AO6887" s="99"/>
      <c r="AP6887" s="99"/>
      <c r="AQ6887" s="99"/>
      <c r="AR6887" s="99"/>
      <c r="AS6887" s="99"/>
      <c r="AT6887" s="99"/>
      <c r="AU6887" s="99"/>
      <c r="AV6887" s="99"/>
      <c r="AW6887" s="99"/>
      <c r="AX6887" s="99"/>
      <c r="AY6887" s="99"/>
      <c r="AZ6887" s="99"/>
      <c r="BA6887" s="99"/>
      <c r="BB6887" s="221">
        <v>45884</v>
      </c>
    </row>
    <row r="6888" spans="1:54" s="8" customFormat="1" ht="14.1" customHeight="1" x14ac:dyDescent="0.25">
      <c r="A6888" s="219" t="s">
        <v>16516</v>
      </c>
      <c r="B6888" s="220" t="s">
        <v>19871</v>
      </c>
      <c r="C6888" s="98" t="s">
        <v>16517</v>
      </c>
      <c r="D6888" s="98" t="s">
        <v>16518</v>
      </c>
      <c r="E6888" s="141">
        <v>1999</v>
      </c>
      <c r="F6888" s="141">
        <v>217</v>
      </c>
      <c r="G6888" s="98" t="s">
        <v>1</v>
      </c>
      <c r="H6888" s="98">
        <v>0</v>
      </c>
      <c r="I6888" s="98">
        <v>0</v>
      </c>
      <c r="J6888" s="98">
        <v>1</v>
      </c>
      <c r="K6888" s="98">
        <v>1</v>
      </c>
      <c r="L6888" s="98">
        <v>1</v>
      </c>
      <c r="M6888" s="98">
        <v>0</v>
      </c>
      <c r="N6888" s="98">
        <v>0</v>
      </c>
      <c r="O6888" s="98">
        <v>0</v>
      </c>
      <c r="P6888" s="98">
        <v>0</v>
      </c>
      <c r="Q6888" s="98">
        <v>0</v>
      </c>
      <c r="R6888" s="98">
        <v>0</v>
      </c>
      <c r="S6888" s="98">
        <v>0</v>
      </c>
      <c r="T6888" s="98">
        <v>0</v>
      </c>
      <c r="U6888" s="99"/>
      <c r="V6888" s="99"/>
      <c r="W6888" s="99"/>
      <c r="X6888" s="99"/>
      <c r="Y6888" s="99"/>
      <c r="Z6888" s="99"/>
      <c r="AA6888" s="99"/>
      <c r="AB6888" s="99"/>
      <c r="AC6888" s="99"/>
      <c r="AD6888" s="99"/>
      <c r="AE6888" s="99"/>
      <c r="AF6888" s="99"/>
      <c r="AG6888" s="99"/>
      <c r="AH6888" s="99"/>
      <c r="AI6888" s="99"/>
      <c r="AJ6888" s="99"/>
      <c r="AK6888" s="99"/>
      <c r="AL6888" s="99"/>
      <c r="AM6888" s="99"/>
      <c r="AN6888" s="99"/>
      <c r="AO6888" s="99"/>
      <c r="AP6888" s="99"/>
      <c r="AQ6888" s="99"/>
      <c r="AR6888" s="99"/>
      <c r="AS6888" s="99"/>
      <c r="AT6888" s="99"/>
      <c r="AU6888" s="99"/>
      <c r="AV6888" s="99"/>
      <c r="AW6888" s="99"/>
      <c r="AX6888" s="99"/>
      <c r="AY6888" s="99"/>
      <c r="AZ6888" s="99"/>
      <c r="BA6888" s="99"/>
      <c r="BB6888" s="221">
        <v>45884</v>
      </c>
    </row>
    <row r="6889" spans="1:54" s="8" customFormat="1" ht="14.1" customHeight="1" x14ac:dyDescent="0.25">
      <c r="A6889" s="219" t="s">
        <v>16519</v>
      </c>
      <c r="B6889" s="220" t="s">
        <v>19871</v>
      </c>
      <c r="C6889" s="98" t="s">
        <v>16520</v>
      </c>
      <c r="D6889" s="98" t="s">
        <v>16521</v>
      </c>
      <c r="E6889" s="141" t="s">
        <v>174</v>
      </c>
      <c r="F6889" s="141">
        <v>1662</v>
      </c>
      <c r="G6889" s="98" t="s">
        <v>1</v>
      </c>
      <c r="H6889" s="98">
        <v>1</v>
      </c>
      <c r="I6889" s="98">
        <v>0</v>
      </c>
      <c r="J6889" s="98">
        <v>1</v>
      </c>
      <c r="K6889" s="98">
        <v>1</v>
      </c>
      <c r="L6889" s="98">
        <v>1</v>
      </c>
      <c r="M6889" s="98">
        <v>1</v>
      </c>
      <c r="N6889" s="98">
        <v>1</v>
      </c>
      <c r="O6889" s="98">
        <v>1</v>
      </c>
      <c r="P6889" s="98">
        <v>0</v>
      </c>
      <c r="Q6889" s="98">
        <v>0</v>
      </c>
      <c r="R6889" s="98">
        <v>0</v>
      </c>
      <c r="S6889" s="98">
        <v>0</v>
      </c>
      <c r="T6889" s="98">
        <v>0</v>
      </c>
      <c r="U6889" s="99"/>
      <c r="V6889" s="99"/>
      <c r="W6889" s="99"/>
      <c r="X6889" s="99"/>
      <c r="Y6889" s="99"/>
      <c r="Z6889" s="99"/>
      <c r="AA6889" s="99"/>
      <c r="AB6889" s="99"/>
      <c r="AC6889" s="99"/>
      <c r="AD6889" s="99"/>
      <c r="AE6889" s="99"/>
      <c r="AF6889" s="99"/>
      <c r="AG6889" s="99"/>
      <c r="AH6889" s="99"/>
      <c r="AI6889" s="99"/>
      <c r="AJ6889" s="99"/>
      <c r="AK6889" s="99"/>
      <c r="AL6889" s="99"/>
      <c r="AM6889" s="99"/>
      <c r="AN6889" s="99"/>
      <c r="AO6889" s="99"/>
      <c r="AP6889" s="99"/>
      <c r="AQ6889" s="99"/>
      <c r="AR6889" s="99"/>
      <c r="AS6889" s="99"/>
      <c r="AT6889" s="99"/>
      <c r="AU6889" s="99"/>
      <c r="AV6889" s="99"/>
      <c r="AW6889" s="99"/>
      <c r="AX6889" s="99"/>
      <c r="AY6889" s="99"/>
      <c r="AZ6889" s="99"/>
      <c r="BA6889" s="99"/>
      <c r="BB6889" s="221">
        <v>45884</v>
      </c>
    </row>
    <row r="6890" spans="1:54" s="8" customFormat="1" ht="14.1" customHeight="1" x14ac:dyDescent="0.25">
      <c r="A6890" s="219" t="s">
        <v>16522</v>
      </c>
      <c r="B6890" s="220" t="s">
        <v>19871</v>
      </c>
      <c r="C6890" s="98" t="s">
        <v>16523</v>
      </c>
      <c r="D6890" s="98" t="s">
        <v>16524</v>
      </c>
      <c r="E6890" s="141">
        <v>2008</v>
      </c>
      <c r="F6890" s="141">
        <v>257</v>
      </c>
      <c r="G6890" s="98" t="s">
        <v>1</v>
      </c>
      <c r="H6890" s="98">
        <v>0</v>
      </c>
      <c r="I6890" s="98">
        <v>0</v>
      </c>
      <c r="J6890" s="98">
        <v>1</v>
      </c>
      <c r="K6890" s="98">
        <v>0</v>
      </c>
      <c r="L6890" s="98">
        <v>1</v>
      </c>
      <c r="M6890" s="98">
        <v>0</v>
      </c>
      <c r="N6890" s="98">
        <v>0</v>
      </c>
      <c r="O6890" s="98">
        <v>1</v>
      </c>
      <c r="P6890" s="98">
        <v>1</v>
      </c>
      <c r="Q6890" s="98">
        <v>0</v>
      </c>
      <c r="R6890" s="98">
        <v>0</v>
      </c>
      <c r="S6890" s="98">
        <v>0</v>
      </c>
      <c r="T6890" s="98">
        <v>0</v>
      </c>
      <c r="U6890" s="99"/>
      <c r="V6890" s="99"/>
      <c r="W6890" s="99"/>
      <c r="X6890" s="99"/>
      <c r="Y6890" s="99"/>
      <c r="Z6890" s="99"/>
      <c r="AA6890" s="99"/>
      <c r="AB6890" s="99"/>
      <c r="AC6890" s="99"/>
      <c r="AD6890" s="99"/>
      <c r="AE6890" s="99"/>
      <c r="AF6890" s="99"/>
      <c r="AG6890" s="99"/>
      <c r="AH6890" s="99"/>
      <c r="AI6890" s="99"/>
      <c r="AJ6890" s="99"/>
      <c r="AK6890" s="99"/>
      <c r="AL6890" s="99"/>
      <c r="AM6890" s="99"/>
      <c r="AN6890" s="99"/>
      <c r="AO6890" s="99"/>
      <c r="AP6890" s="99"/>
      <c r="AQ6890" s="99"/>
      <c r="AR6890" s="99"/>
      <c r="AS6890" s="99"/>
      <c r="AT6890" s="99"/>
      <c r="AU6890" s="99"/>
      <c r="AV6890" s="99"/>
      <c r="AW6890" s="99"/>
      <c r="AX6890" s="99"/>
      <c r="AY6890" s="99"/>
      <c r="AZ6890" s="99"/>
      <c r="BA6890" s="99"/>
      <c r="BB6890" s="221">
        <v>45884</v>
      </c>
    </row>
    <row r="6891" spans="1:54" s="8" customFormat="1" ht="14.1" customHeight="1" x14ac:dyDescent="0.25">
      <c r="A6891" s="219" t="s">
        <v>16525</v>
      </c>
      <c r="B6891" s="220" t="s">
        <v>19871</v>
      </c>
      <c r="C6891" s="98" t="s">
        <v>16526</v>
      </c>
      <c r="D6891" s="98" t="s">
        <v>16527</v>
      </c>
      <c r="E6891" s="141">
        <v>1998</v>
      </c>
      <c r="F6891" s="141">
        <v>600</v>
      </c>
      <c r="G6891" s="98" t="s">
        <v>1</v>
      </c>
      <c r="H6891" s="98">
        <v>0</v>
      </c>
      <c r="I6891" s="98">
        <v>0</v>
      </c>
      <c r="J6891" s="98">
        <v>1</v>
      </c>
      <c r="K6891" s="98">
        <v>0</v>
      </c>
      <c r="L6891" s="98">
        <v>1</v>
      </c>
      <c r="M6891" s="98">
        <v>0</v>
      </c>
      <c r="N6891" s="98">
        <v>0</v>
      </c>
      <c r="O6891" s="98">
        <v>1</v>
      </c>
      <c r="P6891" s="98">
        <v>1</v>
      </c>
      <c r="Q6891" s="98">
        <v>0</v>
      </c>
      <c r="R6891" s="98">
        <v>1</v>
      </c>
      <c r="S6891" s="98">
        <v>0</v>
      </c>
      <c r="T6891" s="98">
        <v>0</v>
      </c>
      <c r="U6891" s="99"/>
      <c r="V6891" s="99"/>
      <c r="W6891" s="99"/>
      <c r="X6891" s="99"/>
      <c r="Y6891" s="99"/>
      <c r="Z6891" s="99"/>
      <c r="AA6891" s="99"/>
      <c r="AB6891" s="99"/>
      <c r="AC6891" s="99"/>
      <c r="AD6891" s="99"/>
      <c r="AE6891" s="99"/>
      <c r="AF6891" s="99"/>
      <c r="AG6891" s="99"/>
      <c r="AH6891" s="99"/>
      <c r="AI6891" s="99"/>
      <c r="AJ6891" s="99"/>
      <c r="AK6891" s="99"/>
      <c r="AL6891" s="99"/>
      <c r="AM6891" s="99"/>
      <c r="AN6891" s="99"/>
      <c r="AO6891" s="99"/>
      <c r="AP6891" s="99"/>
      <c r="AQ6891" s="99"/>
      <c r="AR6891" s="99"/>
      <c r="AS6891" s="99"/>
      <c r="AT6891" s="99"/>
      <c r="AU6891" s="99"/>
      <c r="AV6891" s="99"/>
      <c r="AW6891" s="99"/>
      <c r="AX6891" s="99"/>
      <c r="AY6891" s="99"/>
      <c r="AZ6891" s="99"/>
      <c r="BA6891" s="99"/>
      <c r="BB6891" s="221">
        <v>45884</v>
      </c>
    </row>
    <row r="6892" spans="1:54" s="8" customFormat="1" ht="14.1" customHeight="1" x14ac:dyDescent="0.25">
      <c r="A6892" s="219" t="s">
        <v>16528</v>
      </c>
      <c r="B6892" s="220" t="s">
        <v>19871</v>
      </c>
      <c r="C6892" s="98" t="s">
        <v>16529</v>
      </c>
      <c r="D6892" s="98" t="s">
        <v>16530</v>
      </c>
      <c r="E6892" s="141">
        <v>2000</v>
      </c>
      <c r="F6892" s="141">
        <v>243</v>
      </c>
      <c r="G6892" s="98" t="s">
        <v>1</v>
      </c>
      <c r="H6892" s="98">
        <v>0</v>
      </c>
      <c r="I6892" s="98">
        <v>0</v>
      </c>
      <c r="J6892" s="98">
        <v>1</v>
      </c>
      <c r="K6892" s="98">
        <v>0</v>
      </c>
      <c r="L6892" s="98">
        <v>1</v>
      </c>
      <c r="M6892" s="98">
        <v>0</v>
      </c>
      <c r="N6892" s="98">
        <v>0</v>
      </c>
      <c r="O6892" s="98">
        <v>1</v>
      </c>
      <c r="P6892" s="98">
        <v>1</v>
      </c>
      <c r="Q6892" s="98">
        <v>0</v>
      </c>
      <c r="R6892" s="98">
        <v>1</v>
      </c>
      <c r="S6892" s="98">
        <v>0</v>
      </c>
      <c r="T6892" s="98">
        <v>0</v>
      </c>
      <c r="U6892" s="99"/>
      <c r="V6892" s="99"/>
      <c r="W6892" s="99"/>
      <c r="X6892" s="99"/>
      <c r="Y6892" s="99"/>
      <c r="Z6892" s="99"/>
      <c r="AA6892" s="99"/>
      <c r="AB6892" s="99"/>
      <c r="AC6892" s="99"/>
      <c r="AD6892" s="99"/>
      <c r="AE6892" s="99"/>
      <c r="AF6892" s="99"/>
      <c r="AG6892" s="99"/>
      <c r="AH6892" s="99"/>
      <c r="AI6892" s="99"/>
      <c r="AJ6892" s="99"/>
      <c r="AK6892" s="99"/>
      <c r="AL6892" s="99"/>
      <c r="AM6892" s="99"/>
      <c r="AN6892" s="99"/>
      <c r="AO6892" s="99"/>
      <c r="AP6892" s="99"/>
      <c r="AQ6892" s="99"/>
      <c r="AR6892" s="99"/>
      <c r="AS6892" s="99"/>
      <c r="AT6892" s="99"/>
      <c r="AU6892" s="99"/>
      <c r="AV6892" s="99"/>
      <c r="AW6892" s="99"/>
      <c r="AX6892" s="99"/>
      <c r="AY6892" s="99"/>
      <c r="AZ6892" s="99"/>
      <c r="BA6892" s="99"/>
      <c r="BB6892" s="221">
        <v>45884</v>
      </c>
    </row>
    <row r="6893" spans="1:54" s="8" customFormat="1" ht="14.1" customHeight="1" x14ac:dyDescent="0.25">
      <c r="A6893" s="219" t="s">
        <v>16531</v>
      </c>
      <c r="B6893" s="220" t="s">
        <v>19871</v>
      </c>
      <c r="C6893" s="98" t="s">
        <v>16532</v>
      </c>
      <c r="D6893" s="98" t="s">
        <v>16533</v>
      </c>
      <c r="E6893" s="141">
        <v>1978</v>
      </c>
      <c r="F6893" s="141">
        <v>370</v>
      </c>
      <c r="G6893" s="98" t="s">
        <v>1</v>
      </c>
      <c r="H6893" s="98">
        <v>0</v>
      </c>
      <c r="I6893" s="98">
        <v>0</v>
      </c>
      <c r="J6893" s="98">
        <v>1</v>
      </c>
      <c r="K6893" s="98">
        <v>1</v>
      </c>
      <c r="L6893" s="98">
        <v>1</v>
      </c>
      <c r="M6893" s="98">
        <v>0</v>
      </c>
      <c r="N6893" s="98">
        <v>0</v>
      </c>
      <c r="O6893" s="98">
        <v>0</v>
      </c>
      <c r="P6893" s="98">
        <v>0</v>
      </c>
      <c r="Q6893" s="98">
        <v>1</v>
      </c>
      <c r="R6893" s="98">
        <v>0</v>
      </c>
      <c r="S6893" s="98">
        <v>0</v>
      </c>
      <c r="T6893" s="98">
        <v>0</v>
      </c>
      <c r="U6893" s="99"/>
      <c r="V6893" s="99"/>
      <c r="W6893" s="99"/>
      <c r="X6893" s="99"/>
      <c r="Y6893" s="99"/>
      <c r="Z6893" s="99"/>
      <c r="AA6893" s="99"/>
      <c r="AB6893" s="99"/>
      <c r="AC6893" s="99"/>
      <c r="AD6893" s="99"/>
      <c r="AE6893" s="99"/>
      <c r="AF6893" s="99"/>
      <c r="AG6893" s="99"/>
      <c r="AH6893" s="99"/>
      <c r="AI6893" s="99"/>
      <c r="AJ6893" s="99"/>
      <c r="AK6893" s="99"/>
      <c r="AL6893" s="99"/>
      <c r="AM6893" s="99"/>
      <c r="AN6893" s="99"/>
      <c r="AO6893" s="99"/>
      <c r="AP6893" s="99"/>
      <c r="AQ6893" s="99"/>
      <c r="AR6893" s="99"/>
      <c r="AS6893" s="99"/>
      <c r="AT6893" s="99"/>
      <c r="AU6893" s="99"/>
      <c r="AV6893" s="99"/>
      <c r="AW6893" s="99"/>
      <c r="AX6893" s="99"/>
      <c r="AY6893" s="99"/>
      <c r="AZ6893" s="99"/>
      <c r="BA6893" s="99"/>
      <c r="BB6893" s="221">
        <v>45884</v>
      </c>
    </row>
    <row r="6894" spans="1:54" s="8" customFormat="1" ht="14.1" customHeight="1" x14ac:dyDescent="0.25">
      <c r="A6894" s="219" t="s">
        <v>16534</v>
      </c>
      <c r="B6894" s="220" t="s">
        <v>19871</v>
      </c>
      <c r="C6894" s="98" t="s">
        <v>16535</v>
      </c>
      <c r="D6894" s="98" t="s">
        <v>16536</v>
      </c>
      <c r="E6894" s="141">
        <v>1969</v>
      </c>
      <c r="F6894" s="141">
        <v>353</v>
      </c>
      <c r="G6894" s="98" t="s">
        <v>1</v>
      </c>
      <c r="H6894" s="98">
        <v>0</v>
      </c>
      <c r="I6894" s="98">
        <v>0</v>
      </c>
      <c r="J6894" s="98">
        <v>1</v>
      </c>
      <c r="K6894" s="98">
        <v>1</v>
      </c>
      <c r="L6894" s="98">
        <v>1</v>
      </c>
      <c r="M6894" s="98">
        <v>0</v>
      </c>
      <c r="N6894" s="98">
        <v>0</v>
      </c>
      <c r="O6894" s="98">
        <v>0</v>
      </c>
      <c r="P6894" s="98">
        <v>1</v>
      </c>
      <c r="Q6894" s="98">
        <v>0</v>
      </c>
      <c r="R6894" s="98">
        <v>0</v>
      </c>
      <c r="S6894" s="98">
        <v>0</v>
      </c>
      <c r="T6894" s="98">
        <v>0</v>
      </c>
      <c r="U6894" s="99"/>
      <c r="V6894" s="99"/>
      <c r="W6894" s="99"/>
      <c r="X6894" s="99"/>
      <c r="Y6894" s="99"/>
      <c r="Z6894" s="99"/>
      <c r="AA6894" s="99"/>
      <c r="AB6894" s="99"/>
      <c r="AC6894" s="99"/>
      <c r="AD6894" s="99"/>
      <c r="AE6894" s="99"/>
      <c r="AF6894" s="99"/>
      <c r="AG6894" s="99"/>
      <c r="AH6894" s="99"/>
      <c r="AI6894" s="99"/>
      <c r="AJ6894" s="99"/>
      <c r="AK6894" s="99"/>
      <c r="AL6894" s="99"/>
      <c r="AM6894" s="99"/>
      <c r="AN6894" s="99"/>
      <c r="AO6894" s="99"/>
      <c r="AP6894" s="99"/>
      <c r="AQ6894" s="99"/>
      <c r="AR6894" s="99"/>
      <c r="AS6894" s="99"/>
      <c r="AT6894" s="99"/>
      <c r="AU6894" s="99"/>
      <c r="AV6894" s="99"/>
      <c r="AW6894" s="99"/>
      <c r="AX6894" s="99"/>
      <c r="AY6894" s="99"/>
      <c r="AZ6894" s="99"/>
      <c r="BA6894" s="99"/>
      <c r="BB6894" s="221">
        <v>45884</v>
      </c>
    </row>
    <row r="6895" spans="1:54" s="8" customFormat="1" ht="14.1" customHeight="1" x14ac:dyDescent="0.25">
      <c r="A6895" s="219" t="s">
        <v>16537</v>
      </c>
      <c r="B6895" s="220" t="s">
        <v>19871</v>
      </c>
      <c r="C6895" s="98" t="s">
        <v>14692</v>
      </c>
      <c r="D6895" s="98" t="s">
        <v>16538</v>
      </c>
      <c r="E6895" s="141">
        <v>1977</v>
      </c>
      <c r="F6895" s="141">
        <v>136</v>
      </c>
      <c r="G6895" s="98" t="s">
        <v>1</v>
      </c>
      <c r="H6895" s="98">
        <v>0</v>
      </c>
      <c r="I6895" s="98">
        <v>0</v>
      </c>
      <c r="J6895" s="98">
        <v>0</v>
      </c>
      <c r="K6895" s="98">
        <v>1</v>
      </c>
      <c r="L6895" s="98">
        <v>0</v>
      </c>
      <c r="M6895" s="98">
        <v>0</v>
      </c>
      <c r="N6895" s="98">
        <v>0</v>
      </c>
      <c r="O6895" s="98">
        <v>1</v>
      </c>
      <c r="P6895" s="98">
        <v>0</v>
      </c>
      <c r="Q6895" s="98">
        <v>0</v>
      </c>
      <c r="R6895" s="98">
        <v>1</v>
      </c>
      <c r="S6895" s="98">
        <v>0</v>
      </c>
      <c r="T6895" s="98">
        <v>0</v>
      </c>
      <c r="U6895" s="99"/>
      <c r="V6895" s="99"/>
      <c r="W6895" s="99"/>
      <c r="X6895" s="99"/>
      <c r="Y6895" s="99"/>
      <c r="Z6895" s="99"/>
      <c r="AA6895" s="99"/>
      <c r="AB6895" s="99"/>
      <c r="AC6895" s="99"/>
      <c r="AD6895" s="99"/>
      <c r="AE6895" s="99"/>
      <c r="AF6895" s="99"/>
      <c r="AG6895" s="99"/>
      <c r="AH6895" s="99"/>
      <c r="AI6895" s="99"/>
      <c r="AJ6895" s="99"/>
      <c r="AK6895" s="99"/>
      <c r="AL6895" s="99"/>
      <c r="AM6895" s="99"/>
      <c r="AN6895" s="99"/>
      <c r="AO6895" s="99"/>
      <c r="AP6895" s="99"/>
      <c r="AQ6895" s="99"/>
      <c r="AR6895" s="99"/>
      <c r="AS6895" s="99"/>
      <c r="AT6895" s="99"/>
      <c r="AU6895" s="99"/>
      <c r="AV6895" s="99"/>
      <c r="AW6895" s="99"/>
      <c r="AX6895" s="99"/>
      <c r="AY6895" s="99"/>
      <c r="AZ6895" s="99"/>
      <c r="BA6895" s="99"/>
      <c r="BB6895" s="221">
        <v>45884</v>
      </c>
    </row>
    <row r="6896" spans="1:54" s="8" customFormat="1" ht="14.1" customHeight="1" x14ac:dyDescent="0.25">
      <c r="A6896" s="219" t="s">
        <v>16539</v>
      </c>
      <c r="B6896" s="220" t="s">
        <v>19871</v>
      </c>
      <c r="C6896" s="98" t="s">
        <v>16540</v>
      </c>
      <c r="D6896" s="98" t="s">
        <v>16541</v>
      </c>
      <c r="E6896" s="141">
        <v>1996</v>
      </c>
      <c r="F6896" s="141">
        <v>224</v>
      </c>
      <c r="G6896" s="98" t="s">
        <v>1</v>
      </c>
      <c r="H6896" s="98">
        <v>0</v>
      </c>
      <c r="I6896" s="98">
        <v>0</v>
      </c>
      <c r="J6896" s="98">
        <v>0</v>
      </c>
      <c r="K6896" s="98">
        <v>0</v>
      </c>
      <c r="L6896" s="98">
        <v>0</v>
      </c>
      <c r="M6896" s="98">
        <v>1</v>
      </c>
      <c r="N6896" s="98">
        <v>0</v>
      </c>
      <c r="O6896" s="98">
        <v>0</v>
      </c>
      <c r="P6896" s="98">
        <v>0</v>
      </c>
      <c r="Q6896" s="98">
        <v>0</v>
      </c>
      <c r="R6896" s="98">
        <v>0</v>
      </c>
      <c r="S6896" s="98">
        <v>0</v>
      </c>
      <c r="T6896" s="98">
        <v>0</v>
      </c>
      <c r="U6896" s="99"/>
      <c r="V6896" s="99"/>
      <c r="W6896" s="99"/>
      <c r="X6896" s="99"/>
      <c r="Y6896" s="99"/>
      <c r="Z6896" s="99"/>
      <c r="AA6896" s="99"/>
      <c r="AB6896" s="99"/>
      <c r="AC6896" s="99"/>
      <c r="AD6896" s="99"/>
      <c r="AE6896" s="99"/>
      <c r="AF6896" s="99"/>
      <c r="AG6896" s="99"/>
      <c r="AH6896" s="99"/>
      <c r="AI6896" s="99"/>
      <c r="AJ6896" s="99"/>
      <c r="AK6896" s="99"/>
      <c r="AL6896" s="99"/>
      <c r="AM6896" s="99"/>
      <c r="AN6896" s="99"/>
      <c r="AO6896" s="99"/>
      <c r="AP6896" s="99"/>
      <c r="AQ6896" s="99"/>
      <c r="AR6896" s="99"/>
      <c r="AS6896" s="99"/>
      <c r="AT6896" s="99"/>
      <c r="AU6896" s="99"/>
      <c r="AV6896" s="99"/>
      <c r="AW6896" s="99"/>
      <c r="AX6896" s="99"/>
      <c r="AY6896" s="99"/>
      <c r="AZ6896" s="99"/>
      <c r="BA6896" s="99"/>
      <c r="BB6896" s="221">
        <v>45884</v>
      </c>
    </row>
    <row r="6897" spans="1:54" s="8" customFormat="1" ht="14.1" customHeight="1" x14ac:dyDescent="0.25">
      <c r="A6897" s="219" t="s">
        <v>16542</v>
      </c>
      <c r="B6897" s="220" t="s">
        <v>19871</v>
      </c>
      <c r="C6897" s="98" t="s">
        <v>4921</v>
      </c>
      <c r="D6897" s="98" t="s">
        <v>16543</v>
      </c>
      <c r="E6897" s="141">
        <v>1990</v>
      </c>
      <c r="F6897" s="141">
        <v>244</v>
      </c>
      <c r="G6897" s="98" t="s">
        <v>1</v>
      </c>
      <c r="H6897" s="98">
        <v>0</v>
      </c>
      <c r="I6897" s="98">
        <v>0</v>
      </c>
      <c r="J6897" s="98">
        <v>1</v>
      </c>
      <c r="K6897" s="98">
        <v>0</v>
      </c>
      <c r="L6897" s="98">
        <v>1</v>
      </c>
      <c r="M6897" s="98">
        <v>0</v>
      </c>
      <c r="N6897" s="98">
        <v>0</v>
      </c>
      <c r="O6897" s="98">
        <v>0</v>
      </c>
      <c r="P6897" s="98">
        <v>1</v>
      </c>
      <c r="Q6897" s="98">
        <v>0</v>
      </c>
      <c r="R6897" s="98">
        <v>1</v>
      </c>
      <c r="S6897" s="98">
        <v>0</v>
      </c>
      <c r="T6897" s="98">
        <v>0</v>
      </c>
      <c r="U6897" s="99"/>
      <c r="V6897" s="99"/>
      <c r="W6897" s="99"/>
      <c r="X6897" s="99"/>
      <c r="Y6897" s="99"/>
      <c r="Z6897" s="99"/>
      <c r="AA6897" s="99"/>
      <c r="AB6897" s="99"/>
      <c r="AC6897" s="99"/>
      <c r="AD6897" s="99"/>
      <c r="AE6897" s="99"/>
      <c r="AF6897" s="99"/>
      <c r="AG6897" s="99"/>
      <c r="AH6897" s="99"/>
      <c r="AI6897" s="99"/>
      <c r="AJ6897" s="99"/>
      <c r="AK6897" s="99"/>
      <c r="AL6897" s="99"/>
      <c r="AM6897" s="99"/>
      <c r="AN6897" s="99"/>
      <c r="AO6897" s="99"/>
      <c r="AP6897" s="99"/>
      <c r="AQ6897" s="99"/>
      <c r="AR6897" s="99"/>
      <c r="AS6897" s="99"/>
      <c r="AT6897" s="99"/>
      <c r="AU6897" s="99"/>
      <c r="AV6897" s="99"/>
      <c r="AW6897" s="99"/>
      <c r="AX6897" s="99"/>
      <c r="AY6897" s="99"/>
      <c r="AZ6897" s="99"/>
      <c r="BA6897" s="99"/>
      <c r="BB6897" s="221">
        <v>45884</v>
      </c>
    </row>
    <row r="6898" spans="1:54" s="8" customFormat="1" ht="14.1" customHeight="1" x14ac:dyDescent="0.25">
      <c r="A6898" s="219" t="s">
        <v>16544</v>
      </c>
      <c r="B6898" s="220" t="s">
        <v>19871</v>
      </c>
      <c r="C6898" s="98" t="s">
        <v>16545</v>
      </c>
      <c r="D6898" s="98" t="s">
        <v>16546</v>
      </c>
      <c r="E6898" s="141">
        <v>1972</v>
      </c>
      <c r="F6898" s="141">
        <v>271</v>
      </c>
      <c r="G6898" s="98" t="s">
        <v>1</v>
      </c>
      <c r="H6898" s="98">
        <v>0</v>
      </c>
      <c r="I6898" s="98">
        <v>0</v>
      </c>
      <c r="J6898" s="98">
        <v>0</v>
      </c>
      <c r="K6898" s="98">
        <v>0</v>
      </c>
      <c r="L6898" s="98">
        <v>1</v>
      </c>
      <c r="M6898" s="98">
        <v>0</v>
      </c>
      <c r="N6898" s="98">
        <v>0</v>
      </c>
      <c r="O6898" s="98">
        <v>0</v>
      </c>
      <c r="P6898" s="98">
        <v>0</v>
      </c>
      <c r="Q6898" s="98">
        <v>0</v>
      </c>
      <c r="R6898" s="98">
        <v>0</v>
      </c>
      <c r="S6898" s="98">
        <v>0</v>
      </c>
      <c r="T6898" s="98">
        <v>0</v>
      </c>
      <c r="U6898" s="99"/>
      <c r="V6898" s="99"/>
      <c r="W6898" s="99"/>
      <c r="X6898" s="99"/>
      <c r="Y6898" s="99"/>
      <c r="Z6898" s="99"/>
      <c r="AA6898" s="99"/>
      <c r="AB6898" s="99"/>
      <c r="AC6898" s="99"/>
      <c r="AD6898" s="99"/>
      <c r="AE6898" s="99"/>
      <c r="AF6898" s="99"/>
      <c r="AG6898" s="99"/>
      <c r="AH6898" s="99"/>
      <c r="AI6898" s="99"/>
      <c r="AJ6898" s="99"/>
      <c r="AK6898" s="99"/>
      <c r="AL6898" s="99"/>
      <c r="AM6898" s="99"/>
      <c r="AN6898" s="99"/>
      <c r="AO6898" s="99"/>
      <c r="AP6898" s="99"/>
      <c r="AQ6898" s="99"/>
      <c r="AR6898" s="99"/>
      <c r="AS6898" s="99"/>
      <c r="AT6898" s="99"/>
      <c r="AU6898" s="99"/>
      <c r="AV6898" s="99"/>
      <c r="AW6898" s="99"/>
      <c r="AX6898" s="99"/>
      <c r="AY6898" s="99"/>
      <c r="AZ6898" s="99"/>
      <c r="BA6898" s="99"/>
      <c r="BB6898" s="221">
        <v>45884</v>
      </c>
    </row>
    <row r="6899" spans="1:54" s="8" customFormat="1" ht="14.1" customHeight="1" x14ac:dyDescent="0.25">
      <c r="A6899" s="219" t="s">
        <v>16547</v>
      </c>
      <c r="B6899" s="220" t="s">
        <v>19871</v>
      </c>
      <c r="C6899" s="98" t="s">
        <v>16548</v>
      </c>
      <c r="D6899" s="98" t="s">
        <v>16549</v>
      </c>
      <c r="E6899" s="141">
        <v>2003</v>
      </c>
      <c r="F6899" s="141">
        <v>142</v>
      </c>
      <c r="G6899" s="98" t="s">
        <v>1</v>
      </c>
      <c r="H6899" s="98">
        <v>0</v>
      </c>
      <c r="I6899" s="98">
        <v>0</v>
      </c>
      <c r="J6899" s="98">
        <v>1</v>
      </c>
      <c r="K6899" s="98">
        <v>1</v>
      </c>
      <c r="L6899" s="98">
        <v>0</v>
      </c>
      <c r="M6899" s="98">
        <v>0</v>
      </c>
      <c r="N6899" s="98">
        <v>0</v>
      </c>
      <c r="O6899" s="98">
        <v>0</v>
      </c>
      <c r="P6899" s="98">
        <v>0</v>
      </c>
      <c r="Q6899" s="98">
        <v>0</v>
      </c>
      <c r="R6899" s="98">
        <v>0</v>
      </c>
      <c r="S6899" s="98">
        <v>0</v>
      </c>
      <c r="T6899" s="98">
        <v>0</v>
      </c>
      <c r="U6899" s="99"/>
      <c r="V6899" s="99"/>
      <c r="W6899" s="99"/>
      <c r="X6899" s="99"/>
      <c r="Y6899" s="99"/>
      <c r="Z6899" s="99"/>
      <c r="AA6899" s="99"/>
      <c r="AB6899" s="99"/>
      <c r="AC6899" s="99"/>
      <c r="AD6899" s="99"/>
      <c r="AE6899" s="99"/>
      <c r="AF6899" s="99"/>
      <c r="AG6899" s="99"/>
      <c r="AH6899" s="99"/>
      <c r="AI6899" s="99"/>
      <c r="AJ6899" s="99"/>
      <c r="AK6899" s="99"/>
      <c r="AL6899" s="99"/>
      <c r="AM6899" s="99"/>
      <c r="AN6899" s="99"/>
      <c r="AO6899" s="99"/>
      <c r="AP6899" s="99"/>
      <c r="AQ6899" s="99"/>
      <c r="AR6899" s="99"/>
      <c r="AS6899" s="99"/>
      <c r="AT6899" s="99"/>
      <c r="AU6899" s="99"/>
      <c r="AV6899" s="99"/>
      <c r="AW6899" s="99"/>
      <c r="AX6899" s="99"/>
      <c r="AY6899" s="99"/>
      <c r="AZ6899" s="99"/>
      <c r="BA6899" s="99"/>
      <c r="BB6899" s="221">
        <v>45884</v>
      </c>
    </row>
    <row r="6900" spans="1:54" s="8" customFormat="1" ht="14.1" customHeight="1" x14ac:dyDescent="0.25">
      <c r="A6900" s="219" t="s">
        <v>16550</v>
      </c>
      <c r="B6900" s="220" t="s">
        <v>19871</v>
      </c>
      <c r="C6900" s="98" t="s">
        <v>16551</v>
      </c>
      <c r="D6900" s="98" t="s">
        <v>16552</v>
      </c>
      <c r="E6900" s="141">
        <v>2004</v>
      </c>
      <c r="F6900" s="141">
        <v>209</v>
      </c>
      <c r="G6900" s="98" t="s">
        <v>1</v>
      </c>
      <c r="H6900" s="98">
        <v>0</v>
      </c>
      <c r="I6900" s="98">
        <v>0</v>
      </c>
      <c r="J6900" s="98">
        <v>1</v>
      </c>
      <c r="K6900" s="98">
        <v>1</v>
      </c>
      <c r="L6900" s="98">
        <v>0</v>
      </c>
      <c r="M6900" s="98">
        <v>0</v>
      </c>
      <c r="N6900" s="98">
        <v>0</v>
      </c>
      <c r="O6900" s="98">
        <v>0</v>
      </c>
      <c r="P6900" s="98">
        <v>1</v>
      </c>
      <c r="Q6900" s="98">
        <v>0</v>
      </c>
      <c r="R6900" s="98">
        <v>1</v>
      </c>
      <c r="S6900" s="98">
        <v>0</v>
      </c>
      <c r="T6900" s="98">
        <v>0</v>
      </c>
      <c r="U6900" s="99"/>
      <c r="V6900" s="99"/>
      <c r="W6900" s="99"/>
      <c r="X6900" s="99"/>
      <c r="Y6900" s="99"/>
      <c r="Z6900" s="99"/>
      <c r="AA6900" s="99"/>
      <c r="AB6900" s="99"/>
      <c r="AC6900" s="99"/>
      <c r="AD6900" s="99"/>
      <c r="AE6900" s="99"/>
      <c r="AF6900" s="99"/>
      <c r="AG6900" s="99"/>
      <c r="AH6900" s="99"/>
      <c r="AI6900" s="99"/>
      <c r="AJ6900" s="99"/>
      <c r="AK6900" s="99"/>
      <c r="AL6900" s="99"/>
      <c r="AM6900" s="99"/>
      <c r="AN6900" s="99"/>
      <c r="AO6900" s="99"/>
      <c r="AP6900" s="99"/>
      <c r="AQ6900" s="99"/>
      <c r="AR6900" s="99"/>
      <c r="AS6900" s="99"/>
      <c r="AT6900" s="99"/>
      <c r="AU6900" s="99"/>
      <c r="AV6900" s="99"/>
      <c r="AW6900" s="99"/>
      <c r="AX6900" s="99"/>
      <c r="AY6900" s="99"/>
      <c r="AZ6900" s="99"/>
      <c r="BA6900" s="99"/>
      <c r="BB6900" s="221">
        <v>45884</v>
      </c>
    </row>
    <row r="6901" spans="1:54" s="8" customFormat="1" ht="14.1" customHeight="1" x14ac:dyDescent="0.25">
      <c r="A6901" s="219" t="s">
        <v>16553</v>
      </c>
      <c r="B6901" s="220" t="s">
        <v>19871</v>
      </c>
      <c r="C6901" s="98" t="s">
        <v>16554</v>
      </c>
      <c r="D6901" s="98" t="s">
        <v>16555</v>
      </c>
      <c r="E6901" s="141">
        <v>1991</v>
      </c>
      <c r="F6901" s="141">
        <v>398</v>
      </c>
      <c r="G6901" s="98" t="s">
        <v>1</v>
      </c>
      <c r="H6901" s="98">
        <v>0</v>
      </c>
      <c r="I6901" s="98">
        <v>0</v>
      </c>
      <c r="J6901" s="98">
        <v>1</v>
      </c>
      <c r="K6901" s="98">
        <v>0</v>
      </c>
      <c r="L6901" s="98">
        <v>1</v>
      </c>
      <c r="M6901" s="98">
        <v>0</v>
      </c>
      <c r="N6901" s="98">
        <v>0</v>
      </c>
      <c r="O6901" s="98">
        <v>1</v>
      </c>
      <c r="P6901" s="98">
        <v>1</v>
      </c>
      <c r="Q6901" s="98">
        <v>0</v>
      </c>
      <c r="R6901" s="98">
        <v>1</v>
      </c>
      <c r="S6901" s="98">
        <v>0</v>
      </c>
      <c r="T6901" s="98">
        <v>0</v>
      </c>
      <c r="U6901" s="99"/>
      <c r="V6901" s="99"/>
      <c r="W6901" s="99"/>
      <c r="X6901" s="99"/>
      <c r="Y6901" s="99"/>
      <c r="Z6901" s="99"/>
      <c r="AA6901" s="99"/>
      <c r="AB6901" s="99"/>
      <c r="AC6901" s="99"/>
      <c r="AD6901" s="99"/>
      <c r="AE6901" s="99"/>
      <c r="AF6901" s="99"/>
      <c r="AG6901" s="99"/>
      <c r="AH6901" s="99"/>
      <c r="AI6901" s="99"/>
      <c r="AJ6901" s="99"/>
      <c r="AK6901" s="99"/>
      <c r="AL6901" s="99"/>
      <c r="AM6901" s="99"/>
      <c r="AN6901" s="99"/>
      <c r="AO6901" s="99"/>
      <c r="AP6901" s="99"/>
      <c r="AQ6901" s="99"/>
      <c r="AR6901" s="99"/>
      <c r="AS6901" s="99"/>
      <c r="AT6901" s="99"/>
      <c r="AU6901" s="99"/>
      <c r="AV6901" s="99"/>
      <c r="AW6901" s="99"/>
      <c r="AX6901" s="99"/>
      <c r="AY6901" s="99"/>
      <c r="AZ6901" s="99"/>
      <c r="BA6901" s="99"/>
      <c r="BB6901" s="221">
        <v>45884</v>
      </c>
    </row>
    <row r="6902" spans="1:54" s="8" customFormat="1" ht="14.1" customHeight="1" x14ac:dyDescent="0.25">
      <c r="A6902" s="219" t="s">
        <v>16556</v>
      </c>
      <c r="B6902" s="220" t="s">
        <v>19871</v>
      </c>
      <c r="C6902" s="98" t="s">
        <v>16557</v>
      </c>
      <c r="D6902" s="98" t="s">
        <v>16558</v>
      </c>
      <c r="E6902" s="141">
        <v>2003</v>
      </c>
      <c r="F6902" s="141">
        <v>802</v>
      </c>
      <c r="G6902" s="98" t="s">
        <v>1</v>
      </c>
      <c r="H6902" s="98">
        <v>0</v>
      </c>
      <c r="I6902" s="98">
        <v>0</v>
      </c>
      <c r="J6902" s="98">
        <v>1</v>
      </c>
      <c r="K6902" s="98">
        <v>1</v>
      </c>
      <c r="L6902" s="98">
        <v>1</v>
      </c>
      <c r="M6902" s="98">
        <v>0</v>
      </c>
      <c r="N6902" s="98">
        <v>0</v>
      </c>
      <c r="O6902" s="98">
        <v>1</v>
      </c>
      <c r="P6902" s="98">
        <v>1</v>
      </c>
      <c r="Q6902" s="98">
        <v>0</v>
      </c>
      <c r="R6902" s="98">
        <v>0</v>
      </c>
      <c r="S6902" s="98">
        <v>0</v>
      </c>
      <c r="T6902" s="98">
        <v>0</v>
      </c>
      <c r="U6902" s="99"/>
      <c r="V6902" s="99"/>
      <c r="W6902" s="99"/>
      <c r="X6902" s="99"/>
      <c r="Y6902" s="99"/>
      <c r="Z6902" s="99"/>
      <c r="AA6902" s="99"/>
      <c r="AB6902" s="99"/>
      <c r="AC6902" s="99"/>
      <c r="AD6902" s="99"/>
      <c r="AE6902" s="99"/>
      <c r="AF6902" s="99"/>
      <c r="AG6902" s="99"/>
      <c r="AH6902" s="99"/>
      <c r="AI6902" s="99"/>
      <c r="AJ6902" s="99"/>
      <c r="AK6902" s="99"/>
      <c r="AL6902" s="99"/>
      <c r="AM6902" s="99"/>
      <c r="AN6902" s="99"/>
      <c r="AO6902" s="99"/>
      <c r="AP6902" s="99"/>
      <c r="AQ6902" s="99"/>
      <c r="AR6902" s="99"/>
      <c r="AS6902" s="99"/>
      <c r="AT6902" s="99"/>
      <c r="AU6902" s="99"/>
      <c r="AV6902" s="99"/>
      <c r="AW6902" s="99"/>
      <c r="AX6902" s="99"/>
      <c r="AY6902" s="99"/>
      <c r="AZ6902" s="99"/>
      <c r="BA6902" s="99"/>
      <c r="BB6902" s="221">
        <v>45884</v>
      </c>
    </row>
    <row r="6903" spans="1:54" s="8" customFormat="1" ht="14.1" customHeight="1" x14ac:dyDescent="0.25">
      <c r="A6903" s="219" t="s">
        <v>16559</v>
      </c>
      <c r="B6903" s="220" t="s">
        <v>19871</v>
      </c>
      <c r="C6903" s="98" t="s">
        <v>16560</v>
      </c>
      <c r="D6903" s="98" t="s">
        <v>16561</v>
      </c>
      <c r="E6903" s="141">
        <v>1983</v>
      </c>
      <c r="F6903" s="141">
        <v>133</v>
      </c>
      <c r="G6903" s="98" t="s">
        <v>1</v>
      </c>
      <c r="H6903" s="98">
        <v>0</v>
      </c>
      <c r="I6903" s="98">
        <v>0</v>
      </c>
      <c r="J6903" s="98">
        <v>0</v>
      </c>
      <c r="K6903" s="98">
        <v>0</v>
      </c>
      <c r="L6903" s="98">
        <v>1</v>
      </c>
      <c r="M6903" s="98">
        <v>0</v>
      </c>
      <c r="N6903" s="98">
        <v>1</v>
      </c>
      <c r="O6903" s="98">
        <v>0</v>
      </c>
      <c r="P6903" s="98">
        <v>0</v>
      </c>
      <c r="Q6903" s="98">
        <v>0</v>
      </c>
      <c r="R6903" s="98">
        <v>0</v>
      </c>
      <c r="S6903" s="98">
        <v>1</v>
      </c>
      <c r="T6903" s="98">
        <v>0</v>
      </c>
      <c r="U6903" s="99"/>
      <c r="V6903" s="99"/>
      <c r="W6903" s="99"/>
      <c r="X6903" s="99"/>
      <c r="Y6903" s="99"/>
      <c r="Z6903" s="99"/>
      <c r="AA6903" s="99"/>
      <c r="AB6903" s="99"/>
      <c r="AC6903" s="99"/>
      <c r="AD6903" s="99"/>
      <c r="AE6903" s="99"/>
      <c r="AF6903" s="99"/>
      <c r="AG6903" s="99"/>
      <c r="AH6903" s="99"/>
      <c r="AI6903" s="99"/>
      <c r="AJ6903" s="99"/>
      <c r="AK6903" s="99"/>
      <c r="AL6903" s="99"/>
      <c r="AM6903" s="99"/>
      <c r="AN6903" s="99"/>
      <c r="AO6903" s="99"/>
      <c r="AP6903" s="99"/>
      <c r="AQ6903" s="99"/>
      <c r="AR6903" s="99"/>
      <c r="AS6903" s="99"/>
      <c r="AT6903" s="99"/>
      <c r="AU6903" s="99"/>
      <c r="AV6903" s="99"/>
      <c r="AW6903" s="99"/>
      <c r="AX6903" s="99"/>
      <c r="AY6903" s="99"/>
      <c r="AZ6903" s="99"/>
      <c r="BA6903" s="99"/>
      <c r="BB6903" s="221">
        <v>45884</v>
      </c>
    </row>
    <row r="6904" spans="1:54" s="8" customFormat="1" ht="14.1" customHeight="1" x14ac:dyDescent="0.25">
      <c r="A6904" s="219" t="s">
        <v>16562</v>
      </c>
      <c r="B6904" s="220" t="s">
        <v>19871</v>
      </c>
      <c r="C6904" s="98" t="s">
        <v>2959</v>
      </c>
      <c r="D6904" s="98" t="s">
        <v>16563</v>
      </c>
      <c r="E6904" s="141">
        <v>1989</v>
      </c>
      <c r="F6904" s="141">
        <v>269</v>
      </c>
      <c r="G6904" s="98" t="s">
        <v>1</v>
      </c>
      <c r="H6904" s="98">
        <v>0</v>
      </c>
      <c r="I6904" s="98">
        <v>0</v>
      </c>
      <c r="J6904" s="98">
        <v>1</v>
      </c>
      <c r="K6904" s="98">
        <v>0</v>
      </c>
      <c r="L6904" s="98">
        <v>1</v>
      </c>
      <c r="M6904" s="98">
        <v>0</v>
      </c>
      <c r="N6904" s="98">
        <v>0</v>
      </c>
      <c r="O6904" s="98">
        <v>0</v>
      </c>
      <c r="P6904" s="98">
        <v>1</v>
      </c>
      <c r="Q6904" s="98">
        <v>1</v>
      </c>
      <c r="R6904" s="98">
        <v>0</v>
      </c>
      <c r="S6904" s="98">
        <v>0</v>
      </c>
      <c r="T6904" s="98">
        <v>0</v>
      </c>
      <c r="U6904" s="99"/>
      <c r="V6904" s="99"/>
      <c r="W6904" s="99"/>
      <c r="X6904" s="99"/>
      <c r="Y6904" s="99"/>
      <c r="Z6904" s="99"/>
      <c r="AA6904" s="99"/>
      <c r="AB6904" s="99"/>
      <c r="AC6904" s="99"/>
      <c r="AD6904" s="99"/>
      <c r="AE6904" s="99"/>
      <c r="AF6904" s="99"/>
      <c r="AG6904" s="99"/>
      <c r="AH6904" s="99"/>
      <c r="AI6904" s="99"/>
      <c r="AJ6904" s="99"/>
      <c r="AK6904" s="99"/>
      <c r="AL6904" s="99"/>
      <c r="AM6904" s="99"/>
      <c r="AN6904" s="99"/>
      <c r="AO6904" s="99"/>
      <c r="AP6904" s="99"/>
      <c r="AQ6904" s="99"/>
      <c r="AR6904" s="99"/>
      <c r="AS6904" s="99"/>
      <c r="AT6904" s="99"/>
      <c r="AU6904" s="99"/>
      <c r="AV6904" s="99"/>
      <c r="AW6904" s="99"/>
      <c r="AX6904" s="99"/>
      <c r="AY6904" s="99"/>
      <c r="AZ6904" s="99"/>
      <c r="BA6904" s="99"/>
      <c r="BB6904" s="221">
        <v>45884</v>
      </c>
    </row>
    <row r="6905" spans="1:54" s="8" customFormat="1" ht="14.1" customHeight="1" x14ac:dyDescent="0.25">
      <c r="A6905" s="219" t="s">
        <v>16564</v>
      </c>
      <c r="B6905" s="220" t="s">
        <v>19871</v>
      </c>
      <c r="C6905" s="98" t="s">
        <v>16565</v>
      </c>
      <c r="D6905" s="98" t="s">
        <v>16566</v>
      </c>
      <c r="E6905" s="141">
        <v>1992</v>
      </c>
      <c r="F6905" s="141">
        <v>398</v>
      </c>
      <c r="G6905" s="98" t="s">
        <v>1</v>
      </c>
      <c r="H6905" s="98">
        <v>0</v>
      </c>
      <c r="I6905" s="98">
        <v>0</v>
      </c>
      <c r="J6905" s="98">
        <v>0</v>
      </c>
      <c r="K6905" s="98">
        <v>0</v>
      </c>
      <c r="L6905" s="98">
        <v>1</v>
      </c>
      <c r="M6905" s="98">
        <v>1</v>
      </c>
      <c r="N6905" s="98">
        <v>0</v>
      </c>
      <c r="O6905" s="98">
        <v>0</v>
      </c>
      <c r="P6905" s="98">
        <v>0</v>
      </c>
      <c r="Q6905" s="98">
        <v>0</v>
      </c>
      <c r="R6905" s="98">
        <v>0</v>
      </c>
      <c r="S6905" s="98">
        <v>0</v>
      </c>
      <c r="T6905" s="98">
        <v>0</v>
      </c>
      <c r="U6905" s="99"/>
      <c r="V6905" s="99"/>
      <c r="W6905" s="99"/>
      <c r="X6905" s="99"/>
      <c r="Y6905" s="99"/>
      <c r="Z6905" s="99"/>
      <c r="AA6905" s="99"/>
      <c r="AB6905" s="99"/>
      <c r="AC6905" s="99"/>
      <c r="AD6905" s="99"/>
      <c r="AE6905" s="99"/>
      <c r="AF6905" s="99"/>
      <c r="AG6905" s="99"/>
      <c r="AH6905" s="99"/>
      <c r="AI6905" s="99"/>
      <c r="AJ6905" s="99"/>
      <c r="AK6905" s="99"/>
      <c r="AL6905" s="99"/>
      <c r="AM6905" s="99"/>
      <c r="AN6905" s="99"/>
      <c r="AO6905" s="99"/>
      <c r="AP6905" s="99"/>
      <c r="AQ6905" s="99"/>
      <c r="AR6905" s="99"/>
      <c r="AS6905" s="99"/>
      <c r="AT6905" s="99"/>
      <c r="AU6905" s="99"/>
      <c r="AV6905" s="99"/>
      <c r="AW6905" s="99"/>
      <c r="AX6905" s="99"/>
      <c r="AY6905" s="99"/>
      <c r="AZ6905" s="99"/>
      <c r="BA6905" s="99"/>
      <c r="BB6905" s="221">
        <v>45884</v>
      </c>
    </row>
    <row r="6906" spans="1:54" s="8" customFormat="1" ht="14.1" customHeight="1" x14ac:dyDescent="0.25">
      <c r="A6906" s="219" t="s">
        <v>16567</v>
      </c>
      <c r="B6906" s="220" t="s">
        <v>19871</v>
      </c>
      <c r="C6906" s="98" t="s">
        <v>16568</v>
      </c>
      <c r="D6906" s="98" t="s">
        <v>16569</v>
      </c>
      <c r="E6906" s="141">
        <v>1982</v>
      </c>
      <c r="F6906" s="141">
        <v>198</v>
      </c>
      <c r="G6906" s="98" t="s">
        <v>1</v>
      </c>
      <c r="H6906" s="98">
        <v>0</v>
      </c>
      <c r="I6906" s="98">
        <v>0</v>
      </c>
      <c r="J6906" s="98">
        <v>0</v>
      </c>
      <c r="K6906" s="98">
        <v>0</v>
      </c>
      <c r="L6906" s="98">
        <v>0</v>
      </c>
      <c r="M6906" s="98">
        <v>0</v>
      </c>
      <c r="N6906" s="98">
        <v>0</v>
      </c>
      <c r="O6906" s="98">
        <v>0</v>
      </c>
      <c r="P6906" s="98">
        <v>1</v>
      </c>
      <c r="Q6906" s="98">
        <v>0</v>
      </c>
      <c r="R6906" s="98">
        <v>0</v>
      </c>
      <c r="S6906" s="98">
        <v>0</v>
      </c>
      <c r="T6906" s="98">
        <v>0</v>
      </c>
      <c r="U6906" s="99"/>
      <c r="V6906" s="99"/>
      <c r="W6906" s="99"/>
      <c r="X6906" s="99"/>
      <c r="Y6906" s="99"/>
      <c r="Z6906" s="99"/>
      <c r="AA6906" s="99"/>
      <c r="AB6906" s="99"/>
      <c r="AC6906" s="99"/>
      <c r="AD6906" s="99"/>
      <c r="AE6906" s="99"/>
      <c r="AF6906" s="99"/>
      <c r="AG6906" s="99"/>
      <c r="AH6906" s="99"/>
      <c r="AI6906" s="99"/>
      <c r="AJ6906" s="99"/>
      <c r="AK6906" s="99"/>
      <c r="AL6906" s="99"/>
      <c r="AM6906" s="99"/>
      <c r="AN6906" s="99"/>
      <c r="AO6906" s="99"/>
      <c r="AP6906" s="99"/>
      <c r="AQ6906" s="99"/>
      <c r="AR6906" s="99"/>
      <c r="AS6906" s="99"/>
      <c r="AT6906" s="99"/>
      <c r="AU6906" s="99"/>
      <c r="AV6906" s="99"/>
      <c r="AW6906" s="99"/>
      <c r="AX6906" s="99"/>
      <c r="AY6906" s="99"/>
      <c r="AZ6906" s="99"/>
      <c r="BA6906" s="99"/>
      <c r="BB6906" s="221">
        <v>45884</v>
      </c>
    </row>
    <row r="6907" spans="1:54" s="8" customFormat="1" ht="14.1" customHeight="1" x14ac:dyDescent="0.25">
      <c r="A6907" s="219" t="s">
        <v>16570</v>
      </c>
      <c r="B6907" s="220" t="s">
        <v>19871</v>
      </c>
      <c r="C6907" s="98" t="s">
        <v>16571</v>
      </c>
      <c r="D6907" s="98" t="s">
        <v>16572</v>
      </c>
      <c r="E6907" s="141">
        <v>2000</v>
      </c>
      <c r="F6907" s="141">
        <v>333</v>
      </c>
      <c r="G6907" s="98" t="s">
        <v>1</v>
      </c>
      <c r="H6907" s="98">
        <v>0</v>
      </c>
      <c r="I6907" s="98">
        <v>0</v>
      </c>
      <c r="J6907" s="98">
        <v>1</v>
      </c>
      <c r="K6907" s="98">
        <v>0</v>
      </c>
      <c r="L6907" s="98">
        <v>1</v>
      </c>
      <c r="M6907" s="98">
        <v>0</v>
      </c>
      <c r="N6907" s="98">
        <v>0</v>
      </c>
      <c r="O6907" s="98">
        <v>1</v>
      </c>
      <c r="P6907" s="98">
        <v>1</v>
      </c>
      <c r="Q6907" s="98">
        <v>0</v>
      </c>
      <c r="R6907" s="98">
        <v>1</v>
      </c>
      <c r="S6907" s="98">
        <v>0</v>
      </c>
      <c r="T6907" s="98">
        <v>0</v>
      </c>
      <c r="U6907" s="99"/>
      <c r="V6907" s="99"/>
      <c r="W6907" s="99"/>
      <c r="X6907" s="99"/>
      <c r="Y6907" s="99"/>
      <c r="Z6907" s="99"/>
      <c r="AA6907" s="99"/>
      <c r="AB6907" s="99"/>
      <c r="AC6907" s="99"/>
      <c r="AD6907" s="99"/>
      <c r="AE6907" s="99"/>
      <c r="AF6907" s="99"/>
      <c r="AG6907" s="99"/>
      <c r="AH6907" s="99"/>
      <c r="AI6907" s="99"/>
      <c r="AJ6907" s="99"/>
      <c r="AK6907" s="99"/>
      <c r="AL6907" s="99"/>
      <c r="AM6907" s="99"/>
      <c r="AN6907" s="99"/>
      <c r="AO6907" s="99"/>
      <c r="AP6907" s="99"/>
      <c r="AQ6907" s="99"/>
      <c r="AR6907" s="99"/>
      <c r="AS6907" s="99"/>
      <c r="AT6907" s="99"/>
      <c r="AU6907" s="99"/>
      <c r="AV6907" s="99"/>
      <c r="AW6907" s="99"/>
      <c r="AX6907" s="99"/>
      <c r="AY6907" s="99"/>
      <c r="AZ6907" s="99"/>
      <c r="BA6907" s="99"/>
      <c r="BB6907" s="221">
        <v>45884</v>
      </c>
    </row>
    <row r="6908" spans="1:54" s="8" customFormat="1" ht="14.1" customHeight="1" x14ac:dyDescent="0.25">
      <c r="A6908" s="219" t="s">
        <v>16573</v>
      </c>
      <c r="B6908" s="220" t="s">
        <v>19871</v>
      </c>
      <c r="C6908" s="98" t="s">
        <v>16574</v>
      </c>
      <c r="D6908" s="98" t="s">
        <v>16575</v>
      </c>
      <c r="E6908" s="141">
        <v>1978</v>
      </c>
      <c r="F6908" s="141">
        <v>105</v>
      </c>
      <c r="G6908" s="98" t="s">
        <v>1</v>
      </c>
      <c r="H6908" s="98">
        <v>0</v>
      </c>
      <c r="I6908" s="98">
        <v>0</v>
      </c>
      <c r="J6908" s="98">
        <v>0</v>
      </c>
      <c r="K6908" s="98">
        <v>0</v>
      </c>
      <c r="L6908" s="98">
        <v>0</v>
      </c>
      <c r="M6908" s="98">
        <v>0</v>
      </c>
      <c r="N6908" s="98">
        <v>0</v>
      </c>
      <c r="O6908" s="98">
        <v>0</v>
      </c>
      <c r="P6908" s="98">
        <v>0</v>
      </c>
      <c r="Q6908" s="98">
        <v>0</v>
      </c>
      <c r="R6908" s="98">
        <v>0</v>
      </c>
      <c r="S6908" s="98">
        <v>0</v>
      </c>
      <c r="T6908" s="98">
        <v>0</v>
      </c>
      <c r="U6908" s="99"/>
      <c r="V6908" s="99"/>
      <c r="W6908" s="99"/>
      <c r="X6908" s="99"/>
      <c r="Y6908" s="99"/>
      <c r="Z6908" s="99"/>
      <c r="AA6908" s="99"/>
      <c r="AB6908" s="99"/>
      <c r="AC6908" s="99"/>
      <c r="AD6908" s="99"/>
      <c r="AE6908" s="99"/>
      <c r="AF6908" s="99"/>
      <c r="AG6908" s="99"/>
      <c r="AH6908" s="99"/>
      <c r="AI6908" s="99"/>
      <c r="AJ6908" s="99"/>
      <c r="AK6908" s="99"/>
      <c r="AL6908" s="99"/>
      <c r="AM6908" s="99"/>
      <c r="AN6908" s="99"/>
      <c r="AO6908" s="99"/>
      <c r="AP6908" s="99"/>
      <c r="AQ6908" s="99"/>
      <c r="AR6908" s="99"/>
      <c r="AS6908" s="99"/>
      <c r="AT6908" s="99"/>
      <c r="AU6908" s="99"/>
      <c r="AV6908" s="99"/>
      <c r="AW6908" s="99"/>
      <c r="AX6908" s="99"/>
      <c r="AY6908" s="99"/>
      <c r="AZ6908" s="99"/>
      <c r="BA6908" s="99"/>
      <c r="BB6908" s="221">
        <v>45884</v>
      </c>
    </row>
    <row r="6909" spans="1:54" s="8" customFormat="1" ht="14.1" customHeight="1" x14ac:dyDescent="0.25">
      <c r="A6909" s="219" t="s">
        <v>16576</v>
      </c>
      <c r="B6909" s="220" t="s">
        <v>19871</v>
      </c>
      <c r="C6909" s="98" t="s">
        <v>3254</v>
      </c>
      <c r="D6909" s="98" t="s">
        <v>16577</v>
      </c>
      <c r="E6909" s="141">
        <v>1991</v>
      </c>
      <c r="F6909" s="141">
        <v>293</v>
      </c>
      <c r="G6909" s="98" t="s">
        <v>1</v>
      </c>
      <c r="H6909" s="98">
        <v>0</v>
      </c>
      <c r="I6909" s="98">
        <v>0</v>
      </c>
      <c r="J6909" s="98">
        <v>1</v>
      </c>
      <c r="K6909" s="98">
        <v>0</v>
      </c>
      <c r="L6909" s="98">
        <v>1</v>
      </c>
      <c r="M6909" s="98">
        <v>0</v>
      </c>
      <c r="N6909" s="98">
        <v>0</v>
      </c>
      <c r="O6909" s="98">
        <v>1</v>
      </c>
      <c r="P6909" s="98">
        <v>1</v>
      </c>
      <c r="Q6909" s="98">
        <v>0</v>
      </c>
      <c r="R6909" s="98">
        <v>1</v>
      </c>
      <c r="S6909" s="98">
        <v>0</v>
      </c>
      <c r="T6909" s="98">
        <v>0</v>
      </c>
      <c r="U6909" s="99"/>
      <c r="V6909" s="99"/>
      <c r="W6909" s="99"/>
      <c r="X6909" s="99"/>
      <c r="Y6909" s="99"/>
      <c r="Z6909" s="99"/>
      <c r="AA6909" s="99"/>
      <c r="AB6909" s="99"/>
      <c r="AC6909" s="99"/>
      <c r="AD6909" s="99"/>
      <c r="AE6909" s="99"/>
      <c r="AF6909" s="99"/>
      <c r="AG6909" s="99"/>
      <c r="AH6909" s="99"/>
      <c r="AI6909" s="99"/>
      <c r="AJ6909" s="99"/>
      <c r="AK6909" s="99"/>
      <c r="AL6909" s="99"/>
      <c r="AM6909" s="99"/>
      <c r="AN6909" s="99"/>
      <c r="AO6909" s="99"/>
      <c r="AP6909" s="99"/>
      <c r="AQ6909" s="99"/>
      <c r="AR6909" s="99"/>
      <c r="AS6909" s="99"/>
      <c r="AT6909" s="99"/>
      <c r="AU6909" s="99"/>
      <c r="AV6909" s="99"/>
      <c r="AW6909" s="99"/>
      <c r="AX6909" s="99"/>
      <c r="AY6909" s="99"/>
      <c r="AZ6909" s="99"/>
      <c r="BA6909" s="99"/>
      <c r="BB6909" s="221">
        <v>45884</v>
      </c>
    </row>
    <row r="6910" spans="1:54" s="8" customFormat="1" ht="14.1" customHeight="1" x14ac:dyDescent="0.25">
      <c r="A6910" s="219" t="s">
        <v>16578</v>
      </c>
      <c r="B6910" s="220" t="s">
        <v>19871</v>
      </c>
      <c r="C6910" s="98" t="s">
        <v>16579</v>
      </c>
      <c r="D6910" s="98" t="s">
        <v>16580</v>
      </c>
      <c r="E6910" s="141">
        <v>2011</v>
      </c>
      <c r="F6910" s="141">
        <v>1899</v>
      </c>
      <c r="G6910" s="98" t="s">
        <v>1</v>
      </c>
      <c r="H6910" s="98">
        <v>0</v>
      </c>
      <c r="I6910" s="98">
        <v>0</v>
      </c>
      <c r="J6910" s="98">
        <v>1</v>
      </c>
      <c r="K6910" s="98">
        <v>1</v>
      </c>
      <c r="L6910" s="98">
        <v>1</v>
      </c>
      <c r="M6910" s="98">
        <v>0</v>
      </c>
      <c r="N6910" s="98">
        <v>1</v>
      </c>
      <c r="O6910" s="98">
        <v>0</v>
      </c>
      <c r="P6910" s="98">
        <v>1</v>
      </c>
      <c r="Q6910" s="98">
        <v>0</v>
      </c>
      <c r="R6910" s="98">
        <v>0</v>
      </c>
      <c r="S6910" s="98">
        <v>0</v>
      </c>
      <c r="T6910" s="98">
        <v>0</v>
      </c>
      <c r="U6910" s="99"/>
      <c r="V6910" s="99"/>
      <c r="W6910" s="99"/>
      <c r="X6910" s="99"/>
      <c r="Y6910" s="99"/>
      <c r="Z6910" s="99"/>
      <c r="AA6910" s="99"/>
      <c r="AB6910" s="99"/>
      <c r="AC6910" s="99"/>
      <c r="AD6910" s="99"/>
      <c r="AE6910" s="99"/>
      <c r="AF6910" s="99"/>
      <c r="AG6910" s="99"/>
      <c r="AH6910" s="99"/>
      <c r="AI6910" s="99"/>
      <c r="AJ6910" s="99"/>
      <c r="AK6910" s="99"/>
      <c r="AL6910" s="99"/>
      <c r="AM6910" s="99"/>
      <c r="AN6910" s="99"/>
      <c r="AO6910" s="99"/>
      <c r="AP6910" s="99"/>
      <c r="AQ6910" s="99"/>
      <c r="AR6910" s="99"/>
      <c r="AS6910" s="99"/>
      <c r="AT6910" s="99"/>
      <c r="AU6910" s="99"/>
      <c r="AV6910" s="99"/>
      <c r="AW6910" s="99"/>
      <c r="AX6910" s="99"/>
      <c r="AY6910" s="99"/>
      <c r="AZ6910" s="99"/>
      <c r="BA6910" s="99"/>
      <c r="BB6910" s="221">
        <v>45884</v>
      </c>
    </row>
    <row r="6911" spans="1:54" s="8" customFormat="1" ht="14.1" customHeight="1" x14ac:dyDescent="0.25">
      <c r="A6911" s="219" t="s">
        <v>16581</v>
      </c>
      <c r="B6911" s="220" t="s">
        <v>19871</v>
      </c>
      <c r="C6911" s="98" t="s">
        <v>16582</v>
      </c>
      <c r="D6911" s="98" t="s">
        <v>16583</v>
      </c>
      <c r="E6911" s="141">
        <v>1985</v>
      </c>
      <c r="F6911" s="141">
        <v>231</v>
      </c>
      <c r="G6911" s="98" t="s">
        <v>1</v>
      </c>
      <c r="H6911" s="98">
        <v>0</v>
      </c>
      <c r="I6911" s="98">
        <v>0</v>
      </c>
      <c r="J6911" s="98">
        <v>1</v>
      </c>
      <c r="K6911" s="98">
        <v>0</v>
      </c>
      <c r="L6911" s="98">
        <v>1</v>
      </c>
      <c r="M6911" s="98">
        <v>0</v>
      </c>
      <c r="N6911" s="98">
        <v>0</v>
      </c>
      <c r="O6911" s="98">
        <v>0</v>
      </c>
      <c r="P6911" s="98">
        <v>1</v>
      </c>
      <c r="Q6911" s="98">
        <v>1</v>
      </c>
      <c r="R6911" s="98">
        <v>1</v>
      </c>
      <c r="S6911" s="98">
        <v>0</v>
      </c>
      <c r="T6911" s="98">
        <v>0</v>
      </c>
      <c r="U6911" s="99"/>
      <c r="V6911" s="99"/>
      <c r="W6911" s="99"/>
      <c r="X6911" s="99"/>
      <c r="Y6911" s="99"/>
      <c r="Z6911" s="99"/>
      <c r="AA6911" s="99"/>
      <c r="AB6911" s="99"/>
      <c r="AC6911" s="99"/>
      <c r="AD6911" s="99"/>
      <c r="AE6911" s="99"/>
      <c r="AF6911" s="99"/>
      <c r="AG6911" s="99"/>
      <c r="AH6911" s="99"/>
      <c r="AI6911" s="99"/>
      <c r="AJ6911" s="99"/>
      <c r="AK6911" s="99"/>
      <c r="AL6911" s="99"/>
      <c r="AM6911" s="99"/>
      <c r="AN6911" s="99"/>
      <c r="AO6911" s="99"/>
      <c r="AP6911" s="99"/>
      <c r="AQ6911" s="99"/>
      <c r="AR6911" s="99"/>
      <c r="AS6911" s="99"/>
      <c r="AT6911" s="99"/>
      <c r="AU6911" s="99"/>
      <c r="AV6911" s="99"/>
      <c r="AW6911" s="99"/>
      <c r="AX6911" s="99"/>
      <c r="AY6911" s="99"/>
      <c r="AZ6911" s="99"/>
      <c r="BA6911" s="99"/>
      <c r="BB6911" s="221">
        <v>45884</v>
      </c>
    </row>
    <row r="6912" spans="1:54" s="8" customFormat="1" ht="14.1" customHeight="1" x14ac:dyDescent="0.25">
      <c r="A6912" s="219" t="s">
        <v>16584</v>
      </c>
      <c r="B6912" s="220" t="s">
        <v>19871</v>
      </c>
      <c r="C6912" s="98" t="s">
        <v>16585</v>
      </c>
      <c r="D6912" s="98" t="s">
        <v>16586</v>
      </c>
      <c r="E6912" s="141">
        <v>1998</v>
      </c>
      <c r="F6912" s="141">
        <v>143</v>
      </c>
      <c r="G6912" s="98" t="s">
        <v>1</v>
      </c>
      <c r="H6912" s="98">
        <v>0</v>
      </c>
      <c r="I6912" s="98">
        <v>0</v>
      </c>
      <c r="J6912" s="98">
        <v>1</v>
      </c>
      <c r="K6912" s="98">
        <v>0</v>
      </c>
      <c r="L6912" s="98">
        <v>1</v>
      </c>
      <c r="M6912" s="98">
        <v>0</v>
      </c>
      <c r="N6912" s="98">
        <v>0</v>
      </c>
      <c r="O6912" s="98">
        <v>1</v>
      </c>
      <c r="P6912" s="98">
        <v>0</v>
      </c>
      <c r="Q6912" s="98">
        <v>0</v>
      </c>
      <c r="R6912" s="98">
        <v>0</v>
      </c>
      <c r="S6912" s="98">
        <v>0</v>
      </c>
      <c r="T6912" s="98">
        <v>0</v>
      </c>
      <c r="U6912" s="99"/>
      <c r="V6912" s="99"/>
      <c r="W6912" s="99"/>
      <c r="X6912" s="99"/>
      <c r="Y6912" s="99"/>
      <c r="Z6912" s="99"/>
      <c r="AA6912" s="99"/>
      <c r="AB6912" s="99"/>
      <c r="AC6912" s="99"/>
      <c r="AD6912" s="99"/>
      <c r="AE6912" s="99"/>
      <c r="AF6912" s="99"/>
      <c r="AG6912" s="99"/>
      <c r="AH6912" s="99"/>
      <c r="AI6912" s="99"/>
      <c r="AJ6912" s="99"/>
      <c r="AK6912" s="99"/>
      <c r="AL6912" s="99"/>
      <c r="AM6912" s="99"/>
      <c r="AN6912" s="99"/>
      <c r="AO6912" s="99"/>
      <c r="AP6912" s="99"/>
      <c r="AQ6912" s="99"/>
      <c r="AR6912" s="99"/>
      <c r="AS6912" s="99"/>
      <c r="AT6912" s="99"/>
      <c r="AU6912" s="99"/>
      <c r="AV6912" s="99"/>
      <c r="AW6912" s="99"/>
      <c r="AX6912" s="99"/>
      <c r="AY6912" s="99"/>
      <c r="AZ6912" s="99"/>
      <c r="BA6912" s="99"/>
      <c r="BB6912" s="221">
        <v>45884</v>
      </c>
    </row>
    <row r="6913" spans="1:54" s="8" customFormat="1" ht="14.1" customHeight="1" x14ac:dyDescent="0.25">
      <c r="A6913" s="219" t="s">
        <v>16587</v>
      </c>
      <c r="B6913" s="220" t="s">
        <v>19871</v>
      </c>
      <c r="C6913" s="98" t="s">
        <v>16588</v>
      </c>
      <c r="D6913" s="98" t="s">
        <v>16589</v>
      </c>
      <c r="E6913" s="141">
        <v>1990</v>
      </c>
      <c r="F6913" s="141">
        <v>535</v>
      </c>
      <c r="G6913" s="98" t="s">
        <v>1</v>
      </c>
      <c r="H6913" s="98">
        <v>0</v>
      </c>
      <c r="I6913" s="98">
        <v>0</v>
      </c>
      <c r="J6913" s="98">
        <v>1</v>
      </c>
      <c r="K6913" s="98">
        <v>1</v>
      </c>
      <c r="L6913" s="98">
        <v>1</v>
      </c>
      <c r="M6913" s="98">
        <v>0</v>
      </c>
      <c r="N6913" s="98">
        <v>0</v>
      </c>
      <c r="O6913" s="98">
        <v>1</v>
      </c>
      <c r="P6913" s="98">
        <v>1</v>
      </c>
      <c r="Q6913" s="98">
        <v>0</v>
      </c>
      <c r="R6913" s="98">
        <v>1</v>
      </c>
      <c r="S6913" s="98">
        <v>0</v>
      </c>
      <c r="T6913" s="98">
        <v>0</v>
      </c>
      <c r="U6913" s="99"/>
      <c r="V6913" s="99"/>
      <c r="W6913" s="99"/>
      <c r="X6913" s="99"/>
      <c r="Y6913" s="99"/>
      <c r="Z6913" s="99"/>
      <c r="AA6913" s="99"/>
      <c r="AB6913" s="99"/>
      <c r="AC6913" s="99"/>
      <c r="AD6913" s="99"/>
      <c r="AE6913" s="99"/>
      <c r="AF6913" s="99"/>
      <c r="AG6913" s="99"/>
      <c r="AH6913" s="99"/>
      <c r="AI6913" s="99"/>
      <c r="AJ6913" s="99"/>
      <c r="AK6913" s="99"/>
      <c r="AL6913" s="99"/>
      <c r="AM6913" s="99"/>
      <c r="AN6913" s="99"/>
      <c r="AO6913" s="99"/>
      <c r="AP6913" s="99"/>
      <c r="AQ6913" s="99"/>
      <c r="AR6913" s="99"/>
      <c r="AS6913" s="99"/>
      <c r="AT6913" s="99"/>
      <c r="AU6913" s="99"/>
      <c r="AV6913" s="99"/>
      <c r="AW6913" s="99"/>
      <c r="AX6913" s="99"/>
      <c r="AY6913" s="99"/>
      <c r="AZ6913" s="99"/>
      <c r="BA6913" s="99"/>
      <c r="BB6913" s="221">
        <v>45884</v>
      </c>
    </row>
    <row r="6914" spans="1:54" s="8" customFormat="1" ht="14.1" customHeight="1" x14ac:dyDescent="0.25">
      <c r="A6914" s="219" t="s">
        <v>16590</v>
      </c>
      <c r="B6914" s="220" t="s">
        <v>19871</v>
      </c>
      <c r="C6914" s="98" t="s">
        <v>16591</v>
      </c>
      <c r="D6914" s="98" t="s">
        <v>16592</v>
      </c>
      <c r="E6914" s="141">
        <v>1989</v>
      </c>
      <c r="F6914" s="141">
        <v>244</v>
      </c>
      <c r="G6914" s="98" t="s">
        <v>1</v>
      </c>
      <c r="H6914" s="98">
        <v>0</v>
      </c>
      <c r="I6914" s="98">
        <v>0</v>
      </c>
      <c r="J6914" s="98">
        <v>1</v>
      </c>
      <c r="K6914" s="98">
        <v>0</v>
      </c>
      <c r="L6914" s="98">
        <v>1</v>
      </c>
      <c r="M6914" s="98">
        <v>0</v>
      </c>
      <c r="N6914" s="98">
        <v>0</v>
      </c>
      <c r="O6914" s="98">
        <v>0</v>
      </c>
      <c r="P6914" s="98">
        <v>1</v>
      </c>
      <c r="Q6914" s="98">
        <v>0</v>
      </c>
      <c r="R6914" s="98">
        <v>1</v>
      </c>
      <c r="S6914" s="98">
        <v>0</v>
      </c>
      <c r="T6914" s="98">
        <v>0</v>
      </c>
      <c r="U6914" s="99"/>
      <c r="V6914" s="99"/>
      <c r="W6914" s="99"/>
      <c r="X6914" s="99"/>
      <c r="Y6914" s="99"/>
      <c r="Z6914" s="99"/>
      <c r="AA6914" s="99"/>
      <c r="AB6914" s="99"/>
      <c r="AC6914" s="99"/>
      <c r="AD6914" s="99"/>
      <c r="AE6914" s="99"/>
      <c r="AF6914" s="99"/>
      <c r="AG6914" s="99"/>
      <c r="AH6914" s="99"/>
      <c r="AI6914" s="99"/>
      <c r="AJ6914" s="99"/>
      <c r="AK6914" s="99"/>
      <c r="AL6914" s="99"/>
      <c r="AM6914" s="99"/>
      <c r="AN6914" s="99"/>
      <c r="AO6914" s="99"/>
      <c r="AP6914" s="99"/>
      <c r="AQ6914" s="99"/>
      <c r="AR6914" s="99"/>
      <c r="AS6914" s="99"/>
      <c r="AT6914" s="99"/>
      <c r="AU6914" s="99"/>
      <c r="AV6914" s="99"/>
      <c r="AW6914" s="99"/>
      <c r="AX6914" s="99"/>
      <c r="AY6914" s="99"/>
      <c r="AZ6914" s="99"/>
      <c r="BA6914" s="99"/>
      <c r="BB6914" s="221">
        <v>45884</v>
      </c>
    </row>
    <row r="6915" spans="1:54" s="8" customFormat="1" ht="14.1" customHeight="1" x14ac:dyDescent="0.25">
      <c r="A6915" s="219" t="s">
        <v>16593</v>
      </c>
      <c r="B6915" s="220" t="s">
        <v>19871</v>
      </c>
      <c r="C6915" s="98" t="s">
        <v>16594</v>
      </c>
      <c r="D6915" s="98" t="s">
        <v>16595</v>
      </c>
      <c r="E6915" s="141">
        <v>1984</v>
      </c>
      <c r="F6915" s="141">
        <v>231</v>
      </c>
      <c r="G6915" s="98" t="s">
        <v>1</v>
      </c>
      <c r="H6915" s="98">
        <v>0</v>
      </c>
      <c r="I6915" s="98">
        <v>0</v>
      </c>
      <c r="J6915" s="98">
        <v>1</v>
      </c>
      <c r="K6915" s="98">
        <v>0</v>
      </c>
      <c r="L6915" s="98">
        <v>1</v>
      </c>
      <c r="M6915" s="98">
        <v>0</v>
      </c>
      <c r="N6915" s="98">
        <v>0</v>
      </c>
      <c r="O6915" s="98">
        <v>1</v>
      </c>
      <c r="P6915" s="98">
        <v>1</v>
      </c>
      <c r="Q6915" s="98">
        <v>0</v>
      </c>
      <c r="R6915" s="98">
        <v>1</v>
      </c>
      <c r="S6915" s="98">
        <v>0</v>
      </c>
      <c r="T6915" s="98">
        <v>0</v>
      </c>
      <c r="U6915" s="99"/>
      <c r="V6915" s="99"/>
      <c r="W6915" s="99"/>
      <c r="X6915" s="99"/>
      <c r="Y6915" s="99"/>
      <c r="Z6915" s="99"/>
      <c r="AA6915" s="99"/>
      <c r="AB6915" s="99"/>
      <c r="AC6915" s="99"/>
      <c r="AD6915" s="99"/>
      <c r="AE6915" s="99"/>
      <c r="AF6915" s="99"/>
      <c r="AG6915" s="99"/>
      <c r="AH6915" s="99"/>
      <c r="AI6915" s="99"/>
      <c r="AJ6915" s="99"/>
      <c r="AK6915" s="99"/>
      <c r="AL6915" s="99"/>
      <c r="AM6915" s="99"/>
      <c r="AN6915" s="99"/>
      <c r="AO6915" s="99"/>
      <c r="AP6915" s="99"/>
      <c r="AQ6915" s="99"/>
      <c r="AR6915" s="99"/>
      <c r="AS6915" s="99"/>
      <c r="AT6915" s="99"/>
      <c r="AU6915" s="99"/>
      <c r="AV6915" s="99"/>
      <c r="AW6915" s="99"/>
      <c r="AX6915" s="99"/>
      <c r="AY6915" s="99"/>
      <c r="AZ6915" s="99"/>
      <c r="BA6915" s="99"/>
      <c r="BB6915" s="221">
        <v>45884</v>
      </c>
    </row>
    <row r="6916" spans="1:54" s="8" customFormat="1" ht="14.1" customHeight="1" x14ac:dyDescent="0.25">
      <c r="A6916" s="219" t="s">
        <v>16596</v>
      </c>
      <c r="B6916" s="220" t="s">
        <v>19871</v>
      </c>
      <c r="C6916" s="98" t="s">
        <v>16597</v>
      </c>
      <c r="D6916" s="98" t="s">
        <v>16598</v>
      </c>
      <c r="E6916" s="141">
        <v>1979</v>
      </c>
      <c r="F6916" s="141">
        <v>93</v>
      </c>
      <c r="G6916" s="98" t="s">
        <v>1</v>
      </c>
      <c r="H6916" s="98">
        <v>0</v>
      </c>
      <c r="I6916" s="98">
        <v>0</v>
      </c>
      <c r="J6916" s="98">
        <v>0</v>
      </c>
      <c r="K6916" s="98">
        <v>0</v>
      </c>
      <c r="L6916" s="98">
        <v>0</v>
      </c>
      <c r="M6916" s="98">
        <v>1</v>
      </c>
      <c r="N6916" s="98">
        <v>0</v>
      </c>
      <c r="O6916" s="98">
        <v>0</v>
      </c>
      <c r="P6916" s="98">
        <v>0</v>
      </c>
      <c r="Q6916" s="98">
        <v>0</v>
      </c>
      <c r="R6916" s="98">
        <v>1</v>
      </c>
      <c r="S6916" s="98">
        <v>0</v>
      </c>
      <c r="T6916" s="98">
        <v>0</v>
      </c>
      <c r="U6916" s="99"/>
      <c r="V6916" s="99"/>
      <c r="W6916" s="99"/>
      <c r="X6916" s="99"/>
      <c r="Y6916" s="99"/>
      <c r="Z6916" s="99"/>
      <c r="AA6916" s="99"/>
      <c r="AB6916" s="99"/>
      <c r="AC6916" s="99"/>
      <c r="AD6916" s="99"/>
      <c r="AE6916" s="99"/>
      <c r="AF6916" s="99"/>
      <c r="AG6916" s="99"/>
      <c r="AH6916" s="99"/>
      <c r="AI6916" s="99"/>
      <c r="AJ6916" s="99"/>
      <c r="AK6916" s="99"/>
      <c r="AL6916" s="99"/>
      <c r="AM6916" s="99"/>
      <c r="AN6916" s="99"/>
      <c r="AO6916" s="99"/>
      <c r="AP6916" s="99"/>
      <c r="AQ6916" s="99"/>
      <c r="AR6916" s="99"/>
      <c r="AS6916" s="99"/>
      <c r="AT6916" s="99"/>
      <c r="AU6916" s="99"/>
      <c r="AV6916" s="99"/>
      <c r="AW6916" s="99"/>
      <c r="AX6916" s="99"/>
      <c r="AY6916" s="99"/>
      <c r="AZ6916" s="99"/>
      <c r="BA6916" s="99"/>
      <c r="BB6916" s="221">
        <v>45884</v>
      </c>
    </row>
    <row r="6917" spans="1:54" s="8" customFormat="1" ht="14.1" customHeight="1" x14ac:dyDescent="0.25">
      <c r="A6917" s="219" t="s">
        <v>16599</v>
      </c>
      <c r="B6917" s="220" t="s">
        <v>19871</v>
      </c>
      <c r="C6917" s="98" t="s">
        <v>14102</v>
      </c>
      <c r="D6917" s="98" t="s">
        <v>16600</v>
      </c>
      <c r="E6917" s="141">
        <v>1977</v>
      </c>
      <c r="F6917" s="141">
        <v>128</v>
      </c>
      <c r="G6917" s="98" t="s">
        <v>1</v>
      </c>
      <c r="H6917" s="98">
        <v>0</v>
      </c>
      <c r="I6917" s="98">
        <v>0</v>
      </c>
      <c r="J6917" s="98">
        <v>0</v>
      </c>
      <c r="K6917" s="98">
        <v>0</v>
      </c>
      <c r="L6917" s="98">
        <v>0</v>
      </c>
      <c r="M6917" s="98">
        <v>0</v>
      </c>
      <c r="N6917" s="98">
        <v>0</v>
      </c>
      <c r="O6917" s="98">
        <v>1</v>
      </c>
      <c r="P6917" s="98">
        <v>0</v>
      </c>
      <c r="Q6917" s="98">
        <v>0</v>
      </c>
      <c r="R6917" s="98">
        <v>0</v>
      </c>
      <c r="S6917" s="98">
        <v>0</v>
      </c>
      <c r="T6917" s="98">
        <v>0</v>
      </c>
      <c r="U6917" s="99"/>
      <c r="V6917" s="99"/>
      <c r="W6917" s="99"/>
      <c r="X6917" s="99"/>
      <c r="Y6917" s="99"/>
      <c r="Z6917" s="99"/>
      <c r="AA6917" s="99"/>
      <c r="AB6917" s="99"/>
      <c r="AC6917" s="99"/>
      <c r="AD6917" s="99"/>
      <c r="AE6917" s="99"/>
      <c r="AF6917" s="99"/>
      <c r="AG6917" s="99"/>
      <c r="AH6917" s="99"/>
      <c r="AI6917" s="99"/>
      <c r="AJ6917" s="99"/>
      <c r="AK6917" s="99"/>
      <c r="AL6917" s="99"/>
      <c r="AM6917" s="99"/>
      <c r="AN6917" s="99"/>
      <c r="AO6917" s="99"/>
      <c r="AP6917" s="99"/>
      <c r="AQ6917" s="99"/>
      <c r="AR6917" s="99"/>
      <c r="AS6917" s="99"/>
      <c r="AT6917" s="99"/>
      <c r="AU6917" s="99"/>
      <c r="AV6917" s="99"/>
      <c r="AW6917" s="99"/>
      <c r="AX6917" s="99"/>
      <c r="AY6917" s="99"/>
      <c r="AZ6917" s="99"/>
      <c r="BA6917" s="99"/>
      <c r="BB6917" s="221">
        <v>45884</v>
      </c>
    </row>
    <row r="6918" spans="1:54" s="8" customFormat="1" ht="14.1" customHeight="1" x14ac:dyDescent="0.25">
      <c r="A6918" s="219" t="s">
        <v>16601</v>
      </c>
      <c r="B6918" s="220" t="s">
        <v>19871</v>
      </c>
      <c r="C6918" s="98" t="s">
        <v>16602</v>
      </c>
      <c r="D6918" s="98" t="s">
        <v>16603</v>
      </c>
      <c r="E6918" s="141">
        <v>1983</v>
      </c>
      <c r="F6918" s="141">
        <v>131</v>
      </c>
      <c r="G6918" s="98" t="s">
        <v>1</v>
      </c>
      <c r="H6918" s="98">
        <v>0</v>
      </c>
      <c r="I6918" s="98">
        <v>0</v>
      </c>
      <c r="J6918" s="98">
        <v>1</v>
      </c>
      <c r="K6918" s="98">
        <v>1</v>
      </c>
      <c r="L6918" s="98">
        <v>1</v>
      </c>
      <c r="M6918" s="98">
        <v>0</v>
      </c>
      <c r="N6918" s="98">
        <v>0</v>
      </c>
      <c r="O6918" s="98">
        <v>0</v>
      </c>
      <c r="P6918" s="98">
        <v>0</v>
      </c>
      <c r="Q6918" s="98">
        <v>0</v>
      </c>
      <c r="R6918" s="98">
        <v>0</v>
      </c>
      <c r="S6918" s="98">
        <v>0</v>
      </c>
      <c r="T6918" s="98">
        <v>0</v>
      </c>
      <c r="U6918" s="99"/>
      <c r="V6918" s="99"/>
      <c r="W6918" s="99"/>
      <c r="X6918" s="99"/>
      <c r="Y6918" s="99"/>
      <c r="Z6918" s="99"/>
      <c r="AA6918" s="99"/>
      <c r="AB6918" s="99"/>
      <c r="AC6918" s="99"/>
      <c r="AD6918" s="99"/>
      <c r="AE6918" s="99"/>
      <c r="AF6918" s="99"/>
      <c r="AG6918" s="99"/>
      <c r="AH6918" s="99"/>
      <c r="AI6918" s="99"/>
      <c r="AJ6918" s="99"/>
      <c r="AK6918" s="99"/>
      <c r="AL6918" s="99"/>
      <c r="AM6918" s="99"/>
      <c r="AN6918" s="99"/>
      <c r="AO6918" s="99"/>
      <c r="AP6918" s="99"/>
      <c r="AQ6918" s="99"/>
      <c r="AR6918" s="99"/>
      <c r="AS6918" s="99"/>
      <c r="AT6918" s="99"/>
      <c r="AU6918" s="99"/>
      <c r="AV6918" s="99"/>
      <c r="AW6918" s="99"/>
      <c r="AX6918" s="99"/>
      <c r="AY6918" s="99"/>
      <c r="AZ6918" s="99"/>
      <c r="BA6918" s="99"/>
      <c r="BB6918" s="221">
        <v>45884</v>
      </c>
    </row>
    <row r="6919" spans="1:54" s="8" customFormat="1" ht="14.1" customHeight="1" x14ac:dyDescent="0.25">
      <c r="A6919" s="219" t="s">
        <v>16604</v>
      </c>
      <c r="B6919" s="220" t="s">
        <v>19871</v>
      </c>
      <c r="C6919" s="98" t="s">
        <v>16605</v>
      </c>
      <c r="D6919" s="98" t="s">
        <v>16603</v>
      </c>
      <c r="E6919" s="141">
        <v>1983</v>
      </c>
      <c r="F6919" s="141">
        <v>121</v>
      </c>
      <c r="G6919" s="98" t="s">
        <v>1</v>
      </c>
      <c r="H6919" s="98">
        <v>0</v>
      </c>
      <c r="I6919" s="98">
        <v>0</v>
      </c>
      <c r="J6919" s="98">
        <v>0</v>
      </c>
      <c r="K6919" s="98">
        <v>0</v>
      </c>
      <c r="L6919" s="98">
        <v>0</v>
      </c>
      <c r="M6919" s="98">
        <v>0</v>
      </c>
      <c r="N6919" s="98">
        <v>1</v>
      </c>
      <c r="O6919" s="98">
        <v>0</v>
      </c>
      <c r="P6919" s="98">
        <v>0</v>
      </c>
      <c r="Q6919" s="98">
        <v>0</v>
      </c>
      <c r="R6919" s="98">
        <v>0</v>
      </c>
      <c r="S6919" s="98">
        <v>0</v>
      </c>
      <c r="T6919" s="98">
        <v>0</v>
      </c>
      <c r="U6919" s="99"/>
      <c r="V6919" s="99"/>
      <c r="W6919" s="99"/>
      <c r="X6919" s="99"/>
      <c r="Y6919" s="99"/>
      <c r="Z6919" s="99"/>
      <c r="AA6919" s="99"/>
      <c r="AB6919" s="99"/>
      <c r="AC6919" s="99"/>
      <c r="AD6919" s="99"/>
      <c r="AE6919" s="99"/>
      <c r="AF6919" s="99"/>
      <c r="AG6919" s="99"/>
      <c r="AH6919" s="99"/>
      <c r="AI6919" s="99"/>
      <c r="AJ6919" s="99"/>
      <c r="AK6919" s="99"/>
      <c r="AL6919" s="99"/>
      <c r="AM6919" s="99"/>
      <c r="AN6919" s="99"/>
      <c r="AO6919" s="99"/>
      <c r="AP6919" s="99"/>
      <c r="AQ6919" s="99"/>
      <c r="AR6919" s="99"/>
      <c r="AS6919" s="99"/>
      <c r="AT6919" s="99"/>
      <c r="AU6919" s="99"/>
      <c r="AV6919" s="99"/>
      <c r="AW6919" s="99"/>
      <c r="AX6919" s="99"/>
      <c r="AY6919" s="99"/>
      <c r="AZ6919" s="99"/>
      <c r="BA6919" s="99"/>
      <c r="BB6919" s="221">
        <v>45884</v>
      </c>
    </row>
    <row r="6920" spans="1:54" s="8" customFormat="1" ht="14.1" customHeight="1" x14ac:dyDescent="0.25">
      <c r="A6920" s="219" t="s">
        <v>16606</v>
      </c>
      <c r="B6920" s="220" t="s">
        <v>19871</v>
      </c>
      <c r="C6920" s="98" t="s">
        <v>16607</v>
      </c>
      <c r="D6920" s="98" t="s">
        <v>16608</v>
      </c>
      <c r="E6920" s="141">
        <v>2013</v>
      </c>
      <c r="F6920" s="141">
        <v>167</v>
      </c>
      <c r="G6920" s="98" t="s">
        <v>1</v>
      </c>
      <c r="H6920" s="98">
        <v>0</v>
      </c>
      <c r="I6920" s="98">
        <v>0</v>
      </c>
      <c r="J6920" s="98">
        <v>1</v>
      </c>
      <c r="K6920" s="98">
        <v>0</v>
      </c>
      <c r="L6920" s="98">
        <v>0</v>
      </c>
      <c r="M6920" s="98">
        <v>0</v>
      </c>
      <c r="N6920" s="98">
        <v>0</v>
      </c>
      <c r="O6920" s="98">
        <v>0</v>
      </c>
      <c r="P6920" s="98">
        <v>0</v>
      </c>
      <c r="Q6920" s="98">
        <v>0</v>
      </c>
      <c r="R6920" s="98">
        <v>1</v>
      </c>
      <c r="S6920" s="98">
        <v>0</v>
      </c>
      <c r="T6920" s="98">
        <v>0</v>
      </c>
      <c r="U6920" s="99"/>
      <c r="V6920" s="99"/>
      <c r="W6920" s="99"/>
      <c r="X6920" s="99"/>
      <c r="Y6920" s="99"/>
      <c r="Z6920" s="99"/>
      <c r="AA6920" s="99"/>
      <c r="AB6920" s="99"/>
      <c r="AC6920" s="99"/>
      <c r="AD6920" s="99"/>
      <c r="AE6920" s="99"/>
      <c r="AF6920" s="99"/>
      <c r="AG6920" s="99"/>
      <c r="AH6920" s="99"/>
      <c r="AI6920" s="99"/>
      <c r="AJ6920" s="99"/>
      <c r="AK6920" s="99"/>
      <c r="AL6920" s="99"/>
      <c r="AM6920" s="99"/>
      <c r="AN6920" s="99"/>
      <c r="AO6920" s="99"/>
      <c r="AP6920" s="99"/>
      <c r="AQ6920" s="99"/>
      <c r="AR6920" s="99"/>
      <c r="AS6920" s="99"/>
      <c r="AT6920" s="99"/>
      <c r="AU6920" s="99"/>
      <c r="AV6920" s="99"/>
      <c r="AW6920" s="99"/>
      <c r="AX6920" s="99"/>
      <c r="AY6920" s="99"/>
      <c r="AZ6920" s="99"/>
      <c r="BA6920" s="99"/>
      <c r="BB6920" s="221">
        <v>45884</v>
      </c>
    </row>
    <row r="6921" spans="1:54" s="8" customFormat="1" ht="14.1" customHeight="1" x14ac:dyDescent="0.25">
      <c r="A6921" s="219" t="s">
        <v>16609</v>
      </c>
      <c r="B6921" s="220" t="s">
        <v>19871</v>
      </c>
      <c r="C6921" s="98" t="s">
        <v>16610</v>
      </c>
      <c r="D6921" s="98" t="s">
        <v>16611</v>
      </c>
      <c r="E6921" s="141">
        <v>2006</v>
      </c>
      <c r="F6921" s="141">
        <v>189</v>
      </c>
      <c r="G6921" s="98" t="s">
        <v>1</v>
      </c>
      <c r="H6921" s="98">
        <v>0</v>
      </c>
      <c r="I6921" s="98">
        <v>0</v>
      </c>
      <c r="J6921" s="98">
        <v>1</v>
      </c>
      <c r="K6921" s="98">
        <v>1</v>
      </c>
      <c r="L6921" s="98">
        <v>1</v>
      </c>
      <c r="M6921" s="98">
        <v>0</v>
      </c>
      <c r="N6921" s="98">
        <v>0</v>
      </c>
      <c r="O6921" s="98">
        <v>0</v>
      </c>
      <c r="P6921" s="98">
        <v>0</v>
      </c>
      <c r="Q6921" s="98">
        <v>0</v>
      </c>
      <c r="R6921" s="98">
        <v>0</v>
      </c>
      <c r="S6921" s="98">
        <v>0</v>
      </c>
      <c r="T6921" s="98">
        <v>0</v>
      </c>
      <c r="U6921" s="99"/>
      <c r="V6921" s="99"/>
      <c r="W6921" s="99"/>
      <c r="X6921" s="99"/>
      <c r="Y6921" s="99"/>
      <c r="Z6921" s="99"/>
      <c r="AA6921" s="99"/>
      <c r="AB6921" s="99"/>
      <c r="AC6921" s="99"/>
      <c r="AD6921" s="99"/>
      <c r="AE6921" s="99"/>
      <c r="AF6921" s="99"/>
      <c r="AG6921" s="99"/>
      <c r="AH6921" s="99"/>
      <c r="AI6921" s="99"/>
      <c r="AJ6921" s="99"/>
      <c r="AK6921" s="99"/>
      <c r="AL6921" s="99"/>
      <c r="AM6921" s="99"/>
      <c r="AN6921" s="99"/>
      <c r="AO6921" s="99"/>
      <c r="AP6921" s="99"/>
      <c r="AQ6921" s="99"/>
      <c r="AR6921" s="99"/>
      <c r="AS6921" s="99"/>
      <c r="AT6921" s="99"/>
      <c r="AU6921" s="99"/>
      <c r="AV6921" s="99"/>
      <c r="AW6921" s="99"/>
      <c r="AX6921" s="99"/>
      <c r="AY6921" s="99"/>
      <c r="AZ6921" s="99"/>
      <c r="BA6921" s="99"/>
      <c r="BB6921" s="221">
        <v>45884</v>
      </c>
    </row>
    <row r="6922" spans="1:54" s="8" customFormat="1" ht="14.1" customHeight="1" x14ac:dyDescent="0.25">
      <c r="A6922" s="219" t="s">
        <v>16612</v>
      </c>
      <c r="B6922" s="220" t="s">
        <v>19871</v>
      </c>
      <c r="C6922" s="98" t="s">
        <v>16613</v>
      </c>
      <c r="D6922" s="98" t="s">
        <v>16614</v>
      </c>
      <c r="E6922" s="141">
        <v>2013</v>
      </c>
      <c r="F6922" s="141">
        <v>176</v>
      </c>
      <c r="G6922" s="98" t="s">
        <v>1</v>
      </c>
      <c r="H6922" s="98">
        <v>0</v>
      </c>
      <c r="I6922" s="98">
        <v>0</v>
      </c>
      <c r="J6922" s="98">
        <v>1</v>
      </c>
      <c r="K6922" s="98">
        <v>1</v>
      </c>
      <c r="L6922" s="98">
        <v>0</v>
      </c>
      <c r="M6922" s="98">
        <v>0</v>
      </c>
      <c r="N6922" s="98">
        <v>0</v>
      </c>
      <c r="O6922" s="98">
        <v>0</v>
      </c>
      <c r="P6922" s="98">
        <v>1</v>
      </c>
      <c r="Q6922" s="98">
        <v>0</v>
      </c>
      <c r="R6922" s="98">
        <v>0</v>
      </c>
      <c r="S6922" s="98">
        <v>0</v>
      </c>
      <c r="T6922" s="98">
        <v>0</v>
      </c>
      <c r="U6922" s="99"/>
      <c r="V6922" s="99"/>
      <c r="W6922" s="99"/>
      <c r="X6922" s="99"/>
      <c r="Y6922" s="99"/>
      <c r="Z6922" s="99"/>
      <c r="AA6922" s="99"/>
      <c r="AB6922" s="99"/>
      <c r="AC6922" s="99"/>
      <c r="AD6922" s="99"/>
      <c r="AE6922" s="99"/>
      <c r="AF6922" s="99"/>
      <c r="AG6922" s="99"/>
      <c r="AH6922" s="99"/>
      <c r="AI6922" s="99"/>
      <c r="AJ6922" s="99"/>
      <c r="AK6922" s="99"/>
      <c r="AL6922" s="99"/>
      <c r="AM6922" s="99"/>
      <c r="AN6922" s="99"/>
      <c r="AO6922" s="99"/>
      <c r="AP6922" s="99"/>
      <c r="AQ6922" s="99"/>
      <c r="AR6922" s="99"/>
      <c r="AS6922" s="99"/>
      <c r="AT6922" s="99"/>
      <c r="AU6922" s="99"/>
      <c r="AV6922" s="99"/>
      <c r="AW6922" s="99"/>
      <c r="AX6922" s="99"/>
      <c r="AY6922" s="99"/>
      <c r="AZ6922" s="99"/>
      <c r="BA6922" s="99"/>
      <c r="BB6922" s="221">
        <v>45884</v>
      </c>
    </row>
    <row r="6923" spans="1:54" s="8" customFormat="1" ht="14.1" customHeight="1" x14ac:dyDescent="0.25">
      <c r="A6923" s="219" t="s">
        <v>16615</v>
      </c>
      <c r="B6923" s="220" t="s">
        <v>19871</v>
      </c>
      <c r="C6923" s="98" t="s">
        <v>16616</v>
      </c>
      <c r="D6923" s="98" t="s">
        <v>16617</v>
      </c>
      <c r="E6923" s="141">
        <v>1979</v>
      </c>
      <c r="F6923" s="141">
        <v>157</v>
      </c>
      <c r="G6923" s="98" t="s">
        <v>1</v>
      </c>
      <c r="H6923" s="98">
        <v>0</v>
      </c>
      <c r="I6923" s="98">
        <v>0</v>
      </c>
      <c r="J6923" s="98">
        <v>0</v>
      </c>
      <c r="K6923" s="98">
        <v>1</v>
      </c>
      <c r="L6923" s="98">
        <v>1</v>
      </c>
      <c r="M6923" s="98">
        <v>0</v>
      </c>
      <c r="N6923" s="98">
        <v>0</v>
      </c>
      <c r="O6923" s="98">
        <v>0</v>
      </c>
      <c r="P6923" s="98">
        <v>1</v>
      </c>
      <c r="Q6923" s="98">
        <v>1</v>
      </c>
      <c r="R6923" s="98">
        <v>1</v>
      </c>
      <c r="S6923" s="98">
        <v>0</v>
      </c>
      <c r="T6923" s="98">
        <v>0</v>
      </c>
      <c r="U6923" s="99"/>
      <c r="V6923" s="99"/>
      <c r="W6923" s="99"/>
      <c r="X6923" s="99"/>
      <c r="Y6923" s="99"/>
      <c r="Z6923" s="99"/>
      <c r="AA6923" s="99"/>
      <c r="AB6923" s="99"/>
      <c r="AC6923" s="99"/>
      <c r="AD6923" s="99"/>
      <c r="AE6923" s="99"/>
      <c r="AF6923" s="99"/>
      <c r="AG6923" s="99"/>
      <c r="AH6923" s="99"/>
      <c r="AI6923" s="99"/>
      <c r="AJ6923" s="99"/>
      <c r="AK6923" s="99"/>
      <c r="AL6923" s="99"/>
      <c r="AM6923" s="99"/>
      <c r="AN6923" s="99"/>
      <c r="AO6923" s="99"/>
      <c r="AP6923" s="99"/>
      <c r="AQ6923" s="99"/>
      <c r="AR6923" s="99"/>
      <c r="AS6923" s="99"/>
      <c r="AT6923" s="99"/>
      <c r="AU6923" s="99"/>
      <c r="AV6923" s="99"/>
      <c r="AW6923" s="99"/>
      <c r="AX6923" s="99"/>
      <c r="AY6923" s="99"/>
      <c r="AZ6923" s="99"/>
      <c r="BA6923" s="99"/>
      <c r="BB6923" s="221">
        <v>45884</v>
      </c>
    </row>
    <row r="6924" spans="1:54" s="8" customFormat="1" ht="14.1" customHeight="1" x14ac:dyDescent="0.25">
      <c r="A6924" s="219" t="s">
        <v>16618</v>
      </c>
      <c r="B6924" s="220" t="s">
        <v>19871</v>
      </c>
      <c r="C6924" s="98" t="s">
        <v>16619</v>
      </c>
      <c r="D6924" s="98" t="s">
        <v>16620</v>
      </c>
      <c r="E6924" s="141">
        <v>2003</v>
      </c>
      <c r="F6924" s="141">
        <v>182</v>
      </c>
      <c r="G6924" s="98" t="s">
        <v>1</v>
      </c>
      <c r="H6924" s="98">
        <v>0</v>
      </c>
      <c r="I6924" s="98">
        <v>0</v>
      </c>
      <c r="J6924" s="98">
        <v>1</v>
      </c>
      <c r="K6924" s="98">
        <v>1</v>
      </c>
      <c r="L6924" s="98">
        <v>0</v>
      </c>
      <c r="M6924" s="98">
        <v>0</v>
      </c>
      <c r="N6924" s="98">
        <v>0</v>
      </c>
      <c r="O6924" s="98">
        <v>0</v>
      </c>
      <c r="P6924" s="98">
        <v>0</v>
      </c>
      <c r="Q6924" s="98">
        <v>0</v>
      </c>
      <c r="R6924" s="98">
        <v>1</v>
      </c>
      <c r="S6924" s="98">
        <v>0</v>
      </c>
      <c r="T6924" s="98">
        <v>0</v>
      </c>
      <c r="U6924" s="99"/>
      <c r="V6924" s="99"/>
      <c r="W6924" s="99"/>
      <c r="X6924" s="99"/>
      <c r="Y6924" s="99"/>
      <c r="Z6924" s="99"/>
      <c r="AA6924" s="99"/>
      <c r="AB6924" s="99"/>
      <c r="AC6924" s="99"/>
      <c r="AD6924" s="99"/>
      <c r="AE6924" s="99"/>
      <c r="AF6924" s="99"/>
      <c r="AG6924" s="99"/>
      <c r="AH6924" s="99"/>
      <c r="AI6924" s="99"/>
      <c r="AJ6924" s="99"/>
      <c r="AK6924" s="99"/>
      <c r="AL6924" s="99"/>
      <c r="AM6924" s="99"/>
      <c r="AN6924" s="99"/>
      <c r="AO6924" s="99"/>
      <c r="AP6924" s="99"/>
      <c r="AQ6924" s="99"/>
      <c r="AR6924" s="99"/>
      <c r="AS6924" s="99"/>
      <c r="AT6924" s="99"/>
      <c r="AU6924" s="99"/>
      <c r="AV6924" s="99"/>
      <c r="AW6924" s="99"/>
      <c r="AX6924" s="99"/>
      <c r="AY6924" s="99"/>
      <c r="AZ6924" s="99"/>
      <c r="BA6924" s="99"/>
      <c r="BB6924" s="221">
        <v>45884</v>
      </c>
    </row>
    <row r="6925" spans="1:54" s="8" customFormat="1" ht="14.1" customHeight="1" x14ac:dyDescent="0.25">
      <c r="A6925" s="219" t="s">
        <v>16621</v>
      </c>
      <c r="B6925" s="220" t="s">
        <v>19871</v>
      </c>
      <c r="C6925" s="98" t="s">
        <v>16622</v>
      </c>
      <c r="D6925" s="98" t="s">
        <v>16623</v>
      </c>
      <c r="E6925" s="141">
        <v>1974</v>
      </c>
      <c r="F6925" s="141">
        <v>99</v>
      </c>
      <c r="G6925" s="98" t="s">
        <v>1</v>
      </c>
      <c r="H6925" s="98">
        <v>0</v>
      </c>
      <c r="I6925" s="98">
        <v>0</v>
      </c>
      <c r="J6925" s="98">
        <v>0</v>
      </c>
      <c r="K6925" s="98">
        <v>0</v>
      </c>
      <c r="L6925" s="98">
        <v>0</v>
      </c>
      <c r="M6925" s="98">
        <v>0</v>
      </c>
      <c r="N6925" s="98">
        <v>0</v>
      </c>
      <c r="O6925" s="98">
        <v>0</v>
      </c>
      <c r="P6925" s="98">
        <v>0</v>
      </c>
      <c r="Q6925" s="98">
        <v>0</v>
      </c>
      <c r="R6925" s="98">
        <v>0</v>
      </c>
      <c r="S6925" s="98">
        <v>0</v>
      </c>
      <c r="T6925" s="98">
        <v>0</v>
      </c>
      <c r="U6925" s="99"/>
      <c r="V6925" s="99"/>
      <c r="W6925" s="99"/>
      <c r="X6925" s="99"/>
      <c r="Y6925" s="99"/>
      <c r="Z6925" s="99"/>
      <c r="AA6925" s="99"/>
      <c r="AB6925" s="99"/>
      <c r="AC6925" s="99"/>
      <c r="AD6925" s="99"/>
      <c r="AE6925" s="99"/>
      <c r="AF6925" s="99"/>
      <c r="AG6925" s="99"/>
      <c r="AH6925" s="99"/>
      <c r="AI6925" s="99"/>
      <c r="AJ6925" s="99"/>
      <c r="AK6925" s="99"/>
      <c r="AL6925" s="99"/>
      <c r="AM6925" s="99"/>
      <c r="AN6925" s="99"/>
      <c r="AO6925" s="99"/>
      <c r="AP6925" s="99"/>
      <c r="AQ6925" s="99"/>
      <c r="AR6925" s="99"/>
      <c r="AS6925" s="99"/>
      <c r="AT6925" s="99"/>
      <c r="AU6925" s="99"/>
      <c r="AV6925" s="99"/>
      <c r="AW6925" s="99"/>
      <c r="AX6925" s="99"/>
      <c r="AY6925" s="99"/>
      <c r="AZ6925" s="99"/>
      <c r="BA6925" s="99"/>
      <c r="BB6925" s="221">
        <v>45884</v>
      </c>
    </row>
    <row r="6926" spans="1:54" s="8" customFormat="1" ht="14.1" customHeight="1" x14ac:dyDescent="0.25">
      <c r="A6926" s="219" t="s">
        <v>16624</v>
      </c>
      <c r="B6926" s="220" t="s">
        <v>19871</v>
      </c>
      <c r="C6926" s="98" t="s">
        <v>16625</v>
      </c>
      <c r="D6926" s="98" t="s">
        <v>16626</v>
      </c>
      <c r="E6926" s="141">
        <v>1974</v>
      </c>
      <c r="F6926" s="141">
        <v>59</v>
      </c>
      <c r="G6926" s="98" t="s">
        <v>1</v>
      </c>
      <c r="H6926" s="98">
        <v>0</v>
      </c>
      <c r="I6926" s="98">
        <v>0</v>
      </c>
      <c r="J6926" s="98">
        <v>0</v>
      </c>
      <c r="K6926" s="98">
        <v>0</v>
      </c>
      <c r="L6926" s="98">
        <v>0</v>
      </c>
      <c r="M6926" s="98">
        <v>0</v>
      </c>
      <c r="N6926" s="98">
        <v>0</v>
      </c>
      <c r="O6926" s="98">
        <v>0</v>
      </c>
      <c r="P6926" s="98">
        <v>0</v>
      </c>
      <c r="Q6926" s="98">
        <v>0</v>
      </c>
      <c r="R6926" s="98">
        <v>0</v>
      </c>
      <c r="S6926" s="98">
        <v>0</v>
      </c>
      <c r="T6926" s="98">
        <v>0</v>
      </c>
      <c r="U6926" s="99"/>
      <c r="V6926" s="99"/>
      <c r="W6926" s="99"/>
      <c r="X6926" s="99"/>
      <c r="Y6926" s="99"/>
      <c r="Z6926" s="99"/>
      <c r="AA6926" s="99"/>
      <c r="AB6926" s="99"/>
      <c r="AC6926" s="99"/>
      <c r="AD6926" s="99"/>
      <c r="AE6926" s="99"/>
      <c r="AF6926" s="99"/>
      <c r="AG6926" s="99"/>
      <c r="AH6926" s="99"/>
      <c r="AI6926" s="99"/>
      <c r="AJ6926" s="99"/>
      <c r="AK6926" s="99"/>
      <c r="AL6926" s="99"/>
      <c r="AM6926" s="99"/>
      <c r="AN6926" s="99"/>
      <c r="AO6926" s="99"/>
      <c r="AP6926" s="99"/>
      <c r="AQ6926" s="99"/>
      <c r="AR6926" s="99"/>
      <c r="AS6926" s="99"/>
      <c r="AT6926" s="99"/>
      <c r="AU6926" s="99"/>
      <c r="AV6926" s="99"/>
      <c r="AW6926" s="99"/>
      <c r="AX6926" s="99"/>
      <c r="AY6926" s="99"/>
      <c r="AZ6926" s="99"/>
      <c r="BA6926" s="99"/>
      <c r="BB6926" s="221">
        <v>45884</v>
      </c>
    </row>
    <row r="6927" spans="1:54" s="8" customFormat="1" ht="14.1" customHeight="1" x14ac:dyDescent="0.25">
      <c r="A6927" s="219" t="s">
        <v>16627</v>
      </c>
      <c r="B6927" s="220" t="s">
        <v>19871</v>
      </c>
      <c r="C6927" s="98" t="s">
        <v>16628</v>
      </c>
      <c r="D6927" s="98" t="s">
        <v>16629</v>
      </c>
      <c r="E6927" s="141">
        <v>1974</v>
      </c>
      <c r="F6927" s="141">
        <v>189</v>
      </c>
      <c r="G6927" s="98" t="s">
        <v>1</v>
      </c>
      <c r="H6927" s="98">
        <v>0</v>
      </c>
      <c r="I6927" s="98">
        <v>0</v>
      </c>
      <c r="J6927" s="98">
        <v>1</v>
      </c>
      <c r="K6927" s="98">
        <v>1</v>
      </c>
      <c r="L6927" s="98">
        <v>1</v>
      </c>
      <c r="M6927" s="98">
        <v>0</v>
      </c>
      <c r="N6927" s="98">
        <v>0</v>
      </c>
      <c r="O6927" s="98">
        <v>1</v>
      </c>
      <c r="P6927" s="98">
        <v>1</v>
      </c>
      <c r="Q6927" s="98">
        <v>0</v>
      </c>
      <c r="R6927" s="98">
        <v>0</v>
      </c>
      <c r="S6927" s="98">
        <v>0</v>
      </c>
      <c r="T6927" s="98">
        <v>0</v>
      </c>
      <c r="U6927" s="99"/>
      <c r="V6927" s="99"/>
      <c r="W6927" s="99"/>
      <c r="X6927" s="99"/>
      <c r="Y6927" s="99"/>
      <c r="Z6927" s="99"/>
      <c r="AA6927" s="99"/>
      <c r="AB6927" s="99"/>
      <c r="AC6927" s="99"/>
      <c r="AD6927" s="99"/>
      <c r="AE6927" s="99"/>
      <c r="AF6927" s="99"/>
      <c r="AG6927" s="99"/>
      <c r="AH6927" s="99"/>
      <c r="AI6927" s="99"/>
      <c r="AJ6927" s="99"/>
      <c r="AK6927" s="99"/>
      <c r="AL6927" s="99"/>
      <c r="AM6927" s="99"/>
      <c r="AN6927" s="99"/>
      <c r="AO6927" s="99"/>
      <c r="AP6927" s="99"/>
      <c r="AQ6927" s="99"/>
      <c r="AR6927" s="99"/>
      <c r="AS6927" s="99"/>
      <c r="AT6927" s="99"/>
      <c r="AU6927" s="99"/>
      <c r="AV6927" s="99"/>
      <c r="AW6927" s="99"/>
      <c r="AX6927" s="99"/>
      <c r="AY6927" s="99"/>
      <c r="AZ6927" s="99"/>
      <c r="BA6927" s="99"/>
      <c r="BB6927" s="221">
        <v>45884</v>
      </c>
    </row>
    <row r="6928" spans="1:54" s="8" customFormat="1" ht="14.1" customHeight="1" x14ac:dyDescent="0.25">
      <c r="A6928" s="219" t="s">
        <v>16630</v>
      </c>
      <c r="B6928" s="220" t="s">
        <v>19871</v>
      </c>
      <c r="C6928" s="98" t="s">
        <v>16631</v>
      </c>
      <c r="D6928" s="98" t="s">
        <v>16632</v>
      </c>
      <c r="E6928" s="141">
        <v>1985</v>
      </c>
      <c r="F6928" s="141">
        <v>2019</v>
      </c>
      <c r="G6928" s="98" t="s">
        <v>1</v>
      </c>
      <c r="H6928" s="98">
        <v>0</v>
      </c>
      <c r="I6928" s="98">
        <v>0</v>
      </c>
      <c r="J6928" s="98">
        <v>1</v>
      </c>
      <c r="K6928" s="98">
        <v>1</v>
      </c>
      <c r="L6928" s="98">
        <v>1</v>
      </c>
      <c r="M6928" s="98">
        <v>0</v>
      </c>
      <c r="N6928" s="98">
        <v>0</v>
      </c>
      <c r="O6928" s="98">
        <v>1</v>
      </c>
      <c r="P6928" s="98">
        <v>0</v>
      </c>
      <c r="Q6928" s="98">
        <v>0</v>
      </c>
      <c r="R6928" s="98">
        <v>0</v>
      </c>
      <c r="S6928" s="98">
        <v>0</v>
      </c>
      <c r="T6928" s="98">
        <v>0</v>
      </c>
      <c r="U6928" s="99"/>
      <c r="V6928" s="99"/>
      <c r="W6928" s="99"/>
      <c r="X6928" s="99"/>
      <c r="Y6928" s="99"/>
      <c r="Z6928" s="99"/>
      <c r="AA6928" s="99"/>
      <c r="AB6928" s="99"/>
      <c r="AC6928" s="99"/>
      <c r="AD6928" s="99"/>
      <c r="AE6928" s="99"/>
      <c r="AF6928" s="99"/>
      <c r="AG6928" s="99"/>
      <c r="AH6928" s="99"/>
      <c r="AI6928" s="99"/>
      <c r="AJ6928" s="99"/>
      <c r="AK6928" s="99"/>
      <c r="AL6928" s="99"/>
      <c r="AM6928" s="99"/>
      <c r="AN6928" s="99"/>
      <c r="AO6928" s="99"/>
      <c r="AP6928" s="99"/>
      <c r="AQ6928" s="99"/>
      <c r="AR6928" s="99"/>
      <c r="AS6928" s="99"/>
      <c r="AT6928" s="99"/>
      <c r="AU6928" s="99"/>
      <c r="AV6928" s="99"/>
      <c r="AW6928" s="99"/>
      <c r="AX6928" s="99"/>
      <c r="AY6928" s="99"/>
      <c r="AZ6928" s="99"/>
      <c r="BA6928" s="99"/>
      <c r="BB6928" s="221">
        <v>45884</v>
      </c>
    </row>
    <row r="6929" spans="1:54" s="8" customFormat="1" ht="14.1" customHeight="1" x14ac:dyDescent="0.25">
      <c r="A6929" s="219" t="s">
        <v>16633</v>
      </c>
      <c r="B6929" s="220" t="s">
        <v>19871</v>
      </c>
      <c r="C6929" s="98" t="s">
        <v>2301</v>
      </c>
      <c r="D6929" s="98" t="s">
        <v>16634</v>
      </c>
      <c r="E6929" s="141">
        <v>1981</v>
      </c>
      <c r="F6929" s="141">
        <v>105</v>
      </c>
      <c r="G6929" s="98" t="s">
        <v>1</v>
      </c>
      <c r="H6929" s="98">
        <v>0</v>
      </c>
      <c r="I6929" s="98">
        <v>0</v>
      </c>
      <c r="J6929" s="98">
        <v>0</v>
      </c>
      <c r="K6929" s="98">
        <v>0</v>
      </c>
      <c r="L6929" s="98">
        <v>0</v>
      </c>
      <c r="M6929" s="98">
        <v>1</v>
      </c>
      <c r="N6929" s="98">
        <v>0</v>
      </c>
      <c r="O6929" s="98">
        <v>0</v>
      </c>
      <c r="P6929" s="98">
        <v>0</v>
      </c>
      <c r="Q6929" s="98">
        <v>0</v>
      </c>
      <c r="R6929" s="98">
        <v>1</v>
      </c>
      <c r="S6929" s="98">
        <v>0</v>
      </c>
      <c r="T6929" s="98">
        <v>0</v>
      </c>
      <c r="U6929" s="99"/>
      <c r="V6929" s="99"/>
      <c r="W6929" s="99"/>
      <c r="X6929" s="99"/>
      <c r="Y6929" s="99"/>
      <c r="Z6929" s="99"/>
      <c r="AA6929" s="99"/>
      <c r="AB6929" s="99"/>
      <c r="AC6929" s="99"/>
      <c r="AD6929" s="99"/>
      <c r="AE6929" s="99"/>
      <c r="AF6929" s="99"/>
      <c r="AG6929" s="99"/>
      <c r="AH6929" s="99"/>
      <c r="AI6929" s="99"/>
      <c r="AJ6929" s="99"/>
      <c r="AK6929" s="99"/>
      <c r="AL6929" s="99"/>
      <c r="AM6929" s="99"/>
      <c r="AN6929" s="99"/>
      <c r="AO6929" s="99"/>
      <c r="AP6929" s="99"/>
      <c r="AQ6929" s="99"/>
      <c r="AR6929" s="99"/>
      <c r="AS6929" s="99"/>
      <c r="AT6929" s="99"/>
      <c r="AU6929" s="99"/>
      <c r="AV6929" s="99"/>
      <c r="AW6929" s="99"/>
      <c r="AX6929" s="99"/>
      <c r="AY6929" s="99"/>
      <c r="AZ6929" s="99"/>
      <c r="BA6929" s="99"/>
      <c r="BB6929" s="221">
        <v>45884</v>
      </c>
    </row>
    <row r="6930" spans="1:54" s="8" customFormat="1" ht="14.1" customHeight="1" x14ac:dyDescent="0.25">
      <c r="A6930" s="219" t="s">
        <v>16635</v>
      </c>
      <c r="B6930" s="220" t="s">
        <v>19871</v>
      </c>
      <c r="C6930" s="98" t="s">
        <v>16636</v>
      </c>
      <c r="D6930" s="98" t="s">
        <v>16637</v>
      </c>
      <c r="E6930" s="141">
        <v>2008</v>
      </c>
      <c r="F6930" s="141">
        <v>483</v>
      </c>
      <c r="G6930" s="98" t="s">
        <v>1</v>
      </c>
      <c r="H6930" s="98">
        <v>0</v>
      </c>
      <c r="I6930" s="98">
        <v>0</v>
      </c>
      <c r="J6930" s="98">
        <v>0</v>
      </c>
      <c r="K6930" s="98">
        <v>1</v>
      </c>
      <c r="L6930" s="98">
        <v>0</v>
      </c>
      <c r="M6930" s="98">
        <v>1</v>
      </c>
      <c r="N6930" s="98">
        <v>0</v>
      </c>
      <c r="O6930" s="98">
        <v>1</v>
      </c>
      <c r="P6930" s="98">
        <v>0</v>
      </c>
      <c r="Q6930" s="98">
        <v>0</v>
      </c>
      <c r="R6930" s="98">
        <v>1</v>
      </c>
      <c r="S6930" s="98">
        <v>0</v>
      </c>
      <c r="T6930" s="98">
        <v>0</v>
      </c>
      <c r="U6930" s="99"/>
      <c r="V6930" s="99"/>
      <c r="W6930" s="99"/>
      <c r="X6930" s="99"/>
      <c r="Y6930" s="99"/>
      <c r="Z6930" s="99"/>
      <c r="AA6930" s="99"/>
      <c r="AB6930" s="99"/>
      <c r="AC6930" s="99"/>
      <c r="AD6930" s="99"/>
      <c r="AE6930" s="99"/>
      <c r="AF6930" s="99"/>
      <c r="AG6930" s="99"/>
      <c r="AH6930" s="99"/>
      <c r="AI6930" s="99"/>
      <c r="AJ6930" s="99"/>
      <c r="AK6930" s="99"/>
      <c r="AL6930" s="99"/>
      <c r="AM6930" s="99"/>
      <c r="AN6930" s="99"/>
      <c r="AO6930" s="99"/>
      <c r="AP6930" s="99"/>
      <c r="AQ6930" s="99"/>
      <c r="AR6930" s="99"/>
      <c r="AS6930" s="99"/>
      <c r="AT6930" s="99"/>
      <c r="AU6930" s="99"/>
      <c r="AV6930" s="99"/>
      <c r="AW6930" s="99"/>
      <c r="AX6930" s="99"/>
      <c r="AY6930" s="99"/>
      <c r="AZ6930" s="99"/>
      <c r="BA6930" s="99"/>
      <c r="BB6930" s="221">
        <v>45884</v>
      </c>
    </row>
    <row r="6931" spans="1:54" s="8" customFormat="1" ht="14.1" customHeight="1" x14ac:dyDescent="0.25">
      <c r="A6931" s="219" t="s">
        <v>16638</v>
      </c>
      <c r="B6931" s="220" t="s">
        <v>19871</v>
      </c>
      <c r="C6931" s="98" t="s">
        <v>16639</v>
      </c>
      <c r="D6931" s="98" t="s">
        <v>16640</v>
      </c>
      <c r="E6931" s="141">
        <v>1996</v>
      </c>
      <c r="F6931" s="141">
        <v>174</v>
      </c>
      <c r="G6931" s="98" t="s">
        <v>1</v>
      </c>
      <c r="H6931" s="98">
        <v>0</v>
      </c>
      <c r="I6931" s="98">
        <v>0</v>
      </c>
      <c r="J6931" s="98">
        <v>1</v>
      </c>
      <c r="K6931" s="98">
        <v>0</v>
      </c>
      <c r="L6931" s="98">
        <v>1</v>
      </c>
      <c r="M6931" s="98">
        <v>0</v>
      </c>
      <c r="N6931" s="98">
        <v>0</v>
      </c>
      <c r="O6931" s="98">
        <v>1</v>
      </c>
      <c r="P6931" s="98">
        <v>1</v>
      </c>
      <c r="Q6931" s="98">
        <v>0</v>
      </c>
      <c r="R6931" s="98">
        <v>0</v>
      </c>
      <c r="S6931" s="98">
        <v>0</v>
      </c>
      <c r="T6931" s="98">
        <v>0</v>
      </c>
      <c r="U6931" s="99"/>
      <c r="V6931" s="99"/>
      <c r="W6931" s="99"/>
      <c r="X6931" s="99"/>
      <c r="Y6931" s="99"/>
      <c r="Z6931" s="99"/>
      <c r="AA6931" s="99"/>
      <c r="AB6931" s="99"/>
      <c r="AC6931" s="99"/>
      <c r="AD6931" s="99"/>
      <c r="AE6931" s="99"/>
      <c r="AF6931" s="99"/>
      <c r="AG6931" s="99"/>
      <c r="AH6931" s="99"/>
      <c r="AI6931" s="99"/>
      <c r="AJ6931" s="99"/>
      <c r="AK6931" s="99"/>
      <c r="AL6931" s="99"/>
      <c r="AM6931" s="99"/>
      <c r="AN6931" s="99"/>
      <c r="AO6931" s="99"/>
      <c r="AP6931" s="99"/>
      <c r="AQ6931" s="99"/>
      <c r="AR6931" s="99"/>
      <c r="AS6931" s="99"/>
      <c r="AT6931" s="99"/>
      <c r="AU6931" s="99"/>
      <c r="AV6931" s="99"/>
      <c r="AW6931" s="99"/>
      <c r="AX6931" s="99"/>
      <c r="AY6931" s="99"/>
      <c r="AZ6931" s="99"/>
      <c r="BA6931" s="99"/>
      <c r="BB6931" s="221">
        <v>45884</v>
      </c>
    </row>
    <row r="6932" spans="1:54" s="8" customFormat="1" ht="14.1" customHeight="1" x14ac:dyDescent="0.25">
      <c r="A6932" s="219" t="s">
        <v>16641</v>
      </c>
      <c r="B6932" s="220" t="s">
        <v>19871</v>
      </c>
      <c r="C6932" s="98" t="s">
        <v>16642</v>
      </c>
      <c r="D6932" s="98" t="s">
        <v>16643</v>
      </c>
      <c r="E6932" s="141">
        <v>1979</v>
      </c>
      <c r="F6932" s="141">
        <v>110</v>
      </c>
      <c r="G6932" s="98" t="s">
        <v>1</v>
      </c>
      <c r="H6932" s="98">
        <v>0</v>
      </c>
      <c r="I6932" s="98">
        <v>0</v>
      </c>
      <c r="J6932" s="98">
        <v>1</v>
      </c>
      <c r="K6932" s="98">
        <v>0</v>
      </c>
      <c r="L6932" s="98">
        <v>1</v>
      </c>
      <c r="M6932" s="98">
        <v>0</v>
      </c>
      <c r="N6932" s="98">
        <v>0</v>
      </c>
      <c r="O6932" s="98">
        <v>1</v>
      </c>
      <c r="P6932" s="98">
        <v>1</v>
      </c>
      <c r="Q6932" s="98">
        <v>0</v>
      </c>
      <c r="R6932" s="98">
        <v>0</v>
      </c>
      <c r="S6932" s="98">
        <v>0</v>
      </c>
      <c r="T6932" s="98">
        <v>0</v>
      </c>
      <c r="U6932" s="99"/>
      <c r="V6932" s="99"/>
      <c r="W6932" s="99"/>
      <c r="X6932" s="99"/>
      <c r="Y6932" s="99"/>
      <c r="Z6932" s="99"/>
      <c r="AA6932" s="99"/>
      <c r="AB6932" s="99"/>
      <c r="AC6932" s="99"/>
      <c r="AD6932" s="99"/>
      <c r="AE6932" s="99"/>
      <c r="AF6932" s="99"/>
      <c r="AG6932" s="99"/>
      <c r="AH6932" s="99"/>
      <c r="AI6932" s="99"/>
      <c r="AJ6932" s="99"/>
      <c r="AK6932" s="99"/>
      <c r="AL6932" s="99"/>
      <c r="AM6932" s="99"/>
      <c r="AN6932" s="99"/>
      <c r="AO6932" s="99"/>
      <c r="AP6932" s="99"/>
      <c r="AQ6932" s="99"/>
      <c r="AR6932" s="99"/>
      <c r="AS6932" s="99"/>
      <c r="AT6932" s="99"/>
      <c r="AU6932" s="99"/>
      <c r="AV6932" s="99"/>
      <c r="AW6932" s="99"/>
      <c r="AX6932" s="99"/>
      <c r="AY6932" s="99"/>
      <c r="AZ6932" s="99"/>
      <c r="BA6932" s="99"/>
      <c r="BB6932" s="221">
        <v>45884</v>
      </c>
    </row>
    <row r="6933" spans="1:54" s="8" customFormat="1" ht="14.1" customHeight="1" x14ac:dyDescent="0.25">
      <c r="A6933" s="219" t="s">
        <v>16644</v>
      </c>
      <c r="B6933" s="220" t="s">
        <v>19871</v>
      </c>
      <c r="C6933" s="98" t="s">
        <v>16645</v>
      </c>
      <c r="D6933" s="98" t="s">
        <v>16646</v>
      </c>
      <c r="E6933" s="141">
        <v>1977</v>
      </c>
      <c r="F6933" s="141">
        <v>102</v>
      </c>
      <c r="G6933" s="98" t="s">
        <v>1</v>
      </c>
      <c r="H6933" s="98">
        <v>0</v>
      </c>
      <c r="I6933" s="98">
        <v>0</v>
      </c>
      <c r="J6933" s="98">
        <v>0</v>
      </c>
      <c r="K6933" s="98">
        <v>0</v>
      </c>
      <c r="L6933" s="98">
        <v>0</v>
      </c>
      <c r="M6933" s="98">
        <v>1</v>
      </c>
      <c r="N6933" s="98">
        <v>0</v>
      </c>
      <c r="O6933" s="98">
        <v>0</v>
      </c>
      <c r="P6933" s="98">
        <v>0</v>
      </c>
      <c r="Q6933" s="98">
        <v>0</v>
      </c>
      <c r="R6933" s="98">
        <v>0</v>
      </c>
      <c r="S6933" s="98">
        <v>0</v>
      </c>
      <c r="T6933" s="98">
        <v>0</v>
      </c>
      <c r="U6933" s="99"/>
      <c r="V6933" s="99"/>
      <c r="W6933" s="99"/>
      <c r="X6933" s="99"/>
      <c r="Y6933" s="99"/>
      <c r="Z6933" s="99"/>
      <c r="AA6933" s="99"/>
      <c r="AB6933" s="99"/>
      <c r="AC6933" s="99"/>
      <c r="AD6933" s="99"/>
      <c r="AE6933" s="99"/>
      <c r="AF6933" s="99"/>
      <c r="AG6933" s="99"/>
      <c r="AH6933" s="99"/>
      <c r="AI6933" s="99"/>
      <c r="AJ6933" s="99"/>
      <c r="AK6933" s="99"/>
      <c r="AL6933" s="99"/>
      <c r="AM6933" s="99"/>
      <c r="AN6933" s="99"/>
      <c r="AO6933" s="99"/>
      <c r="AP6933" s="99"/>
      <c r="AQ6933" s="99"/>
      <c r="AR6933" s="99"/>
      <c r="AS6933" s="99"/>
      <c r="AT6933" s="99"/>
      <c r="AU6933" s="99"/>
      <c r="AV6933" s="99"/>
      <c r="AW6933" s="99"/>
      <c r="AX6933" s="99"/>
      <c r="AY6933" s="99"/>
      <c r="AZ6933" s="99"/>
      <c r="BA6933" s="99"/>
      <c r="BB6933" s="221">
        <v>45884</v>
      </c>
    </row>
    <row r="6934" spans="1:54" s="8" customFormat="1" ht="14.1" customHeight="1" x14ac:dyDescent="0.25">
      <c r="A6934" s="219" t="s">
        <v>16647</v>
      </c>
      <c r="B6934" s="220" t="s">
        <v>19871</v>
      </c>
      <c r="C6934" s="98" t="s">
        <v>16648</v>
      </c>
      <c r="D6934" s="98" t="s">
        <v>16649</v>
      </c>
      <c r="E6934" s="141">
        <v>1985</v>
      </c>
      <c r="F6934" s="141">
        <v>9838</v>
      </c>
      <c r="G6934" s="98" t="s">
        <v>1</v>
      </c>
      <c r="H6934" s="98">
        <v>1</v>
      </c>
      <c r="I6934" s="98">
        <v>0</v>
      </c>
      <c r="J6934" s="98">
        <v>1</v>
      </c>
      <c r="K6934" s="98">
        <v>1</v>
      </c>
      <c r="L6934" s="98">
        <v>0</v>
      </c>
      <c r="M6934" s="98">
        <v>1</v>
      </c>
      <c r="N6934" s="98">
        <v>0</v>
      </c>
      <c r="O6934" s="98">
        <v>0</v>
      </c>
      <c r="P6934" s="98">
        <v>0</v>
      </c>
      <c r="Q6934" s="98">
        <v>0</v>
      </c>
      <c r="R6934" s="98">
        <v>0</v>
      </c>
      <c r="S6934" s="98">
        <v>0</v>
      </c>
      <c r="T6934" s="98">
        <v>0</v>
      </c>
      <c r="U6934" s="99"/>
      <c r="V6934" s="99"/>
      <c r="W6934" s="99"/>
      <c r="X6934" s="99"/>
      <c r="Y6934" s="99"/>
      <c r="Z6934" s="99"/>
      <c r="AA6934" s="99"/>
      <c r="AB6934" s="99"/>
      <c r="AC6934" s="99"/>
      <c r="AD6934" s="99"/>
      <c r="AE6934" s="99"/>
      <c r="AF6934" s="99"/>
      <c r="AG6934" s="99"/>
      <c r="AH6934" s="99"/>
      <c r="AI6934" s="99"/>
      <c r="AJ6934" s="99"/>
      <c r="AK6934" s="99"/>
      <c r="AL6934" s="99"/>
      <c r="AM6934" s="99"/>
      <c r="AN6934" s="99"/>
      <c r="AO6934" s="99"/>
      <c r="AP6934" s="99"/>
      <c r="AQ6934" s="99"/>
      <c r="AR6934" s="99"/>
      <c r="AS6934" s="99"/>
      <c r="AT6934" s="99"/>
      <c r="AU6934" s="99"/>
      <c r="AV6934" s="99"/>
      <c r="AW6934" s="99"/>
      <c r="AX6934" s="99"/>
      <c r="AY6934" s="99"/>
      <c r="AZ6934" s="99"/>
      <c r="BA6934" s="99"/>
      <c r="BB6934" s="221">
        <v>45884</v>
      </c>
    </row>
    <row r="6935" spans="1:54" s="8" customFormat="1" ht="14.1" customHeight="1" x14ac:dyDescent="0.25">
      <c r="A6935" s="219" t="s">
        <v>16650</v>
      </c>
      <c r="B6935" s="220" t="s">
        <v>19871</v>
      </c>
      <c r="C6935" s="98" t="s">
        <v>16651</v>
      </c>
      <c r="D6935" s="98" t="s">
        <v>16652</v>
      </c>
      <c r="E6935" s="141">
        <v>1987</v>
      </c>
      <c r="F6935" s="141">
        <v>131</v>
      </c>
      <c r="G6935" s="98" t="s">
        <v>1</v>
      </c>
      <c r="H6935" s="98">
        <v>0</v>
      </c>
      <c r="I6935" s="98">
        <v>0</v>
      </c>
      <c r="J6935" s="98">
        <v>1</v>
      </c>
      <c r="K6935" s="98">
        <v>1</v>
      </c>
      <c r="L6935" s="98">
        <v>1</v>
      </c>
      <c r="M6935" s="98">
        <v>0</v>
      </c>
      <c r="N6935" s="98">
        <v>0</v>
      </c>
      <c r="O6935" s="98">
        <v>0</v>
      </c>
      <c r="P6935" s="98">
        <v>1</v>
      </c>
      <c r="Q6935" s="98">
        <v>0</v>
      </c>
      <c r="R6935" s="98">
        <v>0</v>
      </c>
      <c r="S6935" s="98">
        <v>0</v>
      </c>
      <c r="T6935" s="98">
        <v>0</v>
      </c>
      <c r="U6935" s="99"/>
      <c r="V6935" s="99"/>
      <c r="W6935" s="99"/>
      <c r="X6935" s="99"/>
      <c r="Y6935" s="99"/>
      <c r="Z6935" s="99"/>
      <c r="AA6935" s="99"/>
      <c r="AB6935" s="99"/>
      <c r="AC6935" s="99"/>
      <c r="AD6935" s="99"/>
      <c r="AE6935" s="99"/>
      <c r="AF6935" s="99"/>
      <c r="AG6935" s="99"/>
      <c r="AH6935" s="99"/>
      <c r="AI6935" s="99"/>
      <c r="AJ6935" s="99"/>
      <c r="AK6935" s="99"/>
      <c r="AL6935" s="99"/>
      <c r="AM6935" s="99"/>
      <c r="AN6935" s="99"/>
      <c r="AO6935" s="99"/>
      <c r="AP6935" s="99"/>
      <c r="AQ6935" s="99"/>
      <c r="AR6935" s="99"/>
      <c r="AS6935" s="99"/>
      <c r="AT6935" s="99"/>
      <c r="AU6935" s="99"/>
      <c r="AV6935" s="99"/>
      <c r="AW6935" s="99"/>
      <c r="AX6935" s="99"/>
      <c r="AY6935" s="99"/>
      <c r="AZ6935" s="99"/>
      <c r="BA6935" s="99"/>
      <c r="BB6935" s="221">
        <v>45884</v>
      </c>
    </row>
    <row r="6936" spans="1:54" s="8" customFormat="1" ht="14.1" customHeight="1" x14ac:dyDescent="0.25">
      <c r="A6936" s="219" t="s">
        <v>16653</v>
      </c>
      <c r="B6936" s="220" t="s">
        <v>19871</v>
      </c>
      <c r="C6936" s="98" t="s">
        <v>16654</v>
      </c>
      <c r="D6936" s="98" t="s">
        <v>16655</v>
      </c>
      <c r="E6936" s="141">
        <v>1988</v>
      </c>
      <c r="F6936" s="141">
        <v>142</v>
      </c>
      <c r="G6936" s="98" t="s">
        <v>1</v>
      </c>
      <c r="H6936" s="98">
        <v>0</v>
      </c>
      <c r="I6936" s="98">
        <v>0</v>
      </c>
      <c r="J6936" s="98">
        <v>1</v>
      </c>
      <c r="K6936" s="98">
        <v>1</v>
      </c>
      <c r="L6936" s="98">
        <v>1</v>
      </c>
      <c r="M6936" s="98">
        <v>0</v>
      </c>
      <c r="N6936" s="98">
        <v>0</v>
      </c>
      <c r="O6936" s="98">
        <v>0</v>
      </c>
      <c r="P6936" s="98">
        <v>1</v>
      </c>
      <c r="Q6936" s="98">
        <v>0</v>
      </c>
      <c r="R6936" s="98">
        <v>0</v>
      </c>
      <c r="S6936" s="98">
        <v>0</v>
      </c>
      <c r="T6936" s="98">
        <v>0</v>
      </c>
      <c r="U6936" s="99"/>
      <c r="V6936" s="99"/>
      <c r="W6936" s="99"/>
      <c r="X6936" s="99"/>
      <c r="Y6936" s="99"/>
      <c r="Z6936" s="99"/>
      <c r="AA6936" s="99"/>
      <c r="AB6936" s="99"/>
      <c r="AC6936" s="99"/>
      <c r="AD6936" s="99"/>
      <c r="AE6936" s="99"/>
      <c r="AF6936" s="99"/>
      <c r="AG6936" s="99"/>
      <c r="AH6936" s="99"/>
      <c r="AI6936" s="99"/>
      <c r="AJ6936" s="99"/>
      <c r="AK6936" s="99"/>
      <c r="AL6936" s="99"/>
      <c r="AM6936" s="99"/>
      <c r="AN6936" s="99"/>
      <c r="AO6936" s="99"/>
      <c r="AP6936" s="99"/>
      <c r="AQ6936" s="99"/>
      <c r="AR6936" s="99"/>
      <c r="AS6936" s="99"/>
      <c r="AT6936" s="99"/>
      <c r="AU6936" s="99"/>
      <c r="AV6936" s="99"/>
      <c r="AW6936" s="99"/>
      <c r="AX6936" s="99"/>
      <c r="AY6936" s="99"/>
      <c r="AZ6936" s="99"/>
      <c r="BA6936" s="99"/>
      <c r="BB6936" s="221">
        <v>45884</v>
      </c>
    </row>
    <row r="6937" spans="1:54" s="8" customFormat="1" ht="14.1" customHeight="1" x14ac:dyDescent="0.25">
      <c r="A6937" s="219" t="s">
        <v>16656</v>
      </c>
      <c r="B6937" s="220" t="s">
        <v>19871</v>
      </c>
      <c r="C6937" s="98" t="s">
        <v>16657</v>
      </c>
      <c r="D6937" s="98" t="s">
        <v>16658</v>
      </c>
      <c r="E6937" s="141">
        <v>1980</v>
      </c>
      <c r="F6937" s="141">
        <v>329</v>
      </c>
      <c r="G6937" s="98" t="s">
        <v>1</v>
      </c>
      <c r="H6937" s="98">
        <v>0</v>
      </c>
      <c r="I6937" s="98">
        <v>0</v>
      </c>
      <c r="J6937" s="98">
        <v>1</v>
      </c>
      <c r="K6937" s="98">
        <v>0</v>
      </c>
      <c r="L6937" s="98">
        <v>1</v>
      </c>
      <c r="M6937" s="98">
        <v>0</v>
      </c>
      <c r="N6937" s="98">
        <v>0</v>
      </c>
      <c r="O6937" s="98">
        <v>1</v>
      </c>
      <c r="P6937" s="98">
        <v>1</v>
      </c>
      <c r="Q6937" s="98">
        <v>1</v>
      </c>
      <c r="R6937" s="98">
        <v>1</v>
      </c>
      <c r="S6937" s="98">
        <v>1</v>
      </c>
      <c r="T6937" s="98">
        <v>0</v>
      </c>
      <c r="U6937" s="99"/>
      <c r="V6937" s="99"/>
      <c r="W6937" s="99"/>
      <c r="X6937" s="99"/>
      <c r="Y6937" s="99"/>
      <c r="Z6937" s="99"/>
      <c r="AA6937" s="99"/>
      <c r="AB6937" s="99"/>
      <c r="AC6937" s="99"/>
      <c r="AD6937" s="99"/>
      <c r="AE6937" s="99"/>
      <c r="AF6937" s="99"/>
      <c r="AG6937" s="99"/>
      <c r="AH6937" s="99"/>
      <c r="AI6937" s="99"/>
      <c r="AJ6937" s="99"/>
      <c r="AK6937" s="99"/>
      <c r="AL6937" s="99"/>
      <c r="AM6937" s="99"/>
      <c r="AN6937" s="99"/>
      <c r="AO6937" s="99"/>
      <c r="AP6937" s="99"/>
      <c r="AQ6937" s="99"/>
      <c r="AR6937" s="99"/>
      <c r="AS6937" s="99"/>
      <c r="AT6937" s="99"/>
      <c r="AU6937" s="99"/>
      <c r="AV6937" s="99"/>
      <c r="AW6937" s="99"/>
      <c r="AX6937" s="99"/>
      <c r="AY6937" s="99"/>
      <c r="AZ6937" s="99"/>
      <c r="BA6937" s="99"/>
      <c r="BB6937" s="221">
        <v>45884</v>
      </c>
    </row>
    <row r="6938" spans="1:54" s="8" customFormat="1" ht="14.1" customHeight="1" x14ac:dyDescent="0.25">
      <c r="A6938" s="219" t="s">
        <v>16659</v>
      </c>
      <c r="B6938" s="220" t="s">
        <v>19871</v>
      </c>
      <c r="C6938" s="98" t="s">
        <v>16660</v>
      </c>
      <c r="D6938" s="98" t="s">
        <v>16661</v>
      </c>
      <c r="E6938" s="141">
        <v>1984</v>
      </c>
      <c r="F6938" s="141">
        <v>145</v>
      </c>
      <c r="G6938" s="98" t="s">
        <v>1</v>
      </c>
      <c r="H6938" s="98">
        <v>0</v>
      </c>
      <c r="I6938" s="98">
        <v>0</v>
      </c>
      <c r="J6938" s="98">
        <v>1</v>
      </c>
      <c r="K6938" s="98">
        <v>1</v>
      </c>
      <c r="L6938" s="98">
        <v>1</v>
      </c>
      <c r="M6938" s="98">
        <v>0</v>
      </c>
      <c r="N6938" s="98">
        <v>0</v>
      </c>
      <c r="O6938" s="98">
        <v>1</v>
      </c>
      <c r="P6938" s="98">
        <v>0</v>
      </c>
      <c r="Q6938" s="98">
        <v>0</v>
      </c>
      <c r="R6938" s="98">
        <v>0</v>
      </c>
      <c r="S6938" s="98">
        <v>0</v>
      </c>
      <c r="T6938" s="98">
        <v>0</v>
      </c>
      <c r="U6938" s="99"/>
      <c r="V6938" s="99"/>
      <c r="W6938" s="99"/>
      <c r="X6938" s="99"/>
      <c r="Y6938" s="99"/>
      <c r="Z6938" s="99"/>
      <c r="AA6938" s="99"/>
      <c r="AB6938" s="99"/>
      <c r="AC6938" s="99"/>
      <c r="AD6938" s="99"/>
      <c r="AE6938" s="99"/>
      <c r="AF6938" s="99"/>
      <c r="AG6938" s="99"/>
      <c r="AH6938" s="99"/>
      <c r="AI6938" s="99"/>
      <c r="AJ6938" s="99"/>
      <c r="AK6938" s="99"/>
      <c r="AL6938" s="99"/>
      <c r="AM6938" s="99"/>
      <c r="AN6938" s="99"/>
      <c r="AO6938" s="99"/>
      <c r="AP6938" s="99"/>
      <c r="AQ6938" s="99"/>
      <c r="AR6938" s="99"/>
      <c r="AS6938" s="99"/>
      <c r="AT6938" s="99"/>
      <c r="AU6938" s="99"/>
      <c r="AV6938" s="99"/>
      <c r="AW6938" s="99"/>
      <c r="AX6938" s="99"/>
      <c r="AY6938" s="99"/>
      <c r="AZ6938" s="99"/>
      <c r="BA6938" s="99"/>
      <c r="BB6938" s="221">
        <v>45884</v>
      </c>
    </row>
    <row r="6939" spans="1:54" s="8" customFormat="1" ht="14.1" customHeight="1" x14ac:dyDescent="0.25">
      <c r="A6939" s="219" t="s">
        <v>16662</v>
      </c>
      <c r="B6939" s="220" t="s">
        <v>19871</v>
      </c>
      <c r="C6939" s="98" t="s">
        <v>16663</v>
      </c>
      <c r="D6939" s="98" t="s">
        <v>16664</v>
      </c>
      <c r="E6939" s="141">
        <v>1985</v>
      </c>
      <c r="F6939" s="141">
        <v>176</v>
      </c>
      <c r="G6939" s="98" t="s">
        <v>1</v>
      </c>
      <c r="H6939" s="98">
        <v>0</v>
      </c>
      <c r="I6939" s="98">
        <v>0</v>
      </c>
      <c r="J6939" s="98">
        <v>1</v>
      </c>
      <c r="K6939" s="98">
        <v>0</v>
      </c>
      <c r="L6939" s="98">
        <v>1</v>
      </c>
      <c r="M6939" s="98">
        <v>0</v>
      </c>
      <c r="N6939" s="98">
        <v>0</v>
      </c>
      <c r="O6939" s="98">
        <v>1</v>
      </c>
      <c r="P6939" s="98">
        <v>1</v>
      </c>
      <c r="Q6939" s="98">
        <v>0</v>
      </c>
      <c r="R6939" s="98">
        <v>0</v>
      </c>
      <c r="S6939" s="98">
        <v>0</v>
      </c>
      <c r="T6939" s="98">
        <v>0</v>
      </c>
      <c r="U6939" s="99"/>
      <c r="V6939" s="99"/>
      <c r="W6939" s="99"/>
      <c r="X6939" s="99"/>
      <c r="Y6939" s="99"/>
      <c r="Z6939" s="99"/>
      <c r="AA6939" s="99"/>
      <c r="AB6939" s="99"/>
      <c r="AC6939" s="99"/>
      <c r="AD6939" s="99"/>
      <c r="AE6939" s="99"/>
      <c r="AF6939" s="99"/>
      <c r="AG6939" s="99"/>
      <c r="AH6939" s="99"/>
      <c r="AI6939" s="99"/>
      <c r="AJ6939" s="99"/>
      <c r="AK6939" s="99"/>
      <c r="AL6939" s="99"/>
      <c r="AM6939" s="99"/>
      <c r="AN6939" s="99"/>
      <c r="AO6939" s="99"/>
      <c r="AP6939" s="99"/>
      <c r="AQ6939" s="99"/>
      <c r="AR6939" s="99"/>
      <c r="AS6939" s="99"/>
      <c r="AT6939" s="99"/>
      <c r="AU6939" s="99"/>
      <c r="AV6939" s="99"/>
      <c r="AW6939" s="99"/>
      <c r="AX6939" s="99"/>
      <c r="AY6939" s="99"/>
      <c r="AZ6939" s="99"/>
      <c r="BA6939" s="99"/>
      <c r="BB6939" s="221">
        <v>45884</v>
      </c>
    </row>
    <row r="6940" spans="1:54" s="8" customFormat="1" ht="14.1" customHeight="1" x14ac:dyDescent="0.25">
      <c r="A6940" s="219" t="s">
        <v>16665</v>
      </c>
      <c r="B6940" s="220" t="s">
        <v>19871</v>
      </c>
      <c r="C6940" s="98" t="s">
        <v>16666</v>
      </c>
      <c r="D6940" s="98" t="s">
        <v>16667</v>
      </c>
      <c r="E6940" s="141">
        <v>2006</v>
      </c>
      <c r="F6940" s="141">
        <v>131</v>
      </c>
      <c r="G6940" s="98" t="s">
        <v>1</v>
      </c>
      <c r="H6940" s="98">
        <v>0</v>
      </c>
      <c r="I6940" s="98">
        <v>0</v>
      </c>
      <c r="J6940" s="98">
        <v>1</v>
      </c>
      <c r="K6940" s="98">
        <v>0</v>
      </c>
      <c r="L6940" s="98">
        <v>1</v>
      </c>
      <c r="M6940" s="98">
        <v>0</v>
      </c>
      <c r="N6940" s="98">
        <v>0</v>
      </c>
      <c r="O6940" s="98">
        <v>0</v>
      </c>
      <c r="P6940" s="98">
        <v>1</v>
      </c>
      <c r="Q6940" s="98">
        <v>0</v>
      </c>
      <c r="R6940" s="98">
        <v>0</v>
      </c>
      <c r="S6940" s="98">
        <v>0</v>
      </c>
      <c r="T6940" s="98">
        <v>0</v>
      </c>
      <c r="U6940" s="99"/>
      <c r="V6940" s="99"/>
      <c r="W6940" s="99"/>
      <c r="X6940" s="99"/>
      <c r="Y6940" s="99"/>
      <c r="Z6940" s="99"/>
      <c r="AA6940" s="99"/>
      <c r="AB6940" s="99"/>
      <c r="AC6940" s="99"/>
      <c r="AD6940" s="99"/>
      <c r="AE6940" s="99"/>
      <c r="AF6940" s="99"/>
      <c r="AG6940" s="99"/>
      <c r="AH6940" s="99"/>
      <c r="AI6940" s="99"/>
      <c r="AJ6940" s="99"/>
      <c r="AK6940" s="99"/>
      <c r="AL6940" s="99"/>
      <c r="AM6940" s="99"/>
      <c r="AN6940" s="99"/>
      <c r="AO6940" s="99"/>
      <c r="AP6940" s="99"/>
      <c r="AQ6940" s="99"/>
      <c r="AR6940" s="99"/>
      <c r="AS6940" s="99"/>
      <c r="AT6940" s="99"/>
      <c r="AU6940" s="99"/>
      <c r="AV6940" s="99"/>
      <c r="AW6940" s="99"/>
      <c r="AX6940" s="99"/>
      <c r="AY6940" s="99"/>
      <c r="AZ6940" s="99"/>
      <c r="BA6940" s="99"/>
      <c r="BB6940" s="221">
        <v>45884</v>
      </c>
    </row>
    <row r="6941" spans="1:54" s="8" customFormat="1" ht="14.1" customHeight="1" x14ac:dyDescent="0.25">
      <c r="A6941" s="219" t="s">
        <v>16668</v>
      </c>
      <c r="B6941" s="220" t="s">
        <v>19871</v>
      </c>
      <c r="C6941" s="98" t="s">
        <v>16669</v>
      </c>
      <c r="D6941" s="98" t="s">
        <v>16670</v>
      </c>
      <c r="E6941" s="141">
        <v>1984</v>
      </c>
      <c r="F6941" s="141">
        <v>10550</v>
      </c>
      <c r="G6941" s="98" t="s">
        <v>1</v>
      </c>
      <c r="H6941" s="98">
        <v>1</v>
      </c>
      <c r="I6941" s="98">
        <v>1</v>
      </c>
      <c r="J6941" s="98">
        <v>0</v>
      </c>
      <c r="K6941" s="98">
        <v>0</v>
      </c>
      <c r="L6941" s="98">
        <v>0</v>
      </c>
      <c r="M6941" s="98">
        <v>0</v>
      </c>
      <c r="N6941" s="98">
        <v>0</v>
      </c>
      <c r="O6941" s="98">
        <v>0</v>
      </c>
      <c r="P6941" s="98">
        <v>1</v>
      </c>
      <c r="Q6941" s="98">
        <v>0</v>
      </c>
      <c r="R6941" s="98">
        <v>0</v>
      </c>
      <c r="S6941" s="98">
        <v>0</v>
      </c>
      <c r="T6941" s="98">
        <v>0</v>
      </c>
      <c r="U6941" s="99"/>
      <c r="V6941" s="99"/>
      <c r="W6941" s="99"/>
      <c r="X6941" s="99"/>
      <c r="Y6941" s="99"/>
      <c r="Z6941" s="99"/>
      <c r="AA6941" s="99"/>
      <c r="AB6941" s="99"/>
      <c r="AC6941" s="99"/>
      <c r="AD6941" s="99"/>
      <c r="AE6941" s="99"/>
      <c r="AF6941" s="99"/>
      <c r="AG6941" s="99"/>
      <c r="AH6941" s="99"/>
      <c r="AI6941" s="99"/>
      <c r="AJ6941" s="99"/>
      <c r="AK6941" s="99"/>
      <c r="AL6941" s="99"/>
      <c r="AM6941" s="99"/>
      <c r="AN6941" s="99"/>
      <c r="AO6941" s="99"/>
      <c r="AP6941" s="99"/>
      <c r="AQ6941" s="99"/>
      <c r="AR6941" s="99"/>
      <c r="AS6941" s="99"/>
      <c r="AT6941" s="99"/>
      <c r="AU6941" s="99"/>
      <c r="AV6941" s="99"/>
      <c r="AW6941" s="99"/>
      <c r="AX6941" s="99"/>
      <c r="AY6941" s="99"/>
      <c r="AZ6941" s="99"/>
      <c r="BA6941" s="99"/>
      <c r="BB6941" s="221">
        <v>45884</v>
      </c>
    </row>
    <row r="6942" spans="1:54" s="8" customFormat="1" ht="14.1" customHeight="1" x14ac:dyDescent="0.25">
      <c r="A6942" s="219" t="s">
        <v>16671</v>
      </c>
      <c r="B6942" s="220" t="s">
        <v>19871</v>
      </c>
      <c r="C6942" s="98" t="s">
        <v>16672</v>
      </c>
      <c r="D6942" s="98" t="s">
        <v>16673</v>
      </c>
      <c r="E6942" s="141">
        <v>1984</v>
      </c>
      <c r="F6942" s="141">
        <v>10633</v>
      </c>
      <c r="G6942" s="98" t="s">
        <v>1</v>
      </c>
      <c r="H6942" s="98">
        <v>0</v>
      </c>
      <c r="I6942" s="98">
        <v>0</v>
      </c>
      <c r="J6942" s="98">
        <v>0</v>
      </c>
      <c r="K6942" s="98">
        <v>0</v>
      </c>
      <c r="L6942" s="98">
        <v>0</v>
      </c>
      <c r="M6942" s="98">
        <v>0</v>
      </c>
      <c r="N6942" s="98">
        <v>0</v>
      </c>
      <c r="O6942" s="98">
        <v>0</v>
      </c>
      <c r="P6942" s="98">
        <v>0</v>
      </c>
      <c r="Q6942" s="98">
        <v>0</v>
      </c>
      <c r="R6942" s="98">
        <v>1</v>
      </c>
      <c r="S6942" s="98">
        <v>0</v>
      </c>
      <c r="T6942" s="98">
        <v>0</v>
      </c>
      <c r="U6942" s="99"/>
      <c r="V6942" s="99"/>
      <c r="W6942" s="99"/>
      <c r="X6942" s="99"/>
      <c r="Y6942" s="99"/>
      <c r="Z6942" s="99"/>
      <c r="AA6942" s="99"/>
      <c r="AB6942" s="99"/>
      <c r="AC6942" s="99"/>
      <c r="AD6942" s="99"/>
      <c r="AE6942" s="99"/>
      <c r="AF6942" s="99"/>
      <c r="AG6942" s="99"/>
      <c r="AH6942" s="99"/>
      <c r="AI6942" s="99"/>
      <c r="AJ6942" s="99"/>
      <c r="AK6942" s="99"/>
      <c r="AL6942" s="99"/>
      <c r="AM6942" s="99"/>
      <c r="AN6942" s="99"/>
      <c r="AO6942" s="99"/>
      <c r="AP6942" s="99"/>
      <c r="AQ6942" s="99"/>
      <c r="AR6942" s="99"/>
      <c r="AS6942" s="99"/>
      <c r="AT6942" s="99"/>
      <c r="AU6942" s="99"/>
      <c r="AV6942" s="99"/>
      <c r="AW6942" s="99"/>
      <c r="AX6942" s="99"/>
      <c r="AY6942" s="99"/>
      <c r="AZ6942" s="99"/>
      <c r="BA6942" s="99"/>
      <c r="BB6942" s="221">
        <v>45884</v>
      </c>
    </row>
    <row r="6943" spans="1:54" s="8" customFormat="1" ht="14.1" customHeight="1" x14ac:dyDescent="0.25">
      <c r="A6943" s="219" t="s">
        <v>16674</v>
      </c>
      <c r="B6943" s="220" t="s">
        <v>19871</v>
      </c>
      <c r="C6943" s="98" t="s">
        <v>16675</v>
      </c>
      <c r="D6943" s="98" t="s">
        <v>16676</v>
      </c>
      <c r="E6943" s="141">
        <v>1986</v>
      </c>
      <c r="F6943" s="141">
        <v>241</v>
      </c>
      <c r="G6943" s="98" t="s">
        <v>1</v>
      </c>
      <c r="H6943" s="98">
        <v>0</v>
      </c>
      <c r="I6943" s="98">
        <v>0</v>
      </c>
      <c r="J6943" s="98">
        <v>0</v>
      </c>
      <c r="K6943" s="98">
        <v>0</v>
      </c>
      <c r="L6943" s="98">
        <v>0</v>
      </c>
      <c r="M6943" s="98">
        <v>0</v>
      </c>
      <c r="N6943" s="98">
        <v>1</v>
      </c>
      <c r="O6943" s="98">
        <v>0</v>
      </c>
      <c r="P6943" s="98">
        <v>0</v>
      </c>
      <c r="Q6943" s="98">
        <v>0</v>
      </c>
      <c r="R6943" s="98">
        <v>0</v>
      </c>
      <c r="S6943" s="98">
        <v>0</v>
      </c>
      <c r="T6943" s="98">
        <v>0</v>
      </c>
      <c r="U6943" s="99"/>
      <c r="V6943" s="99"/>
      <c r="W6943" s="99"/>
      <c r="X6943" s="99"/>
      <c r="Y6943" s="99"/>
      <c r="Z6943" s="99"/>
      <c r="AA6943" s="99"/>
      <c r="AB6943" s="99"/>
      <c r="AC6943" s="99"/>
      <c r="AD6943" s="99"/>
      <c r="AE6943" s="99"/>
      <c r="AF6943" s="99"/>
      <c r="AG6943" s="99"/>
      <c r="AH6943" s="99"/>
      <c r="AI6943" s="99"/>
      <c r="AJ6943" s="99"/>
      <c r="AK6943" s="99"/>
      <c r="AL6943" s="99"/>
      <c r="AM6943" s="99"/>
      <c r="AN6943" s="99"/>
      <c r="AO6943" s="99"/>
      <c r="AP6943" s="99"/>
      <c r="AQ6943" s="99"/>
      <c r="AR6943" s="99"/>
      <c r="AS6943" s="99"/>
      <c r="AT6943" s="99"/>
      <c r="AU6943" s="99"/>
      <c r="AV6943" s="99"/>
      <c r="AW6943" s="99"/>
      <c r="AX6943" s="99"/>
      <c r="AY6943" s="99"/>
      <c r="AZ6943" s="99"/>
      <c r="BA6943" s="99"/>
      <c r="BB6943" s="221">
        <v>45884</v>
      </c>
    </row>
    <row r="6944" spans="1:54" s="8" customFormat="1" ht="14.1" customHeight="1" x14ac:dyDescent="0.25">
      <c r="A6944" s="219" t="s">
        <v>16677</v>
      </c>
      <c r="B6944" s="220" t="s">
        <v>19871</v>
      </c>
      <c r="C6944" s="98" t="s">
        <v>16678</v>
      </c>
      <c r="D6944" s="98" t="s">
        <v>16679</v>
      </c>
      <c r="E6944" s="141">
        <v>2006</v>
      </c>
      <c r="F6944" s="141">
        <v>433</v>
      </c>
      <c r="G6944" s="98" t="s">
        <v>1</v>
      </c>
      <c r="H6944" s="98">
        <v>0</v>
      </c>
      <c r="I6944" s="98">
        <v>0</v>
      </c>
      <c r="J6944" s="98">
        <v>1</v>
      </c>
      <c r="K6944" s="98">
        <v>1</v>
      </c>
      <c r="L6944" s="98">
        <v>0</v>
      </c>
      <c r="M6944" s="98">
        <v>0</v>
      </c>
      <c r="N6944" s="98">
        <v>0</v>
      </c>
      <c r="O6944" s="98">
        <v>1</v>
      </c>
      <c r="P6944" s="98">
        <v>1</v>
      </c>
      <c r="Q6944" s="98">
        <v>0</v>
      </c>
      <c r="R6944" s="98">
        <v>1</v>
      </c>
      <c r="S6944" s="98">
        <v>0</v>
      </c>
      <c r="T6944" s="98">
        <v>0</v>
      </c>
      <c r="U6944" s="99"/>
      <c r="V6944" s="99"/>
      <c r="W6944" s="99"/>
      <c r="X6944" s="99"/>
      <c r="Y6944" s="99"/>
      <c r="Z6944" s="99"/>
      <c r="AA6944" s="99"/>
      <c r="AB6944" s="99"/>
      <c r="AC6944" s="99"/>
      <c r="AD6944" s="99"/>
      <c r="AE6944" s="99"/>
      <c r="AF6944" s="99"/>
      <c r="AG6944" s="99"/>
      <c r="AH6944" s="99"/>
      <c r="AI6944" s="99"/>
      <c r="AJ6944" s="99"/>
      <c r="AK6944" s="99"/>
      <c r="AL6944" s="99"/>
      <c r="AM6944" s="99"/>
      <c r="AN6944" s="99"/>
      <c r="AO6944" s="99"/>
      <c r="AP6944" s="99"/>
      <c r="AQ6944" s="99"/>
      <c r="AR6944" s="99"/>
      <c r="AS6944" s="99"/>
      <c r="AT6944" s="99"/>
      <c r="AU6944" s="99"/>
      <c r="AV6944" s="99"/>
      <c r="AW6944" s="99"/>
      <c r="AX6944" s="99"/>
      <c r="AY6944" s="99"/>
      <c r="AZ6944" s="99"/>
      <c r="BA6944" s="99"/>
      <c r="BB6944" s="221">
        <v>45884</v>
      </c>
    </row>
    <row r="6945" spans="1:54" s="8" customFormat="1" ht="14.1" customHeight="1" x14ac:dyDescent="0.25">
      <c r="A6945" s="219" t="s">
        <v>16680</v>
      </c>
      <c r="B6945" s="220" t="s">
        <v>19871</v>
      </c>
      <c r="C6945" s="98" t="s">
        <v>9994</v>
      </c>
      <c r="D6945" s="98" t="s">
        <v>16681</v>
      </c>
      <c r="E6945" s="141">
        <v>2000</v>
      </c>
      <c r="F6945" s="141">
        <v>180</v>
      </c>
      <c r="G6945" s="98" t="s">
        <v>1</v>
      </c>
      <c r="H6945" s="98">
        <v>0</v>
      </c>
      <c r="I6945" s="98">
        <v>0</v>
      </c>
      <c r="J6945" s="98">
        <v>1</v>
      </c>
      <c r="K6945" s="98">
        <v>0</v>
      </c>
      <c r="L6945" s="98">
        <v>0</v>
      </c>
      <c r="M6945" s="98">
        <v>0</v>
      </c>
      <c r="N6945" s="98">
        <v>0</v>
      </c>
      <c r="O6945" s="98">
        <v>0</v>
      </c>
      <c r="P6945" s="98">
        <v>0</v>
      </c>
      <c r="Q6945" s="98">
        <v>0</v>
      </c>
      <c r="R6945" s="98">
        <v>1</v>
      </c>
      <c r="S6945" s="98">
        <v>1</v>
      </c>
      <c r="T6945" s="98">
        <v>0</v>
      </c>
      <c r="U6945" s="99"/>
      <c r="V6945" s="99"/>
      <c r="W6945" s="99"/>
      <c r="X6945" s="99"/>
      <c r="Y6945" s="99"/>
      <c r="Z6945" s="99"/>
      <c r="AA6945" s="99"/>
      <c r="AB6945" s="99"/>
      <c r="AC6945" s="99"/>
      <c r="AD6945" s="99"/>
      <c r="AE6945" s="99"/>
      <c r="AF6945" s="99"/>
      <c r="AG6945" s="99"/>
      <c r="AH6945" s="99"/>
      <c r="AI6945" s="99"/>
      <c r="AJ6945" s="99"/>
      <c r="AK6945" s="99"/>
      <c r="AL6945" s="99"/>
      <c r="AM6945" s="99"/>
      <c r="AN6945" s="99"/>
      <c r="AO6945" s="99"/>
      <c r="AP6945" s="99"/>
      <c r="AQ6945" s="99"/>
      <c r="AR6945" s="99"/>
      <c r="AS6945" s="99"/>
      <c r="AT6945" s="99"/>
      <c r="AU6945" s="99"/>
      <c r="AV6945" s="99"/>
      <c r="AW6945" s="99"/>
      <c r="AX6945" s="99"/>
      <c r="AY6945" s="99"/>
      <c r="AZ6945" s="99"/>
      <c r="BA6945" s="99"/>
      <c r="BB6945" s="221">
        <v>45884</v>
      </c>
    </row>
    <row r="6946" spans="1:54" s="8" customFormat="1" ht="14.1" customHeight="1" x14ac:dyDescent="0.25">
      <c r="A6946" s="219" t="s">
        <v>16682</v>
      </c>
      <c r="B6946" s="220" t="s">
        <v>19871</v>
      </c>
      <c r="C6946" s="98" t="s">
        <v>16683</v>
      </c>
      <c r="D6946" s="98" t="s">
        <v>16684</v>
      </c>
      <c r="E6946" s="141">
        <v>2002</v>
      </c>
      <c r="F6946" s="141">
        <v>196</v>
      </c>
      <c r="G6946" s="98" t="s">
        <v>1</v>
      </c>
      <c r="H6946" s="98">
        <v>0</v>
      </c>
      <c r="I6946" s="98">
        <v>0</v>
      </c>
      <c r="J6946" s="98">
        <v>1</v>
      </c>
      <c r="K6946" s="98">
        <v>0</v>
      </c>
      <c r="L6946" s="98">
        <v>1</v>
      </c>
      <c r="M6946" s="98">
        <v>0</v>
      </c>
      <c r="N6946" s="98">
        <v>0</v>
      </c>
      <c r="O6946" s="98">
        <v>0</v>
      </c>
      <c r="P6946" s="98">
        <v>1</v>
      </c>
      <c r="Q6946" s="98">
        <v>0</v>
      </c>
      <c r="R6946" s="98">
        <v>1</v>
      </c>
      <c r="S6946" s="98">
        <v>0</v>
      </c>
      <c r="T6946" s="98">
        <v>0</v>
      </c>
      <c r="U6946" s="99"/>
      <c r="V6946" s="99"/>
      <c r="W6946" s="99"/>
      <c r="X6946" s="99"/>
      <c r="Y6946" s="99"/>
      <c r="Z6946" s="99"/>
      <c r="AA6946" s="99"/>
      <c r="AB6946" s="99"/>
      <c r="AC6946" s="99"/>
      <c r="AD6946" s="99"/>
      <c r="AE6946" s="99"/>
      <c r="AF6946" s="99"/>
      <c r="AG6946" s="99"/>
      <c r="AH6946" s="99"/>
      <c r="AI6946" s="99"/>
      <c r="AJ6946" s="99"/>
      <c r="AK6946" s="99"/>
      <c r="AL6946" s="99"/>
      <c r="AM6946" s="99"/>
      <c r="AN6946" s="99"/>
      <c r="AO6946" s="99"/>
      <c r="AP6946" s="99"/>
      <c r="AQ6946" s="99"/>
      <c r="AR6946" s="99"/>
      <c r="AS6946" s="99"/>
      <c r="AT6946" s="99"/>
      <c r="AU6946" s="99"/>
      <c r="AV6946" s="99"/>
      <c r="AW6946" s="99"/>
      <c r="AX6946" s="99"/>
      <c r="AY6946" s="99"/>
      <c r="AZ6946" s="99"/>
      <c r="BA6946" s="99"/>
      <c r="BB6946" s="221">
        <v>45884</v>
      </c>
    </row>
    <row r="6947" spans="1:54" s="8" customFormat="1" ht="14.1" customHeight="1" x14ac:dyDescent="0.25">
      <c r="A6947" s="219" t="s">
        <v>16685</v>
      </c>
      <c r="B6947" s="220" t="s">
        <v>19871</v>
      </c>
      <c r="C6947" s="98" t="s">
        <v>16686</v>
      </c>
      <c r="D6947" s="98" t="s">
        <v>16687</v>
      </c>
      <c r="E6947" s="141">
        <v>1982</v>
      </c>
      <c r="F6947" s="141">
        <v>330</v>
      </c>
      <c r="G6947" s="98" t="s">
        <v>1</v>
      </c>
      <c r="H6947" s="98">
        <v>0</v>
      </c>
      <c r="I6947" s="98">
        <v>0</v>
      </c>
      <c r="J6947" s="98">
        <v>1</v>
      </c>
      <c r="K6947" s="98">
        <v>0</v>
      </c>
      <c r="L6947" s="98">
        <v>1</v>
      </c>
      <c r="M6947" s="98">
        <v>0</v>
      </c>
      <c r="N6947" s="98">
        <v>0</v>
      </c>
      <c r="O6947" s="98">
        <v>1</v>
      </c>
      <c r="P6947" s="98">
        <v>1</v>
      </c>
      <c r="Q6947" s="98">
        <v>0</v>
      </c>
      <c r="R6947" s="98">
        <v>0</v>
      </c>
      <c r="S6947" s="98">
        <v>0</v>
      </c>
      <c r="T6947" s="98">
        <v>0</v>
      </c>
      <c r="U6947" s="99"/>
      <c r="V6947" s="99"/>
      <c r="W6947" s="99"/>
      <c r="X6947" s="99"/>
      <c r="Y6947" s="99"/>
      <c r="Z6947" s="99"/>
      <c r="AA6947" s="99"/>
      <c r="AB6947" s="99"/>
      <c r="AC6947" s="99"/>
      <c r="AD6947" s="99"/>
      <c r="AE6947" s="99"/>
      <c r="AF6947" s="99"/>
      <c r="AG6947" s="99"/>
      <c r="AH6947" s="99"/>
      <c r="AI6947" s="99"/>
      <c r="AJ6947" s="99"/>
      <c r="AK6947" s="99"/>
      <c r="AL6947" s="99"/>
      <c r="AM6947" s="99"/>
      <c r="AN6947" s="99"/>
      <c r="AO6947" s="99"/>
      <c r="AP6947" s="99"/>
      <c r="AQ6947" s="99"/>
      <c r="AR6947" s="99"/>
      <c r="AS6947" s="99"/>
      <c r="AT6947" s="99"/>
      <c r="AU6947" s="99"/>
      <c r="AV6947" s="99"/>
      <c r="AW6947" s="99"/>
      <c r="AX6947" s="99"/>
      <c r="AY6947" s="99"/>
      <c r="AZ6947" s="99"/>
      <c r="BA6947" s="99"/>
      <c r="BB6947" s="221">
        <v>45884</v>
      </c>
    </row>
    <row r="6948" spans="1:54" s="8" customFormat="1" ht="14.1" customHeight="1" x14ac:dyDescent="0.25">
      <c r="A6948" s="219" t="s">
        <v>16688</v>
      </c>
      <c r="B6948" s="220" t="s">
        <v>19871</v>
      </c>
      <c r="C6948" s="98" t="s">
        <v>16689</v>
      </c>
      <c r="D6948" s="98" t="s">
        <v>16690</v>
      </c>
      <c r="E6948" s="141">
        <v>1999</v>
      </c>
      <c r="F6948" s="141">
        <v>462</v>
      </c>
      <c r="G6948" s="98" t="s">
        <v>1</v>
      </c>
      <c r="H6948" s="98">
        <v>0</v>
      </c>
      <c r="I6948" s="98">
        <v>0</v>
      </c>
      <c r="J6948" s="98">
        <v>1</v>
      </c>
      <c r="K6948" s="98">
        <v>0</v>
      </c>
      <c r="L6948" s="98">
        <v>1</v>
      </c>
      <c r="M6948" s="98">
        <v>0</v>
      </c>
      <c r="N6948" s="98">
        <v>0</v>
      </c>
      <c r="O6948" s="98">
        <v>0</v>
      </c>
      <c r="P6948" s="98">
        <v>1</v>
      </c>
      <c r="Q6948" s="98">
        <v>0</v>
      </c>
      <c r="R6948" s="98">
        <v>0</v>
      </c>
      <c r="S6948" s="98">
        <v>0</v>
      </c>
      <c r="T6948" s="98">
        <v>0</v>
      </c>
      <c r="U6948" s="99"/>
      <c r="V6948" s="99"/>
      <c r="W6948" s="99"/>
      <c r="X6948" s="99"/>
      <c r="Y6948" s="99"/>
      <c r="Z6948" s="99"/>
      <c r="AA6948" s="99"/>
      <c r="AB6948" s="99"/>
      <c r="AC6948" s="99"/>
      <c r="AD6948" s="99"/>
      <c r="AE6948" s="99"/>
      <c r="AF6948" s="99"/>
      <c r="AG6948" s="99"/>
      <c r="AH6948" s="99"/>
      <c r="AI6948" s="99"/>
      <c r="AJ6948" s="99"/>
      <c r="AK6948" s="99"/>
      <c r="AL6948" s="99"/>
      <c r="AM6948" s="99"/>
      <c r="AN6948" s="99"/>
      <c r="AO6948" s="99"/>
      <c r="AP6948" s="99"/>
      <c r="AQ6948" s="99"/>
      <c r="AR6948" s="99"/>
      <c r="AS6948" s="99"/>
      <c r="AT6948" s="99"/>
      <c r="AU6948" s="99"/>
      <c r="AV6948" s="99"/>
      <c r="AW6948" s="99"/>
      <c r="AX6948" s="99"/>
      <c r="AY6948" s="99"/>
      <c r="AZ6948" s="99"/>
      <c r="BA6948" s="99"/>
      <c r="BB6948" s="221">
        <v>45884</v>
      </c>
    </row>
    <row r="6949" spans="1:54" s="8" customFormat="1" ht="14.1" customHeight="1" x14ac:dyDescent="0.25">
      <c r="A6949" s="219" t="s">
        <v>16691</v>
      </c>
      <c r="B6949" s="220" t="s">
        <v>19871</v>
      </c>
      <c r="C6949" s="98" t="s">
        <v>21686</v>
      </c>
      <c r="D6949" s="98" t="s">
        <v>16692</v>
      </c>
      <c r="E6949" s="141">
        <v>1987</v>
      </c>
      <c r="F6949" s="141">
        <v>219</v>
      </c>
      <c r="G6949" s="98" t="s">
        <v>1</v>
      </c>
      <c r="H6949" s="98">
        <v>0</v>
      </c>
      <c r="I6949" s="98">
        <v>0</v>
      </c>
      <c r="J6949" s="98">
        <v>1</v>
      </c>
      <c r="K6949" s="98">
        <v>0</v>
      </c>
      <c r="L6949" s="98">
        <v>1</v>
      </c>
      <c r="M6949" s="98">
        <v>0</v>
      </c>
      <c r="N6949" s="98">
        <v>1</v>
      </c>
      <c r="O6949" s="98">
        <v>0</v>
      </c>
      <c r="P6949" s="98">
        <v>0</v>
      </c>
      <c r="Q6949" s="98">
        <v>0</v>
      </c>
      <c r="R6949" s="98">
        <v>1</v>
      </c>
      <c r="S6949" s="98">
        <v>0</v>
      </c>
      <c r="T6949" s="98">
        <v>0</v>
      </c>
      <c r="U6949" s="99"/>
      <c r="V6949" s="99"/>
      <c r="W6949" s="99"/>
      <c r="X6949" s="99"/>
      <c r="Y6949" s="99"/>
      <c r="Z6949" s="99"/>
      <c r="AA6949" s="99"/>
      <c r="AB6949" s="99"/>
      <c r="AC6949" s="99"/>
      <c r="AD6949" s="99"/>
      <c r="AE6949" s="99"/>
      <c r="AF6949" s="99"/>
      <c r="AG6949" s="99"/>
      <c r="AH6949" s="99"/>
      <c r="AI6949" s="99"/>
      <c r="AJ6949" s="99"/>
      <c r="AK6949" s="99"/>
      <c r="AL6949" s="99"/>
      <c r="AM6949" s="99"/>
      <c r="AN6949" s="99"/>
      <c r="AO6949" s="99"/>
      <c r="AP6949" s="99"/>
      <c r="AQ6949" s="99"/>
      <c r="AR6949" s="99"/>
      <c r="AS6949" s="99"/>
      <c r="AT6949" s="99"/>
      <c r="AU6949" s="99"/>
      <c r="AV6949" s="99"/>
      <c r="AW6949" s="99"/>
      <c r="AX6949" s="99"/>
      <c r="AY6949" s="99"/>
      <c r="AZ6949" s="99"/>
      <c r="BA6949" s="99"/>
      <c r="BB6949" s="221">
        <v>45884</v>
      </c>
    </row>
    <row r="6950" spans="1:54" s="8" customFormat="1" ht="14.1" customHeight="1" x14ac:dyDescent="0.25">
      <c r="A6950" s="219" t="s">
        <v>16693</v>
      </c>
      <c r="B6950" s="220" t="s">
        <v>19871</v>
      </c>
      <c r="C6950" s="98" t="s">
        <v>6102</v>
      </c>
      <c r="D6950" s="98" t="s">
        <v>16694</v>
      </c>
      <c r="E6950" s="141">
        <v>1978</v>
      </c>
      <c r="F6950" s="141">
        <v>110</v>
      </c>
      <c r="G6950" s="98" t="s">
        <v>1</v>
      </c>
      <c r="H6950" s="98">
        <v>0</v>
      </c>
      <c r="I6950" s="98">
        <v>0</v>
      </c>
      <c r="J6950" s="98">
        <v>1</v>
      </c>
      <c r="K6950" s="98">
        <v>0</v>
      </c>
      <c r="L6950" s="98">
        <v>0</v>
      </c>
      <c r="M6950" s="98">
        <v>0</v>
      </c>
      <c r="N6950" s="98">
        <v>0</v>
      </c>
      <c r="O6950" s="98">
        <v>1</v>
      </c>
      <c r="P6950" s="98">
        <v>0</v>
      </c>
      <c r="Q6950" s="98">
        <v>0</v>
      </c>
      <c r="R6950" s="98">
        <v>0</v>
      </c>
      <c r="S6950" s="98">
        <v>0</v>
      </c>
      <c r="T6950" s="98">
        <v>0</v>
      </c>
      <c r="U6950" s="99"/>
      <c r="V6950" s="99"/>
      <c r="W6950" s="99"/>
      <c r="X6950" s="99"/>
      <c r="Y6950" s="99"/>
      <c r="Z6950" s="99"/>
      <c r="AA6950" s="99"/>
      <c r="AB6950" s="99"/>
      <c r="AC6950" s="99"/>
      <c r="AD6950" s="99"/>
      <c r="AE6950" s="99"/>
      <c r="AF6950" s="99"/>
      <c r="AG6950" s="99"/>
      <c r="AH6950" s="99"/>
      <c r="AI6950" s="99"/>
      <c r="AJ6950" s="99"/>
      <c r="AK6950" s="99"/>
      <c r="AL6950" s="99"/>
      <c r="AM6950" s="99"/>
      <c r="AN6950" s="99"/>
      <c r="AO6950" s="99"/>
      <c r="AP6950" s="99"/>
      <c r="AQ6950" s="99"/>
      <c r="AR6950" s="99"/>
      <c r="AS6950" s="99"/>
      <c r="AT6950" s="99"/>
      <c r="AU6950" s="99"/>
      <c r="AV6950" s="99"/>
      <c r="AW6950" s="99"/>
      <c r="AX6950" s="99"/>
      <c r="AY6950" s="99"/>
      <c r="AZ6950" s="99"/>
      <c r="BA6950" s="99"/>
      <c r="BB6950" s="221">
        <v>45884</v>
      </c>
    </row>
    <row r="6951" spans="1:54" s="8" customFormat="1" ht="14.1" customHeight="1" x14ac:dyDescent="0.25">
      <c r="A6951" s="219" t="s">
        <v>16695</v>
      </c>
      <c r="B6951" s="220" t="s">
        <v>19871</v>
      </c>
      <c r="C6951" s="98" t="s">
        <v>16696</v>
      </c>
      <c r="D6951" s="98" t="s">
        <v>16697</v>
      </c>
      <c r="E6951" s="141">
        <v>1983</v>
      </c>
      <c r="F6951" s="141">
        <v>170</v>
      </c>
      <c r="G6951" s="98" t="s">
        <v>1</v>
      </c>
      <c r="H6951" s="98">
        <v>0</v>
      </c>
      <c r="I6951" s="98">
        <v>0</v>
      </c>
      <c r="J6951" s="98">
        <v>0</v>
      </c>
      <c r="K6951" s="98">
        <v>0</v>
      </c>
      <c r="L6951" s="98">
        <v>0</v>
      </c>
      <c r="M6951" s="98">
        <v>0</v>
      </c>
      <c r="N6951" s="98">
        <v>0</v>
      </c>
      <c r="O6951" s="98">
        <v>1</v>
      </c>
      <c r="P6951" s="98">
        <v>1</v>
      </c>
      <c r="Q6951" s="98">
        <v>0</v>
      </c>
      <c r="R6951" s="98">
        <v>0</v>
      </c>
      <c r="S6951" s="98">
        <v>0</v>
      </c>
      <c r="T6951" s="98">
        <v>0</v>
      </c>
      <c r="U6951" s="99"/>
      <c r="V6951" s="99"/>
      <c r="W6951" s="99"/>
      <c r="X6951" s="99"/>
      <c r="Y6951" s="99"/>
      <c r="Z6951" s="99"/>
      <c r="AA6951" s="99"/>
      <c r="AB6951" s="99"/>
      <c r="AC6951" s="99"/>
      <c r="AD6951" s="99"/>
      <c r="AE6951" s="99"/>
      <c r="AF6951" s="99"/>
      <c r="AG6951" s="99"/>
      <c r="AH6951" s="99"/>
      <c r="AI6951" s="99"/>
      <c r="AJ6951" s="99"/>
      <c r="AK6951" s="99"/>
      <c r="AL6951" s="99"/>
      <c r="AM6951" s="99"/>
      <c r="AN6951" s="99"/>
      <c r="AO6951" s="99"/>
      <c r="AP6951" s="99"/>
      <c r="AQ6951" s="99"/>
      <c r="AR6951" s="99"/>
      <c r="AS6951" s="99"/>
      <c r="AT6951" s="99"/>
      <c r="AU6951" s="99"/>
      <c r="AV6951" s="99"/>
      <c r="AW6951" s="99"/>
      <c r="AX6951" s="99"/>
      <c r="AY6951" s="99"/>
      <c r="AZ6951" s="99"/>
      <c r="BA6951" s="99"/>
      <c r="BB6951" s="221">
        <v>45884</v>
      </c>
    </row>
    <row r="6952" spans="1:54" s="8" customFormat="1" ht="14.1" customHeight="1" x14ac:dyDescent="0.25">
      <c r="A6952" s="219" t="s">
        <v>16698</v>
      </c>
      <c r="B6952" s="220" t="s">
        <v>19871</v>
      </c>
      <c r="C6952" s="98" t="s">
        <v>16699</v>
      </c>
      <c r="D6952" s="98" t="s">
        <v>16700</v>
      </c>
      <c r="E6952" s="141">
        <v>1994</v>
      </c>
      <c r="F6952" s="141">
        <v>447</v>
      </c>
      <c r="G6952" s="98" t="s">
        <v>1</v>
      </c>
      <c r="H6952" s="98">
        <v>0</v>
      </c>
      <c r="I6952" s="98">
        <v>0</v>
      </c>
      <c r="J6952" s="98">
        <v>0</v>
      </c>
      <c r="K6952" s="98">
        <v>0</v>
      </c>
      <c r="L6952" s="98">
        <v>0</v>
      </c>
      <c r="M6952" s="98">
        <v>0</v>
      </c>
      <c r="N6952" s="98">
        <v>0</v>
      </c>
      <c r="O6952" s="98">
        <v>0</v>
      </c>
      <c r="P6952" s="98">
        <v>0</v>
      </c>
      <c r="Q6952" s="98">
        <v>0</v>
      </c>
      <c r="R6952" s="98">
        <v>0</v>
      </c>
      <c r="S6952" s="98">
        <v>0</v>
      </c>
      <c r="T6952" s="98">
        <v>0</v>
      </c>
      <c r="U6952" s="99"/>
      <c r="V6952" s="99"/>
      <c r="W6952" s="99"/>
      <c r="X6952" s="99"/>
      <c r="Y6952" s="99"/>
      <c r="Z6952" s="99"/>
      <c r="AA6952" s="99"/>
      <c r="AB6952" s="99"/>
      <c r="AC6952" s="99"/>
      <c r="AD6952" s="99"/>
      <c r="AE6952" s="99"/>
      <c r="AF6952" s="99"/>
      <c r="AG6952" s="99"/>
      <c r="AH6952" s="99"/>
      <c r="AI6952" s="99"/>
      <c r="AJ6952" s="99"/>
      <c r="AK6952" s="99"/>
      <c r="AL6952" s="99"/>
      <c r="AM6952" s="99"/>
      <c r="AN6952" s="99"/>
      <c r="AO6952" s="99"/>
      <c r="AP6952" s="99"/>
      <c r="AQ6952" s="99"/>
      <c r="AR6952" s="99"/>
      <c r="AS6952" s="99"/>
      <c r="AT6952" s="99"/>
      <c r="AU6952" s="99"/>
      <c r="AV6952" s="99"/>
      <c r="AW6952" s="99"/>
      <c r="AX6952" s="99"/>
      <c r="AY6952" s="99"/>
      <c r="AZ6952" s="99"/>
      <c r="BA6952" s="99"/>
      <c r="BB6952" s="221">
        <v>45884</v>
      </c>
    </row>
    <row r="6953" spans="1:54" s="8" customFormat="1" ht="14.1" customHeight="1" x14ac:dyDescent="0.25">
      <c r="A6953" s="219" t="s">
        <v>16701</v>
      </c>
      <c r="B6953" s="220" t="s">
        <v>19871</v>
      </c>
      <c r="C6953" s="98" t="s">
        <v>16702</v>
      </c>
      <c r="D6953" s="98" t="s">
        <v>16703</v>
      </c>
      <c r="E6953" s="141">
        <v>1955</v>
      </c>
      <c r="F6953" s="141">
        <v>649</v>
      </c>
      <c r="G6953" s="98" t="s">
        <v>1</v>
      </c>
      <c r="H6953" s="98">
        <v>1</v>
      </c>
      <c r="I6953" s="98">
        <v>0</v>
      </c>
      <c r="J6953" s="98">
        <v>0</v>
      </c>
      <c r="K6953" s="98">
        <v>0</v>
      </c>
      <c r="L6953" s="98">
        <v>0</v>
      </c>
      <c r="M6953" s="98">
        <v>0</v>
      </c>
      <c r="N6953" s="98">
        <v>0</v>
      </c>
      <c r="O6953" s="98">
        <v>0</v>
      </c>
      <c r="P6953" s="98">
        <v>0</v>
      </c>
      <c r="Q6953" s="98">
        <v>0</v>
      </c>
      <c r="R6953" s="98">
        <v>0</v>
      </c>
      <c r="S6953" s="98">
        <v>0</v>
      </c>
      <c r="T6953" s="98">
        <v>0</v>
      </c>
      <c r="U6953" s="99"/>
      <c r="V6953" s="99"/>
      <c r="W6953" s="99"/>
      <c r="X6953" s="99"/>
      <c r="Y6953" s="99"/>
      <c r="Z6953" s="99"/>
      <c r="AA6953" s="99"/>
      <c r="AB6953" s="99"/>
      <c r="AC6953" s="99"/>
      <c r="AD6953" s="99"/>
      <c r="AE6953" s="99"/>
      <c r="AF6953" s="99"/>
      <c r="AG6953" s="99"/>
      <c r="AH6953" s="99"/>
      <c r="AI6953" s="99"/>
      <c r="AJ6953" s="99"/>
      <c r="AK6953" s="99"/>
      <c r="AL6953" s="99"/>
      <c r="AM6953" s="99"/>
      <c r="AN6953" s="99"/>
      <c r="AO6953" s="99"/>
      <c r="AP6953" s="99"/>
      <c r="AQ6953" s="99"/>
      <c r="AR6953" s="99"/>
      <c r="AS6953" s="99"/>
      <c r="AT6953" s="99"/>
      <c r="AU6953" s="99"/>
      <c r="AV6953" s="99"/>
      <c r="AW6953" s="99"/>
      <c r="AX6953" s="99"/>
      <c r="AY6953" s="99"/>
      <c r="AZ6953" s="99"/>
      <c r="BA6953" s="99"/>
      <c r="BB6953" s="221">
        <v>45884</v>
      </c>
    </row>
    <row r="6954" spans="1:54" s="8" customFormat="1" ht="14.1" customHeight="1" x14ac:dyDescent="0.25">
      <c r="A6954" s="219" t="s">
        <v>16704</v>
      </c>
      <c r="B6954" s="220" t="s">
        <v>19871</v>
      </c>
      <c r="C6954" s="98" t="s">
        <v>16705</v>
      </c>
      <c r="D6954" s="98" t="s">
        <v>22085</v>
      </c>
      <c r="E6954" s="141">
        <v>2009</v>
      </c>
      <c r="F6954" s="141">
        <v>164</v>
      </c>
      <c r="G6954" s="98" t="s">
        <v>1</v>
      </c>
      <c r="H6954" s="98">
        <v>0</v>
      </c>
      <c r="I6954" s="98">
        <v>0</v>
      </c>
      <c r="J6954" s="98">
        <v>1</v>
      </c>
      <c r="K6954" s="98">
        <v>1</v>
      </c>
      <c r="L6954" s="98">
        <v>1</v>
      </c>
      <c r="M6954" s="98">
        <v>0</v>
      </c>
      <c r="N6954" s="98">
        <v>0</v>
      </c>
      <c r="O6954" s="98">
        <v>0</v>
      </c>
      <c r="P6954" s="98">
        <v>1</v>
      </c>
      <c r="Q6954" s="98">
        <v>0</v>
      </c>
      <c r="R6954" s="98">
        <v>0</v>
      </c>
      <c r="S6954" s="98">
        <v>0</v>
      </c>
      <c r="T6954" s="98">
        <v>0</v>
      </c>
      <c r="U6954" s="99"/>
      <c r="V6954" s="99"/>
      <c r="W6954" s="99"/>
      <c r="X6954" s="99"/>
      <c r="Y6954" s="99"/>
      <c r="Z6954" s="99"/>
      <c r="AA6954" s="99"/>
      <c r="AB6954" s="99"/>
      <c r="AC6954" s="99"/>
      <c r="AD6954" s="99"/>
      <c r="AE6954" s="99"/>
      <c r="AF6954" s="99"/>
      <c r="AG6954" s="99"/>
      <c r="AH6954" s="99"/>
      <c r="AI6954" s="99"/>
      <c r="AJ6954" s="99"/>
      <c r="AK6954" s="99"/>
      <c r="AL6954" s="99"/>
      <c r="AM6954" s="99"/>
      <c r="AN6954" s="99"/>
      <c r="AO6954" s="99"/>
      <c r="AP6954" s="99"/>
      <c r="AQ6954" s="99"/>
      <c r="AR6954" s="99"/>
      <c r="AS6954" s="99"/>
      <c r="AT6954" s="99"/>
      <c r="AU6954" s="99"/>
      <c r="AV6954" s="99"/>
      <c r="AW6954" s="99"/>
      <c r="AX6954" s="99"/>
      <c r="AY6954" s="99"/>
      <c r="AZ6954" s="99"/>
      <c r="BA6954" s="99"/>
      <c r="BB6954" s="221">
        <v>45884</v>
      </c>
    </row>
    <row r="6955" spans="1:54" s="8" customFormat="1" ht="14.1" customHeight="1" x14ac:dyDescent="0.25">
      <c r="A6955" s="219" t="s">
        <v>16706</v>
      </c>
      <c r="B6955" s="220" t="s">
        <v>19871</v>
      </c>
      <c r="C6955" s="98" t="s">
        <v>16707</v>
      </c>
      <c r="D6955" s="98" t="s">
        <v>22086</v>
      </c>
      <c r="E6955" s="141">
        <v>1998</v>
      </c>
      <c r="F6955" s="141">
        <v>291</v>
      </c>
      <c r="G6955" s="98" t="s">
        <v>1</v>
      </c>
      <c r="H6955" s="98">
        <v>0</v>
      </c>
      <c r="I6955" s="98">
        <v>0</v>
      </c>
      <c r="J6955" s="98">
        <v>1</v>
      </c>
      <c r="K6955" s="98">
        <v>0</v>
      </c>
      <c r="L6955" s="98">
        <v>1</v>
      </c>
      <c r="M6955" s="98">
        <v>0</v>
      </c>
      <c r="N6955" s="98">
        <v>0</v>
      </c>
      <c r="O6955" s="98">
        <v>1</v>
      </c>
      <c r="P6955" s="98">
        <v>1</v>
      </c>
      <c r="Q6955" s="98">
        <v>0</v>
      </c>
      <c r="R6955" s="98">
        <v>1</v>
      </c>
      <c r="S6955" s="98">
        <v>0</v>
      </c>
      <c r="T6955" s="98">
        <v>0</v>
      </c>
      <c r="U6955" s="99"/>
      <c r="V6955" s="99"/>
      <c r="W6955" s="99"/>
      <c r="X6955" s="99"/>
      <c r="Y6955" s="99"/>
      <c r="Z6955" s="99"/>
      <c r="AA6955" s="99"/>
      <c r="AB6955" s="99"/>
      <c r="AC6955" s="99"/>
      <c r="AD6955" s="99"/>
      <c r="AE6955" s="99"/>
      <c r="AF6955" s="99"/>
      <c r="AG6955" s="99"/>
      <c r="AH6955" s="99"/>
      <c r="AI6955" s="99"/>
      <c r="AJ6955" s="99"/>
      <c r="AK6955" s="99"/>
      <c r="AL6955" s="99"/>
      <c r="AM6955" s="99"/>
      <c r="AN6955" s="99"/>
      <c r="AO6955" s="99"/>
      <c r="AP6955" s="99"/>
      <c r="AQ6955" s="99"/>
      <c r="AR6955" s="99"/>
      <c r="AS6955" s="99"/>
      <c r="AT6955" s="99"/>
      <c r="AU6955" s="99"/>
      <c r="AV6955" s="99"/>
      <c r="AW6955" s="99"/>
      <c r="AX6955" s="99"/>
      <c r="AY6955" s="99"/>
      <c r="AZ6955" s="99"/>
      <c r="BA6955" s="99"/>
      <c r="BB6955" s="221">
        <v>45884</v>
      </c>
    </row>
    <row r="6956" spans="1:54" s="8" customFormat="1" ht="14.1" customHeight="1" x14ac:dyDescent="0.25">
      <c r="A6956" s="219" t="s">
        <v>16708</v>
      </c>
      <c r="B6956" s="220" t="s">
        <v>19871</v>
      </c>
      <c r="C6956" s="98" t="s">
        <v>16709</v>
      </c>
      <c r="D6956" s="98" t="s">
        <v>22087</v>
      </c>
      <c r="E6956" s="141">
        <v>1968</v>
      </c>
      <c r="F6956" s="141">
        <v>172</v>
      </c>
      <c r="G6956" s="98" t="s">
        <v>1</v>
      </c>
      <c r="H6956" s="98">
        <v>0</v>
      </c>
      <c r="I6956" s="98">
        <v>0</v>
      </c>
      <c r="J6956" s="98">
        <v>0</v>
      </c>
      <c r="K6956" s="98">
        <v>1</v>
      </c>
      <c r="L6956" s="98">
        <v>0</v>
      </c>
      <c r="M6956" s="98">
        <v>0</v>
      </c>
      <c r="N6956" s="98">
        <v>0</v>
      </c>
      <c r="O6956" s="98">
        <v>0</v>
      </c>
      <c r="P6956" s="98">
        <v>0</v>
      </c>
      <c r="Q6956" s="98">
        <v>0</v>
      </c>
      <c r="R6956" s="98">
        <v>1</v>
      </c>
      <c r="S6956" s="98">
        <v>0</v>
      </c>
      <c r="T6956" s="98">
        <v>0</v>
      </c>
      <c r="U6956" s="99"/>
      <c r="V6956" s="99"/>
      <c r="W6956" s="99"/>
      <c r="X6956" s="99"/>
      <c r="Y6956" s="99"/>
      <c r="Z6956" s="99"/>
      <c r="AA6956" s="99"/>
      <c r="AB6956" s="99"/>
      <c r="AC6956" s="99"/>
      <c r="AD6956" s="99"/>
      <c r="AE6956" s="99"/>
      <c r="AF6956" s="99"/>
      <c r="AG6956" s="99"/>
      <c r="AH6956" s="99"/>
      <c r="AI6956" s="99"/>
      <c r="AJ6956" s="99"/>
      <c r="AK6956" s="99"/>
      <c r="AL6956" s="99"/>
      <c r="AM6956" s="99"/>
      <c r="AN6956" s="99"/>
      <c r="AO6956" s="99"/>
      <c r="AP6956" s="99"/>
      <c r="AQ6956" s="99"/>
      <c r="AR6956" s="99"/>
      <c r="AS6956" s="99"/>
      <c r="AT6956" s="99"/>
      <c r="AU6956" s="99"/>
      <c r="AV6956" s="99"/>
      <c r="AW6956" s="99"/>
      <c r="AX6956" s="99"/>
      <c r="AY6956" s="99"/>
      <c r="AZ6956" s="99"/>
      <c r="BA6956" s="99"/>
      <c r="BB6956" s="221">
        <v>45884</v>
      </c>
    </row>
    <row r="6957" spans="1:54" s="8" customFormat="1" ht="14.1" customHeight="1" x14ac:dyDescent="0.25">
      <c r="A6957" s="219" t="s">
        <v>16710</v>
      </c>
      <c r="B6957" s="220" t="s">
        <v>19871</v>
      </c>
      <c r="C6957" s="98" t="s">
        <v>16711</v>
      </c>
      <c r="D6957" s="98" t="s">
        <v>22088</v>
      </c>
      <c r="E6957" s="141">
        <v>2003</v>
      </c>
      <c r="F6957" s="141">
        <v>205</v>
      </c>
      <c r="G6957" s="98" t="s">
        <v>1</v>
      </c>
      <c r="H6957" s="98">
        <v>0</v>
      </c>
      <c r="I6957" s="98">
        <v>0</v>
      </c>
      <c r="J6957" s="98">
        <v>1</v>
      </c>
      <c r="K6957" s="98">
        <v>0</v>
      </c>
      <c r="L6957" s="98">
        <v>0</v>
      </c>
      <c r="M6957" s="98">
        <v>0</v>
      </c>
      <c r="N6957" s="98">
        <v>0</v>
      </c>
      <c r="O6957" s="98">
        <v>0</v>
      </c>
      <c r="P6957" s="98">
        <v>0</v>
      </c>
      <c r="Q6957" s="98">
        <v>0</v>
      </c>
      <c r="R6957" s="98">
        <v>0</v>
      </c>
      <c r="S6957" s="98">
        <v>0</v>
      </c>
      <c r="T6957" s="98">
        <v>0</v>
      </c>
      <c r="U6957" s="99"/>
      <c r="V6957" s="99"/>
      <c r="W6957" s="99"/>
      <c r="X6957" s="99"/>
      <c r="Y6957" s="99"/>
      <c r="Z6957" s="99"/>
      <c r="AA6957" s="99"/>
      <c r="AB6957" s="99"/>
      <c r="AC6957" s="99"/>
      <c r="AD6957" s="99"/>
      <c r="AE6957" s="99"/>
      <c r="AF6957" s="99"/>
      <c r="AG6957" s="99"/>
      <c r="AH6957" s="99"/>
      <c r="AI6957" s="99"/>
      <c r="AJ6957" s="99"/>
      <c r="AK6957" s="99"/>
      <c r="AL6957" s="99"/>
      <c r="AM6957" s="99"/>
      <c r="AN6957" s="99"/>
      <c r="AO6957" s="99"/>
      <c r="AP6957" s="99"/>
      <c r="AQ6957" s="99"/>
      <c r="AR6957" s="99"/>
      <c r="AS6957" s="99"/>
      <c r="AT6957" s="99"/>
      <c r="AU6957" s="99"/>
      <c r="AV6957" s="99"/>
      <c r="AW6957" s="99"/>
      <c r="AX6957" s="99"/>
      <c r="AY6957" s="99"/>
      <c r="AZ6957" s="99"/>
      <c r="BA6957" s="99"/>
      <c r="BB6957" s="221">
        <v>45884</v>
      </c>
    </row>
    <row r="6958" spans="1:54" s="8" customFormat="1" ht="14.1" customHeight="1" x14ac:dyDescent="0.25">
      <c r="A6958" s="219" t="s">
        <v>16712</v>
      </c>
      <c r="B6958" s="220" t="s">
        <v>19871</v>
      </c>
      <c r="C6958" s="98" t="s">
        <v>16713</v>
      </c>
      <c r="D6958" s="98" t="s">
        <v>16714</v>
      </c>
      <c r="E6958" s="141">
        <v>1998</v>
      </c>
      <c r="F6958" s="141">
        <v>252</v>
      </c>
      <c r="G6958" s="98" t="s">
        <v>1</v>
      </c>
      <c r="H6958" s="98">
        <v>0</v>
      </c>
      <c r="I6958" s="98">
        <v>0</v>
      </c>
      <c r="J6958" s="98">
        <v>1</v>
      </c>
      <c r="K6958" s="98">
        <v>0</v>
      </c>
      <c r="L6958" s="98">
        <v>1</v>
      </c>
      <c r="M6958" s="98">
        <v>0</v>
      </c>
      <c r="N6958" s="98">
        <v>0</v>
      </c>
      <c r="O6958" s="98">
        <v>1</v>
      </c>
      <c r="P6958" s="98">
        <v>0</v>
      </c>
      <c r="Q6958" s="98">
        <v>0</v>
      </c>
      <c r="R6958" s="98">
        <v>1</v>
      </c>
      <c r="S6958" s="98">
        <v>0</v>
      </c>
      <c r="T6958" s="98">
        <v>0</v>
      </c>
      <c r="U6958" s="99"/>
      <c r="V6958" s="99"/>
      <c r="W6958" s="99"/>
      <c r="X6958" s="99"/>
      <c r="Y6958" s="99"/>
      <c r="Z6958" s="99"/>
      <c r="AA6958" s="99"/>
      <c r="AB6958" s="99"/>
      <c r="AC6958" s="99"/>
      <c r="AD6958" s="99"/>
      <c r="AE6958" s="99"/>
      <c r="AF6958" s="99"/>
      <c r="AG6958" s="99"/>
      <c r="AH6958" s="99"/>
      <c r="AI6958" s="99"/>
      <c r="AJ6958" s="99"/>
      <c r="AK6958" s="99"/>
      <c r="AL6958" s="99"/>
      <c r="AM6958" s="99"/>
      <c r="AN6958" s="99"/>
      <c r="AO6958" s="99"/>
      <c r="AP6958" s="99"/>
      <c r="AQ6958" s="99"/>
      <c r="AR6958" s="99"/>
      <c r="AS6958" s="99"/>
      <c r="AT6958" s="99"/>
      <c r="AU6958" s="99"/>
      <c r="AV6958" s="99"/>
      <c r="AW6958" s="99"/>
      <c r="AX6958" s="99"/>
      <c r="AY6958" s="99"/>
      <c r="AZ6958" s="99"/>
      <c r="BA6958" s="99"/>
      <c r="BB6958" s="221">
        <v>45884</v>
      </c>
    </row>
    <row r="6959" spans="1:54" s="8" customFormat="1" ht="14.1" customHeight="1" x14ac:dyDescent="0.25">
      <c r="A6959" s="219" t="s">
        <v>16715</v>
      </c>
      <c r="B6959" s="220" t="s">
        <v>19871</v>
      </c>
      <c r="C6959" s="98" t="s">
        <v>16716</v>
      </c>
      <c r="D6959" s="98" t="s">
        <v>22089</v>
      </c>
      <c r="E6959" s="141">
        <v>1981</v>
      </c>
      <c r="F6959" s="141">
        <v>224</v>
      </c>
      <c r="G6959" s="98" t="s">
        <v>1</v>
      </c>
      <c r="H6959" s="98">
        <v>0</v>
      </c>
      <c r="I6959" s="98">
        <v>0</v>
      </c>
      <c r="J6959" s="98">
        <v>1</v>
      </c>
      <c r="K6959" s="98">
        <v>1</v>
      </c>
      <c r="L6959" s="98">
        <v>1</v>
      </c>
      <c r="M6959" s="98">
        <v>0</v>
      </c>
      <c r="N6959" s="98">
        <v>0</v>
      </c>
      <c r="O6959" s="98">
        <v>1</v>
      </c>
      <c r="P6959" s="98">
        <v>0</v>
      </c>
      <c r="Q6959" s="98">
        <v>0</v>
      </c>
      <c r="R6959" s="98">
        <v>1</v>
      </c>
      <c r="S6959" s="98">
        <v>1</v>
      </c>
      <c r="T6959" s="98">
        <v>0</v>
      </c>
      <c r="U6959" s="99"/>
      <c r="V6959" s="99"/>
      <c r="W6959" s="99"/>
      <c r="X6959" s="99"/>
      <c r="Y6959" s="99"/>
      <c r="Z6959" s="99"/>
      <c r="AA6959" s="99"/>
      <c r="AB6959" s="99"/>
      <c r="AC6959" s="99"/>
      <c r="AD6959" s="99"/>
      <c r="AE6959" s="99"/>
      <c r="AF6959" s="99"/>
      <c r="AG6959" s="99"/>
      <c r="AH6959" s="99"/>
      <c r="AI6959" s="99"/>
      <c r="AJ6959" s="99"/>
      <c r="AK6959" s="99"/>
      <c r="AL6959" s="99"/>
      <c r="AM6959" s="99"/>
      <c r="AN6959" s="99"/>
      <c r="AO6959" s="99"/>
      <c r="AP6959" s="99"/>
      <c r="AQ6959" s="99"/>
      <c r="AR6959" s="99"/>
      <c r="AS6959" s="99"/>
      <c r="AT6959" s="99"/>
      <c r="AU6959" s="99"/>
      <c r="AV6959" s="99"/>
      <c r="AW6959" s="99"/>
      <c r="AX6959" s="99"/>
      <c r="AY6959" s="99"/>
      <c r="AZ6959" s="99"/>
      <c r="BA6959" s="99"/>
      <c r="BB6959" s="221">
        <v>45884</v>
      </c>
    </row>
    <row r="6960" spans="1:54" s="8" customFormat="1" ht="14.1" customHeight="1" x14ac:dyDescent="0.25">
      <c r="A6960" s="219" t="s">
        <v>16717</v>
      </c>
      <c r="B6960" s="220" t="s">
        <v>19871</v>
      </c>
      <c r="C6960" s="98" t="s">
        <v>16718</v>
      </c>
      <c r="D6960" s="98" t="s">
        <v>22090</v>
      </c>
      <c r="E6960" s="141">
        <v>1968</v>
      </c>
      <c r="F6960" s="141">
        <v>575</v>
      </c>
      <c r="G6960" s="98" t="s">
        <v>1</v>
      </c>
      <c r="H6960" s="98">
        <v>0</v>
      </c>
      <c r="I6960" s="98">
        <v>0</v>
      </c>
      <c r="J6960" s="98">
        <v>0</v>
      </c>
      <c r="K6960" s="98">
        <v>1</v>
      </c>
      <c r="L6960" s="98">
        <v>0</v>
      </c>
      <c r="M6960" s="98">
        <v>0</v>
      </c>
      <c r="N6960" s="98">
        <v>0</v>
      </c>
      <c r="O6960" s="98">
        <v>1</v>
      </c>
      <c r="P6960" s="98">
        <v>1</v>
      </c>
      <c r="Q6960" s="98">
        <v>1</v>
      </c>
      <c r="R6960" s="98">
        <v>1</v>
      </c>
      <c r="S6960" s="98">
        <v>0</v>
      </c>
      <c r="T6960" s="98">
        <v>0</v>
      </c>
      <c r="U6960" s="99"/>
      <c r="V6960" s="99"/>
      <c r="W6960" s="99"/>
      <c r="X6960" s="99"/>
      <c r="Y6960" s="99"/>
      <c r="Z6960" s="99"/>
      <c r="AA6960" s="99"/>
      <c r="AB6960" s="99"/>
      <c r="AC6960" s="99"/>
      <c r="AD6960" s="99"/>
      <c r="AE6960" s="99"/>
      <c r="AF6960" s="99"/>
      <c r="AG6960" s="99"/>
      <c r="AH6960" s="99"/>
      <c r="AI6960" s="99"/>
      <c r="AJ6960" s="99"/>
      <c r="AK6960" s="99"/>
      <c r="AL6960" s="99"/>
      <c r="AM6960" s="99"/>
      <c r="AN6960" s="99"/>
      <c r="AO6960" s="99"/>
      <c r="AP6960" s="99"/>
      <c r="AQ6960" s="99"/>
      <c r="AR6960" s="99"/>
      <c r="AS6960" s="99"/>
      <c r="AT6960" s="99"/>
      <c r="AU6960" s="99"/>
      <c r="AV6960" s="99"/>
      <c r="AW6960" s="99"/>
      <c r="AX6960" s="99"/>
      <c r="AY6960" s="99"/>
      <c r="AZ6960" s="99"/>
      <c r="BA6960" s="99"/>
      <c r="BB6960" s="221">
        <v>45884</v>
      </c>
    </row>
    <row r="6961" spans="1:54" s="8" customFormat="1" ht="14.1" customHeight="1" x14ac:dyDescent="0.25">
      <c r="A6961" s="219" t="s">
        <v>16719</v>
      </c>
      <c r="B6961" s="220" t="s">
        <v>19871</v>
      </c>
      <c r="C6961" s="98" t="s">
        <v>16720</v>
      </c>
      <c r="D6961" s="98" t="s">
        <v>22091</v>
      </c>
      <c r="E6961" s="141">
        <v>1980</v>
      </c>
      <c r="F6961" s="141">
        <v>418</v>
      </c>
      <c r="G6961" s="98" t="s">
        <v>1</v>
      </c>
      <c r="H6961" s="98">
        <v>0</v>
      </c>
      <c r="I6961" s="98">
        <v>0</v>
      </c>
      <c r="J6961" s="98">
        <v>1</v>
      </c>
      <c r="K6961" s="98">
        <v>0</v>
      </c>
      <c r="L6961" s="98">
        <v>1</v>
      </c>
      <c r="M6961" s="98">
        <v>0</v>
      </c>
      <c r="N6961" s="98">
        <v>0</v>
      </c>
      <c r="O6961" s="98">
        <v>0</v>
      </c>
      <c r="P6961" s="98">
        <v>1</v>
      </c>
      <c r="Q6961" s="98">
        <v>0</v>
      </c>
      <c r="R6961" s="98">
        <v>0</v>
      </c>
      <c r="S6961" s="98">
        <v>0</v>
      </c>
      <c r="T6961" s="98">
        <v>0</v>
      </c>
      <c r="U6961" s="99"/>
      <c r="V6961" s="99"/>
      <c r="W6961" s="99"/>
      <c r="X6961" s="99"/>
      <c r="Y6961" s="99"/>
      <c r="Z6961" s="99"/>
      <c r="AA6961" s="99"/>
      <c r="AB6961" s="99"/>
      <c r="AC6961" s="99"/>
      <c r="AD6961" s="99"/>
      <c r="AE6961" s="99"/>
      <c r="AF6961" s="99"/>
      <c r="AG6961" s="99"/>
      <c r="AH6961" s="99"/>
      <c r="AI6961" s="99"/>
      <c r="AJ6961" s="99"/>
      <c r="AK6961" s="99"/>
      <c r="AL6961" s="99"/>
      <c r="AM6961" s="99"/>
      <c r="AN6961" s="99"/>
      <c r="AO6961" s="99"/>
      <c r="AP6961" s="99"/>
      <c r="AQ6961" s="99"/>
      <c r="AR6961" s="99"/>
      <c r="AS6961" s="99"/>
      <c r="AT6961" s="99"/>
      <c r="AU6961" s="99"/>
      <c r="AV6961" s="99"/>
      <c r="AW6961" s="99"/>
      <c r="AX6961" s="99"/>
      <c r="AY6961" s="99"/>
      <c r="AZ6961" s="99"/>
      <c r="BA6961" s="99"/>
      <c r="BB6961" s="221">
        <v>45884</v>
      </c>
    </row>
    <row r="6962" spans="1:54" s="8" customFormat="1" ht="14.1" customHeight="1" x14ac:dyDescent="0.25">
      <c r="A6962" s="219" t="s">
        <v>16721</v>
      </c>
      <c r="B6962" s="220" t="s">
        <v>19871</v>
      </c>
      <c r="C6962" s="98" t="s">
        <v>16722</v>
      </c>
      <c r="D6962" s="98" t="s">
        <v>22092</v>
      </c>
      <c r="E6962" s="141">
        <v>1986</v>
      </c>
      <c r="F6962" s="141">
        <v>187</v>
      </c>
      <c r="G6962" s="98" t="s">
        <v>1</v>
      </c>
      <c r="H6962" s="98">
        <v>0</v>
      </c>
      <c r="I6962" s="98">
        <v>0</v>
      </c>
      <c r="J6962" s="98">
        <v>0</v>
      </c>
      <c r="K6962" s="98">
        <v>0</v>
      </c>
      <c r="L6962" s="98">
        <v>0</v>
      </c>
      <c r="M6962" s="98">
        <v>0</v>
      </c>
      <c r="N6962" s="98">
        <v>0</v>
      </c>
      <c r="O6962" s="98">
        <v>0</v>
      </c>
      <c r="P6962" s="98">
        <v>0</v>
      </c>
      <c r="Q6962" s="98">
        <v>0</v>
      </c>
      <c r="R6962" s="98">
        <v>0</v>
      </c>
      <c r="S6962" s="98">
        <v>0</v>
      </c>
      <c r="T6962" s="98">
        <v>0</v>
      </c>
      <c r="U6962" s="99"/>
      <c r="V6962" s="99"/>
      <c r="W6962" s="99"/>
      <c r="X6962" s="99"/>
      <c r="Y6962" s="99"/>
      <c r="Z6962" s="99"/>
      <c r="AA6962" s="99"/>
      <c r="AB6962" s="99"/>
      <c r="AC6962" s="99"/>
      <c r="AD6962" s="99"/>
      <c r="AE6962" s="99"/>
      <c r="AF6962" s="99"/>
      <c r="AG6962" s="99"/>
      <c r="AH6962" s="99"/>
      <c r="AI6962" s="99"/>
      <c r="AJ6962" s="99"/>
      <c r="AK6962" s="99"/>
      <c r="AL6962" s="99"/>
      <c r="AM6962" s="99"/>
      <c r="AN6962" s="99"/>
      <c r="AO6962" s="99"/>
      <c r="AP6962" s="99"/>
      <c r="AQ6962" s="99"/>
      <c r="AR6962" s="99"/>
      <c r="AS6962" s="99"/>
      <c r="AT6962" s="99"/>
      <c r="AU6962" s="99"/>
      <c r="AV6962" s="99"/>
      <c r="AW6962" s="99"/>
      <c r="AX6962" s="99"/>
      <c r="AY6962" s="99"/>
      <c r="AZ6962" s="99"/>
      <c r="BA6962" s="99"/>
      <c r="BB6962" s="221">
        <v>45884</v>
      </c>
    </row>
    <row r="6963" spans="1:54" s="8" customFormat="1" ht="14.1" customHeight="1" x14ac:dyDescent="0.25">
      <c r="A6963" s="219" t="s">
        <v>16723</v>
      </c>
      <c r="B6963" s="220" t="s">
        <v>19871</v>
      </c>
      <c r="C6963" s="98" t="s">
        <v>16724</v>
      </c>
      <c r="D6963" s="98" t="s">
        <v>16725</v>
      </c>
      <c r="E6963" s="141">
        <v>1991</v>
      </c>
      <c r="F6963" s="141">
        <v>188</v>
      </c>
      <c r="G6963" s="98" t="s">
        <v>1</v>
      </c>
      <c r="H6963" s="98">
        <v>0</v>
      </c>
      <c r="I6963" s="98">
        <v>0</v>
      </c>
      <c r="J6963" s="98">
        <v>0</v>
      </c>
      <c r="K6963" s="98">
        <v>0</v>
      </c>
      <c r="L6963" s="98">
        <v>0</v>
      </c>
      <c r="M6963" s="98">
        <v>0</v>
      </c>
      <c r="N6963" s="98">
        <v>0</v>
      </c>
      <c r="O6963" s="98">
        <v>1</v>
      </c>
      <c r="P6963" s="98">
        <v>1</v>
      </c>
      <c r="Q6963" s="98">
        <v>0</v>
      </c>
      <c r="R6963" s="98">
        <v>1</v>
      </c>
      <c r="S6963" s="98">
        <v>0</v>
      </c>
      <c r="T6963" s="98">
        <v>0</v>
      </c>
      <c r="U6963" s="99"/>
      <c r="V6963" s="99"/>
      <c r="W6963" s="99"/>
      <c r="X6963" s="99"/>
      <c r="Y6963" s="99"/>
      <c r="Z6963" s="99"/>
      <c r="AA6963" s="99"/>
      <c r="AB6963" s="99"/>
      <c r="AC6963" s="99"/>
      <c r="AD6963" s="99"/>
      <c r="AE6963" s="99"/>
      <c r="AF6963" s="99"/>
      <c r="AG6963" s="99"/>
      <c r="AH6963" s="99"/>
      <c r="AI6963" s="99"/>
      <c r="AJ6963" s="99"/>
      <c r="AK6963" s="99"/>
      <c r="AL6963" s="99"/>
      <c r="AM6963" s="99"/>
      <c r="AN6963" s="99"/>
      <c r="AO6963" s="99"/>
      <c r="AP6963" s="99"/>
      <c r="AQ6963" s="99"/>
      <c r="AR6963" s="99"/>
      <c r="AS6963" s="99"/>
      <c r="AT6963" s="99"/>
      <c r="AU6963" s="99"/>
      <c r="AV6963" s="99"/>
      <c r="AW6963" s="99"/>
      <c r="AX6963" s="99"/>
      <c r="AY6963" s="99"/>
      <c r="AZ6963" s="99"/>
      <c r="BA6963" s="99"/>
      <c r="BB6963" s="221">
        <v>45884</v>
      </c>
    </row>
    <row r="6964" spans="1:54" s="8" customFormat="1" ht="14.1" customHeight="1" x14ac:dyDescent="0.25">
      <c r="A6964" s="219" t="s">
        <v>16726</v>
      </c>
      <c r="B6964" s="220" t="s">
        <v>19871</v>
      </c>
      <c r="C6964" s="98" t="s">
        <v>16727</v>
      </c>
      <c r="D6964" s="98" t="s">
        <v>16728</v>
      </c>
      <c r="E6964" s="141">
        <v>1980</v>
      </c>
      <c r="F6964" s="141">
        <v>161</v>
      </c>
      <c r="G6964" s="98" t="s">
        <v>1</v>
      </c>
      <c r="H6964" s="98">
        <v>0</v>
      </c>
      <c r="I6964" s="98">
        <v>0</v>
      </c>
      <c r="J6964" s="98">
        <v>0</v>
      </c>
      <c r="K6964" s="98">
        <v>0</v>
      </c>
      <c r="L6964" s="98">
        <v>0</v>
      </c>
      <c r="M6964" s="98">
        <v>0</v>
      </c>
      <c r="N6964" s="98">
        <v>0</v>
      </c>
      <c r="O6964" s="98">
        <v>0</v>
      </c>
      <c r="P6964" s="98">
        <v>1</v>
      </c>
      <c r="Q6964" s="98">
        <v>0</v>
      </c>
      <c r="R6964" s="98">
        <v>1</v>
      </c>
      <c r="S6964" s="98">
        <v>0</v>
      </c>
      <c r="T6964" s="98">
        <v>0</v>
      </c>
      <c r="U6964" s="99"/>
      <c r="V6964" s="99"/>
      <c r="W6964" s="99"/>
      <c r="X6964" s="99"/>
      <c r="Y6964" s="99"/>
      <c r="Z6964" s="99"/>
      <c r="AA6964" s="99"/>
      <c r="AB6964" s="99"/>
      <c r="AC6964" s="99"/>
      <c r="AD6964" s="99"/>
      <c r="AE6964" s="99"/>
      <c r="AF6964" s="99"/>
      <c r="AG6964" s="99"/>
      <c r="AH6964" s="99"/>
      <c r="AI6964" s="99"/>
      <c r="AJ6964" s="99"/>
      <c r="AK6964" s="99"/>
      <c r="AL6964" s="99"/>
      <c r="AM6964" s="99"/>
      <c r="AN6964" s="99"/>
      <c r="AO6964" s="99"/>
      <c r="AP6964" s="99"/>
      <c r="AQ6964" s="99"/>
      <c r="AR6964" s="99"/>
      <c r="AS6964" s="99"/>
      <c r="AT6964" s="99"/>
      <c r="AU6964" s="99"/>
      <c r="AV6964" s="99"/>
      <c r="AW6964" s="99"/>
      <c r="AX6964" s="99"/>
      <c r="AY6964" s="99"/>
      <c r="AZ6964" s="99"/>
      <c r="BA6964" s="99"/>
      <c r="BB6964" s="221">
        <v>45884</v>
      </c>
    </row>
    <row r="6965" spans="1:54" s="8" customFormat="1" ht="14.1" customHeight="1" x14ac:dyDescent="0.25">
      <c r="A6965" s="219" t="s">
        <v>16729</v>
      </c>
      <c r="B6965" s="220" t="s">
        <v>19871</v>
      </c>
      <c r="C6965" s="98" t="s">
        <v>16730</v>
      </c>
      <c r="D6965" s="98" t="s">
        <v>16731</v>
      </c>
      <c r="E6965" s="141">
        <v>1981</v>
      </c>
      <c r="F6965" s="141">
        <v>118</v>
      </c>
      <c r="G6965" s="98" t="s">
        <v>1</v>
      </c>
      <c r="H6965" s="98">
        <v>0</v>
      </c>
      <c r="I6965" s="98">
        <v>0</v>
      </c>
      <c r="J6965" s="98">
        <v>1</v>
      </c>
      <c r="K6965" s="98">
        <v>0</v>
      </c>
      <c r="L6965" s="98">
        <v>1</v>
      </c>
      <c r="M6965" s="98">
        <v>0</v>
      </c>
      <c r="N6965" s="98">
        <v>0</v>
      </c>
      <c r="O6965" s="98">
        <v>0</v>
      </c>
      <c r="P6965" s="98">
        <v>1</v>
      </c>
      <c r="Q6965" s="98">
        <v>0</v>
      </c>
      <c r="R6965" s="98">
        <v>1</v>
      </c>
      <c r="S6965" s="98">
        <v>0</v>
      </c>
      <c r="T6965" s="98">
        <v>0</v>
      </c>
      <c r="U6965" s="99"/>
      <c r="V6965" s="99"/>
      <c r="W6965" s="99"/>
      <c r="X6965" s="99"/>
      <c r="Y6965" s="99"/>
      <c r="Z6965" s="99"/>
      <c r="AA6965" s="99"/>
      <c r="AB6965" s="99"/>
      <c r="AC6965" s="99"/>
      <c r="AD6965" s="99"/>
      <c r="AE6965" s="99"/>
      <c r="AF6965" s="99"/>
      <c r="AG6965" s="99"/>
      <c r="AH6965" s="99"/>
      <c r="AI6965" s="99"/>
      <c r="AJ6965" s="99"/>
      <c r="AK6965" s="99"/>
      <c r="AL6965" s="99"/>
      <c r="AM6965" s="99"/>
      <c r="AN6965" s="99"/>
      <c r="AO6965" s="99"/>
      <c r="AP6965" s="99"/>
      <c r="AQ6965" s="99"/>
      <c r="AR6965" s="99"/>
      <c r="AS6965" s="99"/>
      <c r="AT6965" s="99"/>
      <c r="AU6965" s="99"/>
      <c r="AV6965" s="99"/>
      <c r="AW6965" s="99"/>
      <c r="AX6965" s="99"/>
      <c r="AY6965" s="99"/>
      <c r="AZ6965" s="99"/>
      <c r="BA6965" s="99"/>
      <c r="BB6965" s="221">
        <v>45884</v>
      </c>
    </row>
    <row r="6966" spans="1:54" s="8" customFormat="1" ht="14.1" customHeight="1" x14ac:dyDescent="0.25">
      <c r="A6966" s="219" t="s">
        <v>16732</v>
      </c>
      <c r="B6966" s="220" t="s">
        <v>19871</v>
      </c>
      <c r="C6966" s="98" t="s">
        <v>16733</v>
      </c>
      <c r="D6966" s="98" t="s">
        <v>16734</v>
      </c>
      <c r="E6966" s="141">
        <v>1986</v>
      </c>
      <c r="F6966" s="141">
        <v>228</v>
      </c>
      <c r="G6966" s="98" t="s">
        <v>1</v>
      </c>
      <c r="H6966" s="98">
        <v>0</v>
      </c>
      <c r="I6966" s="98">
        <v>0</v>
      </c>
      <c r="J6966" s="98">
        <v>1</v>
      </c>
      <c r="K6966" s="98">
        <v>0</v>
      </c>
      <c r="L6966" s="98">
        <v>1</v>
      </c>
      <c r="M6966" s="98">
        <v>0</v>
      </c>
      <c r="N6966" s="98">
        <v>0</v>
      </c>
      <c r="O6966" s="98">
        <v>1</v>
      </c>
      <c r="P6966" s="98">
        <v>1</v>
      </c>
      <c r="Q6966" s="98">
        <v>0</v>
      </c>
      <c r="R6966" s="98">
        <v>1</v>
      </c>
      <c r="S6966" s="98">
        <v>0</v>
      </c>
      <c r="T6966" s="98">
        <v>0</v>
      </c>
      <c r="U6966" s="99"/>
      <c r="V6966" s="99"/>
      <c r="W6966" s="99"/>
      <c r="X6966" s="99"/>
      <c r="Y6966" s="99"/>
      <c r="Z6966" s="99"/>
      <c r="AA6966" s="99"/>
      <c r="AB6966" s="99"/>
      <c r="AC6966" s="99"/>
      <c r="AD6966" s="99"/>
      <c r="AE6966" s="99"/>
      <c r="AF6966" s="99"/>
      <c r="AG6966" s="99"/>
      <c r="AH6966" s="99"/>
      <c r="AI6966" s="99"/>
      <c r="AJ6966" s="99"/>
      <c r="AK6966" s="99"/>
      <c r="AL6966" s="99"/>
      <c r="AM6966" s="99"/>
      <c r="AN6966" s="99"/>
      <c r="AO6966" s="99"/>
      <c r="AP6966" s="99"/>
      <c r="AQ6966" s="99"/>
      <c r="AR6966" s="99"/>
      <c r="AS6966" s="99"/>
      <c r="AT6966" s="99"/>
      <c r="AU6966" s="99"/>
      <c r="AV6966" s="99"/>
      <c r="AW6966" s="99"/>
      <c r="AX6966" s="99"/>
      <c r="AY6966" s="99"/>
      <c r="AZ6966" s="99"/>
      <c r="BA6966" s="99"/>
      <c r="BB6966" s="221">
        <v>45884</v>
      </c>
    </row>
    <row r="6967" spans="1:54" s="8" customFormat="1" ht="14.1" customHeight="1" x14ac:dyDescent="0.25">
      <c r="A6967" s="219" t="s">
        <v>16735</v>
      </c>
      <c r="B6967" s="220" t="s">
        <v>19871</v>
      </c>
      <c r="C6967" s="98" t="s">
        <v>16736</v>
      </c>
      <c r="D6967" s="98" t="s">
        <v>16737</v>
      </c>
      <c r="E6967" s="141">
        <v>1978</v>
      </c>
      <c r="F6967" s="141">
        <v>192</v>
      </c>
      <c r="G6967" s="98" t="s">
        <v>1</v>
      </c>
      <c r="H6967" s="98">
        <v>0</v>
      </c>
      <c r="I6967" s="98">
        <v>0</v>
      </c>
      <c r="J6967" s="98">
        <v>1</v>
      </c>
      <c r="K6967" s="98">
        <v>0</v>
      </c>
      <c r="L6967" s="98">
        <v>1</v>
      </c>
      <c r="M6967" s="98">
        <v>0</v>
      </c>
      <c r="N6967" s="98">
        <v>0</v>
      </c>
      <c r="O6967" s="98">
        <v>1</v>
      </c>
      <c r="P6967" s="98">
        <v>1</v>
      </c>
      <c r="Q6967" s="98">
        <v>0</v>
      </c>
      <c r="R6967" s="98">
        <v>0</v>
      </c>
      <c r="S6967" s="98">
        <v>0</v>
      </c>
      <c r="T6967" s="98">
        <v>0</v>
      </c>
      <c r="U6967" s="99"/>
      <c r="V6967" s="99"/>
      <c r="W6967" s="99"/>
      <c r="X6967" s="99"/>
      <c r="Y6967" s="99"/>
      <c r="Z6967" s="99"/>
      <c r="AA6967" s="99"/>
      <c r="AB6967" s="99"/>
      <c r="AC6967" s="99"/>
      <c r="AD6967" s="99"/>
      <c r="AE6967" s="99"/>
      <c r="AF6967" s="99"/>
      <c r="AG6967" s="99"/>
      <c r="AH6967" s="99"/>
      <c r="AI6967" s="99"/>
      <c r="AJ6967" s="99"/>
      <c r="AK6967" s="99"/>
      <c r="AL6967" s="99"/>
      <c r="AM6967" s="99"/>
      <c r="AN6967" s="99"/>
      <c r="AO6967" s="99"/>
      <c r="AP6967" s="99"/>
      <c r="AQ6967" s="99"/>
      <c r="AR6967" s="99"/>
      <c r="AS6967" s="99"/>
      <c r="AT6967" s="99"/>
      <c r="AU6967" s="99"/>
      <c r="AV6967" s="99"/>
      <c r="AW6967" s="99"/>
      <c r="AX6967" s="99"/>
      <c r="AY6967" s="99"/>
      <c r="AZ6967" s="99"/>
      <c r="BA6967" s="99"/>
      <c r="BB6967" s="221">
        <v>45884</v>
      </c>
    </row>
    <row r="6968" spans="1:54" s="8" customFormat="1" ht="14.1" customHeight="1" x14ac:dyDescent="0.25">
      <c r="A6968" s="271" t="s">
        <v>16738</v>
      </c>
      <c r="B6968" s="272" t="s">
        <v>19871</v>
      </c>
      <c r="C6968" s="223" t="s">
        <v>16739</v>
      </c>
      <c r="D6968" s="273" t="s">
        <v>16740</v>
      </c>
      <c r="E6968" s="246">
        <v>1979</v>
      </c>
      <c r="F6968" s="246">
        <v>107</v>
      </c>
      <c r="G6968" s="273" t="s">
        <v>1</v>
      </c>
      <c r="H6968" s="273">
        <v>0</v>
      </c>
      <c r="I6968" s="273">
        <v>0</v>
      </c>
      <c r="J6968" s="273">
        <v>0</v>
      </c>
      <c r="K6968" s="223">
        <v>2</v>
      </c>
      <c r="L6968" s="273">
        <v>0</v>
      </c>
      <c r="M6968" s="273">
        <v>1</v>
      </c>
      <c r="N6968" s="273">
        <v>0</v>
      </c>
      <c r="O6968" s="273">
        <v>0</v>
      </c>
      <c r="P6968" s="273">
        <v>0</v>
      </c>
      <c r="Q6968" s="273">
        <v>0</v>
      </c>
      <c r="R6968" s="273">
        <v>0</v>
      </c>
      <c r="S6968" s="273">
        <v>0</v>
      </c>
      <c r="T6968" s="273">
        <v>0</v>
      </c>
      <c r="U6968" s="274"/>
      <c r="V6968" s="274"/>
      <c r="W6968" s="274"/>
      <c r="X6968" s="274"/>
      <c r="Y6968" s="274"/>
      <c r="Z6968" s="274"/>
      <c r="AA6968" s="274"/>
      <c r="AB6968" s="274"/>
      <c r="AC6968" s="274"/>
      <c r="AD6968" s="274"/>
      <c r="AE6968" s="274"/>
      <c r="AF6968" s="274"/>
      <c r="AG6968" s="274"/>
      <c r="AH6968" s="274"/>
      <c r="AI6968" s="274"/>
      <c r="AJ6968" s="274"/>
      <c r="AK6968" s="274"/>
      <c r="AL6968" s="274"/>
      <c r="AM6968" s="274"/>
      <c r="AN6968" s="274"/>
      <c r="AO6968" s="274"/>
      <c r="AP6968" s="274"/>
      <c r="AQ6968" s="274"/>
      <c r="AR6968" s="274"/>
      <c r="AS6968" s="274"/>
      <c r="AT6968" s="274"/>
      <c r="AU6968" s="274"/>
      <c r="AV6968" s="274"/>
      <c r="AW6968" s="274"/>
      <c r="AX6968" s="274"/>
      <c r="AY6968" s="274"/>
      <c r="AZ6968" s="274"/>
      <c r="BA6968" s="274"/>
      <c r="BB6968" s="221">
        <v>45884</v>
      </c>
    </row>
    <row r="6969" spans="1:54" s="8" customFormat="1" ht="14.1" customHeight="1" x14ac:dyDescent="0.25">
      <c r="A6969" s="219" t="s">
        <v>16741</v>
      </c>
      <c r="B6969" s="220" t="s">
        <v>19871</v>
      </c>
      <c r="C6969" s="98" t="s">
        <v>16742</v>
      </c>
      <c r="D6969" s="98" t="s">
        <v>16743</v>
      </c>
      <c r="E6969" s="141">
        <v>1996</v>
      </c>
      <c r="F6969" s="141">
        <v>10397</v>
      </c>
      <c r="G6969" s="98" t="s">
        <v>3</v>
      </c>
      <c r="H6969" s="98">
        <v>0</v>
      </c>
      <c r="I6969" s="98">
        <v>0</v>
      </c>
      <c r="J6969" s="98">
        <v>1</v>
      </c>
      <c r="K6969" s="98">
        <v>0</v>
      </c>
      <c r="L6969" s="98">
        <v>1</v>
      </c>
      <c r="M6969" s="98">
        <v>0</v>
      </c>
      <c r="N6969" s="98">
        <v>0</v>
      </c>
      <c r="O6969" s="98">
        <v>0</v>
      </c>
      <c r="P6969" s="98">
        <v>1</v>
      </c>
      <c r="Q6969" s="98">
        <v>0</v>
      </c>
      <c r="R6969" s="98">
        <v>0</v>
      </c>
      <c r="S6969" s="98">
        <v>0</v>
      </c>
      <c r="T6969" s="98">
        <v>0</v>
      </c>
      <c r="U6969" s="98">
        <v>0</v>
      </c>
      <c r="V6969" s="98">
        <v>0</v>
      </c>
      <c r="W6969" s="98">
        <v>0</v>
      </c>
      <c r="X6969" s="98">
        <v>0</v>
      </c>
      <c r="Y6969" s="98">
        <v>0</v>
      </c>
      <c r="Z6969" s="98">
        <v>0</v>
      </c>
      <c r="AA6969" s="98">
        <v>0</v>
      </c>
      <c r="AB6969" s="98">
        <v>0</v>
      </c>
      <c r="AC6969" s="98">
        <v>0</v>
      </c>
      <c r="AD6969" s="98">
        <v>0</v>
      </c>
      <c r="AE6969" s="98">
        <v>0</v>
      </c>
      <c r="AF6969" s="98">
        <v>0</v>
      </c>
      <c r="AG6969" s="98">
        <v>0</v>
      </c>
      <c r="AH6969" s="98">
        <v>0</v>
      </c>
      <c r="AI6969" s="98">
        <v>0</v>
      </c>
      <c r="AJ6969" s="98">
        <v>0</v>
      </c>
      <c r="AK6969" s="98">
        <v>0</v>
      </c>
      <c r="AL6969" s="98">
        <v>0</v>
      </c>
      <c r="AM6969" s="98">
        <v>0</v>
      </c>
      <c r="AN6969" s="98">
        <v>0</v>
      </c>
      <c r="AO6969" s="98">
        <v>0</v>
      </c>
      <c r="AP6969" s="98">
        <v>0</v>
      </c>
      <c r="AQ6969" s="98">
        <v>0</v>
      </c>
      <c r="AR6969" s="98">
        <v>0</v>
      </c>
      <c r="AS6969" s="98">
        <v>0</v>
      </c>
      <c r="AT6969" s="129" t="s">
        <v>174</v>
      </c>
      <c r="AU6969" s="98">
        <v>0</v>
      </c>
      <c r="AV6969" s="98">
        <v>0</v>
      </c>
      <c r="AW6969" s="98">
        <v>0</v>
      </c>
      <c r="AX6969" s="98"/>
      <c r="AY6969" s="98"/>
      <c r="AZ6969" s="98"/>
      <c r="BA6969" s="98"/>
      <c r="BB6969" s="221">
        <v>45884</v>
      </c>
    </row>
    <row r="6970" spans="1:54" s="8" customFormat="1" ht="14.1" customHeight="1" x14ac:dyDescent="0.25">
      <c r="A6970" s="219" t="s">
        <v>16744</v>
      </c>
      <c r="B6970" s="220" t="s">
        <v>19871</v>
      </c>
      <c r="C6970" s="98" t="s">
        <v>16745</v>
      </c>
      <c r="D6970" s="98" t="s">
        <v>16746</v>
      </c>
      <c r="E6970" s="141">
        <v>1985</v>
      </c>
      <c r="F6970" s="141">
        <v>10655</v>
      </c>
      <c r="G6970" s="98" t="s">
        <v>3</v>
      </c>
      <c r="H6970" s="98">
        <v>1</v>
      </c>
      <c r="I6970" s="98">
        <v>1</v>
      </c>
      <c r="J6970" s="98">
        <v>1</v>
      </c>
      <c r="K6970" s="98">
        <v>0</v>
      </c>
      <c r="L6970" s="98">
        <v>0</v>
      </c>
      <c r="M6970" s="98">
        <v>1</v>
      </c>
      <c r="N6970" s="98">
        <v>0</v>
      </c>
      <c r="O6970" s="98">
        <v>0</v>
      </c>
      <c r="P6970" s="98">
        <v>0</v>
      </c>
      <c r="Q6970" s="98">
        <v>0</v>
      </c>
      <c r="R6970" s="98">
        <v>0</v>
      </c>
      <c r="S6970" s="98">
        <v>0</v>
      </c>
      <c r="T6970" s="98">
        <v>0</v>
      </c>
      <c r="U6970" s="98">
        <v>0</v>
      </c>
      <c r="V6970" s="98">
        <v>0</v>
      </c>
      <c r="W6970" s="98">
        <v>0</v>
      </c>
      <c r="X6970" s="98">
        <v>0</v>
      </c>
      <c r="Y6970" s="98">
        <v>0</v>
      </c>
      <c r="Z6970" s="98">
        <v>1</v>
      </c>
      <c r="AA6970" s="98">
        <v>0</v>
      </c>
      <c r="AB6970" s="98">
        <v>0</v>
      </c>
      <c r="AC6970" s="98">
        <v>0</v>
      </c>
      <c r="AD6970" s="98">
        <v>0</v>
      </c>
      <c r="AE6970" s="98">
        <v>0</v>
      </c>
      <c r="AF6970" s="98">
        <v>0</v>
      </c>
      <c r="AG6970" s="98">
        <v>0</v>
      </c>
      <c r="AH6970" s="98">
        <v>0</v>
      </c>
      <c r="AI6970" s="98">
        <v>0</v>
      </c>
      <c r="AJ6970" s="98">
        <v>0</v>
      </c>
      <c r="AK6970" s="98">
        <v>0</v>
      </c>
      <c r="AL6970" s="98">
        <v>0</v>
      </c>
      <c r="AM6970" s="98">
        <v>0</v>
      </c>
      <c r="AN6970" s="98">
        <v>0</v>
      </c>
      <c r="AO6970" s="98">
        <v>0</v>
      </c>
      <c r="AP6970" s="98">
        <v>0</v>
      </c>
      <c r="AQ6970" s="98">
        <v>0</v>
      </c>
      <c r="AR6970" s="98">
        <v>0</v>
      </c>
      <c r="AS6970" s="98">
        <v>0</v>
      </c>
      <c r="AT6970" s="129" t="s">
        <v>174</v>
      </c>
      <c r="AU6970" s="98">
        <v>0</v>
      </c>
      <c r="AV6970" s="98">
        <v>0</v>
      </c>
      <c r="AW6970" s="98">
        <v>0</v>
      </c>
      <c r="AX6970" s="98"/>
      <c r="AY6970" s="98"/>
      <c r="AZ6970" s="98"/>
      <c r="BA6970" s="98"/>
      <c r="BB6970" s="221">
        <v>45884</v>
      </c>
    </row>
    <row r="6971" spans="1:54" s="8" customFormat="1" ht="14.1" customHeight="1" x14ac:dyDescent="0.25">
      <c r="A6971" s="219" t="s">
        <v>16747</v>
      </c>
      <c r="B6971" s="220" t="s">
        <v>19871</v>
      </c>
      <c r="C6971" s="98" t="s">
        <v>16748</v>
      </c>
      <c r="D6971" s="98" t="s">
        <v>16749</v>
      </c>
      <c r="E6971" s="141">
        <v>1994</v>
      </c>
      <c r="F6971" s="141">
        <v>10976</v>
      </c>
      <c r="G6971" s="98" t="s">
        <v>1</v>
      </c>
      <c r="H6971" s="98">
        <v>1</v>
      </c>
      <c r="I6971" s="98">
        <v>1</v>
      </c>
      <c r="J6971" s="98">
        <v>1</v>
      </c>
      <c r="K6971" s="98">
        <v>0</v>
      </c>
      <c r="L6971" s="98">
        <v>1</v>
      </c>
      <c r="M6971" s="98">
        <v>1</v>
      </c>
      <c r="N6971" s="98">
        <v>1</v>
      </c>
      <c r="O6971" s="98">
        <v>1</v>
      </c>
      <c r="P6971" s="98">
        <v>1</v>
      </c>
      <c r="Q6971" s="98">
        <v>0</v>
      </c>
      <c r="R6971" s="98">
        <v>1</v>
      </c>
      <c r="S6971" s="98">
        <v>1</v>
      </c>
      <c r="T6971" s="98">
        <v>0</v>
      </c>
      <c r="U6971" s="99"/>
      <c r="V6971" s="99"/>
      <c r="W6971" s="99"/>
      <c r="X6971" s="99"/>
      <c r="Y6971" s="99"/>
      <c r="Z6971" s="99"/>
      <c r="AA6971" s="98">
        <v>1</v>
      </c>
      <c r="AB6971" s="99"/>
      <c r="AC6971" s="99"/>
      <c r="AD6971" s="99"/>
      <c r="AE6971" s="99"/>
      <c r="AF6971" s="99"/>
      <c r="AG6971" s="99"/>
      <c r="AH6971" s="99"/>
      <c r="AI6971" s="99"/>
      <c r="AJ6971" s="99"/>
      <c r="AK6971" s="99"/>
      <c r="AL6971" s="99"/>
      <c r="AM6971" s="99"/>
      <c r="AN6971" s="99"/>
      <c r="AO6971" s="99"/>
      <c r="AP6971" s="99"/>
      <c r="AQ6971" s="99"/>
      <c r="AR6971" s="99"/>
      <c r="AS6971" s="99"/>
      <c r="AT6971" s="99"/>
      <c r="AU6971" s="99"/>
      <c r="AV6971" s="99"/>
      <c r="AW6971" s="99"/>
      <c r="AX6971" s="99"/>
      <c r="AY6971" s="99"/>
      <c r="AZ6971" s="99"/>
      <c r="BA6971" s="99"/>
      <c r="BB6971" s="221">
        <v>45884</v>
      </c>
    </row>
    <row r="6972" spans="1:54" s="8" customFormat="1" ht="14.1" customHeight="1" x14ac:dyDescent="0.25">
      <c r="A6972" s="219" t="s">
        <v>16750</v>
      </c>
      <c r="B6972" s="220" t="s">
        <v>19871</v>
      </c>
      <c r="C6972" s="98" t="s">
        <v>16751</v>
      </c>
      <c r="D6972" s="98" t="s">
        <v>16752</v>
      </c>
      <c r="E6972" s="141">
        <v>1993</v>
      </c>
      <c r="F6972" s="141">
        <v>19416</v>
      </c>
      <c r="G6972" s="98" t="s">
        <v>3</v>
      </c>
      <c r="H6972" s="98">
        <v>1</v>
      </c>
      <c r="I6972" s="98">
        <v>1</v>
      </c>
      <c r="J6972" s="98">
        <v>1</v>
      </c>
      <c r="K6972" s="98">
        <v>1</v>
      </c>
      <c r="L6972" s="98">
        <v>1</v>
      </c>
      <c r="M6972" s="98">
        <v>1</v>
      </c>
      <c r="N6972" s="98">
        <v>1</v>
      </c>
      <c r="O6972" s="98">
        <v>0</v>
      </c>
      <c r="P6972" s="98">
        <v>1</v>
      </c>
      <c r="Q6972" s="98">
        <v>0</v>
      </c>
      <c r="R6972" s="98">
        <v>0</v>
      </c>
      <c r="S6972" s="98">
        <v>0</v>
      </c>
      <c r="T6972" s="98">
        <v>0</v>
      </c>
      <c r="U6972" s="98">
        <v>0</v>
      </c>
      <c r="V6972" s="98">
        <v>0</v>
      </c>
      <c r="W6972" s="98">
        <v>0</v>
      </c>
      <c r="X6972" s="98">
        <v>0</v>
      </c>
      <c r="Y6972" s="98">
        <v>0</v>
      </c>
      <c r="Z6972" s="98">
        <v>0</v>
      </c>
      <c r="AA6972" s="98">
        <v>0</v>
      </c>
      <c r="AB6972" s="98">
        <v>0</v>
      </c>
      <c r="AC6972" s="98">
        <v>0</v>
      </c>
      <c r="AD6972" s="98">
        <v>0</v>
      </c>
      <c r="AE6972" s="98">
        <v>0</v>
      </c>
      <c r="AF6972" s="98">
        <v>0</v>
      </c>
      <c r="AG6972" s="98">
        <v>0</v>
      </c>
      <c r="AH6972" s="98">
        <v>0</v>
      </c>
      <c r="AI6972" s="98">
        <v>0</v>
      </c>
      <c r="AJ6972" s="98">
        <v>0</v>
      </c>
      <c r="AK6972" s="98">
        <v>0</v>
      </c>
      <c r="AL6972" s="98">
        <v>0</v>
      </c>
      <c r="AM6972" s="98">
        <v>0</v>
      </c>
      <c r="AN6972" s="98">
        <v>0</v>
      </c>
      <c r="AO6972" s="98">
        <v>0</v>
      </c>
      <c r="AP6972" s="98">
        <v>0</v>
      </c>
      <c r="AQ6972" s="98">
        <v>0</v>
      </c>
      <c r="AR6972" s="98">
        <v>0</v>
      </c>
      <c r="AS6972" s="98">
        <v>0</v>
      </c>
      <c r="AT6972" s="98">
        <v>1</v>
      </c>
      <c r="AU6972" s="98">
        <v>0</v>
      </c>
      <c r="AV6972" s="98">
        <v>0</v>
      </c>
      <c r="AW6972" s="98">
        <v>0</v>
      </c>
      <c r="AX6972" s="98"/>
      <c r="AY6972" s="98"/>
      <c r="AZ6972" s="98"/>
      <c r="BA6972" s="98"/>
      <c r="BB6972" s="221">
        <v>45884</v>
      </c>
    </row>
    <row r="6973" spans="1:54" s="8" customFormat="1" ht="14.1" customHeight="1" x14ac:dyDescent="0.25">
      <c r="A6973" s="219" t="s">
        <v>16753</v>
      </c>
      <c r="B6973" s="220" t="s">
        <v>19871</v>
      </c>
      <c r="C6973" s="98" t="s">
        <v>16754</v>
      </c>
      <c r="D6973" s="98" t="s">
        <v>16755</v>
      </c>
      <c r="E6973" s="141">
        <v>1983</v>
      </c>
      <c r="F6973" s="141">
        <v>22731</v>
      </c>
      <c r="G6973" s="98" t="s">
        <v>3</v>
      </c>
      <c r="H6973" s="98">
        <v>1</v>
      </c>
      <c r="I6973" s="98">
        <v>1</v>
      </c>
      <c r="J6973" s="98">
        <v>1</v>
      </c>
      <c r="K6973" s="98">
        <v>0</v>
      </c>
      <c r="L6973" s="98">
        <v>1</v>
      </c>
      <c r="M6973" s="98">
        <v>0</v>
      </c>
      <c r="N6973" s="98">
        <v>0</v>
      </c>
      <c r="O6973" s="98">
        <v>1</v>
      </c>
      <c r="P6973" s="98">
        <v>1</v>
      </c>
      <c r="Q6973" s="98">
        <v>0</v>
      </c>
      <c r="R6973" s="98">
        <v>1</v>
      </c>
      <c r="S6973" s="98">
        <v>0</v>
      </c>
      <c r="T6973" s="98">
        <v>0</v>
      </c>
      <c r="U6973" s="98">
        <v>0</v>
      </c>
      <c r="V6973" s="98">
        <v>0</v>
      </c>
      <c r="W6973" s="98">
        <v>0</v>
      </c>
      <c r="X6973" s="98">
        <v>0</v>
      </c>
      <c r="Y6973" s="98">
        <v>0</v>
      </c>
      <c r="Z6973" s="98">
        <v>0</v>
      </c>
      <c r="AA6973" s="98">
        <v>0</v>
      </c>
      <c r="AB6973" s="98">
        <v>0</v>
      </c>
      <c r="AC6973" s="98">
        <v>0</v>
      </c>
      <c r="AD6973" s="98">
        <v>0</v>
      </c>
      <c r="AE6973" s="98">
        <v>0</v>
      </c>
      <c r="AF6973" s="98">
        <v>0</v>
      </c>
      <c r="AG6973" s="98">
        <v>0</v>
      </c>
      <c r="AH6973" s="98">
        <v>0</v>
      </c>
      <c r="AI6973" s="98">
        <v>0</v>
      </c>
      <c r="AJ6973" s="98">
        <v>0</v>
      </c>
      <c r="AK6973" s="98">
        <v>0</v>
      </c>
      <c r="AL6973" s="98">
        <v>0</v>
      </c>
      <c r="AM6973" s="98">
        <v>0</v>
      </c>
      <c r="AN6973" s="98">
        <v>0</v>
      </c>
      <c r="AO6973" s="98">
        <v>0</v>
      </c>
      <c r="AP6973" s="98">
        <v>0</v>
      </c>
      <c r="AQ6973" s="98">
        <v>0</v>
      </c>
      <c r="AR6973" s="98">
        <v>0</v>
      </c>
      <c r="AS6973" s="98">
        <v>0</v>
      </c>
      <c r="AT6973" s="129" t="s">
        <v>174</v>
      </c>
      <c r="AU6973" s="98">
        <v>0</v>
      </c>
      <c r="AV6973" s="98">
        <v>1</v>
      </c>
      <c r="AW6973" s="98">
        <v>0</v>
      </c>
      <c r="AX6973" s="98"/>
      <c r="AY6973" s="98"/>
      <c r="AZ6973" s="98"/>
      <c r="BA6973" s="98"/>
      <c r="BB6973" s="221">
        <v>45884</v>
      </c>
    </row>
    <row r="6974" spans="1:54" s="8" customFormat="1" ht="14.1" customHeight="1" x14ac:dyDescent="0.25">
      <c r="A6974" s="219" t="s">
        <v>16756</v>
      </c>
      <c r="B6974" s="220" t="s">
        <v>19871</v>
      </c>
      <c r="C6974" s="98" t="s">
        <v>14201</v>
      </c>
      <c r="D6974" s="98" t="s">
        <v>16757</v>
      </c>
      <c r="E6974" s="141">
        <v>1985</v>
      </c>
      <c r="F6974" s="141">
        <v>88648</v>
      </c>
      <c r="G6974" s="98" t="s">
        <v>7</v>
      </c>
      <c r="H6974" s="98">
        <v>1</v>
      </c>
      <c r="I6974" s="98">
        <v>1</v>
      </c>
      <c r="J6974" s="98">
        <v>1</v>
      </c>
      <c r="K6974" s="98">
        <v>1</v>
      </c>
      <c r="L6974" s="98">
        <v>0</v>
      </c>
      <c r="M6974" s="98">
        <v>1</v>
      </c>
      <c r="N6974" s="98">
        <v>0</v>
      </c>
      <c r="O6974" s="98">
        <v>0</v>
      </c>
      <c r="P6974" s="98">
        <v>0</v>
      </c>
      <c r="Q6974" s="98">
        <v>0</v>
      </c>
      <c r="R6974" s="98">
        <v>0</v>
      </c>
      <c r="S6974" s="98">
        <v>0</v>
      </c>
      <c r="T6974" s="98">
        <v>0</v>
      </c>
      <c r="U6974" s="98">
        <v>0</v>
      </c>
      <c r="V6974" s="98">
        <v>0</v>
      </c>
      <c r="W6974" s="98">
        <v>0</v>
      </c>
      <c r="X6974" s="98">
        <v>0</v>
      </c>
      <c r="Y6974" s="98">
        <v>0</v>
      </c>
      <c r="Z6974" s="98">
        <v>1</v>
      </c>
      <c r="AA6974" s="98">
        <v>0</v>
      </c>
      <c r="AB6974" s="98">
        <v>0</v>
      </c>
      <c r="AC6974" s="98">
        <v>0</v>
      </c>
      <c r="AD6974" s="98">
        <v>0</v>
      </c>
      <c r="AE6974" s="98">
        <v>0</v>
      </c>
      <c r="AF6974" s="98">
        <v>0</v>
      </c>
      <c r="AG6974" s="98">
        <v>0</v>
      </c>
      <c r="AH6974" s="98">
        <v>0</v>
      </c>
      <c r="AI6974" s="98">
        <v>0</v>
      </c>
      <c r="AJ6974" s="98">
        <v>0</v>
      </c>
      <c r="AK6974" s="98">
        <v>0</v>
      </c>
      <c r="AL6974" s="98">
        <v>0</v>
      </c>
      <c r="AM6974" s="98">
        <v>0</v>
      </c>
      <c r="AN6974" s="98">
        <v>0</v>
      </c>
      <c r="AO6974" s="98">
        <v>0</v>
      </c>
      <c r="AP6974" s="98">
        <v>0</v>
      </c>
      <c r="AQ6974" s="98">
        <v>0</v>
      </c>
      <c r="AR6974" s="98">
        <v>0</v>
      </c>
      <c r="AS6974" s="98">
        <v>1</v>
      </c>
      <c r="AT6974" s="98">
        <v>1</v>
      </c>
      <c r="AU6974" s="98">
        <v>1</v>
      </c>
      <c r="AV6974" s="98">
        <v>0</v>
      </c>
      <c r="AW6974" s="98">
        <v>1</v>
      </c>
      <c r="AX6974" s="98" t="s">
        <v>22225</v>
      </c>
      <c r="AY6974" s="98"/>
      <c r="AZ6974" s="98"/>
      <c r="BA6974" s="98"/>
      <c r="BB6974" s="221">
        <v>45884</v>
      </c>
    </row>
    <row r="6975" spans="1:54" s="8" customFormat="1" ht="14.1" customHeight="1" x14ac:dyDescent="0.25">
      <c r="A6975" s="219" t="s">
        <v>16758</v>
      </c>
      <c r="B6975" s="220" t="s">
        <v>19871</v>
      </c>
      <c r="C6975" s="98" t="s">
        <v>16759</v>
      </c>
      <c r="D6975" s="98" t="s">
        <v>16760</v>
      </c>
      <c r="E6975" s="141">
        <v>2000</v>
      </c>
      <c r="F6975" s="141">
        <v>93841</v>
      </c>
      <c r="G6975" s="98" t="s">
        <v>6</v>
      </c>
      <c r="H6975" s="98">
        <v>1</v>
      </c>
      <c r="I6975" s="98">
        <v>1</v>
      </c>
      <c r="J6975" s="98">
        <v>1</v>
      </c>
      <c r="K6975" s="98">
        <v>1</v>
      </c>
      <c r="L6975" s="98">
        <v>1</v>
      </c>
      <c r="M6975" s="98">
        <v>1</v>
      </c>
      <c r="N6975" s="98">
        <v>0</v>
      </c>
      <c r="O6975" s="98">
        <v>1</v>
      </c>
      <c r="P6975" s="98">
        <v>1</v>
      </c>
      <c r="Q6975" s="98">
        <v>0</v>
      </c>
      <c r="R6975" s="98">
        <v>0</v>
      </c>
      <c r="S6975" s="98">
        <v>0</v>
      </c>
      <c r="T6975" s="98">
        <v>0</v>
      </c>
      <c r="U6975" s="98">
        <v>1</v>
      </c>
      <c r="V6975" s="98">
        <v>1</v>
      </c>
      <c r="W6975" s="98">
        <v>0</v>
      </c>
      <c r="X6975" s="98">
        <v>1</v>
      </c>
      <c r="Y6975" s="98">
        <v>0</v>
      </c>
      <c r="Z6975" s="98">
        <v>0</v>
      </c>
      <c r="AA6975" s="98">
        <v>0</v>
      </c>
      <c r="AB6975" s="98">
        <v>0</v>
      </c>
      <c r="AC6975" s="98">
        <v>0</v>
      </c>
      <c r="AD6975" s="98">
        <v>0</v>
      </c>
      <c r="AE6975" s="98">
        <v>1</v>
      </c>
      <c r="AF6975" s="98">
        <v>0</v>
      </c>
      <c r="AG6975" s="98">
        <v>0</v>
      </c>
      <c r="AH6975" s="98">
        <v>0</v>
      </c>
      <c r="AI6975" s="98">
        <v>0</v>
      </c>
      <c r="AJ6975" s="98">
        <v>0</v>
      </c>
      <c r="AK6975" s="98">
        <v>0</v>
      </c>
      <c r="AL6975" s="98">
        <v>0</v>
      </c>
      <c r="AM6975" s="98">
        <v>0</v>
      </c>
      <c r="AN6975" s="98">
        <v>1</v>
      </c>
      <c r="AO6975" s="98">
        <v>1</v>
      </c>
      <c r="AP6975" s="98">
        <v>0</v>
      </c>
      <c r="AQ6975" s="98">
        <v>0</v>
      </c>
      <c r="AR6975" s="98">
        <v>0</v>
      </c>
      <c r="AS6975" s="98">
        <v>0</v>
      </c>
      <c r="AT6975" s="98">
        <v>1</v>
      </c>
      <c r="AU6975" s="98">
        <v>1</v>
      </c>
      <c r="AV6975" s="98">
        <v>0</v>
      </c>
      <c r="AW6975" s="98">
        <v>1</v>
      </c>
      <c r="AX6975" s="98" t="s">
        <v>22226</v>
      </c>
      <c r="AY6975" s="98"/>
      <c r="AZ6975" s="98"/>
      <c r="BA6975" s="98"/>
      <c r="BB6975" s="221">
        <v>45884</v>
      </c>
    </row>
    <row r="6976" spans="1:54" s="8" customFormat="1" ht="14.1" customHeight="1" x14ac:dyDescent="0.25">
      <c r="A6976" s="219" t="s">
        <v>16761</v>
      </c>
      <c r="B6976" s="220" t="s">
        <v>19871</v>
      </c>
      <c r="C6976" s="98" t="s">
        <v>16762</v>
      </c>
      <c r="D6976" s="98" t="s">
        <v>16763</v>
      </c>
      <c r="E6976" s="141">
        <v>1986</v>
      </c>
      <c r="F6976" s="141">
        <v>109445</v>
      </c>
      <c r="G6976" s="98" t="s">
        <v>8</v>
      </c>
      <c r="H6976" s="98">
        <v>1</v>
      </c>
      <c r="I6976" s="98">
        <v>1</v>
      </c>
      <c r="J6976" s="98">
        <v>1</v>
      </c>
      <c r="K6976" s="98">
        <v>0</v>
      </c>
      <c r="L6976" s="98">
        <v>0</v>
      </c>
      <c r="M6976" s="98">
        <v>0</v>
      </c>
      <c r="N6976" s="98">
        <v>0</v>
      </c>
      <c r="O6976" s="98">
        <v>0</v>
      </c>
      <c r="P6976" s="98">
        <v>0</v>
      </c>
      <c r="Q6976" s="98">
        <v>0</v>
      </c>
      <c r="R6976" s="98">
        <v>0</v>
      </c>
      <c r="S6976" s="98">
        <v>0</v>
      </c>
      <c r="T6976" s="98">
        <v>0</v>
      </c>
      <c r="U6976" s="98">
        <v>0</v>
      </c>
      <c r="V6976" s="98">
        <v>0</v>
      </c>
      <c r="W6976" s="98">
        <v>0</v>
      </c>
      <c r="X6976" s="98">
        <v>0</v>
      </c>
      <c r="Y6976" s="98">
        <v>0</v>
      </c>
      <c r="Z6976" s="98">
        <v>0</v>
      </c>
      <c r="AA6976" s="98">
        <v>0</v>
      </c>
      <c r="AB6976" s="98">
        <v>0</v>
      </c>
      <c r="AC6976" s="98">
        <v>0</v>
      </c>
      <c r="AD6976" s="98">
        <v>0</v>
      </c>
      <c r="AE6976" s="98">
        <v>0</v>
      </c>
      <c r="AF6976" s="98">
        <v>0</v>
      </c>
      <c r="AG6976" s="98">
        <v>0</v>
      </c>
      <c r="AH6976" s="98">
        <v>0</v>
      </c>
      <c r="AI6976" s="98">
        <v>0</v>
      </c>
      <c r="AJ6976" s="98">
        <v>0</v>
      </c>
      <c r="AK6976" s="98">
        <v>0</v>
      </c>
      <c r="AL6976" s="98">
        <v>0</v>
      </c>
      <c r="AM6976" s="98">
        <v>0</v>
      </c>
      <c r="AN6976" s="98">
        <v>0</v>
      </c>
      <c r="AO6976" s="98">
        <v>0</v>
      </c>
      <c r="AP6976" s="98">
        <v>0</v>
      </c>
      <c r="AQ6976" s="98">
        <v>0</v>
      </c>
      <c r="AR6976" s="98">
        <v>0</v>
      </c>
      <c r="AS6976" s="98">
        <v>0</v>
      </c>
      <c r="AT6976" s="129" t="s">
        <v>174</v>
      </c>
      <c r="AU6976" s="98">
        <v>1</v>
      </c>
      <c r="AV6976" s="98">
        <v>0</v>
      </c>
      <c r="AW6976" s="98">
        <v>0</v>
      </c>
      <c r="AX6976" s="98"/>
      <c r="AY6976" s="98"/>
      <c r="AZ6976" s="98"/>
      <c r="BA6976" s="98"/>
      <c r="BB6976" s="221">
        <v>45884</v>
      </c>
    </row>
    <row r="6977" spans="1:54" s="8" customFormat="1" ht="14.1" customHeight="1" x14ac:dyDescent="0.25">
      <c r="A6977" s="219" t="s">
        <v>16764</v>
      </c>
      <c r="B6977" s="220" t="s">
        <v>19871</v>
      </c>
      <c r="C6977" s="98" t="s">
        <v>16765</v>
      </c>
      <c r="D6977" s="98" t="s">
        <v>16766</v>
      </c>
      <c r="E6977" s="141">
        <v>1986</v>
      </c>
      <c r="F6977" s="141">
        <v>137287</v>
      </c>
      <c r="G6977" s="98" t="s">
        <v>8</v>
      </c>
      <c r="H6977" s="98">
        <v>1</v>
      </c>
      <c r="I6977" s="98">
        <v>0</v>
      </c>
      <c r="J6977" s="98">
        <v>1</v>
      </c>
      <c r="K6977" s="98">
        <v>0</v>
      </c>
      <c r="L6977" s="98">
        <v>1</v>
      </c>
      <c r="M6977" s="98">
        <v>0</v>
      </c>
      <c r="N6977" s="98">
        <v>0</v>
      </c>
      <c r="O6977" s="98">
        <v>1</v>
      </c>
      <c r="P6977" s="98">
        <v>1</v>
      </c>
      <c r="Q6977" s="98">
        <v>0</v>
      </c>
      <c r="R6977" s="98">
        <v>0</v>
      </c>
      <c r="S6977" s="98">
        <v>0</v>
      </c>
      <c r="T6977" s="98">
        <v>0</v>
      </c>
      <c r="U6977" s="98">
        <v>0</v>
      </c>
      <c r="V6977" s="98">
        <v>0</v>
      </c>
      <c r="W6977" s="98">
        <v>0</v>
      </c>
      <c r="X6977" s="98">
        <v>0</v>
      </c>
      <c r="Y6977" s="98">
        <v>0</v>
      </c>
      <c r="Z6977" s="98">
        <v>0</v>
      </c>
      <c r="AA6977" s="98">
        <v>0</v>
      </c>
      <c r="AB6977" s="98">
        <v>0</v>
      </c>
      <c r="AC6977" s="98">
        <v>0</v>
      </c>
      <c r="AD6977" s="98">
        <v>0</v>
      </c>
      <c r="AE6977" s="98">
        <v>0</v>
      </c>
      <c r="AF6977" s="98">
        <v>0</v>
      </c>
      <c r="AG6977" s="98">
        <v>0</v>
      </c>
      <c r="AH6977" s="98">
        <v>0</v>
      </c>
      <c r="AI6977" s="98">
        <v>0</v>
      </c>
      <c r="AJ6977" s="98">
        <v>0</v>
      </c>
      <c r="AK6977" s="98">
        <v>0</v>
      </c>
      <c r="AL6977" s="98">
        <v>0</v>
      </c>
      <c r="AM6977" s="98">
        <v>0</v>
      </c>
      <c r="AN6977" s="98">
        <v>0</v>
      </c>
      <c r="AO6977" s="98">
        <v>0</v>
      </c>
      <c r="AP6977" s="98">
        <v>0</v>
      </c>
      <c r="AQ6977" s="98">
        <v>0</v>
      </c>
      <c r="AR6977" s="98">
        <v>0</v>
      </c>
      <c r="AS6977" s="98">
        <v>0</v>
      </c>
      <c r="AT6977" s="129" t="s">
        <v>174</v>
      </c>
      <c r="AU6977" s="98">
        <v>1</v>
      </c>
      <c r="AV6977" s="98">
        <v>0</v>
      </c>
      <c r="AW6977" s="98">
        <v>0</v>
      </c>
      <c r="AX6977" s="98"/>
      <c r="AY6977" s="98"/>
      <c r="AZ6977" s="98"/>
      <c r="BA6977" s="98"/>
      <c r="BB6977" s="221">
        <v>45884</v>
      </c>
    </row>
    <row r="6978" spans="1:54" s="8" customFormat="1" ht="14.1" customHeight="1" x14ac:dyDescent="0.25">
      <c r="A6978" s="219" t="s">
        <v>16767</v>
      </c>
      <c r="B6978" s="220" t="s">
        <v>19871</v>
      </c>
      <c r="C6978" s="98" t="s">
        <v>16768</v>
      </c>
      <c r="D6978" s="98" t="s">
        <v>16769</v>
      </c>
      <c r="E6978" s="141">
        <v>1992</v>
      </c>
      <c r="F6978" s="141">
        <v>139283</v>
      </c>
      <c r="G6978" s="98" t="s">
        <v>8</v>
      </c>
      <c r="H6978" s="98">
        <v>1</v>
      </c>
      <c r="I6978" s="98">
        <v>1</v>
      </c>
      <c r="J6978" s="98">
        <v>1</v>
      </c>
      <c r="K6978" s="98">
        <v>0</v>
      </c>
      <c r="L6978" s="98">
        <v>0</v>
      </c>
      <c r="M6978" s="98">
        <v>0</v>
      </c>
      <c r="N6978" s="98">
        <v>0</v>
      </c>
      <c r="O6978" s="98">
        <v>0</v>
      </c>
      <c r="P6978" s="98">
        <v>0</v>
      </c>
      <c r="Q6978" s="98">
        <v>0</v>
      </c>
      <c r="R6978" s="98">
        <v>0</v>
      </c>
      <c r="S6978" s="98">
        <v>0</v>
      </c>
      <c r="T6978" s="98">
        <v>0</v>
      </c>
      <c r="U6978" s="98">
        <v>0</v>
      </c>
      <c r="V6978" s="98">
        <v>0</v>
      </c>
      <c r="W6978" s="98">
        <v>0</v>
      </c>
      <c r="X6978" s="98">
        <v>0</v>
      </c>
      <c r="Y6978" s="98">
        <v>0</v>
      </c>
      <c r="Z6978" s="98">
        <v>0</v>
      </c>
      <c r="AA6978" s="98">
        <v>0</v>
      </c>
      <c r="AB6978" s="98">
        <v>0</v>
      </c>
      <c r="AC6978" s="98">
        <v>0</v>
      </c>
      <c r="AD6978" s="98">
        <v>0</v>
      </c>
      <c r="AE6978" s="98">
        <v>0</v>
      </c>
      <c r="AF6978" s="98">
        <v>0</v>
      </c>
      <c r="AG6978" s="98">
        <v>0</v>
      </c>
      <c r="AH6978" s="98">
        <v>0</v>
      </c>
      <c r="AI6978" s="98">
        <v>0</v>
      </c>
      <c r="AJ6978" s="98">
        <v>0</v>
      </c>
      <c r="AK6978" s="98">
        <v>0</v>
      </c>
      <c r="AL6978" s="98">
        <v>0</v>
      </c>
      <c r="AM6978" s="98">
        <v>0</v>
      </c>
      <c r="AN6978" s="98">
        <v>0</v>
      </c>
      <c r="AO6978" s="98">
        <v>0</v>
      </c>
      <c r="AP6978" s="98">
        <v>0</v>
      </c>
      <c r="AQ6978" s="98">
        <v>0</v>
      </c>
      <c r="AR6978" s="98">
        <v>0</v>
      </c>
      <c r="AS6978" s="98">
        <v>0</v>
      </c>
      <c r="AT6978" s="129" t="s">
        <v>174</v>
      </c>
      <c r="AU6978" s="98">
        <v>1</v>
      </c>
      <c r="AV6978" s="98">
        <v>0</v>
      </c>
      <c r="AW6978" s="98">
        <v>1</v>
      </c>
      <c r="AX6978" s="98"/>
      <c r="AY6978" s="98"/>
      <c r="AZ6978" s="98"/>
      <c r="BA6978" s="98"/>
      <c r="BB6978" s="221">
        <v>45884</v>
      </c>
    </row>
    <row r="6979" spans="1:54" s="8" customFormat="1" ht="12" x14ac:dyDescent="0.25">
      <c r="A6979" s="219" t="s">
        <v>16770</v>
      </c>
      <c r="B6979" s="220" t="s">
        <v>19871</v>
      </c>
      <c r="C6979" s="98" t="s">
        <v>16771</v>
      </c>
      <c r="D6979" s="98" t="s">
        <v>16772</v>
      </c>
      <c r="E6979" s="141">
        <v>1989</v>
      </c>
      <c r="F6979" s="141">
        <v>157000</v>
      </c>
      <c r="G6979" s="98" t="s">
        <v>0</v>
      </c>
      <c r="H6979" s="98">
        <v>1</v>
      </c>
      <c r="I6979" s="98">
        <v>1</v>
      </c>
      <c r="J6979" s="98">
        <v>1</v>
      </c>
      <c r="K6979" s="98">
        <v>1</v>
      </c>
      <c r="L6979" s="98">
        <v>0</v>
      </c>
      <c r="M6979" s="98">
        <v>1</v>
      </c>
      <c r="N6979" s="98">
        <v>1</v>
      </c>
      <c r="O6979" s="98">
        <v>0</v>
      </c>
      <c r="P6979" s="98">
        <v>1</v>
      </c>
      <c r="Q6979" s="98">
        <v>0</v>
      </c>
      <c r="R6979" s="98">
        <v>0</v>
      </c>
      <c r="S6979" s="98">
        <v>0</v>
      </c>
      <c r="T6979" s="98">
        <v>1</v>
      </c>
      <c r="U6979" s="98">
        <v>0</v>
      </c>
      <c r="V6979" s="98">
        <v>0</v>
      </c>
      <c r="W6979" s="98">
        <v>1</v>
      </c>
      <c r="X6979" s="98">
        <v>0</v>
      </c>
      <c r="Y6979" s="98">
        <v>1</v>
      </c>
      <c r="Z6979" s="98">
        <v>1</v>
      </c>
      <c r="AA6979" s="98">
        <v>1</v>
      </c>
      <c r="AB6979" s="98">
        <v>0</v>
      </c>
      <c r="AC6979" s="98">
        <v>0</v>
      </c>
      <c r="AD6979" s="98">
        <v>0</v>
      </c>
      <c r="AE6979" s="98">
        <v>0</v>
      </c>
      <c r="AF6979" s="98">
        <v>1</v>
      </c>
      <c r="AG6979" s="98">
        <v>1</v>
      </c>
      <c r="AH6979" s="98">
        <v>1</v>
      </c>
      <c r="AI6979" s="98">
        <v>0</v>
      </c>
      <c r="AJ6979" s="98">
        <v>0</v>
      </c>
      <c r="AK6979" s="98">
        <v>0</v>
      </c>
      <c r="AL6979" s="98">
        <v>0</v>
      </c>
      <c r="AM6979" s="98">
        <v>0</v>
      </c>
      <c r="AN6979" s="98">
        <v>1</v>
      </c>
      <c r="AO6979" s="98">
        <v>1</v>
      </c>
      <c r="AP6979" s="98">
        <v>0</v>
      </c>
      <c r="AQ6979" s="98">
        <v>0</v>
      </c>
      <c r="AR6979" s="98">
        <v>0</v>
      </c>
      <c r="AS6979" s="98">
        <v>0</v>
      </c>
      <c r="AT6979" s="98">
        <v>1</v>
      </c>
      <c r="AU6979" s="98">
        <v>1</v>
      </c>
      <c r="AV6979" s="98">
        <v>0</v>
      </c>
      <c r="AW6979" s="98">
        <v>1</v>
      </c>
      <c r="AX6979" s="98" t="s">
        <v>22227</v>
      </c>
      <c r="AY6979" s="98" t="s">
        <v>22228</v>
      </c>
      <c r="AZ6979" s="98" t="s">
        <v>16773</v>
      </c>
      <c r="BA6979" s="98"/>
      <c r="BB6979" s="221">
        <v>45884</v>
      </c>
    </row>
    <row r="6980" spans="1:54" s="8" customFormat="1" ht="14.1" customHeight="1" x14ac:dyDescent="0.25">
      <c r="A6980" s="219" t="s">
        <v>20540</v>
      </c>
      <c r="B6980" s="220" t="s">
        <v>19871</v>
      </c>
      <c r="C6980" s="98" t="s">
        <v>19872</v>
      </c>
      <c r="D6980" s="98" t="s">
        <v>20321</v>
      </c>
      <c r="E6980" s="141">
        <v>2017</v>
      </c>
      <c r="F6980" s="141">
        <v>1137</v>
      </c>
      <c r="G6980" s="98" t="s">
        <v>1</v>
      </c>
      <c r="H6980" s="98">
        <v>0</v>
      </c>
      <c r="I6980" s="98">
        <v>0</v>
      </c>
      <c r="J6980" s="98">
        <v>1</v>
      </c>
      <c r="K6980" s="98">
        <v>0</v>
      </c>
      <c r="L6980" s="98">
        <v>1</v>
      </c>
      <c r="M6980" s="98">
        <v>1</v>
      </c>
      <c r="N6980" s="98">
        <v>0</v>
      </c>
      <c r="O6980" s="98">
        <v>1</v>
      </c>
      <c r="P6980" s="98">
        <v>1</v>
      </c>
      <c r="Q6980" s="98">
        <v>0</v>
      </c>
      <c r="R6980" s="98">
        <v>0</v>
      </c>
      <c r="S6980" s="98">
        <v>0</v>
      </c>
      <c r="T6980" s="98">
        <v>0</v>
      </c>
      <c r="U6980" s="99"/>
      <c r="V6980" s="99"/>
      <c r="W6980" s="99"/>
      <c r="X6980" s="99"/>
      <c r="Y6980" s="99"/>
      <c r="Z6980" s="99"/>
      <c r="AA6980" s="99"/>
      <c r="AB6980" s="99"/>
      <c r="AC6980" s="99"/>
      <c r="AD6980" s="99"/>
      <c r="AE6980" s="99"/>
      <c r="AF6980" s="99"/>
      <c r="AG6980" s="99"/>
      <c r="AH6980" s="99"/>
      <c r="AI6980" s="99"/>
      <c r="AJ6980" s="99"/>
      <c r="AK6980" s="99"/>
      <c r="AL6980" s="99"/>
      <c r="AM6980" s="99"/>
      <c r="AN6980" s="99"/>
      <c r="AO6980" s="99"/>
      <c r="AP6980" s="99"/>
      <c r="AQ6980" s="99"/>
      <c r="AR6980" s="99"/>
      <c r="AS6980" s="99"/>
      <c r="AT6980" s="99"/>
      <c r="AU6980" s="99"/>
      <c r="AV6980" s="99"/>
      <c r="AW6980" s="99"/>
      <c r="AX6980" s="99"/>
      <c r="AY6980" s="99"/>
      <c r="AZ6980" s="99"/>
      <c r="BA6980" s="99"/>
      <c r="BB6980" s="221">
        <v>45884</v>
      </c>
    </row>
    <row r="6981" spans="1:54" s="8" customFormat="1" ht="14.1" customHeight="1" x14ac:dyDescent="0.25">
      <c r="A6981" s="219" t="s">
        <v>20541</v>
      </c>
      <c r="B6981" s="220" t="s">
        <v>19871</v>
      </c>
      <c r="C6981" s="98" t="s">
        <v>20322</v>
      </c>
      <c r="D6981" s="98" t="s">
        <v>20323</v>
      </c>
      <c r="E6981" s="141">
        <v>2018</v>
      </c>
      <c r="F6981" s="141">
        <v>5354</v>
      </c>
      <c r="G6981" s="98" t="s">
        <v>1</v>
      </c>
      <c r="H6981" s="98">
        <v>1</v>
      </c>
      <c r="I6981" s="98">
        <v>1</v>
      </c>
      <c r="J6981" s="98">
        <v>1</v>
      </c>
      <c r="K6981" s="98">
        <v>0</v>
      </c>
      <c r="L6981" s="98">
        <v>0</v>
      </c>
      <c r="M6981" s="98">
        <v>1</v>
      </c>
      <c r="N6981" s="98">
        <v>0</v>
      </c>
      <c r="O6981" s="98">
        <v>0</v>
      </c>
      <c r="P6981" s="98">
        <v>0</v>
      </c>
      <c r="Q6981" s="98">
        <v>0</v>
      </c>
      <c r="R6981" s="98">
        <v>0</v>
      </c>
      <c r="S6981" s="98">
        <v>0</v>
      </c>
      <c r="T6981" s="98">
        <v>0</v>
      </c>
      <c r="U6981" s="99"/>
      <c r="V6981" s="99"/>
      <c r="W6981" s="99"/>
      <c r="X6981" s="99"/>
      <c r="Y6981" s="99"/>
      <c r="Z6981" s="99"/>
      <c r="AA6981" s="99"/>
      <c r="AB6981" s="99"/>
      <c r="AC6981" s="99"/>
      <c r="AD6981" s="99"/>
      <c r="AE6981" s="99"/>
      <c r="AF6981" s="99"/>
      <c r="AG6981" s="99"/>
      <c r="AH6981" s="99"/>
      <c r="AI6981" s="99"/>
      <c r="AJ6981" s="99"/>
      <c r="AK6981" s="99"/>
      <c r="AL6981" s="99"/>
      <c r="AM6981" s="99"/>
      <c r="AN6981" s="99"/>
      <c r="AO6981" s="99"/>
      <c r="AP6981" s="99"/>
      <c r="AQ6981" s="99"/>
      <c r="AR6981" s="99"/>
      <c r="AS6981" s="99"/>
      <c r="AT6981" s="99"/>
      <c r="AU6981" s="98">
        <v>1</v>
      </c>
      <c r="AV6981" s="98">
        <v>0</v>
      </c>
      <c r="AW6981" s="98">
        <v>0</v>
      </c>
      <c r="AX6981" s="99"/>
      <c r="AY6981" s="99"/>
      <c r="AZ6981" s="99"/>
      <c r="BA6981" s="99"/>
      <c r="BB6981" s="221">
        <v>45884</v>
      </c>
    </row>
    <row r="6982" spans="1:54" s="8" customFormat="1" ht="14.1" customHeight="1" x14ac:dyDescent="0.25">
      <c r="A6982" s="219" t="s">
        <v>20546</v>
      </c>
      <c r="B6982" s="220" t="s">
        <v>19871</v>
      </c>
      <c r="C6982" s="98" t="s">
        <v>20542</v>
      </c>
      <c r="D6982" s="98" t="s">
        <v>20543</v>
      </c>
      <c r="E6982" s="141">
        <v>2019</v>
      </c>
      <c r="F6982" s="141">
        <v>2360</v>
      </c>
      <c r="G6982" s="98" t="s">
        <v>8</v>
      </c>
      <c r="H6982" s="98">
        <v>0</v>
      </c>
      <c r="I6982" s="98">
        <v>0</v>
      </c>
      <c r="J6982" s="98">
        <v>0</v>
      </c>
      <c r="K6982" s="98">
        <v>0</v>
      </c>
      <c r="L6982" s="98">
        <v>0</v>
      </c>
      <c r="M6982" s="98">
        <v>0</v>
      </c>
      <c r="N6982" s="98">
        <v>0</v>
      </c>
      <c r="O6982" s="98">
        <v>0</v>
      </c>
      <c r="P6982" s="98">
        <v>0</v>
      </c>
      <c r="Q6982" s="98">
        <v>0</v>
      </c>
      <c r="R6982" s="98">
        <v>0</v>
      </c>
      <c r="S6982" s="98">
        <v>0</v>
      </c>
      <c r="T6982" s="98">
        <v>0</v>
      </c>
      <c r="U6982" s="98">
        <v>0</v>
      </c>
      <c r="V6982" s="98">
        <v>0</v>
      </c>
      <c r="W6982" s="98">
        <v>0</v>
      </c>
      <c r="X6982" s="98">
        <v>0</v>
      </c>
      <c r="Y6982" s="98">
        <v>0</v>
      </c>
      <c r="Z6982" s="98">
        <v>0</v>
      </c>
      <c r="AA6982" s="98">
        <v>0</v>
      </c>
      <c r="AB6982" s="98">
        <v>0</v>
      </c>
      <c r="AC6982" s="98">
        <v>0</v>
      </c>
      <c r="AD6982" s="98">
        <v>0</v>
      </c>
      <c r="AE6982" s="98">
        <v>0</v>
      </c>
      <c r="AF6982" s="98">
        <v>0</v>
      </c>
      <c r="AG6982" s="98">
        <v>0</v>
      </c>
      <c r="AH6982" s="98">
        <v>0</v>
      </c>
      <c r="AI6982" s="98">
        <v>0</v>
      </c>
      <c r="AJ6982" s="98">
        <v>0</v>
      </c>
      <c r="AK6982" s="98">
        <v>0</v>
      </c>
      <c r="AL6982" s="98">
        <v>0</v>
      </c>
      <c r="AM6982" s="98">
        <v>0</v>
      </c>
      <c r="AN6982" s="98">
        <v>0</v>
      </c>
      <c r="AO6982" s="98">
        <v>0</v>
      </c>
      <c r="AP6982" s="98">
        <v>0</v>
      </c>
      <c r="AQ6982" s="98">
        <v>0</v>
      </c>
      <c r="AR6982" s="98">
        <v>0</v>
      </c>
      <c r="AS6982" s="98">
        <v>0</v>
      </c>
      <c r="AT6982" s="98">
        <v>0</v>
      </c>
      <c r="AU6982" s="98">
        <v>0</v>
      </c>
      <c r="AV6982" s="98">
        <v>0</v>
      </c>
      <c r="AW6982" s="98">
        <v>0</v>
      </c>
      <c r="AX6982" s="98"/>
      <c r="AY6982" s="98"/>
      <c r="AZ6982" s="98"/>
      <c r="BA6982" s="172"/>
      <c r="BB6982" s="221">
        <v>45884</v>
      </c>
    </row>
    <row r="6983" spans="1:54" s="8" customFormat="1" ht="14.1" customHeight="1" x14ac:dyDescent="0.25">
      <c r="A6983" s="219" t="s">
        <v>20547</v>
      </c>
      <c r="B6983" s="220" t="s">
        <v>19871</v>
      </c>
      <c r="C6983" s="98" t="s">
        <v>20544</v>
      </c>
      <c r="D6983" s="98" t="s">
        <v>20545</v>
      </c>
      <c r="E6983" s="141">
        <v>2019</v>
      </c>
      <c r="F6983" s="141">
        <v>747</v>
      </c>
      <c r="G6983" s="98" t="s">
        <v>1</v>
      </c>
      <c r="H6983" s="98">
        <v>0</v>
      </c>
      <c r="I6983" s="98">
        <v>0</v>
      </c>
      <c r="J6983" s="98">
        <v>1</v>
      </c>
      <c r="K6983" s="98">
        <v>0</v>
      </c>
      <c r="L6983" s="98">
        <v>0</v>
      </c>
      <c r="M6983" s="98">
        <v>0</v>
      </c>
      <c r="N6983" s="98">
        <v>1</v>
      </c>
      <c r="O6983" s="98">
        <v>1</v>
      </c>
      <c r="P6983" s="98">
        <v>1</v>
      </c>
      <c r="Q6983" s="98">
        <v>0</v>
      </c>
      <c r="R6983" s="98">
        <v>0</v>
      </c>
      <c r="S6983" s="98">
        <v>0</v>
      </c>
      <c r="T6983" s="98">
        <v>0</v>
      </c>
      <c r="U6983" s="99"/>
      <c r="V6983" s="99"/>
      <c r="W6983" s="99"/>
      <c r="X6983" s="99"/>
      <c r="Y6983" s="99"/>
      <c r="Z6983" s="99"/>
      <c r="AA6983" s="99"/>
      <c r="AB6983" s="99"/>
      <c r="AC6983" s="99"/>
      <c r="AD6983" s="99"/>
      <c r="AE6983" s="99"/>
      <c r="AF6983" s="99"/>
      <c r="AG6983" s="99"/>
      <c r="AH6983" s="99"/>
      <c r="AI6983" s="99"/>
      <c r="AJ6983" s="99"/>
      <c r="AK6983" s="99"/>
      <c r="AL6983" s="99"/>
      <c r="AM6983" s="99"/>
      <c r="AN6983" s="99"/>
      <c r="AO6983" s="99"/>
      <c r="AP6983" s="99"/>
      <c r="AQ6983" s="99"/>
      <c r="AR6983" s="99"/>
      <c r="AS6983" s="99"/>
      <c r="AT6983" s="99"/>
      <c r="AU6983" s="99"/>
      <c r="AV6983" s="99"/>
      <c r="AW6983" s="99"/>
      <c r="AX6983" s="99"/>
      <c r="AY6983" s="99"/>
      <c r="AZ6983" s="99"/>
      <c r="BA6983" s="173"/>
      <c r="BB6983" s="221">
        <v>45884</v>
      </c>
    </row>
    <row r="6984" spans="1:54" s="8" customFormat="1" ht="14.1" customHeight="1" x14ac:dyDescent="0.25">
      <c r="A6984" s="219" t="s">
        <v>21965</v>
      </c>
      <c r="B6984" s="220" t="s">
        <v>19871</v>
      </c>
      <c r="C6984" s="98" t="s">
        <v>21963</v>
      </c>
      <c r="D6984" s="98" t="s">
        <v>21964</v>
      </c>
      <c r="E6984" s="141">
        <v>2022</v>
      </c>
      <c r="F6984" s="141">
        <v>2521</v>
      </c>
      <c r="G6984" s="98" t="s">
        <v>1</v>
      </c>
      <c r="H6984" s="98">
        <v>1</v>
      </c>
      <c r="I6984" s="98">
        <v>1</v>
      </c>
      <c r="J6984" s="98">
        <v>1</v>
      </c>
      <c r="K6984" s="98">
        <v>0</v>
      </c>
      <c r="L6984" s="98">
        <v>1</v>
      </c>
      <c r="M6984" s="98">
        <v>0</v>
      </c>
      <c r="N6984" s="98">
        <v>1</v>
      </c>
      <c r="O6984" s="98">
        <v>0</v>
      </c>
      <c r="P6984" s="98">
        <v>0</v>
      </c>
      <c r="Q6984" s="98">
        <v>0</v>
      </c>
      <c r="R6984" s="98">
        <v>0</v>
      </c>
      <c r="S6984" s="98">
        <v>0</v>
      </c>
      <c r="T6984" s="98">
        <v>0</v>
      </c>
      <c r="U6984" s="99"/>
      <c r="V6984" s="99"/>
      <c r="W6984" s="99"/>
      <c r="X6984" s="99"/>
      <c r="Y6984" s="99"/>
      <c r="Z6984" s="99"/>
      <c r="AA6984" s="99"/>
      <c r="AB6984" s="99"/>
      <c r="AC6984" s="99"/>
      <c r="AD6984" s="99"/>
      <c r="AE6984" s="99"/>
      <c r="AF6984" s="99"/>
      <c r="AG6984" s="99"/>
      <c r="AH6984" s="99"/>
      <c r="AI6984" s="99"/>
      <c r="AJ6984" s="99"/>
      <c r="AK6984" s="99"/>
      <c r="AL6984" s="99"/>
      <c r="AM6984" s="99"/>
      <c r="AN6984" s="99"/>
      <c r="AO6984" s="99"/>
      <c r="AP6984" s="99"/>
      <c r="AQ6984" s="99"/>
      <c r="AR6984" s="99"/>
      <c r="AS6984" s="99"/>
      <c r="AT6984" s="99"/>
      <c r="AU6984" s="99"/>
      <c r="AV6984" s="99"/>
      <c r="AW6984" s="99"/>
      <c r="AX6984" s="99"/>
      <c r="AY6984" s="99"/>
      <c r="AZ6984" s="99"/>
      <c r="BA6984" s="173"/>
      <c r="BB6984" s="221">
        <v>45884</v>
      </c>
    </row>
    <row r="6985" spans="1:54" s="8" customFormat="1" ht="14.1" customHeight="1" x14ac:dyDescent="0.25">
      <c r="A6985" s="219" t="s">
        <v>22093</v>
      </c>
      <c r="B6985" s="220" t="s">
        <v>19871</v>
      </c>
      <c r="C6985" s="98" t="s">
        <v>22094</v>
      </c>
      <c r="D6985" s="98" t="s">
        <v>22095</v>
      </c>
      <c r="E6985" s="141">
        <v>2022</v>
      </c>
      <c r="F6985" s="141">
        <v>2464</v>
      </c>
      <c r="G6985" s="98" t="s">
        <v>1</v>
      </c>
      <c r="H6985" s="98">
        <v>0</v>
      </c>
      <c r="I6985" s="98">
        <v>0</v>
      </c>
      <c r="J6985" s="98">
        <v>0</v>
      </c>
      <c r="K6985" s="98">
        <v>0</v>
      </c>
      <c r="L6985" s="98">
        <v>1</v>
      </c>
      <c r="M6985" s="98">
        <v>0</v>
      </c>
      <c r="N6985" s="98">
        <v>1</v>
      </c>
      <c r="O6985" s="98">
        <v>0</v>
      </c>
      <c r="P6985" s="98">
        <v>1</v>
      </c>
      <c r="Q6985" s="98">
        <v>0</v>
      </c>
      <c r="R6985" s="98">
        <v>0</v>
      </c>
      <c r="S6985" s="98">
        <v>0</v>
      </c>
      <c r="T6985" s="98">
        <v>0</v>
      </c>
      <c r="U6985" s="99"/>
      <c r="V6985" s="99"/>
      <c r="W6985" s="99"/>
      <c r="X6985" s="99"/>
      <c r="Y6985" s="99"/>
      <c r="Z6985" s="99"/>
      <c r="AA6985" s="99"/>
      <c r="AB6985" s="99"/>
      <c r="AC6985" s="99"/>
      <c r="AD6985" s="99"/>
      <c r="AE6985" s="99"/>
      <c r="AF6985" s="99"/>
      <c r="AG6985" s="99"/>
      <c r="AH6985" s="99"/>
      <c r="AI6985" s="99"/>
      <c r="AJ6985" s="99"/>
      <c r="AK6985" s="99"/>
      <c r="AL6985" s="99"/>
      <c r="AM6985" s="99"/>
      <c r="AN6985" s="99"/>
      <c r="AO6985" s="99"/>
      <c r="AP6985" s="99"/>
      <c r="AQ6985" s="99"/>
      <c r="AR6985" s="99"/>
      <c r="AS6985" s="99"/>
      <c r="AT6985" s="99"/>
      <c r="AU6985" s="99"/>
      <c r="AV6985" s="99"/>
      <c r="AW6985" s="99"/>
      <c r="AX6985" s="99"/>
      <c r="AY6985" s="99"/>
      <c r="AZ6985" s="99"/>
      <c r="BA6985" s="173"/>
      <c r="BB6985" s="221">
        <v>45884</v>
      </c>
    </row>
    <row r="6986" spans="1:54" s="101" customFormat="1" ht="14.1" customHeight="1" x14ac:dyDescent="0.25">
      <c r="A6986" s="219" t="s">
        <v>24658</v>
      </c>
      <c r="B6986" s="241" t="s">
        <v>19871</v>
      </c>
      <c r="C6986" s="223" t="s">
        <v>24656</v>
      </c>
      <c r="D6986" s="223" t="s">
        <v>24657</v>
      </c>
      <c r="E6986" s="222">
        <v>2024</v>
      </c>
      <c r="F6986" s="222">
        <v>383.22</v>
      </c>
      <c r="G6986" s="223" t="s">
        <v>20277</v>
      </c>
      <c r="H6986" s="223">
        <v>0</v>
      </c>
      <c r="I6986" s="223">
        <v>0</v>
      </c>
      <c r="J6986" s="223">
        <v>1</v>
      </c>
      <c r="K6986" s="223">
        <v>0</v>
      </c>
      <c r="L6986" s="223">
        <v>0</v>
      </c>
      <c r="M6986" s="223">
        <v>0</v>
      </c>
      <c r="N6986" s="223">
        <v>0</v>
      </c>
      <c r="O6986" s="223">
        <v>0</v>
      </c>
      <c r="P6986" s="223">
        <v>0</v>
      </c>
      <c r="Q6986" s="223">
        <v>0</v>
      </c>
      <c r="R6986" s="223">
        <v>0</v>
      </c>
      <c r="S6986" s="223">
        <v>0</v>
      </c>
      <c r="T6986" s="223">
        <v>0</v>
      </c>
      <c r="U6986" s="244"/>
      <c r="V6986" s="244"/>
      <c r="W6986" s="244"/>
      <c r="X6986" s="244"/>
      <c r="Y6986" s="244"/>
      <c r="Z6986" s="244"/>
      <c r="AA6986" s="244"/>
      <c r="AB6986" s="244"/>
      <c r="AC6986" s="244"/>
      <c r="AD6986" s="244"/>
      <c r="AE6986" s="244"/>
      <c r="AF6986" s="244"/>
      <c r="AG6986" s="244"/>
      <c r="AH6986" s="244"/>
      <c r="AI6986" s="244"/>
      <c r="AJ6986" s="244"/>
      <c r="AK6986" s="244"/>
      <c r="AL6986" s="244"/>
      <c r="AM6986" s="244"/>
      <c r="AN6986" s="244"/>
      <c r="AO6986" s="244"/>
      <c r="AP6986" s="244"/>
      <c r="AQ6986" s="244"/>
      <c r="AR6986" s="244"/>
      <c r="AS6986" s="244"/>
      <c r="AT6986" s="244"/>
      <c r="AU6986" s="244"/>
      <c r="AV6986" s="244"/>
      <c r="AW6986" s="244"/>
      <c r="AX6986" s="244"/>
      <c r="AY6986" s="244"/>
      <c r="AZ6986" s="244"/>
      <c r="BA6986" s="275"/>
      <c r="BB6986" s="221">
        <v>45884</v>
      </c>
    </row>
    <row r="6987" spans="1:54" s="8" customFormat="1" ht="13.95" customHeight="1" x14ac:dyDescent="0.25">
      <c r="A6987" s="229" t="s">
        <v>16774</v>
      </c>
      <c r="B6987" s="96" t="s">
        <v>19873</v>
      </c>
      <c r="C6987" s="93" t="s">
        <v>16678</v>
      </c>
      <c r="D6987" s="93" t="s">
        <v>16775</v>
      </c>
      <c r="E6987" s="111">
        <v>2002</v>
      </c>
      <c r="F6987" s="111">
        <v>96</v>
      </c>
      <c r="G6987" s="93" t="s">
        <v>1</v>
      </c>
      <c r="H6987" s="111">
        <v>0</v>
      </c>
      <c r="I6987" s="111">
        <v>0</v>
      </c>
      <c r="J6987" s="111">
        <v>1</v>
      </c>
      <c r="K6987" s="111">
        <v>1</v>
      </c>
      <c r="L6987" s="111">
        <v>0</v>
      </c>
      <c r="M6987" s="111">
        <v>0</v>
      </c>
      <c r="N6987" s="111">
        <v>0</v>
      </c>
      <c r="O6987" s="111">
        <v>0</v>
      </c>
      <c r="P6987" s="111">
        <v>0</v>
      </c>
      <c r="Q6987" s="111">
        <v>0</v>
      </c>
      <c r="R6987" s="111">
        <v>0</v>
      </c>
      <c r="S6987" s="111">
        <v>0</v>
      </c>
      <c r="T6987" s="111">
        <v>0</v>
      </c>
      <c r="U6987" s="145"/>
      <c r="V6987" s="145"/>
      <c r="W6987" s="145"/>
      <c r="X6987" s="145"/>
      <c r="Y6987" s="145"/>
      <c r="Z6987" s="145"/>
      <c r="AA6987" s="145"/>
      <c r="AB6987" s="145"/>
      <c r="AC6987" s="145"/>
      <c r="AD6987" s="145"/>
      <c r="AE6987" s="145"/>
      <c r="AF6987" s="145"/>
      <c r="AG6987" s="145"/>
      <c r="AH6987" s="145"/>
      <c r="AI6987" s="145"/>
      <c r="AJ6987" s="145"/>
      <c r="AK6987" s="145"/>
      <c r="AL6987" s="145"/>
      <c r="AM6987" s="145"/>
      <c r="AN6987" s="145"/>
      <c r="AO6987" s="145"/>
      <c r="AP6987" s="145"/>
      <c r="AQ6987" s="145"/>
      <c r="AR6987" s="145"/>
      <c r="AS6987" s="145"/>
      <c r="AT6987" s="145"/>
      <c r="AU6987" s="145"/>
      <c r="AV6987" s="145"/>
      <c r="AW6987" s="145"/>
      <c r="AX6987" s="146"/>
      <c r="AY6987" s="146"/>
      <c r="AZ6987" s="146"/>
      <c r="BA6987" s="146"/>
      <c r="BB6987" s="221">
        <v>45884</v>
      </c>
    </row>
    <row r="6988" spans="1:54" s="8" customFormat="1" ht="13.95" customHeight="1" x14ac:dyDescent="0.25">
      <c r="A6988" s="229" t="s">
        <v>16776</v>
      </c>
      <c r="B6988" s="96" t="s">
        <v>19873</v>
      </c>
      <c r="C6988" s="93" t="s">
        <v>16777</v>
      </c>
      <c r="D6988" s="93" t="s">
        <v>16778</v>
      </c>
      <c r="E6988" s="111">
        <v>2002</v>
      </c>
      <c r="F6988" s="111">
        <v>119</v>
      </c>
      <c r="G6988" s="93" t="s">
        <v>1</v>
      </c>
      <c r="H6988" s="111">
        <v>0</v>
      </c>
      <c r="I6988" s="111">
        <v>0</v>
      </c>
      <c r="J6988" s="111">
        <v>1</v>
      </c>
      <c r="K6988" s="111">
        <v>1</v>
      </c>
      <c r="L6988" s="111">
        <v>1</v>
      </c>
      <c r="M6988" s="111">
        <v>0</v>
      </c>
      <c r="N6988" s="111">
        <v>0</v>
      </c>
      <c r="O6988" s="111">
        <v>0</v>
      </c>
      <c r="P6988" s="111">
        <v>0</v>
      </c>
      <c r="Q6988" s="111">
        <v>0</v>
      </c>
      <c r="R6988" s="111">
        <v>0</v>
      </c>
      <c r="S6988" s="111">
        <v>0</v>
      </c>
      <c r="T6988" s="111">
        <v>0</v>
      </c>
      <c r="U6988" s="145"/>
      <c r="V6988" s="145"/>
      <c r="W6988" s="145"/>
      <c r="X6988" s="145"/>
      <c r="Y6988" s="145"/>
      <c r="Z6988" s="145"/>
      <c r="AA6988" s="145"/>
      <c r="AB6988" s="145"/>
      <c r="AC6988" s="145"/>
      <c r="AD6988" s="145"/>
      <c r="AE6988" s="145"/>
      <c r="AF6988" s="145"/>
      <c r="AG6988" s="145"/>
      <c r="AH6988" s="145"/>
      <c r="AI6988" s="145"/>
      <c r="AJ6988" s="145"/>
      <c r="AK6988" s="145"/>
      <c r="AL6988" s="145"/>
      <c r="AM6988" s="145"/>
      <c r="AN6988" s="145"/>
      <c r="AO6988" s="145"/>
      <c r="AP6988" s="145"/>
      <c r="AQ6988" s="145"/>
      <c r="AR6988" s="145"/>
      <c r="AS6988" s="145"/>
      <c r="AT6988" s="145"/>
      <c r="AU6988" s="145"/>
      <c r="AV6988" s="145"/>
      <c r="AW6988" s="145"/>
      <c r="AX6988" s="146"/>
      <c r="AY6988" s="146"/>
      <c r="AZ6988" s="146"/>
      <c r="BA6988" s="146"/>
      <c r="BB6988" s="221">
        <v>45884</v>
      </c>
    </row>
    <row r="6989" spans="1:54" s="8" customFormat="1" ht="13.95" customHeight="1" x14ac:dyDescent="0.25">
      <c r="A6989" s="229" t="s">
        <v>16779</v>
      </c>
      <c r="B6989" s="96" t="s">
        <v>19873</v>
      </c>
      <c r="C6989" s="93" t="s">
        <v>16780</v>
      </c>
      <c r="D6989" s="93" t="s">
        <v>16781</v>
      </c>
      <c r="E6989" s="111">
        <v>2007</v>
      </c>
      <c r="F6989" s="111">
        <v>119</v>
      </c>
      <c r="G6989" s="93" t="s">
        <v>1</v>
      </c>
      <c r="H6989" s="111">
        <v>0</v>
      </c>
      <c r="I6989" s="111">
        <v>0</v>
      </c>
      <c r="J6989" s="111">
        <v>0</v>
      </c>
      <c r="K6989" s="111">
        <v>0</v>
      </c>
      <c r="L6989" s="111">
        <v>0</v>
      </c>
      <c r="M6989" s="111">
        <v>0</v>
      </c>
      <c r="N6989" s="111">
        <v>0</v>
      </c>
      <c r="O6989" s="111">
        <v>0</v>
      </c>
      <c r="P6989" s="111">
        <v>0</v>
      </c>
      <c r="Q6989" s="111">
        <v>0</v>
      </c>
      <c r="R6989" s="111">
        <v>0</v>
      </c>
      <c r="S6989" s="111">
        <v>0</v>
      </c>
      <c r="T6989" s="111">
        <v>0</v>
      </c>
      <c r="U6989" s="145"/>
      <c r="V6989" s="145"/>
      <c r="W6989" s="145"/>
      <c r="X6989" s="145"/>
      <c r="Y6989" s="145"/>
      <c r="Z6989" s="145"/>
      <c r="AA6989" s="145"/>
      <c r="AB6989" s="145"/>
      <c r="AC6989" s="145"/>
      <c r="AD6989" s="145"/>
      <c r="AE6989" s="145"/>
      <c r="AF6989" s="145"/>
      <c r="AG6989" s="145"/>
      <c r="AH6989" s="145"/>
      <c r="AI6989" s="145"/>
      <c r="AJ6989" s="145"/>
      <c r="AK6989" s="145"/>
      <c r="AL6989" s="145"/>
      <c r="AM6989" s="145"/>
      <c r="AN6989" s="145"/>
      <c r="AO6989" s="145"/>
      <c r="AP6989" s="145"/>
      <c r="AQ6989" s="145"/>
      <c r="AR6989" s="145"/>
      <c r="AS6989" s="145"/>
      <c r="AT6989" s="145"/>
      <c r="AU6989" s="145"/>
      <c r="AV6989" s="145"/>
      <c r="AW6989" s="145"/>
      <c r="AX6989" s="146"/>
      <c r="AY6989" s="146"/>
      <c r="AZ6989" s="146"/>
      <c r="BA6989" s="146"/>
      <c r="BB6989" s="221">
        <v>45884</v>
      </c>
    </row>
    <row r="6990" spans="1:54" s="8" customFormat="1" ht="13.95" customHeight="1" x14ac:dyDescent="0.25">
      <c r="A6990" s="229" t="s">
        <v>16782</v>
      </c>
      <c r="B6990" s="96" t="s">
        <v>19873</v>
      </c>
      <c r="C6990" s="93" t="s">
        <v>16783</v>
      </c>
      <c r="D6990" s="93" t="s">
        <v>16784</v>
      </c>
      <c r="E6990" s="111">
        <v>2003</v>
      </c>
      <c r="F6990" s="111">
        <v>123</v>
      </c>
      <c r="G6990" s="93" t="s">
        <v>1</v>
      </c>
      <c r="H6990" s="111">
        <v>0</v>
      </c>
      <c r="I6990" s="111">
        <v>0</v>
      </c>
      <c r="J6990" s="111">
        <v>1</v>
      </c>
      <c r="K6990" s="111">
        <v>1</v>
      </c>
      <c r="L6990" s="111">
        <v>0</v>
      </c>
      <c r="M6990" s="111">
        <v>0</v>
      </c>
      <c r="N6990" s="111">
        <v>0</v>
      </c>
      <c r="O6990" s="111">
        <v>0</v>
      </c>
      <c r="P6990" s="111">
        <v>0</v>
      </c>
      <c r="Q6990" s="111">
        <v>0</v>
      </c>
      <c r="R6990" s="111">
        <v>0</v>
      </c>
      <c r="S6990" s="111">
        <v>0</v>
      </c>
      <c r="T6990" s="111">
        <v>0</v>
      </c>
      <c r="U6990" s="145"/>
      <c r="V6990" s="145"/>
      <c r="W6990" s="145"/>
      <c r="X6990" s="145"/>
      <c r="Y6990" s="145"/>
      <c r="Z6990" s="145"/>
      <c r="AA6990" s="145"/>
      <c r="AB6990" s="145"/>
      <c r="AC6990" s="145"/>
      <c r="AD6990" s="145"/>
      <c r="AE6990" s="145"/>
      <c r="AF6990" s="145"/>
      <c r="AG6990" s="145"/>
      <c r="AH6990" s="145"/>
      <c r="AI6990" s="145"/>
      <c r="AJ6990" s="145"/>
      <c r="AK6990" s="145"/>
      <c r="AL6990" s="145"/>
      <c r="AM6990" s="145"/>
      <c r="AN6990" s="145"/>
      <c r="AO6990" s="145"/>
      <c r="AP6990" s="145"/>
      <c r="AQ6990" s="145"/>
      <c r="AR6990" s="145"/>
      <c r="AS6990" s="145"/>
      <c r="AT6990" s="145"/>
      <c r="AU6990" s="145"/>
      <c r="AV6990" s="145"/>
      <c r="AW6990" s="145"/>
      <c r="AX6990" s="146"/>
      <c r="AY6990" s="146"/>
      <c r="AZ6990" s="146"/>
      <c r="BA6990" s="146"/>
      <c r="BB6990" s="221">
        <v>45884</v>
      </c>
    </row>
    <row r="6991" spans="1:54" s="8" customFormat="1" ht="13.95" customHeight="1" x14ac:dyDescent="0.25">
      <c r="A6991" s="229" t="s">
        <v>16785</v>
      </c>
      <c r="B6991" s="96" t="s">
        <v>19873</v>
      </c>
      <c r="C6991" s="93" t="s">
        <v>16786</v>
      </c>
      <c r="D6991" s="93" t="s">
        <v>16787</v>
      </c>
      <c r="E6991" s="111">
        <v>1998</v>
      </c>
      <c r="F6991" s="111">
        <v>125</v>
      </c>
      <c r="G6991" s="93" t="s">
        <v>1</v>
      </c>
      <c r="H6991" s="111">
        <v>0</v>
      </c>
      <c r="I6991" s="111">
        <v>0</v>
      </c>
      <c r="J6991" s="111">
        <v>1</v>
      </c>
      <c r="K6991" s="111">
        <v>0</v>
      </c>
      <c r="L6991" s="111">
        <v>0</v>
      </c>
      <c r="M6991" s="111">
        <v>0</v>
      </c>
      <c r="N6991" s="111">
        <v>0</v>
      </c>
      <c r="O6991" s="111">
        <v>0</v>
      </c>
      <c r="P6991" s="111">
        <v>0</v>
      </c>
      <c r="Q6991" s="111">
        <v>0</v>
      </c>
      <c r="R6991" s="111">
        <v>0</v>
      </c>
      <c r="S6991" s="111">
        <v>0</v>
      </c>
      <c r="T6991" s="111">
        <v>0</v>
      </c>
      <c r="U6991" s="145"/>
      <c r="V6991" s="145"/>
      <c r="W6991" s="145"/>
      <c r="X6991" s="145"/>
      <c r="Y6991" s="145"/>
      <c r="Z6991" s="145"/>
      <c r="AA6991" s="145"/>
      <c r="AB6991" s="145"/>
      <c r="AC6991" s="145"/>
      <c r="AD6991" s="145"/>
      <c r="AE6991" s="145"/>
      <c r="AF6991" s="145"/>
      <c r="AG6991" s="145"/>
      <c r="AH6991" s="145"/>
      <c r="AI6991" s="145"/>
      <c r="AJ6991" s="145"/>
      <c r="AK6991" s="145"/>
      <c r="AL6991" s="145"/>
      <c r="AM6991" s="145"/>
      <c r="AN6991" s="145"/>
      <c r="AO6991" s="145"/>
      <c r="AP6991" s="145"/>
      <c r="AQ6991" s="145"/>
      <c r="AR6991" s="145"/>
      <c r="AS6991" s="145"/>
      <c r="AT6991" s="145"/>
      <c r="AU6991" s="145"/>
      <c r="AV6991" s="145"/>
      <c r="AW6991" s="145"/>
      <c r="AX6991" s="146"/>
      <c r="AY6991" s="146"/>
      <c r="AZ6991" s="146"/>
      <c r="BA6991" s="146"/>
      <c r="BB6991" s="221">
        <v>45884</v>
      </c>
    </row>
    <row r="6992" spans="1:54" s="8" customFormat="1" ht="13.95" customHeight="1" x14ac:dyDescent="0.25">
      <c r="A6992" s="229" t="s">
        <v>16788</v>
      </c>
      <c r="B6992" s="96" t="s">
        <v>19873</v>
      </c>
      <c r="C6992" s="93" t="s">
        <v>16789</v>
      </c>
      <c r="D6992" s="93" t="s">
        <v>16790</v>
      </c>
      <c r="E6992" s="111">
        <v>2009</v>
      </c>
      <c r="F6992" s="111">
        <v>126</v>
      </c>
      <c r="G6992" s="93" t="s">
        <v>1</v>
      </c>
      <c r="H6992" s="111">
        <v>0</v>
      </c>
      <c r="I6992" s="111">
        <v>0</v>
      </c>
      <c r="J6992" s="111">
        <v>0</v>
      </c>
      <c r="K6992" s="111">
        <v>1</v>
      </c>
      <c r="L6992" s="111">
        <v>0</v>
      </c>
      <c r="M6992" s="111">
        <v>0</v>
      </c>
      <c r="N6992" s="111">
        <v>0</v>
      </c>
      <c r="O6992" s="111">
        <v>0</v>
      </c>
      <c r="P6992" s="111">
        <v>0</v>
      </c>
      <c r="Q6992" s="111">
        <v>0</v>
      </c>
      <c r="R6992" s="111">
        <v>0</v>
      </c>
      <c r="S6992" s="111">
        <v>0</v>
      </c>
      <c r="T6992" s="111">
        <v>0</v>
      </c>
      <c r="U6992" s="145"/>
      <c r="V6992" s="145"/>
      <c r="W6992" s="145"/>
      <c r="X6992" s="145"/>
      <c r="Y6992" s="145"/>
      <c r="Z6992" s="145"/>
      <c r="AA6992" s="145"/>
      <c r="AB6992" s="145"/>
      <c r="AC6992" s="145"/>
      <c r="AD6992" s="145"/>
      <c r="AE6992" s="145"/>
      <c r="AF6992" s="145"/>
      <c r="AG6992" s="145"/>
      <c r="AH6992" s="145"/>
      <c r="AI6992" s="145"/>
      <c r="AJ6992" s="145"/>
      <c r="AK6992" s="145"/>
      <c r="AL6992" s="145"/>
      <c r="AM6992" s="145"/>
      <c r="AN6992" s="145"/>
      <c r="AO6992" s="145"/>
      <c r="AP6992" s="145"/>
      <c r="AQ6992" s="145"/>
      <c r="AR6992" s="145"/>
      <c r="AS6992" s="145"/>
      <c r="AT6992" s="145"/>
      <c r="AU6992" s="145"/>
      <c r="AV6992" s="145"/>
      <c r="AW6992" s="145"/>
      <c r="AX6992" s="146"/>
      <c r="AY6992" s="146"/>
      <c r="AZ6992" s="146"/>
      <c r="BA6992" s="146"/>
      <c r="BB6992" s="221">
        <v>45884</v>
      </c>
    </row>
    <row r="6993" spans="1:54" s="8" customFormat="1" ht="13.95" customHeight="1" x14ac:dyDescent="0.25">
      <c r="A6993" s="229" t="s">
        <v>16791</v>
      </c>
      <c r="B6993" s="96" t="s">
        <v>19873</v>
      </c>
      <c r="C6993" s="93" t="s">
        <v>16792</v>
      </c>
      <c r="D6993" s="93" t="s">
        <v>16793</v>
      </c>
      <c r="E6993" s="111">
        <v>2003</v>
      </c>
      <c r="F6993" s="111">
        <v>140</v>
      </c>
      <c r="G6993" s="93" t="s">
        <v>1</v>
      </c>
      <c r="H6993" s="111">
        <v>0</v>
      </c>
      <c r="I6993" s="111">
        <v>0</v>
      </c>
      <c r="J6993" s="111">
        <v>1</v>
      </c>
      <c r="K6993" s="111">
        <v>1</v>
      </c>
      <c r="L6993" s="111">
        <v>0</v>
      </c>
      <c r="M6993" s="111">
        <v>0</v>
      </c>
      <c r="N6993" s="111">
        <v>0</v>
      </c>
      <c r="O6993" s="111">
        <v>0</v>
      </c>
      <c r="P6993" s="111">
        <v>1</v>
      </c>
      <c r="Q6993" s="111">
        <v>0</v>
      </c>
      <c r="R6993" s="111">
        <v>0</v>
      </c>
      <c r="S6993" s="111">
        <v>0</v>
      </c>
      <c r="T6993" s="111">
        <v>0</v>
      </c>
      <c r="U6993" s="145"/>
      <c r="V6993" s="145"/>
      <c r="W6993" s="145"/>
      <c r="X6993" s="145"/>
      <c r="Y6993" s="145"/>
      <c r="Z6993" s="145"/>
      <c r="AA6993" s="145"/>
      <c r="AB6993" s="145"/>
      <c r="AC6993" s="145"/>
      <c r="AD6993" s="145"/>
      <c r="AE6993" s="145"/>
      <c r="AF6993" s="145"/>
      <c r="AG6993" s="145"/>
      <c r="AH6993" s="145"/>
      <c r="AI6993" s="145"/>
      <c r="AJ6993" s="145"/>
      <c r="AK6993" s="145"/>
      <c r="AL6993" s="145"/>
      <c r="AM6993" s="145"/>
      <c r="AN6993" s="145"/>
      <c r="AO6993" s="145"/>
      <c r="AP6993" s="145"/>
      <c r="AQ6993" s="145"/>
      <c r="AR6993" s="145"/>
      <c r="AS6993" s="145"/>
      <c r="AT6993" s="145"/>
      <c r="AU6993" s="145"/>
      <c r="AV6993" s="145"/>
      <c r="AW6993" s="145"/>
      <c r="AX6993" s="146"/>
      <c r="AY6993" s="146"/>
      <c r="AZ6993" s="146"/>
      <c r="BA6993" s="146"/>
      <c r="BB6993" s="221">
        <v>45884</v>
      </c>
    </row>
    <row r="6994" spans="1:54" s="8" customFormat="1" ht="13.95" customHeight="1" x14ac:dyDescent="0.25">
      <c r="A6994" s="229" t="s">
        <v>16794</v>
      </c>
      <c r="B6994" s="96" t="s">
        <v>19873</v>
      </c>
      <c r="C6994" s="93" t="s">
        <v>16795</v>
      </c>
      <c r="D6994" s="93" t="s">
        <v>16796</v>
      </c>
      <c r="E6994" s="111">
        <v>1995</v>
      </c>
      <c r="F6994" s="111">
        <v>145</v>
      </c>
      <c r="G6994" s="93" t="s">
        <v>1</v>
      </c>
      <c r="H6994" s="111">
        <v>0</v>
      </c>
      <c r="I6994" s="111">
        <v>0</v>
      </c>
      <c r="J6994" s="111">
        <v>0</v>
      </c>
      <c r="K6994" s="111">
        <v>0</v>
      </c>
      <c r="L6994" s="111">
        <v>0</v>
      </c>
      <c r="M6994" s="111">
        <v>0</v>
      </c>
      <c r="N6994" s="111">
        <v>0</v>
      </c>
      <c r="O6994" s="111">
        <v>0</v>
      </c>
      <c r="P6994" s="111">
        <v>0</v>
      </c>
      <c r="Q6994" s="111">
        <v>0</v>
      </c>
      <c r="R6994" s="111">
        <v>0</v>
      </c>
      <c r="S6994" s="111">
        <v>0</v>
      </c>
      <c r="T6994" s="111">
        <v>0</v>
      </c>
      <c r="U6994" s="145"/>
      <c r="V6994" s="145"/>
      <c r="W6994" s="145"/>
      <c r="X6994" s="145"/>
      <c r="Y6994" s="145"/>
      <c r="Z6994" s="145"/>
      <c r="AA6994" s="145"/>
      <c r="AB6994" s="145"/>
      <c r="AC6994" s="145"/>
      <c r="AD6994" s="145"/>
      <c r="AE6994" s="145"/>
      <c r="AF6994" s="145"/>
      <c r="AG6994" s="145"/>
      <c r="AH6994" s="145"/>
      <c r="AI6994" s="145"/>
      <c r="AJ6994" s="145"/>
      <c r="AK6994" s="145"/>
      <c r="AL6994" s="145"/>
      <c r="AM6994" s="145"/>
      <c r="AN6994" s="145"/>
      <c r="AO6994" s="145"/>
      <c r="AP6994" s="145"/>
      <c r="AQ6994" s="145"/>
      <c r="AR6994" s="145"/>
      <c r="AS6994" s="145"/>
      <c r="AT6994" s="145"/>
      <c r="AU6994" s="145"/>
      <c r="AV6994" s="145"/>
      <c r="AW6994" s="145"/>
      <c r="AX6994" s="146"/>
      <c r="AY6994" s="146"/>
      <c r="AZ6994" s="146"/>
      <c r="BA6994" s="146"/>
      <c r="BB6994" s="221">
        <v>45884</v>
      </c>
    </row>
    <row r="6995" spans="1:54" s="8" customFormat="1" ht="13.95" customHeight="1" x14ac:dyDescent="0.25">
      <c r="A6995" s="229" t="s">
        <v>16797</v>
      </c>
      <c r="B6995" s="96" t="s">
        <v>19873</v>
      </c>
      <c r="C6995" s="93" t="s">
        <v>16798</v>
      </c>
      <c r="D6995" s="93" t="s">
        <v>16799</v>
      </c>
      <c r="E6995" s="111">
        <v>1997</v>
      </c>
      <c r="F6995" s="111">
        <v>150</v>
      </c>
      <c r="G6995" s="93" t="s">
        <v>1</v>
      </c>
      <c r="H6995" s="111">
        <v>0</v>
      </c>
      <c r="I6995" s="111">
        <v>0</v>
      </c>
      <c r="J6995" s="111">
        <v>1</v>
      </c>
      <c r="K6995" s="111">
        <v>0</v>
      </c>
      <c r="L6995" s="111">
        <v>0</v>
      </c>
      <c r="M6995" s="111">
        <v>0</v>
      </c>
      <c r="N6995" s="111">
        <v>0</v>
      </c>
      <c r="O6995" s="111">
        <v>0</v>
      </c>
      <c r="P6995" s="111">
        <v>0</v>
      </c>
      <c r="Q6995" s="111">
        <v>0</v>
      </c>
      <c r="R6995" s="111">
        <v>0</v>
      </c>
      <c r="S6995" s="111">
        <v>0</v>
      </c>
      <c r="T6995" s="111">
        <v>0</v>
      </c>
      <c r="U6995" s="145"/>
      <c r="V6995" s="145"/>
      <c r="W6995" s="145"/>
      <c r="X6995" s="145"/>
      <c r="Y6995" s="145"/>
      <c r="Z6995" s="145"/>
      <c r="AA6995" s="145"/>
      <c r="AB6995" s="145"/>
      <c r="AC6995" s="145"/>
      <c r="AD6995" s="145"/>
      <c r="AE6995" s="145"/>
      <c r="AF6995" s="145"/>
      <c r="AG6995" s="145"/>
      <c r="AH6995" s="145"/>
      <c r="AI6995" s="145"/>
      <c r="AJ6995" s="145"/>
      <c r="AK6995" s="145"/>
      <c r="AL6995" s="145"/>
      <c r="AM6995" s="145"/>
      <c r="AN6995" s="145"/>
      <c r="AO6995" s="145"/>
      <c r="AP6995" s="145"/>
      <c r="AQ6995" s="145"/>
      <c r="AR6995" s="145"/>
      <c r="AS6995" s="145"/>
      <c r="AT6995" s="145"/>
      <c r="AU6995" s="145"/>
      <c r="AV6995" s="145"/>
      <c r="AW6995" s="145"/>
      <c r="AX6995" s="146"/>
      <c r="AY6995" s="146"/>
      <c r="AZ6995" s="146"/>
      <c r="BA6995" s="146"/>
      <c r="BB6995" s="221">
        <v>45884</v>
      </c>
    </row>
    <row r="6996" spans="1:54" s="8" customFormat="1" ht="13.95" customHeight="1" x14ac:dyDescent="0.25">
      <c r="A6996" s="229" t="s">
        <v>16800</v>
      </c>
      <c r="B6996" s="96" t="s">
        <v>19873</v>
      </c>
      <c r="C6996" s="93" t="s">
        <v>16801</v>
      </c>
      <c r="D6996" s="93" t="s">
        <v>16802</v>
      </c>
      <c r="E6996" s="111">
        <v>2003</v>
      </c>
      <c r="F6996" s="111">
        <v>157</v>
      </c>
      <c r="G6996" s="93" t="s">
        <v>1</v>
      </c>
      <c r="H6996" s="111">
        <v>0</v>
      </c>
      <c r="I6996" s="111">
        <v>0</v>
      </c>
      <c r="J6996" s="111">
        <v>1</v>
      </c>
      <c r="K6996" s="111">
        <v>1</v>
      </c>
      <c r="L6996" s="111">
        <v>1</v>
      </c>
      <c r="M6996" s="111">
        <v>0</v>
      </c>
      <c r="N6996" s="111">
        <v>0</v>
      </c>
      <c r="O6996" s="111">
        <v>0</v>
      </c>
      <c r="P6996" s="111">
        <v>0</v>
      </c>
      <c r="Q6996" s="111">
        <v>0</v>
      </c>
      <c r="R6996" s="111">
        <v>0</v>
      </c>
      <c r="S6996" s="111">
        <v>0</v>
      </c>
      <c r="T6996" s="111">
        <v>0</v>
      </c>
      <c r="U6996" s="145"/>
      <c r="V6996" s="145"/>
      <c r="W6996" s="145"/>
      <c r="X6996" s="145"/>
      <c r="Y6996" s="145"/>
      <c r="Z6996" s="145"/>
      <c r="AA6996" s="145"/>
      <c r="AB6996" s="145"/>
      <c r="AC6996" s="145"/>
      <c r="AD6996" s="145"/>
      <c r="AE6996" s="145"/>
      <c r="AF6996" s="145"/>
      <c r="AG6996" s="145"/>
      <c r="AH6996" s="145"/>
      <c r="AI6996" s="145"/>
      <c r="AJ6996" s="145"/>
      <c r="AK6996" s="145"/>
      <c r="AL6996" s="145"/>
      <c r="AM6996" s="145"/>
      <c r="AN6996" s="145"/>
      <c r="AO6996" s="145"/>
      <c r="AP6996" s="145"/>
      <c r="AQ6996" s="145"/>
      <c r="AR6996" s="145"/>
      <c r="AS6996" s="145"/>
      <c r="AT6996" s="145"/>
      <c r="AU6996" s="145"/>
      <c r="AV6996" s="145"/>
      <c r="AW6996" s="145"/>
      <c r="AX6996" s="146"/>
      <c r="AY6996" s="146"/>
      <c r="AZ6996" s="146"/>
      <c r="BA6996" s="146"/>
      <c r="BB6996" s="221">
        <v>45884</v>
      </c>
    </row>
    <row r="6997" spans="1:54" s="8" customFormat="1" ht="13.95" customHeight="1" x14ac:dyDescent="0.25">
      <c r="A6997" s="229" t="s">
        <v>16803</v>
      </c>
      <c r="B6997" s="96" t="s">
        <v>19873</v>
      </c>
      <c r="C6997" s="93" t="s">
        <v>16804</v>
      </c>
      <c r="D6997" s="93" t="s">
        <v>16805</v>
      </c>
      <c r="E6997" s="111">
        <v>2003</v>
      </c>
      <c r="F6997" s="111">
        <v>155</v>
      </c>
      <c r="G6997" s="93" t="s">
        <v>1</v>
      </c>
      <c r="H6997" s="111">
        <v>0</v>
      </c>
      <c r="I6997" s="111">
        <v>0</v>
      </c>
      <c r="J6997" s="111">
        <v>0</v>
      </c>
      <c r="K6997" s="111">
        <v>0</v>
      </c>
      <c r="L6997" s="111">
        <v>0</v>
      </c>
      <c r="M6997" s="111">
        <v>0</v>
      </c>
      <c r="N6997" s="111">
        <v>1</v>
      </c>
      <c r="O6997" s="111">
        <v>0</v>
      </c>
      <c r="P6997" s="111">
        <v>0</v>
      </c>
      <c r="Q6997" s="111">
        <v>0</v>
      </c>
      <c r="R6997" s="111">
        <v>0</v>
      </c>
      <c r="S6997" s="111">
        <v>0</v>
      </c>
      <c r="T6997" s="111">
        <v>0</v>
      </c>
      <c r="U6997" s="145"/>
      <c r="V6997" s="145"/>
      <c r="W6997" s="145"/>
      <c r="X6997" s="145"/>
      <c r="Y6997" s="145"/>
      <c r="Z6997" s="145"/>
      <c r="AA6997" s="145"/>
      <c r="AB6997" s="145"/>
      <c r="AC6997" s="145"/>
      <c r="AD6997" s="145"/>
      <c r="AE6997" s="145"/>
      <c r="AF6997" s="145"/>
      <c r="AG6997" s="145"/>
      <c r="AH6997" s="145"/>
      <c r="AI6997" s="145"/>
      <c r="AJ6997" s="145"/>
      <c r="AK6997" s="145"/>
      <c r="AL6997" s="145"/>
      <c r="AM6997" s="145"/>
      <c r="AN6997" s="145"/>
      <c r="AO6997" s="145"/>
      <c r="AP6997" s="145"/>
      <c r="AQ6997" s="145"/>
      <c r="AR6997" s="145"/>
      <c r="AS6997" s="145"/>
      <c r="AT6997" s="145"/>
      <c r="AU6997" s="145"/>
      <c r="AV6997" s="145"/>
      <c r="AW6997" s="145"/>
      <c r="AX6997" s="146"/>
      <c r="AY6997" s="146"/>
      <c r="AZ6997" s="146"/>
      <c r="BA6997" s="146"/>
      <c r="BB6997" s="221">
        <v>45884</v>
      </c>
    </row>
    <row r="6998" spans="1:54" s="8" customFormat="1" ht="13.95" customHeight="1" x14ac:dyDescent="0.25">
      <c r="A6998" s="229" t="s">
        <v>16806</v>
      </c>
      <c r="B6998" s="96" t="s">
        <v>19873</v>
      </c>
      <c r="C6998" s="93" t="s">
        <v>16807</v>
      </c>
      <c r="D6998" s="93" t="s">
        <v>16808</v>
      </c>
      <c r="E6998" s="111">
        <v>1998</v>
      </c>
      <c r="F6998" s="111">
        <v>163</v>
      </c>
      <c r="G6998" s="93" t="s">
        <v>1</v>
      </c>
      <c r="H6998" s="111">
        <v>0</v>
      </c>
      <c r="I6998" s="111">
        <v>0</v>
      </c>
      <c r="J6998" s="111">
        <v>1</v>
      </c>
      <c r="K6998" s="111">
        <v>0</v>
      </c>
      <c r="L6998" s="111">
        <v>0</v>
      </c>
      <c r="M6998" s="111">
        <v>0</v>
      </c>
      <c r="N6998" s="111">
        <v>0</v>
      </c>
      <c r="O6998" s="111">
        <v>0</v>
      </c>
      <c r="P6998" s="111">
        <v>0</v>
      </c>
      <c r="Q6998" s="111">
        <v>0</v>
      </c>
      <c r="R6998" s="111">
        <v>0</v>
      </c>
      <c r="S6998" s="111">
        <v>0</v>
      </c>
      <c r="T6998" s="111">
        <v>0</v>
      </c>
      <c r="U6998" s="145"/>
      <c r="V6998" s="145"/>
      <c r="W6998" s="145"/>
      <c r="X6998" s="145"/>
      <c r="Y6998" s="145"/>
      <c r="Z6998" s="145"/>
      <c r="AA6998" s="145"/>
      <c r="AB6998" s="145"/>
      <c r="AC6998" s="145"/>
      <c r="AD6998" s="145"/>
      <c r="AE6998" s="145"/>
      <c r="AF6998" s="145"/>
      <c r="AG6998" s="145"/>
      <c r="AH6998" s="145"/>
      <c r="AI6998" s="145"/>
      <c r="AJ6998" s="145"/>
      <c r="AK6998" s="145"/>
      <c r="AL6998" s="145"/>
      <c r="AM6998" s="145"/>
      <c r="AN6998" s="145"/>
      <c r="AO6998" s="145"/>
      <c r="AP6998" s="145"/>
      <c r="AQ6998" s="145"/>
      <c r="AR6998" s="145"/>
      <c r="AS6998" s="145"/>
      <c r="AT6998" s="145"/>
      <c r="AU6998" s="145"/>
      <c r="AV6998" s="145"/>
      <c r="AW6998" s="145"/>
      <c r="AX6998" s="146"/>
      <c r="AY6998" s="146"/>
      <c r="AZ6998" s="146"/>
      <c r="BA6998" s="146"/>
      <c r="BB6998" s="221">
        <v>45884</v>
      </c>
    </row>
    <row r="6999" spans="1:54" s="8" customFormat="1" ht="13.95" customHeight="1" x14ac:dyDescent="0.25">
      <c r="A6999" s="229" t="s">
        <v>16809</v>
      </c>
      <c r="B6999" s="96" t="s">
        <v>19873</v>
      </c>
      <c r="C6999" s="93" t="s">
        <v>16810</v>
      </c>
      <c r="D6999" s="93" t="s">
        <v>16811</v>
      </c>
      <c r="E6999" s="111">
        <v>2009</v>
      </c>
      <c r="F6999" s="111">
        <v>186</v>
      </c>
      <c r="G6999" s="93" t="s">
        <v>1</v>
      </c>
      <c r="H6999" s="111">
        <v>0</v>
      </c>
      <c r="I6999" s="111">
        <v>0</v>
      </c>
      <c r="J6999" s="111">
        <v>0</v>
      </c>
      <c r="K6999" s="111">
        <v>0</v>
      </c>
      <c r="L6999" s="111">
        <v>0</v>
      </c>
      <c r="M6999" s="111">
        <v>0</v>
      </c>
      <c r="N6999" s="111">
        <v>0</v>
      </c>
      <c r="O6999" s="111">
        <v>0</v>
      </c>
      <c r="P6999" s="111">
        <v>0</v>
      </c>
      <c r="Q6999" s="111">
        <v>0</v>
      </c>
      <c r="R6999" s="111">
        <v>0</v>
      </c>
      <c r="S6999" s="111">
        <v>0</v>
      </c>
      <c r="T6999" s="111">
        <v>0</v>
      </c>
      <c r="U6999" s="145"/>
      <c r="V6999" s="145"/>
      <c r="W6999" s="145"/>
      <c r="X6999" s="145"/>
      <c r="Y6999" s="145"/>
      <c r="Z6999" s="145"/>
      <c r="AA6999" s="145"/>
      <c r="AB6999" s="145"/>
      <c r="AC6999" s="145"/>
      <c r="AD6999" s="145"/>
      <c r="AE6999" s="145"/>
      <c r="AF6999" s="145"/>
      <c r="AG6999" s="145"/>
      <c r="AH6999" s="145"/>
      <c r="AI6999" s="145"/>
      <c r="AJ6999" s="145"/>
      <c r="AK6999" s="145"/>
      <c r="AL6999" s="145"/>
      <c r="AM6999" s="145"/>
      <c r="AN6999" s="145"/>
      <c r="AO6999" s="145"/>
      <c r="AP6999" s="145"/>
      <c r="AQ6999" s="145"/>
      <c r="AR6999" s="145"/>
      <c r="AS6999" s="145"/>
      <c r="AT6999" s="145"/>
      <c r="AU6999" s="145"/>
      <c r="AV6999" s="145"/>
      <c r="AW6999" s="145"/>
      <c r="AX6999" s="146"/>
      <c r="AY6999" s="146"/>
      <c r="AZ6999" s="146"/>
      <c r="BA6999" s="146"/>
      <c r="BB6999" s="221">
        <v>45884</v>
      </c>
    </row>
    <row r="7000" spans="1:54" s="8" customFormat="1" ht="13.95" customHeight="1" x14ac:dyDescent="0.25">
      <c r="A7000" s="229" t="s">
        <v>16812</v>
      </c>
      <c r="B7000" s="96" t="s">
        <v>19873</v>
      </c>
      <c r="C7000" s="93" t="s">
        <v>16813</v>
      </c>
      <c r="D7000" s="93" t="s">
        <v>16814</v>
      </c>
      <c r="E7000" s="111">
        <v>1995</v>
      </c>
      <c r="F7000" s="111">
        <v>193</v>
      </c>
      <c r="G7000" s="93" t="s">
        <v>1</v>
      </c>
      <c r="H7000" s="111">
        <v>0</v>
      </c>
      <c r="I7000" s="111">
        <v>0</v>
      </c>
      <c r="J7000" s="111">
        <v>1</v>
      </c>
      <c r="K7000" s="111">
        <v>0</v>
      </c>
      <c r="L7000" s="111">
        <v>0</v>
      </c>
      <c r="M7000" s="111">
        <v>0</v>
      </c>
      <c r="N7000" s="111">
        <v>0</v>
      </c>
      <c r="O7000" s="111">
        <v>0</v>
      </c>
      <c r="P7000" s="111">
        <v>1</v>
      </c>
      <c r="Q7000" s="111">
        <v>0</v>
      </c>
      <c r="R7000" s="111">
        <v>0</v>
      </c>
      <c r="S7000" s="111">
        <v>0</v>
      </c>
      <c r="T7000" s="111">
        <v>0</v>
      </c>
      <c r="U7000" s="145"/>
      <c r="V7000" s="145"/>
      <c r="W7000" s="145"/>
      <c r="X7000" s="145"/>
      <c r="Y7000" s="145"/>
      <c r="Z7000" s="145"/>
      <c r="AA7000" s="145"/>
      <c r="AB7000" s="145"/>
      <c r="AC7000" s="145"/>
      <c r="AD7000" s="145"/>
      <c r="AE7000" s="145"/>
      <c r="AF7000" s="145"/>
      <c r="AG7000" s="145"/>
      <c r="AH7000" s="145"/>
      <c r="AI7000" s="145"/>
      <c r="AJ7000" s="145"/>
      <c r="AK7000" s="145"/>
      <c r="AL7000" s="145"/>
      <c r="AM7000" s="145"/>
      <c r="AN7000" s="145"/>
      <c r="AO7000" s="145"/>
      <c r="AP7000" s="145"/>
      <c r="AQ7000" s="145"/>
      <c r="AR7000" s="145"/>
      <c r="AS7000" s="145"/>
      <c r="AT7000" s="145"/>
      <c r="AU7000" s="145"/>
      <c r="AV7000" s="145"/>
      <c r="AW7000" s="145"/>
      <c r="AX7000" s="146"/>
      <c r="AY7000" s="146"/>
      <c r="AZ7000" s="146"/>
      <c r="BA7000" s="146"/>
      <c r="BB7000" s="221">
        <v>45884</v>
      </c>
    </row>
    <row r="7001" spans="1:54" s="8" customFormat="1" ht="13.95" customHeight="1" x14ac:dyDescent="0.25">
      <c r="A7001" s="229" t="s">
        <v>16815</v>
      </c>
      <c r="B7001" s="96" t="s">
        <v>19873</v>
      </c>
      <c r="C7001" s="93" t="s">
        <v>16816</v>
      </c>
      <c r="D7001" s="93" t="s">
        <v>16817</v>
      </c>
      <c r="E7001" s="111">
        <v>1995</v>
      </c>
      <c r="F7001" s="111">
        <v>201</v>
      </c>
      <c r="G7001" s="93" t="s">
        <v>1</v>
      </c>
      <c r="H7001" s="111">
        <v>0</v>
      </c>
      <c r="I7001" s="111">
        <v>0</v>
      </c>
      <c r="J7001" s="111">
        <v>1</v>
      </c>
      <c r="K7001" s="111">
        <v>1</v>
      </c>
      <c r="L7001" s="111">
        <v>0</v>
      </c>
      <c r="M7001" s="111">
        <v>0</v>
      </c>
      <c r="N7001" s="111">
        <v>0</v>
      </c>
      <c r="O7001" s="111">
        <v>0</v>
      </c>
      <c r="P7001" s="111">
        <v>0</v>
      </c>
      <c r="Q7001" s="111">
        <v>0</v>
      </c>
      <c r="R7001" s="111">
        <v>0</v>
      </c>
      <c r="S7001" s="111">
        <v>0</v>
      </c>
      <c r="T7001" s="111">
        <v>0</v>
      </c>
      <c r="U7001" s="145"/>
      <c r="V7001" s="145"/>
      <c r="W7001" s="145"/>
      <c r="X7001" s="145"/>
      <c r="Y7001" s="145"/>
      <c r="Z7001" s="145"/>
      <c r="AA7001" s="145"/>
      <c r="AB7001" s="145"/>
      <c r="AC7001" s="145"/>
      <c r="AD7001" s="145"/>
      <c r="AE7001" s="145"/>
      <c r="AF7001" s="145"/>
      <c r="AG7001" s="145"/>
      <c r="AH7001" s="145"/>
      <c r="AI7001" s="145"/>
      <c r="AJ7001" s="145"/>
      <c r="AK7001" s="145"/>
      <c r="AL7001" s="145"/>
      <c r="AM7001" s="145"/>
      <c r="AN7001" s="145"/>
      <c r="AO7001" s="145"/>
      <c r="AP7001" s="145"/>
      <c r="AQ7001" s="145"/>
      <c r="AR7001" s="145"/>
      <c r="AS7001" s="145"/>
      <c r="AT7001" s="145"/>
      <c r="AU7001" s="145"/>
      <c r="AV7001" s="145"/>
      <c r="AW7001" s="145"/>
      <c r="AX7001" s="146"/>
      <c r="AY7001" s="146"/>
      <c r="AZ7001" s="146"/>
      <c r="BA7001" s="146"/>
      <c r="BB7001" s="221">
        <v>45884</v>
      </c>
    </row>
    <row r="7002" spans="1:54" s="8" customFormat="1" ht="13.95" customHeight="1" x14ac:dyDescent="0.25">
      <c r="A7002" s="229" t="s">
        <v>16818</v>
      </c>
      <c r="B7002" s="96" t="s">
        <v>19873</v>
      </c>
      <c r="C7002" s="93" t="s">
        <v>9067</v>
      </c>
      <c r="D7002" s="93" t="s">
        <v>16819</v>
      </c>
      <c r="E7002" s="111">
        <v>2000</v>
      </c>
      <c r="F7002" s="111">
        <v>211</v>
      </c>
      <c r="G7002" s="93" t="s">
        <v>1</v>
      </c>
      <c r="H7002" s="111">
        <v>0</v>
      </c>
      <c r="I7002" s="111">
        <v>0</v>
      </c>
      <c r="J7002" s="111">
        <v>1</v>
      </c>
      <c r="K7002" s="111">
        <v>0</v>
      </c>
      <c r="L7002" s="111">
        <v>1</v>
      </c>
      <c r="M7002" s="111">
        <v>0</v>
      </c>
      <c r="N7002" s="111">
        <v>0</v>
      </c>
      <c r="O7002" s="111">
        <v>0</v>
      </c>
      <c r="P7002" s="111">
        <v>0</v>
      </c>
      <c r="Q7002" s="111">
        <v>0</v>
      </c>
      <c r="R7002" s="111">
        <v>0</v>
      </c>
      <c r="S7002" s="111">
        <v>0</v>
      </c>
      <c r="T7002" s="111">
        <v>0</v>
      </c>
      <c r="U7002" s="145"/>
      <c r="V7002" s="145"/>
      <c r="W7002" s="145"/>
      <c r="X7002" s="145"/>
      <c r="Y7002" s="145"/>
      <c r="Z7002" s="145"/>
      <c r="AA7002" s="145"/>
      <c r="AB7002" s="145"/>
      <c r="AC7002" s="145"/>
      <c r="AD7002" s="145"/>
      <c r="AE7002" s="145"/>
      <c r="AF7002" s="145"/>
      <c r="AG7002" s="145"/>
      <c r="AH7002" s="145"/>
      <c r="AI7002" s="145"/>
      <c r="AJ7002" s="145"/>
      <c r="AK7002" s="145"/>
      <c r="AL7002" s="145"/>
      <c r="AM7002" s="145"/>
      <c r="AN7002" s="145"/>
      <c r="AO7002" s="145"/>
      <c r="AP7002" s="145"/>
      <c r="AQ7002" s="145"/>
      <c r="AR7002" s="145"/>
      <c r="AS7002" s="145"/>
      <c r="AT7002" s="145"/>
      <c r="AU7002" s="145"/>
      <c r="AV7002" s="145"/>
      <c r="AW7002" s="145"/>
      <c r="AX7002" s="146"/>
      <c r="AY7002" s="146"/>
      <c r="AZ7002" s="146"/>
      <c r="BA7002" s="146"/>
      <c r="BB7002" s="221">
        <v>45884</v>
      </c>
    </row>
    <row r="7003" spans="1:54" s="8" customFormat="1" ht="13.95" customHeight="1" x14ac:dyDescent="0.25">
      <c r="A7003" s="229" t="s">
        <v>16820</v>
      </c>
      <c r="B7003" s="96" t="s">
        <v>19873</v>
      </c>
      <c r="C7003" s="93" t="s">
        <v>16821</v>
      </c>
      <c r="D7003" s="93" t="s">
        <v>16822</v>
      </c>
      <c r="E7003" s="111">
        <v>1996</v>
      </c>
      <c r="F7003" s="111">
        <v>213</v>
      </c>
      <c r="G7003" s="93" t="s">
        <v>1</v>
      </c>
      <c r="H7003" s="111">
        <v>0</v>
      </c>
      <c r="I7003" s="111">
        <v>0</v>
      </c>
      <c r="J7003" s="111">
        <v>1</v>
      </c>
      <c r="K7003" s="111">
        <v>1</v>
      </c>
      <c r="L7003" s="111">
        <v>0</v>
      </c>
      <c r="M7003" s="111">
        <v>0</v>
      </c>
      <c r="N7003" s="111">
        <v>0</v>
      </c>
      <c r="O7003" s="111">
        <v>0</v>
      </c>
      <c r="P7003" s="111">
        <v>1</v>
      </c>
      <c r="Q7003" s="111">
        <v>0</v>
      </c>
      <c r="R7003" s="111">
        <v>0</v>
      </c>
      <c r="S7003" s="111">
        <v>0</v>
      </c>
      <c r="T7003" s="111">
        <v>0</v>
      </c>
      <c r="U7003" s="145"/>
      <c r="V7003" s="145"/>
      <c r="W7003" s="145"/>
      <c r="X7003" s="145"/>
      <c r="Y7003" s="145"/>
      <c r="Z7003" s="145"/>
      <c r="AA7003" s="145"/>
      <c r="AB7003" s="145"/>
      <c r="AC7003" s="145"/>
      <c r="AD7003" s="145"/>
      <c r="AE7003" s="145"/>
      <c r="AF7003" s="145"/>
      <c r="AG7003" s="145"/>
      <c r="AH7003" s="145"/>
      <c r="AI7003" s="145"/>
      <c r="AJ7003" s="145"/>
      <c r="AK7003" s="145"/>
      <c r="AL7003" s="145"/>
      <c r="AM7003" s="145"/>
      <c r="AN7003" s="145"/>
      <c r="AO7003" s="145"/>
      <c r="AP7003" s="145"/>
      <c r="AQ7003" s="145"/>
      <c r="AR7003" s="145"/>
      <c r="AS7003" s="145"/>
      <c r="AT7003" s="145"/>
      <c r="AU7003" s="145"/>
      <c r="AV7003" s="145"/>
      <c r="AW7003" s="145"/>
      <c r="AX7003" s="146"/>
      <c r="AY7003" s="146"/>
      <c r="AZ7003" s="146"/>
      <c r="BA7003" s="146"/>
      <c r="BB7003" s="221">
        <v>45884</v>
      </c>
    </row>
    <row r="7004" spans="1:54" s="8" customFormat="1" ht="13.95" customHeight="1" x14ac:dyDescent="0.25">
      <c r="A7004" s="229" t="s">
        <v>16823</v>
      </c>
      <c r="B7004" s="96" t="s">
        <v>19873</v>
      </c>
      <c r="C7004" s="93" t="s">
        <v>16824</v>
      </c>
      <c r="D7004" s="93" t="s">
        <v>16825</v>
      </c>
      <c r="E7004" s="111">
        <v>1996</v>
      </c>
      <c r="F7004" s="111">
        <v>217</v>
      </c>
      <c r="G7004" s="93" t="s">
        <v>1</v>
      </c>
      <c r="H7004" s="111">
        <v>0</v>
      </c>
      <c r="I7004" s="111">
        <v>0</v>
      </c>
      <c r="J7004" s="111">
        <v>1</v>
      </c>
      <c r="K7004" s="111">
        <v>1</v>
      </c>
      <c r="L7004" s="111">
        <v>0</v>
      </c>
      <c r="M7004" s="111">
        <v>0</v>
      </c>
      <c r="N7004" s="111">
        <v>0</v>
      </c>
      <c r="O7004" s="111">
        <v>0</v>
      </c>
      <c r="P7004" s="111">
        <v>0</v>
      </c>
      <c r="Q7004" s="111">
        <v>0</v>
      </c>
      <c r="R7004" s="111">
        <v>0</v>
      </c>
      <c r="S7004" s="111">
        <v>0</v>
      </c>
      <c r="T7004" s="111">
        <v>0</v>
      </c>
      <c r="U7004" s="145"/>
      <c r="V7004" s="145"/>
      <c r="W7004" s="145"/>
      <c r="X7004" s="145"/>
      <c r="Y7004" s="145"/>
      <c r="Z7004" s="145"/>
      <c r="AA7004" s="145"/>
      <c r="AB7004" s="145"/>
      <c r="AC7004" s="145"/>
      <c r="AD7004" s="145"/>
      <c r="AE7004" s="145"/>
      <c r="AF7004" s="145"/>
      <c r="AG7004" s="145"/>
      <c r="AH7004" s="145"/>
      <c r="AI7004" s="145"/>
      <c r="AJ7004" s="145"/>
      <c r="AK7004" s="145"/>
      <c r="AL7004" s="145"/>
      <c r="AM7004" s="145"/>
      <c r="AN7004" s="145"/>
      <c r="AO7004" s="145"/>
      <c r="AP7004" s="145"/>
      <c r="AQ7004" s="145"/>
      <c r="AR7004" s="145"/>
      <c r="AS7004" s="145"/>
      <c r="AT7004" s="145"/>
      <c r="AU7004" s="145"/>
      <c r="AV7004" s="145"/>
      <c r="AW7004" s="145"/>
      <c r="AX7004" s="146"/>
      <c r="AY7004" s="146"/>
      <c r="AZ7004" s="146"/>
      <c r="BA7004" s="146"/>
      <c r="BB7004" s="221">
        <v>45884</v>
      </c>
    </row>
    <row r="7005" spans="1:54" s="8" customFormat="1" ht="13.95" customHeight="1" x14ac:dyDescent="0.25">
      <c r="A7005" s="229" t="s">
        <v>16826</v>
      </c>
      <c r="B7005" s="96" t="s">
        <v>19873</v>
      </c>
      <c r="C7005" s="93" t="s">
        <v>16827</v>
      </c>
      <c r="D7005" s="93" t="s">
        <v>16787</v>
      </c>
      <c r="E7005" s="111">
        <v>1995</v>
      </c>
      <c r="F7005" s="111">
        <v>219</v>
      </c>
      <c r="G7005" s="93" t="s">
        <v>1</v>
      </c>
      <c r="H7005" s="111">
        <v>0</v>
      </c>
      <c r="I7005" s="111">
        <v>0</v>
      </c>
      <c r="J7005" s="111">
        <v>1</v>
      </c>
      <c r="K7005" s="111">
        <v>1</v>
      </c>
      <c r="L7005" s="111">
        <v>0</v>
      </c>
      <c r="M7005" s="111">
        <v>0</v>
      </c>
      <c r="N7005" s="111">
        <v>0</v>
      </c>
      <c r="O7005" s="111">
        <v>0</v>
      </c>
      <c r="P7005" s="111">
        <v>0</v>
      </c>
      <c r="Q7005" s="111">
        <v>0</v>
      </c>
      <c r="R7005" s="111">
        <v>0</v>
      </c>
      <c r="S7005" s="111">
        <v>0</v>
      </c>
      <c r="T7005" s="111">
        <v>0</v>
      </c>
      <c r="U7005" s="145"/>
      <c r="V7005" s="145"/>
      <c r="W7005" s="145"/>
      <c r="X7005" s="145"/>
      <c r="Y7005" s="145"/>
      <c r="Z7005" s="145"/>
      <c r="AA7005" s="145"/>
      <c r="AB7005" s="145"/>
      <c r="AC7005" s="145"/>
      <c r="AD7005" s="145"/>
      <c r="AE7005" s="145"/>
      <c r="AF7005" s="145"/>
      <c r="AG7005" s="145"/>
      <c r="AH7005" s="145"/>
      <c r="AI7005" s="145"/>
      <c r="AJ7005" s="145"/>
      <c r="AK7005" s="145"/>
      <c r="AL7005" s="145"/>
      <c r="AM7005" s="145"/>
      <c r="AN7005" s="145"/>
      <c r="AO7005" s="145"/>
      <c r="AP7005" s="145"/>
      <c r="AQ7005" s="145"/>
      <c r="AR7005" s="145"/>
      <c r="AS7005" s="145"/>
      <c r="AT7005" s="145"/>
      <c r="AU7005" s="145"/>
      <c r="AV7005" s="145"/>
      <c r="AW7005" s="145"/>
      <c r="AX7005" s="146"/>
      <c r="AY7005" s="146"/>
      <c r="AZ7005" s="146"/>
      <c r="BA7005" s="146"/>
      <c r="BB7005" s="221">
        <v>45884</v>
      </c>
    </row>
    <row r="7006" spans="1:54" s="8" customFormat="1" ht="13.95" customHeight="1" x14ac:dyDescent="0.25">
      <c r="A7006" s="229" t="s">
        <v>16828</v>
      </c>
      <c r="B7006" s="96" t="s">
        <v>19873</v>
      </c>
      <c r="C7006" s="93" t="s">
        <v>16829</v>
      </c>
      <c r="D7006" s="93" t="s">
        <v>16830</v>
      </c>
      <c r="E7006" s="111">
        <v>2007</v>
      </c>
      <c r="F7006" s="111">
        <v>232</v>
      </c>
      <c r="G7006" s="93" t="s">
        <v>1</v>
      </c>
      <c r="H7006" s="111">
        <v>0</v>
      </c>
      <c r="I7006" s="111">
        <v>0</v>
      </c>
      <c r="J7006" s="111">
        <v>1</v>
      </c>
      <c r="K7006" s="111">
        <v>1</v>
      </c>
      <c r="L7006" s="111">
        <v>0</v>
      </c>
      <c r="M7006" s="111">
        <v>0</v>
      </c>
      <c r="N7006" s="111">
        <v>0</v>
      </c>
      <c r="O7006" s="111">
        <v>0</v>
      </c>
      <c r="P7006" s="111">
        <v>0</v>
      </c>
      <c r="Q7006" s="111">
        <v>0</v>
      </c>
      <c r="R7006" s="111">
        <v>0</v>
      </c>
      <c r="S7006" s="111">
        <v>0</v>
      </c>
      <c r="T7006" s="111">
        <v>0</v>
      </c>
      <c r="U7006" s="145"/>
      <c r="V7006" s="145"/>
      <c r="W7006" s="145"/>
      <c r="X7006" s="145"/>
      <c r="Y7006" s="145"/>
      <c r="Z7006" s="145"/>
      <c r="AA7006" s="145"/>
      <c r="AB7006" s="145"/>
      <c r="AC7006" s="145"/>
      <c r="AD7006" s="145"/>
      <c r="AE7006" s="145"/>
      <c r="AF7006" s="145"/>
      <c r="AG7006" s="145"/>
      <c r="AH7006" s="145"/>
      <c r="AI7006" s="145"/>
      <c r="AJ7006" s="145"/>
      <c r="AK7006" s="145"/>
      <c r="AL7006" s="145"/>
      <c r="AM7006" s="145"/>
      <c r="AN7006" s="145"/>
      <c r="AO7006" s="145"/>
      <c r="AP7006" s="145"/>
      <c r="AQ7006" s="145"/>
      <c r="AR7006" s="145"/>
      <c r="AS7006" s="145"/>
      <c r="AT7006" s="145"/>
      <c r="AU7006" s="145"/>
      <c r="AV7006" s="145"/>
      <c r="AW7006" s="145"/>
      <c r="AX7006" s="146"/>
      <c r="AY7006" s="146"/>
      <c r="AZ7006" s="146"/>
      <c r="BA7006" s="146"/>
      <c r="BB7006" s="221">
        <v>45884</v>
      </c>
    </row>
    <row r="7007" spans="1:54" s="8" customFormat="1" ht="13.95" customHeight="1" x14ac:dyDescent="0.25">
      <c r="A7007" s="229" t="s">
        <v>16831</v>
      </c>
      <c r="B7007" s="96" t="s">
        <v>19873</v>
      </c>
      <c r="C7007" s="93" t="s">
        <v>16832</v>
      </c>
      <c r="D7007" s="93" t="s">
        <v>16833</v>
      </c>
      <c r="E7007" s="111">
        <v>2006</v>
      </c>
      <c r="F7007" s="111">
        <v>237</v>
      </c>
      <c r="G7007" s="93" t="s">
        <v>1</v>
      </c>
      <c r="H7007" s="111">
        <v>0</v>
      </c>
      <c r="I7007" s="111">
        <v>0</v>
      </c>
      <c r="J7007" s="111">
        <v>1</v>
      </c>
      <c r="K7007" s="111">
        <v>0</v>
      </c>
      <c r="L7007" s="111">
        <v>0</v>
      </c>
      <c r="M7007" s="111">
        <v>0</v>
      </c>
      <c r="N7007" s="111">
        <v>0</v>
      </c>
      <c r="O7007" s="111">
        <v>0</v>
      </c>
      <c r="P7007" s="111">
        <v>0</v>
      </c>
      <c r="Q7007" s="111">
        <v>0</v>
      </c>
      <c r="R7007" s="111">
        <v>0</v>
      </c>
      <c r="S7007" s="111">
        <v>0</v>
      </c>
      <c r="T7007" s="111">
        <v>0</v>
      </c>
      <c r="U7007" s="145"/>
      <c r="V7007" s="145"/>
      <c r="W7007" s="145"/>
      <c r="X7007" s="145"/>
      <c r="Y7007" s="145"/>
      <c r="Z7007" s="145"/>
      <c r="AA7007" s="145"/>
      <c r="AB7007" s="145"/>
      <c r="AC7007" s="145"/>
      <c r="AD7007" s="145"/>
      <c r="AE7007" s="145"/>
      <c r="AF7007" s="145"/>
      <c r="AG7007" s="145"/>
      <c r="AH7007" s="145"/>
      <c r="AI7007" s="145"/>
      <c r="AJ7007" s="145"/>
      <c r="AK7007" s="145"/>
      <c r="AL7007" s="145"/>
      <c r="AM7007" s="145"/>
      <c r="AN7007" s="145"/>
      <c r="AO7007" s="145"/>
      <c r="AP7007" s="145"/>
      <c r="AQ7007" s="145"/>
      <c r="AR7007" s="145"/>
      <c r="AS7007" s="145"/>
      <c r="AT7007" s="145"/>
      <c r="AU7007" s="145"/>
      <c r="AV7007" s="145"/>
      <c r="AW7007" s="145"/>
      <c r="AX7007" s="146"/>
      <c r="AY7007" s="146"/>
      <c r="AZ7007" s="146"/>
      <c r="BA7007" s="146"/>
      <c r="BB7007" s="221">
        <v>45884</v>
      </c>
    </row>
    <row r="7008" spans="1:54" s="8" customFormat="1" ht="13.95" customHeight="1" x14ac:dyDescent="0.25">
      <c r="A7008" s="229" t="s">
        <v>16834</v>
      </c>
      <c r="B7008" s="96" t="s">
        <v>19873</v>
      </c>
      <c r="C7008" s="93" t="s">
        <v>16835</v>
      </c>
      <c r="D7008" s="93" t="s">
        <v>16836</v>
      </c>
      <c r="E7008" s="111">
        <v>2012</v>
      </c>
      <c r="F7008" s="111">
        <v>238</v>
      </c>
      <c r="G7008" s="93" t="s">
        <v>1</v>
      </c>
      <c r="H7008" s="111">
        <v>0</v>
      </c>
      <c r="I7008" s="111">
        <v>0</v>
      </c>
      <c r="J7008" s="111">
        <v>0</v>
      </c>
      <c r="K7008" s="111">
        <v>1</v>
      </c>
      <c r="L7008" s="111">
        <v>0</v>
      </c>
      <c r="M7008" s="111">
        <v>0</v>
      </c>
      <c r="N7008" s="111">
        <v>0</v>
      </c>
      <c r="O7008" s="111">
        <v>0</v>
      </c>
      <c r="P7008" s="111">
        <v>0</v>
      </c>
      <c r="Q7008" s="111">
        <v>0</v>
      </c>
      <c r="R7008" s="111">
        <v>0</v>
      </c>
      <c r="S7008" s="111">
        <v>0</v>
      </c>
      <c r="T7008" s="111">
        <v>0</v>
      </c>
      <c r="U7008" s="145"/>
      <c r="V7008" s="145"/>
      <c r="W7008" s="145"/>
      <c r="X7008" s="145"/>
      <c r="Y7008" s="145"/>
      <c r="Z7008" s="145"/>
      <c r="AA7008" s="145"/>
      <c r="AB7008" s="145"/>
      <c r="AC7008" s="145"/>
      <c r="AD7008" s="145"/>
      <c r="AE7008" s="145"/>
      <c r="AF7008" s="145"/>
      <c r="AG7008" s="145"/>
      <c r="AH7008" s="145"/>
      <c r="AI7008" s="145"/>
      <c r="AJ7008" s="145"/>
      <c r="AK7008" s="145"/>
      <c r="AL7008" s="145"/>
      <c r="AM7008" s="145"/>
      <c r="AN7008" s="145"/>
      <c r="AO7008" s="145"/>
      <c r="AP7008" s="145"/>
      <c r="AQ7008" s="145"/>
      <c r="AR7008" s="145"/>
      <c r="AS7008" s="145"/>
      <c r="AT7008" s="145"/>
      <c r="AU7008" s="145"/>
      <c r="AV7008" s="145"/>
      <c r="AW7008" s="145"/>
      <c r="AX7008" s="146"/>
      <c r="AY7008" s="146"/>
      <c r="AZ7008" s="146"/>
      <c r="BA7008" s="146"/>
      <c r="BB7008" s="221">
        <v>45884</v>
      </c>
    </row>
    <row r="7009" spans="1:54" s="8" customFormat="1" ht="13.95" customHeight="1" x14ac:dyDescent="0.25">
      <c r="A7009" s="229" t="s">
        <v>16837</v>
      </c>
      <c r="B7009" s="96" t="s">
        <v>19873</v>
      </c>
      <c r="C7009" s="93" t="s">
        <v>16838</v>
      </c>
      <c r="D7009" s="93" t="s">
        <v>16839</v>
      </c>
      <c r="E7009" s="111">
        <v>1996</v>
      </c>
      <c r="F7009" s="111">
        <v>240</v>
      </c>
      <c r="G7009" s="93" t="s">
        <v>1</v>
      </c>
      <c r="H7009" s="111">
        <v>0</v>
      </c>
      <c r="I7009" s="111">
        <v>0</v>
      </c>
      <c r="J7009" s="111">
        <v>1</v>
      </c>
      <c r="K7009" s="111">
        <v>1</v>
      </c>
      <c r="L7009" s="111">
        <v>0</v>
      </c>
      <c r="M7009" s="111">
        <v>0</v>
      </c>
      <c r="N7009" s="111">
        <v>0</v>
      </c>
      <c r="O7009" s="111">
        <v>0</v>
      </c>
      <c r="P7009" s="111">
        <v>0</v>
      </c>
      <c r="Q7009" s="111">
        <v>0</v>
      </c>
      <c r="R7009" s="111">
        <v>0</v>
      </c>
      <c r="S7009" s="111">
        <v>0</v>
      </c>
      <c r="T7009" s="111">
        <v>0</v>
      </c>
      <c r="U7009" s="145"/>
      <c r="V7009" s="145"/>
      <c r="W7009" s="145"/>
      <c r="X7009" s="145"/>
      <c r="Y7009" s="145"/>
      <c r="Z7009" s="145"/>
      <c r="AA7009" s="145"/>
      <c r="AB7009" s="145"/>
      <c r="AC7009" s="145"/>
      <c r="AD7009" s="145"/>
      <c r="AE7009" s="145"/>
      <c r="AF7009" s="145"/>
      <c r="AG7009" s="145"/>
      <c r="AH7009" s="145"/>
      <c r="AI7009" s="145"/>
      <c r="AJ7009" s="145"/>
      <c r="AK7009" s="145"/>
      <c r="AL7009" s="145"/>
      <c r="AM7009" s="145"/>
      <c r="AN7009" s="145"/>
      <c r="AO7009" s="145"/>
      <c r="AP7009" s="145"/>
      <c r="AQ7009" s="145"/>
      <c r="AR7009" s="145"/>
      <c r="AS7009" s="145"/>
      <c r="AT7009" s="145"/>
      <c r="AU7009" s="145"/>
      <c r="AV7009" s="145"/>
      <c r="AW7009" s="145"/>
      <c r="AX7009" s="146"/>
      <c r="AY7009" s="146"/>
      <c r="AZ7009" s="146"/>
      <c r="BA7009" s="146"/>
      <c r="BB7009" s="221">
        <v>45884</v>
      </c>
    </row>
    <row r="7010" spans="1:54" s="8" customFormat="1" ht="13.95" customHeight="1" x14ac:dyDescent="0.25">
      <c r="A7010" s="229" t="s">
        <v>16840</v>
      </c>
      <c r="B7010" s="96" t="s">
        <v>19873</v>
      </c>
      <c r="C7010" s="93" t="s">
        <v>16841</v>
      </c>
      <c r="D7010" s="93" t="s">
        <v>16842</v>
      </c>
      <c r="E7010" s="111">
        <v>1996</v>
      </c>
      <c r="F7010" s="111">
        <v>254</v>
      </c>
      <c r="G7010" s="93" t="s">
        <v>1</v>
      </c>
      <c r="H7010" s="111">
        <v>0</v>
      </c>
      <c r="I7010" s="111">
        <v>0</v>
      </c>
      <c r="J7010" s="111">
        <v>0</v>
      </c>
      <c r="K7010" s="111">
        <v>0</v>
      </c>
      <c r="L7010" s="111">
        <v>0</v>
      </c>
      <c r="M7010" s="111">
        <v>0</v>
      </c>
      <c r="N7010" s="111">
        <v>0</v>
      </c>
      <c r="O7010" s="111">
        <v>0</v>
      </c>
      <c r="P7010" s="111">
        <v>0</v>
      </c>
      <c r="Q7010" s="111">
        <v>0</v>
      </c>
      <c r="R7010" s="111">
        <v>0</v>
      </c>
      <c r="S7010" s="111">
        <v>0</v>
      </c>
      <c r="T7010" s="111">
        <v>0</v>
      </c>
      <c r="U7010" s="145"/>
      <c r="V7010" s="145"/>
      <c r="W7010" s="145"/>
      <c r="X7010" s="145"/>
      <c r="Y7010" s="145"/>
      <c r="Z7010" s="145"/>
      <c r="AA7010" s="145"/>
      <c r="AB7010" s="145"/>
      <c r="AC7010" s="145"/>
      <c r="AD7010" s="145"/>
      <c r="AE7010" s="145"/>
      <c r="AF7010" s="145"/>
      <c r="AG7010" s="145"/>
      <c r="AH7010" s="145"/>
      <c r="AI7010" s="145"/>
      <c r="AJ7010" s="145"/>
      <c r="AK7010" s="145"/>
      <c r="AL7010" s="145"/>
      <c r="AM7010" s="145"/>
      <c r="AN7010" s="145"/>
      <c r="AO7010" s="145"/>
      <c r="AP7010" s="145"/>
      <c r="AQ7010" s="145"/>
      <c r="AR7010" s="145"/>
      <c r="AS7010" s="145"/>
      <c r="AT7010" s="145"/>
      <c r="AU7010" s="145"/>
      <c r="AV7010" s="145"/>
      <c r="AW7010" s="145"/>
      <c r="AX7010" s="146"/>
      <c r="AY7010" s="146"/>
      <c r="AZ7010" s="146"/>
      <c r="BA7010" s="146"/>
      <c r="BB7010" s="221">
        <v>45884</v>
      </c>
    </row>
    <row r="7011" spans="1:54" s="8" customFormat="1" ht="13.95" customHeight="1" x14ac:dyDescent="0.25">
      <c r="A7011" s="229" t="s">
        <v>16843</v>
      </c>
      <c r="B7011" s="96" t="s">
        <v>19873</v>
      </c>
      <c r="C7011" s="93" t="s">
        <v>16844</v>
      </c>
      <c r="D7011" s="93" t="s">
        <v>16845</v>
      </c>
      <c r="E7011" s="111">
        <v>2002</v>
      </c>
      <c r="F7011" s="111">
        <v>293</v>
      </c>
      <c r="G7011" s="93" t="s">
        <v>1</v>
      </c>
      <c r="H7011" s="111">
        <v>0</v>
      </c>
      <c r="I7011" s="111">
        <v>0</v>
      </c>
      <c r="J7011" s="111">
        <v>1</v>
      </c>
      <c r="K7011" s="111">
        <v>1</v>
      </c>
      <c r="L7011" s="111">
        <v>1</v>
      </c>
      <c r="M7011" s="111">
        <v>0</v>
      </c>
      <c r="N7011" s="111">
        <v>0</v>
      </c>
      <c r="O7011" s="111">
        <v>0</v>
      </c>
      <c r="P7011" s="111">
        <v>0</v>
      </c>
      <c r="Q7011" s="111">
        <v>0</v>
      </c>
      <c r="R7011" s="111">
        <v>0</v>
      </c>
      <c r="S7011" s="111">
        <v>0</v>
      </c>
      <c r="T7011" s="111">
        <v>0</v>
      </c>
      <c r="U7011" s="145"/>
      <c r="V7011" s="145"/>
      <c r="W7011" s="145"/>
      <c r="X7011" s="145"/>
      <c r="Y7011" s="145"/>
      <c r="Z7011" s="145"/>
      <c r="AA7011" s="145"/>
      <c r="AB7011" s="145"/>
      <c r="AC7011" s="145"/>
      <c r="AD7011" s="145"/>
      <c r="AE7011" s="145"/>
      <c r="AF7011" s="145"/>
      <c r="AG7011" s="145"/>
      <c r="AH7011" s="145"/>
      <c r="AI7011" s="145"/>
      <c r="AJ7011" s="145"/>
      <c r="AK7011" s="145"/>
      <c r="AL7011" s="145"/>
      <c r="AM7011" s="145"/>
      <c r="AN7011" s="145"/>
      <c r="AO7011" s="145"/>
      <c r="AP7011" s="145"/>
      <c r="AQ7011" s="145"/>
      <c r="AR7011" s="145"/>
      <c r="AS7011" s="145"/>
      <c r="AT7011" s="145"/>
      <c r="AU7011" s="145"/>
      <c r="AV7011" s="145"/>
      <c r="AW7011" s="145"/>
      <c r="AX7011" s="146"/>
      <c r="AY7011" s="146"/>
      <c r="AZ7011" s="146"/>
      <c r="BA7011" s="146"/>
      <c r="BB7011" s="221">
        <v>45884</v>
      </c>
    </row>
    <row r="7012" spans="1:54" s="8" customFormat="1" ht="13.95" customHeight="1" x14ac:dyDescent="0.25">
      <c r="A7012" s="229" t="s">
        <v>16846</v>
      </c>
      <c r="B7012" s="96" t="s">
        <v>19873</v>
      </c>
      <c r="C7012" s="93" t="s">
        <v>16847</v>
      </c>
      <c r="D7012" s="93" t="s">
        <v>16848</v>
      </c>
      <c r="E7012" s="111">
        <v>1974</v>
      </c>
      <c r="F7012" s="111">
        <v>303</v>
      </c>
      <c r="G7012" s="93" t="s">
        <v>1</v>
      </c>
      <c r="H7012" s="111">
        <v>0</v>
      </c>
      <c r="I7012" s="111">
        <v>0</v>
      </c>
      <c r="J7012" s="111">
        <v>0</v>
      </c>
      <c r="K7012" s="111">
        <v>0</v>
      </c>
      <c r="L7012" s="111">
        <v>1</v>
      </c>
      <c r="M7012" s="111">
        <v>0</v>
      </c>
      <c r="N7012" s="111">
        <v>0</v>
      </c>
      <c r="O7012" s="111">
        <v>0</v>
      </c>
      <c r="P7012" s="111">
        <v>0</v>
      </c>
      <c r="Q7012" s="111">
        <v>0</v>
      </c>
      <c r="R7012" s="111">
        <v>0</v>
      </c>
      <c r="S7012" s="111">
        <v>0</v>
      </c>
      <c r="T7012" s="111">
        <v>0</v>
      </c>
      <c r="U7012" s="145"/>
      <c r="V7012" s="145"/>
      <c r="W7012" s="145"/>
      <c r="X7012" s="145"/>
      <c r="Y7012" s="145"/>
      <c r="Z7012" s="145"/>
      <c r="AA7012" s="145"/>
      <c r="AB7012" s="145"/>
      <c r="AC7012" s="145"/>
      <c r="AD7012" s="145"/>
      <c r="AE7012" s="145"/>
      <c r="AF7012" s="145"/>
      <c r="AG7012" s="145"/>
      <c r="AH7012" s="145"/>
      <c r="AI7012" s="145"/>
      <c r="AJ7012" s="145"/>
      <c r="AK7012" s="145"/>
      <c r="AL7012" s="145"/>
      <c r="AM7012" s="145"/>
      <c r="AN7012" s="145"/>
      <c r="AO7012" s="145"/>
      <c r="AP7012" s="145"/>
      <c r="AQ7012" s="145"/>
      <c r="AR7012" s="145"/>
      <c r="AS7012" s="145"/>
      <c r="AT7012" s="145"/>
      <c r="AU7012" s="145"/>
      <c r="AV7012" s="145"/>
      <c r="AW7012" s="145"/>
      <c r="AX7012" s="146"/>
      <c r="AY7012" s="146"/>
      <c r="AZ7012" s="146"/>
      <c r="BA7012" s="112" t="s">
        <v>16849</v>
      </c>
      <c r="BB7012" s="221">
        <v>45884</v>
      </c>
    </row>
    <row r="7013" spans="1:54" s="8" customFormat="1" ht="13.95" customHeight="1" x14ac:dyDescent="0.25">
      <c r="A7013" s="229" t="s">
        <v>16850</v>
      </c>
      <c r="B7013" s="96" t="s">
        <v>19873</v>
      </c>
      <c r="C7013" s="93" t="s">
        <v>16851</v>
      </c>
      <c r="D7013" s="93" t="s">
        <v>16852</v>
      </c>
      <c r="E7013" s="111">
        <v>2001</v>
      </c>
      <c r="F7013" s="111">
        <v>313</v>
      </c>
      <c r="G7013" s="93" t="s">
        <v>1</v>
      </c>
      <c r="H7013" s="111">
        <v>0</v>
      </c>
      <c r="I7013" s="111">
        <v>0</v>
      </c>
      <c r="J7013" s="111">
        <v>1</v>
      </c>
      <c r="K7013" s="111">
        <v>0</v>
      </c>
      <c r="L7013" s="111">
        <v>1</v>
      </c>
      <c r="M7013" s="111">
        <v>0</v>
      </c>
      <c r="N7013" s="111">
        <v>0</v>
      </c>
      <c r="O7013" s="111">
        <v>1</v>
      </c>
      <c r="P7013" s="111">
        <v>0</v>
      </c>
      <c r="Q7013" s="111">
        <v>0</v>
      </c>
      <c r="R7013" s="111">
        <v>0</v>
      </c>
      <c r="S7013" s="111">
        <v>0</v>
      </c>
      <c r="T7013" s="111">
        <v>0</v>
      </c>
      <c r="U7013" s="145"/>
      <c r="V7013" s="145"/>
      <c r="W7013" s="145"/>
      <c r="X7013" s="145"/>
      <c r="Y7013" s="145"/>
      <c r="Z7013" s="145"/>
      <c r="AA7013" s="145"/>
      <c r="AB7013" s="145"/>
      <c r="AC7013" s="145"/>
      <c r="AD7013" s="145"/>
      <c r="AE7013" s="145"/>
      <c r="AF7013" s="145"/>
      <c r="AG7013" s="145"/>
      <c r="AH7013" s="145"/>
      <c r="AI7013" s="145"/>
      <c r="AJ7013" s="145"/>
      <c r="AK7013" s="145"/>
      <c r="AL7013" s="145"/>
      <c r="AM7013" s="145"/>
      <c r="AN7013" s="145"/>
      <c r="AO7013" s="145"/>
      <c r="AP7013" s="145"/>
      <c r="AQ7013" s="145"/>
      <c r="AR7013" s="145"/>
      <c r="AS7013" s="145"/>
      <c r="AT7013" s="145"/>
      <c r="AU7013" s="145"/>
      <c r="AV7013" s="145"/>
      <c r="AW7013" s="145"/>
      <c r="AX7013" s="146"/>
      <c r="AY7013" s="146"/>
      <c r="AZ7013" s="146"/>
      <c r="BA7013" s="146"/>
      <c r="BB7013" s="221">
        <v>45884</v>
      </c>
    </row>
    <row r="7014" spans="1:54" s="8" customFormat="1" ht="13.95" customHeight="1" x14ac:dyDescent="0.25">
      <c r="A7014" s="229" t="s">
        <v>16853</v>
      </c>
      <c r="B7014" s="96" t="s">
        <v>19873</v>
      </c>
      <c r="C7014" s="93" t="s">
        <v>16854</v>
      </c>
      <c r="D7014" s="93" t="s">
        <v>16855</v>
      </c>
      <c r="E7014" s="111">
        <v>1985</v>
      </c>
      <c r="F7014" s="111">
        <v>316</v>
      </c>
      <c r="G7014" s="93" t="s">
        <v>1</v>
      </c>
      <c r="H7014" s="111">
        <v>0</v>
      </c>
      <c r="I7014" s="111">
        <v>0</v>
      </c>
      <c r="J7014" s="111">
        <v>1</v>
      </c>
      <c r="K7014" s="111">
        <v>0</v>
      </c>
      <c r="L7014" s="111">
        <v>0</v>
      </c>
      <c r="M7014" s="111">
        <v>0</v>
      </c>
      <c r="N7014" s="111">
        <v>0</v>
      </c>
      <c r="O7014" s="111">
        <v>0</v>
      </c>
      <c r="P7014" s="111">
        <v>0</v>
      </c>
      <c r="Q7014" s="111">
        <v>0</v>
      </c>
      <c r="R7014" s="111">
        <v>1</v>
      </c>
      <c r="S7014" s="111">
        <v>0</v>
      </c>
      <c r="T7014" s="111">
        <v>0</v>
      </c>
      <c r="U7014" s="145"/>
      <c r="V7014" s="145"/>
      <c r="W7014" s="145"/>
      <c r="X7014" s="145"/>
      <c r="Y7014" s="145"/>
      <c r="Z7014" s="145"/>
      <c r="AA7014" s="145"/>
      <c r="AB7014" s="145"/>
      <c r="AC7014" s="145"/>
      <c r="AD7014" s="145"/>
      <c r="AE7014" s="145"/>
      <c r="AF7014" s="145"/>
      <c r="AG7014" s="145"/>
      <c r="AH7014" s="145"/>
      <c r="AI7014" s="145"/>
      <c r="AJ7014" s="145"/>
      <c r="AK7014" s="145"/>
      <c r="AL7014" s="145"/>
      <c r="AM7014" s="145"/>
      <c r="AN7014" s="145"/>
      <c r="AO7014" s="145"/>
      <c r="AP7014" s="145"/>
      <c r="AQ7014" s="145"/>
      <c r="AR7014" s="145"/>
      <c r="AS7014" s="145"/>
      <c r="AT7014" s="145"/>
      <c r="AU7014" s="145"/>
      <c r="AV7014" s="145"/>
      <c r="AW7014" s="145"/>
      <c r="AX7014" s="146"/>
      <c r="AY7014" s="146"/>
      <c r="AZ7014" s="146"/>
      <c r="BA7014" s="146"/>
      <c r="BB7014" s="221">
        <v>45884</v>
      </c>
    </row>
    <row r="7015" spans="1:54" s="8" customFormat="1" ht="13.95" customHeight="1" x14ac:dyDescent="0.25">
      <c r="A7015" s="229" t="s">
        <v>16856</v>
      </c>
      <c r="B7015" s="96" t="s">
        <v>19873</v>
      </c>
      <c r="C7015" s="93" t="s">
        <v>16857</v>
      </c>
      <c r="D7015" s="93" t="s">
        <v>16858</v>
      </c>
      <c r="E7015" s="111">
        <v>1996</v>
      </c>
      <c r="F7015" s="111">
        <v>324</v>
      </c>
      <c r="G7015" s="93" t="s">
        <v>1</v>
      </c>
      <c r="H7015" s="111">
        <v>0</v>
      </c>
      <c r="I7015" s="111">
        <v>0</v>
      </c>
      <c r="J7015" s="111">
        <v>1</v>
      </c>
      <c r="K7015" s="111">
        <v>1</v>
      </c>
      <c r="L7015" s="111">
        <v>0</v>
      </c>
      <c r="M7015" s="111">
        <v>0</v>
      </c>
      <c r="N7015" s="111">
        <v>0</v>
      </c>
      <c r="O7015" s="111">
        <v>0</v>
      </c>
      <c r="P7015" s="111">
        <v>0</v>
      </c>
      <c r="Q7015" s="111">
        <v>0</v>
      </c>
      <c r="R7015" s="111">
        <v>0</v>
      </c>
      <c r="S7015" s="111">
        <v>0</v>
      </c>
      <c r="T7015" s="111">
        <v>0</v>
      </c>
      <c r="U7015" s="145"/>
      <c r="V7015" s="145"/>
      <c r="W7015" s="145"/>
      <c r="X7015" s="145"/>
      <c r="Y7015" s="145"/>
      <c r="Z7015" s="145"/>
      <c r="AA7015" s="145"/>
      <c r="AB7015" s="145"/>
      <c r="AC7015" s="145"/>
      <c r="AD7015" s="145"/>
      <c r="AE7015" s="145"/>
      <c r="AF7015" s="145"/>
      <c r="AG7015" s="145"/>
      <c r="AH7015" s="145"/>
      <c r="AI7015" s="145"/>
      <c r="AJ7015" s="145"/>
      <c r="AK7015" s="145"/>
      <c r="AL7015" s="145"/>
      <c r="AM7015" s="145"/>
      <c r="AN7015" s="145"/>
      <c r="AO7015" s="145"/>
      <c r="AP7015" s="145"/>
      <c r="AQ7015" s="145"/>
      <c r="AR7015" s="145"/>
      <c r="AS7015" s="145"/>
      <c r="AT7015" s="145"/>
      <c r="AU7015" s="145"/>
      <c r="AV7015" s="145"/>
      <c r="AW7015" s="145"/>
      <c r="AX7015" s="146"/>
      <c r="AY7015" s="146"/>
      <c r="AZ7015" s="146"/>
      <c r="BA7015" s="146"/>
      <c r="BB7015" s="221">
        <v>45884</v>
      </c>
    </row>
    <row r="7016" spans="1:54" s="8" customFormat="1" ht="13.95" customHeight="1" x14ac:dyDescent="0.25">
      <c r="A7016" s="229" t="s">
        <v>16859</v>
      </c>
      <c r="B7016" s="96" t="s">
        <v>19873</v>
      </c>
      <c r="C7016" s="93" t="s">
        <v>16860</v>
      </c>
      <c r="D7016" s="93" t="s">
        <v>16861</v>
      </c>
      <c r="E7016" s="111" t="s">
        <v>174</v>
      </c>
      <c r="F7016" s="111">
        <v>335</v>
      </c>
      <c r="G7016" s="93" t="s">
        <v>1</v>
      </c>
      <c r="H7016" s="111">
        <v>0</v>
      </c>
      <c r="I7016" s="111">
        <v>0</v>
      </c>
      <c r="J7016" s="111">
        <v>1</v>
      </c>
      <c r="K7016" s="111">
        <v>1</v>
      </c>
      <c r="L7016" s="111">
        <v>0</v>
      </c>
      <c r="M7016" s="111">
        <v>0</v>
      </c>
      <c r="N7016" s="111">
        <v>1</v>
      </c>
      <c r="O7016" s="111">
        <v>0</v>
      </c>
      <c r="P7016" s="111">
        <v>0</v>
      </c>
      <c r="Q7016" s="111">
        <v>0</v>
      </c>
      <c r="R7016" s="111">
        <v>0</v>
      </c>
      <c r="S7016" s="111">
        <v>1</v>
      </c>
      <c r="T7016" s="111">
        <v>0</v>
      </c>
      <c r="U7016" s="145"/>
      <c r="V7016" s="145"/>
      <c r="W7016" s="145"/>
      <c r="X7016" s="145"/>
      <c r="Y7016" s="145"/>
      <c r="Z7016" s="145"/>
      <c r="AA7016" s="145"/>
      <c r="AB7016" s="145"/>
      <c r="AC7016" s="145"/>
      <c r="AD7016" s="145"/>
      <c r="AE7016" s="145"/>
      <c r="AF7016" s="145"/>
      <c r="AG7016" s="145"/>
      <c r="AH7016" s="145"/>
      <c r="AI7016" s="145"/>
      <c r="AJ7016" s="145"/>
      <c r="AK7016" s="145"/>
      <c r="AL7016" s="145"/>
      <c r="AM7016" s="145"/>
      <c r="AN7016" s="145"/>
      <c r="AO7016" s="145"/>
      <c r="AP7016" s="145"/>
      <c r="AQ7016" s="145"/>
      <c r="AR7016" s="145"/>
      <c r="AS7016" s="145"/>
      <c r="AT7016" s="145"/>
      <c r="AU7016" s="145"/>
      <c r="AV7016" s="145"/>
      <c r="AW7016" s="145"/>
      <c r="AX7016" s="146"/>
      <c r="AY7016" s="146"/>
      <c r="AZ7016" s="146"/>
      <c r="BA7016" s="146"/>
      <c r="BB7016" s="221">
        <v>45884</v>
      </c>
    </row>
    <row r="7017" spans="1:54" s="8" customFormat="1" ht="13.95" customHeight="1" x14ac:dyDescent="0.25">
      <c r="A7017" s="229" t="s">
        <v>16862</v>
      </c>
      <c r="B7017" s="96" t="s">
        <v>19873</v>
      </c>
      <c r="C7017" s="93" t="s">
        <v>16863</v>
      </c>
      <c r="D7017" s="93" t="s">
        <v>16864</v>
      </c>
      <c r="E7017" s="111" t="s">
        <v>174</v>
      </c>
      <c r="F7017" s="111">
        <v>341</v>
      </c>
      <c r="G7017" s="93" t="s">
        <v>1</v>
      </c>
      <c r="H7017" s="111">
        <v>0</v>
      </c>
      <c r="I7017" s="111">
        <v>0</v>
      </c>
      <c r="J7017" s="111">
        <v>1</v>
      </c>
      <c r="K7017" s="111">
        <v>1</v>
      </c>
      <c r="L7017" s="111">
        <v>1</v>
      </c>
      <c r="M7017" s="111">
        <v>0</v>
      </c>
      <c r="N7017" s="111">
        <v>0</v>
      </c>
      <c r="O7017" s="111">
        <v>0</v>
      </c>
      <c r="P7017" s="111">
        <v>1</v>
      </c>
      <c r="Q7017" s="111">
        <v>0</v>
      </c>
      <c r="R7017" s="111">
        <v>0</v>
      </c>
      <c r="S7017" s="111">
        <v>0</v>
      </c>
      <c r="T7017" s="111">
        <v>0</v>
      </c>
      <c r="U7017" s="145"/>
      <c r="V7017" s="145"/>
      <c r="W7017" s="145"/>
      <c r="X7017" s="145"/>
      <c r="Y7017" s="145"/>
      <c r="Z7017" s="145"/>
      <c r="AA7017" s="145"/>
      <c r="AB7017" s="145"/>
      <c r="AC7017" s="145"/>
      <c r="AD7017" s="145"/>
      <c r="AE7017" s="145"/>
      <c r="AF7017" s="145"/>
      <c r="AG7017" s="145"/>
      <c r="AH7017" s="145"/>
      <c r="AI7017" s="145"/>
      <c r="AJ7017" s="145"/>
      <c r="AK7017" s="145"/>
      <c r="AL7017" s="145"/>
      <c r="AM7017" s="145"/>
      <c r="AN7017" s="145"/>
      <c r="AO7017" s="145"/>
      <c r="AP7017" s="145"/>
      <c r="AQ7017" s="145"/>
      <c r="AR7017" s="145"/>
      <c r="AS7017" s="145"/>
      <c r="AT7017" s="145"/>
      <c r="AU7017" s="145"/>
      <c r="AV7017" s="145"/>
      <c r="AW7017" s="145"/>
      <c r="AX7017" s="146"/>
      <c r="AY7017" s="146"/>
      <c r="AZ7017" s="146"/>
      <c r="BA7017" s="146"/>
      <c r="BB7017" s="221">
        <v>45884</v>
      </c>
    </row>
    <row r="7018" spans="1:54" s="8" customFormat="1" ht="13.95" customHeight="1" x14ac:dyDescent="0.25">
      <c r="A7018" s="229" t="s">
        <v>16865</v>
      </c>
      <c r="B7018" s="96" t="s">
        <v>19873</v>
      </c>
      <c r="C7018" s="93" t="s">
        <v>16866</v>
      </c>
      <c r="D7018" s="93" t="s">
        <v>16793</v>
      </c>
      <c r="E7018" s="111">
        <v>1985</v>
      </c>
      <c r="F7018" s="111">
        <v>364</v>
      </c>
      <c r="G7018" s="93" t="s">
        <v>1</v>
      </c>
      <c r="H7018" s="111">
        <v>0</v>
      </c>
      <c r="I7018" s="111">
        <v>0</v>
      </c>
      <c r="J7018" s="111">
        <v>1</v>
      </c>
      <c r="K7018" s="111">
        <v>0</v>
      </c>
      <c r="L7018" s="111">
        <v>1</v>
      </c>
      <c r="M7018" s="111">
        <v>0</v>
      </c>
      <c r="N7018" s="111">
        <v>0</v>
      </c>
      <c r="O7018" s="111">
        <v>1</v>
      </c>
      <c r="P7018" s="111">
        <v>0</v>
      </c>
      <c r="Q7018" s="111">
        <v>0</v>
      </c>
      <c r="R7018" s="111">
        <v>0</v>
      </c>
      <c r="S7018" s="111">
        <v>1</v>
      </c>
      <c r="T7018" s="111">
        <v>0</v>
      </c>
      <c r="U7018" s="145"/>
      <c r="V7018" s="145"/>
      <c r="W7018" s="145"/>
      <c r="X7018" s="145"/>
      <c r="Y7018" s="145"/>
      <c r="Z7018" s="145"/>
      <c r="AA7018" s="145"/>
      <c r="AB7018" s="145"/>
      <c r="AC7018" s="145"/>
      <c r="AD7018" s="145"/>
      <c r="AE7018" s="145"/>
      <c r="AF7018" s="145"/>
      <c r="AG7018" s="145"/>
      <c r="AH7018" s="145"/>
      <c r="AI7018" s="145"/>
      <c r="AJ7018" s="145"/>
      <c r="AK7018" s="145"/>
      <c r="AL7018" s="145"/>
      <c r="AM7018" s="145"/>
      <c r="AN7018" s="145"/>
      <c r="AO7018" s="145"/>
      <c r="AP7018" s="145"/>
      <c r="AQ7018" s="145"/>
      <c r="AR7018" s="145"/>
      <c r="AS7018" s="145"/>
      <c r="AT7018" s="145"/>
      <c r="AU7018" s="145"/>
      <c r="AV7018" s="145"/>
      <c r="AW7018" s="145"/>
      <c r="AX7018" s="146"/>
      <c r="AY7018" s="146"/>
      <c r="AZ7018" s="146"/>
      <c r="BA7018" s="146"/>
      <c r="BB7018" s="221">
        <v>45884</v>
      </c>
    </row>
    <row r="7019" spans="1:54" s="8" customFormat="1" ht="13.95" customHeight="1" x14ac:dyDescent="0.25">
      <c r="A7019" s="229" t="s">
        <v>16867</v>
      </c>
      <c r="B7019" s="96" t="s">
        <v>19873</v>
      </c>
      <c r="C7019" s="93" t="s">
        <v>16868</v>
      </c>
      <c r="D7019" s="93" t="s">
        <v>16869</v>
      </c>
      <c r="E7019" s="111">
        <v>1998</v>
      </c>
      <c r="F7019" s="111">
        <v>362</v>
      </c>
      <c r="G7019" s="93" t="s">
        <v>1</v>
      </c>
      <c r="H7019" s="111">
        <v>0</v>
      </c>
      <c r="I7019" s="111">
        <v>0</v>
      </c>
      <c r="J7019" s="111">
        <v>0</v>
      </c>
      <c r="K7019" s="111">
        <v>0</v>
      </c>
      <c r="L7019" s="111">
        <v>0</v>
      </c>
      <c r="M7019" s="111">
        <v>0</v>
      </c>
      <c r="N7019" s="111">
        <v>1</v>
      </c>
      <c r="O7019" s="111">
        <v>0</v>
      </c>
      <c r="P7019" s="111">
        <v>0</v>
      </c>
      <c r="Q7019" s="111">
        <v>0</v>
      </c>
      <c r="R7019" s="111">
        <v>0</v>
      </c>
      <c r="S7019" s="111">
        <v>0</v>
      </c>
      <c r="T7019" s="111">
        <v>0</v>
      </c>
      <c r="U7019" s="145"/>
      <c r="V7019" s="145"/>
      <c r="W7019" s="145"/>
      <c r="X7019" s="145"/>
      <c r="Y7019" s="145"/>
      <c r="Z7019" s="145"/>
      <c r="AA7019" s="145"/>
      <c r="AB7019" s="145"/>
      <c r="AC7019" s="145"/>
      <c r="AD7019" s="145"/>
      <c r="AE7019" s="145"/>
      <c r="AF7019" s="145"/>
      <c r="AG7019" s="145"/>
      <c r="AH7019" s="145"/>
      <c r="AI7019" s="145"/>
      <c r="AJ7019" s="145"/>
      <c r="AK7019" s="145"/>
      <c r="AL7019" s="145"/>
      <c r="AM7019" s="145"/>
      <c r="AN7019" s="145"/>
      <c r="AO7019" s="145"/>
      <c r="AP7019" s="145"/>
      <c r="AQ7019" s="145"/>
      <c r="AR7019" s="145"/>
      <c r="AS7019" s="145"/>
      <c r="AT7019" s="145"/>
      <c r="AU7019" s="145"/>
      <c r="AV7019" s="145"/>
      <c r="AW7019" s="145"/>
      <c r="AX7019" s="146"/>
      <c r="AY7019" s="146"/>
      <c r="AZ7019" s="146"/>
      <c r="BA7019" s="146"/>
      <c r="BB7019" s="221">
        <v>45884</v>
      </c>
    </row>
    <row r="7020" spans="1:54" s="8" customFormat="1" ht="13.95" customHeight="1" x14ac:dyDescent="0.25">
      <c r="A7020" s="229" t="s">
        <v>16870</v>
      </c>
      <c r="B7020" s="96" t="s">
        <v>19873</v>
      </c>
      <c r="C7020" s="93" t="s">
        <v>16871</v>
      </c>
      <c r="D7020" s="93" t="s">
        <v>16872</v>
      </c>
      <c r="E7020" s="111">
        <v>1995</v>
      </c>
      <c r="F7020" s="111">
        <v>369</v>
      </c>
      <c r="G7020" s="93" t="s">
        <v>1</v>
      </c>
      <c r="H7020" s="111">
        <v>0</v>
      </c>
      <c r="I7020" s="111">
        <v>0</v>
      </c>
      <c r="J7020" s="111">
        <v>1</v>
      </c>
      <c r="K7020" s="111">
        <v>1</v>
      </c>
      <c r="L7020" s="111">
        <v>0</v>
      </c>
      <c r="M7020" s="111">
        <v>0</v>
      </c>
      <c r="N7020" s="111">
        <v>0</v>
      </c>
      <c r="O7020" s="111">
        <v>0</v>
      </c>
      <c r="P7020" s="111">
        <v>1</v>
      </c>
      <c r="Q7020" s="111">
        <v>0</v>
      </c>
      <c r="R7020" s="111">
        <v>0</v>
      </c>
      <c r="S7020" s="111">
        <v>0</v>
      </c>
      <c r="T7020" s="111">
        <v>0</v>
      </c>
      <c r="U7020" s="145"/>
      <c r="V7020" s="145"/>
      <c r="W7020" s="145"/>
      <c r="X7020" s="145"/>
      <c r="Y7020" s="145"/>
      <c r="Z7020" s="145"/>
      <c r="AA7020" s="145"/>
      <c r="AB7020" s="145"/>
      <c r="AC7020" s="145"/>
      <c r="AD7020" s="145"/>
      <c r="AE7020" s="145"/>
      <c r="AF7020" s="145"/>
      <c r="AG7020" s="145"/>
      <c r="AH7020" s="145"/>
      <c r="AI7020" s="145"/>
      <c r="AJ7020" s="145"/>
      <c r="AK7020" s="145"/>
      <c r="AL7020" s="145"/>
      <c r="AM7020" s="145"/>
      <c r="AN7020" s="145"/>
      <c r="AO7020" s="145"/>
      <c r="AP7020" s="145"/>
      <c r="AQ7020" s="145"/>
      <c r="AR7020" s="145"/>
      <c r="AS7020" s="145"/>
      <c r="AT7020" s="145"/>
      <c r="AU7020" s="145"/>
      <c r="AV7020" s="145"/>
      <c r="AW7020" s="145"/>
      <c r="AX7020" s="146"/>
      <c r="AY7020" s="146"/>
      <c r="AZ7020" s="146"/>
      <c r="BA7020" s="146"/>
      <c r="BB7020" s="221">
        <v>45884</v>
      </c>
    </row>
    <row r="7021" spans="1:54" s="8" customFormat="1" ht="13.95" customHeight="1" x14ac:dyDescent="0.25">
      <c r="A7021" s="229" t="s">
        <v>16873</v>
      </c>
      <c r="B7021" s="96" t="s">
        <v>19873</v>
      </c>
      <c r="C7021" s="93" t="s">
        <v>16874</v>
      </c>
      <c r="D7021" s="93" t="s">
        <v>16875</v>
      </c>
      <c r="E7021" s="111">
        <v>1975</v>
      </c>
      <c r="F7021" s="111">
        <v>368</v>
      </c>
      <c r="G7021" s="93" t="s">
        <v>1</v>
      </c>
      <c r="H7021" s="111">
        <v>0</v>
      </c>
      <c r="I7021" s="111">
        <v>0</v>
      </c>
      <c r="J7021" s="111">
        <v>1</v>
      </c>
      <c r="K7021" s="111">
        <v>0</v>
      </c>
      <c r="L7021" s="111">
        <v>1</v>
      </c>
      <c r="M7021" s="111">
        <v>0</v>
      </c>
      <c r="N7021" s="111">
        <v>0</v>
      </c>
      <c r="O7021" s="111">
        <v>0</v>
      </c>
      <c r="P7021" s="111">
        <v>1</v>
      </c>
      <c r="Q7021" s="111">
        <v>0</v>
      </c>
      <c r="R7021" s="111">
        <v>0</v>
      </c>
      <c r="S7021" s="111">
        <v>0</v>
      </c>
      <c r="T7021" s="111">
        <v>0</v>
      </c>
      <c r="U7021" s="145"/>
      <c r="V7021" s="145"/>
      <c r="W7021" s="145"/>
      <c r="X7021" s="145"/>
      <c r="Y7021" s="145"/>
      <c r="Z7021" s="145"/>
      <c r="AA7021" s="145"/>
      <c r="AB7021" s="145"/>
      <c r="AC7021" s="145"/>
      <c r="AD7021" s="145"/>
      <c r="AE7021" s="145"/>
      <c r="AF7021" s="145"/>
      <c r="AG7021" s="145"/>
      <c r="AH7021" s="145"/>
      <c r="AI7021" s="145"/>
      <c r="AJ7021" s="145"/>
      <c r="AK7021" s="145"/>
      <c r="AL7021" s="145"/>
      <c r="AM7021" s="145"/>
      <c r="AN7021" s="145"/>
      <c r="AO7021" s="145"/>
      <c r="AP7021" s="145"/>
      <c r="AQ7021" s="145"/>
      <c r="AR7021" s="145"/>
      <c r="AS7021" s="145"/>
      <c r="AT7021" s="145"/>
      <c r="AU7021" s="145"/>
      <c r="AV7021" s="145"/>
      <c r="AW7021" s="145"/>
      <c r="AX7021" s="146"/>
      <c r="AY7021" s="146"/>
      <c r="AZ7021" s="146"/>
      <c r="BA7021" s="146"/>
      <c r="BB7021" s="221">
        <v>45884</v>
      </c>
    </row>
    <row r="7022" spans="1:54" s="8" customFormat="1" ht="13.95" customHeight="1" x14ac:dyDescent="0.25">
      <c r="A7022" s="229" t="s">
        <v>16876</v>
      </c>
      <c r="B7022" s="96" t="s">
        <v>19873</v>
      </c>
      <c r="C7022" s="93" t="s">
        <v>16877</v>
      </c>
      <c r="D7022" s="93" t="s">
        <v>16878</v>
      </c>
      <c r="E7022" s="111">
        <v>1975</v>
      </c>
      <c r="F7022" s="111">
        <v>389</v>
      </c>
      <c r="G7022" s="93" t="s">
        <v>1</v>
      </c>
      <c r="H7022" s="111">
        <v>0</v>
      </c>
      <c r="I7022" s="111">
        <v>0</v>
      </c>
      <c r="J7022" s="111">
        <v>1</v>
      </c>
      <c r="K7022" s="111">
        <v>0</v>
      </c>
      <c r="L7022" s="111">
        <v>0</v>
      </c>
      <c r="M7022" s="111">
        <v>0</v>
      </c>
      <c r="N7022" s="111">
        <v>0</v>
      </c>
      <c r="O7022" s="111">
        <v>0</v>
      </c>
      <c r="P7022" s="111">
        <v>0</v>
      </c>
      <c r="Q7022" s="111">
        <v>0</v>
      </c>
      <c r="R7022" s="111">
        <v>0</v>
      </c>
      <c r="S7022" s="111">
        <v>0</v>
      </c>
      <c r="T7022" s="111">
        <v>0</v>
      </c>
      <c r="U7022" s="145"/>
      <c r="V7022" s="145"/>
      <c r="W7022" s="145"/>
      <c r="X7022" s="145"/>
      <c r="Y7022" s="145"/>
      <c r="Z7022" s="145"/>
      <c r="AA7022" s="145"/>
      <c r="AB7022" s="145"/>
      <c r="AC7022" s="145"/>
      <c r="AD7022" s="145"/>
      <c r="AE7022" s="145"/>
      <c r="AF7022" s="145"/>
      <c r="AG7022" s="145"/>
      <c r="AH7022" s="145"/>
      <c r="AI7022" s="145"/>
      <c r="AJ7022" s="145"/>
      <c r="AK7022" s="145"/>
      <c r="AL7022" s="145"/>
      <c r="AM7022" s="145"/>
      <c r="AN7022" s="145"/>
      <c r="AO7022" s="145"/>
      <c r="AP7022" s="145"/>
      <c r="AQ7022" s="145"/>
      <c r="AR7022" s="145"/>
      <c r="AS7022" s="145"/>
      <c r="AT7022" s="145"/>
      <c r="AU7022" s="145"/>
      <c r="AV7022" s="145"/>
      <c r="AW7022" s="145"/>
      <c r="AX7022" s="146"/>
      <c r="AY7022" s="146"/>
      <c r="AZ7022" s="146"/>
      <c r="BA7022" s="146"/>
      <c r="BB7022" s="221">
        <v>45884</v>
      </c>
    </row>
    <row r="7023" spans="1:54" s="8" customFormat="1" ht="13.95" customHeight="1" x14ac:dyDescent="0.25">
      <c r="A7023" s="229" t="s">
        <v>16879</v>
      </c>
      <c r="B7023" s="96" t="s">
        <v>19873</v>
      </c>
      <c r="C7023" s="93" t="s">
        <v>16880</v>
      </c>
      <c r="D7023" s="93" t="s">
        <v>16881</v>
      </c>
      <c r="E7023" s="111">
        <v>1984</v>
      </c>
      <c r="F7023" s="111">
        <v>385</v>
      </c>
      <c r="G7023" s="93" t="s">
        <v>1</v>
      </c>
      <c r="H7023" s="111">
        <v>0</v>
      </c>
      <c r="I7023" s="111">
        <v>0</v>
      </c>
      <c r="J7023" s="111">
        <v>1</v>
      </c>
      <c r="K7023" s="111">
        <v>0</v>
      </c>
      <c r="L7023" s="111">
        <v>1</v>
      </c>
      <c r="M7023" s="111">
        <v>1</v>
      </c>
      <c r="N7023" s="111">
        <v>0</v>
      </c>
      <c r="O7023" s="111">
        <v>0</v>
      </c>
      <c r="P7023" s="111">
        <v>1</v>
      </c>
      <c r="Q7023" s="111">
        <v>0</v>
      </c>
      <c r="R7023" s="111">
        <v>0</v>
      </c>
      <c r="S7023" s="111">
        <v>0</v>
      </c>
      <c r="T7023" s="111">
        <v>0</v>
      </c>
      <c r="U7023" s="145"/>
      <c r="V7023" s="145"/>
      <c r="W7023" s="145"/>
      <c r="X7023" s="145"/>
      <c r="Y7023" s="145"/>
      <c r="Z7023" s="145"/>
      <c r="AA7023" s="145"/>
      <c r="AB7023" s="145"/>
      <c r="AC7023" s="145"/>
      <c r="AD7023" s="145"/>
      <c r="AE7023" s="145"/>
      <c r="AF7023" s="145"/>
      <c r="AG7023" s="145"/>
      <c r="AH7023" s="145"/>
      <c r="AI7023" s="145"/>
      <c r="AJ7023" s="145"/>
      <c r="AK7023" s="145"/>
      <c r="AL7023" s="145"/>
      <c r="AM7023" s="145"/>
      <c r="AN7023" s="145"/>
      <c r="AO7023" s="145"/>
      <c r="AP7023" s="145"/>
      <c r="AQ7023" s="145"/>
      <c r="AR7023" s="145"/>
      <c r="AS7023" s="145"/>
      <c r="AT7023" s="145"/>
      <c r="AU7023" s="145"/>
      <c r="AV7023" s="145"/>
      <c r="AW7023" s="145"/>
      <c r="AX7023" s="146"/>
      <c r="AY7023" s="146"/>
      <c r="AZ7023" s="146"/>
      <c r="BA7023" s="146"/>
      <c r="BB7023" s="221">
        <v>45884</v>
      </c>
    </row>
    <row r="7024" spans="1:54" s="8" customFormat="1" ht="13.95" customHeight="1" x14ac:dyDescent="0.25">
      <c r="A7024" s="229" t="s">
        <v>16882</v>
      </c>
      <c r="B7024" s="96" t="s">
        <v>19873</v>
      </c>
      <c r="C7024" s="93" t="s">
        <v>16883</v>
      </c>
      <c r="D7024" s="93" t="s">
        <v>16884</v>
      </c>
      <c r="E7024" s="111">
        <v>2013</v>
      </c>
      <c r="F7024" s="111">
        <v>405</v>
      </c>
      <c r="G7024" s="93" t="s">
        <v>1</v>
      </c>
      <c r="H7024" s="111">
        <v>0</v>
      </c>
      <c r="I7024" s="111">
        <v>0</v>
      </c>
      <c r="J7024" s="111">
        <v>1</v>
      </c>
      <c r="K7024" s="111">
        <v>1</v>
      </c>
      <c r="L7024" s="111">
        <v>0</v>
      </c>
      <c r="M7024" s="111">
        <v>0</v>
      </c>
      <c r="N7024" s="111">
        <v>0</v>
      </c>
      <c r="O7024" s="111">
        <v>0</v>
      </c>
      <c r="P7024" s="111">
        <v>0</v>
      </c>
      <c r="Q7024" s="111">
        <v>0</v>
      </c>
      <c r="R7024" s="111">
        <v>0</v>
      </c>
      <c r="S7024" s="111">
        <v>0</v>
      </c>
      <c r="T7024" s="111">
        <v>0</v>
      </c>
      <c r="U7024" s="145"/>
      <c r="V7024" s="145"/>
      <c r="W7024" s="145"/>
      <c r="X7024" s="145"/>
      <c r="Y7024" s="145"/>
      <c r="Z7024" s="145"/>
      <c r="AA7024" s="145"/>
      <c r="AB7024" s="145"/>
      <c r="AC7024" s="145"/>
      <c r="AD7024" s="145"/>
      <c r="AE7024" s="145"/>
      <c r="AF7024" s="145"/>
      <c r="AG7024" s="145"/>
      <c r="AH7024" s="145"/>
      <c r="AI7024" s="145"/>
      <c r="AJ7024" s="145"/>
      <c r="AK7024" s="145"/>
      <c r="AL7024" s="145"/>
      <c r="AM7024" s="145"/>
      <c r="AN7024" s="145"/>
      <c r="AO7024" s="145"/>
      <c r="AP7024" s="145"/>
      <c r="AQ7024" s="145"/>
      <c r="AR7024" s="145"/>
      <c r="AS7024" s="145"/>
      <c r="AT7024" s="145"/>
      <c r="AU7024" s="145"/>
      <c r="AV7024" s="145"/>
      <c r="AW7024" s="145"/>
      <c r="AX7024" s="146"/>
      <c r="AY7024" s="146"/>
      <c r="AZ7024" s="146"/>
      <c r="BA7024" s="146"/>
      <c r="BB7024" s="221">
        <v>45884</v>
      </c>
    </row>
    <row r="7025" spans="1:54" s="8" customFormat="1" ht="13.95" customHeight="1" x14ac:dyDescent="0.25">
      <c r="A7025" s="229" t="s">
        <v>16885</v>
      </c>
      <c r="B7025" s="96" t="s">
        <v>19873</v>
      </c>
      <c r="C7025" s="93" t="s">
        <v>16886</v>
      </c>
      <c r="D7025" s="93" t="s">
        <v>16887</v>
      </c>
      <c r="E7025" s="111">
        <v>1994</v>
      </c>
      <c r="F7025" s="111">
        <v>408</v>
      </c>
      <c r="G7025" s="93" t="s">
        <v>1</v>
      </c>
      <c r="H7025" s="111">
        <v>0</v>
      </c>
      <c r="I7025" s="111">
        <v>0</v>
      </c>
      <c r="J7025" s="111">
        <v>1</v>
      </c>
      <c r="K7025" s="111">
        <v>1</v>
      </c>
      <c r="L7025" s="111">
        <v>0</v>
      </c>
      <c r="M7025" s="111">
        <v>0</v>
      </c>
      <c r="N7025" s="111">
        <v>0</v>
      </c>
      <c r="O7025" s="111">
        <v>0</v>
      </c>
      <c r="P7025" s="111">
        <v>0</v>
      </c>
      <c r="Q7025" s="111">
        <v>0</v>
      </c>
      <c r="R7025" s="111">
        <v>0</v>
      </c>
      <c r="S7025" s="111">
        <v>0</v>
      </c>
      <c r="T7025" s="111">
        <v>0</v>
      </c>
      <c r="U7025" s="145"/>
      <c r="V7025" s="145"/>
      <c r="W7025" s="145"/>
      <c r="X7025" s="145"/>
      <c r="Y7025" s="145"/>
      <c r="Z7025" s="145"/>
      <c r="AA7025" s="145"/>
      <c r="AB7025" s="145"/>
      <c r="AC7025" s="145"/>
      <c r="AD7025" s="145"/>
      <c r="AE7025" s="145"/>
      <c r="AF7025" s="145"/>
      <c r="AG7025" s="145"/>
      <c r="AH7025" s="145"/>
      <c r="AI7025" s="145"/>
      <c r="AJ7025" s="145"/>
      <c r="AK7025" s="145"/>
      <c r="AL7025" s="145"/>
      <c r="AM7025" s="145"/>
      <c r="AN7025" s="145"/>
      <c r="AO7025" s="145"/>
      <c r="AP7025" s="145"/>
      <c r="AQ7025" s="145"/>
      <c r="AR7025" s="145"/>
      <c r="AS7025" s="145"/>
      <c r="AT7025" s="145"/>
      <c r="AU7025" s="145"/>
      <c r="AV7025" s="145"/>
      <c r="AW7025" s="145"/>
      <c r="AX7025" s="146"/>
      <c r="AY7025" s="146"/>
      <c r="AZ7025" s="146"/>
      <c r="BA7025" s="146"/>
      <c r="BB7025" s="221">
        <v>45884</v>
      </c>
    </row>
    <row r="7026" spans="1:54" s="8" customFormat="1" ht="13.5" customHeight="1" x14ac:dyDescent="0.25">
      <c r="A7026" s="229" t="s">
        <v>16888</v>
      </c>
      <c r="B7026" s="96" t="s">
        <v>19873</v>
      </c>
      <c r="C7026" s="93" t="s">
        <v>16889</v>
      </c>
      <c r="D7026" s="93" t="s">
        <v>16793</v>
      </c>
      <c r="E7026" s="111">
        <v>1974</v>
      </c>
      <c r="F7026" s="111">
        <v>414</v>
      </c>
      <c r="G7026" s="93" t="s">
        <v>1</v>
      </c>
      <c r="H7026" s="111">
        <v>0</v>
      </c>
      <c r="I7026" s="111">
        <v>0</v>
      </c>
      <c r="J7026" s="111">
        <v>1</v>
      </c>
      <c r="K7026" s="111">
        <v>0</v>
      </c>
      <c r="L7026" s="111">
        <v>0</v>
      </c>
      <c r="M7026" s="111">
        <v>0</v>
      </c>
      <c r="N7026" s="111">
        <v>1</v>
      </c>
      <c r="O7026" s="111">
        <v>1</v>
      </c>
      <c r="P7026" s="111">
        <v>0</v>
      </c>
      <c r="Q7026" s="111">
        <v>0</v>
      </c>
      <c r="R7026" s="111">
        <v>1</v>
      </c>
      <c r="S7026" s="111">
        <v>0</v>
      </c>
      <c r="T7026" s="111">
        <v>0</v>
      </c>
      <c r="U7026" s="145"/>
      <c r="V7026" s="145"/>
      <c r="W7026" s="145"/>
      <c r="X7026" s="145"/>
      <c r="Y7026" s="145"/>
      <c r="Z7026" s="145"/>
      <c r="AA7026" s="145"/>
      <c r="AB7026" s="145"/>
      <c r="AC7026" s="145"/>
      <c r="AD7026" s="145"/>
      <c r="AE7026" s="145"/>
      <c r="AF7026" s="145"/>
      <c r="AG7026" s="145"/>
      <c r="AH7026" s="145"/>
      <c r="AI7026" s="145"/>
      <c r="AJ7026" s="145"/>
      <c r="AK7026" s="145"/>
      <c r="AL7026" s="145"/>
      <c r="AM7026" s="145"/>
      <c r="AN7026" s="145"/>
      <c r="AO7026" s="145"/>
      <c r="AP7026" s="145"/>
      <c r="AQ7026" s="145"/>
      <c r="AR7026" s="145"/>
      <c r="AS7026" s="145"/>
      <c r="AT7026" s="145"/>
      <c r="AU7026" s="145"/>
      <c r="AV7026" s="145"/>
      <c r="AW7026" s="145"/>
      <c r="AX7026" s="146"/>
      <c r="AY7026" s="146"/>
      <c r="AZ7026" s="146"/>
      <c r="BA7026" s="112" t="s">
        <v>16849</v>
      </c>
      <c r="BB7026" s="221">
        <v>45884</v>
      </c>
    </row>
    <row r="7027" spans="1:54" s="8" customFormat="1" ht="13.95" customHeight="1" x14ac:dyDescent="0.25">
      <c r="A7027" s="229" t="s">
        <v>16890</v>
      </c>
      <c r="B7027" s="96" t="s">
        <v>19873</v>
      </c>
      <c r="C7027" s="93" t="s">
        <v>16891</v>
      </c>
      <c r="D7027" s="93" t="s">
        <v>16892</v>
      </c>
      <c r="E7027" s="111" t="s">
        <v>174</v>
      </c>
      <c r="F7027" s="111">
        <v>421</v>
      </c>
      <c r="G7027" s="93" t="s">
        <v>1</v>
      </c>
      <c r="H7027" s="111">
        <v>0</v>
      </c>
      <c r="I7027" s="111">
        <v>0</v>
      </c>
      <c r="J7027" s="111">
        <v>1</v>
      </c>
      <c r="K7027" s="111">
        <v>1</v>
      </c>
      <c r="L7027" s="111">
        <v>1</v>
      </c>
      <c r="M7027" s="111">
        <v>0</v>
      </c>
      <c r="N7027" s="111">
        <v>0</v>
      </c>
      <c r="O7027" s="111">
        <v>0</v>
      </c>
      <c r="P7027" s="111">
        <v>1</v>
      </c>
      <c r="Q7027" s="111">
        <v>0</v>
      </c>
      <c r="R7027" s="111">
        <v>0</v>
      </c>
      <c r="S7027" s="111">
        <v>0</v>
      </c>
      <c r="T7027" s="111">
        <v>0</v>
      </c>
      <c r="U7027" s="145"/>
      <c r="V7027" s="145"/>
      <c r="W7027" s="145"/>
      <c r="X7027" s="145"/>
      <c r="Y7027" s="145"/>
      <c r="Z7027" s="145"/>
      <c r="AA7027" s="145"/>
      <c r="AB7027" s="145"/>
      <c r="AC7027" s="145"/>
      <c r="AD7027" s="145"/>
      <c r="AE7027" s="145"/>
      <c r="AF7027" s="145"/>
      <c r="AG7027" s="145"/>
      <c r="AH7027" s="145"/>
      <c r="AI7027" s="145"/>
      <c r="AJ7027" s="145"/>
      <c r="AK7027" s="145"/>
      <c r="AL7027" s="145"/>
      <c r="AM7027" s="145"/>
      <c r="AN7027" s="145"/>
      <c r="AO7027" s="145"/>
      <c r="AP7027" s="145"/>
      <c r="AQ7027" s="145"/>
      <c r="AR7027" s="145"/>
      <c r="AS7027" s="145"/>
      <c r="AT7027" s="145"/>
      <c r="AU7027" s="145"/>
      <c r="AV7027" s="145"/>
      <c r="AW7027" s="145"/>
      <c r="AX7027" s="146"/>
      <c r="AY7027" s="146"/>
      <c r="AZ7027" s="146"/>
      <c r="BA7027" s="146"/>
      <c r="BB7027" s="221">
        <v>45884</v>
      </c>
    </row>
    <row r="7028" spans="1:54" s="8" customFormat="1" ht="13.95" customHeight="1" x14ac:dyDescent="0.25">
      <c r="A7028" s="229" t="s">
        <v>16893</v>
      </c>
      <c r="B7028" s="96" t="s">
        <v>19873</v>
      </c>
      <c r="C7028" s="93" t="s">
        <v>16894</v>
      </c>
      <c r="D7028" s="93" t="s">
        <v>16793</v>
      </c>
      <c r="E7028" s="111">
        <v>1974</v>
      </c>
      <c r="F7028" s="111">
        <v>428</v>
      </c>
      <c r="G7028" s="93" t="s">
        <v>1</v>
      </c>
      <c r="H7028" s="111">
        <v>0</v>
      </c>
      <c r="I7028" s="111">
        <v>0</v>
      </c>
      <c r="J7028" s="111">
        <v>0</v>
      </c>
      <c r="K7028" s="111">
        <v>0</v>
      </c>
      <c r="L7028" s="111">
        <v>1</v>
      </c>
      <c r="M7028" s="111">
        <v>0</v>
      </c>
      <c r="N7028" s="111">
        <v>1</v>
      </c>
      <c r="O7028" s="111">
        <v>0</v>
      </c>
      <c r="P7028" s="111">
        <v>1</v>
      </c>
      <c r="Q7028" s="111">
        <v>0</v>
      </c>
      <c r="R7028" s="111">
        <v>1</v>
      </c>
      <c r="S7028" s="111">
        <v>0</v>
      </c>
      <c r="T7028" s="111">
        <v>0</v>
      </c>
      <c r="U7028" s="145"/>
      <c r="V7028" s="145"/>
      <c r="W7028" s="145"/>
      <c r="X7028" s="145"/>
      <c r="Y7028" s="145"/>
      <c r="Z7028" s="145"/>
      <c r="AA7028" s="145"/>
      <c r="AB7028" s="145"/>
      <c r="AC7028" s="145"/>
      <c r="AD7028" s="145"/>
      <c r="AE7028" s="145"/>
      <c r="AF7028" s="145"/>
      <c r="AG7028" s="145"/>
      <c r="AH7028" s="145"/>
      <c r="AI7028" s="145"/>
      <c r="AJ7028" s="145"/>
      <c r="AK7028" s="145"/>
      <c r="AL7028" s="145"/>
      <c r="AM7028" s="145"/>
      <c r="AN7028" s="145"/>
      <c r="AO7028" s="145"/>
      <c r="AP7028" s="145"/>
      <c r="AQ7028" s="145"/>
      <c r="AR7028" s="145"/>
      <c r="AS7028" s="145"/>
      <c r="AT7028" s="145"/>
      <c r="AU7028" s="145"/>
      <c r="AV7028" s="145"/>
      <c r="AW7028" s="145"/>
      <c r="AX7028" s="146"/>
      <c r="AY7028" s="146"/>
      <c r="AZ7028" s="146"/>
      <c r="BA7028" s="146"/>
      <c r="BB7028" s="221">
        <v>45884</v>
      </c>
    </row>
    <row r="7029" spans="1:54" s="8" customFormat="1" ht="13.95" customHeight="1" x14ac:dyDescent="0.25">
      <c r="A7029" s="229" t="s">
        <v>16895</v>
      </c>
      <c r="B7029" s="96" t="s">
        <v>19873</v>
      </c>
      <c r="C7029" s="93" t="s">
        <v>16896</v>
      </c>
      <c r="D7029" s="93" t="s">
        <v>16897</v>
      </c>
      <c r="E7029" s="111">
        <v>1992</v>
      </c>
      <c r="F7029" s="111">
        <v>430</v>
      </c>
      <c r="G7029" s="93" t="s">
        <v>1</v>
      </c>
      <c r="H7029" s="111">
        <v>0</v>
      </c>
      <c r="I7029" s="111">
        <v>0</v>
      </c>
      <c r="J7029" s="111">
        <v>1</v>
      </c>
      <c r="K7029" s="111">
        <v>0</v>
      </c>
      <c r="L7029" s="111">
        <v>1</v>
      </c>
      <c r="M7029" s="111">
        <v>0</v>
      </c>
      <c r="N7029" s="111">
        <v>0</v>
      </c>
      <c r="O7029" s="111">
        <v>0</v>
      </c>
      <c r="P7029" s="111">
        <v>1</v>
      </c>
      <c r="Q7029" s="111">
        <v>0</v>
      </c>
      <c r="R7029" s="111">
        <v>0</v>
      </c>
      <c r="S7029" s="111">
        <v>0</v>
      </c>
      <c r="T7029" s="111">
        <v>0</v>
      </c>
      <c r="U7029" s="145"/>
      <c r="V7029" s="145"/>
      <c r="W7029" s="145"/>
      <c r="X7029" s="145"/>
      <c r="Y7029" s="145"/>
      <c r="Z7029" s="145"/>
      <c r="AA7029" s="145"/>
      <c r="AB7029" s="145"/>
      <c r="AC7029" s="145"/>
      <c r="AD7029" s="145"/>
      <c r="AE7029" s="145"/>
      <c r="AF7029" s="145"/>
      <c r="AG7029" s="145"/>
      <c r="AH7029" s="145"/>
      <c r="AI7029" s="145"/>
      <c r="AJ7029" s="145"/>
      <c r="AK7029" s="145"/>
      <c r="AL7029" s="145"/>
      <c r="AM7029" s="145"/>
      <c r="AN7029" s="145"/>
      <c r="AO7029" s="145"/>
      <c r="AP7029" s="145"/>
      <c r="AQ7029" s="145"/>
      <c r="AR7029" s="145"/>
      <c r="AS7029" s="145"/>
      <c r="AT7029" s="145"/>
      <c r="AU7029" s="145"/>
      <c r="AV7029" s="145"/>
      <c r="AW7029" s="145"/>
      <c r="AX7029" s="146"/>
      <c r="AY7029" s="146"/>
      <c r="AZ7029" s="146"/>
      <c r="BA7029" s="146"/>
      <c r="BB7029" s="221">
        <v>45884</v>
      </c>
    </row>
    <row r="7030" spans="1:54" s="8" customFormat="1" ht="13.95" customHeight="1" x14ac:dyDescent="0.25">
      <c r="A7030" s="229" t="s">
        <v>16898</v>
      </c>
      <c r="B7030" s="96" t="s">
        <v>19873</v>
      </c>
      <c r="C7030" s="93" t="s">
        <v>16899</v>
      </c>
      <c r="D7030" s="93" t="s">
        <v>16900</v>
      </c>
      <c r="E7030" s="111">
        <v>1976</v>
      </c>
      <c r="F7030" s="111">
        <v>447</v>
      </c>
      <c r="G7030" s="93" t="s">
        <v>1</v>
      </c>
      <c r="H7030" s="111">
        <v>0</v>
      </c>
      <c r="I7030" s="111">
        <v>0</v>
      </c>
      <c r="J7030" s="111">
        <v>0</v>
      </c>
      <c r="K7030" s="111">
        <v>0</v>
      </c>
      <c r="L7030" s="111">
        <v>1</v>
      </c>
      <c r="M7030" s="111">
        <v>0</v>
      </c>
      <c r="N7030" s="111">
        <v>0</v>
      </c>
      <c r="O7030" s="111">
        <v>0</v>
      </c>
      <c r="P7030" s="111">
        <v>0</v>
      </c>
      <c r="Q7030" s="111">
        <v>0</v>
      </c>
      <c r="R7030" s="111">
        <v>0</v>
      </c>
      <c r="S7030" s="111">
        <v>0</v>
      </c>
      <c r="T7030" s="111">
        <v>0</v>
      </c>
      <c r="U7030" s="145"/>
      <c r="V7030" s="145"/>
      <c r="W7030" s="145"/>
      <c r="X7030" s="145"/>
      <c r="Y7030" s="145"/>
      <c r="Z7030" s="145"/>
      <c r="AA7030" s="145"/>
      <c r="AB7030" s="145"/>
      <c r="AC7030" s="145"/>
      <c r="AD7030" s="145"/>
      <c r="AE7030" s="145"/>
      <c r="AF7030" s="145"/>
      <c r="AG7030" s="145"/>
      <c r="AH7030" s="145"/>
      <c r="AI7030" s="145"/>
      <c r="AJ7030" s="145"/>
      <c r="AK7030" s="145"/>
      <c r="AL7030" s="145"/>
      <c r="AM7030" s="145"/>
      <c r="AN7030" s="145"/>
      <c r="AO7030" s="145"/>
      <c r="AP7030" s="145"/>
      <c r="AQ7030" s="145"/>
      <c r="AR7030" s="145"/>
      <c r="AS7030" s="145"/>
      <c r="AT7030" s="145"/>
      <c r="AU7030" s="145"/>
      <c r="AV7030" s="145"/>
      <c r="AW7030" s="145"/>
      <c r="AX7030" s="146"/>
      <c r="AY7030" s="146"/>
      <c r="AZ7030" s="146"/>
      <c r="BA7030" s="112" t="s">
        <v>16849</v>
      </c>
      <c r="BB7030" s="221">
        <v>45884</v>
      </c>
    </row>
    <row r="7031" spans="1:54" s="8" customFormat="1" ht="13.95" customHeight="1" x14ac:dyDescent="0.25">
      <c r="A7031" s="229" t="s">
        <v>16901</v>
      </c>
      <c r="B7031" s="96" t="s">
        <v>19873</v>
      </c>
      <c r="C7031" s="93" t="s">
        <v>16902</v>
      </c>
      <c r="D7031" s="93" t="s">
        <v>16903</v>
      </c>
      <c r="E7031" s="111">
        <v>2001</v>
      </c>
      <c r="F7031" s="111">
        <v>461</v>
      </c>
      <c r="G7031" s="93" t="s">
        <v>1</v>
      </c>
      <c r="H7031" s="111">
        <v>0</v>
      </c>
      <c r="I7031" s="111">
        <v>0</v>
      </c>
      <c r="J7031" s="111">
        <v>0</v>
      </c>
      <c r="K7031" s="111">
        <v>0</v>
      </c>
      <c r="L7031" s="111">
        <v>0</v>
      </c>
      <c r="M7031" s="111">
        <v>0</v>
      </c>
      <c r="N7031" s="111">
        <v>0</v>
      </c>
      <c r="O7031" s="111">
        <v>0</v>
      </c>
      <c r="P7031" s="111">
        <v>1</v>
      </c>
      <c r="Q7031" s="111">
        <v>0</v>
      </c>
      <c r="R7031" s="111">
        <v>0</v>
      </c>
      <c r="S7031" s="111">
        <v>0</v>
      </c>
      <c r="T7031" s="111">
        <v>0</v>
      </c>
      <c r="U7031" s="145"/>
      <c r="V7031" s="145"/>
      <c r="W7031" s="145"/>
      <c r="X7031" s="145"/>
      <c r="Y7031" s="145"/>
      <c r="Z7031" s="145"/>
      <c r="AA7031" s="145"/>
      <c r="AB7031" s="145"/>
      <c r="AC7031" s="145"/>
      <c r="AD7031" s="145"/>
      <c r="AE7031" s="145"/>
      <c r="AF7031" s="145"/>
      <c r="AG7031" s="145"/>
      <c r="AH7031" s="145"/>
      <c r="AI7031" s="145"/>
      <c r="AJ7031" s="145"/>
      <c r="AK7031" s="145"/>
      <c r="AL7031" s="145"/>
      <c r="AM7031" s="145"/>
      <c r="AN7031" s="145"/>
      <c r="AO7031" s="145"/>
      <c r="AP7031" s="145"/>
      <c r="AQ7031" s="145"/>
      <c r="AR7031" s="145"/>
      <c r="AS7031" s="145"/>
      <c r="AT7031" s="145"/>
      <c r="AU7031" s="145"/>
      <c r="AV7031" s="145"/>
      <c r="AW7031" s="145"/>
      <c r="AX7031" s="146"/>
      <c r="AY7031" s="146"/>
      <c r="AZ7031" s="146"/>
      <c r="BA7031" s="146"/>
      <c r="BB7031" s="221">
        <v>45884</v>
      </c>
    </row>
    <row r="7032" spans="1:54" s="8" customFormat="1" ht="13.95" customHeight="1" x14ac:dyDescent="0.25">
      <c r="A7032" s="229" t="s">
        <v>16904</v>
      </c>
      <c r="B7032" s="96" t="s">
        <v>19873</v>
      </c>
      <c r="C7032" s="93" t="s">
        <v>16905</v>
      </c>
      <c r="D7032" s="93" t="s">
        <v>16906</v>
      </c>
      <c r="E7032" s="111">
        <v>1982</v>
      </c>
      <c r="F7032" s="111">
        <v>482</v>
      </c>
      <c r="G7032" s="93" t="s">
        <v>1</v>
      </c>
      <c r="H7032" s="111">
        <v>0</v>
      </c>
      <c r="I7032" s="111">
        <v>0</v>
      </c>
      <c r="J7032" s="111">
        <v>1</v>
      </c>
      <c r="K7032" s="111">
        <v>0</v>
      </c>
      <c r="L7032" s="111">
        <v>1</v>
      </c>
      <c r="M7032" s="111">
        <v>0</v>
      </c>
      <c r="N7032" s="111">
        <v>0</v>
      </c>
      <c r="O7032" s="111">
        <v>1</v>
      </c>
      <c r="P7032" s="111">
        <v>1</v>
      </c>
      <c r="Q7032" s="111">
        <v>0</v>
      </c>
      <c r="R7032" s="111">
        <v>0</v>
      </c>
      <c r="S7032" s="111">
        <v>0</v>
      </c>
      <c r="T7032" s="111">
        <v>0</v>
      </c>
      <c r="U7032" s="145"/>
      <c r="V7032" s="145"/>
      <c r="W7032" s="145"/>
      <c r="X7032" s="145"/>
      <c r="Y7032" s="145"/>
      <c r="Z7032" s="145"/>
      <c r="AA7032" s="145"/>
      <c r="AB7032" s="145"/>
      <c r="AC7032" s="145"/>
      <c r="AD7032" s="145"/>
      <c r="AE7032" s="145"/>
      <c r="AF7032" s="145"/>
      <c r="AG7032" s="145"/>
      <c r="AH7032" s="145"/>
      <c r="AI7032" s="145"/>
      <c r="AJ7032" s="145"/>
      <c r="AK7032" s="145"/>
      <c r="AL7032" s="145"/>
      <c r="AM7032" s="145"/>
      <c r="AN7032" s="145"/>
      <c r="AO7032" s="145"/>
      <c r="AP7032" s="145"/>
      <c r="AQ7032" s="145"/>
      <c r="AR7032" s="145"/>
      <c r="AS7032" s="145"/>
      <c r="AT7032" s="145"/>
      <c r="AU7032" s="145"/>
      <c r="AV7032" s="145"/>
      <c r="AW7032" s="145"/>
      <c r="AX7032" s="146"/>
      <c r="AY7032" s="146"/>
      <c r="AZ7032" s="146"/>
      <c r="BA7032" s="146"/>
      <c r="BB7032" s="221">
        <v>45884</v>
      </c>
    </row>
    <row r="7033" spans="1:54" s="8" customFormat="1" ht="13.95" customHeight="1" x14ac:dyDescent="0.25">
      <c r="A7033" s="229" t="s">
        <v>16907</v>
      </c>
      <c r="B7033" s="96" t="s">
        <v>19873</v>
      </c>
      <c r="C7033" s="93" t="s">
        <v>16908</v>
      </c>
      <c r="D7033" s="93" t="s">
        <v>16909</v>
      </c>
      <c r="E7033" s="111">
        <v>2011</v>
      </c>
      <c r="F7033" s="111">
        <v>482</v>
      </c>
      <c r="G7033" s="93" t="s">
        <v>1</v>
      </c>
      <c r="H7033" s="111">
        <v>0</v>
      </c>
      <c r="I7033" s="111">
        <v>0</v>
      </c>
      <c r="J7033" s="111">
        <v>0</v>
      </c>
      <c r="K7033" s="111">
        <v>0</v>
      </c>
      <c r="L7033" s="111">
        <v>0</v>
      </c>
      <c r="M7033" s="111">
        <v>0</v>
      </c>
      <c r="N7033" s="111">
        <v>0</v>
      </c>
      <c r="O7033" s="111">
        <v>0</v>
      </c>
      <c r="P7033" s="111">
        <v>1</v>
      </c>
      <c r="Q7033" s="111">
        <v>0</v>
      </c>
      <c r="R7033" s="111">
        <v>0</v>
      </c>
      <c r="S7033" s="111">
        <v>0</v>
      </c>
      <c r="T7033" s="111">
        <v>0</v>
      </c>
      <c r="U7033" s="145"/>
      <c r="V7033" s="145"/>
      <c r="W7033" s="145"/>
      <c r="X7033" s="145"/>
      <c r="Y7033" s="145"/>
      <c r="Z7033" s="145"/>
      <c r="AA7033" s="145"/>
      <c r="AB7033" s="145"/>
      <c r="AC7033" s="145"/>
      <c r="AD7033" s="145"/>
      <c r="AE7033" s="145"/>
      <c r="AF7033" s="145"/>
      <c r="AG7033" s="145"/>
      <c r="AH7033" s="145"/>
      <c r="AI7033" s="145"/>
      <c r="AJ7033" s="145"/>
      <c r="AK7033" s="145"/>
      <c r="AL7033" s="145"/>
      <c r="AM7033" s="145"/>
      <c r="AN7033" s="145"/>
      <c r="AO7033" s="145"/>
      <c r="AP7033" s="145"/>
      <c r="AQ7033" s="145"/>
      <c r="AR7033" s="145"/>
      <c r="AS7033" s="145"/>
      <c r="AT7033" s="145"/>
      <c r="AU7033" s="145"/>
      <c r="AV7033" s="145"/>
      <c r="AW7033" s="145"/>
      <c r="AX7033" s="146"/>
      <c r="AY7033" s="146"/>
      <c r="AZ7033" s="146"/>
      <c r="BA7033" s="146"/>
      <c r="BB7033" s="221">
        <v>45884</v>
      </c>
    </row>
    <row r="7034" spans="1:54" s="8" customFormat="1" ht="13.95" customHeight="1" x14ac:dyDescent="0.25">
      <c r="A7034" s="229" t="s">
        <v>16910</v>
      </c>
      <c r="B7034" s="96" t="s">
        <v>19873</v>
      </c>
      <c r="C7034" s="93" t="s">
        <v>16911</v>
      </c>
      <c r="D7034" s="93" t="s">
        <v>16912</v>
      </c>
      <c r="E7034" s="111">
        <v>1975</v>
      </c>
      <c r="F7034" s="111">
        <v>483</v>
      </c>
      <c r="G7034" s="93" t="s">
        <v>1</v>
      </c>
      <c r="H7034" s="111">
        <v>0</v>
      </c>
      <c r="I7034" s="111">
        <v>0</v>
      </c>
      <c r="J7034" s="111">
        <v>1</v>
      </c>
      <c r="K7034" s="111">
        <v>0</v>
      </c>
      <c r="L7034" s="111">
        <v>1</v>
      </c>
      <c r="M7034" s="111">
        <v>0</v>
      </c>
      <c r="N7034" s="111">
        <v>0</v>
      </c>
      <c r="O7034" s="111">
        <v>0</v>
      </c>
      <c r="P7034" s="111">
        <v>1</v>
      </c>
      <c r="Q7034" s="111">
        <v>0</v>
      </c>
      <c r="R7034" s="111">
        <v>1</v>
      </c>
      <c r="S7034" s="111">
        <v>0</v>
      </c>
      <c r="T7034" s="111">
        <v>0</v>
      </c>
      <c r="U7034" s="145"/>
      <c r="V7034" s="145"/>
      <c r="W7034" s="145"/>
      <c r="X7034" s="145"/>
      <c r="Y7034" s="145"/>
      <c r="Z7034" s="145"/>
      <c r="AA7034" s="145"/>
      <c r="AB7034" s="145"/>
      <c r="AC7034" s="145"/>
      <c r="AD7034" s="145"/>
      <c r="AE7034" s="145"/>
      <c r="AF7034" s="145"/>
      <c r="AG7034" s="145"/>
      <c r="AH7034" s="145"/>
      <c r="AI7034" s="145"/>
      <c r="AJ7034" s="145"/>
      <c r="AK7034" s="145"/>
      <c r="AL7034" s="145"/>
      <c r="AM7034" s="145"/>
      <c r="AN7034" s="145"/>
      <c r="AO7034" s="145"/>
      <c r="AP7034" s="145"/>
      <c r="AQ7034" s="145"/>
      <c r="AR7034" s="145"/>
      <c r="AS7034" s="145"/>
      <c r="AT7034" s="145"/>
      <c r="AU7034" s="145"/>
      <c r="AV7034" s="145"/>
      <c r="AW7034" s="145"/>
      <c r="AX7034" s="146"/>
      <c r="AY7034" s="146"/>
      <c r="AZ7034" s="146"/>
      <c r="BA7034" s="146"/>
      <c r="BB7034" s="221">
        <v>45884</v>
      </c>
    </row>
    <row r="7035" spans="1:54" s="8" customFormat="1" ht="13.95" customHeight="1" x14ac:dyDescent="0.25">
      <c r="A7035" s="229" t="s">
        <v>16913</v>
      </c>
      <c r="B7035" s="96" t="s">
        <v>19873</v>
      </c>
      <c r="C7035" s="93" t="s">
        <v>16914</v>
      </c>
      <c r="D7035" s="93" t="s">
        <v>16915</v>
      </c>
      <c r="E7035" s="111">
        <v>1981</v>
      </c>
      <c r="F7035" s="111">
        <v>483</v>
      </c>
      <c r="G7035" s="93" t="s">
        <v>1</v>
      </c>
      <c r="H7035" s="111">
        <v>0</v>
      </c>
      <c r="I7035" s="111">
        <v>0</v>
      </c>
      <c r="J7035" s="111">
        <v>1</v>
      </c>
      <c r="K7035" s="111">
        <v>0</v>
      </c>
      <c r="L7035" s="111">
        <v>1</v>
      </c>
      <c r="M7035" s="111">
        <v>0</v>
      </c>
      <c r="N7035" s="111">
        <v>0</v>
      </c>
      <c r="O7035" s="111">
        <v>1</v>
      </c>
      <c r="P7035" s="111">
        <v>0</v>
      </c>
      <c r="Q7035" s="111">
        <v>0</v>
      </c>
      <c r="R7035" s="111">
        <v>0</v>
      </c>
      <c r="S7035" s="111">
        <v>0</v>
      </c>
      <c r="T7035" s="111">
        <v>0</v>
      </c>
      <c r="U7035" s="145"/>
      <c r="V7035" s="145"/>
      <c r="W7035" s="145"/>
      <c r="X7035" s="145"/>
      <c r="Y7035" s="145"/>
      <c r="Z7035" s="145"/>
      <c r="AA7035" s="145"/>
      <c r="AB7035" s="145"/>
      <c r="AC7035" s="145"/>
      <c r="AD7035" s="145"/>
      <c r="AE7035" s="145"/>
      <c r="AF7035" s="145"/>
      <c r="AG7035" s="145"/>
      <c r="AH7035" s="145"/>
      <c r="AI7035" s="145"/>
      <c r="AJ7035" s="145"/>
      <c r="AK7035" s="145"/>
      <c r="AL7035" s="145"/>
      <c r="AM7035" s="145"/>
      <c r="AN7035" s="145"/>
      <c r="AO7035" s="145"/>
      <c r="AP7035" s="145"/>
      <c r="AQ7035" s="145"/>
      <c r="AR7035" s="145"/>
      <c r="AS7035" s="145"/>
      <c r="AT7035" s="145"/>
      <c r="AU7035" s="145"/>
      <c r="AV7035" s="145"/>
      <c r="AW7035" s="145"/>
      <c r="AX7035" s="146"/>
      <c r="AY7035" s="146"/>
      <c r="AZ7035" s="146"/>
      <c r="BA7035" s="146"/>
      <c r="BB7035" s="221">
        <v>45884</v>
      </c>
    </row>
    <row r="7036" spans="1:54" s="8" customFormat="1" ht="13.95" customHeight="1" x14ac:dyDescent="0.25">
      <c r="A7036" s="229" t="s">
        <v>16916</v>
      </c>
      <c r="B7036" s="96" t="s">
        <v>19873</v>
      </c>
      <c r="C7036" s="93" t="s">
        <v>16917</v>
      </c>
      <c r="D7036" s="93" t="s">
        <v>16918</v>
      </c>
      <c r="E7036" s="111">
        <v>2011</v>
      </c>
      <c r="F7036" s="111">
        <v>484</v>
      </c>
      <c r="G7036" s="93" t="s">
        <v>1</v>
      </c>
      <c r="H7036" s="111">
        <v>0</v>
      </c>
      <c r="I7036" s="111">
        <v>0</v>
      </c>
      <c r="J7036" s="111">
        <v>1</v>
      </c>
      <c r="K7036" s="111">
        <v>1</v>
      </c>
      <c r="L7036" s="111">
        <v>0</v>
      </c>
      <c r="M7036" s="111">
        <v>0</v>
      </c>
      <c r="N7036" s="111">
        <v>0</v>
      </c>
      <c r="O7036" s="111">
        <v>0</v>
      </c>
      <c r="P7036" s="111">
        <v>0</v>
      </c>
      <c r="Q7036" s="111">
        <v>0</v>
      </c>
      <c r="R7036" s="111">
        <v>0</v>
      </c>
      <c r="S7036" s="111">
        <v>0</v>
      </c>
      <c r="T7036" s="111">
        <v>0</v>
      </c>
      <c r="U7036" s="145"/>
      <c r="V7036" s="145"/>
      <c r="W7036" s="145"/>
      <c r="X7036" s="145"/>
      <c r="Y7036" s="145"/>
      <c r="Z7036" s="145"/>
      <c r="AA7036" s="145"/>
      <c r="AB7036" s="145"/>
      <c r="AC7036" s="145"/>
      <c r="AD7036" s="145"/>
      <c r="AE7036" s="145"/>
      <c r="AF7036" s="145"/>
      <c r="AG7036" s="145"/>
      <c r="AH7036" s="145"/>
      <c r="AI7036" s="145"/>
      <c r="AJ7036" s="145"/>
      <c r="AK7036" s="145"/>
      <c r="AL7036" s="145"/>
      <c r="AM7036" s="145"/>
      <c r="AN7036" s="145"/>
      <c r="AO7036" s="145"/>
      <c r="AP7036" s="145"/>
      <c r="AQ7036" s="145"/>
      <c r="AR7036" s="145"/>
      <c r="AS7036" s="145"/>
      <c r="AT7036" s="145"/>
      <c r="AU7036" s="145"/>
      <c r="AV7036" s="145"/>
      <c r="AW7036" s="145"/>
      <c r="AX7036" s="146"/>
      <c r="AY7036" s="146"/>
      <c r="AZ7036" s="146"/>
      <c r="BA7036" s="146"/>
      <c r="BB7036" s="221">
        <v>45884</v>
      </c>
    </row>
    <row r="7037" spans="1:54" s="8" customFormat="1" ht="13.95" customHeight="1" x14ac:dyDescent="0.25">
      <c r="A7037" s="229" t="s">
        <v>16919</v>
      </c>
      <c r="B7037" s="96" t="s">
        <v>19873</v>
      </c>
      <c r="C7037" s="93" t="s">
        <v>16920</v>
      </c>
      <c r="D7037" s="93" t="s">
        <v>16921</v>
      </c>
      <c r="E7037" s="111">
        <v>1994</v>
      </c>
      <c r="F7037" s="111">
        <v>492</v>
      </c>
      <c r="G7037" s="93" t="s">
        <v>1</v>
      </c>
      <c r="H7037" s="111">
        <v>0</v>
      </c>
      <c r="I7037" s="111">
        <v>0</v>
      </c>
      <c r="J7037" s="111">
        <v>1</v>
      </c>
      <c r="K7037" s="111">
        <v>1</v>
      </c>
      <c r="L7037" s="111">
        <v>1</v>
      </c>
      <c r="M7037" s="111">
        <v>0</v>
      </c>
      <c r="N7037" s="111">
        <v>0</v>
      </c>
      <c r="O7037" s="111">
        <v>0</v>
      </c>
      <c r="P7037" s="111">
        <v>0</v>
      </c>
      <c r="Q7037" s="111">
        <v>0</v>
      </c>
      <c r="R7037" s="111">
        <v>0</v>
      </c>
      <c r="S7037" s="111">
        <v>0</v>
      </c>
      <c r="T7037" s="111">
        <v>0</v>
      </c>
      <c r="U7037" s="145"/>
      <c r="V7037" s="145"/>
      <c r="W7037" s="145"/>
      <c r="X7037" s="145"/>
      <c r="Y7037" s="145"/>
      <c r="Z7037" s="145"/>
      <c r="AA7037" s="145"/>
      <c r="AB7037" s="145"/>
      <c r="AC7037" s="145"/>
      <c r="AD7037" s="145"/>
      <c r="AE7037" s="145"/>
      <c r="AF7037" s="145"/>
      <c r="AG7037" s="145"/>
      <c r="AH7037" s="145"/>
      <c r="AI7037" s="145"/>
      <c r="AJ7037" s="145"/>
      <c r="AK7037" s="145"/>
      <c r="AL7037" s="145"/>
      <c r="AM7037" s="145"/>
      <c r="AN7037" s="145"/>
      <c r="AO7037" s="145"/>
      <c r="AP7037" s="145"/>
      <c r="AQ7037" s="145"/>
      <c r="AR7037" s="145"/>
      <c r="AS7037" s="145"/>
      <c r="AT7037" s="145"/>
      <c r="AU7037" s="145"/>
      <c r="AV7037" s="145"/>
      <c r="AW7037" s="145"/>
      <c r="AX7037" s="146"/>
      <c r="AY7037" s="146"/>
      <c r="AZ7037" s="146"/>
      <c r="BA7037" s="146"/>
      <c r="BB7037" s="221">
        <v>45884</v>
      </c>
    </row>
    <row r="7038" spans="1:54" s="8" customFormat="1" ht="13.95" customHeight="1" x14ac:dyDescent="0.25">
      <c r="A7038" s="229" t="s">
        <v>16922</v>
      </c>
      <c r="B7038" s="96" t="s">
        <v>19873</v>
      </c>
      <c r="C7038" s="93" t="s">
        <v>16923</v>
      </c>
      <c r="D7038" s="93" t="s">
        <v>16924</v>
      </c>
      <c r="E7038" s="111">
        <v>1973</v>
      </c>
      <c r="F7038" s="111">
        <v>478</v>
      </c>
      <c r="G7038" s="93" t="s">
        <v>1</v>
      </c>
      <c r="H7038" s="111">
        <v>0</v>
      </c>
      <c r="I7038" s="111">
        <v>0</v>
      </c>
      <c r="J7038" s="111">
        <v>1</v>
      </c>
      <c r="K7038" s="111">
        <v>0</v>
      </c>
      <c r="L7038" s="111">
        <v>0</v>
      </c>
      <c r="M7038" s="111">
        <v>0</v>
      </c>
      <c r="N7038" s="111">
        <v>0</v>
      </c>
      <c r="O7038" s="111">
        <v>0</v>
      </c>
      <c r="P7038" s="111">
        <v>0</v>
      </c>
      <c r="Q7038" s="111">
        <v>0</v>
      </c>
      <c r="R7038" s="111">
        <v>0</v>
      </c>
      <c r="S7038" s="111">
        <v>0</v>
      </c>
      <c r="T7038" s="111">
        <v>0</v>
      </c>
      <c r="U7038" s="145"/>
      <c r="V7038" s="145"/>
      <c r="W7038" s="145"/>
      <c r="X7038" s="145"/>
      <c r="Y7038" s="145"/>
      <c r="Z7038" s="145"/>
      <c r="AA7038" s="145"/>
      <c r="AB7038" s="145"/>
      <c r="AC7038" s="145"/>
      <c r="AD7038" s="145"/>
      <c r="AE7038" s="145"/>
      <c r="AF7038" s="145"/>
      <c r="AG7038" s="145"/>
      <c r="AH7038" s="145"/>
      <c r="AI7038" s="145"/>
      <c r="AJ7038" s="145"/>
      <c r="AK7038" s="145"/>
      <c r="AL7038" s="145"/>
      <c r="AM7038" s="145"/>
      <c r="AN7038" s="145"/>
      <c r="AO7038" s="145"/>
      <c r="AP7038" s="145"/>
      <c r="AQ7038" s="145"/>
      <c r="AR7038" s="145"/>
      <c r="AS7038" s="145"/>
      <c r="AT7038" s="145"/>
      <c r="AU7038" s="145"/>
      <c r="AV7038" s="145"/>
      <c r="AW7038" s="145"/>
      <c r="AX7038" s="146"/>
      <c r="AY7038" s="146"/>
      <c r="AZ7038" s="146"/>
      <c r="BA7038" s="146"/>
      <c r="BB7038" s="221">
        <v>45884</v>
      </c>
    </row>
    <row r="7039" spans="1:54" s="8" customFormat="1" ht="13.95" customHeight="1" x14ac:dyDescent="0.25">
      <c r="A7039" s="229" t="s">
        <v>16925</v>
      </c>
      <c r="B7039" s="96" t="s">
        <v>19873</v>
      </c>
      <c r="C7039" s="93" t="s">
        <v>16926</v>
      </c>
      <c r="D7039" s="93" t="s">
        <v>16927</v>
      </c>
      <c r="E7039" s="111" t="s">
        <v>174</v>
      </c>
      <c r="F7039" s="111">
        <v>500</v>
      </c>
      <c r="G7039" s="93" t="s">
        <v>1</v>
      </c>
      <c r="H7039" s="111">
        <v>0</v>
      </c>
      <c r="I7039" s="111">
        <v>0</v>
      </c>
      <c r="J7039" s="111">
        <v>0</v>
      </c>
      <c r="K7039" s="111">
        <v>0</v>
      </c>
      <c r="L7039" s="111">
        <v>0</v>
      </c>
      <c r="M7039" s="111">
        <v>1</v>
      </c>
      <c r="N7039" s="111">
        <v>1</v>
      </c>
      <c r="O7039" s="111">
        <v>0</v>
      </c>
      <c r="P7039" s="111">
        <v>1</v>
      </c>
      <c r="Q7039" s="111">
        <v>0</v>
      </c>
      <c r="R7039" s="111">
        <v>0</v>
      </c>
      <c r="S7039" s="111">
        <v>0</v>
      </c>
      <c r="T7039" s="111">
        <v>0</v>
      </c>
      <c r="U7039" s="145"/>
      <c r="V7039" s="145"/>
      <c r="W7039" s="145"/>
      <c r="X7039" s="145"/>
      <c r="Y7039" s="145"/>
      <c r="Z7039" s="145"/>
      <c r="AA7039" s="145"/>
      <c r="AB7039" s="145"/>
      <c r="AC7039" s="145"/>
      <c r="AD7039" s="145"/>
      <c r="AE7039" s="145"/>
      <c r="AF7039" s="145"/>
      <c r="AG7039" s="145"/>
      <c r="AH7039" s="145"/>
      <c r="AI7039" s="145"/>
      <c r="AJ7039" s="145"/>
      <c r="AK7039" s="145"/>
      <c r="AL7039" s="145"/>
      <c r="AM7039" s="145"/>
      <c r="AN7039" s="145"/>
      <c r="AO7039" s="145"/>
      <c r="AP7039" s="145"/>
      <c r="AQ7039" s="145"/>
      <c r="AR7039" s="145"/>
      <c r="AS7039" s="145"/>
      <c r="AT7039" s="145"/>
      <c r="AU7039" s="145"/>
      <c r="AV7039" s="145"/>
      <c r="AW7039" s="145"/>
      <c r="AX7039" s="146"/>
      <c r="AY7039" s="146"/>
      <c r="AZ7039" s="146"/>
      <c r="BA7039" s="146"/>
      <c r="BB7039" s="221">
        <v>45884</v>
      </c>
    </row>
    <row r="7040" spans="1:54" s="8" customFormat="1" ht="13.95" customHeight="1" x14ac:dyDescent="0.25">
      <c r="A7040" s="229" t="s">
        <v>16928</v>
      </c>
      <c r="B7040" s="96" t="s">
        <v>19873</v>
      </c>
      <c r="C7040" s="93" t="s">
        <v>16929</v>
      </c>
      <c r="D7040" s="93" t="s">
        <v>16930</v>
      </c>
      <c r="E7040" s="111">
        <v>1986</v>
      </c>
      <c r="F7040" s="111">
        <v>509</v>
      </c>
      <c r="G7040" s="93" t="s">
        <v>1</v>
      </c>
      <c r="H7040" s="111">
        <v>0</v>
      </c>
      <c r="I7040" s="111">
        <v>0</v>
      </c>
      <c r="J7040" s="111">
        <v>1</v>
      </c>
      <c r="K7040" s="111">
        <v>0</v>
      </c>
      <c r="L7040" s="111">
        <v>1</v>
      </c>
      <c r="M7040" s="111">
        <v>0</v>
      </c>
      <c r="N7040" s="111">
        <v>0</v>
      </c>
      <c r="O7040" s="111">
        <v>0</v>
      </c>
      <c r="P7040" s="111">
        <v>1</v>
      </c>
      <c r="Q7040" s="111">
        <v>0</v>
      </c>
      <c r="R7040" s="111">
        <v>0</v>
      </c>
      <c r="S7040" s="111">
        <v>0</v>
      </c>
      <c r="T7040" s="111">
        <v>0</v>
      </c>
      <c r="U7040" s="145"/>
      <c r="V7040" s="145"/>
      <c r="W7040" s="145"/>
      <c r="X7040" s="145"/>
      <c r="Y7040" s="145"/>
      <c r="Z7040" s="145"/>
      <c r="AA7040" s="145"/>
      <c r="AB7040" s="145"/>
      <c r="AC7040" s="145"/>
      <c r="AD7040" s="145"/>
      <c r="AE7040" s="145"/>
      <c r="AF7040" s="145"/>
      <c r="AG7040" s="145"/>
      <c r="AH7040" s="145"/>
      <c r="AI7040" s="145"/>
      <c r="AJ7040" s="145"/>
      <c r="AK7040" s="145"/>
      <c r="AL7040" s="145"/>
      <c r="AM7040" s="145"/>
      <c r="AN7040" s="145"/>
      <c r="AO7040" s="145"/>
      <c r="AP7040" s="145"/>
      <c r="AQ7040" s="145"/>
      <c r="AR7040" s="145"/>
      <c r="AS7040" s="145"/>
      <c r="AT7040" s="145"/>
      <c r="AU7040" s="145"/>
      <c r="AV7040" s="145"/>
      <c r="AW7040" s="145"/>
      <c r="AX7040" s="146"/>
      <c r="AY7040" s="146"/>
      <c r="AZ7040" s="146"/>
      <c r="BA7040" s="112" t="s">
        <v>16931</v>
      </c>
      <c r="BB7040" s="221">
        <v>45884</v>
      </c>
    </row>
    <row r="7041" spans="1:54" s="8" customFormat="1" ht="13.95" customHeight="1" x14ac:dyDescent="0.25">
      <c r="A7041" s="229" t="s">
        <v>16932</v>
      </c>
      <c r="B7041" s="96" t="s">
        <v>19873</v>
      </c>
      <c r="C7041" s="93" t="s">
        <v>16933</v>
      </c>
      <c r="D7041" s="93" t="s">
        <v>16934</v>
      </c>
      <c r="E7041" s="111">
        <v>1977</v>
      </c>
      <c r="F7041" s="111">
        <v>511</v>
      </c>
      <c r="G7041" s="93" t="s">
        <v>1</v>
      </c>
      <c r="H7041" s="111">
        <v>0</v>
      </c>
      <c r="I7041" s="111">
        <v>0</v>
      </c>
      <c r="J7041" s="111">
        <v>1</v>
      </c>
      <c r="K7041" s="111">
        <v>0</v>
      </c>
      <c r="L7041" s="111">
        <v>1</v>
      </c>
      <c r="M7041" s="111">
        <v>0</v>
      </c>
      <c r="N7041" s="111">
        <v>1</v>
      </c>
      <c r="O7041" s="111">
        <v>1</v>
      </c>
      <c r="P7041" s="111">
        <v>1</v>
      </c>
      <c r="Q7041" s="111">
        <v>0</v>
      </c>
      <c r="R7041" s="111">
        <v>0</v>
      </c>
      <c r="S7041" s="111">
        <v>0</v>
      </c>
      <c r="T7041" s="111">
        <v>0</v>
      </c>
      <c r="U7041" s="145"/>
      <c r="V7041" s="145"/>
      <c r="W7041" s="145"/>
      <c r="X7041" s="145"/>
      <c r="Y7041" s="145"/>
      <c r="Z7041" s="145"/>
      <c r="AA7041" s="145"/>
      <c r="AB7041" s="145"/>
      <c r="AC7041" s="145"/>
      <c r="AD7041" s="145"/>
      <c r="AE7041" s="145"/>
      <c r="AF7041" s="145"/>
      <c r="AG7041" s="145"/>
      <c r="AH7041" s="145"/>
      <c r="AI7041" s="145"/>
      <c r="AJ7041" s="145"/>
      <c r="AK7041" s="145"/>
      <c r="AL7041" s="145"/>
      <c r="AM7041" s="145"/>
      <c r="AN7041" s="145"/>
      <c r="AO7041" s="145"/>
      <c r="AP7041" s="145"/>
      <c r="AQ7041" s="145"/>
      <c r="AR7041" s="145"/>
      <c r="AS7041" s="145"/>
      <c r="AT7041" s="145"/>
      <c r="AU7041" s="145"/>
      <c r="AV7041" s="145"/>
      <c r="AW7041" s="145"/>
      <c r="AX7041" s="146"/>
      <c r="AY7041" s="146"/>
      <c r="AZ7041" s="146"/>
      <c r="BA7041" s="146"/>
      <c r="BB7041" s="221">
        <v>45884</v>
      </c>
    </row>
    <row r="7042" spans="1:54" s="8" customFormat="1" ht="13.95" customHeight="1" x14ac:dyDescent="0.25">
      <c r="A7042" s="229" t="s">
        <v>16935</v>
      </c>
      <c r="B7042" s="96" t="s">
        <v>19873</v>
      </c>
      <c r="C7042" s="93" t="s">
        <v>16936</v>
      </c>
      <c r="D7042" s="93" t="s">
        <v>16937</v>
      </c>
      <c r="E7042" s="111">
        <v>1972</v>
      </c>
      <c r="F7042" s="111">
        <v>514</v>
      </c>
      <c r="G7042" s="93" t="s">
        <v>1</v>
      </c>
      <c r="H7042" s="111">
        <v>0</v>
      </c>
      <c r="I7042" s="111">
        <v>0</v>
      </c>
      <c r="J7042" s="111">
        <v>1</v>
      </c>
      <c r="K7042" s="111">
        <v>1</v>
      </c>
      <c r="L7042" s="111">
        <v>1</v>
      </c>
      <c r="M7042" s="111">
        <v>0</v>
      </c>
      <c r="N7042" s="111">
        <v>0</v>
      </c>
      <c r="O7042" s="111">
        <v>0</v>
      </c>
      <c r="P7042" s="111">
        <v>0</v>
      </c>
      <c r="Q7042" s="111">
        <v>0</v>
      </c>
      <c r="R7042" s="111">
        <v>0</v>
      </c>
      <c r="S7042" s="111">
        <v>0</v>
      </c>
      <c r="T7042" s="111">
        <v>0</v>
      </c>
      <c r="U7042" s="145"/>
      <c r="V7042" s="145"/>
      <c r="W7042" s="145"/>
      <c r="X7042" s="145"/>
      <c r="Y7042" s="145"/>
      <c r="Z7042" s="145"/>
      <c r="AA7042" s="145"/>
      <c r="AB7042" s="145"/>
      <c r="AC7042" s="145"/>
      <c r="AD7042" s="145"/>
      <c r="AE7042" s="145"/>
      <c r="AF7042" s="145"/>
      <c r="AG7042" s="145"/>
      <c r="AH7042" s="145"/>
      <c r="AI7042" s="145"/>
      <c r="AJ7042" s="145"/>
      <c r="AK7042" s="145"/>
      <c r="AL7042" s="145"/>
      <c r="AM7042" s="145"/>
      <c r="AN7042" s="145"/>
      <c r="AO7042" s="145"/>
      <c r="AP7042" s="145"/>
      <c r="AQ7042" s="145"/>
      <c r="AR7042" s="145"/>
      <c r="AS7042" s="145"/>
      <c r="AT7042" s="145"/>
      <c r="AU7042" s="145"/>
      <c r="AV7042" s="145"/>
      <c r="AW7042" s="145"/>
      <c r="AX7042" s="146"/>
      <c r="AY7042" s="146"/>
      <c r="AZ7042" s="146"/>
      <c r="BA7042" s="146"/>
      <c r="BB7042" s="221">
        <v>45884</v>
      </c>
    </row>
    <row r="7043" spans="1:54" s="8" customFormat="1" ht="13.95" customHeight="1" x14ac:dyDescent="0.25">
      <c r="A7043" s="229" t="s">
        <v>16938</v>
      </c>
      <c r="B7043" s="96" t="s">
        <v>19873</v>
      </c>
      <c r="C7043" s="93" t="s">
        <v>16939</v>
      </c>
      <c r="D7043" s="93" t="s">
        <v>16940</v>
      </c>
      <c r="E7043" s="111">
        <v>1983</v>
      </c>
      <c r="F7043" s="111">
        <v>525</v>
      </c>
      <c r="G7043" s="93" t="s">
        <v>1</v>
      </c>
      <c r="H7043" s="111">
        <v>0</v>
      </c>
      <c r="I7043" s="111">
        <v>0</v>
      </c>
      <c r="J7043" s="111">
        <v>1</v>
      </c>
      <c r="K7043" s="111">
        <v>0</v>
      </c>
      <c r="L7043" s="111">
        <v>1</v>
      </c>
      <c r="M7043" s="111">
        <v>0</v>
      </c>
      <c r="N7043" s="111">
        <v>0</v>
      </c>
      <c r="O7043" s="111">
        <v>0</v>
      </c>
      <c r="P7043" s="111">
        <v>1</v>
      </c>
      <c r="Q7043" s="111">
        <v>0</v>
      </c>
      <c r="R7043" s="111">
        <v>0</v>
      </c>
      <c r="S7043" s="111">
        <v>0</v>
      </c>
      <c r="T7043" s="111">
        <v>0</v>
      </c>
      <c r="U7043" s="145"/>
      <c r="V7043" s="145"/>
      <c r="W7043" s="145"/>
      <c r="X7043" s="145"/>
      <c r="Y7043" s="145"/>
      <c r="Z7043" s="145"/>
      <c r="AA7043" s="145"/>
      <c r="AB7043" s="145"/>
      <c r="AC7043" s="145"/>
      <c r="AD7043" s="145"/>
      <c r="AE7043" s="145"/>
      <c r="AF7043" s="145"/>
      <c r="AG7043" s="145"/>
      <c r="AH7043" s="145"/>
      <c r="AI7043" s="145"/>
      <c r="AJ7043" s="145"/>
      <c r="AK7043" s="145"/>
      <c r="AL7043" s="145"/>
      <c r="AM7043" s="145"/>
      <c r="AN7043" s="145"/>
      <c r="AO7043" s="145"/>
      <c r="AP7043" s="145"/>
      <c r="AQ7043" s="145"/>
      <c r="AR7043" s="145"/>
      <c r="AS7043" s="145"/>
      <c r="AT7043" s="145"/>
      <c r="AU7043" s="145"/>
      <c r="AV7043" s="145"/>
      <c r="AW7043" s="145"/>
      <c r="AX7043" s="146"/>
      <c r="AY7043" s="146"/>
      <c r="AZ7043" s="146"/>
      <c r="BA7043" s="146"/>
      <c r="BB7043" s="221">
        <v>45884</v>
      </c>
    </row>
    <row r="7044" spans="1:54" s="8" customFormat="1" ht="13.95" customHeight="1" x14ac:dyDescent="0.25">
      <c r="A7044" s="229" t="s">
        <v>16941</v>
      </c>
      <c r="B7044" s="96" t="s">
        <v>19873</v>
      </c>
      <c r="C7044" s="93" t="s">
        <v>16942</v>
      </c>
      <c r="D7044" s="93" t="s">
        <v>16943</v>
      </c>
      <c r="E7044" s="111">
        <v>2002</v>
      </c>
      <c r="F7044" s="111">
        <v>533</v>
      </c>
      <c r="G7044" s="93" t="s">
        <v>1</v>
      </c>
      <c r="H7044" s="111">
        <v>0</v>
      </c>
      <c r="I7044" s="111">
        <v>0</v>
      </c>
      <c r="J7044" s="111">
        <v>0</v>
      </c>
      <c r="K7044" s="111">
        <v>0</v>
      </c>
      <c r="L7044" s="111">
        <v>0</v>
      </c>
      <c r="M7044" s="111">
        <v>0</v>
      </c>
      <c r="N7044" s="111">
        <v>0</v>
      </c>
      <c r="O7044" s="111">
        <v>0</v>
      </c>
      <c r="P7044" s="111">
        <v>0</v>
      </c>
      <c r="Q7044" s="111">
        <v>0</v>
      </c>
      <c r="R7044" s="111">
        <v>0</v>
      </c>
      <c r="S7044" s="111">
        <v>0</v>
      </c>
      <c r="T7044" s="111">
        <v>0</v>
      </c>
      <c r="U7044" s="145"/>
      <c r="V7044" s="145"/>
      <c r="W7044" s="145"/>
      <c r="X7044" s="145"/>
      <c r="Y7044" s="145"/>
      <c r="Z7044" s="145"/>
      <c r="AA7044" s="145"/>
      <c r="AB7044" s="145"/>
      <c r="AC7044" s="145"/>
      <c r="AD7044" s="145"/>
      <c r="AE7044" s="145"/>
      <c r="AF7044" s="145"/>
      <c r="AG7044" s="145"/>
      <c r="AH7044" s="145"/>
      <c r="AI7044" s="145"/>
      <c r="AJ7044" s="145"/>
      <c r="AK7044" s="145"/>
      <c r="AL7044" s="145"/>
      <c r="AM7044" s="145"/>
      <c r="AN7044" s="145"/>
      <c r="AO7044" s="145"/>
      <c r="AP7044" s="145"/>
      <c r="AQ7044" s="145"/>
      <c r="AR7044" s="145"/>
      <c r="AS7044" s="145"/>
      <c r="AT7044" s="145"/>
      <c r="AU7044" s="145"/>
      <c r="AV7044" s="145"/>
      <c r="AW7044" s="145"/>
      <c r="AX7044" s="146"/>
      <c r="AY7044" s="146"/>
      <c r="AZ7044" s="146"/>
      <c r="BA7044" s="146"/>
      <c r="BB7044" s="221">
        <v>45884</v>
      </c>
    </row>
    <row r="7045" spans="1:54" s="8" customFormat="1" ht="13.95" customHeight="1" x14ac:dyDescent="0.25">
      <c r="A7045" s="229" t="s">
        <v>16944</v>
      </c>
      <c r="B7045" s="96" t="s">
        <v>19873</v>
      </c>
      <c r="C7045" s="93" t="s">
        <v>16945</v>
      </c>
      <c r="D7045" s="93" t="s">
        <v>16946</v>
      </c>
      <c r="E7045" s="111">
        <v>2002</v>
      </c>
      <c r="F7045" s="111">
        <v>539</v>
      </c>
      <c r="G7045" s="93" t="s">
        <v>1</v>
      </c>
      <c r="H7045" s="111">
        <v>0</v>
      </c>
      <c r="I7045" s="111">
        <v>0</v>
      </c>
      <c r="J7045" s="111">
        <v>0</v>
      </c>
      <c r="K7045" s="111">
        <v>0</v>
      </c>
      <c r="L7045" s="111">
        <v>0</v>
      </c>
      <c r="M7045" s="111">
        <v>0</v>
      </c>
      <c r="N7045" s="111">
        <v>0</v>
      </c>
      <c r="O7045" s="111">
        <v>0</v>
      </c>
      <c r="P7045" s="111">
        <v>0</v>
      </c>
      <c r="Q7045" s="111">
        <v>0</v>
      </c>
      <c r="R7045" s="111">
        <v>0</v>
      </c>
      <c r="S7045" s="111">
        <v>0</v>
      </c>
      <c r="T7045" s="111">
        <v>0</v>
      </c>
      <c r="U7045" s="145"/>
      <c r="V7045" s="145"/>
      <c r="W7045" s="145"/>
      <c r="X7045" s="145"/>
      <c r="Y7045" s="145"/>
      <c r="Z7045" s="145"/>
      <c r="AA7045" s="145"/>
      <c r="AB7045" s="145"/>
      <c r="AC7045" s="145"/>
      <c r="AD7045" s="145"/>
      <c r="AE7045" s="145"/>
      <c r="AF7045" s="145"/>
      <c r="AG7045" s="145"/>
      <c r="AH7045" s="145"/>
      <c r="AI7045" s="145"/>
      <c r="AJ7045" s="145"/>
      <c r="AK7045" s="145"/>
      <c r="AL7045" s="145"/>
      <c r="AM7045" s="145"/>
      <c r="AN7045" s="145"/>
      <c r="AO7045" s="145"/>
      <c r="AP7045" s="145"/>
      <c r="AQ7045" s="145"/>
      <c r="AR7045" s="145"/>
      <c r="AS7045" s="145"/>
      <c r="AT7045" s="145"/>
      <c r="AU7045" s="145"/>
      <c r="AV7045" s="145"/>
      <c r="AW7045" s="145"/>
      <c r="AX7045" s="146"/>
      <c r="AY7045" s="146"/>
      <c r="AZ7045" s="146"/>
      <c r="BA7045" s="146"/>
      <c r="BB7045" s="221">
        <v>45884</v>
      </c>
    </row>
    <row r="7046" spans="1:54" s="8" customFormat="1" ht="13.95" customHeight="1" x14ac:dyDescent="0.25">
      <c r="A7046" s="229" t="s">
        <v>16947</v>
      </c>
      <c r="B7046" s="96" t="s">
        <v>19873</v>
      </c>
      <c r="C7046" s="93" t="s">
        <v>16948</v>
      </c>
      <c r="D7046" s="93" t="s">
        <v>16949</v>
      </c>
      <c r="E7046" s="111">
        <v>1979</v>
      </c>
      <c r="F7046" s="111">
        <v>594</v>
      </c>
      <c r="G7046" s="93" t="s">
        <v>1</v>
      </c>
      <c r="H7046" s="111">
        <v>0</v>
      </c>
      <c r="I7046" s="111">
        <v>0</v>
      </c>
      <c r="J7046" s="111">
        <v>1</v>
      </c>
      <c r="K7046" s="111">
        <v>0</v>
      </c>
      <c r="L7046" s="111">
        <v>0</v>
      </c>
      <c r="M7046" s="111">
        <v>0</v>
      </c>
      <c r="N7046" s="111">
        <v>0</v>
      </c>
      <c r="O7046" s="111">
        <v>0</v>
      </c>
      <c r="P7046" s="111">
        <v>1</v>
      </c>
      <c r="Q7046" s="111">
        <v>0</v>
      </c>
      <c r="R7046" s="111">
        <v>1</v>
      </c>
      <c r="S7046" s="111">
        <v>0</v>
      </c>
      <c r="T7046" s="111">
        <v>0</v>
      </c>
      <c r="U7046" s="145"/>
      <c r="V7046" s="145"/>
      <c r="W7046" s="145"/>
      <c r="X7046" s="145"/>
      <c r="Y7046" s="145"/>
      <c r="Z7046" s="145"/>
      <c r="AA7046" s="145"/>
      <c r="AB7046" s="145"/>
      <c r="AC7046" s="145"/>
      <c r="AD7046" s="145"/>
      <c r="AE7046" s="145"/>
      <c r="AF7046" s="145"/>
      <c r="AG7046" s="145"/>
      <c r="AH7046" s="145"/>
      <c r="AI7046" s="145"/>
      <c r="AJ7046" s="145"/>
      <c r="AK7046" s="145"/>
      <c r="AL7046" s="145"/>
      <c r="AM7046" s="145"/>
      <c r="AN7046" s="145"/>
      <c r="AO7046" s="145"/>
      <c r="AP7046" s="145"/>
      <c r="AQ7046" s="145"/>
      <c r="AR7046" s="145"/>
      <c r="AS7046" s="145"/>
      <c r="AT7046" s="145"/>
      <c r="AU7046" s="145"/>
      <c r="AV7046" s="145"/>
      <c r="AW7046" s="145"/>
      <c r="AX7046" s="146"/>
      <c r="AY7046" s="146"/>
      <c r="AZ7046" s="146"/>
      <c r="BA7046" s="146"/>
      <c r="BB7046" s="221">
        <v>45884</v>
      </c>
    </row>
    <row r="7047" spans="1:54" s="8" customFormat="1" ht="13.95" customHeight="1" x14ac:dyDescent="0.25">
      <c r="A7047" s="229" t="s">
        <v>16950</v>
      </c>
      <c r="B7047" s="96" t="s">
        <v>19873</v>
      </c>
      <c r="C7047" s="93" t="s">
        <v>16951</v>
      </c>
      <c r="D7047" s="93" t="s">
        <v>16952</v>
      </c>
      <c r="E7047" s="111">
        <v>2010</v>
      </c>
      <c r="F7047" s="111">
        <v>559</v>
      </c>
      <c r="G7047" s="93" t="s">
        <v>1</v>
      </c>
      <c r="H7047" s="111">
        <v>0</v>
      </c>
      <c r="I7047" s="111">
        <v>0</v>
      </c>
      <c r="J7047" s="111">
        <v>1</v>
      </c>
      <c r="K7047" s="111">
        <v>0</v>
      </c>
      <c r="L7047" s="111">
        <v>0</v>
      </c>
      <c r="M7047" s="111">
        <v>1</v>
      </c>
      <c r="N7047" s="111">
        <v>0</v>
      </c>
      <c r="O7047" s="111">
        <v>0</v>
      </c>
      <c r="P7047" s="111">
        <v>1</v>
      </c>
      <c r="Q7047" s="111">
        <v>0</v>
      </c>
      <c r="R7047" s="111">
        <v>0</v>
      </c>
      <c r="S7047" s="111">
        <v>0</v>
      </c>
      <c r="T7047" s="111">
        <v>0</v>
      </c>
      <c r="U7047" s="145"/>
      <c r="V7047" s="145"/>
      <c r="W7047" s="145"/>
      <c r="X7047" s="145"/>
      <c r="Y7047" s="145"/>
      <c r="Z7047" s="145"/>
      <c r="AA7047" s="145"/>
      <c r="AB7047" s="145"/>
      <c r="AC7047" s="145"/>
      <c r="AD7047" s="145"/>
      <c r="AE7047" s="145"/>
      <c r="AF7047" s="145"/>
      <c r="AG7047" s="145"/>
      <c r="AH7047" s="145"/>
      <c r="AI7047" s="145"/>
      <c r="AJ7047" s="145"/>
      <c r="AK7047" s="145"/>
      <c r="AL7047" s="145"/>
      <c r="AM7047" s="145"/>
      <c r="AN7047" s="145"/>
      <c r="AO7047" s="145"/>
      <c r="AP7047" s="145"/>
      <c r="AQ7047" s="145"/>
      <c r="AR7047" s="145"/>
      <c r="AS7047" s="145"/>
      <c r="AT7047" s="145"/>
      <c r="AU7047" s="145"/>
      <c r="AV7047" s="145"/>
      <c r="AW7047" s="145"/>
      <c r="AX7047" s="146"/>
      <c r="AY7047" s="146"/>
      <c r="AZ7047" s="146"/>
      <c r="BA7047" s="146"/>
      <c r="BB7047" s="221">
        <v>45884</v>
      </c>
    </row>
    <row r="7048" spans="1:54" s="8" customFormat="1" ht="13.95" customHeight="1" x14ac:dyDescent="0.25">
      <c r="A7048" s="229" t="s">
        <v>16953</v>
      </c>
      <c r="B7048" s="96" t="s">
        <v>19873</v>
      </c>
      <c r="C7048" s="93" t="s">
        <v>16954</v>
      </c>
      <c r="D7048" s="93" t="s">
        <v>16955</v>
      </c>
      <c r="E7048" s="111">
        <v>1974</v>
      </c>
      <c r="F7048" s="111">
        <v>568</v>
      </c>
      <c r="G7048" s="93" t="s">
        <v>1</v>
      </c>
      <c r="H7048" s="111">
        <v>0</v>
      </c>
      <c r="I7048" s="111">
        <v>0</v>
      </c>
      <c r="J7048" s="111">
        <v>1</v>
      </c>
      <c r="K7048" s="111">
        <v>0</v>
      </c>
      <c r="L7048" s="111">
        <v>1</v>
      </c>
      <c r="M7048" s="111">
        <v>0</v>
      </c>
      <c r="N7048" s="111">
        <v>0</v>
      </c>
      <c r="O7048" s="111">
        <v>1</v>
      </c>
      <c r="P7048" s="111">
        <v>1</v>
      </c>
      <c r="Q7048" s="111">
        <v>0</v>
      </c>
      <c r="R7048" s="111">
        <v>1</v>
      </c>
      <c r="S7048" s="111">
        <v>0</v>
      </c>
      <c r="T7048" s="111">
        <v>0</v>
      </c>
      <c r="U7048" s="145"/>
      <c r="V7048" s="145"/>
      <c r="W7048" s="145"/>
      <c r="X7048" s="145"/>
      <c r="Y7048" s="145"/>
      <c r="Z7048" s="145"/>
      <c r="AA7048" s="145"/>
      <c r="AB7048" s="145"/>
      <c r="AC7048" s="145"/>
      <c r="AD7048" s="145"/>
      <c r="AE7048" s="145"/>
      <c r="AF7048" s="145"/>
      <c r="AG7048" s="145"/>
      <c r="AH7048" s="145"/>
      <c r="AI7048" s="145"/>
      <c r="AJ7048" s="145"/>
      <c r="AK7048" s="145"/>
      <c r="AL7048" s="145"/>
      <c r="AM7048" s="145"/>
      <c r="AN7048" s="145"/>
      <c r="AO7048" s="145"/>
      <c r="AP7048" s="145"/>
      <c r="AQ7048" s="145"/>
      <c r="AR7048" s="145"/>
      <c r="AS7048" s="145"/>
      <c r="AT7048" s="145"/>
      <c r="AU7048" s="145"/>
      <c r="AV7048" s="145"/>
      <c r="AW7048" s="145"/>
      <c r="AX7048" s="146"/>
      <c r="AY7048" s="146"/>
      <c r="AZ7048" s="146"/>
      <c r="BA7048" s="146"/>
      <c r="BB7048" s="221">
        <v>45884</v>
      </c>
    </row>
    <row r="7049" spans="1:54" s="8" customFormat="1" ht="13.95" customHeight="1" x14ac:dyDescent="0.25">
      <c r="A7049" s="229" t="s">
        <v>16956</v>
      </c>
      <c r="B7049" s="96" t="s">
        <v>19873</v>
      </c>
      <c r="C7049" s="93" t="s">
        <v>16957</v>
      </c>
      <c r="D7049" s="93" t="s">
        <v>16958</v>
      </c>
      <c r="E7049" s="111">
        <v>1992</v>
      </c>
      <c r="F7049" s="111">
        <v>607</v>
      </c>
      <c r="G7049" s="93" t="s">
        <v>1</v>
      </c>
      <c r="H7049" s="111">
        <v>0</v>
      </c>
      <c r="I7049" s="111">
        <v>0</v>
      </c>
      <c r="J7049" s="111">
        <v>0</v>
      </c>
      <c r="K7049" s="111">
        <v>1</v>
      </c>
      <c r="L7049" s="111">
        <v>0</v>
      </c>
      <c r="M7049" s="111">
        <v>1</v>
      </c>
      <c r="N7049" s="111">
        <v>0</v>
      </c>
      <c r="O7049" s="111">
        <v>0</v>
      </c>
      <c r="P7049" s="111">
        <v>1</v>
      </c>
      <c r="Q7049" s="111">
        <v>1</v>
      </c>
      <c r="R7049" s="111">
        <v>0</v>
      </c>
      <c r="S7049" s="111">
        <v>0</v>
      </c>
      <c r="T7049" s="111">
        <v>0</v>
      </c>
      <c r="U7049" s="145"/>
      <c r="V7049" s="145"/>
      <c r="W7049" s="145"/>
      <c r="X7049" s="145"/>
      <c r="Y7049" s="145"/>
      <c r="Z7049" s="145"/>
      <c r="AA7049" s="145"/>
      <c r="AB7049" s="145"/>
      <c r="AC7049" s="145"/>
      <c r="AD7049" s="145"/>
      <c r="AE7049" s="145"/>
      <c r="AF7049" s="145"/>
      <c r="AG7049" s="145"/>
      <c r="AH7049" s="145"/>
      <c r="AI7049" s="145"/>
      <c r="AJ7049" s="145"/>
      <c r="AK7049" s="145"/>
      <c r="AL7049" s="145"/>
      <c r="AM7049" s="145"/>
      <c r="AN7049" s="145"/>
      <c r="AO7049" s="145"/>
      <c r="AP7049" s="145"/>
      <c r="AQ7049" s="145"/>
      <c r="AR7049" s="145"/>
      <c r="AS7049" s="145"/>
      <c r="AT7049" s="145"/>
      <c r="AU7049" s="145"/>
      <c r="AV7049" s="145"/>
      <c r="AW7049" s="145"/>
      <c r="AX7049" s="146"/>
      <c r="AY7049" s="146"/>
      <c r="AZ7049" s="146"/>
      <c r="BA7049" s="146"/>
      <c r="BB7049" s="221">
        <v>45884</v>
      </c>
    </row>
    <row r="7050" spans="1:54" s="8" customFormat="1" ht="13.95" customHeight="1" x14ac:dyDescent="0.25">
      <c r="A7050" s="229" t="s">
        <v>16959</v>
      </c>
      <c r="B7050" s="96" t="s">
        <v>19873</v>
      </c>
      <c r="C7050" s="93" t="s">
        <v>16960</v>
      </c>
      <c r="D7050" s="93" t="s">
        <v>16961</v>
      </c>
      <c r="E7050" s="111">
        <v>1984</v>
      </c>
      <c r="F7050" s="111">
        <v>650</v>
      </c>
      <c r="G7050" s="93" t="s">
        <v>1</v>
      </c>
      <c r="H7050" s="111">
        <v>0</v>
      </c>
      <c r="I7050" s="111">
        <v>0</v>
      </c>
      <c r="J7050" s="111">
        <v>0</v>
      </c>
      <c r="K7050" s="111">
        <v>0</v>
      </c>
      <c r="L7050" s="111">
        <v>0</v>
      </c>
      <c r="M7050" s="111">
        <v>0</v>
      </c>
      <c r="N7050" s="111">
        <v>0</v>
      </c>
      <c r="O7050" s="111">
        <v>0</v>
      </c>
      <c r="P7050" s="111">
        <v>0</v>
      </c>
      <c r="Q7050" s="111">
        <v>0</v>
      </c>
      <c r="R7050" s="111">
        <v>0</v>
      </c>
      <c r="S7050" s="111">
        <v>0</v>
      </c>
      <c r="T7050" s="111">
        <v>0</v>
      </c>
      <c r="U7050" s="145"/>
      <c r="V7050" s="145"/>
      <c r="W7050" s="145"/>
      <c r="X7050" s="145"/>
      <c r="Y7050" s="145"/>
      <c r="Z7050" s="145"/>
      <c r="AA7050" s="145"/>
      <c r="AB7050" s="145"/>
      <c r="AC7050" s="145"/>
      <c r="AD7050" s="145"/>
      <c r="AE7050" s="145"/>
      <c r="AF7050" s="145"/>
      <c r="AG7050" s="145"/>
      <c r="AH7050" s="145"/>
      <c r="AI7050" s="145"/>
      <c r="AJ7050" s="145"/>
      <c r="AK7050" s="145"/>
      <c r="AL7050" s="145"/>
      <c r="AM7050" s="145"/>
      <c r="AN7050" s="145"/>
      <c r="AO7050" s="145"/>
      <c r="AP7050" s="145"/>
      <c r="AQ7050" s="145"/>
      <c r="AR7050" s="145"/>
      <c r="AS7050" s="145"/>
      <c r="AT7050" s="145"/>
      <c r="AU7050" s="145"/>
      <c r="AV7050" s="145"/>
      <c r="AW7050" s="145"/>
      <c r="AX7050" s="146"/>
      <c r="AY7050" s="146"/>
      <c r="AZ7050" s="146"/>
      <c r="BA7050" s="146"/>
      <c r="BB7050" s="221">
        <v>45884</v>
      </c>
    </row>
    <row r="7051" spans="1:54" s="8" customFormat="1" ht="13.95" customHeight="1" x14ac:dyDescent="0.25">
      <c r="A7051" s="229" t="s">
        <v>16962</v>
      </c>
      <c r="B7051" s="96" t="s">
        <v>19873</v>
      </c>
      <c r="C7051" s="93" t="s">
        <v>16963</v>
      </c>
      <c r="D7051" s="93" t="s">
        <v>16964</v>
      </c>
      <c r="E7051" s="111">
        <v>1971</v>
      </c>
      <c r="F7051" s="111">
        <v>651</v>
      </c>
      <c r="G7051" s="93" t="s">
        <v>1</v>
      </c>
      <c r="H7051" s="111">
        <v>0</v>
      </c>
      <c r="I7051" s="111">
        <v>0</v>
      </c>
      <c r="J7051" s="111">
        <v>0</v>
      </c>
      <c r="K7051" s="111">
        <v>0</v>
      </c>
      <c r="L7051" s="111">
        <v>0</v>
      </c>
      <c r="M7051" s="111">
        <v>0</v>
      </c>
      <c r="N7051" s="111">
        <v>0</v>
      </c>
      <c r="O7051" s="111">
        <v>0</v>
      </c>
      <c r="P7051" s="111">
        <v>1</v>
      </c>
      <c r="Q7051" s="111">
        <v>0</v>
      </c>
      <c r="R7051" s="111">
        <v>0</v>
      </c>
      <c r="S7051" s="111">
        <v>1</v>
      </c>
      <c r="T7051" s="111">
        <v>0</v>
      </c>
      <c r="U7051" s="145"/>
      <c r="V7051" s="145"/>
      <c r="W7051" s="145"/>
      <c r="X7051" s="145"/>
      <c r="Y7051" s="145"/>
      <c r="Z7051" s="145"/>
      <c r="AA7051" s="145"/>
      <c r="AB7051" s="145"/>
      <c r="AC7051" s="145"/>
      <c r="AD7051" s="145"/>
      <c r="AE7051" s="145"/>
      <c r="AF7051" s="145"/>
      <c r="AG7051" s="145"/>
      <c r="AH7051" s="145"/>
      <c r="AI7051" s="145"/>
      <c r="AJ7051" s="145"/>
      <c r="AK7051" s="145"/>
      <c r="AL7051" s="145"/>
      <c r="AM7051" s="145"/>
      <c r="AN7051" s="145"/>
      <c r="AO7051" s="145"/>
      <c r="AP7051" s="145"/>
      <c r="AQ7051" s="145"/>
      <c r="AR7051" s="145"/>
      <c r="AS7051" s="145"/>
      <c r="AT7051" s="145"/>
      <c r="AU7051" s="145"/>
      <c r="AV7051" s="145"/>
      <c r="AW7051" s="145"/>
      <c r="AX7051" s="146"/>
      <c r="AY7051" s="146"/>
      <c r="AZ7051" s="146"/>
      <c r="BA7051" s="146"/>
      <c r="BB7051" s="221">
        <v>45884</v>
      </c>
    </row>
    <row r="7052" spans="1:54" s="8" customFormat="1" ht="13.95" customHeight="1" x14ac:dyDescent="0.25">
      <c r="A7052" s="229" t="s">
        <v>16965</v>
      </c>
      <c r="B7052" s="96" t="s">
        <v>19873</v>
      </c>
      <c r="C7052" s="93" t="s">
        <v>16966</v>
      </c>
      <c r="D7052" s="93" t="s">
        <v>16967</v>
      </c>
      <c r="E7052" s="111" t="s">
        <v>174</v>
      </c>
      <c r="F7052" s="111">
        <v>658</v>
      </c>
      <c r="G7052" s="93" t="s">
        <v>1</v>
      </c>
      <c r="H7052" s="111">
        <v>0</v>
      </c>
      <c r="I7052" s="111">
        <v>0</v>
      </c>
      <c r="J7052" s="111">
        <v>1</v>
      </c>
      <c r="K7052" s="111">
        <v>1</v>
      </c>
      <c r="L7052" s="111">
        <v>1</v>
      </c>
      <c r="M7052" s="111">
        <v>0</v>
      </c>
      <c r="N7052" s="111">
        <v>0</v>
      </c>
      <c r="O7052" s="111">
        <v>0</v>
      </c>
      <c r="P7052" s="111">
        <v>1</v>
      </c>
      <c r="Q7052" s="111">
        <v>0</v>
      </c>
      <c r="R7052" s="111">
        <v>0</v>
      </c>
      <c r="S7052" s="111">
        <v>0</v>
      </c>
      <c r="T7052" s="111">
        <v>0</v>
      </c>
      <c r="U7052" s="145"/>
      <c r="V7052" s="145"/>
      <c r="W7052" s="145"/>
      <c r="X7052" s="145"/>
      <c r="Y7052" s="145"/>
      <c r="Z7052" s="145"/>
      <c r="AA7052" s="145"/>
      <c r="AB7052" s="145"/>
      <c r="AC7052" s="145"/>
      <c r="AD7052" s="145"/>
      <c r="AE7052" s="145"/>
      <c r="AF7052" s="145"/>
      <c r="AG7052" s="145"/>
      <c r="AH7052" s="145"/>
      <c r="AI7052" s="145"/>
      <c r="AJ7052" s="145"/>
      <c r="AK7052" s="145"/>
      <c r="AL7052" s="145"/>
      <c r="AM7052" s="145"/>
      <c r="AN7052" s="145"/>
      <c r="AO7052" s="145"/>
      <c r="AP7052" s="145"/>
      <c r="AQ7052" s="145"/>
      <c r="AR7052" s="145"/>
      <c r="AS7052" s="145"/>
      <c r="AT7052" s="145"/>
      <c r="AU7052" s="145"/>
      <c r="AV7052" s="145"/>
      <c r="AW7052" s="145"/>
      <c r="AX7052" s="146"/>
      <c r="AY7052" s="146"/>
      <c r="AZ7052" s="146"/>
      <c r="BA7052" s="146"/>
      <c r="BB7052" s="221">
        <v>45884</v>
      </c>
    </row>
    <row r="7053" spans="1:54" s="8" customFormat="1" ht="13.95" customHeight="1" x14ac:dyDescent="0.25">
      <c r="A7053" s="229" t="s">
        <v>16968</v>
      </c>
      <c r="B7053" s="96" t="s">
        <v>19873</v>
      </c>
      <c r="C7053" s="93" t="s">
        <v>16969</v>
      </c>
      <c r="D7053" s="93" t="s">
        <v>16970</v>
      </c>
      <c r="E7053" s="111" t="s">
        <v>174</v>
      </c>
      <c r="F7053" s="111">
        <v>661</v>
      </c>
      <c r="G7053" s="93" t="s">
        <v>1</v>
      </c>
      <c r="H7053" s="111">
        <v>0</v>
      </c>
      <c r="I7053" s="111">
        <v>0</v>
      </c>
      <c r="J7053" s="111">
        <v>1</v>
      </c>
      <c r="K7053" s="111">
        <v>0</v>
      </c>
      <c r="L7053" s="111">
        <v>0</v>
      </c>
      <c r="M7053" s="111">
        <v>0</v>
      </c>
      <c r="N7053" s="111">
        <v>1</v>
      </c>
      <c r="O7053" s="111">
        <v>0</v>
      </c>
      <c r="P7053" s="111">
        <v>0</v>
      </c>
      <c r="Q7053" s="111">
        <v>0</v>
      </c>
      <c r="R7053" s="111">
        <v>0</v>
      </c>
      <c r="S7053" s="111">
        <v>0</v>
      </c>
      <c r="T7053" s="111">
        <v>0</v>
      </c>
      <c r="U7053" s="145"/>
      <c r="V7053" s="145"/>
      <c r="W7053" s="145"/>
      <c r="X7053" s="145"/>
      <c r="Y7053" s="145"/>
      <c r="Z7053" s="145"/>
      <c r="AA7053" s="145"/>
      <c r="AB7053" s="145"/>
      <c r="AC7053" s="145"/>
      <c r="AD7053" s="145"/>
      <c r="AE7053" s="145"/>
      <c r="AF7053" s="145"/>
      <c r="AG7053" s="145"/>
      <c r="AH7053" s="145"/>
      <c r="AI7053" s="145"/>
      <c r="AJ7053" s="145"/>
      <c r="AK7053" s="145"/>
      <c r="AL7053" s="145"/>
      <c r="AM7053" s="145"/>
      <c r="AN7053" s="145"/>
      <c r="AO7053" s="145"/>
      <c r="AP7053" s="145"/>
      <c r="AQ7053" s="145"/>
      <c r="AR7053" s="145"/>
      <c r="AS7053" s="145"/>
      <c r="AT7053" s="145"/>
      <c r="AU7053" s="145"/>
      <c r="AV7053" s="145"/>
      <c r="AW7053" s="145"/>
      <c r="AX7053" s="146"/>
      <c r="AY7053" s="146"/>
      <c r="AZ7053" s="146"/>
      <c r="BA7053" s="146"/>
      <c r="BB7053" s="221">
        <v>45884</v>
      </c>
    </row>
    <row r="7054" spans="1:54" s="8" customFormat="1" ht="13.95" customHeight="1" x14ac:dyDescent="0.25">
      <c r="A7054" s="229" t="s">
        <v>16971</v>
      </c>
      <c r="B7054" s="96" t="s">
        <v>19873</v>
      </c>
      <c r="C7054" s="93" t="s">
        <v>16972</v>
      </c>
      <c r="D7054" s="93" t="s">
        <v>16973</v>
      </c>
      <c r="E7054" s="111">
        <v>1981</v>
      </c>
      <c r="F7054" s="111">
        <v>715</v>
      </c>
      <c r="G7054" s="93" t="s">
        <v>1</v>
      </c>
      <c r="H7054" s="111">
        <v>0</v>
      </c>
      <c r="I7054" s="111">
        <v>0</v>
      </c>
      <c r="J7054" s="111">
        <v>1</v>
      </c>
      <c r="K7054" s="111">
        <v>0</v>
      </c>
      <c r="L7054" s="111">
        <v>0</v>
      </c>
      <c r="M7054" s="111">
        <v>0</v>
      </c>
      <c r="N7054" s="111">
        <v>1</v>
      </c>
      <c r="O7054" s="111">
        <v>1</v>
      </c>
      <c r="P7054" s="111">
        <v>1</v>
      </c>
      <c r="Q7054" s="111">
        <v>0</v>
      </c>
      <c r="R7054" s="111">
        <v>0</v>
      </c>
      <c r="S7054" s="111">
        <v>0</v>
      </c>
      <c r="T7054" s="111">
        <v>0</v>
      </c>
      <c r="U7054" s="145"/>
      <c r="V7054" s="145"/>
      <c r="W7054" s="145"/>
      <c r="X7054" s="145"/>
      <c r="Y7054" s="145"/>
      <c r="Z7054" s="145"/>
      <c r="AA7054" s="145"/>
      <c r="AB7054" s="145"/>
      <c r="AC7054" s="145"/>
      <c r="AD7054" s="145"/>
      <c r="AE7054" s="145"/>
      <c r="AF7054" s="145"/>
      <c r="AG7054" s="145"/>
      <c r="AH7054" s="145"/>
      <c r="AI7054" s="145"/>
      <c r="AJ7054" s="145"/>
      <c r="AK7054" s="145"/>
      <c r="AL7054" s="145"/>
      <c r="AM7054" s="145"/>
      <c r="AN7054" s="145"/>
      <c r="AO7054" s="145"/>
      <c r="AP7054" s="145"/>
      <c r="AQ7054" s="145"/>
      <c r="AR7054" s="145"/>
      <c r="AS7054" s="145"/>
      <c r="AT7054" s="145"/>
      <c r="AU7054" s="145"/>
      <c r="AV7054" s="145"/>
      <c r="AW7054" s="145"/>
      <c r="AX7054" s="146"/>
      <c r="AY7054" s="146"/>
      <c r="AZ7054" s="146"/>
      <c r="BA7054" s="146"/>
      <c r="BB7054" s="221">
        <v>45884</v>
      </c>
    </row>
    <row r="7055" spans="1:54" s="8" customFormat="1" ht="13.95" customHeight="1" x14ac:dyDescent="0.25">
      <c r="A7055" s="229" t="s">
        <v>16974</v>
      </c>
      <c r="B7055" s="96" t="s">
        <v>19873</v>
      </c>
      <c r="C7055" s="93" t="s">
        <v>16975</v>
      </c>
      <c r="D7055" s="93" t="s">
        <v>16976</v>
      </c>
      <c r="E7055" s="111">
        <v>1970</v>
      </c>
      <c r="F7055" s="111">
        <v>763</v>
      </c>
      <c r="G7055" s="93" t="s">
        <v>1</v>
      </c>
      <c r="H7055" s="111">
        <v>0</v>
      </c>
      <c r="I7055" s="111">
        <v>1</v>
      </c>
      <c r="J7055" s="111">
        <v>1</v>
      </c>
      <c r="K7055" s="111">
        <v>0</v>
      </c>
      <c r="L7055" s="111">
        <v>1</v>
      </c>
      <c r="M7055" s="111">
        <v>0</v>
      </c>
      <c r="N7055" s="111">
        <v>0</v>
      </c>
      <c r="O7055" s="111">
        <v>1</v>
      </c>
      <c r="P7055" s="111">
        <v>1</v>
      </c>
      <c r="Q7055" s="111">
        <v>0</v>
      </c>
      <c r="R7055" s="111">
        <v>0</v>
      </c>
      <c r="S7055" s="111">
        <v>0</v>
      </c>
      <c r="T7055" s="111">
        <v>0</v>
      </c>
      <c r="U7055" s="145"/>
      <c r="V7055" s="145"/>
      <c r="W7055" s="145"/>
      <c r="X7055" s="145"/>
      <c r="Y7055" s="145"/>
      <c r="Z7055" s="145"/>
      <c r="AA7055" s="145"/>
      <c r="AB7055" s="145"/>
      <c r="AC7055" s="145"/>
      <c r="AD7055" s="145"/>
      <c r="AE7055" s="145"/>
      <c r="AF7055" s="145"/>
      <c r="AG7055" s="145"/>
      <c r="AH7055" s="145"/>
      <c r="AI7055" s="145"/>
      <c r="AJ7055" s="145"/>
      <c r="AK7055" s="145"/>
      <c r="AL7055" s="145"/>
      <c r="AM7055" s="145"/>
      <c r="AN7055" s="145"/>
      <c r="AO7055" s="145"/>
      <c r="AP7055" s="145"/>
      <c r="AQ7055" s="145"/>
      <c r="AR7055" s="145"/>
      <c r="AS7055" s="145"/>
      <c r="AT7055" s="145"/>
      <c r="AU7055" s="145"/>
      <c r="AV7055" s="145"/>
      <c r="AW7055" s="145"/>
      <c r="AX7055" s="146"/>
      <c r="AY7055" s="146"/>
      <c r="AZ7055" s="146"/>
      <c r="BA7055" s="146"/>
      <c r="BB7055" s="221">
        <v>45884</v>
      </c>
    </row>
    <row r="7056" spans="1:54" s="8" customFormat="1" ht="13.95" customHeight="1" x14ac:dyDescent="0.25">
      <c r="A7056" s="229" t="s">
        <v>16977</v>
      </c>
      <c r="B7056" s="96" t="s">
        <v>19873</v>
      </c>
      <c r="C7056" s="93" t="s">
        <v>16978</v>
      </c>
      <c r="D7056" s="93" t="s">
        <v>16979</v>
      </c>
      <c r="E7056" s="111">
        <v>1978</v>
      </c>
      <c r="F7056" s="111">
        <v>775</v>
      </c>
      <c r="G7056" s="93" t="s">
        <v>1</v>
      </c>
      <c r="H7056" s="111">
        <v>0</v>
      </c>
      <c r="I7056" s="111">
        <v>0</v>
      </c>
      <c r="J7056" s="111">
        <v>1</v>
      </c>
      <c r="K7056" s="111">
        <v>0</v>
      </c>
      <c r="L7056" s="111">
        <v>0</v>
      </c>
      <c r="M7056" s="111">
        <v>0</v>
      </c>
      <c r="N7056" s="111">
        <v>1</v>
      </c>
      <c r="O7056" s="111">
        <v>1</v>
      </c>
      <c r="P7056" s="111">
        <v>0</v>
      </c>
      <c r="Q7056" s="111">
        <v>0</v>
      </c>
      <c r="R7056" s="111">
        <v>1</v>
      </c>
      <c r="S7056" s="111">
        <v>0</v>
      </c>
      <c r="T7056" s="111">
        <v>0</v>
      </c>
      <c r="U7056" s="145"/>
      <c r="V7056" s="145"/>
      <c r="W7056" s="145"/>
      <c r="X7056" s="145"/>
      <c r="Y7056" s="145"/>
      <c r="Z7056" s="145"/>
      <c r="AA7056" s="145"/>
      <c r="AB7056" s="145"/>
      <c r="AC7056" s="145"/>
      <c r="AD7056" s="145"/>
      <c r="AE7056" s="145"/>
      <c r="AF7056" s="145"/>
      <c r="AG7056" s="145"/>
      <c r="AH7056" s="145"/>
      <c r="AI7056" s="145"/>
      <c r="AJ7056" s="145"/>
      <c r="AK7056" s="145"/>
      <c r="AL7056" s="145"/>
      <c r="AM7056" s="145"/>
      <c r="AN7056" s="145"/>
      <c r="AO7056" s="145"/>
      <c r="AP7056" s="145"/>
      <c r="AQ7056" s="145"/>
      <c r="AR7056" s="145"/>
      <c r="AS7056" s="145"/>
      <c r="AT7056" s="145"/>
      <c r="AU7056" s="145"/>
      <c r="AV7056" s="145"/>
      <c r="AW7056" s="145"/>
      <c r="AX7056" s="146"/>
      <c r="AY7056" s="146"/>
      <c r="AZ7056" s="146"/>
      <c r="BA7056" s="112" t="s">
        <v>16980</v>
      </c>
      <c r="BB7056" s="221">
        <v>45884</v>
      </c>
    </row>
    <row r="7057" spans="1:54" s="8" customFormat="1" ht="13.95" customHeight="1" x14ac:dyDescent="0.25">
      <c r="A7057" s="229" t="s">
        <v>16981</v>
      </c>
      <c r="B7057" s="96" t="s">
        <v>19873</v>
      </c>
      <c r="C7057" s="93" t="s">
        <v>16982</v>
      </c>
      <c r="D7057" s="93" t="s">
        <v>16983</v>
      </c>
      <c r="E7057" s="111">
        <v>1976</v>
      </c>
      <c r="F7057" s="111">
        <v>788</v>
      </c>
      <c r="G7057" s="93" t="s">
        <v>1</v>
      </c>
      <c r="H7057" s="111">
        <v>0</v>
      </c>
      <c r="I7057" s="111">
        <v>0</v>
      </c>
      <c r="J7057" s="111">
        <v>1</v>
      </c>
      <c r="K7057" s="111">
        <v>0</v>
      </c>
      <c r="L7057" s="111">
        <v>1</v>
      </c>
      <c r="M7057" s="111">
        <v>0</v>
      </c>
      <c r="N7057" s="111">
        <v>0</v>
      </c>
      <c r="O7057" s="111">
        <v>1</v>
      </c>
      <c r="P7057" s="111">
        <v>1</v>
      </c>
      <c r="Q7057" s="111">
        <v>0</v>
      </c>
      <c r="R7057" s="111">
        <v>1</v>
      </c>
      <c r="S7057" s="111">
        <v>0</v>
      </c>
      <c r="T7057" s="111">
        <v>0</v>
      </c>
      <c r="U7057" s="145"/>
      <c r="V7057" s="145"/>
      <c r="W7057" s="145"/>
      <c r="X7057" s="145"/>
      <c r="Y7057" s="145"/>
      <c r="Z7057" s="145"/>
      <c r="AA7057" s="145"/>
      <c r="AB7057" s="145"/>
      <c r="AC7057" s="145"/>
      <c r="AD7057" s="145"/>
      <c r="AE7057" s="145"/>
      <c r="AF7057" s="145"/>
      <c r="AG7057" s="145"/>
      <c r="AH7057" s="145"/>
      <c r="AI7057" s="145"/>
      <c r="AJ7057" s="145"/>
      <c r="AK7057" s="145"/>
      <c r="AL7057" s="145"/>
      <c r="AM7057" s="145"/>
      <c r="AN7057" s="145"/>
      <c r="AO7057" s="145"/>
      <c r="AP7057" s="145"/>
      <c r="AQ7057" s="145"/>
      <c r="AR7057" s="145"/>
      <c r="AS7057" s="145"/>
      <c r="AT7057" s="145"/>
      <c r="AU7057" s="145"/>
      <c r="AV7057" s="145"/>
      <c r="AW7057" s="145"/>
      <c r="AX7057" s="146"/>
      <c r="AY7057" s="146"/>
      <c r="AZ7057" s="146"/>
      <c r="BA7057" s="146"/>
      <c r="BB7057" s="221">
        <v>45884</v>
      </c>
    </row>
    <row r="7058" spans="1:54" s="8" customFormat="1" ht="13.95" customHeight="1" x14ac:dyDescent="0.25">
      <c r="A7058" s="229" t="s">
        <v>16984</v>
      </c>
      <c r="B7058" s="96" t="s">
        <v>19873</v>
      </c>
      <c r="C7058" s="93" t="s">
        <v>16985</v>
      </c>
      <c r="D7058" s="93" t="s">
        <v>16986</v>
      </c>
      <c r="E7058" s="111">
        <v>1971</v>
      </c>
      <c r="F7058" s="111">
        <v>798</v>
      </c>
      <c r="G7058" s="93" t="s">
        <v>1</v>
      </c>
      <c r="H7058" s="111">
        <v>0</v>
      </c>
      <c r="I7058" s="111">
        <v>0</v>
      </c>
      <c r="J7058" s="111">
        <v>1</v>
      </c>
      <c r="K7058" s="111">
        <v>0</v>
      </c>
      <c r="L7058" s="111">
        <v>1</v>
      </c>
      <c r="M7058" s="111">
        <v>0</v>
      </c>
      <c r="N7058" s="111">
        <v>0</v>
      </c>
      <c r="O7058" s="111">
        <v>1</v>
      </c>
      <c r="P7058" s="111">
        <v>1</v>
      </c>
      <c r="Q7058" s="111">
        <v>0</v>
      </c>
      <c r="R7058" s="111">
        <v>0</v>
      </c>
      <c r="S7058" s="111">
        <v>0</v>
      </c>
      <c r="T7058" s="111">
        <v>0</v>
      </c>
      <c r="U7058" s="145"/>
      <c r="V7058" s="145"/>
      <c r="W7058" s="145"/>
      <c r="X7058" s="145"/>
      <c r="Y7058" s="145"/>
      <c r="Z7058" s="145"/>
      <c r="AA7058" s="145"/>
      <c r="AB7058" s="145"/>
      <c r="AC7058" s="145"/>
      <c r="AD7058" s="145"/>
      <c r="AE7058" s="145"/>
      <c r="AF7058" s="145"/>
      <c r="AG7058" s="145"/>
      <c r="AH7058" s="145"/>
      <c r="AI7058" s="145"/>
      <c r="AJ7058" s="145"/>
      <c r="AK7058" s="145"/>
      <c r="AL7058" s="145"/>
      <c r="AM7058" s="145"/>
      <c r="AN7058" s="145"/>
      <c r="AO7058" s="145"/>
      <c r="AP7058" s="145"/>
      <c r="AQ7058" s="145"/>
      <c r="AR7058" s="145"/>
      <c r="AS7058" s="145"/>
      <c r="AT7058" s="145"/>
      <c r="AU7058" s="145"/>
      <c r="AV7058" s="145"/>
      <c r="AW7058" s="145"/>
      <c r="AX7058" s="146"/>
      <c r="AY7058" s="146"/>
      <c r="AZ7058" s="146"/>
      <c r="BA7058" s="146"/>
      <c r="BB7058" s="221">
        <v>45884</v>
      </c>
    </row>
    <row r="7059" spans="1:54" s="8" customFormat="1" ht="13.95" customHeight="1" x14ac:dyDescent="0.25">
      <c r="A7059" s="229" t="s">
        <v>16987</v>
      </c>
      <c r="B7059" s="96" t="s">
        <v>19873</v>
      </c>
      <c r="C7059" s="93" t="s">
        <v>16988</v>
      </c>
      <c r="D7059" s="93" t="s">
        <v>16989</v>
      </c>
      <c r="E7059" s="111" t="s">
        <v>174</v>
      </c>
      <c r="F7059" s="111">
        <v>801</v>
      </c>
      <c r="G7059" s="93" t="s">
        <v>1</v>
      </c>
      <c r="H7059" s="111">
        <v>0</v>
      </c>
      <c r="I7059" s="111">
        <v>0</v>
      </c>
      <c r="J7059" s="111">
        <v>0</v>
      </c>
      <c r="K7059" s="111">
        <v>0</v>
      </c>
      <c r="L7059" s="111">
        <v>0</v>
      </c>
      <c r="M7059" s="111">
        <v>0</v>
      </c>
      <c r="N7059" s="111">
        <v>0</v>
      </c>
      <c r="O7059" s="111">
        <v>0</v>
      </c>
      <c r="P7059" s="111">
        <v>1</v>
      </c>
      <c r="Q7059" s="111">
        <v>0</v>
      </c>
      <c r="R7059" s="111">
        <v>0</v>
      </c>
      <c r="S7059" s="111">
        <v>0</v>
      </c>
      <c r="T7059" s="111">
        <v>1</v>
      </c>
      <c r="U7059" s="145"/>
      <c r="V7059" s="145"/>
      <c r="W7059" s="145"/>
      <c r="X7059" s="145"/>
      <c r="Y7059" s="145"/>
      <c r="Z7059" s="145"/>
      <c r="AA7059" s="145"/>
      <c r="AB7059" s="145"/>
      <c r="AC7059" s="145"/>
      <c r="AD7059" s="145"/>
      <c r="AE7059" s="145"/>
      <c r="AF7059" s="145"/>
      <c r="AG7059" s="145"/>
      <c r="AH7059" s="145"/>
      <c r="AI7059" s="145"/>
      <c r="AJ7059" s="145"/>
      <c r="AK7059" s="145"/>
      <c r="AL7059" s="145"/>
      <c r="AM7059" s="145"/>
      <c r="AN7059" s="145"/>
      <c r="AO7059" s="145"/>
      <c r="AP7059" s="145"/>
      <c r="AQ7059" s="145"/>
      <c r="AR7059" s="145"/>
      <c r="AS7059" s="145"/>
      <c r="AT7059" s="145"/>
      <c r="AU7059" s="145"/>
      <c r="AV7059" s="145"/>
      <c r="AW7059" s="145"/>
      <c r="AX7059" s="146"/>
      <c r="AY7059" s="146"/>
      <c r="AZ7059" s="146"/>
      <c r="BA7059" s="146"/>
      <c r="BB7059" s="221">
        <v>45884</v>
      </c>
    </row>
    <row r="7060" spans="1:54" s="8" customFormat="1" ht="13.95" customHeight="1" x14ac:dyDescent="0.25">
      <c r="A7060" s="229" t="s">
        <v>16990</v>
      </c>
      <c r="B7060" s="96" t="s">
        <v>19873</v>
      </c>
      <c r="C7060" s="93" t="s">
        <v>16991</v>
      </c>
      <c r="D7060" s="93" t="s">
        <v>16992</v>
      </c>
      <c r="E7060" s="111">
        <v>1970</v>
      </c>
      <c r="F7060" s="111">
        <v>812</v>
      </c>
      <c r="G7060" s="93" t="s">
        <v>1</v>
      </c>
      <c r="H7060" s="111">
        <v>0</v>
      </c>
      <c r="I7060" s="111">
        <v>0</v>
      </c>
      <c r="J7060" s="111">
        <v>1</v>
      </c>
      <c r="K7060" s="111">
        <v>0</v>
      </c>
      <c r="L7060" s="111">
        <v>1</v>
      </c>
      <c r="M7060" s="111">
        <v>0</v>
      </c>
      <c r="N7060" s="111">
        <v>0</v>
      </c>
      <c r="O7060" s="111">
        <v>0</v>
      </c>
      <c r="P7060" s="111">
        <v>1</v>
      </c>
      <c r="Q7060" s="111">
        <v>1</v>
      </c>
      <c r="R7060" s="111">
        <v>1</v>
      </c>
      <c r="S7060" s="111">
        <v>0</v>
      </c>
      <c r="T7060" s="111">
        <v>0</v>
      </c>
      <c r="U7060" s="145"/>
      <c r="V7060" s="145"/>
      <c r="W7060" s="145"/>
      <c r="X7060" s="145"/>
      <c r="Y7060" s="145"/>
      <c r="Z7060" s="145"/>
      <c r="AA7060" s="145"/>
      <c r="AB7060" s="145"/>
      <c r="AC7060" s="145"/>
      <c r="AD7060" s="145"/>
      <c r="AE7060" s="145"/>
      <c r="AF7060" s="145"/>
      <c r="AG7060" s="145"/>
      <c r="AH7060" s="145"/>
      <c r="AI7060" s="145"/>
      <c r="AJ7060" s="145"/>
      <c r="AK7060" s="145"/>
      <c r="AL7060" s="145"/>
      <c r="AM7060" s="145"/>
      <c r="AN7060" s="145"/>
      <c r="AO7060" s="145"/>
      <c r="AP7060" s="145"/>
      <c r="AQ7060" s="145"/>
      <c r="AR7060" s="145"/>
      <c r="AS7060" s="145"/>
      <c r="AT7060" s="145"/>
      <c r="AU7060" s="145"/>
      <c r="AV7060" s="145"/>
      <c r="AW7060" s="145"/>
      <c r="AX7060" s="146"/>
      <c r="AY7060" s="146"/>
      <c r="AZ7060" s="146"/>
      <c r="BA7060" s="146"/>
      <c r="BB7060" s="221">
        <v>45884</v>
      </c>
    </row>
    <row r="7061" spans="1:54" s="8" customFormat="1" ht="13.95" customHeight="1" x14ac:dyDescent="0.25">
      <c r="A7061" s="229" t="s">
        <v>16993</v>
      </c>
      <c r="B7061" s="96" t="s">
        <v>19873</v>
      </c>
      <c r="C7061" s="93" t="s">
        <v>16994</v>
      </c>
      <c r="D7061" s="93" t="s">
        <v>16995</v>
      </c>
      <c r="E7061" s="111">
        <v>1962</v>
      </c>
      <c r="F7061" s="111">
        <v>848</v>
      </c>
      <c r="G7061" s="93" t="s">
        <v>1</v>
      </c>
      <c r="H7061" s="111">
        <v>0</v>
      </c>
      <c r="I7061" s="111">
        <v>0</v>
      </c>
      <c r="J7061" s="111">
        <v>1</v>
      </c>
      <c r="K7061" s="111">
        <v>1</v>
      </c>
      <c r="L7061" s="111">
        <v>1</v>
      </c>
      <c r="M7061" s="111">
        <v>0</v>
      </c>
      <c r="N7061" s="111">
        <v>0</v>
      </c>
      <c r="O7061" s="111">
        <v>1</v>
      </c>
      <c r="P7061" s="111">
        <v>0</v>
      </c>
      <c r="Q7061" s="111">
        <v>0</v>
      </c>
      <c r="R7061" s="111">
        <v>1</v>
      </c>
      <c r="S7061" s="111">
        <v>0</v>
      </c>
      <c r="T7061" s="111">
        <v>0</v>
      </c>
      <c r="U7061" s="145"/>
      <c r="V7061" s="145"/>
      <c r="W7061" s="145"/>
      <c r="X7061" s="145"/>
      <c r="Y7061" s="145"/>
      <c r="Z7061" s="145"/>
      <c r="AA7061" s="145"/>
      <c r="AB7061" s="145"/>
      <c r="AC7061" s="145"/>
      <c r="AD7061" s="145"/>
      <c r="AE7061" s="145"/>
      <c r="AF7061" s="145"/>
      <c r="AG7061" s="145"/>
      <c r="AH7061" s="145"/>
      <c r="AI7061" s="145"/>
      <c r="AJ7061" s="145"/>
      <c r="AK7061" s="145"/>
      <c r="AL7061" s="145"/>
      <c r="AM7061" s="145"/>
      <c r="AN7061" s="145"/>
      <c r="AO7061" s="145"/>
      <c r="AP7061" s="145"/>
      <c r="AQ7061" s="145"/>
      <c r="AR7061" s="145"/>
      <c r="AS7061" s="145"/>
      <c r="AT7061" s="145"/>
      <c r="AU7061" s="145"/>
      <c r="AV7061" s="145"/>
      <c r="AW7061" s="145"/>
      <c r="AX7061" s="146"/>
      <c r="AY7061" s="146"/>
      <c r="AZ7061" s="146"/>
      <c r="BA7061" s="112" t="s">
        <v>16980</v>
      </c>
      <c r="BB7061" s="221">
        <v>45884</v>
      </c>
    </row>
    <row r="7062" spans="1:54" s="8" customFormat="1" ht="13.95" customHeight="1" x14ac:dyDescent="0.25">
      <c r="A7062" s="229" t="s">
        <v>16996</v>
      </c>
      <c r="B7062" s="96" t="s">
        <v>19873</v>
      </c>
      <c r="C7062" s="93" t="s">
        <v>4197</v>
      </c>
      <c r="D7062" s="93" t="s">
        <v>16997</v>
      </c>
      <c r="E7062" s="111">
        <v>1972</v>
      </c>
      <c r="F7062" s="111">
        <v>850</v>
      </c>
      <c r="G7062" s="93" t="s">
        <v>1</v>
      </c>
      <c r="H7062" s="111">
        <v>0</v>
      </c>
      <c r="I7062" s="111">
        <v>0</v>
      </c>
      <c r="J7062" s="111">
        <v>1</v>
      </c>
      <c r="K7062" s="111">
        <v>0</v>
      </c>
      <c r="L7062" s="111">
        <v>1</v>
      </c>
      <c r="M7062" s="111">
        <v>0</v>
      </c>
      <c r="N7062" s="111">
        <v>1</v>
      </c>
      <c r="O7062" s="111">
        <v>1</v>
      </c>
      <c r="P7062" s="111">
        <v>1</v>
      </c>
      <c r="Q7062" s="111">
        <v>0</v>
      </c>
      <c r="R7062" s="111">
        <v>1</v>
      </c>
      <c r="S7062" s="111">
        <v>0</v>
      </c>
      <c r="T7062" s="111">
        <v>0</v>
      </c>
      <c r="U7062" s="145"/>
      <c r="V7062" s="145"/>
      <c r="W7062" s="145"/>
      <c r="X7062" s="145"/>
      <c r="Y7062" s="145"/>
      <c r="Z7062" s="145"/>
      <c r="AA7062" s="145"/>
      <c r="AB7062" s="145"/>
      <c r="AC7062" s="145"/>
      <c r="AD7062" s="145"/>
      <c r="AE7062" s="145"/>
      <c r="AF7062" s="145"/>
      <c r="AG7062" s="145"/>
      <c r="AH7062" s="145"/>
      <c r="AI7062" s="145"/>
      <c r="AJ7062" s="145"/>
      <c r="AK7062" s="145"/>
      <c r="AL7062" s="145"/>
      <c r="AM7062" s="145"/>
      <c r="AN7062" s="145"/>
      <c r="AO7062" s="145"/>
      <c r="AP7062" s="145"/>
      <c r="AQ7062" s="145"/>
      <c r="AR7062" s="145"/>
      <c r="AS7062" s="145"/>
      <c r="AT7062" s="145"/>
      <c r="AU7062" s="145"/>
      <c r="AV7062" s="145"/>
      <c r="AW7062" s="145"/>
      <c r="AX7062" s="146"/>
      <c r="AY7062" s="146"/>
      <c r="AZ7062" s="146"/>
      <c r="BA7062" s="146"/>
      <c r="BB7062" s="221">
        <v>45884</v>
      </c>
    </row>
    <row r="7063" spans="1:54" s="8" customFormat="1" ht="13.95" customHeight="1" x14ac:dyDescent="0.25">
      <c r="A7063" s="229" t="s">
        <v>16998</v>
      </c>
      <c r="B7063" s="96" t="s">
        <v>19873</v>
      </c>
      <c r="C7063" s="93" t="s">
        <v>16999</v>
      </c>
      <c r="D7063" s="93" t="s">
        <v>17000</v>
      </c>
      <c r="E7063" s="111">
        <v>1987</v>
      </c>
      <c r="F7063" s="111">
        <v>852</v>
      </c>
      <c r="G7063" s="93" t="s">
        <v>1</v>
      </c>
      <c r="H7063" s="111">
        <v>0</v>
      </c>
      <c r="I7063" s="111">
        <v>0</v>
      </c>
      <c r="J7063" s="111">
        <v>1</v>
      </c>
      <c r="K7063" s="111">
        <v>0</v>
      </c>
      <c r="L7063" s="111">
        <v>1</v>
      </c>
      <c r="M7063" s="111">
        <v>1</v>
      </c>
      <c r="N7063" s="111">
        <v>1</v>
      </c>
      <c r="O7063" s="111">
        <v>1</v>
      </c>
      <c r="P7063" s="111">
        <v>1</v>
      </c>
      <c r="Q7063" s="111">
        <v>0</v>
      </c>
      <c r="R7063" s="111">
        <v>0</v>
      </c>
      <c r="S7063" s="111">
        <v>0</v>
      </c>
      <c r="T7063" s="111">
        <v>0</v>
      </c>
      <c r="U7063" s="145"/>
      <c r="V7063" s="145"/>
      <c r="W7063" s="145"/>
      <c r="X7063" s="145"/>
      <c r="Y7063" s="145"/>
      <c r="Z7063" s="145"/>
      <c r="AA7063" s="145"/>
      <c r="AB7063" s="145"/>
      <c r="AC7063" s="145"/>
      <c r="AD7063" s="145"/>
      <c r="AE7063" s="145"/>
      <c r="AF7063" s="145"/>
      <c r="AG7063" s="145"/>
      <c r="AH7063" s="145"/>
      <c r="AI7063" s="145"/>
      <c r="AJ7063" s="145"/>
      <c r="AK7063" s="145"/>
      <c r="AL7063" s="145"/>
      <c r="AM7063" s="145"/>
      <c r="AN7063" s="145"/>
      <c r="AO7063" s="145"/>
      <c r="AP7063" s="145"/>
      <c r="AQ7063" s="145"/>
      <c r="AR7063" s="145"/>
      <c r="AS7063" s="145"/>
      <c r="AT7063" s="145"/>
      <c r="AU7063" s="145"/>
      <c r="AV7063" s="145"/>
      <c r="AW7063" s="145"/>
      <c r="AX7063" s="146"/>
      <c r="AY7063" s="146"/>
      <c r="AZ7063" s="146"/>
      <c r="BA7063" s="146"/>
      <c r="BB7063" s="221">
        <v>45884</v>
      </c>
    </row>
    <row r="7064" spans="1:54" s="8" customFormat="1" ht="13.95" customHeight="1" x14ac:dyDescent="0.25">
      <c r="A7064" s="229" t="s">
        <v>17001</v>
      </c>
      <c r="B7064" s="96" t="s">
        <v>19873</v>
      </c>
      <c r="C7064" s="93" t="s">
        <v>17002</v>
      </c>
      <c r="D7064" s="93" t="s">
        <v>17003</v>
      </c>
      <c r="E7064" s="111">
        <v>1986</v>
      </c>
      <c r="F7064" s="111">
        <v>881</v>
      </c>
      <c r="G7064" s="93" t="s">
        <v>1</v>
      </c>
      <c r="H7064" s="111">
        <v>0</v>
      </c>
      <c r="I7064" s="111">
        <v>0</v>
      </c>
      <c r="J7064" s="111">
        <v>1</v>
      </c>
      <c r="K7064" s="111">
        <v>0</v>
      </c>
      <c r="L7064" s="111">
        <v>0</v>
      </c>
      <c r="M7064" s="111">
        <v>0</v>
      </c>
      <c r="N7064" s="111">
        <v>0</v>
      </c>
      <c r="O7064" s="111">
        <v>0</v>
      </c>
      <c r="P7064" s="111">
        <v>0</v>
      </c>
      <c r="Q7064" s="111">
        <v>0</v>
      </c>
      <c r="R7064" s="111">
        <v>0</v>
      </c>
      <c r="S7064" s="111">
        <v>0</v>
      </c>
      <c r="T7064" s="111">
        <v>0</v>
      </c>
      <c r="U7064" s="145"/>
      <c r="V7064" s="145"/>
      <c r="W7064" s="145"/>
      <c r="X7064" s="145"/>
      <c r="Y7064" s="145"/>
      <c r="Z7064" s="145"/>
      <c r="AA7064" s="145"/>
      <c r="AB7064" s="145"/>
      <c r="AC7064" s="145"/>
      <c r="AD7064" s="145"/>
      <c r="AE7064" s="145"/>
      <c r="AF7064" s="145"/>
      <c r="AG7064" s="145"/>
      <c r="AH7064" s="145"/>
      <c r="AI7064" s="145"/>
      <c r="AJ7064" s="145"/>
      <c r="AK7064" s="145"/>
      <c r="AL7064" s="145"/>
      <c r="AM7064" s="145"/>
      <c r="AN7064" s="145"/>
      <c r="AO7064" s="145"/>
      <c r="AP7064" s="145"/>
      <c r="AQ7064" s="145"/>
      <c r="AR7064" s="145"/>
      <c r="AS7064" s="145"/>
      <c r="AT7064" s="145"/>
      <c r="AU7064" s="145"/>
      <c r="AV7064" s="145"/>
      <c r="AW7064" s="145"/>
      <c r="AX7064" s="146"/>
      <c r="AY7064" s="146"/>
      <c r="AZ7064" s="146"/>
      <c r="BA7064" s="146"/>
      <c r="BB7064" s="221">
        <v>45884</v>
      </c>
    </row>
    <row r="7065" spans="1:54" s="8" customFormat="1" ht="13.95" customHeight="1" x14ac:dyDescent="0.25">
      <c r="A7065" s="229" t="s">
        <v>17004</v>
      </c>
      <c r="B7065" s="96" t="s">
        <v>19873</v>
      </c>
      <c r="C7065" s="93" t="s">
        <v>17005</v>
      </c>
      <c r="D7065" s="93" t="s">
        <v>17006</v>
      </c>
      <c r="E7065" s="111">
        <v>1972</v>
      </c>
      <c r="F7065" s="111">
        <v>888</v>
      </c>
      <c r="G7065" s="93" t="s">
        <v>1</v>
      </c>
      <c r="H7065" s="111">
        <v>0</v>
      </c>
      <c r="I7065" s="111">
        <v>0</v>
      </c>
      <c r="J7065" s="111">
        <v>1</v>
      </c>
      <c r="K7065" s="111">
        <v>0</v>
      </c>
      <c r="L7065" s="111">
        <v>0</v>
      </c>
      <c r="M7065" s="111">
        <v>0</v>
      </c>
      <c r="N7065" s="111">
        <v>1</v>
      </c>
      <c r="O7065" s="111">
        <v>1</v>
      </c>
      <c r="P7065" s="111">
        <v>1</v>
      </c>
      <c r="Q7065" s="111">
        <v>0</v>
      </c>
      <c r="R7065" s="111">
        <v>1</v>
      </c>
      <c r="S7065" s="111">
        <v>0</v>
      </c>
      <c r="T7065" s="111">
        <v>0</v>
      </c>
      <c r="U7065" s="145"/>
      <c r="V7065" s="145"/>
      <c r="W7065" s="145"/>
      <c r="X7065" s="145"/>
      <c r="Y7065" s="145"/>
      <c r="Z7065" s="145"/>
      <c r="AA7065" s="145"/>
      <c r="AB7065" s="145"/>
      <c r="AC7065" s="145"/>
      <c r="AD7065" s="145"/>
      <c r="AE7065" s="145"/>
      <c r="AF7065" s="145"/>
      <c r="AG7065" s="145"/>
      <c r="AH7065" s="145"/>
      <c r="AI7065" s="145"/>
      <c r="AJ7065" s="145"/>
      <c r="AK7065" s="145"/>
      <c r="AL7065" s="145"/>
      <c r="AM7065" s="145"/>
      <c r="AN7065" s="145"/>
      <c r="AO7065" s="145"/>
      <c r="AP7065" s="145"/>
      <c r="AQ7065" s="145"/>
      <c r="AR7065" s="145"/>
      <c r="AS7065" s="145"/>
      <c r="AT7065" s="145"/>
      <c r="AU7065" s="145"/>
      <c r="AV7065" s="145"/>
      <c r="AW7065" s="145"/>
      <c r="AX7065" s="146"/>
      <c r="AY7065" s="146"/>
      <c r="AZ7065" s="146"/>
      <c r="BA7065" s="146"/>
      <c r="BB7065" s="221">
        <v>45884</v>
      </c>
    </row>
    <row r="7066" spans="1:54" s="8" customFormat="1" ht="13.95" customHeight="1" x14ac:dyDescent="0.25">
      <c r="A7066" s="229" t="s">
        <v>17007</v>
      </c>
      <c r="B7066" s="96" t="s">
        <v>19873</v>
      </c>
      <c r="C7066" s="93" t="s">
        <v>17008</v>
      </c>
      <c r="D7066" s="93" t="s">
        <v>17009</v>
      </c>
      <c r="E7066" s="111">
        <v>1983</v>
      </c>
      <c r="F7066" s="111">
        <v>887</v>
      </c>
      <c r="G7066" s="93" t="s">
        <v>1</v>
      </c>
      <c r="H7066" s="111">
        <v>1</v>
      </c>
      <c r="I7066" s="111">
        <v>0</v>
      </c>
      <c r="J7066" s="111">
        <v>1</v>
      </c>
      <c r="K7066" s="111">
        <v>0</v>
      </c>
      <c r="L7066" s="111">
        <v>1</v>
      </c>
      <c r="M7066" s="111">
        <v>0</v>
      </c>
      <c r="N7066" s="111">
        <v>1</v>
      </c>
      <c r="O7066" s="111">
        <v>0</v>
      </c>
      <c r="P7066" s="111">
        <v>0</v>
      </c>
      <c r="Q7066" s="111">
        <v>0</v>
      </c>
      <c r="R7066" s="111">
        <v>0</v>
      </c>
      <c r="S7066" s="111">
        <v>0</v>
      </c>
      <c r="T7066" s="111">
        <v>0</v>
      </c>
      <c r="U7066" s="145"/>
      <c r="V7066" s="145"/>
      <c r="W7066" s="145"/>
      <c r="X7066" s="145"/>
      <c r="Y7066" s="145"/>
      <c r="Z7066" s="145"/>
      <c r="AA7066" s="145"/>
      <c r="AB7066" s="145"/>
      <c r="AC7066" s="145"/>
      <c r="AD7066" s="145"/>
      <c r="AE7066" s="145"/>
      <c r="AF7066" s="145"/>
      <c r="AG7066" s="145"/>
      <c r="AH7066" s="145"/>
      <c r="AI7066" s="145"/>
      <c r="AJ7066" s="145"/>
      <c r="AK7066" s="145"/>
      <c r="AL7066" s="145"/>
      <c r="AM7066" s="145"/>
      <c r="AN7066" s="145"/>
      <c r="AO7066" s="145"/>
      <c r="AP7066" s="145"/>
      <c r="AQ7066" s="145"/>
      <c r="AR7066" s="145"/>
      <c r="AS7066" s="145"/>
      <c r="AT7066" s="145"/>
      <c r="AU7066" s="145"/>
      <c r="AV7066" s="145"/>
      <c r="AW7066" s="145"/>
      <c r="AX7066" s="146"/>
      <c r="AY7066" s="146"/>
      <c r="AZ7066" s="146"/>
      <c r="BA7066" s="146"/>
      <c r="BB7066" s="221">
        <v>45884</v>
      </c>
    </row>
    <row r="7067" spans="1:54" s="8" customFormat="1" ht="13.95" customHeight="1" x14ac:dyDescent="0.25">
      <c r="A7067" s="229" t="s">
        <v>17010</v>
      </c>
      <c r="B7067" s="96" t="s">
        <v>19873</v>
      </c>
      <c r="C7067" s="93" t="s">
        <v>17011</v>
      </c>
      <c r="D7067" s="93" t="s">
        <v>17012</v>
      </c>
      <c r="E7067" s="111">
        <v>1981</v>
      </c>
      <c r="F7067" s="111">
        <v>896</v>
      </c>
      <c r="G7067" s="93" t="s">
        <v>1</v>
      </c>
      <c r="H7067" s="111">
        <v>0</v>
      </c>
      <c r="I7067" s="111">
        <v>0</v>
      </c>
      <c r="J7067" s="111">
        <v>1</v>
      </c>
      <c r="K7067" s="111">
        <v>0</v>
      </c>
      <c r="L7067" s="111">
        <v>1</v>
      </c>
      <c r="M7067" s="111">
        <v>0</v>
      </c>
      <c r="N7067" s="111">
        <v>1</v>
      </c>
      <c r="O7067" s="111">
        <v>1</v>
      </c>
      <c r="P7067" s="111">
        <v>1</v>
      </c>
      <c r="Q7067" s="111">
        <v>0</v>
      </c>
      <c r="R7067" s="111">
        <v>0</v>
      </c>
      <c r="S7067" s="111">
        <v>0</v>
      </c>
      <c r="T7067" s="111">
        <v>0</v>
      </c>
      <c r="U7067" s="145"/>
      <c r="V7067" s="145"/>
      <c r="W7067" s="145"/>
      <c r="X7067" s="145"/>
      <c r="Y7067" s="145"/>
      <c r="Z7067" s="145"/>
      <c r="AA7067" s="145"/>
      <c r="AB7067" s="145"/>
      <c r="AC7067" s="145"/>
      <c r="AD7067" s="145"/>
      <c r="AE7067" s="145"/>
      <c r="AF7067" s="145"/>
      <c r="AG7067" s="145"/>
      <c r="AH7067" s="145"/>
      <c r="AI7067" s="145"/>
      <c r="AJ7067" s="145"/>
      <c r="AK7067" s="145"/>
      <c r="AL7067" s="145"/>
      <c r="AM7067" s="145"/>
      <c r="AN7067" s="145"/>
      <c r="AO7067" s="145"/>
      <c r="AP7067" s="145"/>
      <c r="AQ7067" s="145"/>
      <c r="AR7067" s="145"/>
      <c r="AS7067" s="145"/>
      <c r="AT7067" s="145"/>
      <c r="AU7067" s="145"/>
      <c r="AV7067" s="145"/>
      <c r="AW7067" s="145"/>
      <c r="AX7067" s="146"/>
      <c r="AY7067" s="146"/>
      <c r="AZ7067" s="146"/>
      <c r="BA7067" s="146"/>
      <c r="BB7067" s="221">
        <v>45884</v>
      </c>
    </row>
    <row r="7068" spans="1:54" s="8" customFormat="1" ht="13.95" customHeight="1" x14ac:dyDescent="0.25">
      <c r="A7068" s="229" t="s">
        <v>17013</v>
      </c>
      <c r="B7068" s="96" t="s">
        <v>19873</v>
      </c>
      <c r="C7068" s="93" t="s">
        <v>17014</v>
      </c>
      <c r="D7068" s="93" t="s">
        <v>17015</v>
      </c>
      <c r="E7068" s="111">
        <v>1991</v>
      </c>
      <c r="F7068" s="111">
        <v>893</v>
      </c>
      <c r="G7068" s="93" t="s">
        <v>1</v>
      </c>
      <c r="H7068" s="111">
        <v>0</v>
      </c>
      <c r="I7068" s="111">
        <v>0</v>
      </c>
      <c r="J7068" s="111">
        <v>1</v>
      </c>
      <c r="K7068" s="111">
        <v>0</v>
      </c>
      <c r="L7068" s="111">
        <v>1</v>
      </c>
      <c r="M7068" s="111">
        <v>0</v>
      </c>
      <c r="N7068" s="111">
        <v>0</v>
      </c>
      <c r="O7068" s="111">
        <v>0</v>
      </c>
      <c r="P7068" s="111">
        <v>0</v>
      </c>
      <c r="Q7068" s="111">
        <v>0</v>
      </c>
      <c r="R7068" s="111">
        <v>0</v>
      </c>
      <c r="S7068" s="111">
        <v>0</v>
      </c>
      <c r="T7068" s="111">
        <v>0</v>
      </c>
      <c r="U7068" s="145"/>
      <c r="V7068" s="145"/>
      <c r="W7068" s="145"/>
      <c r="X7068" s="145"/>
      <c r="Y7068" s="145"/>
      <c r="Z7068" s="145"/>
      <c r="AA7068" s="145"/>
      <c r="AB7068" s="145"/>
      <c r="AC7068" s="145"/>
      <c r="AD7068" s="145"/>
      <c r="AE7068" s="145"/>
      <c r="AF7068" s="145"/>
      <c r="AG7068" s="145"/>
      <c r="AH7068" s="145"/>
      <c r="AI7068" s="145"/>
      <c r="AJ7068" s="145"/>
      <c r="AK7068" s="145"/>
      <c r="AL7068" s="145"/>
      <c r="AM7068" s="145"/>
      <c r="AN7068" s="145"/>
      <c r="AO7068" s="145"/>
      <c r="AP7068" s="145"/>
      <c r="AQ7068" s="145"/>
      <c r="AR7068" s="145"/>
      <c r="AS7068" s="145"/>
      <c r="AT7068" s="145"/>
      <c r="AU7068" s="145"/>
      <c r="AV7068" s="145"/>
      <c r="AW7068" s="145"/>
      <c r="AX7068" s="146"/>
      <c r="AY7068" s="146"/>
      <c r="AZ7068" s="146"/>
      <c r="BA7068" s="112" t="s">
        <v>19874</v>
      </c>
      <c r="BB7068" s="221">
        <v>45884</v>
      </c>
    </row>
    <row r="7069" spans="1:54" s="8" customFormat="1" ht="13.95" customHeight="1" x14ac:dyDescent="0.25">
      <c r="A7069" s="229" t="s">
        <v>17016</v>
      </c>
      <c r="B7069" s="96" t="s">
        <v>19873</v>
      </c>
      <c r="C7069" s="93" t="s">
        <v>17017</v>
      </c>
      <c r="D7069" s="93" t="s">
        <v>16878</v>
      </c>
      <c r="E7069" s="111">
        <v>1979</v>
      </c>
      <c r="F7069" s="111">
        <v>946</v>
      </c>
      <c r="G7069" s="93" t="s">
        <v>1</v>
      </c>
      <c r="H7069" s="111">
        <v>1</v>
      </c>
      <c r="I7069" s="111">
        <v>0</v>
      </c>
      <c r="J7069" s="111">
        <v>0</v>
      </c>
      <c r="K7069" s="111">
        <v>0</v>
      </c>
      <c r="L7069" s="111">
        <v>1</v>
      </c>
      <c r="M7069" s="111">
        <v>1</v>
      </c>
      <c r="N7069" s="111">
        <v>1</v>
      </c>
      <c r="O7069" s="111">
        <v>0</v>
      </c>
      <c r="P7069" s="111">
        <v>1</v>
      </c>
      <c r="Q7069" s="111">
        <v>0</v>
      </c>
      <c r="R7069" s="111">
        <v>0</v>
      </c>
      <c r="S7069" s="111">
        <v>0</v>
      </c>
      <c r="T7069" s="111">
        <v>0</v>
      </c>
      <c r="U7069" s="145"/>
      <c r="V7069" s="145"/>
      <c r="W7069" s="145"/>
      <c r="X7069" s="145"/>
      <c r="Y7069" s="145"/>
      <c r="Z7069" s="145"/>
      <c r="AA7069" s="145"/>
      <c r="AB7069" s="145"/>
      <c r="AC7069" s="145"/>
      <c r="AD7069" s="145"/>
      <c r="AE7069" s="145"/>
      <c r="AF7069" s="145"/>
      <c r="AG7069" s="145"/>
      <c r="AH7069" s="145"/>
      <c r="AI7069" s="145"/>
      <c r="AJ7069" s="145"/>
      <c r="AK7069" s="145"/>
      <c r="AL7069" s="145"/>
      <c r="AM7069" s="145"/>
      <c r="AN7069" s="145"/>
      <c r="AO7069" s="145"/>
      <c r="AP7069" s="145"/>
      <c r="AQ7069" s="145"/>
      <c r="AR7069" s="145"/>
      <c r="AS7069" s="145"/>
      <c r="AT7069" s="145"/>
      <c r="AU7069" s="145"/>
      <c r="AV7069" s="145"/>
      <c r="AW7069" s="145"/>
      <c r="AX7069" s="146"/>
      <c r="AY7069" s="146"/>
      <c r="AZ7069" s="146"/>
      <c r="BA7069" s="146"/>
      <c r="BB7069" s="221">
        <v>45884</v>
      </c>
    </row>
    <row r="7070" spans="1:54" s="8" customFormat="1" ht="13.95" customHeight="1" x14ac:dyDescent="0.25">
      <c r="A7070" s="229" t="s">
        <v>17018</v>
      </c>
      <c r="B7070" s="96" t="s">
        <v>19873</v>
      </c>
      <c r="C7070" s="93" t="s">
        <v>17019</v>
      </c>
      <c r="D7070" s="93" t="s">
        <v>17020</v>
      </c>
      <c r="E7070" s="111">
        <v>1985</v>
      </c>
      <c r="F7070" s="111">
        <v>951</v>
      </c>
      <c r="G7070" s="93" t="s">
        <v>1</v>
      </c>
      <c r="H7070" s="111">
        <v>0</v>
      </c>
      <c r="I7070" s="111">
        <v>0</v>
      </c>
      <c r="J7070" s="111">
        <v>1</v>
      </c>
      <c r="K7070" s="111">
        <v>0</v>
      </c>
      <c r="L7070" s="111">
        <v>1</v>
      </c>
      <c r="M7070" s="111">
        <v>1</v>
      </c>
      <c r="N7070" s="111">
        <v>0</v>
      </c>
      <c r="O7070" s="111">
        <v>0</v>
      </c>
      <c r="P7070" s="111">
        <v>0</v>
      </c>
      <c r="Q7070" s="111">
        <v>0</v>
      </c>
      <c r="R7070" s="111">
        <v>0</v>
      </c>
      <c r="S7070" s="111">
        <v>0</v>
      </c>
      <c r="T7070" s="111">
        <v>0</v>
      </c>
      <c r="U7070" s="145"/>
      <c r="V7070" s="145"/>
      <c r="W7070" s="145"/>
      <c r="X7070" s="145"/>
      <c r="Y7070" s="145"/>
      <c r="Z7070" s="145"/>
      <c r="AA7070" s="145"/>
      <c r="AB7070" s="145"/>
      <c r="AC7070" s="145"/>
      <c r="AD7070" s="145"/>
      <c r="AE7070" s="145"/>
      <c r="AF7070" s="145"/>
      <c r="AG7070" s="145"/>
      <c r="AH7070" s="145"/>
      <c r="AI7070" s="145"/>
      <c r="AJ7070" s="145"/>
      <c r="AK7070" s="145"/>
      <c r="AL7070" s="145"/>
      <c r="AM7070" s="145"/>
      <c r="AN7070" s="145"/>
      <c r="AO7070" s="145"/>
      <c r="AP7070" s="145"/>
      <c r="AQ7070" s="145"/>
      <c r="AR7070" s="145"/>
      <c r="AS7070" s="145"/>
      <c r="AT7070" s="145"/>
      <c r="AU7070" s="145"/>
      <c r="AV7070" s="145"/>
      <c r="AW7070" s="145"/>
      <c r="AX7070" s="146"/>
      <c r="AY7070" s="146"/>
      <c r="AZ7070" s="146"/>
      <c r="BA7070" s="146"/>
      <c r="BB7070" s="221">
        <v>45884</v>
      </c>
    </row>
    <row r="7071" spans="1:54" s="8" customFormat="1" ht="13.95" customHeight="1" x14ac:dyDescent="0.25">
      <c r="A7071" s="229" t="s">
        <v>17021</v>
      </c>
      <c r="B7071" s="96" t="s">
        <v>19873</v>
      </c>
      <c r="C7071" s="93" t="s">
        <v>17022</v>
      </c>
      <c r="D7071" s="93" t="s">
        <v>17023</v>
      </c>
      <c r="E7071" s="111">
        <v>1976</v>
      </c>
      <c r="F7071" s="111">
        <v>964</v>
      </c>
      <c r="G7071" s="93" t="s">
        <v>1</v>
      </c>
      <c r="H7071" s="111">
        <v>0</v>
      </c>
      <c r="I7071" s="111">
        <v>0</v>
      </c>
      <c r="J7071" s="111">
        <v>1</v>
      </c>
      <c r="K7071" s="111">
        <v>0</v>
      </c>
      <c r="L7071" s="111">
        <v>1</v>
      </c>
      <c r="M7071" s="111">
        <v>0</v>
      </c>
      <c r="N7071" s="111">
        <v>1</v>
      </c>
      <c r="O7071" s="111">
        <v>1</v>
      </c>
      <c r="P7071" s="111">
        <v>1</v>
      </c>
      <c r="Q7071" s="111">
        <v>0</v>
      </c>
      <c r="R7071" s="111">
        <v>1</v>
      </c>
      <c r="S7071" s="111">
        <v>0</v>
      </c>
      <c r="T7071" s="111">
        <v>0</v>
      </c>
      <c r="U7071" s="145"/>
      <c r="V7071" s="145"/>
      <c r="W7071" s="145"/>
      <c r="X7071" s="145"/>
      <c r="Y7071" s="145"/>
      <c r="Z7071" s="145"/>
      <c r="AA7071" s="145"/>
      <c r="AB7071" s="145"/>
      <c r="AC7071" s="145"/>
      <c r="AD7071" s="145"/>
      <c r="AE7071" s="145"/>
      <c r="AF7071" s="145"/>
      <c r="AG7071" s="145"/>
      <c r="AH7071" s="145"/>
      <c r="AI7071" s="145"/>
      <c r="AJ7071" s="145"/>
      <c r="AK7071" s="145"/>
      <c r="AL7071" s="145"/>
      <c r="AM7071" s="145"/>
      <c r="AN7071" s="145"/>
      <c r="AO7071" s="145"/>
      <c r="AP7071" s="145"/>
      <c r="AQ7071" s="145"/>
      <c r="AR7071" s="145"/>
      <c r="AS7071" s="145"/>
      <c r="AT7071" s="145"/>
      <c r="AU7071" s="145"/>
      <c r="AV7071" s="145"/>
      <c r="AW7071" s="145"/>
      <c r="AX7071" s="146"/>
      <c r="AY7071" s="146"/>
      <c r="AZ7071" s="146"/>
      <c r="BA7071" s="146"/>
      <c r="BB7071" s="221">
        <v>45884</v>
      </c>
    </row>
    <row r="7072" spans="1:54" s="8" customFormat="1" ht="13.95" customHeight="1" x14ac:dyDescent="0.25">
      <c r="A7072" s="229" t="s">
        <v>17024</v>
      </c>
      <c r="B7072" s="96" t="s">
        <v>19873</v>
      </c>
      <c r="C7072" s="93" t="s">
        <v>17025</v>
      </c>
      <c r="D7072" s="93" t="s">
        <v>17026</v>
      </c>
      <c r="E7072" s="111">
        <v>1984</v>
      </c>
      <c r="F7072" s="111">
        <v>987</v>
      </c>
      <c r="G7072" s="93" t="s">
        <v>1</v>
      </c>
      <c r="H7072" s="111">
        <v>1</v>
      </c>
      <c r="I7072" s="111">
        <v>0</v>
      </c>
      <c r="J7072" s="111">
        <v>1</v>
      </c>
      <c r="K7072" s="111">
        <v>0</v>
      </c>
      <c r="L7072" s="111">
        <v>0</v>
      </c>
      <c r="M7072" s="111">
        <v>0</v>
      </c>
      <c r="N7072" s="111">
        <v>1</v>
      </c>
      <c r="O7072" s="111">
        <v>1</v>
      </c>
      <c r="P7072" s="111">
        <v>1</v>
      </c>
      <c r="Q7072" s="111">
        <v>0</v>
      </c>
      <c r="R7072" s="111">
        <v>1</v>
      </c>
      <c r="S7072" s="111">
        <v>0</v>
      </c>
      <c r="T7072" s="111">
        <v>0</v>
      </c>
      <c r="U7072" s="145"/>
      <c r="V7072" s="145"/>
      <c r="W7072" s="145"/>
      <c r="X7072" s="145"/>
      <c r="Y7072" s="145"/>
      <c r="Z7072" s="145"/>
      <c r="AA7072" s="145"/>
      <c r="AB7072" s="145"/>
      <c r="AC7072" s="145"/>
      <c r="AD7072" s="145"/>
      <c r="AE7072" s="145"/>
      <c r="AF7072" s="145"/>
      <c r="AG7072" s="145"/>
      <c r="AH7072" s="145"/>
      <c r="AI7072" s="145"/>
      <c r="AJ7072" s="145"/>
      <c r="AK7072" s="145"/>
      <c r="AL7072" s="145"/>
      <c r="AM7072" s="145"/>
      <c r="AN7072" s="145"/>
      <c r="AO7072" s="145"/>
      <c r="AP7072" s="145"/>
      <c r="AQ7072" s="145"/>
      <c r="AR7072" s="145"/>
      <c r="AS7072" s="145"/>
      <c r="AT7072" s="145"/>
      <c r="AU7072" s="145"/>
      <c r="AV7072" s="145"/>
      <c r="AW7072" s="145"/>
      <c r="AX7072" s="146"/>
      <c r="AY7072" s="146"/>
      <c r="AZ7072" s="146"/>
      <c r="BA7072" s="112" t="s">
        <v>17027</v>
      </c>
      <c r="BB7072" s="221">
        <v>45884</v>
      </c>
    </row>
    <row r="7073" spans="1:54" s="8" customFormat="1" ht="13.95" customHeight="1" x14ac:dyDescent="0.25">
      <c r="A7073" s="229" t="s">
        <v>17028</v>
      </c>
      <c r="B7073" s="96" t="s">
        <v>19873</v>
      </c>
      <c r="C7073" s="93" t="s">
        <v>14947</v>
      </c>
      <c r="D7073" s="93" t="s">
        <v>17029</v>
      </c>
      <c r="E7073" s="111">
        <v>1984</v>
      </c>
      <c r="F7073" s="111">
        <v>989</v>
      </c>
      <c r="G7073" s="93" t="s">
        <v>1</v>
      </c>
      <c r="H7073" s="111">
        <v>0</v>
      </c>
      <c r="I7073" s="111">
        <v>0</v>
      </c>
      <c r="J7073" s="111">
        <v>1</v>
      </c>
      <c r="K7073" s="111">
        <v>0</v>
      </c>
      <c r="L7073" s="111">
        <v>1</v>
      </c>
      <c r="M7073" s="111">
        <v>0</v>
      </c>
      <c r="N7073" s="111">
        <v>1</v>
      </c>
      <c r="O7073" s="111">
        <v>1</v>
      </c>
      <c r="P7073" s="111">
        <v>1</v>
      </c>
      <c r="Q7073" s="111">
        <v>1</v>
      </c>
      <c r="R7073" s="111">
        <v>1</v>
      </c>
      <c r="S7073" s="111">
        <v>0</v>
      </c>
      <c r="T7073" s="111">
        <v>0</v>
      </c>
      <c r="U7073" s="145"/>
      <c r="V7073" s="145"/>
      <c r="W7073" s="145"/>
      <c r="X7073" s="145"/>
      <c r="Y7073" s="145"/>
      <c r="Z7073" s="145"/>
      <c r="AA7073" s="145"/>
      <c r="AB7073" s="145"/>
      <c r="AC7073" s="145"/>
      <c r="AD7073" s="145"/>
      <c r="AE7073" s="145"/>
      <c r="AF7073" s="145"/>
      <c r="AG7073" s="145"/>
      <c r="AH7073" s="145"/>
      <c r="AI7073" s="145"/>
      <c r="AJ7073" s="145"/>
      <c r="AK7073" s="145"/>
      <c r="AL7073" s="145"/>
      <c r="AM7073" s="145"/>
      <c r="AN7073" s="145"/>
      <c r="AO7073" s="145"/>
      <c r="AP7073" s="145"/>
      <c r="AQ7073" s="145"/>
      <c r="AR7073" s="145"/>
      <c r="AS7073" s="145"/>
      <c r="AT7073" s="145"/>
      <c r="AU7073" s="145"/>
      <c r="AV7073" s="145"/>
      <c r="AW7073" s="145"/>
      <c r="AX7073" s="146"/>
      <c r="AY7073" s="146"/>
      <c r="AZ7073" s="146"/>
      <c r="BA7073" s="112" t="s">
        <v>17030</v>
      </c>
      <c r="BB7073" s="221">
        <v>45884</v>
      </c>
    </row>
    <row r="7074" spans="1:54" s="8" customFormat="1" ht="13.95" customHeight="1" x14ac:dyDescent="0.25">
      <c r="A7074" s="229" t="s">
        <v>17031</v>
      </c>
      <c r="B7074" s="96" t="s">
        <v>19873</v>
      </c>
      <c r="C7074" s="93" t="s">
        <v>17032</v>
      </c>
      <c r="D7074" s="93" t="s">
        <v>17033</v>
      </c>
      <c r="E7074" s="111">
        <v>1975</v>
      </c>
      <c r="F7074" s="111">
        <v>988</v>
      </c>
      <c r="G7074" s="93" t="s">
        <v>1</v>
      </c>
      <c r="H7074" s="111">
        <v>0</v>
      </c>
      <c r="I7074" s="111">
        <v>0</v>
      </c>
      <c r="J7074" s="111">
        <v>0</v>
      </c>
      <c r="K7074" s="111">
        <v>0</v>
      </c>
      <c r="L7074" s="111">
        <v>1</v>
      </c>
      <c r="M7074" s="111">
        <v>0</v>
      </c>
      <c r="N7074" s="111">
        <v>0</v>
      </c>
      <c r="O7074" s="111">
        <v>1</v>
      </c>
      <c r="P7074" s="111">
        <v>1</v>
      </c>
      <c r="Q7074" s="111">
        <v>0</v>
      </c>
      <c r="R7074" s="111">
        <v>1</v>
      </c>
      <c r="S7074" s="111">
        <v>0</v>
      </c>
      <c r="T7074" s="111">
        <v>0</v>
      </c>
      <c r="U7074" s="145"/>
      <c r="V7074" s="145"/>
      <c r="W7074" s="145"/>
      <c r="X7074" s="145"/>
      <c r="Y7074" s="145"/>
      <c r="Z7074" s="145"/>
      <c r="AA7074" s="145"/>
      <c r="AB7074" s="145"/>
      <c r="AC7074" s="145"/>
      <c r="AD7074" s="145"/>
      <c r="AE7074" s="145"/>
      <c r="AF7074" s="145"/>
      <c r="AG7074" s="145"/>
      <c r="AH7074" s="145"/>
      <c r="AI7074" s="145"/>
      <c r="AJ7074" s="145"/>
      <c r="AK7074" s="145"/>
      <c r="AL7074" s="145"/>
      <c r="AM7074" s="145"/>
      <c r="AN7074" s="145"/>
      <c r="AO7074" s="145"/>
      <c r="AP7074" s="145"/>
      <c r="AQ7074" s="145"/>
      <c r="AR7074" s="145"/>
      <c r="AS7074" s="145"/>
      <c r="AT7074" s="145"/>
      <c r="AU7074" s="145"/>
      <c r="AV7074" s="145"/>
      <c r="AW7074" s="145"/>
      <c r="AX7074" s="146"/>
      <c r="AY7074" s="146"/>
      <c r="AZ7074" s="146"/>
      <c r="BA7074" s="146"/>
      <c r="BB7074" s="221">
        <v>45884</v>
      </c>
    </row>
    <row r="7075" spans="1:54" s="8" customFormat="1" ht="13.95" customHeight="1" x14ac:dyDescent="0.25">
      <c r="A7075" s="229" t="s">
        <v>17034</v>
      </c>
      <c r="B7075" s="96" t="s">
        <v>19873</v>
      </c>
      <c r="C7075" s="93" t="s">
        <v>17035</v>
      </c>
      <c r="D7075" s="93" t="s">
        <v>17036</v>
      </c>
      <c r="E7075" s="111">
        <v>1975</v>
      </c>
      <c r="F7075" s="111">
        <v>999</v>
      </c>
      <c r="G7075" s="93" t="s">
        <v>1</v>
      </c>
      <c r="H7075" s="111">
        <v>0</v>
      </c>
      <c r="I7075" s="111">
        <v>0</v>
      </c>
      <c r="J7075" s="111">
        <v>1</v>
      </c>
      <c r="K7075" s="111">
        <v>0</v>
      </c>
      <c r="L7075" s="111">
        <v>1</v>
      </c>
      <c r="M7075" s="111">
        <v>0</v>
      </c>
      <c r="N7075" s="111">
        <v>1</v>
      </c>
      <c r="O7075" s="111">
        <v>0</v>
      </c>
      <c r="P7075" s="111">
        <v>1</v>
      </c>
      <c r="Q7075" s="111">
        <v>0</v>
      </c>
      <c r="R7075" s="111">
        <v>0</v>
      </c>
      <c r="S7075" s="111">
        <v>0</v>
      </c>
      <c r="T7075" s="111">
        <v>0</v>
      </c>
      <c r="U7075" s="145"/>
      <c r="V7075" s="145"/>
      <c r="W7075" s="145"/>
      <c r="X7075" s="145"/>
      <c r="Y7075" s="145"/>
      <c r="Z7075" s="145"/>
      <c r="AA7075" s="145"/>
      <c r="AB7075" s="145"/>
      <c r="AC7075" s="145"/>
      <c r="AD7075" s="145"/>
      <c r="AE7075" s="145"/>
      <c r="AF7075" s="145"/>
      <c r="AG7075" s="145"/>
      <c r="AH7075" s="145"/>
      <c r="AI7075" s="145"/>
      <c r="AJ7075" s="145"/>
      <c r="AK7075" s="145"/>
      <c r="AL7075" s="145"/>
      <c r="AM7075" s="145"/>
      <c r="AN7075" s="145"/>
      <c r="AO7075" s="145"/>
      <c r="AP7075" s="145"/>
      <c r="AQ7075" s="145"/>
      <c r="AR7075" s="145"/>
      <c r="AS7075" s="145"/>
      <c r="AT7075" s="145"/>
      <c r="AU7075" s="145"/>
      <c r="AV7075" s="145"/>
      <c r="AW7075" s="145"/>
      <c r="AX7075" s="146"/>
      <c r="AY7075" s="146"/>
      <c r="AZ7075" s="146"/>
      <c r="BA7075" s="146"/>
      <c r="BB7075" s="221">
        <v>45884</v>
      </c>
    </row>
    <row r="7076" spans="1:54" s="8" customFormat="1" ht="13.95" customHeight="1" x14ac:dyDescent="0.25">
      <c r="A7076" s="229" t="s">
        <v>17037</v>
      </c>
      <c r="B7076" s="96" t="s">
        <v>19873</v>
      </c>
      <c r="C7076" s="93" t="s">
        <v>17038</v>
      </c>
      <c r="D7076" s="93" t="s">
        <v>17039</v>
      </c>
      <c r="E7076" s="111">
        <v>1998</v>
      </c>
      <c r="F7076" s="111">
        <v>999</v>
      </c>
      <c r="G7076" s="93" t="s">
        <v>1</v>
      </c>
      <c r="H7076" s="111">
        <v>0</v>
      </c>
      <c r="I7076" s="111">
        <v>0</v>
      </c>
      <c r="J7076" s="111">
        <v>1</v>
      </c>
      <c r="K7076" s="111">
        <v>1</v>
      </c>
      <c r="L7076" s="111">
        <v>1</v>
      </c>
      <c r="M7076" s="111">
        <v>1</v>
      </c>
      <c r="N7076" s="111">
        <v>1</v>
      </c>
      <c r="O7076" s="111">
        <v>1</v>
      </c>
      <c r="P7076" s="111">
        <v>1</v>
      </c>
      <c r="Q7076" s="111">
        <v>1</v>
      </c>
      <c r="R7076" s="111">
        <v>0</v>
      </c>
      <c r="S7076" s="111">
        <v>0</v>
      </c>
      <c r="T7076" s="111">
        <v>0</v>
      </c>
      <c r="U7076" s="145"/>
      <c r="V7076" s="145"/>
      <c r="W7076" s="145"/>
      <c r="X7076" s="145"/>
      <c r="Y7076" s="145"/>
      <c r="Z7076" s="145"/>
      <c r="AA7076" s="111">
        <v>1</v>
      </c>
      <c r="AB7076" s="145"/>
      <c r="AC7076" s="145"/>
      <c r="AD7076" s="145"/>
      <c r="AE7076" s="145"/>
      <c r="AF7076" s="145"/>
      <c r="AG7076" s="145"/>
      <c r="AH7076" s="145"/>
      <c r="AI7076" s="145"/>
      <c r="AJ7076" s="145"/>
      <c r="AK7076" s="145"/>
      <c r="AL7076" s="145"/>
      <c r="AM7076" s="145"/>
      <c r="AN7076" s="145"/>
      <c r="AO7076" s="145"/>
      <c r="AP7076" s="145"/>
      <c r="AQ7076" s="145"/>
      <c r="AR7076" s="145"/>
      <c r="AS7076" s="145"/>
      <c r="AT7076" s="145"/>
      <c r="AU7076" s="145"/>
      <c r="AV7076" s="145"/>
      <c r="AW7076" s="145"/>
      <c r="AX7076" s="146"/>
      <c r="AY7076" s="146"/>
      <c r="AZ7076" s="146"/>
      <c r="BA7076" s="146"/>
      <c r="BB7076" s="221">
        <v>45884</v>
      </c>
    </row>
    <row r="7077" spans="1:54" s="8" customFormat="1" ht="13.95" customHeight="1" x14ac:dyDescent="0.25">
      <c r="A7077" s="229" t="s">
        <v>17040</v>
      </c>
      <c r="B7077" s="96" t="s">
        <v>19873</v>
      </c>
      <c r="C7077" s="93" t="s">
        <v>17041</v>
      </c>
      <c r="D7077" s="93" t="s">
        <v>17042</v>
      </c>
      <c r="E7077" s="111">
        <v>1985</v>
      </c>
      <c r="F7077" s="111">
        <v>1000</v>
      </c>
      <c r="G7077" s="93" t="s">
        <v>1</v>
      </c>
      <c r="H7077" s="111">
        <v>0</v>
      </c>
      <c r="I7077" s="111">
        <v>0</v>
      </c>
      <c r="J7077" s="111">
        <v>0</v>
      </c>
      <c r="K7077" s="111">
        <v>0</v>
      </c>
      <c r="L7077" s="111">
        <v>1</v>
      </c>
      <c r="M7077" s="111">
        <v>0</v>
      </c>
      <c r="N7077" s="111">
        <v>0</v>
      </c>
      <c r="O7077" s="111">
        <v>0</v>
      </c>
      <c r="P7077" s="111">
        <v>0</v>
      </c>
      <c r="Q7077" s="111">
        <v>0</v>
      </c>
      <c r="R7077" s="111">
        <v>0</v>
      </c>
      <c r="S7077" s="111">
        <v>0</v>
      </c>
      <c r="T7077" s="111">
        <v>0</v>
      </c>
      <c r="U7077" s="145"/>
      <c r="V7077" s="145"/>
      <c r="W7077" s="145"/>
      <c r="X7077" s="145"/>
      <c r="Y7077" s="145"/>
      <c r="Z7077" s="145"/>
      <c r="AA7077" s="145"/>
      <c r="AB7077" s="145"/>
      <c r="AC7077" s="145"/>
      <c r="AD7077" s="145"/>
      <c r="AE7077" s="145"/>
      <c r="AF7077" s="145"/>
      <c r="AG7077" s="145"/>
      <c r="AH7077" s="145"/>
      <c r="AI7077" s="145"/>
      <c r="AJ7077" s="145"/>
      <c r="AK7077" s="145"/>
      <c r="AL7077" s="145"/>
      <c r="AM7077" s="145"/>
      <c r="AN7077" s="145"/>
      <c r="AO7077" s="145"/>
      <c r="AP7077" s="145"/>
      <c r="AQ7077" s="145"/>
      <c r="AR7077" s="145"/>
      <c r="AS7077" s="145"/>
      <c r="AT7077" s="145"/>
      <c r="AU7077" s="145"/>
      <c r="AV7077" s="145"/>
      <c r="AW7077" s="145"/>
      <c r="AX7077" s="146"/>
      <c r="AY7077" s="146"/>
      <c r="AZ7077" s="146"/>
      <c r="BA7077" s="146"/>
      <c r="BB7077" s="221">
        <v>45884</v>
      </c>
    </row>
    <row r="7078" spans="1:54" s="8" customFormat="1" ht="13.95" customHeight="1" x14ac:dyDescent="0.25">
      <c r="A7078" s="229" t="s">
        <v>17043</v>
      </c>
      <c r="B7078" s="96" t="s">
        <v>19873</v>
      </c>
      <c r="C7078" s="93" t="s">
        <v>17044</v>
      </c>
      <c r="D7078" s="93" t="s">
        <v>17045</v>
      </c>
      <c r="E7078" s="111">
        <v>1994</v>
      </c>
      <c r="F7078" s="111">
        <v>1000</v>
      </c>
      <c r="G7078" s="93" t="s">
        <v>1</v>
      </c>
      <c r="H7078" s="111">
        <v>0</v>
      </c>
      <c r="I7078" s="111">
        <v>0</v>
      </c>
      <c r="J7078" s="111">
        <v>1</v>
      </c>
      <c r="K7078" s="111">
        <v>1</v>
      </c>
      <c r="L7078" s="111">
        <v>0</v>
      </c>
      <c r="M7078" s="111">
        <v>1</v>
      </c>
      <c r="N7078" s="111">
        <v>1</v>
      </c>
      <c r="O7078" s="111">
        <v>1</v>
      </c>
      <c r="P7078" s="111">
        <v>0</v>
      </c>
      <c r="Q7078" s="111">
        <v>0</v>
      </c>
      <c r="R7078" s="111">
        <v>0</v>
      </c>
      <c r="S7078" s="111">
        <v>0</v>
      </c>
      <c r="T7078" s="111">
        <v>0</v>
      </c>
      <c r="U7078" s="145"/>
      <c r="V7078" s="145"/>
      <c r="W7078" s="145"/>
      <c r="X7078" s="145"/>
      <c r="Y7078" s="145"/>
      <c r="Z7078" s="145"/>
      <c r="AA7078" s="145"/>
      <c r="AB7078" s="145"/>
      <c r="AC7078" s="145"/>
      <c r="AD7078" s="145"/>
      <c r="AE7078" s="145"/>
      <c r="AF7078" s="145"/>
      <c r="AG7078" s="145"/>
      <c r="AH7078" s="145"/>
      <c r="AI7078" s="145"/>
      <c r="AJ7078" s="145"/>
      <c r="AK7078" s="145"/>
      <c r="AL7078" s="145"/>
      <c r="AM7078" s="145"/>
      <c r="AN7078" s="145"/>
      <c r="AO7078" s="145"/>
      <c r="AP7078" s="145"/>
      <c r="AQ7078" s="145"/>
      <c r="AR7078" s="145"/>
      <c r="AS7078" s="145"/>
      <c r="AT7078" s="145"/>
      <c r="AU7078" s="145"/>
      <c r="AV7078" s="145"/>
      <c r="AW7078" s="145"/>
      <c r="AX7078" s="146"/>
      <c r="AY7078" s="146"/>
      <c r="AZ7078" s="146"/>
      <c r="BA7078" s="112" t="s">
        <v>17046</v>
      </c>
      <c r="BB7078" s="221">
        <v>45884</v>
      </c>
    </row>
    <row r="7079" spans="1:54" s="8" customFormat="1" ht="13.95" customHeight="1" x14ac:dyDescent="0.25">
      <c r="A7079" s="229" t="s">
        <v>17047</v>
      </c>
      <c r="B7079" s="96" t="s">
        <v>19873</v>
      </c>
      <c r="C7079" s="93" t="s">
        <v>17048</v>
      </c>
      <c r="D7079" s="93" t="s">
        <v>17049</v>
      </c>
      <c r="E7079" s="111">
        <v>1984</v>
      </c>
      <c r="F7079" s="111">
        <v>1001</v>
      </c>
      <c r="G7079" s="93" t="s">
        <v>1</v>
      </c>
      <c r="H7079" s="111">
        <v>0</v>
      </c>
      <c r="I7079" s="111">
        <v>0</v>
      </c>
      <c r="J7079" s="111">
        <v>1</v>
      </c>
      <c r="K7079" s="111">
        <v>0</v>
      </c>
      <c r="L7079" s="111">
        <v>0</v>
      </c>
      <c r="M7079" s="111">
        <v>0</v>
      </c>
      <c r="N7079" s="111">
        <v>1</v>
      </c>
      <c r="O7079" s="111">
        <v>1</v>
      </c>
      <c r="P7079" s="111">
        <v>1</v>
      </c>
      <c r="Q7079" s="111">
        <v>0</v>
      </c>
      <c r="R7079" s="111">
        <v>1</v>
      </c>
      <c r="S7079" s="111">
        <v>0</v>
      </c>
      <c r="T7079" s="111">
        <v>0</v>
      </c>
      <c r="U7079" s="145"/>
      <c r="V7079" s="145"/>
      <c r="W7079" s="145"/>
      <c r="X7079" s="145"/>
      <c r="Y7079" s="145"/>
      <c r="Z7079" s="145"/>
      <c r="AA7079" s="145"/>
      <c r="AB7079" s="145"/>
      <c r="AC7079" s="145"/>
      <c r="AD7079" s="145"/>
      <c r="AE7079" s="145"/>
      <c r="AF7079" s="145"/>
      <c r="AG7079" s="145"/>
      <c r="AH7079" s="145"/>
      <c r="AI7079" s="145"/>
      <c r="AJ7079" s="145"/>
      <c r="AK7079" s="145"/>
      <c r="AL7079" s="145"/>
      <c r="AM7079" s="145"/>
      <c r="AN7079" s="145"/>
      <c r="AO7079" s="145"/>
      <c r="AP7079" s="145"/>
      <c r="AQ7079" s="145"/>
      <c r="AR7079" s="145"/>
      <c r="AS7079" s="145"/>
      <c r="AT7079" s="145"/>
      <c r="AU7079" s="145"/>
      <c r="AV7079" s="145"/>
      <c r="AW7079" s="145"/>
      <c r="AX7079" s="146"/>
      <c r="AY7079" s="146"/>
      <c r="AZ7079" s="146"/>
      <c r="BA7079" s="112" t="s">
        <v>17027</v>
      </c>
      <c r="BB7079" s="221">
        <v>45884</v>
      </c>
    </row>
    <row r="7080" spans="1:54" s="8" customFormat="1" ht="13.95" customHeight="1" x14ac:dyDescent="0.25">
      <c r="A7080" s="229" t="s">
        <v>17050</v>
      </c>
      <c r="B7080" s="96" t="s">
        <v>19873</v>
      </c>
      <c r="C7080" s="93" t="s">
        <v>17051</v>
      </c>
      <c r="D7080" s="93" t="s">
        <v>17052</v>
      </c>
      <c r="E7080" s="111">
        <v>1986</v>
      </c>
      <c r="F7080" s="111">
        <v>1006</v>
      </c>
      <c r="G7080" s="93" t="s">
        <v>1</v>
      </c>
      <c r="H7080" s="111">
        <v>1</v>
      </c>
      <c r="I7080" s="111">
        <v>0</v>
      </c>
      <c r="J7080" s="111">
        <v>1</v>
      </c>
      <c r="K7080" s="111">
        <v>1</v>
      </c>
      <c r="L7080" s="111">
        <v>1</v>
      </c>
      <c r="M7080" s="111">
        <v>1</v>
      </c>
      <c r="N7080" s="111">
        <v>0</v>
      </c>
      <c r="O7080" s="111">
        <v>0</v>
      </c>
      <c r="P7080" s="111">
        <v>0</v>
      </c>
      <c r="Q7080" s="111">
        <v>0</v>
      </c>
      <c r="R7080" s="111">
        <v>0</v>
      </c>
      <c r="S7080" s="111">
        <v>0</v>
      </c>
      <c r="T7080" s="111">
        <v>0</v>
      </c>
      <c r="U7080" s="145"/>
      <c r="V7080" s="145"/>
      <c r="W7080" s="145"/>
      <c r="X7080" s="145"/>
      <c r="Y7080" s="145"/>
      <c r="Z7080" s="145"/>
      <c r="AA7080" s="145"/>
      <c r="AB7080" s="145"/>
      <c r="AC7080" s="145"/>
      <c r="AD7080" s="145"/>
      <c r="AE7080" s="145"/>
      <c r="AF7080" s="145"/>
      <c r="AG7080" s="145"/>
      <c r="AH7080" s="145"/>
      <c r="AI7080" s="145"/>
      <c r="AJ7080" s="145"/>
      <c r="AK7080" s="145"/>
      <c r="AL7080" s="145"/>
      <c r="AM7080" s="145"/>
      <c r="AN7080" s="145"/>
      <c r="AO7080" s="145"/>
      <c r="AP7080" s="145"/>
      <c r="AQ7080" s="145"/>
      <c r="AR7080" s="145"/>
      <c r="AS7080" s="145"/>
      <c r="AT7080" s="145"/>
      <c r="AU7080" s="145"/>
      <c r="AV7080" s="145"/>
      <c r="AW7080" s="145"/>
      <c r="AX7080" s="146"/>
      <c r="AY7080" s="146"/>
      <c r="AZ7080" s="146"/>
      <c r="BA7080" s="146"/>
      <c r="BB7080" s="221">
        <v>45884</v>
      </c>
    </row>
    <row r="7081" spans="1:54" s="8" customFormat="1" ht="13.95" customHeight="1" x14ac:dyDescent="0.25">
      <c r="A7081" s="229" t="s">
        <v>17053</v>
      </c>
      <c r="B7081" s="96" t="s">
        <v>19873</v>
      </c>
      <c r="C7081" s="93" t="s">
        <v>17054</v>
      </c>
      <c r="D7081" s="93" t="s">
        <v>17055</v>
      </c>
      <c r="E7081" s="111">
        <v>1978</v>
      </c>
      <c r="F7081" s="111">
        <v>1014</v>
      </c>
      <c r="G7081" s="93" t="s">
        <v>1</v>
      </c>
      <c r="H7081" s="111">
        <v>0</v>
      </c>
      <c r="I7081" s="111">
        <v>0</v>
      </c>
      <c r="J7081" s="111">
        <v>0</v>
      </c>
      <c r="K7081" s="111">
        <v>1</v>
      </c>
      <c r="L7081" s="111">
        <v>0</v>
      </c>
      <c r="M7081" s="111">
        <v>0</v>
      </c>
      <c r="N7081" s="111">
        <v>0</v>
      </c>
      <c r="O7081" s="111">
        <v>1</v>
      </c>
      <c r="P7081" s="111">
        <v>1</v>
      </c>
      <c r="Q7081" s="111">
        <v>0</v>
      </c>
      <c r="R7081" s="111">
        <v>0</v>
      </c>
      <c r="S7081" s="111">
        <v>1</v>
      </c>
      <c r="T7081" s="111">
        <v>0</v>
      </c>
      <c r="U7081" s="145"/>
      <c r="V7081" s="145"/>
      <c r="W7081" s="145"/>
      <c r="X7081" s="145"/>
      <c r="Y7081" s="145"/>
      <c r="Z7081" s="145"/>
      <c r="AA7081" s="145"/>
      <c r="AB7081" s="145"/>
      <c r="AC7081" s="145"/>
      <c r="AD7081" s="145"/>
      <c r="AE7081" s="145"/>
      <c r="AF7081" s="145"/>
      <c r="AG7081" s="145"/>
      <c r="AH7081" s="145"/>
      <c r="AI7081" s="145"/>
      <c r="AJ7081" s="145"/>
      <c r="AK7081" s="145"/>
      <c r="AL7081" s="145"/>
      <c r="AM7081" s="145"/>
      <c r="AN7081" s="145"/>
      <c r="AO7081" s="145"/>
      <c r="AP7081" s="145"/>
      <c r="AQ7081" s="145"/>
      <c r="AR7081" s="145"/>
      <c r="AS7081" s="145"/>
      <c r="AT7081" s="145"/>
      <c r="AU7081" s="145"/>
      <c r="AV7081" s="145"/>
      <c r="AW7081" s="145"/>
      <c r="AX7081" s="146"/>
      <c r="AY7081" s="146"/>
      <c r="AZ7081" s="146"/>
      <c r="BA7081" s="146"/>
      <c r="BB7081" s="221">
        <v>45884</v>
      </c>
    </row>
    <row r="7082" spans="1:54" s="8" customFormat="1" ht="13.95" customHeight="1" x14ac:dyDescent="0.25">
      <c r="A7082" s="229" t="s">
        <v>17056</v>
      </c>
      <c r="B7082" s="96" t="s">
        <v>19873</v>
      </c>
      <c r="C7082" s="93" t="s">
        <v>17057</v>
      </c>
      <c r="D7082" s="93" t="s">
        <v>17058</v>
      </c>
      <c r="E7082" s="111">
        <v>1968</v>
      </c>
      <c r="F7082" s="111">
        <v>1017</v>
      </c>
      <c r="G7082" s="93" t="s">
        <v>1</v>
      </c>
      <c r="H7082" s="111">
        <v>0</v>
      </c>
      <c r="I7082" s="111">
        <v>0</v>
      </c>
      <c r="J7082" s="111">
        <v>1</v>
      </c>
      <c r="K7082" s="111">
        <v>0</v>
      </c>
      <c r="L7082" s="111">
        <v>1</v>
      </c>
      <c r="M7082" s="111">
        <v>0</v>
      </c>
      <c r="N7082" s="111">
        <v>1</v>
      </c>
      <c r="O7082" s="111">
        <v>1</v>
      </c>
      <c r="P7082" s="111">
        <v>1</v>
      </c>
      <c r="Q7082" s="111">
        <v>0</v>
      </c>
      <c r="R7082" s="111">
        <v>1</v>
      </c>
      <c r="S7082" s="111">
        <v>0</v>
      </c>
      <c r="T7082" s="111">
        <v>0</v>
      </c>
      <c r="U7082" s="145"/>
      <c r="V7082" s="145"/>
      <c r="W7082" s="145"/>
      <c r="X7082" s="145"/>
      <c r="Y7082" s="145"/>
      <c r="Z7082" s="145"/>
      <c r="AA7082" s="145"/>
      <c r="AB7082" s="145"/>
      <c r="AC7082" s="145"/>
      <c r="AD7082" s="145"/>
      <c r="AE7082" s="145"/>
      <c r="AF7082" s="145"/>
      <c r="AG7082" s="145"/>
      <c r="AH7082" s="145"/>
      <c r="AI7082" s="145"/>
      <c r="AJ7082" s="145"/>
      <c r="AK7082" s="145"/>
      <c r="AL7082" s="145"/>
      <c r="AM7082" s="145"/>
      <c r="AN7082" s="145"/>
      <c r="AO7082" s="145"/>
      <c r="AP7082" s="145"/>
      <c r="AQ7082" s="145"/>
      <c r="AR7082" s="145"/>
      <c r="AS7082" s="145"/>
      <c r="AT7082" s="145"/>
      <c r="AU7082" s="145"/>
      <c r="AV7082" s="145"/>
      <c r="AW7082" s="145"/>
      <c r="AX7082" s="146"/>
      <c r="AY7082" s="146"/>
      <c r="AZ7082" s="146"/>
      <c r="BA7082" s="146"/>
      <c r="BB7082" s="221">
        <v>45884</v>
      </c>
    </row>
    <row r="7083" spans="1:54" s="8" customFormat="1" ht="13.95" customHeight="1" x14ac:dyDescent="0.25">
      <c r="A7083" s="229" t="s">
        <v>17059</v>
      </c>
      <c r="B7083" s="96" t="s">
        <v>19873</v>
      </c>
      <c r="C7083" s="93" t="s">
        <v>11397</v>
      </c>
      <c r="D7083" s="93" t="s">
        <v>17060</v>
      </c>
      <c r="E7083" s="111">
        <v>1999</v>
      </c>
      <c r="F7083" s="111">
        <v>1028</v>
      </c>
      <c r="G7083" s="93" t="s">
        <v>1</v>
      </c>
      <c r="H7083" s="111">
        <v>0</v>
      </c>
      <c r="I7083" s="111">
        <v>0</v>
      </c>
      <c r="J7083" s="111">
        <v>1</v>
      </c>
      <c r="K7083" s="111">
        <v>1</v>
      </c>
      <c r="L7083" s="111">
        <v>0</v>
      </c>
      <c r="M7083" s="111">
        <v>0</v>
      </c>
      <c r="N7083" s="111">
        <v>1</v>
      </c>
      <c r="O7083" s="111">
        <v>0</v>
      </c>
      <c r="P7083" s="111">
        <v>1</v>
      </c>
      <c r="Q7083" s="111">
        <v>0</v>
      </c>
      <c r="R7083" s="111">
        <v>0</v>
      </c>
      <c r="S7083" s="111">
        <v>1</v>
      </c>
      <c r="T7083" s="111">
        <v>0</v>
      </c>
      <c r="U7083" s="145"/>
      <c r="V7083" s="145"/>
      <c r="W7083" s="145"/>
      <c r="X7083" s="145"/>
      <c r="Y7083" s="145"/>
      <c r="Z7083" s="145"/>
      <c r="AA7083" s="145"/>
      <c r="AB7083" s="145"/>
      <c r="AC7083" s="145"/>
      <c r="AD7083" s="145"/>
      <c r="AE7083" s="145"/>
      <c r="AF7083" s="145"/>
      <c r="AG7083" s="145"/>
      <c r="AH7083" s="145"/>
      <c r="AI7083" s="145"/>
      <c r="AJ7083" s="145"/>
      <c r="AK7083" s="145"/>
      <c r="AL7083" s="145"/>
      <c r="AM7083" s="145"/>
      <c r="AN7083" s="145"/>
      <c r="AO7083" s="145"/>
      <c r="AP7083" s="145"/>
      <c r="AQ7083" s="145"/>
      <c r="AR7083" s="145"/>
      <c r="AS7083" s="145"/>
      <c r="AT7083" s="145"/>
      <c r="AU7083" s="145"/>
      <c r="AV7083" s="145"/>
      <c r="AW7083" s="145"/>
      <c r="AX7083" s="146"/>
      <c r="AY7083" s="146"/>
      <c r="AZ7083" s="146"/>
      <c r="BA7083" s="112" t="s">
        <v>17061</v>
      </c>
      <c r="BB7083" s="221">
        <v>45884</v>
      </c>
    </row>
    <row r="7084" spans="1:54" s="8" customFormat="1" ht="13.95" customHeight="1" x14ac:dyDescent="0.25">
      <c r="A7084" s="229" t="s">
        <v>17062</v>
      </c>
      <c r="B7084" s="96" t="s">
        <v>19873</v>
      </c>
      <c r="C7084" s="93" t="s">
        <v>17063</v>
      </c>
      <c r="D7084" s="93" t="s">
        <v>17064</v>
      </c>
      <c r="E7084" s="111">
        <v>1973</v>
      </c>
      <c r="F7084" s="111">
        <v>1032</v>
      </c>
      <c r="G7084" s="93" t="s">
        <v>1</v>
      </c>
      <c r="H7084" s="111">
        <v>0</v>
      </c>
      <c r="I7084" s="111">
        <v>0</v>
      </c>
      <c r="J7084" s="111">
        <v>1</v>
      </c>
      <c r="K7084" s="111">
        <v>0</v>
      </c>
      <c r="L7084" s="111">
        <v>1</v>
      </c>
      <c r="M7084" s="111">
        <v>0</v>
      </c>
      <c r="N7084" s="111">
        <v>1</v>
      </c>
      <c r="O7084" s="111">
        <v>1</v>
      </c>
      <c r="P7084" s="111">
        <v>1</v>
      </c>
      <c r="Q7084" s="111">
        <v>0</v>
      </c>
      <c r="R7084" s="111">
        <v>1</v>
      </c>
      <c r="S7084" s="111">
        <v>1</v>
      </c>
      <c r="T7084" s="111">
        <v>0</v>
      </c>
      <c r="U7084" s="145"/>
      <c r="V7084" s="145"/>
      <c r="W7084" s="145"/>
      <c r="X7084" s="145"/>
      <c r="Y7084" s="145"/>
      <c r="Z7084" s="145"/>
      <c r="AA7084" s="145"/>
      <c r="AB7084" s="145"/>
      <c r="AC7084" s="145"/>
      <c r="AD7084" s="145"/>
      <c r="AE7084" s="145"/>
      <c r="AF7084" s="145"/>
      <c r="AG7084" s="145"/>
      <c r="AH7084" s="145"/>
      <c r="AI7084" s="145"/>
      <c r="AJ7084" s="145"/>
      <c r="AK7084" s="145"/>
      <c r="AL7084" s="145"/>
      <c r="AM7084" s="145"/>
      <c r="AN7084" s="145"/>
      <c r="AO7084" s="145"/>
      <c r="AP7084" s="145"/>
      <c r="AQ7084" s="145"/>
      <c r="AR7084" s="145"/>
      <c r="AS7084" s="145"/>
      <c r="AT7084" s="145"/>
      <c r="AU7084" s="145"/>
      <c r="AV7084" s="145"/>
      <c r="AW7084" s="145"/>
      <c r="AX7084" s="146"/>
      <c r="AY7084" s="146"/>
      <c r="AZ7084" s="146"/>
      <c r="BA7084" s="146"/>
      <c r="BB7084" s="221">
        <v>45884</v>
      </c>
    </row>
    <row r="7085" spans="1:54" s="8" customFormat="1" ht="13.95" customHeight="1" x14ac:dyDescent="0.25">
      <c r="A7085" s="229" t="s">
        <v>17065</v>
      </c>
      <c r="B7085" s="96" t="s">
        <v>19873</v>
      </c>
      <c r="C7085" s="93" t="s">
        <v>17066</v>
      </c>
      <c r="D7085" s="93" t="s">
        <v>17067</v>
      </c>
      <c r="E7085" s="111">
        <v>1987</v>
      </c>
      <c r="F7085" s="111">
        <v>1062</v>
      </c>
      <c r="G7085" s="93" t="s">
        <v>1</v>
      </c>
      <c r="H7085" s="111">
        <v>0</v>
      </c>
      <c r="I7085" s="111">
        <v>0</v>
      </c>
      <c r="J7085" s="111">
        <v>1</v>
      </c>
      <c r="K7085" s="111">
        <v>0</v>
      </c>
      <c r="L7085" s="111">
        <v>1</v>
      </c>
      <c r="M7085" s="111">
        <v>1</v>
      </c>
      <c r="N7085" s="111">
        <v>1</v>
      </c>
      <c r="O7085" s="111">
        <v>1</v>
      </c>
      <c r="P7085" s="111">
        <v>1</v>
      </c>
      <c r="Q7085" s="111">
        <v>0</v>
      </c>
      <c r="R7085" s="111">
        <v>0</v>
      </c>
      <c r="S7085" s="111">
        <v>1</v>
      </c>
      <c r="T7085" s="111">
        <v>0</v>
      </c>
      <c r="U7085" s="145"/>
      <c r="V7085" s="145"/>
      <c r="W7085" s="145"/>
      <c r="X7085" s="145"/>
      <c r="Y7085" s="145"/>
      <c r="Z7085" s="145"/>
      <c r="AA7085" s="145"/>
      <c r="AB7085" s="145"/>
      <c r="AC7085" s="145"/>
      <c r="AD7085" s="145"/>
      <c r="AE7085" s="145"/>
      <c r="AF7085" s="145"/>
      <c r="AG7085" s="145"/>
      <c r="AH7085" s="145"/>
      <c r="AI7085" s="145"/>
      <c r="AJ7085" s="145"/>
      <c r="AK7085" s="145"/>
      <c r="AL7085" s="145"/>
      <c r="AM7085" s="145"/>
      <c r="AN7085" s="145"/>
      <c r="AO7085" s="145"/>
      <c r="AP7085" s="145"/>
      <c r="AQ7085" s="145"/>
      <c r="AR7085" s="145"/>
      <c r="AS7085" s="145"/>
      <c r="AT7085" s="145"/>
      <c r="AU7085" s="145"/>
      <c r="AV7085" s="145"/>
      <c r="AW7085" s="145"/>
      <c r="AX7085" s="146"/>
      <c r="AY7085" s="146"/>
      <c r="AZ7085" s="146"/>
      <c r="BA7085" s="112" t="s">
        <v>17068</v>
      </c>
      <c r="BB7085" s="221">
        <v>45884</v>
      </c>
    </row>
    <row r="7086" spans="1:54" s="8" customFormat="1" ht="13.95" customHeight="1" x14ac:dyDescent="0.25">
      <c r="A7086" s="229" t="s">
        <v>17069</v>
      </c>
      <c r="B7086" s="96" t="s">
        <v>19873</v>
      </c>
      <c r="C7086" s="93" t="s">
        <v>17070</v>
      </c>
      <c r="D7086" s="93" t="s">
        <v>17071</v>
      </c>
      <c r="E7086" s="111">
        <v>1975</v>
      </c>
      <c r="F7086" s="111">
        <v>1066</v>
      </c>
      <c r="G7086" s="93" t="s">
        <v>1</v>
      </c>
      <c r="H7086" s="111">
        <v>0</v>
      </c>
      <c r="I7086" s="111">
        <v>0</v>
      </c>
      <c r="J7086" s="111">
        <v>1</v>
      </c>
      <c r="K7086" s="111">
        <v>0</v>
      </c>
      <c r="L7086" s="111">
        <v>1</v>
      </c>
      <c r="M7086" s="111">
        <v>0</v>
      </c>
      <c r="N7086" s="111">
        <v>0</v>
      </c>
      <c r="O7086" s="111">
        <v>1</v>
      </c>
      <c r="P7086" s="111">
        <v>0</v>
      </c>
      <c r="Q7086" s="111">
        <v>0</v>
      </c>
      <c r="R7086" s="111">
        <v>1</v>
      </c>
      <c r="S7086" s="111">
        <v>0</v>
      </c>
      <c r="T7086" s="111">
        <v>0</v>
      </c>
      <c r="U7086" s="145"/>
      <c r="V7086" s="145"/>
      <c r="W7086" s="145"/>
      <c r="X7086" s="145"/>
      <c r="Y7086" s="145"/>
      <c r="Z7086" s="145"/>
      <c r="AA7086" s="145"/>
      <c r="AB7086" s="145"/>
      <c r="AC7086" s="145"/>
      <c r="AD7086" s="145"/>
      <c r="AE7086" s="145"/>
      <c r="AF7086" s="145"/>
      <c r="AG7086" s="145"/>
      <c r="AH7086" s="145"/>
      <c r="AI7086" s="145"/>
      <c r="AJ7086" s="145"/>
      <c r="AK7086" s="145"/>
      <c r="AL7086" s="145"/>
      <c r="AM7086" s="145"/>
      <c r="AN7086" s="145"/>
      <c r="AO7086" s="145"/>
      <c r="AP7086" s="145"/>
      <c r="AQ7086" s="145"/>
      <c r="AR7086" s="145"/>
      <c r="AS7086" s="145"/>
      <c r="AT7086" s="145"/>
      <c r="AU7086" s="145"/>
      <c r="AV7086" s="145"/>
      <c r="AW7086" s="145"/>
      <c r="AX7086" s="146"/>
      <c r="AY7086" s="146"/>
      <c r="AZ7086" s="146"/>
      <c r="BA7086" s="112" t="s">
        <v>16980</v>
      </c>
      <c r="BB7086" s="221">
        <v>45884</v>
      </c>
    </row>
    <row r="7087" spans="1:54" s="8" customFormat="1" ht="13.95" customHeight="1" x14ac:dyDescent="0.25">
      <c r="A7087" s="229" t="s">
        <v>17072</v>
      </c>
      <c r="B7087" s="96" t="s">
        <v>19873</v>
      </c>
      <c r="C7087" s="93" t="s">
        <v>17073</v>
      </c>
      <c r="D7087" s="93" t="s">
        <v>17074</v>
      </c>
      <c r="E7087" s="111">
        <v>1985</v>
      </c>
      <c r="F7087" s="111">
        <v>1072</v>
      </c>
      <c r="G7087" s="93" t="s">
        <v>1</v>
      </c>
      <c r="H7087" s="111">
        <v>0</v>
      </c>
      <c r="I7087" s="111">
        <v>0</v>
      </c>
      <c r="J7087" s="111">
        <v>1</v>
      </c>
      <c r="K7087" s="111">
        <v>0</v>
      </c>
      <c r="L7087" s="111">
        <v>1</v>
      </c>
      <c r="M7087" s="111">
        <v>1</v>
      </c>
      <c r="N7087" s="111">
        <v>0</v>
      </c>
      <c r="O7087" s="111">
        <v>0</v>
      </c>
      <c r="P7087" s="111">
        <v>0</v>
      </c>
      <c r="Q7087" s="111">
        <v>0</v>
      </c>
      <c r="R7087" s="111">
        <v>0</v>
      </c>
      <c r="S7087" s="111">
        <v>0</v>
      </c>
      <c r="T7087" s="111">
        <v>0</v>
      </c>
      <c r="U7087" s="145"/>
      <c r="V7087" s="145"/>
      <c r="W7087" s="145"/>
      <c r="X7087" s="145"/>
      <c r="Y7087" s="145"/>
      <c r="Z7087" s="145"/>
      <c r="AA7087" s="145"/>
      <c r="AB7087" s="145"/>
      <c r="AC7087" s="145"/>
      <c r="AD7087" s="145"/>
      <c r="AE7087" s="145"/>
      <c r="AF7087" s="145"/>
      <c r="AG7087" s="145"/>
      <c r="AH7087" s="145"/>
      <c r="AI7087" s="145"/>
      <c r="AJ7087" s="145"/>
      <c r="AK7087" s="145"/>
      <c r="AL7087" s="145"/>
      <c r="AM7087" s="145"/>
      <c r="AN7087" s="145"/>
      <c r="AO7087" s="145"/>
      <c r="AP7087" s="145"/>
      <c r="AQ7087" s="145"/>
      <c r="AR7087" s="145"/>
      <c r="AS7087" s="145"/>
      <c r="AT7087" s="145"/>
      <c r="AU7087" s="145"/>
      <c r="AV7087" s="145"/>
      <c r="AW7087" s="145"/>
      <c r="AX7087" s="146"/>
      <c r="AY7087" s="146"/>
      <c r="AZ7087" s="146"/>
      <c r="BA7087" s="146"/>
      <c r="BB7087" s="221">
        <v>45884</v>
      </c>
    </row>
    <row r="7088" spans="1:54" s="8" customFormat="1" ht="13.95" customHeight="1" x14ac:dyDescent="0.25">
      <c r="A7088" s="229" t="s">
        <v>17075</v>
      </c>
      <c r="B7088" s="96" t="s">
        <v>19873</v>
      </c>
      <c r="C7088" s="93" t="s">
        <v>17076</v>
      </c>
      <c r="D7088" s="93" t="s">
        <v>17077</v>
      </c>
      <c r="E7088" s="111" t="s">
        <v>174</v>
      </c>
      <c r="F7088" s="111">
        <v>2563</v>
      </c>
      <c r="G7088" s="93" t="s">
        <v>1</v>
      </c>
      <c r="H7088" s="111">
        <v>0</v>
      </c>
      <c r="I7088" s="111">
        <v>0</v>
      </c>
      <c r="J7088" s="111">
        <v>0</v>
      </c>
      <c r="K7088" s="111">
        <v>0</v>
      </c>
      <c r="L7088" s="111">
        <v>0</v>
      </c>
      <c r="M7088" s="111">
        <v>0</v>
      </c>
      <c r="N7088" s="111">
        <v>0</v>
      </c>
      <c r="O7088" s="111">
        <v>0</v>
      </c>
      <c r="P7088" s="111">
        <v>0</v>
      </c>
      <c r="Q7088" s="111">
        <v>0</v>
      </c>
      <c r="R7088" s="111">
        <v>0</v>
      </c>
      <c r="S7088" s="111">
        <v>0</v>
      </c>
      <c r="T7088" s="111">
        <v>0</v>
      </c>
      <c r="U7088" s="145"/>
      <c r="V7088" s="145"/>
      <c r="W7088" s="145"/>
      <c r="X7088" s="145"/>
      <c r="Y7088" s="145"/>
      <c r="Z7088" s="145"/>
      <c r="AA7088" s="145"/>
      <c r="AB7088" s="145"/>
      <c r="AC7088" s="145"/>
      <c r="AD7088" s="145"/>
      <c r="AE7088" s="145"/>
      <c r="AF7088" s="145"/>
      <c r="AG7088" s="145"/>
      <c r="AH7088" s="145"/>
      <c r="AI7088" s="145"/>
      <c r="AJ7088" s="145"/>
      <c r="AK7088" s="145"/>
      <c r="AL7088" s="145"/>
      <c r="AM7088" s="145"/>
      <c r="AN7088" s="145"/>
      <c r="AO7088" s="145"/>
      <c r="AP7088" s="145"/>
      <c r="AQ7088" s="145"/>
      <c r="AR7088" s="145"/>
      <c r="AS7088" s="145"/>
      <c r="AT7088" s="145"/>
      <c r="AU7088" s="145"/>
      <c r="AV7088" s="145"/>
      <c r="AW7088" s="145"/>
      <c r="AX7088" s="146"/>
      <c r="AY7088" s="146"/>
      <c r="AZ7088" s="146"/>
      <c r="BA7088" s="146"/>
      <c r="BB7088" s="221">
        <v>45884</v>
      </c>
    </row>
    <row r="7089" spans="1:54" s="8" customFormat="1" ht="13.95" customHeight="1" x14ac:dyDescent="0.25">
      <c r="A7089" s="229" t="s">
        <v>17078</v>
      </c>
      <c r="B7089" s="96" t="s">
        <v>19873</v>
      </c>
      <c r="C7089" s="93" t="s">
        <v>17079</v>
      </c>
      <c r="D7089" s="93" t="s">
        <v>17080</v>
      </c>
      <c r="E7089" s="111">
        <v>2003</v>
      </c>
      <c r="F7089" s="111">
        <v>1102</v>
      </c>
      <c r="G7089" s="93" t="s">
        <v>1</v>
      </c>
      <c r="H7089" s="111">
        <v>0</v>
      </c>
      <c r="I7089" s="111">
        <v>0</v>
      </c>
      <c r="J7089" s="111">
        <v>1</v>
      </c>
      <c r="K7089" s="111">
        <v>1</v>
      </c>
      <c r="L7089" s="111">
        <v>0</v>
      </c>
      <c r="M7089" s="111">
        <v>1</v>
      </c>
      <c r="N7089" s="111">
        <v>1</v>
      </c>
      <c r="O7089" s="111">
        <v>1</v>
      </c>
      <c r="P7089" s="111">
        <v>1</v>
      </c>
      <c r="Q7089" s="111">
        <v>0</v>
      </c>
      <c r="R7089" s="111">
        <v>0</v>
      </c>
      <c r="S7089" s="111">
        <v>1</v>
      </c>
      <c r="T7089" s="111">
        <v>0</v>
      </c>
      <c r="U7089" s="145"/>
      <c r="V7089" s="145"/>
      <c r="W7089" s="145"/>
      <c r="X7089" s="145"/>
      <c r="Y7089" s="145"/>
      <c r="Z7089" s="145"/>
      <c r="AA7089" s="145"/>
      <c r="AB7089" s="145"/>
      <c r="AC7089" s="145"/>
      <c r="AD7089" s="145"/>
      <c r="AE7089" s="145"/>
      <c r="AF7089" s="145"/>
      <c r="AG7089" s="145"/>
      <c r="AH7089" s="145"/>
      <c r="AI7089" s="145"/>
      <c r="AJ7089" s="145"/>
      <c r="AK7089" s="145"/>
      <c r="AL7089" s="145"/>
      <c r="AM7089" s="145"/>
      <c r="AN7089" s="145"/>
      <c r="AO7089" s="145"/>
      <c r="AP7089" s="145"/>
      <c r="AQ7089" s="145"/>
      <c r="AR7089" s="145"/>
      <c r="AS7089" s="145"/>
      <c r="AT7089" s="145"/>
      <c r="AU7089" s="145"/>
      <c r="AV7089" s="145"/>
      <c r="AW7089" s="145"/>
      <c r="AX7089" s="146"/>
      <c r="AY7089" s="146"/>
      <c r="AZ7089" s="146"/>
      <c r="BA7089" s="146"/>
      <c r="BB7089" s="221">
        <v>45884</v>
      </c>
    </row>
    <row r="7090" spans="1:54" s="8" customFormat="1" ht="13.95" customHeight="1" x14ac:dyDescent="0.25">
      <c r="A7090" s="229" t="s">
        <v>17081</v>
      </c>
      <c r="B7090" s="96" t="s">
        <v>19873</v>
      </c>
      <c r="C7090" s="93" t="s">
        <v>17082</v>
      </c>
      <c r="D7090" s="93" t="s">
        <v>17083</v>
      </c>
      <c r="E7090" s="111">
        <v>1982</v>
      </c>
      <c r="F7090" s="252">
        <v>1103</v>
      </c>
      <c r="G7090" s="93" t="s">
        <v>1</v>
      </c>
      <c r="H7090" s="111">
        <v>0</v>
      </c>
      <c r="I7090" s="111">
        <v>0</v>
      </c>
      <c r="J7090" s="111">
        <v>1</v>
      </c>
      <c r="K7090" s="111">
        <v>0</v>
      </c>
      <c r="L7090" s="111">
        <v>1</v>
      </c>
      <c r="M7090" s="111">
        <v>0</v>
      </c>
      <c r="N7090" s="111">
        <v>0</v>
      </c>
      <c r="O7090" s="111">
        <v>0</v>
      </c>
      <c r="P7090" s="111">
        <v>1</v>
      </c>
      <c r="Q7090" s="111">
        <v>0</v>
      </c>
      <c r="R7090" s="111">
        <v>1</v>
      </c>
      <c r="S7090" s="111">
        <v>0</v>
      </c>
      <c r="T7090" s="111">
        <v>0</v>
      </c>
      <c r="U7090" s="145"/>
      <c r="V7090" s="145"/>
      <c r="W7090" s="145"/>
      <c r="X7090" s="145"/>
      <c r="Y7090" s="145"/>
      <c r="Z7090" s="145"/>
      <c r="AA7090" s="145"/>
      <c r="AB7090" s="145"/>
      <c r="AC7090" s="145"/>
      <c r="AD7090" s="145"/>
      <c r="AE7090" s="145"/>
      <c r="AF7090" s="145"/>
      <c r="AG7090" s="145"/>
      <c r="AH7090" s="145"/>
      <c r="AI7090" s="145"/>
      <c r="AJ7090" s="145"/>
      <c r="AK7090" s="145"/>
      <c r="AL7090" s="145"/>
      <c r="AM7090" s="145"/>
      <c r="AN7090" s="145"/>
      <c r="AO7090" s="145"/>
      <c r="AP7090" s="145"/>
      <c r="AQ7090" s="145"/>
      <c r="AR7090" s="145"/>
      <c r="AS7090" s="145"/>
      <c r="AT7090" s="145"/>
      <c r="AU7090" s="145"/>
      <c r="AV7090" s="145"/>
      <c r="AW7090" s="145"/>
      <c r="AX7090" s="146"/>
      <c r="AY7090" s="146"/>
      <c r="AZ7090" s="146"/>
      <c r="BA7090" s="146"/>
      <c r="BB7090" s="221">
        <v>45884</v>
      </c>
    </row>
    <row r="7091" spans="1:54" s="8" customFormat="1" ht="13.95" customHeight="1" x14ac:dyDescent="0.25">
      <c r="A7091" s="229" t="s">
        <v>17084</v>
      </c>
      <c r="B7091" s="96" t="s">
        <v>19873</v>
      </c>
      <c r="C7091" s="93" t="s">
        <v>17085</v>
      </c>
      <c r="D7091" s="93" t="s">
        <v>17086</v>
      </c>
      <c r="E7091" s="111">
        <v>1987</v>
      </c>
      <c r="F7091" s="111">
        <v>1123</v>
      </c>
      <c r="G7091" s="93" t="s">
        <v>1</v>
      </c>
      <c r="H7091" s="111">
        <v>0</v>
      </c>
      <c r="I7091" s="111">
        <v>0</v>
      </c>
      <c r="J7091" s="111">
        <v>1</v>
      </c>
      <c r="K7091" s="111">
        <v>0</v>
      </c>
      <c r="L7091" s="111">
        <v>1</v>
      </c>
      <c r="M7091" s="111">
        <v>1</v>
      </c>
      <c r="N7091" s="111">
        <v>1</v>
      </c>
      <c r="O7091" s="111">
        <v>0</v>
      </c>
      <c r="P7091" s="111">
        <v>1</v>
      </c>
      <c r="Q7091" s="111">
        <v>0</v>
      </c>
      <c r="R7091" s="111">
        <v>1</v>
      </c>
      <c r="S7091" s="111">
        <v>0</v>
      </c>
      <c r="T7091" s="111">
        <v>0</v>
      </c>
      <c r="U7091" s="145"/>
      <c r="V7091" s="145"/>
      <c r="W7091" s="145"/>
      <c r="X7091" s="145"/>
      <c r="Y7091" s="145"/>
      <c r="Z7091" s="145"/>
      <c r="AA7091" s="145"/>
      <c r="AB7091" s="145"/>
      <c r="AC7091" s="145"/>
      <c r="AD7091" s="145"/>
      <c r="AE7091" s="145"/>
      <c r="AF7091" s="145"/>
      <c r="AG7091" s="145"/>
      <c r="AH7091" s="145"/>
      <c r="AI7091" s="145"/>
      <c r="AJ7091" s="145"/>
      <c r="AK7091" s="145"/>
      <c r="AL7091" s="145"/>
      <c r="AM7091" s="145"/>
      <c r="AN7091" s="145"/>
      <c r="AO7091" s="145"/>
      <c r="AP7091" s="145"/>
      <c r="AQ7091" s="145"/>
      <c r="AR7091" s="145"/>
      <c r="AS7091" s="145"/>
      <c r="AT7091" s="145"/>
      <c r="AU7091" s="145"/>
      <c r="AV7091" s="145"/>
      <c r="AW7091" s="145"/>
      <c r="AX7091" s="146"/>
      <c r="AY7091" s="146"/>
      <c r="AZ7091" s="146"/>
      <c r="BA7091" s="112" t="s">
        <v>17087</v>
      </c>
      <c r="BB7091" s="221">
        <v>45884</v>
      </c>
    </row>
    <row r="7092" spans="1:54" s="8" customFormat="1" ht="13.95" customHeight="1" x14ac:dyDescent="0.25">
      <c r="A7092" s="229" t="s">
        <v>17088</v>
      </c>
      <c r="B7092" s="96" t="s">
        <v>19873</v>
      </c>
      <c r="C7092" s="93" t="s">
        <v>17089</v>
      </c>
      <c r="D7092" s="93" t="s">
        <v>17090</v>
      </c>
      <c r="E7092" s="111">
        <v>1971</v>
      </c>
      <c r="F7092" s="111">
        <v>1152</v>
      </c>
      <c r="G7092" s="93" t="s">
        <v>1</v>
      </c>
      <c r="H7092" s="111">
        <v>0</v>
      </c>
      <c r="I7092" s="111">
        <v>0</v>
      </c>
      <c r="J7092" s="111">
        <v>1</v>
      </c>
      <c r="K7092" s="111">
        <v>0</v>
      </c>
      <c r="L7092" s="111">
        <v>1</v>
      </c>
      <c r="M7092" s="111">
        <v>0</v>
      </c>
      <c r="N7092" s="111">
        <v>1</v>
      </c>
      <c r="O7092" s="111">
        <v>1</v>
      </c>
      <c r="P7092" s="111">
        <v>1</v>
      </c>
      <c r="Q7092" s="111">
        <v>0</v>
      </c>
      <c r="R7092" s="111">
        <v>1</v>
      </c>
      <c r="S7092" s="111">
        <v>1</v>
      </c>
      <c r="T7092" s="111">
        <v>0</v>
      </c>
      <c r="U7092" s="145"/>
      <c r="V7092" s="145"/>
      <c r="W7092" s="145"/>
      <c r="X7092" s="145"/>
      <c r="Y7092" s="145"/>
      <c r="Z7092" s="145"/>
      <c r="AA7092" s="145"/>
      <c r="AB7092" s="145"/>
      <c r="AC7092" s="145"/>
      <c r="AD7092" s="145"/>
      <c r="AE7092" s="145"/>
      <c r="AF7092" s="145"/>
      <c r="AG7092" s="145"/>
      <c r="AH7092" s="145"/>
      <c r="AI7092" s="145"/>
      <c r="AJ7092" s="145"/>
      <c r="AK7092" s="145"/>
      <c r="AL7092" s="145"/>
      <c r="AM7092" s="145"/>
      <c r="AN7092" s="145"/>
      <c r="AO7092" s="145"/>
      <c r="AP7092" s="145"/>
      <c r="AQ7092" s="145"/>
      <c r="AR7092" s="145"/>
      <c r="AS7092" s="145"/>
      <c r="AT7092" s="145"/>
      <c r="AU7092" s="145"/>
      <c r="AV7092" s="145"/>
      <c r="AW7092" s="145"/>
      <c r="AX7092" s="146"/>
      <c r="AY7092" s="146"/>
      <c r="AZ7092" s="146"/>
      <c r="BA7092" s="146"/>
      <c r="BB7092" s="221">
        <v>45884</v>
      </c>
    </row>
    <row r="7093" spans="1:54" s="8" customFormat="1" ht="13.95" customHeight="1" x14ac:dyDescent="0.25">
      <c r="A7093" s="229" t="s">
        <v>17091</v>
      </c>
      <c r="B7093" s="96" t="s">
        <v>19873</v>
      </c>
      <c r="C7093" s="93" t="s">
        <v>17092</v>
      </c>
      <c r="D7093" s="93" t="s">
        <v>17093</v>
      </c>
      <c r="E7093" s="111">
        <v>2016</v>
      </c>
      <c r="F7093" s="111">
        <v>1147</v>
      </c>
      <c r="G7093" s="93" t="s">
        <v>1</v>
      </c>
      <c r="H7093" s="111">
        <v>0</v>
      </c>
      <c r="I7093" s="111">
        <v>0</v>
      </c>
      <c r="J7093" s="111">
        <v>1</v>
      </c>
      <c r="K7093" s="111">
        <v>0</v>
      </c>
      <c r="L7093" s="111">
        <v>0</v>
      </c>
      <c r="M7093" s="111">
        <v>1</v>
      </c>
      <c r="N7093" s="111">
        <v>1</v>
      </c>
      <c r="O7093" s="111">
        <v>0</v>
      </c>
      <c r="P7093" s="111">
        <v>0</v>
      </c>
      <c r="Q7093" s="111">
        <v>0</v>
      </c>
      <c r="R7093" s="111">
        <v>0</v>
      </c>
      <c r="S7093" s="111">
        <v>0</v>
      </c>
      <c r="T7093" s="111">
        <v>0</v>
      </c>
      <c r="U7093" s="145"/>
      <c r="V7093" s="145"/>
      <c r="W7093" s="145"/>
      <c r="X7093" s="145"/>
      <c r="Y7093" s="145"/>
      <c r="Z7093" s="145"/>
      <c r="AA7093" s="145"/>
      <c r="AB7093" s="145"/>
      <c r="AC7093" s="145"/>
      <c r="AD7093" s="145"/>
      <c r="AE7093" s="145"/>
      <c r="AF7093" s="145"/>
      <c r="AG7093" s="145"/>
      <c r="AH7093" s="145"/>
      <c r="AI7093" s="145"/>
      <c r="AJ7093" s="145"/>
      <c r="AK7093" s="145"/>
      <c r="AL7093" s="145"/>
      <c r="AM7093" s="145"/>
      <c r="AN7093" s="145"/>
      <c r="AO7093" s="145"/>
      <c r="AP7093" s="145"/>
      <c r="AQ7093" s="145"/>
      <c r="AR7093" s="145"/>
      <c r="AS7093" s="145"/>
      <c r="AT7093" s="145"/>
      <c r="AU7093" s="145"/>
      <c r="AV7093" s="145"/>
      <c r="AW7093" s="111">
        <v>1</v>
      </c>
      <c r="AX7093" s="146"/>
      <c r="AY7093" s="146"/>
      <c r="AZ7093" s="146"/>
      <c r="BA7093" s="146"/>
      <c r="BB7093" s="221">
        <v>45884</v>
      </c>
    </row>
    <row r="7094" spans="1:54" s="8" customFormat="1" ht="13.95" customHeight="1" x14ac:dyDescent="0.25">
      <c r="A7094" s="229" t="s">
        <v>17094</v>
      </c>
      <c r="B7094" s="96" t="s">
        <v>19873</v>
      </c>
      <c r="C7094" s="93" t="s">
        <v>17095</v>
      </c>
      <c r="D7094" s="93" t="s">
        <v>17096</v>
      </c>
      <c r="E7094" s="111">
        <v>1995</v>
      </c>
      <c r="F7094" s="111">
        <v>1149</v>
      </c>
      <c r="G7094" s="93" t="s">
        <v>1</v>
      </c>
      <c r="H7094" s="111">
        <v>0</v>
      </c>
      <c r="I7094" s="111">
        <v>0</v>
      </c>
      <c r="J7094" s="111">
        <v>1</v>
      </c>
      <c r="K7094" s="111">
        <v>0</v>
      </c>
      <c r="L7094" s="111">
        <v>0</v>
      </c>
      <c r="M7094" s="111">
        <v>0</v>
      </c>
      <c r="N7094" s="111">
        <v>1</v>
      </c>
      <c r="O7094" s="111">
        <v>0</v>
      </c>
      <c r="P7094" s="111">
        <v>0</v>
      </c>
      <c r="Q7094" s="111">
        <v>0</v>
      </c>
      <c r="R7094" s="111">
        <v>0</v>
      </c>
      <c r="S7094" s="111">
        <v>0</v>
      </c>
      <c r="T7094" s="111">
        <v>0</v>
      </c>
      <c r="U7094" s="145"/>
      <c r="V7094" s="145"/>
      <c r="W7094" s="145"/>
      <c r="X7094" s="145"/>
      <c r="Y7094" s="145"/>
      <c r="Z7094" s="145"/>
      <c r="AA7094" s="145"/>
      <c r="AB7094" s="145"/>
      <c r="AC7094" s="145"/>
      <c r="AD7094" s="145"/>
      <c r="AE7094" s="145"/>
      <c r="AF7094" s="145"/>
      <c r="AG7094" s="145"/>
      <c r="AH7094" s="145"/>
      <c r="AI7094" s="145"/>
      <c r="AJ7094" s="145"/>
      <c r="AK7094" s="145"/>
      <c r="AL7094" s="145"/>
      <c r="AM7094" s="145"/>
      <c r="AN7094" s="145"/>
      <c r="AO7094" s="145"/>
      <c r="AP7094" s="145"/>
      <c r="AQ7094" s="145"/>
      <c r="AR7094" s="145"/>
      <c r="AS7094" s="145"/>
      <c r="AT7094" s="145"/>
      <c r="AU7094" s="145"/>
      <c r="AV7094" s="145"/>
      <c r="AW7094" s="145"/>
      <c r="AX7094" s="146"/>
      <c r="AY7094" s="146"/>
      <c r="AZ7094" s="146"/>
      <c r="BA7094" s="146"/>
      <c r="BB7094" s="221">
        <v>45884</v>
      </c>
    </row>
    <row r="7095" spans="1:54" s="8" customFormat="1" ht="13.95" customHeight="1" x14ac:dyDescent="0.25">
      <c r="A7095" s="229" t="s">
        <v>17097</v>
      </c>
      <c r="B7095" s="96" t="s">
        <v>19873</v>
      </c>
      <c r="C7095" s="93" t="s">
        <v>17098</v>
      </c>
      <c r="D7095" s="93" t="s">
        <v>17099</v>
      </c>
      <c r="E7095" s="111">
        <v>1970</v>
      </c>
      <c r="F7095" s="111">
        <v>1161</v>
      </c>
      <c r="G7095" s="93" t="s">
        <v>1</v>
      </c>
      <c r="H7095" s="111">
        <v>0</v>
      </c>
      <c r="I7095" s="111">
        <v>0</v>
      </c>
      <c r="J7095" s="111">
        <v>1</v>
      </c>
      <c r="K7095" s="111">
        <v>0</v>
      </c>
      <c r="L7095" s="111">
        <v>0</v>
      </c>
      <c r="M7095" s="111">
        <v>0</v>
      </c>
      <c r="N7095" s="111">
        <v>1</v>
      </c>
      <c r="O7095" s="111">
        <v>1</v>
      </c>
      <c r="P7095" s="111">
        <v>1</v>
      </c>
      <c r="Q7095" s="111">
        <v>0</v>
      </c>
      <c r="R7095" s="111">
        <v>1</v>
      </c>
      <c r="S7095" s="111">
        <v>1</v>
      </c>
      <c r="T7095" s="111">
        <v>0</v>
      </c>
      <c r="U7095" s="145"/>
      <c r="V7095" s="145"/>
      <c r="W7095" s="145"/>
      <c r="X7095" s="145"/>
      <c r="Y7095" s="145"/>
      <c r="Z7095" s="145"/>
      <c r="AA7095" s="145"/>
      <c r="AB7095" s="145"/>
      <c r="AC7095" s="145"/>
      <c r="AD7095" s="145"/>
      <c r="AE7095" s="145"/>
      <c r="AF7095" s="145"/>
      <c r="AG7095" s="145"/>
      <c r="AH7095" s="145"/>
      <c r="AI7095" s="145"/>
      <c r="AJ7095" s="145"/>
      <c r="AK7095" s="145"/>
      <c r="AL7095" s="145"/>
      <c r="AM7095" s="145"/>
      <c r="AN7095" s="145"/>
      <c r="AO7095" s="145"/>
      <c r="AP7095" s="145"/>
      <c r="AQ7095" s="145"/>
      <c r="AR7095" s="145"/>
      <c r="AS7095" s="145"/>
      <c r="AT7095" s="145"/>
      <c r="AU7095" s="145"/>
      <c r="AV7095" s="145"/>
      <c r="AW7095" s="145"/>
      <c r="AX7095" s="146"/>
      <c r="AY7095" s="146"/>
      <c r="AZ7095" s="146"/>
      <c r="BA7095" s="146"/>
      <c r="BB7095" s="221">
        <v>45884</v>
      </c>
    </row>
    <row r="7096" spans="1:54" s="8" customFormat="1" ht="13.95" customHeight="1" x14ac:dyDescent="0.25">
      <c r="A7096" s="229" t="s">
        <v>17100</v>
      </c>
      <c r="B7096" s="96" t="s">
        <v>19873</v>
      </c>
      <c r="C7096" s="93" t="s">
        <v>17101</v>
      </c>
      <c r="D7096" s="93" t="s">
        <v>17102</v>
      </c>
      <c r="E7096" s="111">
        <v>2005</v>
      </c>
      <c r="F7096" s="111">
        <v>1162</v>
      </c>
      <c r="G7096" s="93" t="s">
        <v>1</v>
      </c>
      <c r="H7096" s="111">
        <v>0</v>
      </c>
      <c r="I7096" s="111">
        <v>0</v>
      </c>
      <c r="J7096" s="111">
        <v>1</v>
      </c>
      <c r="K7096" s="111">
        <v>1</v>
      </c>
      <c r="L7096" s="111">
        <v>1</v>
      </c>
      <c r="M7096" s="111">
        <v>0</v>
      </c>
      <c r="N7096" s="111">
        <v>1</v>
      </c>
      <c r="O7096" s="111">
        <v>1</v>
      </c>
      <c r="P7096" s="111">
        <v>1</v>
      </c>
      <c r="Q7096" s="111">
        <v>0</v>
      </c>
      <c r="R7096" s="111">
        <v>0</v>
      </c>
      <c r="S7096" s="111">
        <v>0</v>
      </c>
      <c r="T7096" s="111">
        <v>0</v>
      </c>
      <c r="U7096" s="145"/>
      <c r="V7096" s="145"/>
      <c r="W7096" s="145"/>
      <c r="X7096" s="145"/>
      <c r="Y7096" s="145"/>
      <c r="Z7096" s="145"/>
      <c r="AA7096" s="145"/>
      <c r="AB7096" s="145"/>
      <c r="AC7096" s="145"/>
      <c r="AD7096" s="145"/>
      <c r="AE7096" s="145"/>
      <c r="AF7096" s="145"/>
      <c r="AG7096" s="145"/>
      <c r="AH7096" s="145"/>
      <c r="AI7096" s="145"/>
      <c r="AJ7096" s="145"/>
      <c r="AK7096" s="145"/>
      <c r="AL7096" s="145"/>
      <c r="AM7096" s="145"/>
      <c r="AN7096" s="145"/>
      <c r="AO7096" s="145"/>
      <c r="AP7096" s="145"/>
      <c r="AQ7096" s="145"/>
      <c r="AR7096" s="145"/>
      <c r="AS7096" s="145"/>
      <c r="AT7096" s="145"/>
      <c r="AU7096" s="145"/>
      <c r="AV7096" s="145"/>
      <c r="AW7096" s="145"/>
      <c r="AX7096" s="146"/>
      <c r="AY7096" s="146"/>
      <c r="AZ7096" s="146"/>
      <c r="BA7096" s="146"/>
      <c r="BB7096" s="221">
        <v>45884</v>
      </c>
    </row>
    <row r="7097" spans="1:54" s="8" customFormat="1" ht="13.95" customHeight="1" x14ac:dyDescent="0.25">
      <c r="A7097" s="229" t="s">
        <v>17103</v>
      </c>
      <c r="B7097" s="96" t="s">
        <v>19873</v>
      </c>
      <c r="C7097" s="93" t="s">
        <v>13493</v>
      </c>
      <c r="D7097" s="93" t="s">
        <v>17104</v>
      </c>
      <c r="E7097" s="111">
        <v>1989</v>
      </c>
      <c r="F7097" s="111">
        <v>1198</v>
      </c>
      <c r="G7097" s="93" t="s">
        <v>1</v>
      </c>
      <c r="H7097" s="111">
        <v>1</v>
      </c>
      <c r="I7097" s="111">
        <v>0</v>
      </c>
      <c r="J7097" s="111">
        <v>1</v>
      </c>
      <c r="K7097" s="111">
        <v>1</v>
      </c>
      <c r="L7097" s="111">
        <v>1</v>
      </c>
      <c r="M7097" s="111">
        <v>0</v>
      </c>
      <c r="N7097" s="111">
        <v>1</v>
      </c>
      <c r="O7097" s="111">
        <v>0</v>
      </c>
      <c r="P7097" s="111">
        <v>1</v>
      </c>
      <c r="Q7097" s="111">
        <v>0</v>
      </c>
      <c r="R7097" s="111">
        <v>0</v>
      </c>
      <c r="S7097" s="111">
        <v>1</v>
      </c>
      <c r="T7097" s="111">
        <v>0</v>
      </c>
      <c r="U7097" s="145"/>
      <c r="V7097" s="145"/>
      <c r="W7097" s="145"/>
      <c r="X7097" s="145"/>
      <c r="Y7097" s="145"/>
      <c r="Z7097" s="145"/>
      <c r="AA7097" s="145"/>
      <c r="AB7097" s="145"/>
      <c r="AC7097" s="145"/>
      <c r="AD7097" s="145"/>
      <c r="AE7097" s="145"/>
      <c r="AF7097" s="145"/>
      <c r="AG7097" s="145"/>
      <c r="AH7097" s="145"/>
      <c r="AI7097" s="145"/>
      <c r="AJ7097" s="145"/>
      <c r="AK7097" s="145"/>
      <c r="AL7097" s="145"/>
      <c r="AM7097" s="145"/>
      <c r="AN7097" s="145"/>
      <c r="AO7097" s="145"/>
      <c r="AP7097" s="145"/>
      <c r="AQ7097" s="145"/>
      <c r="AR7097" s="145"/>
      <c r="AS7097" s="145"/>
      <c r="AT7097" s="145"/>
      <c r="AU7097" s="145"/>
      <c r="AV7097" s="145"/>
      <c r="AW7097" s="145"/>
      <c r="AX7097" s="146"/>
      <c r="AY7097" s="146"/>
      <c r="AZ7097" s="146"/>
      <c r="BA7097" s="146"/>
      <c r="BB7097" s="221">
        <v>45884</v>
      </c>
    </row>
    <row r="7098" spans="1:54" s="8" customFormat="1" ht="13.95" customHeight="1" x14ac:dyDescent="0.25">
      <c r="A7098" s="229" t="s">
        <v>17105</v>
      </c>
      <c r="B7098" s="96" t="s">
        <v>19873</v>
      </c>
      <c r="C7098" s="93" t="s">
        <v>17106</v>
      </c>
      <c r="D7098" s="93" t="s">
        <v>20324</v>
      </c>
      <c r="E7098" s="111">
        <v>2015</v>
      </c>
      <c r="F7098" s="111">
        <v>1200</v>
      </c>
      <c r="G7098" s="93" t="s">
        <v>1</v>
      </c>
      <c r="H7098" s="111">
        <v>0</v>
      </c>
      <c r="I7098" s="111">
        <v>0</v>
      </c>
      <c r="J7098" s="111">
        <v>1</v>
      </c>
      <c r="K7098" s="111">
        <v>0</v>
      </c>
      <c r="L7098" s="111">
        <v>0</v>
      </c>
      <c r="M7098" s="111">
        <v>1</v>
      </c>
      <c r="N7098" s="111">
        <v>1</v>
      </c>
      <c r="O7098" s="111">
        <v>1</v>
      </c>
      <c r="P7098" s="111">
        <v>0</v>
      </c>
      <c r="Q7098" s="111">
        <v>0</v>
      </c>
      <c r="R7098" s="111">
        <v>0</v>
      </c>
      <c r="S7098" s="111">
        <v>0</v>
      </c>
      <c r="T7098" s="111">
        <v>0</v>
      </c>
      <c r="U7098" s="145"/>
      <c r="V7098" s="145"/>
      <c r="W7098" s="145"/>
      <c r="X7098" s="145"/>
      <c r="Y7098" s="145"/>
      <c r="Z7098" s="145"/>
      <c r="AA7098" s="145"/>
      <c r="AB7098" s="145"/>
      <c r="AC7098" s="145"/>
      <c r="AD7098" s="145"/>
      <c r="AE7098" s="145"/>
      <c r="AF7098" s="145"/>
      <c r="AG7098" s="145"/>
      <c r="AH7098" s="145"/>
      <c r="AI7098" s="145"/>
      <c r="AJ7098" s="145"/>
      <c r="AK7098" s="145"/>
      <c r="AL7098" s="145"/>
      <c r="AM7098" s="145"/>
      <c r="AN7098" s="145"/>
      <c r="AO7098" s="145"/>
      <c r="AP7098" s="145"/>
      <c r="AQ7098" s="145"/>
      <c r="AR7098" s="145"/>
      <c r="AS7098" s="145"/>
      <c r="AT7098" s="145"/>
      <c r="AU7098" s="145"/>
      <c r="AV7098" s="145"/>
      <c r="AW7098" s="145"/>
      <c r="AX7098" s="146"/>
      <c r="AY7098" s="146"/>
      <c r="AZ7098" s="146"/>
      <c r="BA7098" s="146"/>
      <c r="BB7098" s="221">
        <v>45884</v>
      </c>
    </row>
    <row r="7099" spans="1:54" s="8" customFormat="1" ht="13.95" customHeight="1" x14ac:dyDescent="0.25">
      <c r="A7099" s="229" t="s">
        <v>17107</v>
      </c>
      <c r="B7099" s="96" t="s">
        <v>19873</v>
      </c>
      <c r="C7099" s="93" t="s">
        <v>17108</v>
      </c>
      <c r="D7099" s="93" t="s">
        <v>17109</v>
      </c>
      <c r="E7099" s="111">
        <v>1978</v>
      </c>
      <c r="F7099" s="111">
        <v>1210</v>
      </c>
      <c r="G7099" s="93" t="s">
        <v>1</v>
      </c>
      <c r="H7099" s="111">
        <v>0</v>
      </c>
      <c r="I7099" s="111">
        <v>0</v>
      </c>
      <c r="J7099" s="111">
        <v>1</v>
      </c>
      <c r="K7099" s="111">
        <v>0</v>
      </c>
      <c r="L7099" s="111">
        <v>1</v>
      </c>
      <c r="M7099" s="111">
        <v>0</v>
      </c>
      <c r="N7099" s="111">
        <v>1</v>
      </c>
      <c r="O7099" s="111">
        <v>1</v>
      </c>
      <c r="P7099" s="111">
        <v>1</v>
      </c>
      <c r="Q7099" s="111">
        <v>0</v>
      </c>
      <c r="R7099" s="111">
        <v>0</v>
      </c>
      <c r="S7099" s="111">
        <v>0</v>
      </c>
      <c r="T7099" s="111">
        <v>0</v>
      </c>
      <c r="U7099" s="145"/>
      <c r="V7099" s="145"/>
      <c r="W7099" s="145"/>
      <c r="X7099" s="145"/>
      <c r="Y7099" s="145"/>
      <c r="Z7099" s="145"/>
      <c r="AA7099" s="145"/>
      <c r="AB7099" s="145"/>
      <c r="AC7099" s="145"/>
      <c r="AD7099" s="145"/>
      <c r="AE7099" s="145"/>
      <c r="AF7099" s="145"/>
      <c r="AG7099" s="145"/>
      <c r="AH7099" s="145"/>
      <c r="AI7099" s="145"/>
      <c r="AJ7099" s="145"/>
      <c r="AK7099" s="145"/>
      <c r="AL7099" s="145"/>
      <c r="AM7099" s="145"/>
      <c r="AN7099" s="145"/>
      <c r="AO7099" s="145"/>
      <c r="AP7099" s="145"/>
      <c r="AQ7099" s="145"/>
      <c r="AR7099" s="145"/>
      <c r="AS7099" s="145"/>
      <c r="AT7099" s="145"/>
      <c r="AU7099" s="145"/>
      <c r="AV7099" s="145"/>
      <c r="AW7099" s="145"/>
      <c r="AX7099" s="146"/>
      <c r="AY7099" s="146"/>
      <c r="AZ7099" s="146"/>
      <c r="BA7099" s="146"/>
      <c r="BB7099" s="221">
        <v>45884</v>
      </c>
    </row>
    <row r="7100" spans="1:54" s="8" customFormat="1" ht="13.95" customHeight="1" x14ac:dyDescent="0.25">
      <c r="A7100" s="229" t="s">
        <v>17110</v>
      </c>
      <c r="B7100" s="96" t="s">
        <v>19873</v>
      </c>
      <c r="C7100" s="93" t="s">
        <v>14470</v>
      </c>
      <c r="D7100" s="93" t="s">
        <v>17111</v>
      </c>
      <c r="E7100" s="111">
        <v>1991</v>
      </c>
      <c r="F7100" s="111">
        <v>1240</v>
      </c>
      <c r="G7100" s="93" t="s">
        <v>1</v>
      </c>
      <c r="H7100" s="111">
        <v>1</v>
      </c>
      <c r="I7100" s="111">
        <v>0</v>
      </c>
      <c r="J7100" s="111">
        <v>1</v>
      </c>
      <c r="K7100" s="111">
        <v>0</v>
      </c>
      <c r="L7100" s="111">
        <v>1</v>
      </c>
      <c r="M7100" s="111">
        <v>1</v>
      </c>
      <c r="N7100" s="111">
        <v>0</v>
      </c>
      <c r="O7100" s="111">
        <v>0</v>
      </c>
      <c r="P7100" s="111">
        <v>1</v>
      </c>
      <c r="Q7100" s="111">
        <v>0</v>
      </c>
      <c r="R7100" s="111">
        <v>0</v>
      </c>
      <c r="S7100" s="111">
        <v>0</v>
      </c>
      <c r="T7100" s="111">
        <v>0</v>
      </c>
      <c r="U7100" s="145"/>
      <c r="V7100" s="145"/>
      <c r="W7100" s="145"/>
      <c r="X7100" s="145"/>
      <c r="Y7100" s="145"/>
      <c r="Z7100" s="145"/>
      <c r="AA7100" s="111">
        <v>1</v>
      </c>
      <c r="AB7100" s="145"/>
      <c r="AC7100" s="145"/>
      <c r="AD7100" s="145"/>
      <c r="AE7100" s="145"/>
      <c r="AF7100" s="145"/>
      <c r="AG7100" s="145"/>
      <c r="AH7100" s="145"/>
      <c r="AI7100" s="145"/>
      <c r="AJ7100" s="145"/>
      <c r="AK7100" s="145"/>
      <c r="AL7100" s="145"/>
      <c r="AM7100" s="145"/>
      <c r="AN7100" s="145"/>
      <c r="AO7100" s="145"/>
      <c r="AP7100" s="145"/>
      <c r="AQ7100" s="145"/>
      <c r="AR7100" s="145"/>
      <c r="AS7100" s="145"/>
      <c r="AT7100" s="145"/>
      <c r="AU7100" s="145"/>
      <c r="AV7100" s="145"/>
      <c r="AW7100" s="145"/>
      <c r="AX7100" s="146"/>
      <c r="AY7100" s="146"/>
      <c r="AZ7100" s="146"/>
      <c r="BA7100" s="112" t="s">
        <v>17112</v>
      </c>
      <c r="BB7100" s="221">
        <v>45884</v>
      </c>
    </row>
    <row r="7101" spans="1:54" s="8" customFormat="1" ht="13.95" customHeight="1" x14ac:dyDescent="0.25">
      <c r="A7101" s="229" t="s">
        <v>17113</v>
      </c>
      <c r="B7101" s="96" t="s">
        <v>19873</v>
      </c>
      <c r="C7101" s="93" t="s">
        <v>17114</v>
      </c>
      <c r="D7101" s="93" t="s">
        <v>24659</v>
      </c>
      <c r="E7101" s="111" t="s">
        <v>174</v>
      </c>
      <c r="F7101" s="111">
        <v>1241</v>
      </c>
      <c r="G7101" s="93" t="s">
        <v>1</v>
      </c>
      <c r="H7101" s="111">
        <v>0</v>
      </c>
      <c r="I7101" s="111">
        <v>0</v>
      </c>
      <c r="J7101" s="111">
        <v>1</v>
      </c>
      <c r="K7101" s="111">
        <v>0</v>
      </c>
      <c r="L7101" s="111">
        <v>1</v>
      </c>
      <c r="M7101" s="111">
        <v>0</v>
      </c>
      <c r="N7101" s="111">
        <v>0</v>
      </c>
      <c r="O7101" s="111">
        <v>1</v>
      </c>
      <c r="P7101" s="111">
        <v>1</v>
      </c>
      <c r="Q7101" s="111">
        <v>0</v>
      </c>
      <c r="R7101" s="111">
        <v>1</v>
      </c>
      <c r="S7101" s="111">
        <v>1</v>
      </c>
      <c r="T7101" s="111">
        <v>0</v>
      </c>
      <c r="U7101" s="145"/>
      <c r="V7101" s="145"/>
      <c r="W7101" s="145"/>
      <c r="X7101" s="145"/>
      <c r="Y7101" s="145"/>
      <c r="Z7101" s="145"/>
      <c r="AA7101" s="145"/>
      <c r="AB7101" s="145"/>
      <c r="AC7101" s="145"/>
      <c r="AD7101" s="145"/>
      <c r="AE7101" s="145"/>
      <c r="AF7101" s="145"/>
      <c r="AG7101" s="145"/>
      <c r="AH7101" s="145"/>
      <c r="AI7101" s="145"/>
      <c r="AJ7101" s="145"/>
      <c r="AK7101" s="145"/>
      <c r="AL7101" s="145"/>
      <c r="AM7101" s="145"/>
      <c r="AN7101" s="145"/>
      <c r="AO7101" s="145"/>
      <c r="AP7101" s="145"/>
      <c r="AQ7101" s="145"/>
      <c r="AR7101" s="145"/>
      <c r="AS7101" s="145"/>
      <c r="AT7101" s="145"/>
      <c r="AU7101" s="145"/>
      <c r="AV7101" s="145"/>
      <c r="AW7101" s="145"/>
      <c r="AX7101" s="146"/>
      <c r="AY7101" s="146"/>
      <c r="AZ7101" s="146"/>
      <c r="BA7101" s="146"/>
      <c r="BB7101" s="221">
        <v>45884</v>
      </c>
    </row>
    <row r="7102" spans="1:54" s="8" customFormat="1" ht="13.95" customHeight="1" x14ac:dyDescent="0.25">
      <c r="A7102" s="229" t="s">
        <v>17115</v>
      </c>
      <c r="B7102" s="96" t="s">
        <v>19873</v>
      </c>
      <c r="C7102" s="93" t="s">
        <v>17116</v>
      </c>
      <c r="D7102" s="93" t="s">
        <v>17117</v>
      </c>
      <c r="E7102" s="111">
        <v>1982</v>
      </c>
      <c r="F7102" s="111">
        <v>1240</v>
      </c>
      <c r="G7102" s="93" t="s">
        <v>1</v>
      </c>
      <c r="H7102" s="111">
        <v>0</v>
      </c>
      <c r="I7102" s="111">
        <v>0</v>
      </c>
      <c r="J7102" s="111">
        <v>0</v>
      </c>
      <c r="K7102" s="111">
        <v>1</v>
      </c>
      <c r="L7102" s="111">
        <v>1</v>
      </c>
      <c r="M7102" s="111">
        <v>0</v>
      </c>
      <c r="N7102" s="111">
        <v>1</v>
      </c>
      <c r="O7102" s="111">
        <v>0</v>
      </c>
      <c r="P7102" s="111">
        <v>1</v>
      </c>
      <c r="Q7102" s="111">
        <v>0</v>
      </c>
      <c r="R7102" s="111">
        <v>0</v>
      </c>
      <c r="S7102" s="111">
        <v>0</v>
      </c>
      <c r="T7102" s="111">
        <v>1</v>
      </c>
      <c r="U7102" s="145"/>
      <c r="V7102" s="145"/>
      <c r="W7102" s="145"/>
      <c r="X7102" s="145"/>
      <c r="Y7102" s="145"/>
      <c r="Z7102" s="145"/>
      <c r="AA7102" s="145"/>
      <c r="AB7102" s="145"/>
      <c r="AC7102" s="145"/>
      <c r="AD7102" s="145"/>
      <c r="AE7102" s="145"/>
      <c r="AF7102" s="145"/>
      <c r="AG7102" s="145"/>
      <c r="AH7102" s="145"/>
      <c r="AI7102" s="145"/>
      <c r="AJ7102" s="145"/>
      <c r="AK7102" s="145"/>
      <c r="AL7102" s="145"/>
      <c r="AM7102" s="145"/>
      <c r="AN7102" s="145"/>
      <c r="AO7102" s="145"/>
      <c r="AP7102" s="145"/>
      <c r="AQ7102" s="145"/>
      <c r="AR7102" s="145"/>
      <c r="AS7102" s="145"/>
      <c r="AT7102" s="145"/>
      <c r="AU7102" s="145"/>
      <c r="AV7102" s="145"/>
      <c r="AW7102" s="145"/>
      <c r="AX7102" s="146"/>
      <c r="AY7102" s="146"/>
      <c r="AZ7102" s="146"/>
      <c r="BA7102" s="146"/>
      <c r="BB7102" s="221">
        <v>45884</v>
      </c>
    </row>
    <row r="7103" spans="1:54" s="8" customFormat="1" ht="13.95" customHeight="1" x14ac:dyDescent="0.25">
      <c r="A7103" s="229" t="s">
        <v>17118</v>
      </c>
      <c r="B7103" s="96" t="s">
        <v>19873</v>
      </c>
      <c r="C7103" s="93" t="s">
        <v>17119</v>
      </c>
      <c r="D7103" s="93" t="s">
        <v>17120</v>
      </c>
      <c r="E7103" s="111">
        <v>1993</v>
      </c>
      <c r="F7103" s="111">
        <v>1730</v>
      </c>
      <c r="G7103" s="93" t="s">
        <v>1</v>
      </c>
      <c r="H7103" s="111">
        <v>0</v>
      </c>
      <c r="I7103" s="111">
        <v>0</v>
      </c>
      <c r="J7103" s="111">
        <v>1</v>
      </c>
      <c r="K7103" s="111">
        <v>1</v>
      </c>
      <c r="L7103" s="111">
        <v>0</v>
      </c>
      <c r="M7103" s="111">
        <v>0</v>
      </c>
      <c r="N7103" s="111">
        <v>1</v>
      </c>
      <c r="O7103" s="111">
        <v>1</v>
      </c>
      <c r="P7103" s="111">
        <v>1</v>
      </c>
      <c r="Q7103" s="111">
        <v>0</v>
      </c>
      <c r="R7103" s="111">
        <v>0</v>
      </c>
      <c r="S7103" s="111">
        <v>0</v>
      </c>
      <c r="T7103" s="111">
        <v>0</v>
      </c>
      <c r="U7103" s="145"/>
      <c r="V7103" s="145"/>
      <c r="W7103" s="145"/>
      <c r="X7103" s="145"/>
      <c r="Y7103" s="145"/>
      <c r="Z7103" s="145"/>
      <c r="AA7103" s="145"/>
      <c r="AB7103" s="145"/>
      <c r="AC7103" s="145"/>
      <c r="AD7103" s="145"/>
      <c r="AE7103" s="145"/>
      <c r="AF7103" s="145"/>
      <c r="AG7103" s="145"/>
      <c r="AH7103" s="145"/>
      <c r="AI7103" s="145"/>
      <c r="AJ7103" s="145"/>
      <c r="AK7103" s="145"/>
      <c r="AL7103" s="145"/>
      <c r="AM7103" s="145"/>
      <c r="AN7103" s="145"/>
      <c r="AO7103" s="145"/>
      <c r="AP7103" s="145"/>
      <c r="AQ7103" s="145"/>
      <c r="AR7103" s="145"/>
      <c r="AS7103" s="145"/>
      <c r="AT7103" s="145"/>
      <c r="AU7103" s="145"/>
      <c r="AV7103" s="145"/>
      <c r="AW7103" s="145"/>
      <c r="AX7103" s="146"/>
      <c r="AY7103" s="146"/>
      <c r="AZ7103" s="146"/>
      <c r="BA7103" s="112" t="s">
        <v>16980</v>
      </c>
      <c r="BB7103" s="221">
        <v>45884</v>
      </c>
    </row>
    <row r="7104" spans="1:54" s="8" customFormat="1" ht="13.95" customHeight="1" x14ac:dyDescent="0.25">
      <c r="A7104" s="229" t="s">
        <v>17121</v>
      </c>
      <c r="B7104" s="96" t="s">
        <v>19873</v>
      </c>
      <c r="C7104" s="93" t="s">
        <v>17122</v>
      </c>
      <c r="D7104" s="93" t="s">
        <v>17123</v>
      </c>
      <c r="E7104" s="111">
        <v>1974</v>
      </c>
      <c r="F7104" s="111">
        <v>1268</v>
      </c>
      <c r="G7104" s="93" t="s">
        <v>1</v>
      </c>
      <c r="H7104" s="111">
        <v>0</v>
      </c>
      <c r="I7104" s="111">
        <v>0</v>
      </c>
      <c r="J7104" s="111">
        <v>1</v>
      </c>
      <c r="K7104" s="111">
        <v>0</v>
      </c>
      <c r="L7104" s="111">
        <v>1</v>
      </c>
      <c r="M7104" s="111">
        <v>1</v>
      </c>
      <c r="N7104" s="111">
        <v>0</v>
      </c>
      <c r="O7104" s="111">
        <v>1</v>
      </c>
      <c r="P7104" s="111">
        <v>1</v>
      </c>
      <c r="Q7104" s="111">
        <v>0</v>
      </c>
      <c r="R7104" s="111">
        <v>0</v>
      </c>
      <c r="S7104" s="111">
        <v>0</v>
      </c>
      <c r="T7104" s="111">
        <v>0</v>
      </c>
      <c r="U7104" s="145"/>
      <c r="V7104" s="145"/>
      <c r="W7104" s="145"/>
      <c r="X7104" s="145"/>
      <c r="Y7104" s="145"/>
      <c r="Z7104" s="145"/>
      <c r="AA7104" s="145"/>
      <c r="AB7104" s="145"/>
      <c r="AC7104" s="145"/>
      <c r="AD7104" s="145"/>
      <c r="AE7104" s="145"/>
      <c r="AF7104" s="145"/>
      <c r="AG7104" s="145"/>
      <c r="AH7104" s="145"/>
      <c r="AI7104" s="145"/>
      <c r="AJ7104" s="145"/>
      <c r="AK7104" s="145"/>
      <c r="AL7104" s="145"/>
      <c r="AM7104" s="145"/>
      <c r="AN7104" s="145"/>
      <c r="AO7104" s="145"/>
      <c r="AP7104" s="145"/>
      <c r="AQ7104" s="145"/>
      <c r="AR7104" s="145"/>
      <c r="AS7104" s="145"/>
      <c r="AT7104" s="145"/>
      <c r="AU7104" s="145"/>
      <c r="AV7104" s="145"/>
      <c r="AW7104" s="145"/>
      <c r="AX7104" s="146"/>
      <c r="AY7104" s="146"/>
      <c r="AZ7104" s="146"/>
      <c r="BA7104" s="146"/>
      <c r="BB7104" s="221">
        <v>45884</v>
      </c>
    </row>
    <row r="7105" spans="1:54" s="8" customFormat="1" ht="13.95" customHeight="1" x14ac:dyDescent="0.25">
      <c r="A7105" s="229" t="s">
        <v>17124</v>
      </c>
      <c r="B7105" s="96" t="s">
        <v>19873</v>
      </c>
      <c r="C7105" s="93" t="s">
        <v>17125</v>
      </c>
      <c r="D7105" s="93" t="s">
        <v>17126</v>
      </c>
      <c r="E7105" s="111">
        <v>1982</v>
      </c>
      <c r="F7105" s="111">
        <v>1278</v>
      </c>
      <c r="G7105" s="93" t="s">
        <v>1</v>
      </c>
      <c r="H7105" s="111">
        <v>0</v>
      </c>
      <c r="I7105" s="111">
        <v>0</v>
      </c>
      <c r="J7105" s="111">
        <v>1</v>
      </c>
      <c r="K7105" s="111">
        <v>0</v>
      </c>
      <c r="L7105" s="111">
        <v>1</v>
      </c>
      <c r="M7105" s="111">
        <v>0</v>
      </c>
      <c r="N7105" s="111">
        <v>1</v>
      </c>
      <c r="O7105" s="111">
        <v>1</v>
      </c>
      <c r="P7105" s="111">
        <v>1</v>
      </c>
      <c r="Q7105" s="111">
        <v>0</v>
      </c>
      <c r="R7105" s="111">
        <v>0</v>
      </c>
      <c r="S7105" s="111">
        <v>0</v>
      </c>
      <c r="T7105" s="111">
        <v>1</v>
      </c>
      <c r="U7105" s="145"/>
      <c r="V7105" s="145"/>
      <c r="W7105" s="145"/>
      <c r="X7105" s="145"/>
      <c r="Y7105" s="145"/>
      <c r="Z7105" s="145"/>
      <c r="AA7105" s="145"/>
      <c r="AB7105" s="145"/>
      <c r="AC7105" s="145"/>
      <c r="AD7105" s="145"/>
      <c r="AE7105" s="145"/>
      <c r="AF7105" s="145"/>
      <c r="AG7105" s="145"/>
      <c r="AH7105" s="145"/>
      <c r="AI7105" s="145"/>
      <c r="AJ7105" s="145"/>
      <c r="AK7105" s="145"/>
      <c r="AL7105" s="145"/>
      <c r="AM7105" s="145"/>
      <c r="AN7105" s="145"/>
      <c r="AO7105" s="145"/>
      <c r="AP7105" s="145"/>
      <c r="AQ7105" s="145"/>
      <c r="AR7105" s="145"/>
      <c r="AS7105" s="145"/>
      <c r="AT7105" s="145"/>
      <c r="AU7105" s="145"/>
      <c r="AV7105" s="145"/>
      <c r="AW7105" s="145"/>
      <c r="AX7105" s="146"/>
      <c r="AY7105" s="146"/>
      <c r="AZ7105" s="146"/>
      <c r="BA7105" s="146"/>
      <c r="BB7105" s="221">
        <v>45884</v>
      </c>
    </row>
    <row r="7106" spans="1:54" s="8" customFormat="1" ht="13.95" customHeight="1" x14ac:dyDescent="0.25">
      <c r="A7106" s="229" t="s">
        <v>17127</v>
      </c>
      <c r="B7106" s="96" t="s">
        <v>19873</v>
      </c>
      <c r="C7106" s="93" t="s">
        <v>17128</v>
      </c>
      <c r="D7106" s="93" t="s">
        <v>17129</v>
      </c>
      <c r="E7106" s="111">
        <v>1973</v>
      </c>
      <c r="F7106" s="111">
        <v>1289</v>
      </c>
      <c r="G7106" s="93" t="s">
        <v>1</v>
      </c>
      <c r="H7106" s="111">
        <v>0</v>
      </c>
      <c r="I7106" s="111">
        <v>0</v>
      </c>
      <c r="J7106" s="111">
        <v>1</v>
      </c>
      <c r="K7106" s="111">
        <v>0</v>
      </c>
      <c r="L7106" s="111">
        <v>1</v>
      </c>
      <c r="M7106" s="111">
        <v>0</v>
      </c>
      <c r="N7106" s="111">
        <v>1</v>
      </c>
      <c r="O7106" s="111">
        <v>1</v>
      </c>
      <c r="P7106" s="111">
        <v>1</v>
      </c>
      <c r="Q7106" s="111">
        <v>0</v>
      </c>
      <c r="R7106" s="111">
        <v>1</v>
      </c>
      <c r="S7106" s="111">
        <v>1</v>
      </c>
      <c r="T7106" s="111">
        <v>0</v>
      </c>
      <c r="U7106" s="145"/>
      <c r="V7106" s="145"/>
      <c r="W7106" s="145"/>
      <c r="X7106" s="145"/>
      <c r="Y7106" s="145"/>
      <c r="Z7106" s="145"/>
      <c r="AA7106" s="145"/>
      <c r="AB7106" s="145"/>
      <c r="AC7106" s="145"/>
      <c r="AD7106" s="145"/>
      <c r="AE7106" s="145"/>
      <c r="AF7106" s="145"/>
      <c r="AG7106" s="145"/>
      <c r="AH7106" s="145"/>
      <c r="AI7106" s="145"/>
      <c r="AJ7106" s="145"/>
      <c r="AK7106" s="145"/>
      <c r="AL7106" s="145"/>
      <c r="AM7106" s="145"/>
      <c r="AN7106" s="145"/>
      <c r="AO7106" s="145"/>
      <c r="AP7106" s="145"/>
      <c r="AQ7106" s="145"/>
      <c r="AR7106" s="145"/>
      <c r="AS7106" s="145"/>
      <c r="AT7106" s="145"/>
      <c r="AU7106" s="145"/>
      <c r="AV7106" s="145"/>
      <c r="AW7106" s="145"/>
      <c r="AX7106" s="146"/>
      <c r="AY7106" s="146"/>
      <c r="AZ7106" s="146"/>
      <c r="BA7106" s="146"/>
      <c r="BB7106" s="221">
        <v>45884</v>
      </c>
    </row>
    <row r="7107" spans="1:54" s="8" customFormat="1" ht="13.95" customHeight="1" x14ac:dyDescent="0.25">
      <c r="A7107" s="229" t="s">
        <v>17130</v>
      </c>
      <c r="B7107" s="96" t="s">
        <v>19873</v>
      </c>
      <c r="C7107" s="93" t="s">
        <v>17131</v>
      </c>
      <c r="D7107" s="93" t="s">
        <v>17132</v>
      </c>
      <c r="E7107" s="111">
        <v>1968</v>
      </c>
      <c r="F7107" s="111">
        <v>1308</v>
      </c>
      <c r="G7107" s="93" t="s">
        <v>1</v>
      </c>
      <c r="H7107" s="111">
        <v>0</v>
      </c>
      <c r="I7107" s="111">
        <v>0</v>
      </c>
      <c r="J7107" s="111">
        <v>1</v>
      </c>
      <c r="K7107" s="111">
        <v>0</v>
      </c>
      <c r="L7107" s="111">
        <v>1</v>
      </c>
      <c r="M7107" s="111">
        <v>1</v>
      </c>
      <c r="N7107" s="111">
        <v>1</v>
      </c>
      <c r="O7107" s="111">
        <v>1</v>
      </c>
      <c r="P7107" s="111">
        <v>1</v>
      </c>
      <c r="Q7107" s="111">
        <v>0</v>
      </c>
      <c r="R7107" s="111">
        <v>1</v>
      </c>
      <c r="S7107" s="111">
        <v>0</v>
      </c>
      <c r="T7107" s="111">
        <v>0</v>
      </c>
      <c r="U7107" s="145"/>
      <c r="V7107" s="145"/>
      <c r="W7107" s="145"/>
      <c r="X7107" s="145"/>
      <c r="Y7107" s="145"/>
      <c r="Z7107" s="145"/>
      <c r="AA7107" s="145"/>
      <c r="AB7107" s="145"/>
      <c r="AC7107" s="145"/>
      <c r="AD7107" s="145"/>
      <c r="AE7107" s="145"/>
      <c r="AF7107" s="145"/>
      <c r="AG7107" s="145"/>
      <c r="AH7107" s="145"/>
      <c r="AI7107" s="145"/>
      <c r="AJ7107" s="145"/>
      <c r="AK7107" s="145"/>
      <c r="AL7107" s="145"/>
      <c r="AM7107" s="145"/>
      <c r="AN7107" s="145"/>
      <c r="AO7107" s="145"/>
      <c r="AP7107" s="145"/>
      <c r="AQ7107" s="145"/>
      <c r="AR7107" s="145"/>
      <c r="AS7107" s="145"/>
      <c r="AT7107" s="145"/>
      <c r="AU7107" s="145"/>
      <c r="AV7107" s="145"/>
      <c r="AW7107" s="145"/>
      <c r="AX7107" s="146"/>
      <c r="AY7107" s="146"/>
      <c r="AZ7107" s="146"/>
      <c r="BA7107" s="146"/>
      <c r="BB7107" s="221">
        <v>45884</v>
      </c>
    </row>
    <row r="7108" spans="1:54" s="8" customFormat="1" ht="13.95" customHeight="1" x14ac:dyDescent="0.25">
      <c r="A7108" s="229" t="s">
        <v>17133</v>
      </c>
      <c r="B7108" s="96" t="s">
        <v>19873</v>
      </c>
      <c r="C7108" s="93" t="s">
        <v>1991</v>
      </c>
      <c r="D7108" s="93" t="s">
        <v>17134</v>
      </c>
      <c r="E7108" s="111">
        <v>1984</v>
      </c>
      <c r="F7108" s="111">
        <v>1317</v>
      </c>
      <c r="G7108" s="93" t="s">
        <v>1</v>
      </c>
      <c r="H7108" s="111">
        <v>0</v>
      </c>
      <c r="I7108" s="111">
        <v>0</v>
      </c>
      <c r="J7108" s="111">
        <v>1</v>
      </c>
      <c r="K7108" s="111">
        <v>0</v>
      </c>
      <c r="L7108" s="111">
        <v>0</v>
      </c>
      <c r="M7108" s="111">
        <v>0</v>
      </c>
      <c r="N7108" s="111">
        <v>1</v>
      </c>
      <c r="O7108" s="111">
        <v>1</v>
      </c>
      <c r="P7108" s="111">
        <v>1</v>
      </c>
      <c r="Q7108" s="111">
        <v>0</v>
      </c>
      <c r="R7108" s="111">
        <v>1</v>
      </c>
      <c r="S7108" s="111">
        <v>0</v>
      </c>
      <c r="T7108" s="111">
        <v>0</v>
      </c>
      <c r="U7108" s="145"/>
      <c r="V7108" s="145"/>
      <c r="W7108" s="145"/>
      <c r="X7108" s="145"/>
      <c r="Y7108" s="145"/>
      <c r="Z7108" s="145"/>
      <c r="AA7108" s="145"/>
      <c r="AB7108" s="145"/>
      <c r="AC7108" s="145"/>
      <c r="AD7108" s="145"/>
      <c r="AE7108" s="145"/>
      <c r="AF7108" s="145"/>
      <c r="AG7108" s="145"/>
      <c r="AH7108" s="145"/>
      <c r="AI7108" s="145"/>
      <c r="AJ7108" s="145"/>
      <c r="AK7108" s="145"/>
      <c r="AL7108" s="145"/>
      <c r="AM7108" s="145"/>
      <c r="AN7108" s="145"/>
      <c r="AO7108" s="145"/>
      <c r="AP7108" s="145"/>
      <c r="AQ7108" s="145"/>
      <c r="AR7108" s="145"/>
      <c r="AS7108" s="145"/>
      <c r="AT7108" s="145"/>
      <c r="AU7108" s="145"/>
      <c r="AV7108" s="145"/>
      <c r="AW7108" s="145"/>
      <c r="AX7108" s="146"/>
      <c r="AY7108" s="146"/>
      <c r="AZ7108" s="146"/>
      <c r="BA7108" s="112" t="s">
        <v>17027</v>
      </c>
      <c r="BB7108" s="221">
        <v>45884</v>
      </c>
    </row>
    <row r="7109" spans="1:54" s="8" customFormat="1" ht="13.95" customHeight="1" x14ac:dyDescent="0.25">
      <c r="A7109" s="229" t="s">
        <v>17135</v>
      </c>
      <c r="B7109" s="96" t="s">
        <v>19873</v>
      </c>
      <c r="C7109" s="93" t="s">
        <v>17136</v>
      </c>
      <c r="D7109" s="93" t="s">
        <v>17137</v>
      </c>
      <c r="E7109" s="111">
        <v>2006</v>
      </c>
      <c r="F7109" s="111">
        <v>2461</v>
      </c>
      <c r="G7109" s="93" t="s">
        <v>1</v>
      </c>
      <c r="H7109" s="111">
        <v>0</v>
      </c>
      <c r="I7109" s="111">
        <v>0</v>
      </c>
      <c r="J7109" s="111">
        <v>0</v>
      </c>
      <c r="K7109" s="111">
        <v>1</v>
      </c>
      <c r="L7109" s="111">
        <v>0</v>
      </c>
      <c r="M7109" s="111">
        <v>1</v>
      </c>
      <c r="N7109" s="111">
        <v>0</v>
      </c>
      <c r="O7109" s="111">
        <v>1</v>
      </c>
      <c r="P7109" s="111">
        <v>1</v>
      </c>
      <c r="Q7109" s="111">
        <v>0</v>
      </c>
      <c r="R7109" s="111">
        <v>0</v>
      </c>
      <c r="S7109" s="111">
        <v>0</v>
      </c>
      <c r="T7109" s="111">
        <v>1</v>
      </c>
      <c r="U7109" s="145"/>
      <c r="V7109" s="145"/>
      <c r="W7109" s="145"/>
      <c r="X7109" s="145"/>
      <c r="Y7109" s="145"/>
      <c r="Z7109" s="145"/>
      <c r="AA7109" s="145"/>
      <c r="AB7109" s="145"/>
      <c r="AC7109" s="145"/>
      <c r="AD7109" s="145"/>
      <c r="AE7109" s="145"/>
      <c r="AF7109" s="145"/>
      <c r="AG7109" s="145"/>
      <c r="AH7109" s="145"/>
      <c r="AI7109" s="145"/>
      <c r="AJ7109" s="145"/>
      <c r="AK7109" s="145"/>
      <c r="AL7109" s="145"/>
      <c r="AM7109" s="145"/>
      <c r="AN7109" s="145"/>
      <c r="AO7109" s="145"/>
      <c r="AP7109" s="145"/>
      <c r="AQ7109" s="145"/>
      <c r="AR7109" s="145"/>
      <c r="AS7109" s="145"/>
      <c r="AT7109" s="145"/>
      <c r="AU7109" s="145"/>
      <c r="AV7109" s="145"/>
      <c r="AW7109" s="111">
        <v>1</v>
      </c>
      <c r="AX7109" s="146"/>
      <c r="AY7109" s="146"/>
      <c r="AZ7109" s="146"/>
      <c r="BA7109" s="112" t="s">
        <v>17138</v>
      </c>
      <c r="BB7109" s="221">
        <v>45884</v>
      </c>
    </row>
    <row r="7110" spans="1:54" s="8" customFormat="1" ht="13.95" customHeight="1" x14ac:dyDescent="0.25">
      <c r="A7110" s="229" t="s">
        <v>17139</v>
      </c>
      <c r="B7110" s="96" t="s">
        <v>19873</v>
      </c>
      <c r="C7110" s="93" t="s">
        <v>17140</v>
      </c>
      <c r="D7110" s="93" t="s">
        <v>17141</v>
      </c>
      <c r="E7110" s="111">
        <v>2012</v>
      </c>
      <c r="F7110" s="111">
        <v>1336</v>
      </c>
      <c r="G7110" s="93" t="s">
        <v>1</v>
      </c>
      <c r="H7110" s="111">
        <v>0</v>
      </c>
      <c r="I7110" s="111">
        <v>0</v>
      </c>
      <c r="J7110" s="111">
        <v>1</v>
      </c>
      <c r="K7110" s="111">
        <v>0</v>
      </c>
      <c r="L7110" s="111">
        <v>0</v>
      </c>
      <c r="M7110" s="111">
        <v>1</v>
      </c>
      <c r="N7110" s="111">
        <v>1</v>
      </c>
      <c r="O7110" s="111">
        <v>1</v>
      </c>
      <c r="P7110" s="111">
        <v>1</v>
      </c>
      <c r="Q7110" s="111">
        <v>0</v>
      </c>
      <c r="R7110" s="111">
        <v>0</v>
      </c>
      <c r="S7110" s="111">
        <v>0</v>
      </c>
      <c r="T7110" s="111">
        <v>0</v>
      </c>
      <c r="U7110" s="145"/>
      <c r="V7110" s="145"/>
      <c r="W7110" s="145"/>
      <c r="X7110" s="145"/>
      <c r="Y7110" s="145"/>
      <c r="Z7110" s="145"/>
      <c r="AA7110" s="145"/>
      <c r="AB7110" s="145"/>
      <c r="AC7110" s="145"/>
      <c r="AD7110" s="145"/>
      <c r="AE7110" s="145"/>
      <c r="AF7110" s="145"/>
      <c r="AG7110" s="145"/>
      <c r="AH7110" s="145"/>
      <c r="AI7110" s="145"/>
      <c r="AJ7110" s="145"/>
      <c r="AK7110" s="145"/>
      <c r="AL7110" s="145"/>
      <c r="AM7110" s="145"/>
      <c r="AN7110" s="145"/>
      <c r="AO7110" s="145"/>
      <c r="AP7110" s="145"/>
      <c r="AQ7110" s="145"/>
      <c r="AR7110" s="145"/>
      <c r="AS7110" s="145"/>
      <c r="AT7110" s="145"/>
      <c r="AU7110" s="145"/>
      <c r="AV7110" s="145"/>
      <c r="AW7110" s="145"/>
      <c r="AX7110" s="146"/>
      <c r="AY7110" s="146"/>
      <c r="AZ7110" s="146"/>
      <c r="BA7110" s="112" t="s">
        <v>17142</v>
      </c>
      <c r="BB7110" s="221">
        <v>45884</v>
      </c>
    </row>
    <row r="7111" spans="1:54" s="8" customFormat="1" ht="13.95" customHeight="1" x14ac:dyDescent="0.25">
      <c r="A7111" s="229" t="s">
        <v>17143</v>
      </c>
      <c r="B7111" s="96" t="s">
        <v>19873</v>
      </c>
      <c r="C7111" s="93" t="s">
        <v>17144</v>
      </c>
      <c r="D7111" s="93" t="s">
        <v>17145</v>
      </c>
      <c r="E7111" s="111">
        <v>1970</v>
      </c>
      <c r="F7111" s="111">
        <v>1339</v>
      </c>
      <c r="G7111" s="93" t="s">
        <v>1</v>
      </c>
      <c r="H7111" s="111">
        <v>0</v>
      </c>
      <c r="I7111" s="111">
        <v>0</v>
      </c>
      <c r="J7111" s="111">
        <v>0</v>
      </c>
      <c r="K7111" s="111">
        <v>0</v>
      </c>
      <c r="L7111" s="111">
        <v>1</v>
      </c>
      <c r="M7111" s="111">
        <v>0</v>
      </c>
      <c r="N7111" s="111">
        <v>1</v>
      </c>
      <c r="O7111" s="111">
        <v>0</v>
      </c>
      <c r="P7111" s="111">
        <v>1</v>
      </c>
      <c r="Q7111" s="111">
        <v>0</v>
      </c>
      <c r="R7111" s="111">
        <v>1</v>
      </c>
      <c r="S7111" s="111">
        <v>1</v>
      </c>
      <c r="T7111" s="111">
        <v>0</v>
      </c>
      <c r="U7111" s="145"/>
      <c r="V7111" s="145"/>
      <c r="W7111" s="145"/>
      <c r="X7111" s="145"/>
      <c r="Y7111" s="145"/>
      <c r="Z7111" s="145"/>
      <c r="AA7111" s="145"/>
      <c r="AB7111" s="145"/>
      <c r="AC7111" s="145"/>
      <c r="AD7111" s="145"/>
      <c r="AE7111" s="145"/>
      <c r="AF7111" s="145"/>
      <c r="AG7111" s="145"/>
      <c r="AH7111" s="145"/>
      <c r="AI7111" s="145"/>
      <c r="AJ7111" s="145"/>
      <c r="AK7111" s="145"/>
      <c r="AL7111" s="145"/>
      <c r="AM7111" s="145"/>
      <c r="AN7111" s="145"/>
      <c r="AO7111" s="145"/>
      <c r="AP7111" s="145"/>
      <c r="AQ7111" s="145"/>
      <c r="AR7111" s="145"/>
      <c r="AS7111" s="145"/>
      <c r="AT7111" s="145"/>
      <c r="AU7111" s="145"/>
      <c r="AV7111" s="145"/>
      <c r="AW7111" s="145"/>
      <c r="AX7111" s="146"/>
      <c r="AY7111" s="146"/>
      <c r="AZ7111" s="146"/>
      <c r="BA7111" s="146"/>
      <c r="BB7111" s="221">
        <v>45884</v>
      </c>
    </row>
    <row r="7112" spans="1:54" s="8" customFormat="1" ht="13.95" customHeight="1" x14ac:dyDescent="0.25">
      <c r="A7112" s="229" t="s">
        <v>17146</v>
      </c>
      <c r="B7112" s="96" t="s">
        <v>19873</v>
      </c>
      <c r="C7112" s="93" t="s">
        <v>17147</v>
      </c>
      <c r="D7112" s="93" t="s">
        <v>17148</v>
      </c>
      <c r="E7112" s="111">
        <v>1973</v>
      </c>
      <c r="F7112" s="111">
        <v>1350</v>
      </c>
      <c r="G7112" s="93" t="s">
        <v>1</v>
      </c>
      <c r="H7112" s="111">
        <v>0</v>
      </c>
      <c r="I7112" s="111">
        <v>0</v>
      </c>
      <c r="J7112" s="111">
        <v>0</v>
      </c>
      <c r="K7112" s="111">
        <v>1</v>
      </c>
      <c r="L7112" s="111">
        <v>1</v>
      </c>
      <c r="M7112" s="111">
        <v>0</v>
      </c>
      <c r="N7112" s="111">
        <v>0</v>
      </c>
      <c r="O7112" s="111">
        <v>1</v>
      </c>
      <c r="P7112" s="111">
        <v>1</v>
      </c>
      <c r="Q7112" s="111">
        <v>0</v>
      </c>
      <c r="R7112" s="111">
        <v>1</v>
      </c>
      <c r="S7112" s="111">
        <v>1</v>
      </c>
      <c r="T7112" s="111">
        <v>0</v>
      </c>
      <c r="U7112" s="145"/>
      <c r="V7112" s="145"/>
      <c r="W7112" s="145"/>
      <c r="X7112" s="145"/>
      <c r="Y7112" s="145"/>
      <c r="Z7112" s="145"/>
      <c r="AA7112" s="145"/>
      <c r="AB7112" s="145"/>
      <c r="AC7112" s="145"/>
      <c r="AD7112" s="145"/>
      <c r="AE7112" s="145"/>
      <c r="AF7112" s="145"/>
      <c r="AG7112" s="145"/>
      <c r="AH7112" s="145"/>
      <c r="AI7112" s="145"/>
      <c r="AJ7112" s="145"/>
      <c r="AK7112" s="145"/>
      <c r="AL7112" s="145"/>
      <c r="AM7112" s="145"/>
      <c r="AN7112" s="145"/>
      <c r="AO7112" s="145"/>
      <c r="AP7112" s="145"/>
      <c r="AQ7112" s="145"/>
      <c r="AR7112" s="145"/>
      <c r="AS7112" s="145"/>
      <c r="AT7112" s="145"/>
      <c r="AU7112" s="145"/>
      <c r="AV7112" s="145"/>
      <c r="AW7112" s="145"/>
      <c r="AX7112" s="146"/>
      <c r="AY7112" s="146"/>
      <c r="AZ7112" s="146"/>
      <c r="BA7112" s="146"/>
      <c r="BB7112" s="221">
        <v>45884</v>
      </c>
    </row>
    <row r="7113" spans="1:54" s="8" customFormat="1" ht="13.95" customHeight="1" x14ac:dyDescent="0.25">
      <c r="A7113" s="229" t="s">
        <v>17149</v>
      </c>
      <c r="B7113" s="96" t="s">
        <v>19873</v>
      </c>
      <c r="C7113" s="93" t="s">
        <v>17150</v>
      </c>
      <c r="D7113" s="93" t="s">
        <v>17151</v>
      </c>
      <c r="E7113" s="111">
        <v>1984</v>
      </c>
      <c r="F7113" s="111">
        <v>1385</v>
      </c>
      <c r="G7113" s="93" t="s">
        <v>1</v>
      </c>
      <c r="H7113" s="111">
        <v>0</v>
      </c>
      <c r="I7113" s="111">
        <v>0</v>
      </c>
      <c r="J7113" s="111">
        <v>1</v>
      </c>
      <c r="K7113" s="111">
        <v>0</v>
      </c>
      <c r="L7113" s="111">
        <v>1</v>
      </c>
      <c r="M7113" s="111">
        <v>0</v>
      </c>
      <c r="N7113" s="111">
        <v>1</v>
      </c>
      <c r="O7113" s="111">
        <v>1</v>
      </c>
      <c r="P7113" s="111">
        <v>1</v>
      </c>
      <c r="Q7113" s="111">
        <v>0</v>
      </c>
      <c r="R7113" s="111">
        <v>1</v>
      </c>
      <c r="S7113" s="111">
        <v>0</v>
      </c>
      <c r="T7113" s="111">
        <v>0</v>
      </c>
      <c r="U7113" s="145"/>
      <c r="V7113" s="145"/>
      <c r="W7113" s="145"/>
      <c r="X7113" s="145"/>
      <c r="Y7113" s="145"/>
      <c r="Z7113" s="145"/>
      <c r="AA7113" s="145"/>
      <c r="AB7113" s="145"/>
      <c r="AC7113" s="145"/>
      <c r="AD7113" s="145"/>
      <c r="AE7113" s="145"/>
      <c r="AF7113" s="145"/>
      <c r="AG7113" s="145"/>
      <c r="AH7113" s="145"/>
      <c r="AI7113" s="145"/>
      <c r="AJ7113" s="145"/>
      <c r="AK7113" s="145"/>
      <c r="AL7113" s="145"/>
      <c r="AM7113" s="145"/>
      <c r="AN7113" s="145"/>
      <c r="AO7113" s="145"/>
      <c r="AP7113" s="145"/>
      <c r="AQ7113" s="145"/>
      <c r="AR7113" s="145"/>
      <c r="AS7113" s="145"/>
      <c r="AT7113" s="145"/>
      <c r="AU7113" s="145"/>
      <c r="AV7113" s="145"/>
      <c r="AW7113" s="145"/>
      <c r="AX7113" s="146"/>
      <c r="AY7113" s="146"/>
      <c r="AZ7113" s="146"/>
      <c r="BA7113" s="112" t="s">
        <v>17027</v>
      </c>
      <c r="BB7113" s="221">
        <v>45884</v>
      </c>
    </row>
    <row r="7114" spans="1:54" s="8" customFormat="1" ht="13.95" customHeight="1" x14ac:dyDescent="0.25">
      <c r="A7114" s="229" t="s">
        <v>17152</v>
      </c>
      <c r="B7114" s="96" t="s">
        <v>19873</v>
      </c>
      <c r="C7114" s="93" t="s">
        <v>17153</v>
      </c>
      <c r="D7114" s="93" t="s">
        <v>17154</v>
      </c>
      <c r="E7114" s="111">
        <v>1980</v>
      </c>
      <c r="F7114" s="252">
        <v>1405</v>
      </c>
      <c r="G7114" s="93" t="s">
        <v>1</v>
      </c>
      <c r="H7114" s="111">
        <v>0</v>
      </c>
      <c r="I7114" s="111">
        <v>0</v>
      </c>
      <c r="J7114" s="111">
        <v>1</v>
      </c>
      <c r="K7114" s="111">
        <v>0</v>
      </c>
      <c r="L7114" s="111">
        <v>0</v>
      </c>
      <c r="M7114" s="111">
        <v>0</v>
      </c>
      <c r="N7114" s="111">
        <v>1</v>
      </c>
      <c r="O7114" s="111">
        <v>0</v>
      </c>
      <c r="P7114" s="111">
        <v>0</v>
      </c>
      <c r="Q7114" s="111">
        <v>0</v>
      </c>
      <c r="R7114" s="111">
        <v>0</v>
      </c>
      <c r="S7114" s="111">
        <v>0</v>
      </c>
      <c r="T7114" s="111">
        <v>0</v>
      </c>
      <c r="U7114" s="145"/>
      <c r="V7114" s="145"/>
      <c r="W7114" s="145"/>
      <c r="X7114" s="145"/>
      <c r="Y7114" s="145"/>
      <c r="Z7114" s="145"/>
      <c r="AA7114" s="145"/>
      <c r="AB7114" s="145"/>
      <c r="AC7114" s="145"/>
      <c r="AD7114" s="145"/>
      <c r="AE7114" s="145"/>
      <c r="AF7114" s="145"/>
      <c r="AG7114" s="145"/>
      <c r="AH7114" s="145"/>
      <c r="AI7114" s="145"/>
      <c r="AJ7114" s="145"/>
      <c r="AK7114" s="145"/>
      <c r="AL7114" s="145"/>
      <c r="AM7114" s="145"/>
      <c r="AN7114" s="145"/>
      <c r="AO7114" s="145"/>
      <c r="AP7114" s="145"/>
      <c r="AQ7114" s="145"/>
      <c r="AR7114" s="145"/>
      <c r="AS7114" s="145"/>
      <c r="AT7114" s="145"/>
      <c r="AU7114" s="145"/>
      <c r="AV7114" s="145"/>
      <c r="AW7114" s="145"/>
      <c r="AX7114" s="146"/>
      <c r="AY7114" s="146"/>
      <c r="AZ7114" s="146"/>
      <c r="BA7114" s="146"/>
      <c r="BB7114" s="221">
        <v>45884</v>
      </c>
    </row>
    <row r="7115" spans="1:54" s="8" customFormat="1" ht="13.95" customHeight="1" x14ac:dyDescent="0.25">
      <c r="A7115" s="229" t="s">
        <v>17155</v>
      </c>
      <c r="B7115" s="96" t="s">
        <v>19873</v>
      </c>
      <c r="C7115" s="93" t="s">
        <v>17156</v>
      </c>
      <c r="D7115" s="93" t="s">
        <v>17157</v>
      </c>
      <c r="E7115" s="111">
        <v>2008</v>
      </c>
      <c r="F7115" s="111">
        <v>1461</v>
      </c>
      <c r="G7115" s="93" t="s">
        <v>1</v>
      </c>
      <c r="H7115" s="111">
        <v>0</v>
      </c>
      <c r="I7115" s="111">
        <v>0</v>
      </c>
      <c r="J7115" s="111">
        <v>1</v>
      </c>
      <c r="K7115" s="111">
        <v>0</v>
      </c>
      <c r="L7115" s="111">
        <v>0</v>
      </c>
      <c r="M7115" s="111">
        <v>0</v>
      </c>
      <c r="N7115" s="111">
        <v>0</v>
      </c>
      <c r="O7115" s="111">
        <v>0</v>
      </c>
      <c r="P7115" s="111">
        <v>0</v>
      </c>
      <c r="Q7115" s="111">
        <v>0</v>
      </c>
      <c r="R7115" s="111">
        <v>0</v>
      </c>
      <c r="S7115" s="111">
        <v>0</v>
      </c>
      <c r="T7115" s="111">
        <v>0</v>
      </c>
      <c r="U7115" s="145"/>
      <c r="V7115" s="145"/>
      <c r="W7115" s="145"/>
      <c r="X7115" s="145"/>
      <c r="Y7115" s="145"/>
      <c r="Z7115" s="145"/>
      <c r="AA7115" s="145"/>
      <c r="AB7115" s="145"/>
      <c r="AC7115" s="145"/>
      <c r="AD7115" s="145"/>
      <c r="AE7115" s="145"/>
      <c r="AF7115" s="145"/>
      <c r="AG7115" s="145"/>
      <c r="AH7115" s="145"/>
      <c r="AI7115" s="145"/>
      <c r="AJ7115" s="145"/>
      <c r="AK7115" s="145"/>
      <c r="AL7115" s="145"/>
      <c r="AM7115" s="145"/>
      <c r="AN7115" s="145"/>
      <c r="AO7115" s="145"/>
      <c r="AP7115" s="145"/>
      <c r="AQ7115" s="145"/>
      <c r="AR7115" s="145"/>
      <c r="AS7115" s="145"/>
      <c r="AT7115" s="145"/>
      <c r="AU7115" s="145"/>
      <c r="AV7115" s="145"/>
      <c r="AW7115" s="145"/>
      <c r="AX7115" s="146"/>
      <c r="AY7115" s="146"/>
      <c r="AZ7115" s="146"/>
      <c r="BA7115" s="146"/>
      <c r="BB7115" s="221">
        <v>45884</v>
      </c>
    </row>
    <row r="7116" spans="1:54" s="8" customFormat="1" ht="13.95" customHeight="1" x14ac:dyDescent="0.25">
      <c r="A7116" s="229" t="s">
        <v>17158</v>
      </c>
      <c r="B7116" s="96" t="s">
        <v>19873</v>
      </c>
      <c r="C7116" s="93" t="s">
        <v>17159</v>
      </c>
      <c r="D7116" s="93" t="s">
        <v>17160</v>
      </c>
      <c r="E7116" s="111">
        <v>1971</v>
      </c>
      <c r="F7116" s="111">
        <v>1487</v>
      </c>
      <c r="G7116" s="93" t="s">
        <v>1</v>
      </c>
      <c r="H7116" s="111">
        <v>0</v>
      </c>
      <c r="I7116" s="111">
        <v>0</v>
      </c>
      <c r="J7116" s="111">
        <v>1</v>
      </c>
      <c r="K7116" s="111">
        <v>0</v>
      </c>
      <c r="L7116" s="111">
        <v>1</v>
      </c>
      <c r="M7116" s="111">
        <v>0</v>
      </c>
      <c r="N7116" s="111">
        <v>1</v>
      </c>
      <c r="O7116" s="111">
        <v>1</v>
      </c>
      <c r="P7116" s="111">
        <v>1</v>
      </c>
      <c r="Q7116" s="111">
        <v>1</v>
      </c>
      <c r="R7116" s="111">
        <v>1</v>
      </c>
      <c r="S7116" s="111">
        <v>0</v>
      </c>
      <c r="T7116" s="111">
        <v>0</v>
      </c>
      <c r="U7116" s="145"/>
      <c r="V7116" s="145"/>
      <c r="W7116" s="145"/>
      <c r="X7116" s="145"/>
      <c r="Y7116" s="145"/>
      <c r="Z7116" s="145"/>
      <c r="AA7116" s="145"/>
      <c r="AB7116" s="145"/>
      <c r="AC7116" s="145"/>
      <c r="AD7116" s="145"/>
      <c r="AE7116" s="145"/>
      <c r="AF7116" s="145"/>
      <c r="AG7116" s="145"/>
      <c r="AH7116" s="145"/>
      <c r="AI7116" s="145"/>
      <c r="AJ7116" s="145"/>
      <c r="AK7116" s="145"/>
      <c r="AL7116" s="145"/>
      <c r="AM7116" s="145"/>
      <c r="AN7116" s="145"/>
      <c r="AO7116" s="145"/>
      <c r="AP7116" s="145"/>
      <c r="AQ7116" s="145"/>
      <c r="AR7116" s="145"/>
      <c r="AS7116" s="145"/>
      <c r="AT7116" s="145"/>
      <c r="AU7116" s="145"/>
      <c r="AV7116" s="145"/>
      <c r="AW7116" s="145"/>
      <c r="AX7116" s="146"/>
      <c r="AY7116" s="146"/>
      <c r="AZ7116" s="146"/>
      <c r="BA7116" s="112" t="s">
        <v>16980</v>
      </c>
      <c r="BB7116" s="221">
        <v>45884</v>
      </c>
    </row>
    <row r="7117" spans="1:54" s="8" customFormat="1" ht="13.95" customHeight="1" x14ac:dyDescent="0.25">
      <c r="A7117" s="229" t="s">
        <v>17161</v>
      </c>
      <c r="B7117" s="96" t="s">
        <v>19873</v>
      </c>
      <c r="C7117" s="93" t="s">
        <v>17162</v>
      </c>
      <c r="D7117" s="93" t="s">
        <v>17163</v>
      </c>
      <c r="E7117" s="111">
        <v>1982</v>
      </c>
      <c r="F7117" s="111">
        <v>1492</v>
      </c>
      <c r="G7117" s="93" t="s">
        <v>1</v>
      </c>
      <c r="H7117" s="111">
        <v>0</v>
      </c>
      <c r="I7117" s="111">
        <v>0</v>
      </c>
      <c r="J7117" s="111">
        <v>1</v>
      </c>
      <c r="K7117" s="111">
        <v>0</v>
      </c>
      <c r="L7117" s="111">
        <v>0</v>
      </c>
      <c r="M7117" s="111">
        <v>0</v>
      </c>
      <c r="N7117" s="111">
        <v>1</v>
      </c>
      <c r="O7117" s="111">
        <v>0</v>
      </c>
      <c r="P7117" s="111">
        <v>0</v>
      </c>
      <c r="Q7117" s="111">
        <v>0</v>
      </c>
      <c r="R7117" s="111">
        <v>0</v>
      </c>
      <c r="S7117" s="111">
        <v>0</v>
      </c>
      <c r="T7117" s="111">
        <v>0</v>
      </c>
      <c r="U7117" s="145"/>
      <c r="V7117" s="145"/>
      <c r="W7117" s="145"/>
      <c r="X7117" s="145"/>
      <c r="Y7117" s="145"/>
      <c r="Z7117" s="145"/>
      <c r="AA7117" s="145"/>
      <c r="AB7117" s="145"/>
      <c r="AC7117" s="145"/>
      <c r="AD7117" s="145"/>
      <c r="AE7117" s="145"/>
      <c r="AF7117" s="145"/>
      <c r="AG7117" s="145"/>
      <c r="AH7117" s="145"/>
      <c r="AI7117" s="145"/>
      <c r="AJ7117" s="145"/>
      <c r="AK7117" s="145"/>
      <c r="AL7117" s="145"/>
      <c r="AM7117" s="145"/>
      <c r="AN7117" s="145"/>
      <c r="AO7117" s="145"/>
      <c r="AP7117" s="145"/>
      <c r="AQ7117" s="145"/>
      <c r="AR7117" s="145"/>
      <c r="AS7117" s="145"/>
      <c r="AT7117" s="145"/>
      <c r="AU7117" s="145"/>
      <c r="AV7117" s="145"/>
      <c r="AW7117" s="145"/>
      <c r="AX7117" s="146"/>
      <c r="AY7117" s="146"/>
      <c r="AZ7117" s="146"/>
      <c r="BA7117" s="146"/>
      <c r="BB7117" s="221">
        <v>45884</v>
      </c>
    </row>
    <row r="7118" spans="1:54" s="8" customFormat="1" ht="13.95" customHeight="1" x14ac:dyDescent="0.25">
      <c r="A7118" s="229" t="s">
        <v>17164</v>
      </c>
      <c r="B7118" s="96" t="s">
        <v>19873</v>
      </c>
      <c r="C7118" s="93" t="s">
        <v>17165</v>
      </c>
      <c r="D7118" s="93" t="s">
        <v>20325</v>
      </c>
      <c r="E7118" s="111">
        <v>2009</v>
      </c>
      <c r="F7118" s="111">
        <v>1474</v>
      </c>
      <c r="G7118" s="93" t="s">
        <v>1</v>
      </c>
      <c r="H7118" s="111">
        <v>0</v>
      </c>
      <c r="I7118" s="111">
        <v>0</v>
      </c>
      <c r="J7118" s="111">
        <v>1</v>
      </c>
      <c r="K7118" s="111">
        <v>0</v>
      </c>
      <c r="L7118" s="111">
        <v>0</v>
      </c>
      <c r="M7118" s="111">
        <v>0</v>
      </c>
      <c r="N7118" s="111">
        <v>1</v>
      </c>
      <c r="O7118" s="111">
        <v>1</v>
      </c>
      <c r="P7118" s="111">
        <v>1</v>
      </c>
      <c r="Q7118" s="111">
        <v>0</v>
      </c>
      <c r="R7118" s="111">
        <v>0</v>
      </c>
      <c r="S7118" s="111">
        <v>0</v>
      </c>
      <c r="T7118" s="111">
        <v>0</v>
      </c>
      <c r="U7118" s="145"/>
      <c r="V7118" s="145"/>
      <c r="W7118" s="145"/>
      <c r="X7118" s="145"/>
      <c r="Y7118" s="145"/>
      <c r="Z7118" s="145"/>
      <c r="AA7118" s="145"/>
      <c r="AB7118" s="145"/>
      <c r="AC7118" s="145"/>
      <c r="AD7118" s="145"/>
      <c r="AE7118" s="145"/>
      <c r="AF7118" s="145"/>
      <c r="AG7118" s="145"/>
      <c r="AH7118" s="145"/>
      <c r="AI7118" s="145"/>
      <c r="AJ7118" s="145"/>
      <c r="AK7118" s="145"/>
      <c r="AL7118" s="145"/>
      <c r="AM7118" s="145"/>
      <c r="AN7118" s="145"/>
      <c r="AO7118" s="145"/>
      <c r="AP7118" s="145"/>
      <c r="AQ7118" s="145"/>
      <c r="AR7118" s="145"/>
      <c r="AS7118" s="145"/>
      <c r="AT7118" s="145"/>
      <c r="AU7118" s="145"/>
      <c r="AV7118" s="145"/>
      <c r="AW7118" s="145"/>
      <c r="AX7118" s="146"/>
      <c r="AY7118" s="146"/>
      <c r="AZ7118" s="146"/>
      <c r="BA7118" s="146"/>
      <c r="BB7118" s="221">
        <v>45884</v>
      </c>
    </row>
    <row r="7119" spans="1:54" s="8" customFormat="1" ht="13.95" customHeight="1" x14ac:dyDescent="0.25">
      <c r="A7119" s="229" t="s">
        <v>17166</v>
      </c>
      <c r="B7119" s="96" t="s">
        <v>19873</v>
      </c>
      <c r="C7119" s="93" t="s">
        <v>17167</v>
      </c>
      <c r="D7119" s="93" t="s">
        <v>17168</v>
      </c>
      <c r="E7119" s="111">
        <v>1972</v>
      </c>
      <c r="F7119" s="111">
        <v>1526</v>
      </c>
      <c r="G7119" s="93" t="s">
        <v>1</v>
      </c>
      <c r="H7119" s="111">
        <v>0</v>
      </c>
      <c r="I7119" s="111">
        <v>0</v>
      </c>
      <c r="J7119" s="111">
        <v>1</v>
      </c>
      <c r="K7119" s="111">
        <v>0</v>
      </c>
      <c r="L7119" s="111">
        <v>0</v>
      </c>
      <c r="M7119" s="111">
        <v>0</v>
      </c>
      <c r="N7119" s="111">
        <v>1</v>
      </c>
      <c r="O7119" s="111">
        <v>0</v>
      </c>
      <c r="P7119" s="111">
        <v>0</v>
      </c>
      <c r="Q7119" s="111">
        <v>0</v>
      </c>
      <c r="R7119" s="111">
        <v>0</v>
      </c>
      <c r="S7119" s="111">
        <v>0</v>
      </c>
      <c r="T7119" s="111">
        <v>0</v>
      </c>
      <c r="U7119" s="145"/>
      <c r="V7119" s="145"/>
      <c r="W7119" s="145"/>
      <c r="X7119" s="145"/>
      <c r="Y7119" s="145"/>
      <c r="Z7119" s="145"/>
      <c r="AA7119" s="145"/>
      <c r="AB7119" s="145"/>
      <c r="AC7119" s="145"/>
      <c r="AD7119" s="145"/>
      <c r="AE7119" s="145"/>
      <c r="AF7119" s="145"/>
      <c r="AG7119" s="145"/>
      <c r="AH7119" s="145"/>
      <c r="AI7119" s="145"/>
      <c r="AJ7119" s="145"/>
      <c r="AK7119" s="145"/>
      <c r="AL7119" s="145"/>
      <c r="AM7119" s="145"/>
      <c r="AN7119" s="145"/>
      <c r="AO7119" s="145"/>
      <c r="AP7119" s="145"/>
      <c r="AQ7119" s="145"/>
      <c r="AR7119" s="145"/>
      <c r="AS7119" s="145"/>
      <c r="AT7119" s="145"/>
      <c r="AU7119" s="145"/>
      <c r="AV7119" s="145"/>
      <c r="AW7119" s="145"/>
      <c r="AX7119" s="146"/>
      <c r="AY7119" s="146"/>
      <c r="AZ7119" s="146"/>
      <c r="BA7119" s="146"/>
      <c r="BB7119" s="221">
        <v>45884</v>
      </c>
    </row>
    <row r="7120" spans="1:54" s="8" customFormat="1" ht="13.95" customHeight="1" x14ac:dyDescent="0.25">
      <c r="A7120" s="229" t="s">
        <v>17169</v>
      </c>
      <c r="B7120" s="96" t="s">
        <v>19873</v>
      </c>
      <c r="C7120" s="93" t="s">
        <v>17170</v>
      </c>
      <c r="D7120" s="93" t="s">
        <v>17171</v>
      </c>
      <c r="E7120" s="111">
        <v>2002</v>
      </c>
      <c r="F7120" s="111">
        <v>1553</v>
      </c>
      <c r="G7120" s="93" t="s">
        <v>1</v>
      </c>
      <c r="H7120" s="111">
        <v>0</v>
      </c>
      <c r="I7120" s="111">
        <v>0</v>
      </c>
      <c r="J7120" s="111">
        <v>1</v>
      </c>
      <c r="K7120" s="111">
        <v>1</v>
      </c>
      <c r="L7120" s="111">
        <v>0</v>
      </c>
      <c r="M7120" s="111">
        <v>0</v>
      </c>
      <c r="N7120" s="111">
        <v>1</v>
      </c>
      <c r="O7120" s="111">
        <v>0</v>
      </c>
      <c r="P7120" s="111">
        <v>0</v>
      </c>
      <c r="Q7120" s="111">
        <v>0</v>
      </c>
      <c r="R7120" s="111">
        <v>0</v>
      </c>
      <c r="S7120" s="111">
        <v>0</v>
      </c>
      <c r="T7120" s="111">
        <v>0</v>
      </c>
      <c r="U7120" s="145"/>
      <c r="V7120" s="145"/>
      <c r="W7120" s="145"/>
      <c r="X7120" s="145"/>
      <c r="Y7120" s="145"/>
      <c r="Z7120" s="145"/>
      <c r="AA7120" s="145"/>
      <c r="AB7120" s="145"/>
      <c r="AC7120" s="145"/>
      <c r="AD7120" s="145"/>
      <c r="AE7120" s="145"/>
      <c r="AF7120" s="145"/>
      <c r="AG7120" s="145"/>
      <c r="AH7120" s="145"/>
      <c r="AI7120" s="145"/>
      <c r="AJ7120" s="145"/>
      <c r="AK7120" s="145"/>
      <c r="AL7120" s="145"/>
      <c r="AM7120" s="145"/>
      <c r="AN7120" s="145"/>
      <c r="AO7120" s="145"/>
      <c r="AP7120" s="145"/>
      <c r="AQ7120" s="145"/>
      <c r="AR7120" s="145"/>
      <c r="AS7120" s="145"/>
      <c r="AT7120" s="145"/>
      <c r="AU7120" s="145"/>
      <c r="AV7120" s="145"/>
      <c r="AW7120" s="145"/>
      <c r="AX7120" s="146"/>
      <c r="AY7120" s="146"/>
      <c r="AZ7120" s="146"/>
      <c r="BA7120" s="112" t="s">
        <v>16931</v>
      </c>
      <c r="BB7120" s="221">
        <v>45884</v>
      </c>
    </row>
    <row r="7121" spans="1:54" s="8" customFormat="1" ht="13.95" customHeight="1" x14ac:dyDescent="0.25">
      <c r="A7121" s="229" t="s">
        <v>17172</v>
      </c>
      <c r="B7121" s="96" t="s">
        <v>19873</v>
      </c>
      <c r="C7121" s="93" t="s">
        <v>17173</v>
      </c>
      <c r="D7121" s="93" t="s">
        <v>17174</v>
      </c>
      <c r="E7121" s="111">
        <v>1982</v>
      </c>
      <c r="F7121" s="111">
        <v>1562</v>
      </c>
      <c r="G7121" s="93" t="s">
        <v>1</v>
      </c>
      <c r="H7121" s="111">
        <v>0</v>
      </c>
      <c r="I7121" s="111">
        <v>0</v>
      </c>
      <c r="J7121" s="111">
        <v>1</v>
      </c>
      <c r="K7121" s="111">
        <v>0</v>
      </c>
      <c r="L7121" s="111">
        <v>1</v>
      </c>
      <c r="M7121" s="111">
        <v>0</v>
      </c>
      <c r="N7121" s="111">
        <v>1</v>
      </c>
      <c r="O7121" s="111">
        <v>1</v>
      </c>
      <c r="P7121" s="111">
        <v>1</v>
      </c>
      <c r="Q7121" s="111">
        <v>0</v>
      </c>
      <c r="R7121" s="111">
        <v>1</v>
      </c>
      <c r="S7121" s="111">
        <v>0</v>
      </c>
      <c r="T7121" s="111">
        <v>0</v>
      </c>
      <c r="U7121" s="145"/>
      <c r="V7121" s="145"/>
      <c r="W7121" s="145"/>
      <c r="X7121" s="145"/>
      <c r="Y7121" s="145"/>
      <c r="Z7121" s="145"/>
      <c r="AA7121" s="145"/>
      <c r="AB7121" s="145"/>
      <c r="AC7121" s="145"/>
      <c r="AD7121" s="145"/>
      <c r="AE7121" s="145"/>
      <c r="AF7121" s="145"/>
      <c r="AG7121" s="145"/>
      <c r="AH7121" s="145"/>
      <c r="AI7121" s="145"/>
      <c r="AJ7121" s="145"/>
      <c r="AK7121" s="145"/>
      <c r="AL7121" s="145"/>
      <c r="AM7121" s="145"/>
      <c r="AN7121" s="145"/>
      <c r="AO7121" s="145"/>
      <c r="AP7121" s="145"/>
      <c r="AQ7121" s="145"/>
      <c r="AR7121" s="145"/>
      <c r="AS7121" s="145"/>
      <c r="AT7121" s="145"/>
      <c r="AU7121" s="145"/>
      <c r="AV7121" s="145"/>
      <c r="AW7121" s="145"/>
      <c r="AX7121" s="146"/>
      <c r="AY7121" s="146"/>
      <c r="AZ7121" s="146"/>
      <c r="BA7121" s="146"/>
      <c r="BB7121" s="221">
        <v>45884</v>
      </c>
    </row>
    <row r="7122" spans="1:54" s="8" customFormat="1" ht="13.95" customHeight="1" x14ac:dyDescent="0.25">
      <c r="A7122" s="229" t="s">
        <v>17175</v>
      </c>
      <c r="B7122" s="96" t="s">
        <v>19873</v>
      </c>
      <c r="C7122" s="93" t="s">
        <v>17176</v>
      </c>
      <c r="D7122" s="93" t="s">
        <v>17177</v>
      </c>
      <c r="E7122" s="111">
        <v>1978</v>
      </c>
      <c r="F7122" s="111">
        <v>1581</v>
      </c>
      <c r="G7122" s="93" t="s">
        <v>1</v>
      </c>
      <c r="H7122" s="111">
        <v>0</v>
      </c>
      <c r="I7122" s="111">
        <v>0</v>
      </c>
      <c r="J7122" s="111">
        <v>1</v>
      </c>
      <c r="K7122" s="111">
        <v>0</v>
      </c>
      <c r="L7122" s="111">
        <v>0</v>
      </c>
      <c r="M7122" s="111">
        <v>0</v>
      </c>
      <c r="N7122" s="111">
        <v>0</v>
      </c>
      <c r="O7122" s="111">
        <v>0</v>
      </c>
      <c r="P7122" s="111">
        <v>0</v>
      </c>
      <c r="Q7122" s="111">
        <v>0</v>
      </c>
      <c r="R7122" s="111">
        <v>0</v>
      </c>
      <c r="S7122" s="111">
        <v>0</v>
      </c>
      <c r="T7122" s="111">
        <v>0</v>
      </c>
      <c r="U7122" s="145"/>
      <c r="V7122" s="145"/>
      <c r="W7122" s="145"/>
      <c r="X7122" s="145"/>
      <c r="Y7122" s="145"/>
      <c r="Z7122" s="145"/>
      <c r="AA7122" s="145"/>
      <c r="AB7122" s="145"/>
      <c r="AC7122" s="145"/>
      <c r="AD7122" s="145"/>
      <c r="AE7122" s="145"/>
      <c r="AF7122" s="145"/>
      <c r="AG7122" s="145"/>
      <c r="AH7122" s="145"/>
      <c r="AI7122" s="145"/>
      <c r="AJ7122" s="145"/>
      <c r="AK7122" s="145"/>
      <c r="AL7122" s="145"/>
      <c r="AM7122" s="145"/>
      <c r="AN7122" s="145"/>
      <c r="AO7122" s="145"/>
      <c r="AP7122" s="145"/>
      <c r="AQ7122" s="145"/>
      <c r="AR7122" s="145"/>
      <c r="AS7122" s="145"/>
      <c r="AT7122" s="145"/>
      <c r="AU7122" s="145"/>
      <c r="AV7122" s="145"/>
      <c r="AW7122" s="145"/>
      <c r="AX7122" s="146"/>
      <c r="AY7122" s="146"/>
      <c r="AZ7122" s="146"/>
      <c r="BA7122" s="146"/>
      <c r="BB7122" s="221">
        <v>45884</v>
      </c>
    </row>
    <row r="7123" spans="1:54" s="8" customFormat="1" ht="13.95" customHeight="1" x14ac:dyDescent="0.25">
      <c r="A7123" s="229" t="s">
        <v>17178</v>
      </c>
      <c r="B7123" s="96" t="s">
        <v>19873</v>
      </c>
      <c r="C7123" s="93" t="s">
        <v>17179</v>
      </c>
      <c r="D7123" s="93" t="s">
        <v>17180</v>
      </c>
      <c r="E7123" s="111">
        <v>1975</v>
      </c>
      <c r="F7123" s="111">
        <v>1595</v>
      </c>
      <c r="G7123" s="93" t="s">
        <v>1</v>
      </c>
      <c r="H7123" s="111">
        <v>0</v>
      </c>
      <c r="I7123" s="111">
        <v>0</v>
      </c>
      <c r="J7123" s="111">
        <v>0</v>
      </c>
      <c r="K7123" s="111">
        <v>0</v>
      </c>
      <c r="L7123" s="111">
        <v>0</v>
      </c>
      <c r="M7123" s="111">
        <v>0</v>
      </c>
      <c r="N7123" s="111">
        <v>0</v>
      </c>
      <c r="O7123" s="111">
        <v>0</v>
      </c>
      <c r="P7123" s="111">
        <v>0</v>
      </c>
      <c r="Q7123" s="111">
        <v>0</v>
      </c>
      <c r="R7123" s="111">
        <v>0</v>
      </c>
      <c r="S7123" s="111">
        <v>0</v>
      </c>
      <c r="T7123" s="111">
        <v>0</v>
      </c>
      <c r="U7123" s="145"/>
      <c r="V7123" s="145"/>
      <c r="W7123" s="145"/>
      <c r="X7123" s="145"/>
      <c r="Y7123" s="145"/>
      <c r="Z7123" s="145"/>
      <c r="AA7123" s="145"/>
      <c r="AB7123" s="145"/>
      <c r="AC7123" s="145"/>
      <c r="AD7123" s="145"/>
      <c r="AE7123" s="145"/>
      <c r="AF7123" s="145"/>
      <c r="AG7123" s="145"/>
      <c r="AH7123" s="145"/>
      <c r="AI7123" s="145"/>
      <c r="AJ7123" s="145"/>
      <c r="AK7123" s="145"/>
      <c r="AL7123" s="145"/>
      <c r="AM7123" s="145"/>
      <c r="AN7123" s="145"/>
      <c r="AO7123" s="145"/>
      <c r="AP7123" s="145"/>
      <c r="AQ7123" s="145"/>
      <c r="AR7123" s="145"/>
      <c r="AS7123" s="145"/>
      <c r="AT7123" s="145"/>
      <c r="AU7123" s="145"/>
      <c r="AV7123" s="145"/>
      <c r="AW7123" s="145"/>
      <c r="AX7123" s="146"/>
      <c r="AY7123" s="146"/>
      <c r="AZ7123" s="146"/>
      <c r="BA7123" s="146"/>
      <c r="BB7123" s="221">
        <v>45884</v>
      </c>
    </row>
    <row r="7124" spans="1:54" s="8" customFormat="1" ht="13.95" customHeight="1" x14ac:dyDescent="0.25">
      <c r="A7124" s="229" t="s">
        <v>17181</v>
      </c>
      <c r="B7124" s="96" t="s">
        <v>19873</v>
      </c>
      <c r="C7124" s="93" t="s">
        <v>17182</v>
      </c>
      <c r="D7124" s="93" t="s">
        <v>17148</v>
      </c>
      <c r="E7124" s="111">
        <v>1995</v>
      </c>
      <c r="F7124" s="111">
        <v>1681</v>
      </c>
      <c r="G7124" s="93" t="s">
        <v>1</v>
      </c>
      <c r="H7124" s="111">
        <v>0</v>
      </c>
      <c r="I7124" s="111">
        <v>0</v>
      </c>
      <c r="J7124" s="111">
        <v>0</v>
      </c>
      <c r="K7124" s="111">
        <v>0</v>
      </c>
      <c r="L7124" s="111">
        <v>0</v>
      </c>
      <c r="M7124" s="111">
        <v>0</v>
      </c>
      <c r="N7124" s="111">
        <v>1</v>
      </c>
      <c r="O7124" s="111">
        <v>0</v>
      </c>
      <c r="P7124" s="111">
        <v>0</v>
      </c>
      <c r="Q7124" s="111">
        <v>0</v>
      </c>
      <c r="R7124" s="111">
        <v>0</v>
      </c>
      <c r="S7124" s="111">
        <v>0</v>
      </c>
      <c r="T7124" s="111">
        <v>0</v>
      </c>
      <c r="U7124" s="145"/>
      <c r="V7124" s="145"/>
      <c r="W7124" s="145"/>
      <c r="X7124" s="145"/>
      <c r="Y7124" s="145"/>
      <c r="Z7124" s="145"/>
      <c r="AA7124" s="145"/>
      <c r="AB7124" s="145"/>
      <c r="AC7124" s="145"/>
      <c r="AD7124" s="145"/>
      <c r="AE7124" s="145"/>
      <c r="AF7124" s="145"/>
      <c r="AG7124" s="145"/>
      <c r="AH7124" s="145"/>
      <c r="AI7124" s="145"/>
      <c r="AJ7124" s="145"/>
      <c r="AK7124" s="145"/>
      <c r="AL7124" s="145"/>
      <c r="AM7124" s="145"/>
      <c r="AN7124" s="145"/>
      <c r="AO7124" s="145"/>
      <c r="AP7124" s="145"/>
      <c r="AQ7124" s="145"/>
      <c r="AR7124" s="145"/>
      <c r="AS7124" s="145"/>
      <c r="AT7124" s="145"/>
      <c r="AU7124" s="145"/>
      <c r="AV7124" s="145"/>
      <c r="AW7124" s="145"/>
      <c r="AX7124" s="146"/>
      <c r="AY7124" s="146"/>
      <c r="AZ7124" s="146"/>
      <c r="BA7124" s="146"/>
      <c r="BB7124" s="221">
        <v>45884</v>
      </c>
    </row>
    <row r="7125" spans="1:54" s="8" customFormat="1" ht="13.95" customHeight="1" x14ac:dyDescent="0.25">
      <c r="A7125" s="229" t="s">
        <v>17183</v>
      </c>
      <c r="B7125" s="96" t="s">
        <v>19873</v>
      </c>
      <c r="C7125" s="93" t="s">
        <v>17184</v>
      </c>
      <c r="D7125" s="93" t="s">
        <v>17185</v>
      </c>
      <c r="E7125" s="111">
        <v>1982</v>
      </c>
      <c r="F7125" s="111">
        <v>1688</v>
      </c>
      <c r="G7125" s="93" t="s">
        <v>1</v>
      </c>
      <c r="H7125" s="111">
        <v>1</v>
      </c>
      <c r="I7125" s="111">
        <v>0</v>
      </c>
      <c r="J7125" s="111">
        <v>1</v>
      </c>
      <c r="K7125" s="111">
        <v>0</v>
      </c>
      <c r="L7125" s="111">
        <v>0</v>
      </c>
      <c r="M7125" s="111">
        <v>0</v>
      </c>
      <c r="N7125" s="111">
        <v>1</v>
      </c>
      <c r="O7125" s="111">
        <v>0</v>
      </c>
      <c r="P7125" s="111">
        <v>0</v>
      </c>
      <c r="Q7125" s="111">
        <v>0</v>
      </c>
      <c r="R7125" s="111">
        <v>0</v>
      </c>
      <c r="S7125" s="111">
        <v>0</v>
      </c>
      <c r="T7125" s="111">
        <v>0</v>
      </c>
      <c r="U7125" s="145"/>
      <c r="V7125" s="145"/>
      <c r="W7125" s="145"/>
      <c r="X7125" s="145"/>
      <c r="Y7125" s="145"/>
      <c r="Z7125" s="145"/>
      <c r="AA7125" s="145"/>
      <c r="AB7125" s="145"/>
      <c r="AC7125" s="145"/>
      <c r="AD7125" s="145"/>
      <c r="AE7125" s="145"/>
      <c r="AF7125" s="145"/>
      <c r="AG7125" s="145"/>
      <c r="AH7125" s="145"/>
      <c r="AI7125" s="145"/>
      <c r="AJ7125" s="145"/>
      <c r="AK7125" s="145"/>
      <c r="AL7125" s="145"/>
      <c r="AM7125" s="145"/>
      <c r="AN7125" s="145"/>
      <c r="AO7125" s="145"/>
      <c r="AP7125" s="145"/>
      <c r="AQ7125" s="145"/>
      <c r="AR7125" s="145"/>
      <c r="AS7125" s="145"/>
      <c r="AT7125" s="145"/>
      <c r="AU7125" s="145"/>
      <c r="AV7125" s="145"/>
      <c r="AW7125" s="145"/>
      <c r="AX7125" s="146"/>
      <c r="AY7125" s="146"/>
      <c r="AZ7125" s="146"/>
      <c r="BA7125" s="146"/>
      <c r="BB7125" s="221">
        <v>45884</v>
      </c>
    </row>
    <row r="7126" spans="1:54" s="8" customFormat="1" ht="13.95" customHeight="1" x14ac:dyDescent="0.25">
      <c r="A7126" s="229" t="s">
        <v>17186</v>
      </c>
      <c r="B7126" s="96" t="s">
        <v>19873</v>
      </c>
      <c r="C7126" s="93" t="s">
        <v>17187</v>
      </c>
      <c r="D7126" s="93" t="s">
        <v>17188</v>
      </c>
      <c r="E7126" s="111">
        <v>1986</v>
      </c>
      <c r="F7126" s="111">
        <v>1696</v>
      </c>
      <c r="G7126" s="93" t="s">
        <v>1</v>
      </c>
      <c r="H7126" s="111">
        <v>1</v>
      </c>
      <c r="I7126" s="111">
        <v>0</v>
      </c>
      <c r="J7126" s="111">
        <v>1</v>
      </c>
      <c r="K7126" s="111">
        <v>0</v>
      </c>
      <c r="L7126" s="111">
        <v>1</v>
      </c>
      <c r="M7126" s="111">
        <v>1</v>
      </c>
      <c r="N7126" s="111">
        <v>0</v>
      </c>
      <c r="O7126" s="111">
        <v>0</v>
      </c>
      <c r="P7126" s="111">
        <v>1</v>
      </c>
      <c r="Q7126" s="111">
        <v>0</v>
      </c>
      <c r="R7126" s="111">
        <v>1</v>
      </c>
      <c r="S7126" s="111">
        <v>0</v>
      </c>
      <c r="T7126" s="111">
        <v>0</v>
      </c>
      <c r="U7126" s="145"/>
      <c r="V7126" s="145"/>
      <c r="W7126" s="145"/>
      <c r="X7126" s="145"/>
      <c r="Y7126" s="145"/>
      <c r="Z7126" s="145"/>
      <c r="AA7126" s="145"/>
      <c r="AB7126" s="145"/>
      <c r="AC7126" s="145"/>
      <c r="AD7126" s="145"/>
      <c r="AE7126" s="145"/>
      <c r="AF7126" s="145"/>
      <c r="AG7126" s="145"/>
      <c r="AH7126" s="145"/>
      <c r="AI7126" s="145"/>
      <c r="AJ7126" s="145"/>
      <c r="AK7126" s="145"/>
      <c r="AL7126" s="145"/>
      <c r="AM7126" s="145"/>
      <c r="AN7126" s="145"/>
      <c r="AO7126" s="145"/>
      <c r="AP7126" s="145"/>
      <c r="AQ7126" s="145"/>
      <c r="AR7126" s="145"/>
      <c r="AS7126" s="145"/>
      <c r="AT7126" s="145"/>
      <c r="AU7126" s="145"/>
      <c r="AV7126" s="145"/>
      <c r="AW7126" s="145"/>
      <c r="AX7126" s="146"/>
      <c r="AY7126" s="146"/>
      <c r="AZ7126" s="146"/>
      <c r="BA7126" s="112" t="s">
        <v>17189</v>
      </c>
      <c r="BB7126" s="221">
        <v>45884</v>
      </c>
    </row>
    <row r="7127" spans="1:54" s="8" customFormat="1" ht="13.95" customHeight="1" x14ac:dyDescent="0.25">
      <c r="A7127" s="229" t="s">
        <v>17190</v>
      </c>
      <c r="B7127" s="96" t="s">
        <v>19873</v>
      </c>
      <c r="C7127" s="93" t="s">
        <v>17191</v>
      </c>
      <c r="D7127" s="93" t="s">
        <v>17192</v>
      </c>
      <c r="E7127" s="111">
        <v>1974</v>
      </c>
      <c r="F7127" s="111">
        <v>1686</v>
      </c>
      <c r="G7127" s="93" t="s">
        <v>1</v>
      </c>
      <c r="H7127" s="111">
        <v>0</v>
      </c>
      <c r="I7127" s="111">
        <v>0</v>
      </c>
      <c r="J7127" s="111">
        <v>1</v>
      </c>
      <c r="K7127" s="111">
        <v>0</v>
      </c>
      <c r="L7127" s="111">
        <v>1</v>
      </c>
      <c r="M7127" s="111">
        <v>0</v>
      </c>
      <c r="N7127" s="111">
        <v>1</v>
      </c>
      <c r="O7127" s="111">
        <v>1</v>
      </c>
      <c r="P7127" s="111">
        <v>1</v>
      </c>
      <c r="Q7127" s="111">
        <v>0</v>
      </c>
      <c r="R7127" s="111">
        <v>0</v>
      </c>
      <c r="S7127" s="111">
        <v>0</v>
      </c>
      <c r="T7127" s="111">
        <v>0</v>
      </c>
      <c r="U7127" s="145"/>
      <c r="V7127" s="145"/>
      <c r="W7127" s="145"/>
      <c r="X7127" s="145"/>
      <c r="Y7127" s="145"/>
      <c r="Z7127" s="145"/>
      <c r="AA7127" s="145"/>
      <c r="AB7127" s="145"/>
      <c r="AC7127" s="145"/>
      <c r="AD7127" s="145"/>
      <c r="AE7127" s="145"/>
      <c r="AF7127" s="145"/>
      <c r="AG7127" s="145"/>
      <c r="AH7127" s="145"/>
      <c r="AI7127" s="145"/>
      <c r="AJ7127" s="145"/>
      <c r="AK7127" s="145"/>
      <c r="AL7127" s="145"/>
      <c r="AM7127" s="145"/>
      <c r="AN7127" s="145"/>
      <c r="AO7127" s="145"/>
      <c r="AP7127" s="145"/>
      <c r="AQ7127" s="145"/>
      <c r="AR7127" s="145"/>
      <c r="AS7127" s="145"/>
      <c r="AT7127" s="145"/>
      <c r="AU7127" s="145"/>
      <c r="AV7127" s="145"/>
      <c r="AW7127" s="145"/>
      <c r="AX7127" s="146"/>
      <c r="AY7127" s="146"/>
      <c r="AZ7127" s="146"/>
      <c r="BA7127" s="146"/>
      <c r="BB7127" s="221">
        <v>45884</v>
      </c>
    </row>
    <row r="7128" spans="1:54" s="8" customFormat="1" ht="13.95" customHeight="1" x14ac:dyDescent="0.25">
      <c r="A7128" s="229" t="s">
        <v>17193</v>
      </c>
      <c r="B7128" s="96" t="s">
        <v>19873</v>
      </c>
      <c r="C7128" s="93" t="s">
        <v>17194</v>
      </c>
      <c r="D7128" s="93" t="s">
        <v>17195</v>
      </c>
      <c r="E7128" s="111">
        <v>1983</v>
      </c>
      <c r="F7128" s="111">
        <v>1755</v>
      </c>
      <c r="G7128" s="93" t="s">
        <v>1</v>
      </c>
      <c r="H7128" s="111">
        <v>1</v>
      </c>
      <c r="I7128" s="111">
        <v>0</v>
      </c>
      <c r="J7128" s="111">
        <v>1</v>
      </c>
      <c r="K7128" s="111">
        <v>1</v>
      </c>
      <c r="L7128" s="111">
        <v>1</v>
      </c>
      <c r="M7128" s="111">
        <v>0</v>
      </c>
      <c r="N7128" s="111">
        <v>1</v>
      </c>
      <c r="O7128" s="111">
        <v>0</v>
      </c>
      <c r="P7128" s="111">
        <v>1</v>
      </c>
      <c r="Q7128" s="111">
        <v>1</v>
      </c>
      <c r="R7128" s="111">
        <v>0</v>
      </c>
      <c r="S7128" s="111">
        <v>0</v>
      </c>
      <c r="T7128" s="111">
        <v>1</v>
      </c>
      <c r="U7128" s="145"/>
      <c r="V7128" s="145"/>
      <c r="W7128" s="145"/>
      <c r="X7128" s="145"/>
      <c r="Y7128" s="145"/>
      <c r="Z7128" s="145"/>
      <c r="AA7128" s="145"/>
      <c r="AB7128" s="145"/>
      <c r="AC7128" s="145"/>
      <c r="AD7128" s="145"/>
      <c r="AE7128" s="145"/>
      <c r="AF7128" s="145"/>
      <c r="AG7128" s="145"/>
      <c r="AH7128" s="145"/>
      <c r="AI7128" s="145"/>
      <c r="AJ7128" s="145"/>
      <c r="AK7128" s="145"/>
      <c r="AL7128" s="145"/>
      <c r="AM7128" s="145"/>
      <c r="AN7128" s="145"/>
      <c r="AO7128" s="145"/>
      <c r="AP7128" s="145"/>
      <c r="AQ7128" s="145"/>
      <c r="AR7128" s="145"/>
      <c r="AS7128" s="145"/>
      <c r="AT7128" s="145"/>
      <c r="AU7128" s="145"/>
      <c r="AV7128" s="145"/>
      <c r="AW7128" s="145"/>
      <c r="AX7128" s="146"/>
      <c r="AY7128" s="146"/>
      <c r="AZ7128" s="146"/>
      <c r="BA7128" s="146"/>
      <c r="BB7128" s="221">
        <v>45884</v>
      </c>
    </row>
    <row r="7129" spans="1:54" s="8" customFormat="1" ht="13.95" customHeight="1" x14ac:dyDescent="0.25">
      <c r="A7129" s="229" t="s">
        <v>17196</v>
      </c>
      <c r="B7129" s="96" t="s">
        <v>19873</v>
      </c>
      <c r="C7129" s="93" t="s">
        <v>17197</v>
      </c>
      <c r="D7129" s="93" t="s">
        <v>17198</v>
      </c>
      <c r="E7129" s="111">
        <v>1979</v>
      </c>
      <c r="F7129" s="111">
        <v>1784</v>
      </c>
      <c r="G7129" s="93" t="s">
        <v>1</v>
      </c>
      <c r="H7129" s="111">
        <v>0</v>
      </c>
      <c r="I7129" s="111">
        <v>0</v>
      </c>
      <c r="J7129" s="111">
        <v>1</v>
      </c>
      <c r="K7129" s="111">
        <v>0</v>
      </c>
      <c r="L7129" s="111">
        <v>0</v>
      </c>
      <c r="M7129" s="111">
        <v>0</v>
      </c>
      <c r="N7129" s="111">
        <v>0</v>
      </c>
      <c r="O7129" s="111">
        <v>0</v>
      </c>
      <c r="P7129" s="111">
        <v>0</v>
      </c>
      <c r="Q7129" s="111">
        <v>0</v>
      </c>
      <c r="R7129" s="111">
        <v>0</v>
      </c>
      <c r="S7129" s="111">
        <v>0</v>
      </c>
      <c r="T7129" s="111">
        <v>0</v>
      </c>
      <c r="U7129" s="145"/>
      <c r="V7129" s="145"/>
      <c r="W7129" s="145"/>
      <c r="X7129" s="145"/>
      <c r="Y7129" s="145"/>
      <c r="Z7129" s="145"/>
      <c r="AA7129" s="145"/>
      <c r="AB7129" s="145"/>
      <c r="AC7129" s="145"/>
      <c r="AD7129" s="145"/>
      <c r="AE7129" s="145"/>
      <c r="AF7129" s="145"/>
      <c r="AG7129" s="145"/>
      <c r="AH7129" s="145"/>
      <c r="AI7129" s="145"/>
      <c r="AJ7129" s="145"/>
      <c r="AK7129" s="145"/>
      <c r="AL7129" s="145"/>
      <c r="AM7129" s="145"/>
      <c r="AN7129" s="145"/>
      <c r="AO7129" s="145"/>
      <c r="AP7129" s="145"/>
      <c r="AQ7129" s="145"/>
      <c r="AR7129" s="145"/>
      <c r="AS7129" s="145"/>
      <c r="AT7129" s="145"/>
      <c r="AU7129" s="145"/>
      <c r="AV7129" s="145"/>
      <c r="AW7129" s="145"/>
      <c r="AX7129" s="146"/>
      <c r="AY7129" s="146"/>
      <c r="AZ7129" s="146"/>
      <c r="BA7129" s="146"/>
      <c r="BB7129" s="221">
        <v>45884</v>
      </c>
    </row>
    <row r="7130" spans="1:54" s="8" customFormat="1" ht="13.95" customHeight="1" x14ac:dyDescent="0.25">
      <c r="A7130" s="229" t="s">
        <v>17199</v>
      </c>
      <c r="B7130" s="96" t="s">
        <v>19873</v>
      </c>
      <c r="C7130" s="93" t="s">
        <v>13697</v>
      </c>
      <c r="D7130" s="93" t="s">
        <v>17200</v>
      </c>
      <c r="E7130" s="111">
        <v>1984</v>
      </c>
      <c r="F7130" s="111">
        <v>1793</v>
      </c>
      <c r="G7130" s="93" t="s">
        <v>1</v>
      </c>
      <c r="H7130" s="111">
        <v>0</v>
      </c>
      <c r="I7130" s="111">
        <v>0</v>
      </c>
      <c r="J7130" s="111">
        <v>1</v>
      </c>
      <c r="K7130" s="111">
        <v>0</v>
      </c>
      <c r="L7130" s="111">
        <v>0</v>
      </c>
      <c r="M7130" s="111">
        <v>0</v>
      </c>
      <c r="N7130" s="111">
        <v>1</v>
      </c>
      <c r="O7130" s="111">
        <v>1</v>
      </c>
      <c r="P7130" s="111">
        <v>1</v>
      </c>
      <c r="Q7130" s="111">
        <v>0</v>
      </c>
      <c r="R7130" s="111">
        <v>1</v>
      </c>
      <c r="S7130" s="111">
        <v>0</v>
      </c>
      <c r="T7130" s="111">
        <v>0</v>
      </c>
      <c r="U7130" s="145"/>
      <c r="V7130" s="145"/>
      <c r="W7130" s="145"/>
      <c r="X7130" s="145"/>
      <c r="Y7130" s="145"/>
      <c r="Z7130" s="145"/>
      <c r="AA7130" s="145"/>
      <c r="AB7130" s="145"/>
      <c r="AC7130" s="145"/>
      <c r="AD7130" s="145"/>
      <c r="AE7130" s="145"/>
      <c r="AF7130" s="145"/>
      <c r="AG7130" s="145"/>
      <c r="AH7130" s="145"/>
      <c r="AI7130" s="145"/>
      <c r="AJ7130" s="145"/>
      <c r="AK7130" s="145"/>
      <c r="AL7130" s="145"/>
      <c r="AM7130" s="145"/>
      <c r="AN7130" s="145"/>
      <c r="AO7130" s="145"/>
      <c r="AP7130" s="145"/>
      <c r="AQ7130" s="145"/>
      <c r="AR7130" s="145"/>
      <c r="AS7130" s="145"/>
      <c r="AT7130" s="145"/>
      <c r="AU7130" s="145"/>
      <c r="AV7130" s="145"/>
      <c r="AW7130" s="145"/>
      <c r="AX7130" s="146"/>
      <c r="AY7130" s="146"/>
      <c r="AZ7130" s="146"/>
      <c r="BA7130" s="112" t="s">
        <v>17027</v>
      </c>
      <c r="BB7130" s="221">
        <v>45884</v>
      </c>
    </row>
    <row r="7131" spans="1:54" s="8" customFormat="1" ht="13.95" customHeight="1" x14ac:dyDescent="0.25">
      <c r="A7131" s="229" t="s">
        <v>17201</v>
      </c>
      <c r="B7131" s="96" t="s">
        <v>19873</v>
      </c>
      <c r="C7131" s="93" t="s">
        <v>17202</v>
      </c>
      <c r="D7131" s="93" t="s">
        <v>17203</v>
      </c>
      <c r="E7131" s="111">
        <v>1980</v>
      </c>
      <c r="F7131" s="111">
        <v>1802</v>
      </c>
      <c r="G7131" s="93" t="s">
        <v>1</v>
      </c>
      <c r="H7131" s="111">
        <v>1</v>
      </c>
      <c r="I7131" s="111">
        <v>0</v>
      </c>
      <c r="J7131" s="111">
        <v>1</v>
      </c>
      <c r="K7131" s="111">
        <v>0</v>
      </c>
      <c r="L7131" s="111">
        <v>0</v>
      </c>
      <c r="M7131" s="111">
        <v>0</v>
      </c>
      <c r="N7131" s="111">
        <v>1</v>
      </c>
      <c r="O7131" s="111">
        <v>0</v>
      </c>
      <c r="P7131" s="111">
        <v>0</v>
      </c>
      <c r="Q7131" s="111">
        <v>0</v>
      </c>
      <c r="R7131" s="111">
        <v>0</v>
      </c>
      <c r="S7131" s="111">
        <v>0</v>
      </c>
      <c r="T7131" s="111">
        <v>0</v>
      </c>
      <c r="U7131" s="145"/>
      <c r="V7131" s="145"/>
      <c r="W7131" s="145"/>
      <c r="X7131" s="145"/>
      <c r="Y7131" s="145"/>
      <c r="Z7131" s="145"/>
      <c r="AA7131" s="145"/>
      <c r="AB7131" s="145"/>
      <c r="AC7131" s="145"/>
      <c r="AD7131" s="145"/>
      <c r="AE7131" s="145"/>
      <c r="AF7131" s="145"/>
      <c r="AG7131" s="145"/>
      <c r="AH7131" s="145"/>
      <c r="AI7131" s="145"/>
      <c r="AJ7131" s="145"/>
      <c r="AK7131" s="145"/>
      <c r="AL7131" s="145"/>
      <c r="AM7131" s="145"/>
      <c r="AN7131" s="145"/>
      <c r="AO7131" s="145"/>
      <c r="AP7131" s="145"/>
      <c r="AQ7131" s="145"/>
      <c r="AR7131" s="145"/>
      <c r="AS7131" s="145"/>
      <c r="AT7131" s="145"/>
      <c r="AU7131" s="145"/>
      <c r="AV7131" s="145"/>
      <c r="AW7131" s="145"/>
      <c r="AX7131" s="146"/>
      <c r="AY7131" s="146"/>
      <c r="AZ7131" s="146"/>
      <c r="BA7131" s="146"/>
      <c r="BB7131" s="221">
        <v>45884</v>
      </c>
    </row>
    <row r="7132" spans="1:54" s="8" customFormat="1" ht="13.95" customHeight="1" x14ac:dyDescent="0.25">
      <c r="A7132" s="229" t="s">
        <v>17204</v>
      </c>
      <c r="B7132" s="96" t="s">
        <v>19873</v>
      </c>
      <c r="C7132" s="93" t="s">
        <v>17205</v>
      </c>
      <c r="D7132" s="93" t="s">
        <v>21515</v>
      </c>
      <c r="E7132" s="111">
        <v>2010</v>
      </c>
      <c r="F7132" s="111">
        <v>2026</v>
      </c>
      <c r="G7132" s="93" t="s">
        <v>1</v>
      </c>
      <c r="H7132" s="111">
        <v>0</v>
      </c>
      <c r="I7132" s="111">
        <v>0</v>
      </c>
      <c r="J7132" s="111">
        <v>1</v>
      </c>
      <c r="K7132" s="111">
        <v>1</v>
      </c>
      <c r="L7132" s="111">
        <v>0</v>
      </c>
      <c r="M7132" s="111">
        <v>1</v>
      </c>
      <c r="N7132" s="111">
        <v>1</v>
      </c>
      <c r="O7132" s="111">
        <v>1</v>
      </c>
      <c r="P7132" s="111">
        <v>1</v>
      </c>
      <c r="Q7132" s="111">
        <v>0</v>
      </c>
      <c r="R7132" s="111">
        <v>0</v>
      </c>
      <c r="S7132" s="111">
        <v>0</v>
      </c>
      <c r="T7132" s="111">
        <v>0</v>
      </c>
      <c r="U7132" s="145"/>
      <c r="V7132" s="145"/>
      <c r="W7132" s="145"/>
      <c r="X7132" s="145"/>
      <c r="Y7132" s="145"/>
      <c r="Z7132" s="145"/>
      <c r="AA7132" s="145"/>
      <c r="AB7132" s="145"/>
      <c r="AC7132" s="145"/>
      <c r="AD7132" s="145"/>
      <c r="AE7132" s="145"/>
      <c r="AF7132" s="145"/>
      <c r="AG7132" s="145"/>
      <c r="AH7132" s="145"/>
      <c r="AI7132" s="145"/>
      <c r="AJ7132" s="145"/>
      <c r="AK7132" s="145"/>
      <c r="AL7132" s="145"/>
      <c r="AM7132" s="145"/>
      <c r="AN7132" s="145"/>
      <c r="AO7132" s="145"/>
      <c r="AP7132" s="145"/>
      <c r="AQ7132" s="145"/>
      <c r="AR7132" s="145"/>
      <c r="AS7132" s="145"/>
      <c r="AT7132" s="145"/>
      <c r="AU7132" s="145"/>
      <c r="AV7132" s="145"/>
      <c r="AW7132" s="145"/>
      <c r="AX7132" s="146"/>
      <c r="AY7132" s="146"/>
      <c r="AZ7132" s="146"/>
      <c r="BA7132" s="112" t="s">
        <v>17207</v>
      </c>
      <c r="BB7132" s="221">
        <v>45884</v>
      </c>
    </row>
    <row r="7133" spans="1:54" s="8" customFormat="1" ht="13.5" customHeight="1" x14ac:dyDescent="0.25">
      <c r="A7133" s="229" t="s">
        <v>17208</v>
      </c>
      <c r="B7133" s="96" t="s">
        <v>19873</v>
      </c>
      <c r="C7133" s="93" t="s">
        <v>17209</v>
      </c>
      <c r="D7133" s="93" t="s">
        <v>17210</v>
      </c>
      <c r="E7133" s="111">
        <v>2003</v>
      </c>
      <c r="F7133" s="111">
        <v>1862</v>
      </c>
      <c r="G7133" s="93" t="s">
        <v>1</v>
      </c>
      <c r="H7133" s="111">
        <v>0</v>
      </c>
      <c r="I7133" s="111">
        <v>1</v>
      </c>
      <c r="J7133" s="111">
        <v>1</v>
      </c>
      <c r="K7133" s="111">
        <v>1</v>
      </c>
      <c r="L7133" s="111">
        <v>0</v>
      </c>
      <c r="M7133" s="111">
        <v>1</v>
      </c>
      <c r="N7133" s="111">
        <v>1</v>
      </c>
      <c r="O7133" s="111">
        <v>0</v>
      </c>
      <c r="P7133" s="111">
        <v>0</v>
      </c>
      <c r="Q7133" s="111">
        <v>0</v>
      </c>
      <c r="R7133" s="111">
        <v>1</v>
      </c>
      <c r="S7133" s="111">
        <v>1</v>
      </c>
      <c r="T7133" s="111">
        <v>0</v>
      </c>
      <c r="U7133" s="145"/>
      <c r="V7133" s="145"/>
      <c r="W7133" s="145"/>
      <c r="X7133" s="145"/>
      <c r="Y7133" s="145"/>
      <c r="Z7133" s="145"/>
      <c r="AA7133" s="111">
        <v>1</v>
      </c>
      <c r="AB7133" s="145"/>
      <c r="AC7133" s="145"/>
      <c r="AD7133" s="145"/>
      <c r="AE7133" s="145"/>
      <c r="AF7133" s="145"/>
      <c r="AG7133" s="145"/>
      <c r="AH7133" s="145"/>
      <c r="AI7133" s="145"/>
      <c r="AJ7133" s="145"/>
      <c r="AK7133" s="145"/>
      <c r="AL7133" s="145"/>
      <c r="AM7133" s="145"/>
      <c r="AN7133" s="145"/>
      <c r="AO7133" s="145"/>
      <c r="AP7133" s="145"/>
      <c r="AQ7133" s="145"/>
      <c r="AR7133" s="145"/>
      <c r="AS7133" s="145"/>
      <c r="AT7133" s="145"/>
      <c r="AU7133" s="145"/>
      <c r="AV7133" s="145"/>
      <c r="AW7133" s="145"/>
      <c r="AX7133" s="146"/>
      <c r="AY7133" s="146"/>
      <c r="AZ7133" s="146"/>
      <c r="BA7133" s="146"/>
      <c r="BB7133" s="221">
        <v>45884</v>
      </c>
    </row>
    <row r="7134" spans="1:54" s="8" customFormat="1" ht="13.95" customHeight="1" x14ac:dyDescent="0.25">
      <c r="A7134" s="229" t="s">
        <v>17211</v>
      </c>
      <c r="B7134" s="96" t="s">
        <v>19873</v>
      </c>
      <c r="C7134" s="93" t="s">
        <v>17212</v>
      </c>
      <c r="D7134" s="93" t="s">
        <v>17213</v>
      </c>
      <c r="E7134" s="111" t="s">
        <v>174</v>
      </c>
      <c r="F7134" s="111">
        <v>1867</v>
      </c>
      <c r="G7134" s="93" t="s">
        <v>1</v>
      </c>
      <c r="H7134" s="111">
        <v>0</v>
      </c>
      <c r="I7134" s="111">
        <v>0</v>
      </c>
      <c r="J7134" s="111">
        <v>1</v>
      </c>
      <c r="K7134" s="111">
        <v>0</v>
      </c>
      <c r="L7134" s="111">
        <v>0</v>
      </c>
      <c r="M7134" s="111">
        <v>0</v>
      </c>
      <c r="N7134" s="111">
        <v>0</v>
      </c>
      <c r="O7134" s="111">
        <v>0</v>
      </c>
      <c r="P7134" s="111">
        <v>0</v>
      </c>
      <c r="Q7134" s="111">
        <v>0</v>
      </c>
      <c r="R7134" s="111">
        <v>0</v>
      </c>
      <c r="S7134" s="111">
        <v>0</v>
      </c>
      <c r="T7134" s="111">
        <v>0</v>
      </c>
      <c r="U7134" s="145"/>
      <c r="V7134" s="145"/>
      <c r="W7134" s="145"/>
      <c r="X7134" s="145"/>
      <c r="Y7134" s="145"/>
      <c r="Z7134" s="145"/>
      <c r="AA7134" s="145"/>
      <c r="AB7134" s="145"/>
      <c r="AC7134" s="145"/>
      <c r="AD7134" s="145"/>
      <c r="AE7134" s="145"/>
      <c r="AF7134" s="145"/>
      <c r="AG7134" s="145"/>
      <c r="AH7134" s="145"/>
      <c r="AI7134" s="145"/>
      <c r="AJ7134" s="145"/>
      <c r="AK7134" s="145"/>
      <c r="AL7134" s="145"/>
      <c r="AM7134" s="145"/>
      <c r="AN7134" s="145"/>
      <c r="AO7134" s="145"/>
      <c r="AP7134" s="145"/>
      <c r="AQ7134" s="145"/>
      <c r="AR7134" s="145"/>
      <c r="AS7134" s="145"/>
      <c r="AT7134" s="145"/>
      <c r="AU7134" s="145"/>
      <c r="AV7134" s="145"/>
      <c r="AW7134" s="145"/>
      <c r="AX7134" s="146"/>
      <c r="AY7134" s="146"/>
      <c r="AZ7134" s="146"/>
      <c r="BA7134" s="146"/>
      <c r="BB7134" s="221">
        <v>45884</v>
      </c>
    </row>
    <row r="7135" spans="1:54" s="8" customFormat="1" ht="13.95" customHeight="1" x14ac:dyDescent="0.25">
      <c r="A7135" s="229" t="s">
        <v>17214</v>
      </c>
      <c r="B7135" s="96" t="s">
        <v>19873</v>
      </c>
      <c r="C7135" s="93" t="s">
        <v>17215</v>
      </c>
      <c r="D7135" s="93" t="s">
        <v>17216</v>
      </c>
      <c r="E7135" s="111">
        <v>1972</v>
      </c>
      <c r="F7135" s="111">
        <v>1904</v>
      </c>
      <c r="G7135" s="93" t="s">
        <v>1</v>
      </c>
      <c r="H7135" s="111">
        <v>1</v>
      </c>
      <c r="I7135" s="111">
        <v>0</v>
      </c>
      <c r="J7135" s="111">
        <v>1</v>
      </c>
      <c r="K7135" s="111">
        <v>0</v>
      </c>
      <c r="L7135" s="111">
        <v>0</v>
      </c>
      <c r="M7135" s="111">
        <v>0</v>
      </c>
      <c r="N7135" s="111">
        <v>1</v>
      </c>
      <c r="O7135" s="111">
        <v>0</v>
      </c>
      <c r="P7135" s="111">
        <v>0</v>
      </c>
      <c r="Q7135" s="111">
        <v>0</v>
      </c>
      <c r="R7135" s="111">
        <v>0</v>
      </c>
      <c r="S7135" s="111">
        <v>0</v>
      </c>
      <c r="T7135" s="111">
        <v>0</v>
      </c>
      <c r="U7135" s="145"/>
      <c r="V7135" s="145"/>
      <c r="W7135" s="145"/>
      <c r="X7135" s="145"/>
      <c r="Y7135" s="145"/>
      <c r="Z7135" s="145"/>
      <c r="AA7135" s="145"/>
      <c r="AB7135" s="145"/>
      <c r="AC7135" s="145"/>
      <c r="AD7135" s="145"/>
      <c r="AE7135" s="145"/>
      <c r="AF7135" s="145"/>
      <c r="AG7135" s="145"/>
      <c r="AH7135" s="145"/>
      <c r="AI7135" s="145"/>
      <c r="AJ7135" s="145"/>
      <c r="AK7135" s="145"/>
      <c r="AL7135" s="145"/>
      <c r="AM7135" s="145"/>
      <c r="AN7135" s="145"/>
      <c r="AO7135" s="145"/>
      <c r="AP7135" s="145"/>
      <c r="AQ7135" s="145"/>
      <c r="AR7135" s="145"/>
      <c r="AS7135" s="145"/>
      <c r="AT7135" s="145"/>
      <c r="AU7135" s="145"/>
      <c r="AV7135" s="145"/>
      <c r="AW7135" s="145"/>
      <c r="AX7135" s="146"/>
      <c r="AY7135" s="146"/>
      <c r="AZ7135" s="146"/>
      <c r="BA7135" s="146"/>
      <c r="BB7135" s="221">
        <v>45884</v>
      </c>
    </row>
    <row r="7136" spans="1:54" s="8" customFormat="1" ht="13.95" customHeight="1" x14ac:dyDescent="0.25">
      <c r="A7136" s="229" t="s">
        <v>17217</v>
      </c>
      <c r="B7136" s="96" t="s">
        <v>19873</v>
      </c>
      <c r="C7136" s="93" t="s">
        <v>17218</v>
      </c>
      <c r="D7136" s="93" t="s">
        <v>17219</v>
      </c>
      <c r="E7136" s="111">
        <v>1972</v>
      </c>
      <c r="F7136" s="111">
        <v>1925</v>
      </c>
      <c r="G7136" s="93" t="s">
        <v>1</v>
      </c>
      <c r="H7136" s="111">
        <v>1</v>
      </c>
      <c r="I7136" s="111">
        <v>0</v>
      </c>
      <c r="J7136" s="111">
        <v>1</v>
      </c>
      <c r="K7136" s="111">
        <v>0</v>
      </c>
      <c r="L7136" s="111">
        <v>0</v>
      </c>
      <c r="M7136" s="111">
        <v>0</v>
      </c>
      <c r="N7136" s="111">
        <v>1</v>
      </c>
      <c r="O7136" s="111">
        <v>1</v>
      </c>
      <c r="P7136" s="111">
        <v>0</v>
      </c>
      <c r="Q7136" s="111">
        <v>0</v>
      </c>
      <c r="R7136" s="111">
        <v>1</v>
      </c>
      <c r="S7136" s="111">
        <v>0</v>
      </c>
      <c r="T7136" s="111">
        <v>0</v>
      </c>
      <c r="U7136" s="145"/>
      <c r="V7136" s="145"/>
      <c r="W7136" s="145"/>
      <c r="X7136" s="145"/>
      <c r="Y7136" s="145"/>
      <c r="Z7136" s="145"/>
      <c r="AA7136" s="145"/>
      <c r="AB7136" s="145"/>
      <c r="AC7136" s="145"/>
      <c r="AD7136" s="145"/>
      <c r="AE7136" s="145"/>
      <c r="AF7136" s="145"/>
      <c r="AG7136" s="145"/>
      <c r="AH7136" s="145"/>
      <c r="AI7136" s="145"/>
      <c r="AJ7136" s="145"/>
      <c r="AK7136" s="145"/>
      <c r="AL7136" s="145"/>
      <c r="AM7136" s="145"/>
      <c r="AN7136" s="145"/>
      <c r="AO7136" s="145"/>
      <c r="AP7136" s="145"/>
      <c r="AQ7136" s="145"/>
      <c r="AR7136" s="145"/>
      <c r="AS7136" s="145"/>
      <c r="AT7136" s="145"/>
      <c r="AU7136" s="145"/>
      <c r="AV7136" s="145"/>
      <c r="AW7136" s="145"/>
      <c r="AX7136" s="146"/>
      <c r="AY7136" s="146"/>
      <c r="AZ7136" s="146"/>
      <c r="BA7136" s="146"/>
      <c r="BB7136" s="221">
        <v>45884</v>
      </c>
    </row>
    <row r="7137" spans="1:54" s="8" customFormat="1" ht="13.95" customHeight="1" x14ac:dyDescent="0.25">
      <c r="A7137" s="229" t="s">
        <v>17220</v>
      </c>
      <c r="B7137" s="96" t="s">
        <v>19873</v>
      </c>
      <c r="C7137" s="93" t="s">
        <v>17221</v>
      </c>
      <c r="D7137" s="93" t="s">
        <v>17222</v>
      </c>
      <c r="E7137" s="111">
        <v>1988</v>
      </c>
      <c r="F7137" s="111">
        <v>1913</v>
      </c>
      <c r="G7137" s="93" t="s">
        <v>1</v>
      </c>
      <c r="H7137" s="111">
        <v>1</v>
      </c>
      <c r="I7137" s="111">
        <v>0</v>
      </c>
      <c r="J7137" s="111">
        <v>1</v>
      </c>
      <c r="K7137" s="111">
        <v>0</v>
      </c>
      <c r="L7137" s="111">
        <v>1</v>
      </c>
      <c r="M7137" s="111">
        <v>1</v>
      </c>
      <c r="N7137" s="111">
        <v>1</v>
      </c>
      <c r="O7137" s="111">
        <v>1</v>
      </c>
      <c r="P7137" s="111">
        <v>1</v>
      </c>
      <c r="Q7137" s="111">
        <v>0</v>
      </c>
      <c r="R7137" s="111">
        <v>0</v>
      </c>
      <c r="S7137" s="111">
        <v>0</v>
      </c>
      <c r="T7137" s="111">
        <v>0</v>
      </c>
      <c r="U7137" s="145"/>
      <c r="V7137" s="145"/>
      <c r="W7137" s="145"/>
      <c r="X7137" s="145"/>
      <c r="Y7137" s="145"/>
      <c r="Z7137" s="145"/>
      <c r="AA7137" s="145"/>
      <c r="AB7137" s="145"/>
      <c r="AC7137" s="145"/>
      <c r="AD7137" s="145"/>
      <c r="AE7137" s="145"/>
      <c r="AF7137" s="145"/>
      <c r="AG7137" s="145"/>
      <c r="AH7137" s="145"/>
      <c r="AI7137" s="145"/>
      <c r="AJ7137" s="145"/>
      <c r="AK7137" s="145"/>
      <c r="AL7137" s="145"/>
      <c r="AM7137" s="145"/>
      <c r="AN7137" s="145"/>
      <c r="AO7137" s="145"/>
      <c r="AP7137" s="145"/>
      <c r="AQ7137" s="145"/>
      <c r="AR7137" s="145"/>
      <c r="AS7137" s="145"/>
      <c r="AT7137" s="145"/>
      <c r="AU7137" s="145"/>
      <c r="AV7137" s="145"/>
      <c r="AW7137" s="145"/>
      <c r="AX7137" s="146"/>
      <c r="AY7137" s="146"/>
      <c r="AZ7137" s="146"/>
      <c r="BA7137" s="146"/>
      <c r="BB7137" s="221">
        <v>45884</v>
      </c>
    </row>
    <row r="7138" spans="1:54" s="8" customFormat="1" ht="13.95" customHeight="1" x14ac:dyDescent="0.25">
      <c r="A7138" s="229" t="s">
        <v>17223</v>
      </c>
      <c r="B7138" s="96" t="s">
        <v>19873</v>
      </c>
      <c r="C7138" s="93" t="s">
        <v>17224</v>
      </c>
      <c r="D7138" s="93" t="s">
        <v>17225</v>
      </c>
      <c r="E7138" s="111">
        <v>1974</v>
      </c>
      <c r="F7138" s="111">
        <v>1918</v>
      </c>
      <c r="G7138" s="93" t="s">
        <v>1</v>
      </c>
      <c r="H7138" s="111">
        <v>0</v>
      </c>
      <c r="I7138" s="111">
        <v>0</v>
      </c>
      <c r="J7138" s="111">
        <v>1</v>
      </c>
      <c r="K7138" s="111">
        <v>0</v>
      </c>
      <c r="L7138" s="111">
        <v>0</v>
      </c>
      <c r="M7138" s="111">
        <v>0</v>
      </c>
      <c r="N7138" s="111">
        <v>0</v>
      </c>
      <c r="O7138" s="111">
        <v>0</v>
      </c>
      <c r="P7138" s="111">
        <v>0</v>
      </c>
      <c r="Q7138" s="111">
        <v>0</v>
      </c>
      <c r="R7138" s="111">
        <v>0</v>
      </c>
      <c r="S7138" s="111">
        <v>0</v>
      </c>
      <c r="T7138" s="111">
        <v>0</v>
      </c>
      <c r="U7138" s="145"/>
      <c r="V7138" s="145"/>
      <c r="W7138" s="145"/>
      <c r="X7138" s="145"/>
      <c r="Y7138" s="145"/>
      <c r="Z7138" s="145"/>
      <c r="AA7138" s="145"/>
      <c r="AB7138" s="145"/>
      <c r="AC7138" s="145"/>
      <c r="AD7138" s="145"/>
      <c r="AE7138" s="145"/>
      <c r="AF7138" s="145"/>
      <c r="AG7138" s="145"/>
      <c r="AH7138" s="145"/>
      <c r="AI7138" s="145"/>
      <c r="AJ7138" s="145"/>
      <c r="AK7138" s="145"/>
      <c r="AL7138" s="145"/>
      <c r="AM7138" s="145"/>
      <c r="AN7138" s="145"/>
      <c r="AO7138" s="145"/>
      <c r="AP7138" s="145"/>
      <c r="AQ7138" s="145"/>
      <c r="AR7138" s="145"/>
      <c r="AS7138" s="145"/>
      <c r="AT7138" s="145"/>
      <c r="AU7138" s="145"/>
      <c r="AV7138" s="145"/>
      <c r="AW7138" s="145"/>
      <c r="AX7138" s="146"/>
      <c r="AY7138" s="146"/>
      <c r="AZ7138" s="146"/>
      <c r="BA7138" s="146"/>
      <c r="BB7138" s="221">
        <v>45884</v>
      </c>
    </row>
    <row r="7139" spans="1:54" s="8" customFormat="1" ht="13.95" customHeight="1" x14ac:dyDescent="0.25">
      <c r="A7139" s="229" t="s">
        <v>17226</v>
      </c>
      <c r="B7139" s="96" t="s">
        <v>19873</v>
      </c>
      <c r="C7139" s="93" t="s">
        <v>17227</v>
      </c>
      <c r="D7139" s="93" t="s">
        <v>17228</v>
      </c>
      <c r="E7139" s="111">
        <v>1994</v>
      </c>
      <c r="F7139" s="111">
        <v>2001</v>
      </c>
      <c r="G7139" s="93" t="s">
        <v>1</v>
      </c>
      <c r="H7139" s="111">
        <v>1</v>
      </c>
      <c r="I7139" s="111">
        <v>0</v>
      </c>
      <c r="J7139" s="111">
        <v>1</v>
      </c>
      <c r="K7139" s="111">
        <v>0</v>
      </c>
      <c r="L7139" s="111">
        <v>0</v>
      </c>
      <c r="M7139" s="111">
        <v>0</v>
      </c>
      <c r="N7139" s="111">
        <v>1</v>
      </c>
      <c r="O7139" s="111">
        <v>0</v>
      </c>
      <c r="P7139" s="111">
        <v>0</v>
      </c>
      <c r="Q7139" s="111">
        <v>0</v>
      </c>
      <c r="R7139" s="111">
        <v>0</v>
      </c>
      <c r="S7139" s="111">
        <v>0</v>
      </c>
      <c r="T7139" s="111">
        <v>0</v>
      </c>
      <c r="U7139" s="145"/>
      <c r="V7139" s="145"/>
      <c r="W7139" s="145"/>
      <c r="X7139" s="145"/>
      <c r="Y7139" s="145"/>
      <c r="Z7139" s="145"/>
      <c r="AA7139" s="145"/>
      <c r="AB7139" s="145"/>
      <c r="AC7139" s="145"/>
      <c r="AD7139" s="145"/>
      <c r="AE7139" s="145"/>
      <c r="AF7139" s="145"/>
      <c r="AG7139" s="145"/>
      <c r="AH7139" s="145"/>
      <c r="AI7139" s="145"/>
      <c r="AJ7139" s="145"/>
      <c r="AK7139" s="145"/>
      <c r="AL7139" s="145"/>
      <c r="AM7139" s="145"/>
      <c r="AN7139" s="145"/>
      <c r="AO7139" s="145"/>
      <c r="AP7139" s="145"/>
      <c r="AQ7139" s="145"/>
      <c r="AR7139" s="145"/>
      <c r="AS7139" s="145"/>
      <c r="AT7139" s="145"/>
      <c r="AU7139" s="145"/>
      <c r="AV7139" s="145"/>
      <c r="AW7139" s="145"/>
      <c r="AX7139" s="146"/>
      <c r="AY7139" s="146"/>
      <c r="AZ7139" s="146"/>
      <c r="BA7139" s="146"/>
      <c r="BB7139" s="221">
        <v>45884</v>
      </c>
    </row>
    <row r="7140" spans="1:54" s="8" customFormat="1" ht="13.95" customHeight="1" x14ac:dyDescent="0.25">
      <c r="A7140" s="229" t="s">
        <v>17229</v>
      </c>
      <c r="B7140" s="96" t="s">
        <v>19873</v>
      </c>
      <c r="C7140" s="93" t="s">
        <v>17230</v>
      </c>
      <c r="D7140" s="93" t="s">
        <v>20326</v>
      </c>
      <c r="E7140" s="111">
        <v>2009</v>
      </c>
      <c r="F7140" s="111">
        <v>2000</v>
      </c>
      <c r="G7140" s="93" t="s">
        <v>1</v>
      </c>
      <c r="H7140" s="111">
        <v>0</v>
      </c>
      <c r="I7140" s="111">
        <v>0</v>
      </c>
      <c r="J7140" s="111">
        <v>1</v>
      </c>
      <c r="K7140" s="111">
        <v>1</v>
      </c>
      <c r="L7140" s="111">
        <v>0</v>
      </c>
      <c r="M7140" s="111">
        <v>1</v>
      </c>
      <c r="N7140" s="111">
        <v>1</v>
      </c>
      <c r="O7140" s="111">
        <v>0</v>
      </c>
      <c r="P7140" s="111">
        <v>1</v>
      </c>
      <c r="Q7140" s="111">
        <v>0</v>
      </c>
      <c r="R7140" s="111">
        <v>0</v>
      </c>
      <c r="S7140" s="111">
        <v>0</v>
      </c>
      <c r="T7140" s="111">
        <v>0</v>
      </c>
      <c r="U7140" s="145"/>
      <c r="V7140" s="145"/>
      <c r="W7140" s="145"/>
      <c r="X7140" s="145"/>
      <c r="Y7140" s="145"/>
      <c r="Z7140" s="145"/>
      <c r="AA7140" s="145"/>
      <c r="AB7140" s="145"/>
      <c r="AC7140" s="145"/>
      <c r="AD7140" s="145"/>
      <c r="AE7140" s="145"/>
      <c r="AF7140" s="145"/>
      <c r="AG7140" s="145"/>
      <c r="AH7140" s="145"/>
      <c r="AI7140" s="145"/>
      <c r="AJ7140" s="145"/>
      <c r="AK7140" s="145"/>
      <c r="AL7140" s="145"/>
      <c r="AM7140" s="145"/>
      <c r="AN7140" s="145"/>
      <c r="AO7140" s="145"/>
      <c r="AP7140" s="145"/>
      <c r="AQ7140" s="145"/>
      <c r="AR7140" s="145"/>
      <c r="AS7140" s="145"/>
      <c r="AT7140" s="145"/>
      <c r="AU7140" s="145"/>
      <c r="AV7140" s="145"/>
      <c r="AW7140" s="145"/>
      <c r="AX7140" s="146"/>
      <c r="AY7140" s="146"/>
      <c r="AZ7140" s="146"/>
      <c r="BA7140" s="112" t="s">
        <v>17231</v>
      </c>
      <c r="BB7140" s="221">
        <v>45884</v>
      </c>
    </row>
    <row r="7141" spans="1:54" s="8" customFormat="1" ht="13.95" customHeight="1" x14ac:dyDescent="0.25">
      <c r="A7141" s="229" t="s">
        <v>17232</v>
      </c>
      <c r="B7141" s="96" t="s">
        <v>19873</v>
      </c>
      <c r="C7141" s="93" t="s">
        <v>17233</v>
      </c>
      <c r="D7141" s="93" t="s">
        <v>17234</v>
      </c>
      <c r="E7141" s="111">
        <v>1987</v>
      </c>
      <c r="F7141" s="111">
        <v>2055</v>
      </c>
      <c r="G7141" s="93" t="s">
        <v>1</v>
      </c>
      <c r="H7141" s="111">
        <v>0</v>
      </c>
      <c r="I7141" s="111">
        <v>0</v>
      </c>
      <c r="J7141" s="111">
        <v>1</v>
      </c>
      <c r="K7141" s="111">
        <v>0</v>
      </c>
      <c r="L7141" s="111">
        <v>1</v>
      </c>
      <c r="M7141" s="111">
        <v>1</v>
      </c>
      <c r="N7141" s="111">
        <v>1</v>
      </c>
      <c r="O7141" s="111">
        <v>1</v>
      </c>
      <c r="P7141" s="111">
        <v>1</v>
      </c>
      <c r="Q7141" s="111">
        <v>0</v>
      </c>
      <c r="R7141" s="111">
        <v>0</v>
      </c>
      <c r="S7141" s="111">
        <v>0</v>
      </c>
      <c r="T7141" s="111">
        <v>0</v>
      </c>
      <c r="U7141" s="145"/>
      <c r="V7141" s="145"/>
      <c r="W7141" s="145"/>
      <c r="X7141" s="145"/>
      <c r="Y7141" s="145"/>
      <c r="Z7141" s="145"/>
      <c r="AA7141" s="145"/>
      <c r="AB7141" s="145"/>
      <c r="AC7141" s="145"/>
      <c r="AD7141" s="145"/>
      <c r="AE7141" s="145"/>
      <c r="AF7141" s="145"/>
      <c r="AG7141" s="145"/>
      <c r="AH7141" s="145"/>
      <c r="AI7141" s="145"/>
      <c r="AJ7141" s="145"/>
      <c r="AK7141" s="145"/>
      <c r="AL7141" s="145"/>
      <c r="AM7141" s="145"/>
      <c r="AN7141" s="145"/>
      <c r="AO7141" s="145"/>
      <c r="AP7141" s="145"/>
      <c r="AQ7141" s="145"/>
      <c r="AR7141" s="145"/>
      <c r="AS7141" s="145"/>
      <c r="AT7141" s="145"/>
      <c r="AU7141" s="145"/>
      <c r="AV7141" s="145"/>
      <c r="AW7141" s="145"/>
      <c r="AX7141" s="146"/>
      <c r="AY7141" s="146"/>
      <c r="AZ7141" s="146"/>
      <c r="BA7141" s="112" t="s">
        <v>17061</v>
      </c>
      <c r="BB7141" s="221">
        <v>45884</v>
      </c>
    </row>
    <row r="7142" spans="1:54" s="8" customFormat="1" ht="13.95" customHeight="1" x14ac:dyDescent="0.25">
      <c r="A7142" s="229" t="s">
        <v>17235</v>
      </c>
      <c r="B7142" s="96" t="s">
        <v>19873</v>
      </c>
      <c r="C7142" s="93" t="s">
        <v>17236</v>
      </c>
      <c r="D7142" s="93" t="s">
        <v>17237</v>
      </c>
      <c r="E7142" s="111">
        <v>1999</v>
      </c>
      <c r="F7142" s="111">
        <v>2058</v>
      </c>
      <c r="G7142" s="93" t="s">
        <v>1</v>
      </c>
      <c r="H7142" s="111">
        <v>0</v>
      </c>
      <c r="I7142" s="111">
        <v>0</v>
      </c>
      <c r="J7142" s="111">
        <v>0</v>
      </c>
      <c r="K7142" s="111">
        <v>0</v>
      </c>
      <c r="L7142" s="111">
        <v>0</v>
      </c>
      <c r="M7142" s="111">
        <v>0</v>
      </c>
      <c r="N7142" s="111">
        <v>0</v>
      </c>
      <c r="O7142" s="111">
        <v>0</v>
      </c>
      <c r="P7142" s="111">
        <v>0</v>
      </c>
      <c r="Q7142" s="111">
        <v>0</v>
      </c>
      <c r="R7142" s="111">
        <v>0</v>
      </c>
      <c r="S7142" s="111">
        <v>0</v>
      </c>
      <c r="T7142" s="111">
        <v>0</v>
      </c>
      <c r="U7142" s="145"/>
      <c r="V7142" s="145"/>
      <c r="W7142" s="145"/>
      <c r="X7142" s="145"/>
      <c r="Y7142" s="145"/>
      <c r="Z7142" s="145"/>
      <c r="AA7142" s="145"/>
      <c r="AB7142" s="145"/>
      <c r="AC7142" s="145"/>
      <c r="AD7142" s="145"/>
      <c r="AE7142" s="145"/>
      <c r="AF7142" s="145"/>
      <c r="AG7142" s="145"/>
      <c r="AH7142" s="145"/>
      <c r="AI7142" s="145"/>
      <c r="AJ7142" s="145"/>
      <c r="AK7142" s="145"/>
      <c r="AL7142" s="145"/>
      <c r="AM7142" s="145"/>
      <c r="AN7142" s="145"/>
      <c r="AO7142" s="145"/>
      <c r="AP7142" s="145"/>
      <c r="AQ7142" s="145"/>
      <c r="AR7142" s="145"/>
      <c r="AS7142" s="145"/>
      <c r="AT7142" s="145"/>
      <c r="AU7142" s="145"/>
      <c r="AV7142" s="145"/>
      <c r="AW7142" s="145"/>
      <c r="AX7142" s="146"/>
      <c r="AY7142" s="146"/>
      <c r="AZ7142" s="146"/>
      <c r="BA7142" s="146"/>
      <c r="BB7142" s="221">
        <v>45884</v>
      </c>
    </row>
    <row r="7143" spans="1:54" s="8" customFormat="1" ht="13.95" customHeight="1" x14ac:dyDescent="0.25">
      <c r="A7143" s="229" t="s">
        <v>17238</v>
      </c>
      <c r="B7143" s="96" t="s">
        <v>19873</v>
      </c>
      <c r="C7143" s="93" t="s">
        <v>17239</v>
      </c>
      <c r="D7143" s="93" t="s">
        <v>17240</v>
      </c>
      <c r="E7143" s="111">
        <v>2000</v>
      </c>
      <c r="F7143" s="111">
        <v>2155</v>
      </c>
      <c r="G7143" s="93" t="s">
        <v>1</v>
      </c>
      <c r="H7143" s="111">
        <v>0</v>
      </c>
      <c r="I7143" s="111">
        <v>1</v>
      </c>
      <c r="J7143" s="111">
        <v>1</v>
      </c>
      <c r="K7143" s="111">
        <v>1</v>
      </c>
      <c r="L7143" s="111">
        <v>1</v>
      </c>
      <c r="M7143" s="111">
        <v>1</v>
      </c>
      <c r="N7143" s="111">
        <v>1</v>
      </c>
      <c r="O7143" s="111">
        <v>1</v>
      </c>
      <c r="P7143" s="111">
        <v>0</v>
      </c>
      <c r="Q7143" s="111">
        <v>0</v>
      </c>
      <c r="R7143" s="111">
        <v>1</v>
      </c>
      <c r="S7143" s="111">
        <v>0</v>
      </c>
      <c r="T7143" s="111">
        <v>1</v>
      </c>
      <c r="U7143" s="145"/>
      <c r="V7143" s="145"/>
      <c r="W7143" s="145"/>
      <c r="X7143" s="145"/>
      <c r="Y7143" s="145"/>
      <c r="Z7143" s="145"/>
      <c r="AA7143" s="145"/>
      <c r="AB7143" s="145"/>
      <c r="AC7143" s="145"/>
      <c r="AD7143" s="145"/>
      <c r="AE7143" s="145"/>
      <c r="AF7143" s="145"/>
      <c r="AG7143" s="145"/>
      <c r="AH7143" s="145"/>
      <c r="AI7143" s="145"/>
      <c r="AJ7143" s="145"/>
      <c r="AK7143" s="145"/>
      <c r="AL7143" s="145"/>
      <c r="AM7143" s="145"/>
      <c r="AN7143" s="145"/>
      <c r="AO7143" s="145"/>
      <c r="AP7143" s="145"/>
      <c r="AQ7143" s="145"/>
      <c r="AR7143" s="145"/>
      <c r="AS7143" s="145"/>
      <c r="AT7143" s="145"/>
      <c r="AU7143" s="145"/>
      <c r="AV7143" s="145"/>
      <c r="AW7143" s="145"/>
      <c r="AX7143" s="146"/>
      <c r="AY7143" s="146"/>
      <c r="AZ7143" s="146"/>
      <c r="BA7143" s="146"/>
      <c r="BB7143" s="221">
        <v>45884</v>
      </c>
    </row>
    <row r="7144" spans="1:54" s="8" customFormat="1" ht="13.95" customHeight="1" x14ac:dyDescent="0.25">
      <c r="A7144" s="229" t="s">
        <v>17241</v>
      </c>
      <c r="B7144" s="96" t="s">
        <v>19873</v>
      </c>
      <c r="C7144" s="93" t="s">
        <v>17242</v>
      </c>
      <c r="D7144" s="93" t="s">
        <v>17243</v>
      </c>
      <c r="E7144" s="111">
        <v>2013</v>
      </c>
      <c r="F7144" s="111">
        <v>2077</v>
      </c>
      <c r="G7144" s="93" t="s">
        <v>1</v>
      </c>
      <c r="H7144" s="111">
        <v>0</v>
      </c>
      <c r="I7144" s="111">
        <v>0</v>
      </c>
      <c r="J7144" s="111">
        <v>0</v>
      </c>
      <c r="K7144" s="111">
        <v>0</v>
      </c>
      <c r="L7144" s="111">
        <v>0</v>
      </c>
      <c r="M7144" s="111">
        <v>0</v>
      </c>
      <c r="N7144" s="111">
        <v>1</v>
      </c>
      <c r="O7144" s="111">
        <v>0</v>
      </c>
      <c r="P7144" s="111">
        <v>0</v>
      </c>
      <c r="Q7144" s="111">
        <v>0</v>
      </c>
      <c r="R7144" s="111">
        <v>0</v>
      </c>
      <c r="S7144" s="111">
        <v>0</v>
      </c>
      <c r="T7144" s="111">
        <v>0</v>
      </c>
      <c r="U7144" s="145"/>
      <c r="V7144" s="145"/>
      <c r="W7144" s="145"/>
      <c r="X7144" s="145"/>
      <c r="Y7144" s="145"/>
      <c r="Z7144" s="145"/>
      <c r="AA7144" s="145"/>
      <c r="AB7144" s="145"/>
      <c r="AC7144" s="145"/>
      <c r="AD7144" s="145"/>
      <c r="AE7144" s="145"/>
      <c r="AF7144" s="145"/>
      <c r="AG7144" s="145"/>
      <c r="AH7144" s="145"/>
      <c r="AI7144" s="145"/>
      <c r="AJ7144" s="145"/>
      <c r="AK7144" s="145"/>
      <c r="AL7144" s="145"/>
      <c r="AM7144" s="145"/>
      <c r="AN7144" s="145"/>
      <c r="AO7144" s="145"/>
      <c r="AP7144" s="145"/>
      <c r="AQ7144" s="145"/>
      <c r="AR7144" s="145"/>
      <c r="AS7144" s="145"/>
      <c r="AT7144" s="145"/>
      <c r="AU7144" s="145"/>
      <c r="AV7144" s="145"/>
      <c r="AW7144" s="145"/>
      <c r="AX7144" s="146"/>
      <c r="AY7144" s="146"/>
      <c r="AZ7144" s="146"/>
      <c r="BA7144" s="146"/>
      <c r="BB7144" s="221">
        <v>45884</v>
      </c>
    </row>
    <row r="7145" spans="1:54" s="8" customFormat="1" ht="13.95" customHeight="1" x14ac:dyDescent="0.25">
      <c r="A7145" s="229" t="s">
        <v>17244</v>
      </c>
      <c r="B7145" s="96" t="s">
        <v>19873</v>
      </c>
      <c r="C7145" s="93" t="s">
        <v>17245</v>
      </c>
      <c r="D7145" s="93" t="s">
        <v>17246</v>
      </c>
      <c r="E7145" s="111">
        <v>1979</v>
      </c>
      <c r="F7145" s="111">
        <v>2072</v>
      </c>
      <c r="G7145" s="93" t="s">
        <v>1</v>
      </c>
      <c r="H7145" s="111">
        <v>0</v>
      </c>
      <c r="I7145" s="111">
        <v>0</v>
      </c>
      <c r="J7145" s="111">
        <v>1</v>
      </c>
      <c r="K7145" s="111">
        <v>1</v>
      </c>
      <c r="L7145" s="111">
        <v>1</v>
      </c>
      <c r="M7145" s="111">
        <v>1</v>
      </c>
      <c r="N7145" s="111">
        <v>1</v>
      </c>
      <c r="O7145" s="111">
        <v>1</v>
      </c>
      <c r="P7145" s="111">
        <v>0</v>
      </c>
      <c r="Q7145" s="111">
        <v>0</v>
      </c>
      <c r="R7145" s="111">
        <v>0</v>
      </c>
      <c r="S7145" s="111">
        <v>1</v>
      </c>
      <c r="T7145" s="111">
        <v>0</v>
      </c>
      <c r="U7145" s="145"/>
      <c r="V7145" s="145"/>
      <c r="W7145" s="145"/>
      <c r="X7145" s="145"/>
      <c r="Y7145" s="145"/>
      <c r="Z7145" s="145"/>
      <c r="AA7145" s="145"/>
      <c r="AB7145" s="145"/>
      <c r="AC7145" s="145"/>
      <c r="AD7145" s="145"/>
      <c r="AE7145" s="145"/>
      <c r="AF7145" s="145"/>
      <c r="AG7145" s="145"/>
      <c r="AH7145" s="145"/>
      <c r="AI7145" s="145"/>
      <c r="AJ7145" s="145"/>
      <c r="AK7145" s="145"/>
      <c r="AL7145" s="145"/>
      <c r="AM7145" s="145"/>
      <c r="AN7145" s="145"/>
      <c r="AO7145" s="145"/>
      <c r="AP7145" s="145"/>
      <c r="AQ7145" s="145"/>
      <c r="AR7145" s="145"/>
      <c r="AS7145" s="145"/>
      <c r="AT7145" s="145"/>
      <c r="AU7145" s="145"/>
      <c r="AV7145" s="145"/>
      <c r="AW7145" s="145"/>
      <c r="AX7145" s="146"/>
      <c r="AY7145" s="146"/>
      <c r="AZ7145" s="146"/>
      <c r="BA7145" s="146"/>
      <c r="BB7145" s="221">
        <v>45884</v>
      </c>
    </row>
    <row r="7146" spans="1:54" s="8" customFormat="1" ht="13.95" customHeight="1" x14ac:dyDescent="0.25">
      <c r="A7146" s="229" t="s">
        <v>17247</v>
      </c>
      <c r="B7146" s="96" t="s">
        <v>19873</v>
      </c>
      <c r="C7146" s="93" t="s">
        <v>17248</v>
      </c>
      <c r="D7146" s="93" t="s">
        <v>17249</v>
      </c>
      <c r="E7146" s="111">
        <v>1984</v>
      </c>
      <c r="F7146" s="111">
        <v>2145</v>
      </c>
      <c r="G7146" s="93" t="s">
        <v>1</v>
      </c>
      <c r="H7146" s="111">
        <v>1</v>
      </c>
      <c r="I7146" s="111">
        <v>0</v>
      </c>
      <c r="J7146" s="111">
        <v>1</v>
      </c>
      <c r="K7146" s="111">
        <v>0</v>
      </c>
      <c r="L7146" s="111">
        <v>0</v>
      </c>
      <c r="M7146" s="111">
        <v>0</v>
      </c>
      <c r="N7146" s="111">
        <v>0</v>
      </c>
      <c r="O7146" s="111">
        <v>0</v>
      </c>
      <c r="P7146" s="111">
        <v>0</v>
      </c>
      <c r="Q7146" s="111">
        <v>0</v>
      </c>
      <c r="R7146" s="111">
        <v>1</v>
      </c>
      <c r="S7146" s="111">
        <v>1</v>
      </c>
      <c r="T7146" s="111">
        <v>0</v>
      </c>
      <c r="U7146" s="145"/>
      <c r="V7146" s="145"/>
      <c r="W7146" s="145"/>
      <c r="X7146" s="145"/>
      <c r="Y7146" s="145"/>
      <c r="Z7146" s="145"/>
      <c r="AA7146" s="145"/>
      <c r="AB7146" s="145"/>
      <c r="AC7146" s="145"/>
      <c r="AD7146" s="145"/>
      <c r="AE7146" s="145"/>
      <c r="AF7146" s="145"/>
      <c r="AG7146" s="145"/>
      <c r="AH7146" s="145"/>
      <c r="AI7146" s="145"/>
      <c r="AJ7146" s="145"/>
      <c r="AK7146" s="145"/>
      <c r="AL7146" s="145"/>
      <c r="AM7146" s="145"/>
      <c r="AN7146" s="145"/>
      <c r="AO7146" s="145"/>
      <c r="AP7146" s="145"/>
      <c r="AQ7146" s="145"/>
      <c r="AR7146" s="145"/>
      <c r="AS7146" s="145"/>
      <c r="AT7146" s="145"/>
      <c r="AU7146" s="145"/>
      <c r="AV7146" s="145"/>
      <c r="AW7146" s="145"/>
      <c r="AX7146" s="146"/>
      <c r="AY7146" s="146"/>
      <c r="AZ7146" s="146"/>
      <c r="BA7146" s="146"/>
      <c r="BB7146" s="221">
        <v>45884</v>
      </c>
    </row>
    <row r="7147" spans="1:54" s="8" customFormat="1" ht="13.95" customHeight="1" x14ac:dyDescent="0.25">
      <c r="A7147" s="229" t="s">
        <v>17250</v>
      </c>
      <c r="B7147" s="96" t="s">
        <v>19873</v>
      </c>
      <c r="C7147" s="93" t="s">
        <v>17251</v>
      </c>
      <c r="D7147" s="93" t="s">
        <v>17252</v>
      </c>
      <c r="E7147" s="111">
        <v>1974</v>
      </c>
      <c r="F7147" s="252">
        <v>2149</v>
      </c>
      <c r="G7147" s="93" t="s">
        <v>1</v>
      </c>
      <c r="H7147" s="111">
        <v>0</v>
      </c>
      <c r="I7147" s="111">
        <v>0</v>
      </c>
      <c r="J7147" s="111">
        <v>1</v>
      </c>
      <c r="K7147" s="111">
        <v>0</v>
      </c>
      <c r="L7147" s="111">
        <v>0</v>
      </c>
      <c r="M7147" s="111">
        <v>0</v>
      </c>
      <c r="N7147" s="111">
        <v>1</v>
      </c>
      <c r="O7147" s="111">
        <v>0</v>
      </c>
      <c r="P7147" s="111">
        <v>0</v>
      </c>
      <c r="Q7147" s="111">
        <v>0</v>
      </c>
      <c r="R7147" s="111">
        <v>0</v>
      </c>
      <c r="S7147" s="111">
        <v>0</v>
      </c>
      <c r="T7147" s="111">
        <v>0</v>
      </c>
      <c r="U7147" s="145"/>
      <c r="V7147" s="145"/>
      <c r="W7147" s="145"/>
      <c r="X7147" s="145"/>
      <c r="Y7147" s="145"/>
      <c r="Z7147" s="145"/>
      <c r="AA7147" s="145"/>
      <c r="AB7147" s="145"/>
      <c r="AC7147" s="145"/>
      <c r="AD7147" s="145"/>
      <c r="AE7147" s="145"/>
      <c r="AF7147" s="145"/>
      <c r="AG7147" s="145"/>
      <c r="AH7147" s="145"/>
      <c r="AI7147" s="145"/>
      <c r="AJ7147" s="145"/>
      <c r="AK7147" s="145"/>
      <c r="AL7147" s="145"/>
      <c r="AM7147" s="145"/>
      <c r="AN7147" s="145"/>
      <c r="AO7147" s="145"/>
      <c r="AP7147" s="145"/>
      <c r="AQ7147" s="145"/>
      <c r="AR7147" s="145"/>
      <c r="AS7147" s="145"/>
      <c r="AT7147" s="145"/>
      <c r="AU7147" s="145"/>
      <c r="AV7147" s="145"/>
      <c r="AW7147" s="145"/>
      <c r="AX7147" s="146"/>
      <c r="AY7147" s="146"/>
      <c r="AZ7147" s="146"/>
      <c r="BA7147" s="146"/>
      <c r="BB7147" s="221">
        <v>45884</v>
      </c>
    </row>
    <row r="7148" spans="1:54" s="8" customFormat="1" ht="13.95" customHeight="1" x14ac:dyDescent="0.25">
      <c r="A7148" s="229" t="s">
        <v>17253</v>
      </c>
      <c r="B7148" s="96" t="s">
        <v>19873</v>
      </c>
      <c r="C7148" s="93" t="s">
        <v>17254</v>
      </c>
      <c r="D7148" s="93" t="s">
        <v>17255</v>
      </c>
      <c r="E7148" s="111">
        <v>1973</v>
      </c>
      <c r="F7148" s="111">
        <v>2158</v>
      </c>
      <c r="G7148" s="93" t="s">
        <v>1</v>
      </c>
      <c r="H7148" s="111">
        <v>0</v>
      </c>
      <c r="I7148" s="111">
        <v>0</v>
      </c>
      <c r="J7148" s="111">
        <v>0</v>
      </c>
      <c r="K7148" s="111">
        <v>0</v>
      </c>
      <c r="L7148" s="111">
        <v>0</v>
      </c>
      <c r="M7148" s="111">
        <v>0</v>
      </c>
      <c r="N7148" s="111">
        <v>1</v>
      </c>
      <c r="O7148" s="111">
        <v>0</v>
      </c>
      <c r="P7148" s="111">
        <v>0</v>
      </c>
      <c r="Q7148" s="111">
        <v>0</v>
      </c>
      <c r="R7148" s="111">
        <v>0</v>
      </c>
      <c r="S7148" s="111">
        <v>0</v>
      </c>
      <c r="T7148" s="111">
        <v>0</v>
      </c>
      <c r="U7148" s="145"/>
      <c r="V7148" s="145"/>
      <c r="W7148" s="145"/>
      <c r="X7148" s="145"/>
      <c r="Y7148" s="145"/>
      <c r="Z7148" s="145"/>
      <c r="AA7148" s="145"/>
      <c r="AB7148" s="145"/>
      <c r="AC7148" s="145"/>
      <c r="AD7148" s="145"/>
      <c r="AE7148" s="145"/>
      <c r="AF7148" s="145"/>
      <c r="AG7148" s="145"/>
      <c r="AH7148" s="145"/>
      <c r="AI7148" s="145"/>
      <c r="AJ7148" s="145"/>
      <c r="AK7148" s="145"/>
      <c r="AL7148" s="145"/>
      <c r="AM7148" s="145"/>
      <c r="AN7148" s="145"/>
      <c r="AO7148" s="145"/>
      <c r="AP7148" s="145"/>
      <c r="AQ7148" s="145"/>
      <c r="AR7148" s="145"/>
      <c r="AS7148" s="145"/>
      <c r="AT7148" s="145"/>
      <c r="AU7148" s="145"/>
      <c r="AV7148" s="145"/>
      <c r="AW7148" s="145"/>
      <c r="AX7148" s="146"/>
      <c r="AY7148" s="146"/>
      <c r="AZ7148" s="146"/>
      <c r="BA7148" s="146"/>
      <c r="BB7148" s="221">
        <v>45884</v>
      </c>
    </row>
    <row r="7149" spans="1:54" s="8" customFormat="1" ht="13.95" customHeight="1" x14ac:dyDescent="0.25">
      <c r="A7149" s="229" t="s">
        <v>17256</v>
      </c>
      <c r="B7149" s="96" t="s">
        <v>19873</v>
      </c>
      <c r="C7149" s="93" t="s">
        <v>17257</v>
      </c>
      <c r="D7149" s="93" t="s">
        <v>17258</v>
      </c>
      <c r="E7149" s="111">
        <v>1974</v>
      </c>
      <c r="F7149" s="111">
        <v>2202</v>
      </c>
      <c r="G7149" s="93" t="s">
        <v>1</v>
      </c>
      <c r="H7149" s="111">
        <v>1</v>
      </c>
      <c r="I7149" s="111">
        <v>0</v>
      </c>
      <c r="J7149" s="111">
        <v>1</v>
      </c>
      <c r="K7149" s="111">
        <v>0</v>
      </c>
      <c r="L7149" s="111">
        <v>0</v>
      </c>
      <c r="M7149" s="111">
        <v>0</v>
      </c>
      <c r="N7149" s="111">
        <v>1</v>
      </c>
      <c r="O7149" s="111">
        <v>0</v>
      </c>
      <c r="P7149" s="111">
        <v>0</v>
      </c>
      <c r="Q7149" s="111">
        <v>0</v>
      </c>
      <c r="R7149" s="111">
        <v>0</v>
      </c>
      <c r="S7149" s="111">
        <v>0</v>
      </c>
      <c r="T7149" s="111">
        <v>0</v>
      </c>
      <c r="U7149" s="145"/>
      <c r="V7149" s="145"/>
      <c r="W7149" s="145"/>
      <c r="X7149" s="145"/>
      <c r="Y7149" s="145"/>
      <c r="Z7149" s="145"/>
      <c r="AA7149" s="145"/>
      <c r="AB7149" s="145"/>
      <c r="AC7149" s="145"/>
      <c r="AD7149" s="145"/>
      <c r="AE7149" s="145"/>
      <c r="AF7149" s="145"/>
      <c r="AG7149" s="145"/>
      <c r="AH7149" s="145"/>
      <c r="AI7149" s="145"/>
      <c r="AJ7149" s="145"/>
      <c r="AK7149" s="145"/>
      <c r="AL7149" s="145"/>
      <c r="AM7149" s="145"/>
      <c r="AN7149" s="145"/>
      <c r="AO7149" s="145"/>
      <c r="AP7149" s="145"/>
      <c r="AQ7149" s="145"/>
      <c r="AR7149" s="145"/>
      <c r="AS7149" s="145"/>
      <c r="AT7149" s="145"/>
      <c r="AU7149" s="145"/>
      <c r="AV7149" s="145"/>
      <c r="AW7149" s="145"/>
      <c r="AX7149" s="146"/>
      <c r="AY7149" s="146"/>
      <c r="AZ7149" s="146"/>
      <c r="BA7149" s="146"/>
      <c r="BB7149" s="221">
        <v>45884</v>
      </c>
    </row>
    <row r="7150" spans="1:54" s="8" customFormat="1" ht="13.95" customHeight="1" x14ac:dyDescent="0.25">
      <c r="A7150" s="229" t="s">
        <v>17259</v>
      </c>
      <c r="B7150" s="96" t="s">
        <v>19873</v>
      </c>
      <c r="C7150" s="93" t="s">
        <v>17260</v>
      </c>
      <c r="D7150" s="93" t="s">
        <v>17261</v>
      </c>
      <c r="E7150" s="111">
        <v>1973</v>
      </c>
      <c r="F7150" s="111">
        <v>2257</v>
      </c>
      <c r="G7150" s="93" t="s">
        <v>1</v>
      </c>
      <c r="H7150" s="111">
        <v>1</v>
      </c>
      <c r="I7150" s="111">
        <v>0</v>
      </c>
      <c r="J7150" s="111">
        <v>1</v>
      </c>
      <c r="K7150" s="111">
        <v>0</v>
      </c>
      <c r="L7150" s="111">
        <v>0</v>
      </c>
      <c r="M7150" s="111">
        <v>0</v>
      </c>
      <c r="N7150" s="111">
        <v>1</v>
      </c>
      <c r="O7150" s="111">
        <v>0</v>
      </c>
      <c r="P7150" s="111">
        <v>0</v>
      </c>
      <c r="Q7150" s="111">
        <v>0</v>
      </c>
      <c r="R7150" s="111">
        <v>0</v>
      </c>
      <c r="S7150" s="111">
        <v>0</v>
      </c>
      <c r="T7150" s="111">
        <v>0</v>
      </c>
      <c r="U7150" s="145"/>
      <c r="V7150" s="145"/>
      <c r="W7150" s="145"/>
      <c r="X7150" s="145"/>
      <c r="Y7150" s="145"/>
      <c r="Z7150" s="145"/>
      <c r="AA7150" s="145"/>
      <c r="AB7150" s="145"/>
      <c r="AC7150" s="145"/>
      <c r="AD7150" s="145"/>
      <c r="AE7150" s="145"/>
      <c r="AF7150" s="145"/>
      <c r="AG7150" s="145"/>
      <c r="AH7150" s="145"/>
      <c r="AI7150" s="145"/>
      <c r="AJ7150" s="145"/>
      <c r="AK7150" s="145"/>
      <c r="AL7150" s="145"/>
      <c r="AM7150" s="145"/>
      <c r="AN7150" s="145"/>
      <c r="AO7150" s="145"/>
      <c r="AP7150" s="145"/>
      <c r="AQ7150" s="145"/>
      <c r="AR7150" s="145"/>
      <c r="AS7150" s="145"/>
      <c r="AT7150" s="145"/>
      <c r="AU7150" s="145"/>
      <c r="AV7150" s="145"/>
      <c r="AW7150" s="145"/>
      <c r="AX7150" s="146"/>
      <c r="AY7150" s="146"/>
      <c r="AZ7150" s="146"/>
      <c r="BA7150" s="146"/>
      <c r="BB7150" s="221">
        <v>45884</v>
      </c>
    </row>
    <row r="7151" spans="1:54" s="8" customFormat="1" ht="13.95" customHeight="1" x14ac:dyDescent="0.25">
      <c r="A7151" s="229" t="s">
        <v>17262</v>
      </c>
      <c r="B7151" s="96" t="s">
        <v>19873</v>
      </c>
      <c r="C7151" s="93" t="s">
        <v>17263</v>
      </c>
      <c r="D7151" s="93" t="s">
        <v>17264</v>
      </c>
      <c r="E7151" s="111">
        <v>1987</v>
      </c>
      <c r="F7151" s="111">
        <v>2300</v>
      </c>
      <c r="G7151" s="93" t="s">
        <v>1</v>
      </c>
      <c r="H7151" s="111">
        <v>0</v>
      </c>
      <c r="I7151" s="111">
        <v>0</v>
      </c>
      <c r="J7151" s="111">
        <v>1</v>
      </c>
      <c r="K7151" s="111">
        <v>0</v>
      </c>
      <c r="L7151" s="111">
        <v>1</v>
      </c>
      <c r="M7151" s="111">
        <v>1</v>
      </c>
      <c r="N7151" s="111">
        <v>1</v>
      </c>
      <c r="O7151" s="111">
        <v>1</v>
      </c>
      <c r="P7151" s="111">
        <v>1</v>
      </c>
      <c r="Q7151" s="111">
        <v>0</v>
      </c>
      <c r="R7151" s="111">
        <v>1</v>
      </c>
      <c r="S7151" s="111">
        <v>0</v>
      </c>
      <c r="T7151" s="111">
        <v>0</v>
      </c>
      <c r="U7151" s="145"/>
      <c r="V7151" s="145"/>
      <c r="W7151" s="145"/>
      <c r="X7151" s="145"/>
      <c r="Y7151" s="145"/>
      <c r="Z7151" s="145"/>
      <c r="AA7151" s="145"/>
      <c r="AB7151" s="145"/>
      <c r="AC7151" s="145"/>
      <c r="AD7151" s="145"/>
      <c r="AE7151" s="145"/>
      <c r="AF7151" s="145"/>
      <c r="AG7151" s="145"/>
      <c r="AH7151" s="145"/>
      <c r="AI7151" s="145"/>
      <c r="AJ7151" s="145"/>
      <c r="AK7151" s="145"/>
      <c r="AL7151" s="145"/>
      <c r="AM7151" s="145"/>
      <c r="AN7151" s="145"/>
      <c r="AO7151" s="145"/>
      <c r="AP7151" s="145"/>
      <c r="AQ7151" s="145"/>
      <c r="AR7151" s="145"/>
      <c r="AS7151" s="145"/>
      <c r="AT7151" s="145"/>
      <c r="AU7151" s="145"/>
      <c r="AV7151" s="145"/>
      <c r="AW7151" s="145"/>
      <c r="AX7151" s="146"/>
      <c r="AY7151" s="146"/>
      <c r="AZ7151" s="146"/>
      <c r="BA7151" s="112" t="s">
        <v>17265</v>
      </c>
      <c r="BB7151" s="221">
        <v>45884</v>
      </c>
    </row>
    <row r="7152" spans="1:54" s="8" customFormat="1" ht="13.95" customHeight="1" x14ac:dyDescent="0.25">
      <c r="A7152" s="229" t="s">
        <v>17266</v>
      </c>
      <c r="B7152" s="96" t="s">
        <v>19873</v>
      </c>
      <c r="C7152" s="93" t="s">
        <v>17267</v>
      </c>
      <c r="D7152" s="93" t="s">
        <v>17268</v>
      </c>
      <c r="E7152" s="111">
        <v>1973</v>
      </c>
      <c r="F7152" s="111">
        <v>2345</v>
      </c>
      <c r="G7152" s="93" t="s">
        <v>1</v>
      </c>
      <c r="H7152" s="111">
        <v>0</v>
      </c>
      <c r="I7152" s="111">
        <v>0</v>
      </c>
      <c r="J7152" s="111">
        <v>1</v>
      </c>
      <c r="K7152" s="111">
        <v>0</v>
      </c>
      <c r="L7152" s="111">
        <v>0</v>
      </c>
      <c r="M7152" s="111">
        <v>0</v>
      </c>
      <c r="N7152" s="111">
        <v>1</v>
      </c>
      <c r="O7152" s="111">
        <v>0</v>
      </c>
      <c r="P7152" s="111">
        <v>0</v>
      </c>
      <c r="Q7152" s="111">
        <v>0</v>
      </c>
      <c r="R7152" s="111">
        <v>0</v>
      </c>
      <c r="S7152" s="111">
        <v>0</v>
      </c>
      <c r="T7152" s="111">
        <v>0</v>
      </c>
      <c r="U7152" s="145"/>
      <c r="V7152" s="145"/>
      <c r="W7152" s="145"/>
      <c r="X7152" s="145"/>
      <c r="Y7152" s="145"/>
      <c r="Z7152" s="145"/>
      <c r="AA7152" s="145"/>
      <c r="AB7152" s="145"/>
      <c r="AC7152" s="145"/>
      <c r="AD7152" s="145"/>
      <c r="AE7152" s="145"/>
      <c r="AF7152" s="145"/>
      <c r="AG7152" s="145"/>
      <c r="AH7152" s="145"/>
      <c r="AI7152" s="145"/>
      <c r="AJ7152" s="145"/>
      <c r="AK7152" s="145"/>
      <c r="AL7152" s="145"/>
      <c r="AM7152" s="145"/>
      <c r="AN7152" s="145"/>
      <c r="AO7152" s="145"/>
      <c r="AP7152" s="145"/>
      <c r="AQ7152" s="145"/>
      <c r="AR7152" s="145"/>
      <c r="AS7152" s="145"/>
      <c r="AT7152" s="145"/>
      <c r="AU7152" s="145"/>
      <c r="AV7152" s="145"/>
      <c r="AW7152" s="145"/>
      <c r="AX7152" s="146"/>
      <c r="AY7152" s="146"/>
      <c r="AZ7152" s="146"/>
      <c r="BA7152" s="146"/>
      <c r="BB7152" s="221">
        <v>45884</v>
      </c>
    </row>
    <row r="7153" spans="1:54" s="8" customFormat="1" ht="13.95" customHeight="1" x14ac:dyDescent="0.25">
      <c r="A7153" s="229" t="s">
        <v>17269</v>
      </c>
      <c r="B7153" s="96" t="s">
        <v>19873</v>
      </c>
      <c r="C7153" s="93" t="s">
        <v>17270</v>
      </c>
      <c r="D7153" s="93" t="s">
        <v>20327</v>
      </c>
      <c r="E7153" s="111">
        <v>1984</v>
      </c>
      <c r="F7153" s="111">
        <v>2424</v>
      </c>
      <c r="G7153" s="93" t="s">
        <v>1</v>
      </c>
      <c r="H7153" s="111">
        <v>0</v>
      </c>
      <c r="I7153" s="111">
        <v>0</v>
      </c>
      <c r="J7153" s="111">
        <v>0</v>
      </c>
      <c r="K7153" s="111">
        <v>0</v>
      </c>
      <c r="L7153" s="111">
        <v>0</v>
      </c>
      <c r="M7153" s="111">
        <v>0</v>
      </c>
      <c r="N7153" s="111">
        <v>0</v>
      </c>
      <c r="O7153" s="111">
        <v>0</v>
      </c>
      <c r="P7153" s="111">
        <v>0</v>
      </c>
      <c r="Q7153" s="111">
        <v>0</v>
      </c>
      <c r="R7153" s="111">
        <v>0</v>
      </c>
      <c r="S7153" s="111">
        <v>0</v>
      </c>
      <c r="T7153" s="111">
        <v>0</v>
      </c>
      <c r="U7153" s="145"/>
      <c r="V7153" s="145"/>
      <c r="W7153" s="145"/>
      <c r="X7153" s="145"/>
      <c r="Y7153" s="145"/>
      <c r="Z7153" s="145"/>
      <c r="AA7153" s="145"/>
      <c r="AB7153" s="145"/>
      <c r="AC7153" s="145"/>
      <c r="AD7153" s="145"/>
      <c r="AE7153" s="145"/>
      <c r="AF7153" s="145"/>
      <c r="AG7153" s="145"/>
      <c r="AH7153" s="145"/>
      <c r="AI7153" s="145"/>
      <c r="AJ7153" s="145"/>
      <c r="AK7153" s="145"/>
      <c r="AL7153" s="145"/>
      <c r="AM7153" s="145"/>
      <c r="AN7153" s="145"/>
      <c r="AO7153" s="145"/>
      <c r="AP7153" s="145"/>
      <c r="AQ7153" s="145"/>
      <c r="AR7153" s="145"/>
      <c r="AS7153" s="145"/>
      <c r="AT7153" s="145"/>
      <c r="AU7153" s="145"/>
      <c r="AV7153" s="145"/>
      <c r="AW7153" s="145"/>
      <c r="AX7153" s="146"/>
      <c r="AY7153" s="146"/>
      <c r="AZ7153" s="146"/>
      <c r="BA7153" s="146"/>
      <c r="BB7153" s="221">
        <v>45884</v>
      </c>
    </row>
    <row r="7154" spans="1:54" s="8" customFormat="1" ht="13.95" customHeight="1" x14ac:dyDescent="0.25">
      <c r="A7154" s="229" t="s">
        <v>17271</v>
      </c>
      <c r="B7154" s="96" t="s">
        <v>19873</v>
      </c>
      <c r="C7154" s="93" t="s">
        <v>17272</v>
      </c>
      <c r="D7154" s="93" t="s">
        <v>17273</v>
      </c>
      <c r="E7154" s="111">
        <v>1979</v>
      </c>
      <c r="F7154" s="111">
        <v>2425</v>
      </c>
      <c r="G7154" s="93" t="s">
        <v>1</v>
      </c>
      <c r="H7154" s="111">
        <v>0</v>
      </c>
      <c r="I7154" s="111">
        <v>0</v>
      </c>
      <c r="J7154" s="111">
        <v>1</v>
      </c>
      <c r="K7154" s="111">
        <v>0</v>
      </c>
      <c r="L7154" s="111">
        <v>0</v>
      </c>
      <c r="M7154" s="111">
        <v>0</v>
      </c>
      <c r="N7154" s="111">
        <v>0</v>
      </c>
      <c r="O7154" s="111">
        <v>0</v>
      </c>
      <c r="P7154" s="111">
        <v>0</v>
      </c>
      <c r="Q7154" s="111">
        <v>0</v>
      </c>
      <c r="R7154" s="111">
        <v>0</v>
      </c>
      <c r="S7154" s="111">
        <v>0</v>
      </c>
      <c r="T7154" s="111">
        <v>0</v>
      </c>
      <c r="U7154" s="145"/>
      <c r="V7154" s="145"/>
      <c r="W7154" s="145"/>
      <c r="X7154" s="145"/>
      <c r="Y7154" s="145"/>
      <c r="Z7154" s="145"/>
      <c r="AA7154" s="145"/>
      <c r="AB7154" s="145"/>
      <c r="AC7154" s="145"/>
      <c r="AD7154" s="145"/>
      <c r="AE7154" s="145"/>
      <c r="AF7154" s="145"/>
      <c r="AG7154" s="145"/>
      <c r="AH7154" s="145"/>
      <c r="AI7154" s="145"/>
      <c r="AJ7154" s="145"/>
      <c r="AK7154" s="145"/>
      <c r="AL7154" s="145"/>
      <c r="AM7154" s="145"/>
      <c r="AN7154" s="145"/>
      <c r="AO7154" s="145"/>
      <c r="AP7154" s="145"/>
      <c r="AQ7154" s="145"/>
      <c r="AR7154" s="145"/>
      <c r="AS7154" s="145"/>
      <c r="AT7154" s="145"/>
      <c r="AU7154" s="145"/>
      <c r="AV7154" s="145"/>
      <c r="AW7154" s="145"/>
      <c r="AX7154" s="146"/>
      <c r="AY7154" s="146"/>
      <c r="AZ7154" s="146"/>
      <c r="BA7154" s="146"/>
      <c r="BB7154" s="221">
        <v>45884</v>
      </c>
    </row>
    <row r="7155" spans="1:54" s="8" customFormat="1" ht="13.95" customHeight="1" x14ac:dyDescent="0.25">
      <c r="A7155" s="229" t="s">
        <v>17274</v>
      </c>
      <c r="B7155" s="96" t="s">
        <v>19873</v>
      </c>
      <c r="C7155" s="93" t="s">
        <v>17275</v>
      </c>
      <c r="D7155" s="93" t="s">
        <v>17276</v>
      </c>
      <c r="E7155" s="111">
        <v>2002</v>
      </c>
      <c r="F7155" s="111">
        <v>2435</v>
      </c>
      <c r="G7155" s="93" t="s">
        <v>1</v>
      </c>
      <c r="H7155" s="111">
        <v>0</v>
      </c>
      <c r="I7155" s="111">
        <v>1</v>
      </c>
      <c r="J7155" s="111">
        <v>1</v>
      </c>
      <c r="K7155" s="111">
        <v>0</v>
      </c>
      <c r="L7155" s="111">
        <v>1</v>
      </c>
      <c r="M7155" s="111">
        <v>1</v>
      </c>
      <c r="N7155" s="111">
        <v>1</v>
      </c>
      <c r="O7155" s="111">
        <v>1</v>
      </c>
      <c r="P7155" s="111">
        <v>0</v>
      </c>
      <c r="Q7155" s="111">
        <v>0</v>
      </c>
      <c r="R7155" s="111">
        <v>0</v>
      </c>
      <c r="S7155" s="111">
        <v>1</v>
      </c>
      <c r="T7155" s="111">
        <v>1</v>
      </c>
      <c r="U7155" s="145"/>
      <c r="V7155" s="145"/>
      <c r="W7155" s="145"/>
      <c r="X7155" s="145"/>
      <c r="Y7155" s="145"/>
      <c r="Z7155" s="145"/>
      <c r="AA7155" s="145"/>
      <c r="AB7155" s="145"/>
      <c r="AC7155" s="145"/>
      <c r="AD7155" s="145"/>
      <c r="AE7155" s="145"/>
      <c r="AF7155" s="145"/>
      <c r="AG7155" s="145"/>
      <c r="AH7155" s="145"/>
      <c r="AI7155" s="145"/>
      <c r="AJ7155" s="145"/>
      <c r="AK7155" s="145"/>
      <c r="AL7155" s="145"/>
      <c r="AM7155" s="145"/>
      <c r="AN7155" s="145"/>
      <c r="AO7155" s="145"/>
      <c r="AP7155" s="145"/>
      <c r="AQ7155" s="145"/>
      <c r="AR7155" s="145"/>
      <c r="AS7155" s="145"/>
      <c r="AT7155" s="145"/>
      <c r="AU7155" s="145"/>
      <c r="AV7155" s="145"/>
      <c r="AW7155" s="145"/>
      <c r="AX7155" s="146"/>
      <c r="AY7155" s="146"/>
      <c r="AZ7155" s="146"/>
      <c r="BA7155" s="146"/>
      <c r="BB7155" s="221">
        <v>45884</v>
      </c>
    </row>
    <row r="7156" spans="1:54" s="8" customFormat="1" ht="13.95" customHeight="1" x14ac:dyDescent="0.25">
      <c r="A7156" s="229" t="s">
        <v>17277</v>
      </c>
      <c r="B7156" s="96" t="s">
        <v>19873</v>
      </c>
      <c r="C7156" s="93" t="s">
        <v>17278</v>
      </c>
      <c r="D7156" s="93" t="s">
        <v>16964</v>
      </c>
      <c r="E7156" s="111">
        <v>1979</v>
      </c>
      <c r="F7156" s="111">
        <v>2444</v>
      </c>
      <c r="G7156" s="93" t="s">
        <v>1</v>
      </c>
      <c r="H7156" s="111">
        <v>0</v>
      </c>
      <c r="I7156" s="111">
        <v>0</v>
      </c>
      <c r="J7156" s="111">
        <v>1</v>
      </c>
      <c r="K7156" s="111">
        <v>0</v>
      </c>
      <c r="L7156" s="111">
        <v>0</v>
      </c>
      <c r="M7156" s="111">
        <v>0</v>
      </c>
      <c r="N7156" s="111">
        <v>1</v>
      </c>
      <c r="O7156" s="111">
        <v>0</v>
      </c>
      <c r="P7156" s="111">
        <v>0</v>
      </c>
      <c r="Q7156" s="111">
        <v>0</v>
      </c>
      <c r="R7156" s="111">
        <v>0</v>
      </c>
      <c r="S7156" s="111">
        <v>0</v>
      </c>
      <c r="T7156" s="111">
        <v>0</v>
      </c>
      <c r="U7156" s="145"/>
      <c r="V7156" s="145"/>
      <c r="W7156" s="145"/>
      <c r="X7156" s="145"/>
      <c r="Y7156" s="145"/>
      <c r="Z7156" s="145"/>
      <c r="AA7156" s="145"/>
      <c r="AB7156" s="145"/>
      <c r="AC7156" s="145"/>
      <c r="AD7156" s="145"/>
      <c r="AE7156" s="145"/>
      <c r="AF7156" s="145"/>
      <c r="AG7156" s="145"/>
      <c r="AH7156" s="145"/>
      <c r="AI7156" s="145"/>
      <c r="AJ7156" s="145"/>
      <c r="AK7156" s="145"/>
      <c r="AL7156" s="145"/>
      <c r="AM7156" s="145"/>
      <c r="AN7156" s="145"/>
      <c r="AO7156" s="145"/>
      <c r="AP7156" s="145"/>
      <c r="AQ7156" s="145"/>
      <c r="AR7156" s="145"/>
      <c r="AS7156" s="145"/>
      <c r="AT7156" s="145"/>
      <c r="AU7156" s="145"/>
      <c r="AV7156" s="145"/>
      <c r="AW7156" s="145"/>
      <c r="AX7156" s="146"/>
      <c r="AY7156" s="146"/>
      <c r="AZ7156" s="146"/>
      <c r="BA7156" s="146"/>
      <c r="BB7156" s="221">
        <v>45884</v>
      </c>
    </row>
    <row r="7157" spans="1:54" s="8" customFormat="1" ht="13.95" customHeight="1" x14ac:dyDescent="0.25">
      <c r="A7157" s="229" t="s">
        <v>17279</v>
      </c>
      <c r="B7157" s="96" t="s">
        <v>19873</v>
      </c>
      <c r="C7157" s="93" t="s">
        <v>17280</v>
      </c>
      <c r="D7157" s="93" t="s">
        <v>20328</v>
      </c>
      <c r="E7157" s="111">
        <v>2008</v>
      </c>
      <c r="F7157" s="111">
        <v>2500</v>
      </c>
      <c r="G7157" s="93" t="s">
        <v>1</v>
      </c>
      <c r="H7157" s="111">
        <v>0</v>
      </c>
      <c r="I7157" s="111">
        <v>0</v>
      </c>
      <c r="J7157" s="111">
        <v>1</v>
      </c>
      <c r="K7157" s="111">
        <v>0</v>
      </c>
      <c r="L7157" s="111">
        <v>0</v>
      </c>
      <c r="M7157" s="111">
        <v>1</v>
      </c>
      <c r="N7157" s="111">
        <v>1</v>
      </c>
      <c r="O7157" s="111">
        <v>0</v>
      </c>
      <c r="P7157" s="111">
        <v>1</v>
      </c>
      <c r="Q7157" s="111">
        <v>0</v>
      </c>
      <c r="R7157" s="111">
        <v>0</v>
      </c>
      <c r="S7157" s="111">
        <v>0</v>
      </c>
      <c r="T7157" s="111">
        <v>1</v>
      </c>
      <c r="U7157" s="145"/>
      <c r="V7157" s="145"/>
      <c r="W7157" s="145"/>
      <c r="X7157" s="145"/>
      <c r="Y7157" s="145"/>
      <c r="Z7157" s="145"/>
      <c r="AA7157" s="145"/>
      <c r="AB7157" s="145"/>
      <c r="AC7157" s="145"/>
      <c r="AD7157" s="145"/>
      <c r="AE7157" s="145"/>
      <c r="AF7157" s="145"/>
      <c r="AG7157" s="145"/>
      <c r="AH7157" s="145"/>
      <c r="AI7157" s="145"/>
      <c r="AJ7157" s="145"/>
      <c r="AK7157" s="145"/>
      <c r="AL7157" s="145"/>
      <c r="AM7157" s="145"/>
      <c r="AN7157" s="145"/>
      <c r="AO7157" s="145"/>
      <c r="AP7157" s="145"/>
      <c r="AQ7157" s="145"/>
      <c r="AR7157" s="145"/>
      <c r="AS7157" s="145"/>
      <c r="AT7157" s="145"/>
      <c r="AU7157" s="145"/>
      <c r="AV7157" s="145"/>
      <c r="AW7157" s="145"/>
      <c r="AX7157" s="146"/>
      <c r="AY7157" s="146"/>
      <c r="AZ7157" s="146"/>
      <c r="BA7157" s="112" t="s">
        <v>17281</v>
      </c>
      <c r="BB7157" s="221">
        <v>45884</v>
      </c>
    </row>
    <row r="7158" spans="1:54" s="8" customFormat="1" ht="13.95" customHeight="1" x14ac:dyDescent="0.25">
      <c r="A7158" s="229" t="s">
        <v>17282</v>
      </c>
      <c r="B7158" s="96" t="s">
        <v>19873</v>
      </c>
      <c r="C7158" s="93" t="s">
        <v>17283</v>
      </c>
      <c r="D7158" s="93" t="s">
        <v>17284</v>
      </c>
      <c r="E7158" s="111">
        <v>1978</v>
      </c>
      <c r="F7158" s="111">
        <v>2500</v>
      </c>
      <c r="G7158" s="93" t="s">
        <v>1</v>
      </c>
      <c r="H7158" s="111">
        <v>1</v>
      </c>
      <c r="I7158" s="111">
        <v>0</v>
      </c>
      <c r="J7158" s="111">
        <v>1</v>
      </c>
      <c r="K7158" s="111">
        <v>1</v>
      </c>
      <c r="L7158" s="111">
        <v>1</v>
      </c>
      <c r="M7158" s="111">
        <v>0</v>
      </c>
      <c r="N7158" s="111">
        <v>1</v>
      </c>
      <c r="O7158" s="111">
        <v>1</v>
      </c>
      <c r="P7158" s="111">
        <v>0</v>
      </c>
      <c r="Q7158" s="111">
        <v>0</v>
      </c>
      <c r="R7158" s="111">
        <v>0</v>
      </c>
      <c r="S7158" s="111">
        <v>0</v>
      </c>
      <c r="T7158" s="111">
        <v>0</v>
      </c>
      <c r="U7158" s="145"/>
      <c r="V7158" s="145"/>
      <c r="W7158" s="145"/>
      <c r="X7158" s="145"/>
      <c r="Y7158" s="145"/>
      <c r="Z7158" s="145"/>
      <c r="AA7158" s="145"/>
      <c r="AB7158" s="145"/>
      <c r="AC7158" s="145"/>
      <c r="AD7158" s="145"/>
      <c r="AE7158" s="145"/>
      <c r="AF7158" s="145"/>
      <c r="AG7158" s="145"/>
      <c r="AH7158" s="145"/>
      <c r="AI7158" s="145"/>
      <c r="AJ7158" s="145"/>
      <c r="AK7158" s="145"/>
      <c r="AL7158" s="145"/>
      <c r="AM7158" s="145"/>
      <c r="AN7158" s="145"/>
      <c r="AO7158" s="145"/>
      <c r="AP7158" s="145"/>
      <c r="AQ7158" s="145"/>
      <c r="AR7158" s="145"/>
      <c r="AS7158" s="145"/>
      <c r="AT7158" s="145"/>
      <c r="AU7158" s="145"/>
      <c r="AV7158" s="145"/>
      <c r="AW7158" s="145"/>
      <c r="AX7158" s="146"/>
      <c r="AY7158" s="146"/>
      <c r="AZ7158" s="146"/>
      <c r="BA7158" s="112" t="s">
        <v>17285</v>
      </c>
      <c r="BB7158" s="221">
        <v>45884</v>
      </c>
    </row>
    <row r="7159" spans="1:54" s="8" customFormat="1" ht="13.95" customHeight="1" x14ac:dyDescent="0.25">
      <c r="A7159" s="229" t="s">
        <v>17286</v>
      </c>
      <c r="B7159" s="96" t="s">
        <v>19873</v>
      </c>
      <c r="C7159" s="93" t="s">
        <v>17287</v>
      </c>
      <c r="D7159" s="93" t="s">
        <v>17288</v>
      </c>
      <c r="E7159" s="111">
        <v>1974</v>
      </c>
      <c r="F7159" s="111">
        <v>2504</v>
      </c>
      <c r="G7159" s="93" t="s">
        <v>1</v>
      </c>
      <c r="H7159" s="111">
        <v>0</v>
      </c>
      <c r="I7159" s="111">
        <v>0</v>
      </c>
      <c r="J7159" s="111">
        <v>1</v>
      </c>
      <c r="K7159" s="111">
        <v>0</v>
      </c>
      <c r="L7159" s="111">
        <v>0</v>
      </c>
      <c r="M7159" s="111">
        <v>0</v>
      </c>
      <c r="N7159" s="111">
        <v>0</v>
      </c>
      <c r="O7159" s="111">
        <v>0</v>
      </c>
      <c r="P7159" s="111">
        <v>0</v>
      </c>
      <c r="Q7159" s="111">
        <v>0</v>
      </c>
      <c r="R7159" s="111">
        <v>0</v>
      </c>
      <c r="S7159" s="111">
        <v>0</v>
      </c>
      <c r="T7159" s="111">
        <v>0</v>
      </c>
      <c r="U7159" s="145"/>
      <c r="V7159" s="145"/>
      <c r="W7159" s="145"/>
      <c r="X7159" s="145"/>
      <c r="Y7159" s="145"/>
      <c r="Z7159" s="145"/>
      <c r="AA7159" s="145"/>
      <c r="AB7159" s="145"/>
      <c r="AC7159" s="145"/>
      <c r="AD7159" s="145"/>
      <c r="AE7159" s="145"/>
      <c r="AF7159" s="145"/>
      <c r="AG7159" s="145"/>
      <c r="AH7159" s="145"/>
      <c r="AI7159" s="145"/>
      <c r="AJ7159" s="145"/>
      <c r="AK7159" s="145"/>
      <c r="AL7159" s="145"/>
      <c r="AM7159" s="145"/>
      <c r="AN7159" s="145"/>
      <c r="AO7159" s="145"/>
      <c r="AP7159" s="145"/>
      <c r="AQ7159" s="145"/>
      <c r="AR7159" s="145"/>
      <c r="AS7159" s="145"/>
      <c r="AT7159" s="145"/>
      <c r="AU7159" s="145"/>
      <c r="AV7159" s="145"/>
      <c r="AW7159" s="145"/>
      <c r="AX7159" s="146"/>
      <c r="AY7159" s="146"/>
      <c r="AZ7159" s="146"/>
      <c r="BA7159" s="146"/>
      <c r="BB7159" s="221">
        <v>45884</v>
      </c>
    </row>
    <row r="7160" spans="1:54" s="8" customFormat="1" ht="13.95" customHeight="1" x14ac:dyDescent="0.25">
      <c r="A7160" s="229" t="s">
        <v>17289</v>
      </c>
      <c r="B7160" s="96" t="s">
        <v>19873</v>
      </c>
      <c r="C7160" s="93" t="s">
        <v>17290</v>
      </c>
      <c r="D7160" s="93" t="s">
        <v>17291</v>
      </c>
      <c r="E7160" s="111">
        <v>1976</v>
      </c>
      <c r="F7160" s="111">
        <v>2722</v>
      </c>
      <c r="G7160" s="93" t="s">
        <v>1</v>
      </c>
      <c r="H7160" s="111">
        <v>1</v>
      </c>
      <c r="I7160" s="111">
        <v>0</v>
      </c>
      <c r="J7160" s="111">
        <v>1</v>
      </c>
      <c r="K7160" s="111">
        <v>0</v>
      </c>
      <c r="L7160" s="111">
        <v>1</v>
      </c>
      <c r="M7160" s="111">
        <v>0</v>
      </c>
      <c r="N7160" s="111">
        <v>1</v>
      </c>
      <c r="O7160" s="111">
        <v>1</v>
      </c>
      <c r="P7160" s="111">
        <v>1</v>
      </c>
      <c r="Q7160" s="111">
        <v>1</v>
      </c>
      <c r="R7160" s="111">
        <v>1</v>
      </c>
      <c r="S7160" s="111">
        <v>0</v>
      </c>
      <c r="T7160" s="111">
        <v>0</v>
      </c>
      <c r="U7160" s="145"/>
      <c r="V7160" s="145"/>
      <c r="W7160" s="145"/>
      <c r="X7160" s="145"/>
      <c r="Y7160" s="145"/>
      <c r="Z7160" s="145"/>
      <c r="AA7160" s="145"/>
      <c r="AB7160" s="145"/>
      <c r="AC7160" s="145"/>
      <c r="AD7160" s="145"/>
      <c r="AE7160" s="145"/>
      <c r="AF7160" s="145"/>
      <c r="AG7160" s="145"/>
      <c r="AH7160" s="145"/>
      <c r="AI7160" s="145"/>
      <c r="AJ7160" s="145"/>
      <c r="AK7160" s="145"/>
      <c r="AL7160" s="145"/>
      <c r="AM7160" s="145"/>
      <c r="AN7160" s="145"/>
      <c r="AO7160" s="145"/>
      <c r="AP7160" s="145"/>
      <c r="AQ7160" s="145"/>
      <c r="AR7160" s="145"/>
      <c r="AS7160" s="145"/>
      <c r="AT7160" s="145"/>
      <c r="AU7160" s="145"/>
      <c r="AV7160" s="145"/>
      <c r="AW7160" s="145"/>
      <c r="AX7160" s="146"/>
      <c r="AY7160" s="146"/>
      <c r="AZ7160" s="146"/>
      <c r="BA7160" s="112" t="s">
        <v>17292</v>
      </c>
      <c r="BB7160" s="221">
        <v>45884</v>
      </c>
    </row>
    <row r="7161" spans="1:54" s="8" customFormat="1" ht="13.95" customHeight="1" x14ac:dyDescent="0.25">
      <c r="A7161" s="229" t="s">
        <v>17293</v>
      </c>
      <c r="B7161" s="96" t="s">
        <v>19873</v>
      </c>
      <c r="C7161" s="93" t="s">
        <v>17294</v>
      </c>
      <c r="D7161" s="93" t="s">
        <v>17295</v>
      </c>
      <c r="E7161" s="111">
        <v>1979</v>
      </c>
      <c r="F7161" s="111">
        <v>2635</v>
      </c>
      <c r="G7161" s="93" t="s">
        <v>1</v>
      </c>
      <c r="H7161" s="111">
        <v>0</v>
      </c>
      <c r="I7161" s="111">
        <v>0</v>
      </c>
      <c r="J7161" s="111">
        <v>1</v>
      </c>
      <c r="K7161" s="111">
        <v>0</v>
      </c>
      <c r="L7161" s="111">
        <v>0</v>
      </c>
      <c r="M7161" s="111">
        <v>0</v>
      </c>
      <c r="N7161" s="111">
        <v>1</v>
      </c>
      <c r="O7161" s="111">
        <v>0</v>
      </c>
      <c r="P7161" s="111">
        <v>0</v>
      </c>
      <c r="Q7161" s="111">
        <v>0</v>
      </c>
      <c r="R7161" s="111">
        <v>0</v>
      </c>
      <c r="S7161" s="111">
        <v>0</v>
      </c>
      <c r="T7161" s="111">
        <v>0</v>
      </c>
      <c r="U7161" s="145"/>
      <c r="V7161" s="145"/>
      <c r="W7161" s="145"/>
      <c r="X7161" s="145"/>
      <c r="Y7161" s="145"/>
      <c r="Z7161" s="145"/>
      <c r="AA7161" s="145"/>
      <c r="AB7161" s="145"/>
      <c r="AC7161" s="145"/>
      <c r="AD7161" s="145"/>
      <c r="AE7161" s="145"/>
      <c r="AF7161" s="145"/>
      <c r="AG7161" s="145"/>
      <c r="AH7161" s="145"/>
      <c r="AI7161" s="145"/>
      <c r="AJ7161" s="145"/>
      <c r="AK7161" s="145"/>
      <c r="AL7161" s="145"/>
      <c r="AM7161" s="145"/>
      <c r="AN7161" s="145"/>
      <c r="AO7161" s="145"/>
      <c r="AP7161" s="145"/>
      <c r="AQ7161" s="145"/>
      <c r="AR7161" s="145"/>
      <c r="AS7161" s="145"/>
      <c r="AT7161" s="145"/>
      <c r="AU7161" s="145"/>
      <c r="AV7161" s="145"/>
      <c r="AW7161" s="145"/>
      <c r="AX7161" s="146"/>
      <c r="AY7161" s="146"/>
      <c r="AZ7161" s="146"/>
      <c r="BA7161" s="146"/>
      <c r="BB7161" s="221">
        <v>45884</v>
      </c>
    </row>
    <row r="7162" spans="1:54" s="8" customFormat="1" ht="13.95" customHeight="1" x14ac:dyDescent="0.25">
      <c r="A7162" s="229" t="s">
        <v>17296</v>
      </c>
      <c r="B7162" s="96" t="s">
        <v>19873</v>
      </c>
      <c r="C7162" s="93" t="s">
        <v>17297</v>
      </c>
      <c r="D7162" s="93" t="s">
        <v>17298</v>
      </c>
      <c r="E7162" s="111">
        <v>1970</v>
      </c>
      <c r="F7162" s="111">
        <v>2784</v>
      </c>
      <c r="G7162" s="93" t="s">
        <v>1</v>
      </c>
      <c r="H7162" s="111">
        <v>0</v>
      </c>
      <c r="I7162" s="111">
        <v>0</v>
      </c>
      <c r="J7162" s="111">
        <v>1</v>
      </c>
      <c r="K7162" s="111">
        <v>0</v>
      </c>
      <c r="L7162" s="111">
        <v>0</v>
      </c>
      <c r="M7162" s="111">
        <v>0</v>
      </c>
      <c r="N7162" s="111">
        <v>1</v>
      </c>
      <c r="O7162" s="111">
        <v>0</v>
      </c>
      <c r="P7162" s="111">
        <v>0</v>
      </c>
      <c r="Q7162" s="111">
        <v>0</v>
      </c>
      <c r="R7162" s="111">
        <v>0</v>
      </c>
      <c r="S7162" s="111">
        <v>0</v>
      </c>
      <c r="T7162" s="111">
        <v>0</v>
      </c>
      <c r="U7162" s="145"/>
      <c r="V7162" s="145"/>
      <c r="W7162" s="145"/>
      <c r="X7162" s="145"/>
      <c r="Y7162" s="145"/>
      <c r="Z7162" s="145"/>
      <c r="AA7162" s="145"/>
      <c r="AB7162" s="145"/>
      <c r="AC7162" s="145"/>
      <c r="AD7162" s="145"/>
      <c r="AE7162" s="145"/>
      <c r="AF7162" s="145"/>
      <c r="AG7162" s="145"/>
      <c r="AH7162" s="145"/>
      <c r="AI7162" s="145"/>
      <c r="AJ7162" s="145"/>
      <c r="AK7162" s="145"/>
      <c r="AL7162" s="145"/>
      <c r="AM7162" s="145"/>
      <c r="AN7162" s="145"/>
      <c r="AO7162" s="145"/>
      <c r="AP7162" s="145"/>
      <c r="AQ7162" s="145"/>
      <c r="AR7162" s="145"/>
      <c r="AS7162" s="145"/>
      <c r="AT7162" s="145"/>
      <c r="AU7162" s="145"/>
      <c r="AV7162" s="145"/>
      <c r="AW7162" s="145"/>
      <c r="AX7162" s="146"/>
      <c r="AY7162" s="146"/>
      <c r="AZ7162" s="146"/>
      <c r="BA7162" s="146"/>
      <c r="BB7162" s="221">
        <v>45884</v>
      </c>
    </row>
    <row r="7163" spans="1:54" s="8" customFormat="1" ht="13.95" customHeight="1" x14ac:dyDescent="0.25">
      <c r="A7163" s="229" t="s">
        <v>17299</v>
      </c>
      <c r="B7163" s="96" t="s">
        <v>19873</v>
      </c>
      <c r="C7163" s="93" t="s">
        <v>17300</v>
      </c>
      <c r="D7163" s="93" t="s">
        <v>17206</v>
      </c>
      <c r="E7163" s="111">
        <v>1980</v>
      </c>
      <c r="F7163" s="111">
        <v>2763</v>
      </c>
      <c r="G7163" s="93" t="s">
        <v>1</v>
      </c>
      <c r="H7163" s="111">
        <v>1</v>
      </c>
      <c r="I7163" s="111">
        <v>0</v>
      </c>
      <c r="J7163" s="111">
        <v>1</v>
      </c>
      <c r="K7163" s="111">
        <v>0</v>
      </c>
      <c r="L7163" s="111">
        <v>0</v>
      </c>
      <c r="M7163" s="111">
        <v>0</v>
      </c>
      <c r="N7163" s="111">
        <v>1</v>
      </c>
      <c r="O7163" s="111">
        <v>0</v>
      </c>
      <c r="P7163" s="111">
        <v>0</v>
      </c>
      <c r="Q7163" s="111">
        <v>0</v>
      </c>
      <c r="R7163" s="111">
        <v>0</v>
      </c>
      <c r="S7163" s="111">
        <v>0</v>
      </c>
      <c r="T7163" s="111">
        <v>0</v>
      </c>
      <c r="U7163" s="145"/>
      <c r="V7163" s="145"/>
      <c r="W7163" s="145"/>
      <c r="X7163" s="145"/>
      <c r="Y7163" s="145"/>
      <c r="Z7163" s="145"/>
      <c r="AA7163" s="145"/>
      <c r="AB7163" s="145"/>
      <c r="AC7163" s="145"/>
      <c r="AD7163" s="145"/>
      <c r="AE7163" s="145"/>
      <c r="AF7163" s="145"/>
      <c r="AG7163" s="145"/>
      <c r="AH7163" s="145"/>
      <c r="AI7163" s="145"/>
      <c r="AJ7163" s="145"/>
      <c r="AK7163" s="145"/>
      <c r="AL7163" s="145"/>
      <c r="AM7163" s="145"/>
      <c r="AN7163" s="145"/>
      <c r="AO7163" s="145"/>
      <c r="AP7163" s="145"/>
      <c r="AQ7163" s="145"/>
      <c r="AR7163" s="145"/>
      <c r="AS7163" s="145"/>
      <c r="AT7163" s="145"/>
      <c r="AU7163" s="145"/>
      <c r="AV7163" s="145"/>
      <c r="AW7163" s="145"/>
      <c r="AX7163" s="146"/>
      <c r="AY7163" s="146"/>
      <c r="AZ7163" s="146"/>
      <c r="BA7163" s="146"/>
      <c r="BB7163" s="221">
        <v>45884</v>
      </c>
    </row>
    <row r="7164" spans="1:54" s="8" customFormat="1" ht="13.95" customHeight="1" x14ac:dyDescent="0.25">
      <c r="A7164" s="229" t="s">
        <v>17301</v>
      </c>
      <c r="B7164" s="96" t="s">
        <v>19873</v>
      </c>
      <c r="C7164" s="93" t="s">
        <v>17302</v>
      </c>
      <c r="D7164" s="93" t="s">
        <v>17303</v>
      </c>
      <c r="E7164" s="111">
        <v>1972</v>
      </c>
      <c r="F7164" s="111">
        <v>2772</v>
      </c>
      <c r="G7164" s="93" t="s">
        <v>1</v>
      </c>
      <c r="H7164" s="111">
        <v>1</v>
      </c>
      <c r="I7164" s="111">
        <v>1</v>
      </c>
      <c r="J7164" s="111">
        <v>1</v>
      </c>
      <c r="K7164" s="111">
        <v>0</v>
      </c>
      <c r="L7164" s="111">
        <v>0</v>
      </c>
      <c r="M7164" s="111">
        <v>0</v>
      </c>
      <c r="N7164" s="111">
        <v>0</v>
      </c>
      <c r="O7164" s="111">
        <v>0</v>
      </c>
      <c r="P7164" s="111">
        <v>0</v>
      </c>
      <c r="Q7164" s="111">
        <v>0</v>
      </c>
      <c r="R7164" s="111">
        <v>0</v>
      </c>
      <c r="S7164" s="111">
        <v>0</v>
      </c>
      <c r="T7164" s="111">
        <v>0</v>
      </c>
      <c r="U7164" s="145"/>
      <c r="V7164" s="145"/>
      <c r="W7164" s="145"/>
      <c r="X7164" s="145"/>
      <c r="Y7164" s="145"/>
      <c r="Z7164" s="145"/>
      <c r="AA7164" s="145"/>
      <c r="AB7164" s="145"/>
      <c r="AC7164" s="145"/>
      <c r="AD7164" s="145"/>
      <c r="AE7164" s="145"/>
      <c r="AF7164" s="145"/>
      <c r="AG7164" s="145"/>
      <c r="AH7164" s="145"/>
      <c r="AI7164" s="145"/>
      <c r="AJ7164" s="145"/>
      <c r="AK7164" s="145"/>
      <c r="AL7164" s="145"/>
      <c r="AM7164" s="145"/>
      <c r="AN7164" s="145"/>
      <c r="AO7164" s="145"/>
      <c r="AP7164" s="145"/>
      <c r="AQ7164" s="145"/>
      <c r="AR7164" s="145"/>
      <c r="AS7164" s="145"/>
      <c r="AT7164" s="145"/>
      <c r="AU7164" s="145"/>
      <c r="AV7164" s="145"/>
      <c r="AW7164" s="145"/>
      <c r="AX7164" s="146"/>
      <c r="AY7164" s="146"/>
      <c r="AZ7164" s="146"/>
      <c r="BA7164" s="146"/>
      <c r="BB7164" s="221">
        <v>45884</v>
      </c>
    </row>
    <row r="7165" spans="1:54" s="8" customFormat="1" ht="13.95" customHeight="1" x14ac:dyDescent="0.25">
      <c r="A7165" s="229" t="s">
        <v>17304</v>
      </c>
      <c r="B7165" s="96" t="s">
        <v>19873</v>
      </c>
      <c r="C7165" s="93" t="s">
        <v>17305</v>
      </c>
      <c r="D7165" s="93" t="s">
        <v>17306</v>
      </c>
      <c r="E7165" s="111">
        <v>1987</v>
      </c>
      <c r="F7165" s="111">
        <v>2797</v>
      </c>
      <c r="G7165" s="93" t="s">
        <v>1</v>
      </c>
      <c r="H7165" s="111">
        <v>0</v>
      </c>
      <c r="I7165" s="111">
        <v>0</v>
      </c>
      <c r="J7165" s="111">
        <v>1</v>
      </c>
      <c r="K7165" s="111">
        <v>0</v>
      </c>
      <c r="L7165" s="111">
        <v>1</v>
      </c>
      <c r="M7165" s="111">
        <v>1</v>
      </c>
      <c r="N7165" s="111">
        <v>1</v>
      </c>
      <c r="O7165" s="111">
        <v>0</v>
      </c>
      <c r="P7165" s="111">
        <v>1</v>
      </c>
      <c r="Q7165" s="111">
        <v>0</v>
      </c>
      <c r="R7165" s="111">
        <v>0</v>
      </c>
      <c r="S7165" s="111">
        <v>0</v>
      </c>
      <c r="T7165" s="111">
        <v>1</v>
      </c>
      <c r="U7165" s="145"/>
      <c r="V7165" s="145"/>
      <c r="W7165" s="145"/>
      <c r="X7165" s="145"/>
      <c r="Y7165" s="145"/>
      <c r="Z7165" s="145"/>
      <c r="AA7165" s="145"/>
      <c r="AB7165" s="145"/>
      <c r="AC7165" s="145"/>
      <c r="AD7165" s="145"/>
      <c r="AE7165" s="145"/>
      <c r="AF7165" s="145"/>
      <c r="AG7165" s="145"/>
      <c r="AH7165" s="145"/>
      <c r="AI7165" s="145"/>
      <c r="AJ7165" s="145"/>
      <c r="AK7165" s="145"/>
      <c r="AL7165" s="145"/>
      <c r="AM7165" s="145"/>
      <c r="AN7165" s="145"/>
      <c r="AO7165" s="145"/>
      <c r="AP7165" s="145"/>
      <c r="AQ7165" s="145"/>
      <c r="AR7165" s="145"/>
      <c r="AS7165" s="145"/>
      <c r="AT7165" s="145"/>
      <c r="AU7165" s="145"/>
      <c r="AV7165" s="145"/>
      <c r="AW7165" s="145"/>
      <c r="AX7165" s="146"/>
      <c r="AY7165" s="146"/>
      <c r="AZ7165" s="146"/>
      <c r="BA7165" s="146"/>
      <c r="BB7165" s="221">
        <v>45884</v>
      </c>
    </row>
    <row r="7166" spans="1:54" s="8" customFormat="1" ht="13.95" customHeight="1" x14ac:dyDescent="0.25">
      <c r="A7166" s="229" t="s">
        <v>17307</v>
      </c>
      <c r="B7166" s="96" t="s">
        <v>19873</v>
      </c>
      <c r="C7166" s="93" t="s">
        <v>17308</v>
      </c>
      <c r="D7166" s="93" t="s">
        <v>17137</v>
      </c>
      <c r="E7166" s="111">
        <v>2006</v>
      </c>
      <c r="F7166" s="111">
        <v>2804</v>
      </c>
      <c r="G7166" s="93" t="s">
        <v>1</v>
      </c>
      <c r="H7166" s="111">
        <v>0</v>
      </c>
      <c r="I7166" s="111">
        <v>0</v>
      </c>
      <c r="J7166" s="111">
        <v>0</v>
      </c>
      <c r="K7166" s="111">
        <v>0</v>
      </c>
      <c r="L7166" s="111">
        <v>0</v>
      </c>
      <c r="M7166" s="111">
        <v>0</v>
      </c>
      <c r="N7166" s="111">
        <v>1</v>
      </c>
      <c r="O7166" s="111">
        <v>0</v>
      </c>
      <c r="P7166" s="111">
        <v>0</v>
      </c>
      <c r="Q7166" s="111">
        <v>0</v>
      </c>
      <c r="R7166" s="111">
        <v>0</v>
      </c>
      <c r="S7166" s="111">
        <v>0</v>
      </c>
      <c r="T7166" s="111">
        <v>0</v>
      </c>
      <c r="U7166" s="145"/>
      <c r="V7166" s="145"/>
      <c r="W7166" s="145"/>
      <c r="X7166" s="145"/>
      <c r="Y7166" s="145"/>
      <c r="Z7166" s="145"/>
      <c r="AA7166" s="145"/>
      <c r="AB7166" s="145"/>
      <c r="AC7166" s="145"/>
      <c r="AD7166" s="145"/>
      <c r="AE7166" s="145"/>
      <c r="AF7166" s="145"/>
      <c r="AG7166" s="145"/>
      <c r="AH7166" s="145"/>
      <c r="AI7166" s="145"/>
      <c r="AJ7166" s="145"/>
      <c r="AK7166" s="145"/>
      <c r="AL7166" s="145"/>
      <c r="AM7166" s="145"/>
      <c r="AN7166" s="145"/>
      <c r="AO7166" s="145"/>
      <c r="AP7166" s="145"/>
      <c r="AQ7166" s="145"/>
      <c r="AR7166" s="145"/>
      <c r="AS7166" s="145"/>
      <c r="AT7166" s="145"/>
      <c r="AU7166" s="145"/>
      <c r="AV7166" s="145"/>
      <c r="AW7166" s="145"/>
      <c r="AX7166" s="146"/>
      <c r="AY7166" s="146"/>
      <c r="AZ7166" s="146"/>
      <c r="BA7166" s="146"/>
      <c r="BB7166" s="221">
        <v>45884</v>
      </c>
    </row>
    <row r="7167" spans="1:54" s="8" customFormat="1" ht="13.95" customHeight="1" x14ac:dyDescent="0.25">
      <c r="A7167" s="229" t="s">
        <v>17309</v>
      </c>
      <c r="B7167" s="96" t="s">
        <v>19873</v>
      </c>
      <c r="C7167" s="93" t="s">
        <v>17310</v>
      </c>
      <c r="D7167" s="93" t="s">
        <v>17311</v>
      </c>
      <c r="E7167" s="111">
        <v>1952</v>
      </c>
      <c r="F7167" s="111">
        <v>2852</v>
      </c>
      <c r="G7167" s="93" t="s">
        <v>1</v>
      </c>
      <c r="H7167" s="111">
        <v>0</v>
      </c>
      <c r="I7167" s="111">
        <v>0</v>
      </c>
      <c r="J7167" s="111">
        <v>1</v>
      </c>
      <c r="K7167" s="111">
        <v>1</v>
      </c>
      <c r="L7167" s="111">
        <v>1</v>
      </c>
      <c r="M7167" s="111">
        <v>0</v>
      </c>
      <c r="N7167" s="111">
        <v>1</v>
      </c>
      <c r="O7167" s="111">
        <v>0</v>
      </c>
      <c r="P7167" s="111">
        <v>0</v>
      </c>
      <c r="Q7167" s="111">
        <v>0</v>
      </c>
      <c r="R7167" s="111">
        <v>1</v>
      </c>
      <c r="S7167" s="111">
        <v>1</v>
      </c>
      <c r="T7167" s="111">
        <v>0</v>
      </c>
      <c r="U7167" s="145"/>
      <c r="V7167" s="145"/>
      <c r="W7167" s="145"/>
      <c r="X7167" s="145"/>
      <c r="Y7167" s="145"/>
      <c r="Z7167" s="145"/>
      <c r="AA7167" s="145"/>
      <c r="AB7167" s="145"/>
      <c r="AC7167" s="145"/>
      <c r="AD7167" s="145"/>
      <c r="AE7167" s="145"/>
      <c r="AF7167" s="145"/>
      <c r="AG7167" s="145"/>
      <c r="AH7167" s="145"/>
      <c r="AI7167" s="145"/>
      <c r="AJ7167" s="145"/>
      <c r="AK7167" s="145"/>
      <c r="AL7167" s="145"/>
      <c r="AM7167" s="145"/>
      <c r="AN7167" s="145"/>
      <c r="AO7167" s="145"/>
      <c r="AP7167" s="145"/>
      <c r="AQ7167" s="145"/>
      <c r="AR7167" s="145"/>
      <c r="AS7167" s="145"/>
      <c r="AT7167" s="145"/>
      <c r="AU7167" s="145"/>
      <c r="AV7167" s="145"/>
      <c r="AW7167" s="145"/>
      <c r="AX7167" s="146"/>
      <c r="AY7167" s="146"/>
      <c r="AZ7167" s="146"/>
      <c r="BA7167" s="112" t="s">
        <v>17312</v>
      </c>
      <c r="BB7167" s="221">
        <v>45884</v>
      </c>
    </row>
    <row r="7168" spans="1:54" s="8" customFormat="1" ht="13.95" customHeight="1" x14ac:dyDescent="0.25">
      <c r="A7168" s="229" t="s">
        <v>17313</v>
      </c>
      <c r="B7168" s="96" t="s">
        <v>19873</v>
      </c>
      <c r="C7168" s="93" t="s">
        <v>17314</v>
      </c>
      <c r="D7168" s="93" t="s">
        <v>17315</v>
      </c>
      <c r="E7168" s="111">
        <v>1984</v>
      </c>
      <c r="F7168" s="111">
        <v>2869</v>
      </c>
      <c r="G7168" s="93" t="s">
        <v>1</v>
      </c>
      <c r="H7168" s="111">
        <v>0</v>
      </c>
      <c r="I7168" s="111">
        <v>0</v>
      </c>
      <c r="J7168" s="111">
        <v>1</v>
      </c>
      <c r="K7168" s="111">
        <v>0</v>
      </c>
      <c r="L7168" s="111">
        <v>1</v>
      </c>
      <c r="M7168" s="111">
        <v>0</v>
      </c>
      <c r="N7168" s="111">
        <v>1</v>
      </c>
      <c r="O7168" s="111">
        <v>1</v>
      </c>
      <c r="P7168" s="111">
        <v>1</v>
      </c>
      <c r="Q7168" s="111">
        <v>0</v>
      </c>
      <c r="R7168" s="111">
        <v>1</v>
      </c>
      <c r="S7168" s="111">
        <v>0</v>
      </c>
      <c r="T7168" s="111">
        <v>0</v>
      </c>
      <c r="U7168" s="145"/>
      <c r="V7168" s="145"/>
      <c r="W7168" s="145"/>
      <c r="X7168" s="145"/>
      <c r="Y7168" s="145"/>
      <c r="Z7168" s="145"/>
      <c r="AA7168" s="145"/>
      <c r="AB7168" s="145"/>
      <c r="AC7168" s="145"/>
      <c r="AD7168" s="145"/>
      <c r="AE7168" s="145"/>
      <c r="AF7168" s="145"/>
      <c r="AG7168" s="145"/>
      <c r="AH7168" s="145"/>
      <c r="AI7168" s="145"/>
      <c r="AJ7168" s="145"/>
      <c r="AK7168" s="145"/>
      <c r="AL7168" s="145"/>
      <c r="AM7168" s="145"/>
      <c r="AN7168" s="145"/>
      <c r="AO7168" s="145"/>
      <c r="AP7168" s="145"/>
      <c r="AQ7168" s="145"/>
      <c r="AR7168" s="145"/>
      <c r="AS7168" s="145"/>
      <c r="AT7168" s="145"/>
      <c r="AU7168" s="145"/>
      <c r="AV7168" s="145"/>
      <c r="AW7168" s="145"/>
      <c r="AX7168" s="146"/>
      <c r="AY7168" s="146"/>
      <c r="AZ7168" s="146"/>
      <c r="BA7168" s="112" t="s">
        <v>17316</v>
      </c>
      <c r="BB7168" s="221">
        <v>45884</v>
      </c>
    </row>
    <row r="7169" spans="1:54" s="8" customFormat="1" ht="13.95" customHeight="1" x14ac:dyDescent="0.25">
      <c r="A7169" s="229" t="s">
        <v>17317</v>
      </c>
      <c r="B7169" s="96" t="s">
        <v>19873</v>
      </c>
      <c r="C7169" s="93" t="s">
        <v>17318</v>
      </c>
      <c r="D7169" s="93" t="s">
        <v>17319</v>
      </c>
      <c r="E7169" s="111">
        <v>1981</v>
      </c>
      <c r="F7169" s="111">
        <v>2877</v>
      </c>
      <c r="G7169" s="93" t="s">
        <v>1</v>
      </c>
      <c r="H7169" s="111">
        <v>0</v>
      </c>
      <c r="I7169" s="111">
        <v>0</v>
      </c>
      <c r="J7169" s="111">
        <v>0</v>
      </c>
      <c r="K7169" s="111">
        <v>1</v>
      </c>
      <c r="L7169" s="111">
        <v>0</v>
      </c>
      <c r="M7169" s="111">
        <v>0</v>
      </c>
      <c r="N7169" s="111">
        <v>1</v>
      </c>
      <c r="O7169" s="111">
        <v>1</v>
      </c>
      <c r="P7169" s="111">
        <v>1</v>
      </c>
      <c r="Q7169" s="111">
        <v>1</v>
      </c>
      <c r="R7169" s="111">
        <v>0</v>
      </c>
      <c r="S7169" s="111">
        <v>0</v>
      </c>
      <c r="T7169" s="111">
        <v>0</v>
      </c>
      <c r="U7169" s="145"/>
      <c r="V7169" s="145"/>
      <c r="W7169" s="145"/>
      <c r="X7169" s="145"/>
      <c r="Y7169" s="145"/>
      <c r="Z7169" s="145"/>
      <c r="AA7169" s="145"/>
      <c r="AB7169" s="145"/>
      <c r="AC7169" s="145"/>
      <c r="AD7169" s="145"/>
      <c r="AE7169" s="145"/>
      <c r="AF7169" s="145"/>
      <c r="AG7169" s="145"/>
      <c r="AH7169" s="145"/>
      <c r="AI7169" s="145"/>
      <c r="AJ7169" s="145"/>
      <c r="AK7169" s="145"/>
      <c r="AL7169" s="145"/>
      <c r="AM7169" s="145"/>
      <c r="AN7169" s="145"/>
      <c r="AO7169" s="145"/>
      <c r="AP7169" s="145"/>
      <c r="AQ7169" s="145"/>
      <c r="AR7169" s="145"/>
      <c r="AS7169" s="145"/>
      <c r="AT7169" s="145"/>
      <c r="AU7169" s="145"/>
      <c r="AV7169" s="145"/>
      <c r="AW7169" s="145"/>
      <c r="AX7169" s="146"/>
      <c r="AY7169" s="146"/>
      <c r="AZ7169" s="146"/>
      <c r="BA7169" s="146"/>
      <c r="BB7169" s="221">
        <v>45884</v>
      </c>
    </row>
    <row r="7170" spans="1:54" s="8" customFormat="1" ht="13.95" customHeight="1" x14ac:dyDescent="0.25">
      <c r="A7170" s="229" t="s">
        <v>17320</v>
      </c>
      <c r="B7170" s="96" t="s">
        <v>19873</v>
      </c>
      <c r="C7170" s="93" t="s">
        <v>17321</v>
      </c>
      <c r="D7170" s="93" t="s">
        <v>17322</v>
      </c>
      <c r="E7170" s="111">
        <v>1979</v>
      </c>
      <c r="F7170" s="111">
        <v>2946</v>
      </c>
      <c r="G7170" s="93" t="s">
        <v>1</v>
      </c>
      <c r="H7170" s="111">
        <v>0</v>
      </c>
      <c r="I7170" s="111">
        <v>0</v>
      </c>
      <c r="J7170" s="111">
        <v>1</v>
      </c>
      <c r="K7170" s="111">
        <v>0</v>
      </c>
      <c r="L7170" s="111">
        <v>1</v>
      </c>
      <c r="M7170" s="111">
        <v>0</v>
      </c>
      <c r="N7170" s="111">
        <v>0</v>
      </c>
      <c r="O7170" s="111">
        <v>1</v>
      </c>
      <c r="P7170" s="111">
        <v>1</v>
      </c>
      <c r="Q7170" s="111">
        <v>0</v>
      </c>
      <c r="R7170" s="111">
        <v>1</v>
      </c>
      <c r="S7170" s="111">
        <v>0</v>
      </c>
      <c r="T7170" s="111">
        <v>0</v>
      </c>
      <c r="U7170" s="145"/>
      <c r="V7170" s="145"/>
      <c r="W7170" s="145"/>
      <c r="X7170" s="145"/>
      <c r="Y7170" s="145"/>
      <c r="Z7170" s="145"/>
      <c r="AA7170" s="145"/>
      <c r="AB7170" s="145"/>
      <c r="AC7170" s="145"/>
      <c r="AD7170" s="145"/>
      <c r="AE7170" s="145"/>
      <c r="AF7170" s="145"/>
      <c r="AG7170" s="145"/>
      <c r="AH7170" s="145"/>
      <c r="AI7170" s="145"/>
      <c r="AJ7170" s="145"/>
      <c r="AK7170" s="145"/>
      <c r="AL7170" s="145"/>
      <c r="AM7170" s="145"/>
      <c r="AN7170" s="145"/>
      <c r="AO7170" s="145"/>
      <c r="AP7170" s="145"/>
      <c r="AQ7170" s="145"/>
      <c r="AR7170" s="145"/>
      <c r="AS7170" s="145"/>
      <c r="AT7170" s="145"/>
      <c r="AU7170" s="145"/>
      <c r="AV7170" s="145"/>
      <c r="AW7170" s="145"/>
      <c r="AX7170" s="146"/>
      <c r="AY7170" s="146"/>
      <c r="AZ7170" s="146"/>
      <c r="BA7170" s="112" t="s">
        <v>17323</v>
      </c>
      <c r="BB7170" s="221">
        <v>45884</v>
      </c>
    </row>
    <row r="7171" spans="1:54" s="8" customFormat="1" ht="13.95" customHeight="1" x14ac:dyDescent="0.25">
      <c r="A7171" s="229" t="s">
        <v>17324</v>
      </c>
      <c r="B7171" s="96" t="s">
        <v>19873</v>
      </c>
      <c r="C7171" s="93" t="s">
        <v>17325</v>
      </c>
      <c r="D7171" s="93" t="s">
        <v>17326</v>
      </c>
      <c r="E7171" s="111">
        <v>1983</v>
      </c>
      <c r="F7171" s="111">
        <v>3128</v>
      </c>
      <c r="G7171" s="93" t="s">
        <v>1</v>
      </c>
      <c r="H7171" s="111">
        <v>0</v>
      </c>
      <c r="I7171" s="111">
        <v>0</v>
      </c>
      <c r="J7171" s="111">
        <v>1</v>
      </c>
      <c r="K7171" s="111">
        <v>0</v>
      </c>
      <c r="L7171" s="111">
        <v>0</v>
      </c>
      <c r="M7171" s="111">
        <v>0</v>
      </c>
      <c r="N7171" s="111">
        <v>1</v>
      </c>
      <c r="O7171" s="111">
        <v>1</v>
      </c>
      <c r="P7171" s="111">
        <v>1</v>
      </c>
      <c r="Q7171" s="111">
        <v>0</v>
      </c>
      <c r="R7171" s="111">
        <v>1</v>
      </c>
      <c r="S7171" s="111">
        <v>1</v>
      </c>
      <c r="T7171" s="111">
        <v>0</v>
      </c>
      <c r="U7171" s="145"/>
      <c r="V7171" s="145"/>
      <c r="W7171" s="145"/>
      <c r="X7171" s="145"/>
      <c r="Y7171" s="145"/>
      <c r="Z7171" s="145"/>
      <c r="AA7171" s="145"/>
      <c r="AB7171" s="145"/>
      <c r="AC7171" s="145"/>
      <c r="AD7171" s="145"/>
      <c r="AE7171" s="145"/>
      <c r="AF7171" s="145"/>
      <c r="AG7171" s="145"/>
      <c r="AH7171" s="145"/>
      <c r="AI7171" s="145"/>
      <c r="AJ7171" s="145"/>
      <c r="AK7171" s="145"/>
      <c r="AL7171" s="145"/>
      <c r="AM7171" s="145"/>
      <c r="AN7171" s="145"/>
      <c r="AO7171" s="145"/>
      <c r="AP7171" s="145"/>
      <c r="AQ7171" s="145"/>
      <c r="AR7171" s="145"/>
      <c r="AS7171" s="145"/>
      <c r="AT7171" s="145"/>
      <c r="AU7171" s="145"/>
      <c r="AV7171" s="145"/>
      <c r="AW7171" s="145"/>
      <c r="AX7171" s="146"/>
      <c r="AY7171" s="146"/>
      <c r="AZ7171" s="146"/>
      <c r="BA7171" s="146"/>
      <c r="BB7171" s="221">
        <v>45884</v>
      </c>
    </row>
    <row r="7172" spans="1:54" s="8" customFormat="1" ht="13.95" customHeight="1" x14ac:dyDescent="0.25">
      <c r="A7172" s="229" t="s">
        <v>17327</v>
      </c>
      <c r="B7172" s="96" t="s">
        <v>19873</v>
      </c>
      <c r="C7172" s="93" t="s">
        <v>17328</v>
      </c>
      <c r="D7172" s="93" t="s">
        <v>17329</v>
      </c>
      <c r="E7172" s="111">
        <v>2001</v>
      </c>
      <c r="F7172" s="111">
        <v>3243</v>
      </c>
      <c r="G7172" s="93" t="s">
        <v>1</v>
      </c>
      <c r="H7172" s="111">
        <v>0</v>
      </c>
      <c r="I7172" s="111">
        <v>0</v>
      </c>
      <c r="J7172" s="111">
        <v>1</v>
      </c>
      <c r="K7172" s="111">
        <v>1</v>
      </c>
      <c r="L7172" s="111">
        <v>1</v>
      </c>
      <c r="M7172" s="111">
        <v>1</v>
      </c>
      <c r="N7172" s="111">
        <v>0</v>
      </c>
      <c r="O7172" s="111">
        <v>1</v>
      </c>
      <c r="P7172" s="111">
        <v>1</v>
      </c>
      <c r="Q7172" s="111">
        <v>0</v>
      </c>
      <c r="R7172" s="111">
        <v>1</v>
      </c>
      <c r="S7172" s="111">
        <v>0</v>
      </c>
      <c r="T7172" s="111">
        <v>0</v>
      </c>
      <c r="U7172" s="145"/>
      <c r="V7172" s="145"/>
      <c r="W7172" s="145"/>
      <c r="X7172" s="145"/>
      <c r="Y7172" s="145"/>
      <c r="Z7172" s="145"/>
      <c r="AA7172" s="145"/>
      <c r="AB7172" s="145"/>
      <c r="AC7172" s="145"/>
      <c r="AD7172" s="145"/>
      <c r="AE7172" s="145"/>
      <c r="AF7172" s="145"/>
      <c r="AG7172" s="145"/>
      <c r="AH7172" s="145"/>
      <c r="AI7172" s="145"/>
      <c r="AJ7172" s="145"/>
      <c r="AK7172" s="145"/>
      <c r="AL7172" s="145"/>
      <c r="AM7172" s="145"/>
      <c r="AN7172" s="145"/>
      <c r="AO7172" s="145"/>
      <c r="AP7172" s="145"/>
      <c r="AQ7172" s="145"/>
      <c r="AR7172" s="145"/>
      <c r="AS7172" s="145"/>
      <c r="AT7172" s="145"/>
      <c r="AU7172" s="145"/>
      <c r="AV7172" s="145"/>
      <c r="AW7172" s="145"/>
      <c r="AX7172" s="146"/>
      <c r="AY7172" s="146"/>
      <c r="AZ7172" s="146"/>
      <c r="BA7172" s="146"/>
      <c r="BB7172" s="221">
        <v>45884</v>
      </c>
    </row>
    <row r="7173" spans="1:54" s="8" customFormat="1" ht="13.95" customHeight="1" x14ac:dyDescent="0.25">
      <c r="A7173" s="229" t="s">
        <v>17330</v>
      </c>
      <c r="B7173" s="96" t="s">
        <v>19873</v>
      </c>
      <c r="C7173" s="93" t="s">
        <v>17331</v>
      </c>
      <c r="D7173" s="93" t="s">
        <v>17291</v>
      </c>
      <c r="E7173" s="111">
        <v>1976</v>
      </c>
      <c r="F7173" s="111">
        <v>3287</v>
      </c>
      <c r="G7173" s="93" t="s">
        <v>1</v>
      </c>
      <c r="H7173" s="111">
        <v>1</v>
      </c>
      <c r="I7173" s="111">
        <v>1</v>
      </c>
      <c r="J7173" s="111">
        <v>1</v>
      </c>
      <c r="K7173" s="111">
        <v>0</v>
      </c>
      <c r="L7173" s="111">
        <v>1</v>
      </c>
      <c r="M7173" s="111">
        <v>0</v>
      </c>
      <c r="N7173" s="111">
        <v>1</v>
      </c>
      <c r="O7173" s="111">
        <v>0</v>
      </c>
      <c r="P7173" s="111">
        <v>1</v>
      </c>
      <c r="Q7173" s="111">
        <v>1</v>
      </c>
      <c r="R7173" s="111">
        <v>0</v>
      </c>
      <c r="S7173" s="111">
        <v>0</v>
      </c>
      <c r="T7173" s="111">
        <v>0</v>
      </c>
      <c r="U7173" s="145"/>
      <c r="V7173" s="145"/>
      <c r="W7173" s="145"/>
      <c r="X7173" s="145"/>
      <c r="Y7173" s="145"/>
      <c r="Z7173" s="145"/>
      <c r="AA7173" s="145"/>
      <c r="AB7173" s="145"/>
      <c r="AC7173" s="145"/>
      <c r="AD7173" s="145"/>
      <c r="AE7173" s="145"/>
      <c r="AF7173" s="145"/>
      <c r="AG7173" s="145"/>
      <c r="AH7173" s="145"/>
      <c r="AI7173" s="145"/>
      <c r="AJ7173" s="145"/>
      <c r="AK7173" s="145"/>
      <c r="AL7173" s="145"/>
      <c r="AM7173" s="145"/>
      <c r="AN7173" s="145"/>
      <c r="AO7173" s="145"/>
      <c r="AP7173" s="145"/>
      <c r="AQ7173" s="145"/>
      <c r="AR7173" s="145"/>
      <c r="AS7173" s="145"/>
      <c r="AT7173" s="145"/>
      <c r="AU7173" s="145"/>
      <c r="AV7173" s="145"/>
      <c r="AW7173" s="145"/>
      <c r="AX7173" s="146"/>
      <c r="AY7173" s="146"/>
      <c r="AZ7173" s="146"/>
      <c r="BA7173" s="146"/>
      <c r="BB7173" s="221">
        <v>45884</v>
      </c>
    </row>
    <row r="7174" spans="1:54" s="8" customFormat="1" ht="13.95" customHeight="1" x14ac:dyDescent="0.25">
      <c r="A7174" s="229" t="s">
        <v>17332</v>
      </c>
      <c r="B7174" s="96" t="s">
        <v>19873</v>
      </c>
      <c r="C7174" s="93" t="s">
        <v>17333</v>
      </c>
      <c r="D7174" s="93" t="s">
        <v>17334</v>
      </c>
      <c r="E7174" s="111">
        <v>1985</v>
      </c>
      <c r="F7174" s="111">
        <v>3066</v>
      </c>
      <c r="G7174" s="93" t="s">
        <v>1</v>
      </c>
      <c r="H7174" s="111">
        <v>0</v>
      </c>
      <c r="I7174" s="111">
        <v>0</v>
      </c>
      <c r="J7174" s="111">
        <v>1</v>
      </c>
      <c r="K7174" s="111">
        <v>0</v>
      </c>
      <c r="L7174" s="111">
        <v>0</v>
      </c>
      <c r="M7174" s="111">
        <v>0</v>
      </c>
      <c r="N7174" s="111">
        <v>1</v>
      </c>
      <c r="O7174" s="111">
        <v>0</v>
      </c>
      <c r="P7174" s="111">
        <v>0</v>
      </c>
      <c r="Q7174" s="111">
        <v>0</v>
      </c>
      <c r="R7174" s="111">
        <v>0</v>
      </c>
      <c r="S7174" s="111">
        <v>0</v>
      </c>
      <c r="T7174" s="111">
        <v>0</v>
      </c>
      <c r="U7174" s="145"/>
      <c r="V7174" s="145"/>
      <c r="W7174" s="145"/>
      <c r="X7174" s="145"/>
      <c r="Y7174" s="145"/>
      <c r="Z7174" s="145"/>
      <c r="AA7174" s="145"/>
      <c r="AB7174" s="145"/>
      <c r="AC7174" s="145"/>
      <c r="AD7174" s="145"/>
      <c r="AE7174" s="145"/>
      <c r="AF7174" s="145"/>
      <c r="AG7174" s="145"/>
      <c r="AH7174" s="145"/>
      <c r="AI7174" s="145"/>
      <c r="AJ7174" s="145"/>
      <c r="AK7174" s="145"/>
      <c r="AL7174" s="145"/>
      <c r="AM7174" s="145"/>
      <c r="AN7174" s="145"/>
      <c r="AO7174" s="145"/>
      <c r="AP7174" s="145"/>
      <c r="AQ7174" s="145"/>
      <c r="AR7174" s="145"/>
      <c r="AS7174" s="145"/>
      <c r="AT7174" s="145"/>
      <c r="AU7174" s="145"/>
      <c r="AV7174" s="145"/>
      <c r="AW7174" s="145"/>
      <c r="AX7174" s="146"/>
      <c r="AY7174" s="146"/>
      <c r="AZ7174" s="146"/>
      <c r="BA7174" s="112" t="s">
        <v>16980</v>
      </c>
      <c r="BB7174" s="221">
        <v>45884</v>
      </c>
    </row>
    <row r="7175" spans="1:54" s="8" customFormat="1" ht="13.95" customHeight="1" x14ac:dyDescent="0.25">
      <c r="A7175" s="229" t="s">
        <v>17335</v>
      </c>
      <c r="B7175" s="96" t="s">
        <v>19873</v>
      </c>
      <c r="C7175" s="93" t="s">
        <v>17336</v>
      </c>
      <c r="D7175" s="93" t="s">
        <v>17337</v>
      </c>
      <c r="E7175" s="111">
        <v>1970</v>
      </c>
      <c r="F7175" s="111">
        <v>3343</v>
      </c>
      <c r="G7175" s="93" t="s">
        <v>1</v>
      </c>
      <c r="H7175" s="111">
        <v>0</v>
      </c>
      <c r="I7175" s="111">
        <v>0</v>
      </c>
      <c r="J7175" s="111">
        <v>1</v>
      </c>
      <c r="K7175" s="111">
        <v>0</v>
      </c>
      <c r="L7175" s="111">
        <v>1</v>
      </c>
      <c r="M7175" s="111">
        <v>0</v>
      </c>
      <c r="N7175" s="111">
        <v>0</v>
      </c>
      <c r="O7175" s="111">
        <v>1</v>
      </c>
      <c r="P7175" s="111">
        <v>1</v>
      </c>
      <c r="Q7175" s="111">
        <v>1</v>
      </c>
      <c r="R7175" s="111">
        <v>1</v>
      </c>
      <c r="S7175" s="111">
        <v>0</v>
      </c>
      <c r="T7175" s="111">
        <v>0</v>
      </c>
      <c r="U7175" s="145"/>
      <c r="V7175" s="145"/>
      <c r="W7175" s="145"/>
      <c r="X7175" s="145"/>
      <c r="Y7175" s="145"/>
      <c r="Z7175" s="145"/>
      <c r="AA7175" s="145"/>
      <c r="AB7175" s="145"/>
      <c r="AC7175" s="145"/>
      <c r="AD7175" s="145"/>
      <c r="AE7175" s="145"/>
      <c r="AF7175" s="145"/>
      <c r="AG7175" s="145"/>
      <c r="AH7175" s="145"/>
      <c r="AI7175" s="145"/>
      <c r="AJ7175" s="145"/>
      <c r="AK7175" s="145"/>
      <c r="AL7175" s="145"/>
      <c r="AM7175" s="145"/>
      <c r="AN7175" s="145"/>
      <c r="AO7175" s="145"/>
      <c r="AP7175" s="145"/>
      <c r="AQ7175" s="145"/>
      <c r="AR7175" s="145"/>
      <c r="AS7175" s="145"/>
      <c r="AT7175" s="145"/>
      <c r="AU7175" s="145"/>
      <c r="AV7175" s="145"/>
      <c r="AW7175" s="145"/>
      <c r="AX7175" s="146"/>
      <c r="AY7175" s="146"/>
      <c r="AZ7175" s="146"/>
      <c r="BA7175" s="146"/>
      <c r="BB7175" s="221">
        <v>45884</v>
      </c>
    </row>
    <row r="7176" spans="1:54" s="8" customFormat="1" ht="13.95" customHeight="1" x14ac:dyDescent="0.25">
      <c r="A7176" s="229" t="s">
        <v>17338</v>
      </c>
      <c r="B7176" s="96" t="s">
        <v>19873</v>
      </c>
      <c r="C7176" s="93" t="s">
        <v>17339</v>
      </c>
      <c r="D7176" s="93" t="s">
        <v>17340</v>
      </c>
      <c r="E7176" s="111">
        <v>1974</v>
      </c>
      <c r="F7176" s="111">
        <v>3386</v>
      </c>
      <c r="G7176" s="93" t="s">
        <v>1</v>
      </c>
      <c r="H7176" s="111">
        <v>0</v>
      </c>
      <c r="I7176" s="111">
        <v>0</v>
      </c>
      <c r="J7176" s="111">
        <v>1</v>
      </c>
      <c r="K7176" s="111">
        <v>0</v>
      </c>
      <c r="L7176" s="111">
        <v>0</v>
      </c>
      <c r="M7176" s="111">
        <v>0</v>
      </c>
      <c r="N7176" s="111">
        <v>1</v>
      </c>
      <c r="O7176" s="111">
        <v>0</v>
      </c>
      <c r="P7176" s="111">
        <v>0</v>
      </c>
      <c r="Q7176" s="111">
        <v>0</v>
      </c>
      <c r="R7176" s="111">
        <v>0</v>
      </c>
      <c r="S7176" s="111">
        <v>0</v>
      </c>
      <c r="T7176" s="111">
        <v>0</v>
      </c>
      <c r="U7176" s="145"/>
      <c r="V7176" s="145"/>
      <c r="W7176" s="145"/>
      <c r="X7176" s="145"/>
      <c r="Y7176" s="145"/>
      <c r="Z7176" s="145"/>
      <c r="AA7176" s="145"/>
      <c r="AB7176" s="145"/>
      <c r="AC7176" s="145"/>
      <c r="AD7176" s="145"/>
      <c r="AE7176" s="145"/>
      <c r="AF7176" s="145"/>
      <c r="AG7176" s="145"/>
      <c r="AH7176" s="145"/>
      <c r="AI7176" s="145"/>
      <c r="AJ7176" s="145"/>
      <c r="AK7176" s="145"/>
      <c r="AL7176" s="145"/>
      <c r="AM7176" s="145"/>
      <c r="AN7176" s="145"/>
      <c r="AO7176" s="145"/>
      <c r="AP7176" s="145"/>
      <c r="AQ7176" s="145"/>
      <c r="AR7176" s="145"/>
      <c r="AS7176" s="145"/>
      <c r="AT7176" s="145"/>
      <c r="AU7176" s="145"/>
      <c r="AV7176" s="145"/>
      <c r="AW7176" s="145"/>
      <c r="AX7176" s="146"/>
      <c r="AY7176" s="146"/>
      <c r="AZ7176" s="146"/>
      <c r="BA7176" s="146"/>
      <c r="BB7176" s="221">
        <v>45884</v>
      </c>
    </row>
    <row r="7177" spans="1:54" s="8" customFormat="1" ht="13.95" customHeight="1" x14ac:dyDescent="0.25">
      <c r="A7177" s="229" t="s">
        <v>17341</v>
      </c>
      <c r="B7177" s="96" t="s">
        <v>19873</v>
      </c>
      <c r="C7177" s="93" t="s">
        <v>17342</v>
      </c>
      <c r="D7177" s="93" t="s">
        <v>17343</v>
      </c>
      <c r="E7177" s="111">
        <v>1972</v>
      </c>
      <c r="F7177" s="111">
        <v>3657</v>
      </c>
      <c r="G7177" s="93" t="s">
        <v>1</v>
      </c>
      <c r="H7177" s="111">
        <v>1</v>
      </c>
      <c r="I7177" s="111">
        <v>0</v>
      </c>
      <c r="J7177" s="111">
        <v>0</v>
      </c>
      <c r="K7177" s="111">
        <v>0</v>
      </c>
      <c r="L7177" s="111">
        <v>0</v>
      </c>
      <c r="M7177" s="111">
        <v>0</v>
      </c>
      <c r="N7177" s="111">
        <v>1</v>
      </c>
      <c r="O7177" s="111">
        <v>0</v>
      </c>
      <c r="P7177" s="111">
        <v>0</v>
      </c>
      <c r="Q7177" s="111">
        <v>0</v>
      </c>
      <c r="R7177" s="111">
        <v>0</v>
      </c>
      <c r="S7177" s="111">
        <v>0</v>
      </c>
      <c r="T7177" s="111">
        <v>0</v>
      </c>
      <c r="U7177" s="145"/>
      <c r="V7177" s="145"/>
      <c r="W7177" s="145"/>
      <c r="X7177" s="145"/>
      <c r="Y7177" s="145"/>
      <c r="Z7177" s="145"/>
      <c r="AA7177" s="145"/>
      <c r="AB7177" s="145"/>
      <c r="AC7177" s="145"/>
      <c r="AD7177" s="145"/>
      <c r="AE7177" s="145"/>
      <c r="AF7177" s="145"/>
      <c r="AG7177" s="145"/>
      <c r="AH7177" s="145"/>
      <c r="AI7177" s="145"/>
      <c r="AJ7177" s="145"/>
      <c r="AK7177" s="145"/>
      <c r="AL7177" s="145"/>
      <c r="AM7177" s="145"/>
      <c r="AN7177" s="145"/>
      <c r="AO7177" s="145"/>
      <c r="AP7177" s="145"/>
      <c r="AQ7177" s="145"/>
      <c r="AR7177" s="145"/>
      <c r="AS7177" s="145"/>
      <c r="AT7177" s="145"/>
      <c r="AU7177" s="145"/>
      <c r="AV7177" s="145"/>
      <c r="AW7177" s="145"/>
      <c r="AX7177" s="146"/>
      <c r="AY7177" s="146"/>
      <c r="AZ7177" s="146"/>
      <c r="BA7177" s="146"/>
      <c r="BB7177" s="221">
        <v>45884</v>
      </c>
    </row>
    <row r="7178" spans="1:54" s="8" customFormat="1" ht="13.95" customHeight="1" x14ac:dyDescent="0.25">
      <c r="A7178" s="229" t="s">
        <v>17344</v>
      </c>
      <c r="B7178" s="96" t="s">
        <v>19873</v>
      </c>
      <c r="C7178" s="93" t="s">
        <v>17345</v>
      </c>
      <c r="D7178" s="93" t="s">
        <v>17346</v>
      </c>
      <c r="E7178" s="111">
        <v>1970</v>
      </c>
      <c r="F7178" s="111">
        <v>4198</v>
      </c>
      <c r="G7178" s="93" t="s">
        <v>1</v>
      </c>
      <c r="H7178" s="111">
        <v>1</v>
      </c>
      <c r="I7178" s="111">
        <v>0</v>
      </c>
      <c r="J7178" s="111">
        <v>1</v>
      </c>
      <c r="K7178" s="111">
        <v>0</v>
      </c>
      <c r="L7178" s="111">
        <v>1</v>
      </c>
      <c r="M7178" s="111">
        <v>0</v>
      </c>
      <c r="N7178" s="111">
        <v>0</v>
      </c>
      <c r="O7178" s="111">
        <v>1</v>
      </c>
      <c r="P7178" s="111">
        <v>1</v>
      </c>
      <c r="Q7178" s="111">
        <v>0</v>
      </c>
      <c r="R7178" s="111">
        <v>1</v>
      </c>
      <c r="S7178" s="111">
        <v>0</v>
      </c>
      <c r="T7178" s="111">
        <v>0</v>
      </c>
      <c r="U7178" s="145"/>
      <c r="V7178" s="145"/>
      <c r="W7178" s="145"/>
      <c r="X7178" s="145"/>
      <c r="Y7178" s="145"/>
      <c r="Z7178" s="145"/>
      <c r="AA7178" s="145"/>
      <c r="AB7178" s="145"/>
      <c r="AC7178" s="145"/>
      <c r="AD7178" s="145"/>
      <c r="AE7178" s="145"/>
      <c r="AF7178" s="145"/>
      <c r="AG7178" s="145"/>
      <c r="AH7178" s="145"/>
      <c r="AI7178" s="145"/>
      <c r="AJ7178" s="145"/>
      <c r="AK7178" s="145"/>
      <c r="AL7178" s="145"/>
      <c r="AM7178" s="145"/>
      <c r="AN7178" s="145"/>
      <c r="AO7178" s="145"/>
      <c r="AP7178" s="145"/>
      <c r="AQ7178" s="145"/>
      <c r="AR7178" s="145"/>
      <c r="AS7178" s="145"/>
      <c r="AT7178" s="145"/>
      <c r="AU7178" s="145"/>
      <c r="AV7178" s="145"/>
      <c r="AW7178" s="145"/>
      <c r="AX7178" s="146"/>
      <c r="AY7178" s="146"/>
      <c r="AZ7178" s="146"/>
      <c r="BA7178" s="112" t="s">
        <v>16980</v>
      </c>
      <c r="BB7178" s="221">
        <v>45884</v>
      </c>
    </row>
    <row r="7179" spans="1:54" s="8" customFormat="1" ht="13.95" customHeight="1" x14ac:dyDescent="0.25">
      <c r="A7179" s="229" t="s">
        <v>17347</v>
      </c>
      <c r="B7179" s="96" t="s">
        <v>19873</v>
      </c>
      <c r="C7179" s="93" t="s">
        <v>17348</v>
      </c>
      <c r="D7179" s="93" t="s">
        <v>17349</v>
      </c>
      <c r="E7179" s="111">
        <v>1970</v>
      </c>
      <c r="F7179" s="111">
        <v>4315</v>
      </c>
      <c r="G7179" s="93" t="s">
        <v>1</v>
      </c>
      <c r="H7179" s="111">
        <v>0</v>
      </c>
      <c r="I7179" s="111">
        <v>0</v>
      </c>
      <c r="J7179" s="111">
        <v>0</v>
      </c>
      <c r="K7179" s="111">
        <v>0</v>
      </c>
      <c r="L7179" s="111">
        <v>0</v>
      </c>
      <c r="M7179" s="111">
        <v>0</v>
      </c>
      <c r="N7179" s="111">
        <v>1</v>
      </c>
      <c r="O7179" s="111">
        <v>0</v>
      </c>
      <c r="P7179" s="111">
        <v>0</v>
      </c>
      <c r="Q7179" s="111">
        <v>0</v>
      </c>
      <c r="R7179" s="111">
        <v>0</v>
      </c>
      <c r="S7179" s="111">
        <v>0</v>
      </c>
      <c r="T7179" s="111">
        <v>0</v>
      </c>
      <c r="U7179" s="145"/>
      <c r="V7179" s="145"/>
      <c r="W7179" s="145"/>
      <c r="X7179" s="145"/>
      <c r="Y7179" s="145"/>
      <c r="Z7179" s="145"/>
      <c r="AA7179" s="145"/>
      <c r="AB7179" s="145"/>
      <c r="AC7179" s="145"/>
      <c r="AD7179" s="145"/>
      <c r="AE7179" s="145"/>
      <c r="AF7179" s="145"/>
      <c r="AG7179" s="145"/>
      <c r="AH7179" s="145"/>
      <c r="AI7179" s="145"/>
      <c r="AJ7179" s="145"/>
      <c r="AK7179" s="145"/>
      <c r="AL7179" s="145"/>
      <c r="AM7179" s="145"/>
      <c r="AN7179" s="145"/>
      <c r="AO7179" s="145"/>
      <c r="AP7179" s="145"/>
      <c r="AQ7179" s="145"/>
      <c r="AR7179" s="145"/>
      <c r="AS7179" s="145"/>
      <c r="AT7179" s="145"/>
      <c r="AU7179" s="145"/>
      <c r="AV7179" s="145"/>
      <c r="AW7179" s="145"/>
      <c r="AX7179" s="146"/>
      <c r="AY7179" s="146"/>
      <c r="AZ7179" s="146"/>
      <c r="BA7179" s="146"/>
      <c r="BB7179" s="221">
        <v>45884</v>
      </c>
    </row>
    <row r="7180" spans="1:54" s="8" customFormat="1" ht="13.95" customHeight="1" x14ac:dyDescent="0.25">
      <c r="A7180" s="229" t="s">
        <v>17350</v>
      </c>
      <c r="B7180" s="96" t="s">
        <v>19873</v>
      </c>
      <c r="C7180" s="93" t="s">
        <v>17351</v>
      </c>
      <c r="D7180" s="93" t="s">
        <v>17352</v>
      </c>
      <c r="E7180" s="111">
        <v>1979</v>
      </c>
      <c r="F7180" s="111">
        <v>4426</v>
      </c>
      <c r="G7180" s="93" t="s">
        <v>1</v>
      </c>
      <c r="H7180" s="111">
        <v>1</v>
      </c>
      <c r="I7180" s="111">
        <v>0</v>
      </c>
      <c r="J7180" s="111">
        <v>1</v>
      </c>
      <c r="K7180" s="111">
        <v>0</v>
      </c>
      <c r="L7180" s="111">
        <v>1</v>
      </c>
      <c r="M7180" s="111">
        <v>1</v>
      </c>
      <c r="N7180" s="111">
        <v>0</v>
      </c>
      <c r="O7180" s="111">
        <v>1</v>
      </c>
      <c r="P7180" s="111">
        <v>1</v>
      </c>
      <c r="Q7180" s="111">
        <v>1</v>
      </c>
      <c r="R7180" s="111">
        <v>0</v>
      </c>
      <c r="S7180" s="111">
        <v>0</v>
      </c>
      <c r="T7180" s="111">
        <v>0</v>
      </c>
      <c r="U7180" s="145"/>
      <c r="V7180" s="145"/>
      <c r="W7180" s="145"/>
      <c r="X7180" s="145"/>
      <c r="Y7180" s="145"/>
      <c r="Z7180" s="145"/>
      <c r="AA7180" s="145"/>
      <c r="AB7180" s="145"/>
      <c r="AC7180" s="145"/>
      <c r="AD7180" s="145"/>
      <c r="AE7180" s="145"/>
      <c r="AF7180" s="145"/>
      <c r="AG7180" s="145"/>
      <c r="AH7180" s="145"/>
      <c r="AI7180" s="145"/>
      <c r="AJ7180" s="145"/>
      <c r="AK7180" s="145"/>
      <c r="AL7180" s="145"/>
      <c r="AM7180" s="145"/>
      <c r="AN7180" s="145"/>
      <c r="AO7180" s="145"/>
      <c r="AP7180" s="145"/>
      <c r="AQ7180" s="145"/>
      <c r="AR7180" s="145"/>
      <c r="AS7180" s="145"/>
      <c r="AT7180" s="145"/>
      <c r="AU7180" s="145"/>
      <c r="AV7180" s="145"/>
      <c r="AW7180" s="145"/>
      <c r="AX7180" s="146"/>
      <c r="AY7180" s="146"/>
      <c r="AZ7180" s="146"/>
      <c r="BA7180" s="112" t="s">
        <v>17353</v>
      </c>
      <c r="BB7180" s="221">
        <v>45884</v>
      </c>
    </row>
    <row r="7181" spans="1:54" s="8" customFormat="1" ht="13.95" customHeight="1" x14ac:dyDescent="0.25">
      <c r="A7181" s="229" t="s">
        <v>17354</v>
      </c>
      <c r="B7181" s="96" t="s">
        <v>19873</v>
      </c>
      <c r="C7181" s="93" t="s">
        <v>17355</v>
      </c>
      <c r="D7181" s="93" t="s">
        <v>17356</v>
      </c>
      <c r="E7181" s="111">
        <v>1982</v>
      </c>
      <c r="F7181" s="111">
        <v>4478</v>
      </c>
      <c r="G7181" s="93" t="s">
        <v>1</v>
      </c>
      <c r="H7181" s="111">
        <v>1</v>
      </c>
      <c r="I7181" s="111">
        <v>0</v>
      </c>
      <c r="J7181" s="111">
        <v>1</v>
      </c>
      <c r="K7181" s="111">
        <v>1</v>
      </c>
      <c r="L7181" s="111">
        <v>1</v>
      </c>
      <c r="M7181" s="111">
        <v>1</v>
      </c>
      <c r="N7181" s="111">
        <v>1</v>
      </c>
      <c r="O7181" s="111">
        <v>1</v>
      </c>
      <c r="P7181" s="111">
        <v>0</v>
      </c>
      <c r="Q7181" s="111">
        <v>1</v>
      </c>
      <c r="R7181" s="111">
        <v>1</v>
      </c>
      <c r="S7181" s="111">
        <v>1</v>
      </c>
      <c r="T7181" s="111">
        <v>0</v>
      </c>
      <c r="U7181" s="145"/>
      <c r="V7181" s="145"/>
      <c r="W7181" s="145"/>
      <c r="X7181" s="145"/>
      <c r="Y7181" s="145"/>
      <c r="Z7181" s="145"/>
      <c r="AA7181" s="145"/>
      <c r="AB7181" s="145"/>
      <c r="AC7181" s="145"/>
      <c r="AD7181" s="145"/>
      <c r="AE7181" s="145"/>
      <c r="AF7181" s="145"/>
      <c r="AG7181" s="145"/>
      <c r="AH7181" s="145"/>
      <c r="AI7181" s="145"/>
      <c r="AJ7181" s="145"/>
      <c r="AK7181" s="145"/>
      <c r="AL7181" s="145"/>
      <c r="AM7181" s="145"/>
      <c r="AN7181" s="145"/>
      <c r="AO7181" s="145"/>
      <c r="AP7181" s="145"/>
      <c r="AQ7181" s="145"/>
      <c r="AR7181" s="145"/>
      <c r="AS7181" s="145"/>
      <c r="AT7181" s="145"/>
      <c r="AU7181" s="145"/>
      <c r="AV7181" s="145"/>
      <c r="AW7181" s="145"/>
      <c r="AX7181" s="146"/>
      <c r="AY7181" s="146"/>
      <c r="AZ7181" s="146"/>
      <c r="BA7181" s="112" t="s">
        <v>17357</v>
      </c>
      <c r="BB7181" s="221">
        <v>45884</v>
      </c>
    </row>
    <row r="7182" spans="1:54" s="8" customFormat="1" ht="13.95" customHeight="1" x14ac:dyDescent="0.25">
      <c r="A7182" s="229" t="s">
        <v>17358</v>
      </c>
      <c r="B7182" s="96" t="s">
        <v>19873</v>
      </c>
      <c r="C7182" s="93" t="s">
        <v>3966</v>
      </c>
      <c r="D7182" s="93" t="s">
        <v>17359</v>
      </c>
      <c r="E7182" s="111">
        <v>1984</v>
      </c>
      <c r="F7182" s="111">
        <v>5102</v>
      </c>
      <c r="G7182" s="93" t="s">
        <v>1</v>
      </c>
      <c r="H7182" s="111">
        <v>0</v>
      </c>
      <c r="I7182" s="111">
        <v>0</v>
      </c>
      <c r="J7182" s="111">
        <v>1</v>
      </c>
      <c r="K7182" s="111">
        <v>1</v>
      </c>
      <c r="L7182" s="111">
        <v>1</v>
      </c>
      <c r="M7182" s="111">
        <v>0</v>
      </c>
      <c r="N7182" s="111">
        <v>1</v>
      </c>
      <c r="O7182" s="111">
        <v>1</v>
      </c>
      <c r="P7182" s="111">
        <v>1</v>
      </c>
      <c r="Q7182" s="111">
        <v>1</v>
      </c>
      <c r="R7182" s="111">
        <v>1</v>
      </c>
      <c r="S7182" s="111">
        <v>0</v>
      </c>
      <c r="T7182" s="111">
        <v>0</v>
      </c>
      <c r="U7182" s="145"/>
      <c r="V7182" s="145"/>
      <c r="W7182" s="145"/>
      <c r="X7182" s="145"/>
      <c r="Y7182" s="145"/>
      <c r="Z7182" s="145"/>
      <c r="AA7182" s="145"/>
      <c r="AB7182" s="145"/>
      <c r="AC7182" s="145"/>
      <c r="AD7182" s="145"/>
      <c r="AE7182" s="145"/>
      <c r="AF7182" s="145"/>
      <c r="AG7182" s="145"/>
      <c r="AH7182" s="145"/>
      <c r="AI7182" s="145"/>
      <c r="AJ7182" s="145"/>
      <c r="AK7182" s="145"/>
      <c r="AL7182" s="145"/>
      <c r="AM7182" s="145"/>
      <c r="AN7182" s="145"/>
      <c r="AO7182" s="145"/>
      <c r="AP7182" s="145"/>
      <c r="AQ7182" s="145"/>
      <c r="AR7182" s="145"/>
      <c r="AS7182" s="145"/>
      <c r="AT7182" s="145"/>
      <c r="AU7182" s="145"/>
      <c r="AV7182" s="145"/>
      <c r="AW7182" s="145"/>
      <c r="AX7182" s="146"/>
      <c r="AY7182" s="146"/>
      <c r="AZ7182" s="146"/>
      <c r="BA7182" s="112" t="s">
        <v>17027</v>
      </c>
      <c r="BB7182" s="221">
        <v>45884</v>
      </c>
    </row>
    <row r="7183" spans="1:54" s="8" customFormat="1" ht="13.95" customHeight="1" x14ac:dyDescent="0.25">
      <c r="A7183" s="229" t="s">
        <v>17360</v>
      </c>
      <c r="B7183" s="96" t="s">
        <v>19873</v>
      </c>
      <c r="C7183" s="93" t="s">
        <v>17361</v>
      </c>
      <c r="D7183" s="93" t="s">
        <v>17362</v>
      </c>
      <c r="E7183" s="111">
        <v>1998</v>
      </c>
      <c r="F7183" s="111">
        <v>5443</v>
      </c>
      <c r="G7183" s="93" t="s">
        <v>8</v>
      </c>
      <c r="H7183" s="111">
        <v>0</v>
      </c>
      <c r="I7183" s="111">
        <v>0</v>
      </c>
      <c r="J7183" s="111">
        <v>1</v>
      </c>
      <c r="K7183" s="111">
        <v>0</v>
      </c>
      <c r="L7183" s="111">
        <v>0</v>
      </c>
      <c r="M7183" s="111">
        <v>0</v>
      </c>
      <c r="N7183" s="111">
        <v>0</v>
      </c>
      <c r="O7183" s="111">
        <v>0</v>
      </c>
      <c r="P7183" s="111">
        <v>0</v>
      </c>
      <c r="Q7183" s="111">
        <v>0</v>
      </c>
      <c r="R7183" s="111">
        <v>0</v>
      </c>
      <c r="S7183" s="111">
        <v>0</v>
      </c>
      <c r="T7183" s="111">
        <v>0</v>
      </c>
      <c r="U7183" s="111">
        <v>0</v>
      </c>
      <c r="V7183" s="111">
        <v>0</v>
      </c>
      <c r="W7183" s="111">
        <v>0</v>
      </c>
      <c r="X7183" s="111">
        <v>0</v>
      </c>
      <c r="Y7183" s="111">
        <v>0</v>
      </c>
      <c r="Z7183" s="111">
        <v>0</v>
      </c>
      <c r="AA7183" s="111">
        <v>0</v>
      </c>
      <c r="AB7183" s="111">
        <v>0</v>
      </c>
      <c r="AC7183" s="111">
        <v>0</v>
      </c>
      <c r="AD7183" s="111">
        <v>0</v>
      </c>
      <c r="AE7183" s="111">
        <v>0</v>
      </c>
      <c r="AF7183" s="111">
        <v>0</v>
      </c>
      <c r="AG7183" s="111">
        <v>0</v>
      </c>
      <c r="AH7183" s="111">
        <v>0</v>
      </c>
      <c r="AI7183" s="111">
        <v>0</v>
      </c>
      <c r="AJ7183" s="111">
        <v>0</v>
      </c>
      <c r="AK7183" s="111">
        <v>0</v>
      </c>
      <c r="AL7183" s="111">
        <v>0</v>
      </c>
      <c r="AM7183" s="111">
        <v>0</v>
      </c>
      <c r="AN7183" s="111">
        <v>0</v>
      </c>
      <c r="AO7183" s="111">
        <v>0</v>
      </c>
      <c r="AP7183" s="111">
        <v>0</v>
      </c>
      <c r="AQ7183" s="111">
        <v>0</v>
      </c>
      <c r="AR7183" s="111">
        <v>0</v>
      </c>
      <c r="AS7183" s="111">
        <v>0</v>
      </c>
      <c r="AT7183" s="111" t="s">
        <v>174</v>
      </c>
      <c r="AU7183" s="111">
        <v>1</v>
      </c>
      <c r="AV7183" s="111">
        <v>0</v>
      </c>
      <c r="AW7183" s="111">
        <v>0</v>
      </c>
      <c r="AX7183" s="112" t="s">
        <v>17363</v>
      </c>
      <c r="AY7183" s="112" t="s">
        <v>17364</v>
      </c>
      <c r="AZ7183" s="112" t="s">
        <v>17365</v>
      </c>
      <c r="BA7183" s="112"/>
      <c r="BB7183" s="221">
        <v>45884</v>
      </c>
    </row>
    <row r="7184" spans="1:54" s="8" customFormat="1" ht="13.95" customHeight="1" x14ac:dyDescent="0.25">
      <c r="A7184" s="229" t="s">
        <v>17366</v>
      </c>
      <c r="B7184" s="96" t="s">
        <v>19873</v>
      </c>
      <c r="C7184" s="93" t="s">
        <v>17367</v>
      </c>
      <c r="D7184" s="93" t="s">
        <v>17368</v>
      </c>
      <c r="E7184" s="111">
        <v>1990</v>
      </c>
      <c r="F7184" s="111">
        <v>5434</v>
      </c>
      <c r="G7184" s="93" t="s">
        <v>1</v>
      </c>
      <c r="H7184" s="111">
        <v>0</v>
      </c>
      <c r="I7184" s="111">
        <v>0</v>
      </c>
      <c r="J7184" s="111">
        <v>1</v>
      </c>
      <c r="K7184" s="111">
        <v>1</v>
      </c>
      <c r="L7184" s="111">
        <v>1</v>
      </c>
      <c r="M7184" s="111">
        <v>0</v>
      </c>
      <c r="N7184" s="111">
        <v>1</v>
      </c>
      <c r="O7184" s="111">
        <v>1</v>
      </c>
      <c r="P7184" s="111">
        <v>1</v>
      </c>
      <c r="Q7184" s="111">
        <v>0</v>
      </c>
      <c r="R7184" s="111">
        <v>1</v>
      </c>
      <c r="S7184" s="111">
        <v>0</v>
      </c>
      <c r="T7184" s="111">
        <v>0</v>
      </c>
      <c r="U7184" s="145"/>
      <c r="V7184" s="145"/>
      <c r="W7184" s="145"/>
      <c r="X7184" s="145"/>
      <c r="Y7184" s="145"/>
      <c r="Z7184" s="145"/>
      <c r="AA7184" s="145"/>
      <c r="AB7184" s="145"/>
      <c r="AC7184" s="145"/>
      <c r="AD7184" s="145"/>
      <c r="AE7184" s="145"/>
      <c r="AF7184" s="145"/>
      <c r="AG7184" s="145"/>
      <c r="AH7184" s="145"/>
      <c r="AI7184" s="145"/>
      <c r="AJ7184" s="145"/>
      <c r="AK7184" s="145"/>
      <c r="AL7184" s="145"/>
      <c r="AM7184" s="145"/>
      <c r="AN7184" s="145"/>
      <c r="AO7184" s="145"/>
      <c r="AP7184" s="145"/>
      <c r="AQ7184" s="145"/>
      <c r="AR7184" s="145"/>
      <c r="AS7184" s="145"/>
      <c r="AT7184" s="145"/>
      <c r="AU7184" s="145"/>
      <c r="AV7184" s="145"/>
      <c r="AW7184" s="111">
        <v>1</v>
      </c>
      <c r="AX7184" s="146"/>
      <c r="AY7184" s="146"/>
      <c r="AZ7184" s="146"/>
      <c r="BA7184" s="146"/>
      <c r="BB7184" s="221">
        <v>45884</v>
      </c>
    </row>
    <row r="7185" spans="1:54" s="8" customFormat="1" ht="13.95" customHeight="1" x14ac:dyDescent="0.25">
      <c r="A7185" s="229" t="s">
        <v>17369</v>
      </c>
      <c r="B7185" s="96" t="s">
        <v>19873</v>
      </c>
      <c r="C7185" s="93" t="s">
        <v>17370</v>
      </c>
      <c r="D7185" s="93" t="s">
        <v>17371</v>
      </c>
      <c r="E7185" s="111">
        <v>1984</v>
      </c>
      <c r="F7185" s="111">
        <v>6269</v>
      </c>
      <c r="G7185" s="93" t="s">
        <v>1</v>
      </c>
      <c r="H7185" s="111">
        <v>0</v>
      </c>
      <c r="I7185" s="111">
        <v>0</v>
      </c>
      <c r="J7185" s="111">
        <v>1</v>
      </c>
      <c r="K7185" s="111">
        <v>0</v>
      </c>
      <c r="L7185" s="111">
        <v>0</v>
      </c>
      <c r="M7185" s="111">
        <v>0</v>
      </c>
      <c r="N7185" s="111">
        <v>1</v>
      </c>
      <c r="O7185" s="111">
        <v>1</v>
      </c>
      <c r="P7185" s="111">
        <v>1</v>
      </c>
      <c r="Q7185" s="111">
        <v>0</v>
      </c>
      <c r="R7185" s="111">
        <v>1</v>
      </c>
      <c r="S7185" s="111">
        <v>0</v>
      </c>
      <c r="T7185" s="111">
        <v>0</v>
      </c>
      <c r="U7185" s="145"/>
      <c r="V7185" s="145"/>
      <c r="W7185" s="145"/>
      <c r="X7185" s="145"/>
      <c r="Y7185" s="145"/>
      <c r="Z7185" s="145"/>
      <c r="AA7185" s="145"/>
      <c r="AB7185" s="145"/>
      <c r="AC7185" s="145"/>
      <c r="AD7185" s="145"/>
      <c r="AE7185" s="145"/>
      <c r="AF7185" s="145"/>
      <c r="AG7185" s="145"/>
      <c r="AH7185" s="145"/>
      <c r="AI7185" s="145"/>
      <c r="AJ7185" s="145"/>
      <c r="AK7185" s="145"/>
      <c r="AL7185" s="145"/>
      <c r="AM7185" s="145"/>
      <c r="AN7185" s="145"/>
      <c r="AO7185" s="145"/>
      <c r="AP7185" s="145"/>
      <c r="AQ7185" s="145"/>
      <c r="AR7185" s="145"/>
      <c r="AS7185" s="145"/>
      <c r="AT7185" s="145"/>
      <c r="AU7185" s="145"/>
      <c r="AV7185" s="145"/>
      <c r="AW7185" s="145"/>
      <c r="AX7185" s="146"/>
      <c r="AY7185" s="146"/>
      <c r="AZ7185" s="146"/>
      <c r="BA7185" s="112" t="s">
        <v>17027</v>
      </c>
      <c r="BB7185" s="221">
        <v>45884</v>
      </c>
    </row>
    <row r="7186" spans="1:54" s="8" customFormat="1" ht="13.95" customHeight="1" x14ac:dyDescent="0.25">
      <c r="A7186" s="229" t="s">
        <v>17372</v>
      </c>
      <c r="B7186" s="96" t="s">
        <v>19873</v>
      </c>
      <c r="C7186" s="93" t="s">
        <v>17373</v>
      </c>
      <c r="D7186" s="93" t="s">
        <v>17042</v>
      </c>
      <c r="E7186" s="111">
        <v>2008</v>
      </c>
      <c r="F7186" s="111">
        <v>7107</v>
      </c>
      <c r="G7186" s="93" t="s">
        <v>9</v>
      </c>
      <c r="H7186" s="111">
        <v>0</v>
      </c>
      <c r="I7186" s="111">
        <v>0</v>
      </c>
      <c r="J7186" s="111">
        <v>0</v>
      </c>
      <c r="K7186" s="111">
        <v>0</v>
      </c>
      <c r="L7186" s="111">
        <v>0</v>
      </c>
      <c r="M7186" s="111">
        <v>0</v>
      </c>
      <c r="N7186" s="111">
        <v>0</v>
      </c>
      <c r="O7186" s="111">
        <v>0</v>
      </c>
      <c r="P7186" s="111">
        <v>0</v>
      </c>
      <c r="Q7186" s="111">
        <v>0</v>
      </c>
      <c r="R7186" s="111">
        <v>0</v>
      </c>
      <c r="S7186" s="111">
        <v>0</v>
      </c>
      <c r="T7186" s="111">
        <v>0</v>
      </c>
      <c r="U7186" s="111">
        <v>0</v>
      </c>
      <c r="V7186" s="111">
        <v>0</v>
      </c>
      <c r="W7186" s="111">
        <v>0</v>
      </c>
      <c r="X7186" s="111">
        <v>0</v>
      </c>
      <c r="Y7186" s="111">
        <v>0</v>
      </c>
      <c r="Z7186" s="111">
        <v>0</v>
      </c>
      <c r="AA7186" s="111">
        <v>0</v>
      </c>
      <c r="AB7186" s="111">
        <v>0</v>
      </c>
      <c r="AC7186" s="111">
        <v>0</v>
      </c>
      <c r="AD7186" s="111">
        <v>0</v>
      </c>
      <c r="AE7186" s="111">
        <v>0</v>
      </c>
      <c r="AF7186" s="111">
        <v>0</v>
      </c>
      <c r="AG7186" s="111">
        <v>0</v>
      </c>
      <c r="AH7186" s="111">
        <v>0</v>
      </c>
      <c r="AI7186" s="111">
        <v>0</v>
      </c>
      <c r="AJ7186" s="111">
        <v>0</v>
      </c>
      <c r="AK7186" s="111">
        <v>0</v>
      </c>
      <c r="AL7186" s="111">
        <v>0</v>
      </c>
      <c r="AM7186" s="111">
        <v>0</v>
      </c>
      <c r="AN7186" s="111">
        <v>0</v>
      </c>
      <c r="AO7186" s="111">
        <v>0</v>
      </c>
      <c r="AP7186" s="111">
        <v>0</v>
      </c>
      <c r="AQ7186" s="111">
        <v>0</v>
      </c>
      <c r="AR7186" s="111">
        <v>0</v>
      </c>
      <c r="AS7186" s="111">
        <v>0</v>
      </c>
      <c r="AT7186" s="111" t="s">
        <v>174</v>
      </c>
      <c r="AU7186" s="111">
        <v>0</v>
      </c>
      <c r="AV7186" s="111">
        <v>0</v>
      </c>
      <c r="AW7186" s="111">
        <v>0</v>
      </c>
      <c r="AX7186" s="112" t="s">
        <v>17374</v>
      </c>
      <c r="AY7186" s="112" t="s">
        <v>17375</v>
      </c>
      <c r="AZ7186" s="112" t="s">
        <v>17376</v>
      </c>
      <c r="BA7186" s="112"/>
      <c r="BB7186" s="221">
        <v>45884</v>
      </c>
    </row>
    <row r="7187" spans="1:54" s="8" customFormat="1" ht="13.95" customHeight="1" x14ac:dyDescent="0.25">
      <c r="A7187" s="229" t="s">
        <v>17377</v>
      </c>
      <c r="B7187" s="96" t="s">
        <v>19873</v>
      </c>
      <c r="C7187" s="93" t="s">
        <v>17378</v>
      </c>
      <c r="D7187" s="93" t="s">
        <v>17379</v>
      </c>
      <c r="E7187" s="111">
        <v>1992</v>
      </c>
      <c r="F7187" s="111">
        <v>7953</v>
      </c>
      <c r="G7187" s="93" t="s">
        <v>1</v>
      </c>
      <c r="H7187" s="111">
        <v>0</v>
      </c>
      <c r="I7187" s="111">
        <v>0</v>
      </c>
      <c r="J7187" s="111">
        <v>1</v>
      </c>
      <c r="K7187" s="111">
        <v>0</v>
      </c>
      <c r="L7187" s="111">
        <v>1</v>
      </c>
      <c r="M7187" s="111">
        <v>0</v>
      </c>
      <c r="N7187" s="111">
        <v>1</v>
      </c>
      <c r="O7187" s="111">
        <v>1</v>
      </c>
      <c r="P7187" s="111">
        <v>1</v>
      </c>
      <c r="Q7187" s="111">
        <v>0</v>
      </c>
      <c r="R7187" s="111">
        <v>1</v>
      </c>
      <c r="S7187" s="111">
        <v>0</v>
      </c>
      <c r="T7187" s="111">
        <v>1</v>
      </c>
      <c r="U7187" s="145"/>
      <c r="V7187" s="145"/>
      <c r="W7187" s="145"/>
      <c r="X7187" s="145"/>
      <c r="Y7187" s="145"/>
      <c r="Z7187" s="145"/>
      <c r="AA7187" s="145"/>
      <c r="AB7187" s="145"/>
      <c r="AC7187" s="145"/>
      <c r="AD7187" s="145"/>
      <c r="AE7187" s="145"/>
      <c r="AF7187" s="145"/>
      <c r="AG7187" s="145"/>
      <c r="AH7187" s="145"/>
      <c r="AI7187" s="145"/>
      <c r="AJ7187" s="145"/>
      <c r="AK7187" s="145"/>
      <c r="AL7187" s="145"/>
      <c r="AM7187" s="145"/>
      <c r="AN7187" s="145"/>
      <c r="AO7187" s="145"/>
      <c r="AP7187" s="145"/>
      <c r="AQ7187" s="145"/>
      <c r="AR7187" s="145"/>
      <c r="AS7187" s="145"/>
      <c r="AT7187" s="145"/>
      <c r="AU7187" s="145"/>
      <c r="AV7187" s="145"/>
      <c r="AW7187" s="145"/>
      <c r="AX7187" s="146"/>
      <c r="AY7187" s="146"/>
      <c r="AZ7187" s="146"/>
      <c r="BA7187" s="112" t="s">
        <v>17380</v>
      </c>
      <c r="BB7187" s="221">
        <v>45884</v>
      </c>
    </row>
    <row r="7188" spans="1:54" s="8" customFormat="1" ht="13.95" customHeight="1" x14ac:dyDescent="0.25">
      <c r="A7188" s="229" t="s">
        <v>17381</v>
      </c>
      <c r="B7188" s="96" t="s">
        <v>19873</v>
      </c>
      <c r="C7188" s="93" t="s">
        <v>17382</v>
      </c>
      <c r="D7188" s="93" t="s">
        <v>17383</v>
      </c>
      <c r="E7188" s="111">
        <v>1993</v>
      </c>
      <c r="F7188" s="111">
        <v>84614</v>
      </c>
      <c r="G7188" s="93" t="s">
        <v>8</v>
      </c>
      <c r="H7188" s="111">
        <v>1</v>
      </c>
      <c r="I7188" s="111">
        <v>1</v>
      </c>
      <c r="J7188" s="111">
        <v>1</v>
      </c>
      <c r="K7188" s="111">
        <v>1</v>
      </c>
      <c r="L7188" s="111">
        <v>0</v>
      </c>
      <c r="M7188" s="111">
        <v>0</v>
      </c>
      <c r="N7188" s="111">
        <v>0</v>
      </c>
      <c r="O7188" s="111">
        <v>0</v>
      </c>
      <c r="P7188" s="111">
        <v>1</v>
      </c>
      <c r="Q7188" s="111">
        <v>0</v>
      </c>
      <c r="R7188" s="111">
        <v>0</v>
      </c>
      <c r="S7188" s="111">
        <v>0</v>
      </c>
      <c r="T7188" s="111">
        <v>0</v>
      </c>
      <c r="U7188" s="111">
        <v>1</v>
      </c>
      <c r="V7188" s="111">
        <v>0</v>
      </c>
      <c r="W7188" s="111">
        <v>0</v>
      </c>
      <c r="X7188" s="111">
        <v>0</v>
      </c>
      <c r="Y7188" s="111">
        <v>0</v>
      </c>
      <c r="Z7188" s="111">
        <v>0</v>
      </c>
      <c r="AA7188" s="111">
        <v>1</v>
      </c>
      <c r="AB7188" s="111">
        <v>0</v>
      </c>
      <c r="AC7188" s="111">
        <v>0</v>
      </c>
      <c r="AD7188" s="111">
        <v>0</v>
      </c>
      <c r="AE7188" s="111">
        <v>1</v>
      </c>
      <c r="AF7188" s="111">
        <v>0</v>
      </c>
      <c r="AG7188" s="111">
        <v>0</v>
      </c>
      <c r="AH7188" s="111">
        <v>0</v>
      </c>
      <c r="AI7188" s="111">
        <v>0</v>
      </c>
      <c r="AJ7188" s="111">
        <v>0</v>
      </c>
      <c r="AK7188" s="111">
        <v>0</v>
      </c>
      <c r="AL7188" s="111">
        <v>0</v>
      </c>
      <c r="AM7188" s="111">
        <v>0</v>
      </c>
      <c r="AN7188" s="111">
        <v>1</v>
      </c>
      <c r="AO7188" s="111">
        <v>1</v>
      </c>
      <c r="AP7188" s="111">
        <v>0</v>
      </c>
      <c r="AQ7188" s="111">
        <v>0</v>
      </c>
      <c r="AR7188" s="111">
        <v>0</v>
      </c>
      <c r="AS7188" s="111">
        <v>0</v>
      </c>
      <c r="AT7188" s="111">
        <v>1</v>
      </c>
      <c r="AU7188" s="111">
        <v>1</v>
      </c>
      <c r="AV7188" s="111">
        <v>0</v>
      </c>
      <c r="AW7188" s="111">
        <v>1</v>
      </c>
      <c r="AX7188" s="112"/>
      <c r="AY7188" s="112"/>
      <c r="AZ7188" s="112"/>
      <c r="BA7188" s="112" t="s">
        <v>17384</v>
      </c>
      <c r="BB7188" s="221">
        <v>45884</v>
      </c>
    </row>
    <row r="7189" spans="1:54" s="8" customFormat="1" ht="13.95" customHeight="1" x14ac:dyDescent="0.25">
      <c r="A7189" s="229" t="s">
        <v>17385</v>
      </c>
      <c r="B7189" s="96" t="s">
        <v>19873</v>
      </c>
      <c r="C7189" s="93" t="s">
        <v>17386</v>
      </c>
      <c r="D7189" s="93" t="s">
        <v>17387</v>
      </c>
      <c r="E7189" s="111" t="s">
        <v>174</v>
      </c>
      <c r="F7189" s="111">
        <v>26001</v>
      </c>
      <c r="G7189" s="93" t="s">
        <v>8</v>
      </c>
      <c r="H7189" s="111">
        <v>1</v>
      </c>
      <c r="I7189" s="111">
        <v>0</v>
      </c>
      <c r="J7189" s="111">
        <v>1</v>
      </c>
      <c r="K7189" s="111">
        <v>0</v>
      </c>
      <c r="L7189" s="111">
        <v>0</v>
      </c>
      <c r="M7189" s="111">
        <v>0</v>
      </c>
      <c r="N7189" s="111">
        <v>0</v>
      </c>
      <c r="O7189" s="111">
        <v>0</v>
      </c>
      <c r="P7189" s="111">
        <v>0</v>
      </c>
      <c r="Q7189" s="111">
        <v>0</v>
      </c>
      <c r="R7189" s="111">
        <v>0</v>
      </c>
      <c r="S7189" s="111">
        <v>0</v>
      </c>
      <c r="T7189" s="111">
        <v>0</v>
      </c>
      <c r="U7189" s="111">
        <v>0</v>
      </c>
      <c r="V7189" s="111">
        <v>0</v>
      </c>
      <c r="W7189" s="111">
        <v>0</v>
      </c>
      <c r="X7189" s="111">
        <v>0</v>
      </c>
      <c r="Y7189" s="111">
        <v>0</v>
      </c>
      <c r="Z7189" s="111">
        <v>0</v>
      </c>
      <c r="AA7189" s="111">
        <v>0</v>
      </c>
      <c r="AB7189" s="111">
        <v>0</v>
      </c>
      <c r="AC7189" s="111">
        <v>0</v>
      </c>
      <c r="AD7189" s="111">
        <v>0</v>
      </c>
      <c r="AE7189" s="111">
        <v>0</v>
      </c>
      <c r="AF7189" s="111">
        <v>0</v>
      </c>
      <c r="AG7189" s="111">
        <v>0</v>
      </c>
      <c r="AH7189" s="111">
        <v>0</v>
      </c>
      <c r="AI7189" s="111">
        <v>0</v>
      </c>
      <c r="AJ7189" s="111">
        <v>0</v>
      </c>
      <c r="AK7189" s="111">
        <v>0</v>
      </c>
      <c r="AL7189" s="111">
        <v>0</v>
      </c>
      <c r="AM7189" s="111">
        <v>0</v>
      </c>
      <c r="AN7189" s="111">
        <v>0</v>
      </c>
      <c r="AO7189" s="111">
        <v>1</v>
      </c>
      <c r="AP7189" s="111">
        <v>0</v>
      </c>
      <c r="AQ7189" s="111">
        <v>0</v>
      </c>
      <c r="AR7189" s="111">
        <v>0</v>
      </c>
      <c r="AS7189" s="111">
        <v>0</v>
      </c>
      <c r="AT7189" s="111" t="s">
        <v>174</v>
      </c>
      <c r="AU7189" s="111">
        <v>1</v>
      </c>
      <c r="AV7189" s="111">
        <v>0</v>
      </c>
      <c r="AW7189" s="111">
        <v>0</v>
      </c>
      <c r="AX7189" s="112"/>
      <c r="AY7189" s="112"/>
      <c r="AZ7189" s="112"/>
      <c r="BA7189" s="112"/>
      <c r="BB7189" s="221">
        <v>45884</v>
      </c>
    </row>
    <row r="7190" spans="1:54" s="8" customFormat="1" ht="13.95" customHeight="1" x14ac:dyDescent="0.25">
      <c r="A7190" s="229" t="s">
        <v>17388</v>
      </c>
      <c r="B7190" s="96" t="s">
        <v>19873</v>
      </c>
      <c r="C7190" s="93" t="s">
        <v>17389</v>
      </c>
      <c r="D7190" s="93" t="s">
        <v>17387</v>
      </c>
      <c r="E7190" s="111" t="s">
        <v>174</v>
      </c>
      <c r="F7190" s="111">
        <v>5214</v>
      </c>
      <c r="G7190" s="93" t="s">
        <v>8</v>
      </c>
      <c r="H7190" s="111">
        <v>0</v>
      </c>
      <c r="I7190" s="111">
        <v>0</v>
      </c>
      <c r="J7190" s="111">
        <v>0</v>
      </c>
      <c r="K7190" s="111">
        <v>0</v>
      </c>
      <c r="L7190" s="111">
        <v>0</v>
      </c>
      <c r="M7190" s="111">
        <v>0</v>
      </c>
      <c r="N7190" s="111">
        <v>0</v>
      </c>
      <c r="O7190" s="111">
        <v>0</v>
      </c>
      <c r="P7190" s="111">
        <v>0</v>
      </c>
      <c r="Q7190" s="111">
        <v>0</v>
      </c>
      <c r="R7190" s="111">
        <v>0</v>
      </c>
      <c r="S7190" s="111">
        <v>0</v>
      </c>
      <c r="T7190" s="111">
        <v>0</v>
      </c>
      <c r="U7190" s="111">
        <v>0</v>
      </c>
      <c r="V7190" s="111">
        <v>0</v>
      </c>
      <c r="W7190" s="111">
        <v>0</v>
      </c>
      <c r="X7190" s="111">
        <v>0</v>
      </c>
      <c r="Y7190" s="111">
        <v>0</v>
      </c>
      <c r="Z7190" s="111">
        <v>0</v>
      </c>
      <c r="AA7190" s="111">
        <v>0</v>
      </c>
      <c r="AB7190" s="111">
        <v>0</v>
      </c>
      <c r="AC7190" s="111">
        <v>0</v>
      </c>
      <c r="AD7190" s="111">
        <v>0</v>
      </c>
      <c r="AE7190" s="111">
        <v>0</v>
      </c>
      <c r="AF7190" s="111">
        <v>0</v>
      </c>
      <c r="AG7190" s="111">
        <v>0</v>
      </c>
      <c r="AH7190" s="111">
        <v>0</v>
      </c>
      <c r="AI7190" s="111">
        <v>0</v>
      </c>
      <c r="AJ7190" s="111">
        <v>0</v>
      </c>
      <c r="AK7190" s="111">
        <v>0</v>
      </c>
      <c r="AL7190" s="111">
        <v>0</v>
      </c>
      <c r="AM7190" s="111">
        <v>0</v>
      </c>
      <c r="AN7190" s="111">
        <v>0</v>
      </c>
      <c r="AO7190" s="111">
        <v>0</v>
      </c>
      <c r="AP7190" s="111">
        <v>0</v>
      </c>
      <c r="AQ7190" s="111">
        <v>0</v>
      </c>
      <c r="AR7190" s="111">
        <v>0</v>
      </c>
      <c r="AS7190" s="111">
        <v>0</v>
      </c>
      <c r="AT7190" s="111" t="s">
        <v>174</v>
      </c>
      <c r="AU7190" s="111">
        <v>0</v>
      </c>
      <c r="AV7190" s="111">
        <v>0</v>
      </c>
      <c r="AW7190" s="111">
        <v>0</v>
      </c>
      <c r="AX7190" s="112"/>
      <c r="AY7190" s="112"/>
      <c r="AZ7190" s="112"/>
      <c r="BA7190" s="112"/>
      <c r="BB7190" s="221">
        <v>45884</v>
      </c>
    </row>
    <row r="7191" spans="1:54" s="8" customFormat="1" ht="13.95" customHeight="1" x14ac:dyDescent="0.25">
      <c r="A7191" s="229" t="s">
        <v>17390</v>
      </c>
      <c r="B7191" s="96" t="s">
        <v>19873</v>
      </c>
      <c r="C7191" s="93" t="s">
        <v>17391</v>
      </c>
      <c r="D7191" s="93" t="s">
        <v>17392</v>
      </c>
      <c r="E7191" s="111">
        <v>1978</v>
      </c>
      <c r="F7191" s="111">
        <v>263</v>
      </c>
      <c r="G7191" s="93" t="s">
        <v>1</v>
      </c>
      <c r="H7191" s="111">
        <v>0</v>
      </c>
      <c r="I7191" s="111">
        <v>0</v>
      </c>
      <c r="J7191" s="111">
        <v>1</v>
      </c>
      <c r="K7191" s="111">
        <v>0</v>
      </c>
      <c r="L7191" s="111">
        <v>1</v>
      </c>
      <c r="M7191" s="111">
        <v>0</v>
      </c>
      <c r="N7191" s="111">
        <v>0</v>
      </c>
      <c r="O7191" s="111">
        <v>0</v>
      </c>
      <c r="P7191" s="111">
        <v>0</v>
      </c>
      <c r="Q7191" s="111">
        <v>0</v>
      </c>
      <c r="R7191" s="111">
        <v>1</v>
      </c>
      <c r="S7191" s="111">
        <v>0</v>
      </c>
      <c r="T7191" s="111">
        <v>0</v>
      </c>
      <c r="U7191" s="145"/>
      <c r="V7191" s="145"/>
      <c r="W7191" s="145"/>
      <c r="X7191" s="145"/>
      <c r="Y7191" s="145"/>
      <c r="Z7191" s="145"/>
      <c r="AA7191" s="145"/>
      <c r="AB7191" s="145"/>
      <c r="AC7191" s="145"/>
      <c r="AD7191" s="145"/>
      <c r="AE7191" s="145"/>
      <c r="AF7191" s="145"/>
      <c r="AG7191" s="145"/>
      <c r="AH7191" s="145"/>
      <c r="AI7191" s="145"/>
      <c r="AJ7191" s="145"/>
      <c r="AK7191" s="145"/>
      <c r="AL7191" s="145"/>
      <c r="AM7191" s="145"/>
      <c r="AN7191" s="145"/>
      <c r="AO7191" s="145"/>
      <c r="AP7191" s="145"/>
      <c r="AQ7191" s="145"/>
      <c r="AR7191" s="145"/>
      <c r="AS7191" s="145"/>
      <c r="AT7191" s="145"/>
      <c r="AU7191" s="145"/>
      <c r="AV7191" s="145"/>
      <c r="AW7191" s="145"/>
      <c r="AX7191" s="146"/>
      <c r="AY7191" s="146"/>
      <c r="AZ7191" s="146"/>
      <c r="BA7191" s="112" t="s">
        <v>16980</v>
      </c>
      <c r="BB7191" s="221">
        <v>45884</v>
      </c>
    </row>
    <row r="7192" spans="1:54" s="8" customFormat="1" ht="13.95" customHeight="1" x14ac:dyDescent="0.25">
      <c r="A7192" s="229" t="s">
        <v>17393</v>
      </c>
      <c r="B7192" s="96" t="s">
        <v>19873</v>
      </c>
      <c r="C7192" s="93" t="s">
        <v>17394</v>
      </c>
      <c r="D7192" s="93" t="s">
        <v>17395</v>
      </c>
      <c r="E7192" s="111">
        <v>1988</v>
      </c>
      <c r="F7192" s="111">
        <v>1307</v>
      </c>
      <c r="G7192" s="93" t="s">
        <v>1</v>
      </c>
      <c r="H7192" s="111">
        <v>1</v>
      </c>
      <c r="I7192" s="111">
        <v>0</v>
      </c>
      <c r="J7192" s="111">
        <v>1</v>
      </c>
      <c r="K7192" s="111">
        <v>1</v>
      </c>
      <c r="L7192" s="111">
        <v>1</v>
      </c>
      <c r="M7192" s="111">
        <v>0</v>
      </c>
      <c r="N7192" s="111">
        <v>1</v>
      </c>
      <c r="O7192" s="111">
        <v>0</v>
      </c>
      <c r="P7192" s="111">
        <v>1</v>
      </c>
      <c r="Q7192" s="111">
        <v>0</v>
      </c>
      <c r="R7192" s="111">
        <v>0</v>
      </c>
      <c r="S7192" s="111">
        <v>0</v>
      </c>
      <c r="T7192" s="111">
        <v>0</v>
      </c>
      <c r="U7192" s="145"/>
      <c r="V7192" s="145"/>
      <c r="W7192" s="145"/>
      <c r="X7192" s="145"/>
      <c r="Y7192" s="145"/>
      <c r="Z7192" s="145"/>
      <c r="AA7192" s="145"/>
      <c r="AB7192" s="145"/>
      <c r="AC7192" s="145"/>
      <c r="AD7192" s="145"/>
      <c r="AE7192" s="145"/>
      <c r="AF7192" s="145"/>
      <c r="AG7192" s="145"/>
      <c r="AH7192" s="145"/>
      <c r="AI7192" s="145"/>
      <c r="AJ7192" s="145"/>
      <c r="AK7192" s="145"/>
      <c r="AL7192" s="145"/>
      <c r="AM7192" s="145"/>
      <c r="AN7192" s="145"/>
      <c r="AO7192" s="145"/>
      <c r="AP7192" s="145"/>
      <c r="AQ7192" s="145"/>
      <c r="AR7192" s="145"/>
      <c r="AS7192" s="145"/>
      <c r="AT7192" s="145"/>
      <c r="AU7192" s="145"/>
      <c r="AV7192" s="145"/>
      <c r="AW7192" s="145"/>
      <c r="AX7192" s="146"/>
      <c r="AY7192" s="146"/>
      <c r="AZ7192" s="146"/>
      <c r="BA7192" s="146"/>
      <c r="BB7192" s="221">
        <v>45884</v>
      </c>
    </row>
    <row r="7193" spans="1:54" s="8" customFormat="1" ht="13.95" customHeight="1" x14ac:dyDescent="0.25">
      <c r="A7193" s="229" t="s">
        <v>17396</v>
      </c>
      <c r="B7193" s="96" t="s">
        <v>19873</v>
      </c>
      <c r="C7193" s="93" t="s">
        <v>17397</v>
      </c>
      <c r="D7193" s="93" t="s">
        <v>17398</v>
      </c>
      <c r="E7193" s="111">
        <v>1989</v>
      </c>
      <c r="F7193" s="111">
        <v>219</v>
      </c>
      <c r="G7193" s="93" t="s">
        <v>1</v>
      </c>
      <c r="H7193" s="111">
        <v>0</v>
      </c>
      <c r="I7193" s="111">
        <v>0</v>
      </c>
      <c r="J7193" s="111">
        <v>1</v>
      </c>
      <c r="K7193" s="111">
        <v>1</v>
      </c>
      <c r="L7193" s="111">
        <v>1</v>
      </c>
      <c r="M7193" s="111">
        <v>0</v>
      </c>
      <c r="N7193" s="111">
        <v>0</v>
      </c>
      <c r="O7193" s="111">
        <v>0</v>
      </c>
      <c r="P7193" s="111">
        <v>0</v>
      </c>
      <c r="Q7193" s="111">
        <v>0</v>
      </c>
      <c r="R7193" s="111">
        <v>0</v>
      </c>
      <c r="S7193" s="111">
        <v>1</v>
      </c>
      <c r="T7193" s="111">
        <v>0</v>
      </c>
      <c r="U7193" s="145"/>
      <c r="V7193" s="145"/>
      <c r="W7193" s="145"/>
      <c r="X7193" s="145"/>
      <c r="Y7193" s="145"/>
      <c r="Z7193" s="145"/>
      <c r="AA7193" s="145"/>
      <c r="AB7193" s="145"/>
      <c r="AC7193" s="145"/>
      <c r="AD7193" s="145"/>
      <c r="AE7193" s="145"/>
      <c r="AF7193" s="145"/>
      <c r="AG7193" s="145"/>
      <c r="AH7193" s="145"/>
      <c r="AI7193" s="145"/>
      <c r="AJ7193" s="145"/>
      <c r="AK7193" s="145"/>
      <c r="AL7193" s="145"/>
      <c r="AM7193" s="145"/>
      <c r="AN7193" s="145"/>
      <c r="AO7193" s="145"/>
      <c r="AP7193" s="145"/>
      <c r="AQ7193" s="145"/>
      <c r="AR7193" s="145"/>
      <c r="AS7193" s="145"/>
      <c r="AT7193" s="145"/>
      <c r="AU7193" s="145"/>
      <c r="AV7193" s="145"/>
      <c r="AW7193" s="145"/>
      <c r="AX7193" s="146"/>
      <c r="AY7193" s="146"/>
      <c r="AZ7193" s="146"/>
      <c r="BA7193" s="146"/>
      <c r="BB7193" s="221">
        <v>45884</v>
      </c>
    </row>
    <row r="7194" spans="1:54" s="8" customFormat="1" ht="13.95" customHeight="1" x14ac:dyDescent="0.25">
      <c r="A7194" s="229" t="s">
        <v>17399</v>
      </c>
      <c r="B7194" s="96" t="s">
        <v>19873</v>
      </c>
      <c r="C7194" s="93" t="s">
        <v>17400</v>
      </c>
      <c r="D7194" s="93" t="s">
        <v>17401</v>
      </c>
      <c r="E7194" s="111">
        <v>1991</v>
      </c>
      <c r="F7194" s="111">
        <v>140</v>
      </c>
      <c r="G7194" s="93" t="s">
        <v>1</v>
      </c>
      <c r="H7194" s="111">
        <v>0</v>
      </c>
      <c r="I7194" s="111">
        <v>0</v>
      </c>
      <c r="J7194" s="111">
        <v>1</v>
      </c>
      <c r="K7194" s="111">
        <v>0</v>
      </c>
      <c r="L7194" s="111">
        <v>0</v>
      </c>
      <c r="M7194" s="111">
        <v>0</v>
      </c>
      <c r="N7194" s="111">
        <v>0</v>
      </c>
      <c r="O7194" s="111">
        <v>0</v>
      </c>
      <c r="P7194" s="111">
        <v>1</v>
      </c>
      <c r="Q7194" s="111">
        <v>0</v>
      </c>
      <c r="R7194" s="111">
        <v>0</v>
      </c>
      <c r="S7194" s="111">
        <v>0</v>
      </c>
      <c r="T7194" s="111">
        <v>0</v>
      </c>
      <c r="U7194" s="145"/>
      <c r="V7194" s="145"/>
      <c r="W7194" s="145"/>
      <c r="X7194" s="145"/>
      <c r="Y7194" s="145"/>
      <c r="Z7194" s="145"/>
      <c r="AA7194" s="145"/>
      <c r="AB7194" s="145"/>
      <c r="AC7194" s="145"/>
      <c r="AD7194" s="145"/>
      <c r="AE7194" s="145"/>
      <c r="AF7194" s="145"/>
      <c r="AG7194" s="145"/>
      <c r="AH7194" s="145"/>
      <c r="AI7194" s="145"/>
      <c r="AJ7194" s="145"/>
      <c r="AK7194" s="145"/>
      <c r="AL7194" s="145"/>
      <c r="AM7194" s="145"/>
      <c r="AN7194" s="145"/>
      <c r="AO7194" s="145"/>
      <c r="AP7194" s="145"/>
      <c r="AQ7194" s="145"/>
      <c r="AR7194" s="145"/>
      <c r="AS7194" s="145"/>
      <c r="AT7194" s="145"/>
      <c r="AU7194" s="145"/>
      <c r="AV7194" s="145"/>
      <c r="AW7194" s="145"/>
      <c r="AX7194" s="146"/>
      <c r="AY7194" s="146"/>
      <c r="AZ7194" s="146"/>
      <c r="BA7194" s="146"/>
      <c r="BB7194" s="221">
        <v>45884</v>
      </c>
    </row>
    <row r="7195" spans="1:54" s="8" customFormat="1" ht="13.95" customHeight="1" x14ac:dyDescent="0.25">
      <c r="A7195" s="229" t="s">
        <v>17402</v>
      </c>
      <c r="B7195" s="96" t="s">
        <v>19873</v>
      </c>
      <c r="C7195" s="93" t="s">
        <v>17403</v>
      </c>
      <c r="D7195" s="93" t="s">
        <v>17404</v>
      </c>
      <c r="E7195" s="111">
        <v>1994</v>
      </c>
      <c r="F7195" s="111">
        <v>211</v>
      </c>
      <c r="G7195" s="93" t="s">
        <v>1</v>
      </c>
      <c r="H7195" s="111">
        <v>0</v>
      </c>
      <c r="I7195" s="111">
        <v>0</v>
      </c>
      <c r="J7195" s="111">
        <v>1</v>
      </c>
      <c r="K7195" s="111">
        <v>0</v>
      </c>
      <c r="L7195" s="111">
        <v>0</v>
      </c>
      <c r="M7195" s="111">
        <v>0</v>
      </c>
      <c r="N7195" s="111">
        <v>0</v>
      </c>
      <c r="O7195" s="111">
        <v>0</v>
      </c>
      <c r="P7195" s="111">
        <v>0</v>
      </c>
      <c r="Q7195" s="111">
        <v>0</v>
      </c>
      <c r="R7195" s="111">
        <v>0</v>
      </c>
      <c r="S7195" s="111">
        <v>0</v>
      </c>
      <c r="T7195" s="111">
        <v>0</v>
      </c>
      <c r="U7195" s="145"/>
      <c r="V7195" s="145"/>
      <c r="W7195" s="145"/>
      <c r="X7195" s="145"/>
      <c r="Y7195" s="145"/>
      <c r="Z7195" s="145"/>
      <c r="AA7195" s="145"/>
      <c r="AB7195" s="145"/>
      <c r="AC7195" s="145"/>
      <c r="AD7195" s="145"/>
      <c r="AE7195" s="145"/>
      <c r="AF7195" s="145"/>
      <c r="AG7195" s="145"/>
      <c r="AH7195" s="145"/>
      <c r="AI7195" s="145"/>
      <c r="AJ7195" s="145"/>
      <c r="AK7195" s="145"/>
      <c r="AL7195" s="145"/>
      <c r="AM7195" s="145"/>
      <c r="AN7195" s="145"/>
      <c r="AO7195" s="145"/>
      <c r="AP7195" s="145"/>
      <c r="AQ7195" s="145"/>
      <c r="AR7195" s="145"/>
      <c r="AS7195" s="145"/>
      <c r="AT7195" s="145"/>
      <c r="AU7195" s="145"/>
      <c r="AV7195" s="145"/>
      <c r="AW7195" s="145"/>
      <c r="AX7195" s="146"/>
      <c r="AY7195" s="146"/>
      <c r="AZ7195" s="146"/>
      <c r="BA7195" s="146"/>
      <c r="BB7195" s="221">
        <v>45884</v>
      </c>
    </row>
    <row r="7196" spans="1:54" s="8" customFormat="1" ht="13.95" customHeight="1" x14ac:dyDescent="0.25">
      <c r="A7196" s="229" t="s">
        <v>17405</v>
      </c>
      <c r="B7196" s="96" t="s">
        <v>19873</v>
      </c>
      <c r="C7196" s="93" t="s">
        <v>17406</v>
      </c>
      <c r="D7196" s="93" t="s">
        <v>17407</v>
      </c>
      <c r="E7196" s="111">
        <v>1994</v>
      </c>
      <c r="F7196" s="111">
        <v>118</v>
      </c>
      <c r="G7196" s="93" t="s">
        <v>1</v>
      </c>
      <c r="H7196" s="111">
        <v>0</v>
      </c>
      <c r="I7196" s="111">
        <v>0</v>
      </c>
      <c r="J7196" s="111">
        <v>1</v>
      </c>
      <c r="K7196" s="111">
        <v>1</v>
      </c>
      <c r="L7196" s="111">
        <v>0</v>
      </c>
      <c r="M7196" s="111">
        <v>0</v>
      </c>
      <c r="N7196" s="111">
        <v>0</v>
      </c>
      <c r="O7196" s="111">
        <v>0</v>
      </c>
      <c r="P7196" s="111">
        <v>0</v>
      </c>
      <c r="Q7196" s="111">
        <v>0</v>
      </c>
      <c r="R7196" s="111">
        <v>0</v>
      </c>
      <c r="S7196" s="111">
        <v>0</v>
      </c>
      <c r="T7196" s="111">
        <v>0</v>
      </c>
      <c r="U7196" s="145"/>
      <c r="V7196" s="145"/>
      <c r="W7196" s="145"/>
      <c r="X7196" s="145"/>
      <c r="Y7196" s="145"/>
      <c r="Z7196" s="145"/>
      <c r="AA7196" s="145"/>
      <c r="AB7196" s="145"/>
      <c r="AC7196" s="145"/>
      <c r="AD7196" s="145"/>
      <c r="AE7196" s="145"/>
      <c r="AF7196" s="145"/>
      <c r="AG7196" s="145"/>
      <c r="AH7196" s="145"/>
      <c r="AI7196" s="145"/>
      <c r="AJ7196" s="145"/>
      <c r="AK7196" s="145"/>
      <c r="AL7196" s="145"/>
      <c r="AM7196" s="145"/>
      <c r="AN7196" s="145"/>
      <c r="AO7196" s="145"/>
      <c r="AP7196" s="145"/>
      <c r="AQ7196" s="145"/>
      <c r="AR7196" s="145"/>
      <c r="AS7196" s="145"/>
      <c r="AT7196" s="145"/>
      <c r="AU7196" s="145"/>
      <c r="AV7196" s="145"/>
      <c r="AW7196" s="145"/>
      <c r="AX7196" s="146"/>
      <c r="AY7196" s="146"/>
      <c r="AZ7196" s="146"/>
      <c r="BA7196" s="146"/>
      <c r="BB7196" s="221">
        <v>45884</v>
      </c>
    </row>
    <row r="7197" spans="1:54" s="8" customFormat="1" ht="13.95" customHeight="1" x14ac:dyDescent="0.25">
      <c r="A7197" s="229" t="s">
        <v>17408</v>
      </c>
      <c r="B7197" s="96" t="s">
        <v>19873</v>
      </c>
      <c r="C7197" s="93" t="s">
        <v>17409</v>
      </c>
      <c r="D7197" s="93" t="s">
        <v>17410</v>
      </c>
      <c r="E7197" s="111">
        <v>1994</v>
      </c>
      <c r="F7197" s="111">
        <v>157</v>
      </c>
      <c r="G7197" s="93" t="s">
        <v>1</v>
      </c>
      <c r="H7197" s="111">
        <v>0</v>
      </c>
      <c r="I7197" s="111">
        <v>0</v>
      </c>
      <c r="J7197" s="111">
        <v>0</v>
      </c>
      <c r="K7197" s="111">
        <v>0</v>
      </c>
      <c r="L7197" s="111">
        <v>0</v>
      </c>
      <c r="M7197" s="111">
        <v>0</v>
      </c>
      <c r="N7197" s="111">
        <v>0</v>
      </c>
      <c r="O7197" s="111">
        <v>0</v>
      </c>
      <c r="P7197" s="111">
        <v>0</v>
      </c>
      <c r="Q7197" s="111">
        <v>0</v>
      </c>
      <c r="R7197" s="111">
        <v>0</v>
      </c>
      <c r="S7197" s="111">
        <v>0</v>
      </c>
      <c r="T7197" s="111">
        <v>0</v>
      </c>
      <c r="U7197" s="145"/>
      <c r="V7197" s="145"/>
      <c r="W7197" s="145"/>
      <c r="X7197" s="145"/>
      <c r="Y7197" s="145"/>
      <c r="Z7197" s="145"/>
      <c r="AA7197" s="145"/>
      <c r="AB7197" s="145"/>
      <c r="AC7197" s="145"/>
      <c r="AD7197" s="145"/>
      <c r="AE7197" s="145"/>
      <c r="AF7197" s="145"/>
      <c r="AG7197" s="145"/>
      <c r="AH7197" s="145"/>
      <c r="AI7197" s="145"/>
      <c r="AJ7197" s="145"/>
      <c r="AK7197" s="145"/>
      <c r="AL7197" s="145"/>
      <c r="AM7197" s="145"/>
      <c r="AN7197" s="145"/>
      <c r="AO7197" s="145"/>
      <c r="AP7197" s="145"/>
      <c r="AQ7197" s="145"/>
      <c r="AR7197" s="145"/>
      <c r="AS7197" s="145"/>
      <c r="AT7197" s="145"/>
      <c r="AU7197" s="145"/>
      <c r="AV7197" s="145"/>
      <c r="AW7197" s="145"/>
      <c r="AX7197" s="146"/>
      <c r="AY7197" s="146"/>
      <c r="AZ7197" s="146"/>
      <c r="BA7197" s="146"/>
      <c r="BB7197" s="221">
        <v>45884</v>
      </c>
    </row>
    <row r="7198" spans="1:54" s="8" customFormat="1" ht="13.95" customHeight="1" x14ac:dyDescent="0.25">
      <c r="A7198" s="229" t="s">
        <v>17411</v>
      </c>
      <c r="B7198" s="96" t="s">
        <v>19873</v>
      </c>
      <c r="C7198" s="93" t="s">
        <v>17412</v>
      </c>
      <c r="D7198" s="93" t="s">
        <v>17413</v>
      </c>
      <c r="E7198" s="111">
        <v>1994</v>
      </c>
      <c r="F7198" s="111">
        <v>220</v>
      </c>
      <c r="G7198" s="93" t="s">
        <v>1</v>
      </c>
      <c r="H7198" s="111">
        <v>0</v>
      </c>
      <c r="I7198" s="111">
        <v>0</v>
      </c>
      <c r="J7198" s="111">
        <v>1</v>
      </c>
      <c r="K7198" s="111">
        <v>1</v>
      </c>
      <c r="L7198" s="111">
        <v>0</v>
      </c>
      <c r="M7198" s="111">
        <v>0</v>
      </c>
      <c r="N7198" s="111">
        <v>0</v>
      </c>
      <c r="O7198" s="111">
        <v>0</v>
      </c>
      <c r="P7198" s="111">
        <v>0</v>
      </c>
      <c r="Q7198" s="111">
        <v>0</v>
      </c>
      <c r="R7198" s="111">
        <v>0</v>
      </c>
      <c r="S7198" s="111">
        <v>0</v>
      </c>
      <c r="T7198" s="111">
        <v>0</v>
      </c>
      <c r="U7198" s="145"/>
      <c r="V7198" s="145"/>
      <c r="W7198" s="145"/>
      <c r="X7198" s="145"/>
      <c r="Y7198" s="145"/>
      <c r="Z7198" s="145"/>
      <c r="AA7198" s="145"/>
      <c r="AB7198" s="145"/>
      <c r="AC7198" s="145"/>
      <c r="AD7198" s="145"/>
      <c r="AE7198" s="145"/>
      <c r="AF7198" s="145"/>
      <c r="AG7198" s="145"/>
      <c r="AH7198" s="145"/>
      <c r="AI7198" s="145"/>
      <c r="AJ7198" s="145"/>
      <c r="AK7198" s="145"/>
      <c r="AL7198" s="145"/>
      <c r="AM7198" s="145"/>
      <c r="AN7198" s="145"/>
      <c r="AO7198" s="145"/>
      <c r="AP7198" s="145"/>
      <c r="AQ7198" s="145"/>
      <c r="AR7198" s="145"/>
      <c r="AS7198" s="145"/>
      <c r="AT7198" s="145"/>
      <c r="AU7198" s="145"/>
      <c r="AV7198" s="145"/>
      <c r="AW7198" s="145"/>
      <c r="AX7198" s="146"/>
      <c r="AY7198" s="146"/>
      <c r="AZ7198" s="146"/>
      <c r="BA7198" s="146"/>
      <c r="BB7198" s="221">
        <v>45884</v>
      </c>
    </row>
    <row r="7199" spans="1:54" s="8" customFormat="1" ht="13.95" customHeight="1" x14ac:dyDescent="0.25">
      <c r="A7199" s="229" t="s">
        <v>17414</v>
      </c>
      <c r="B7199" s="96" t="s">
        <v>19873</v>
      </c>
      <c r="C7199" s="93" t="s">
        <v>17415</v>
      </c>
      <c r="D7199" s="93" t="s">
        <v>17416</v>
      </c>
      <c r="E7199" s="111">
        <v>1995</v>
      </c>
      <c r="F7199" s="111">
        <v>167</v>
      </c>
      <c r="G7199" s="93" t="s">
        <v>1</v>
      </c>
      <c r="H7199" s="111">
        <v>0</v>
      </c>
      <c r="I7199" s="111">
        <v>0</v>
      </c>
      <c r="J7199" s="111">
        <v>1</v>
      </c>
      <c r="K7199" s="111">
        <v>1</v>
      </c>
      <c r="L7199" s="111">
        <v>0</v>
      </c>
      <c r="M7199" s="111">
        <v>0</v>
      </c>
      <c r="N7199" s="111">
        <v>0</v>
      </c>
      <c r="O7199" s="111">
        <v>0</v>
      </c>
      <c r="P7199" s="111">
        <v>0</v>
      </c>
      <c r="Q7199" s="111">
        <v>0</v>
      </c>
      <c r="R7199" s="111">
        <v>0</v>
      </c>
      <c r="S7199" s="111">
        <v>1</v>
      </c>
      <c r="T7199" s="111">
        <v>0</v>
      </c>
      <c r="U7199" s="145"/>
      <c r="V7199" s="145"/>
      <c r="W7199" s="145"/>
      <c r="X7199" s="145"/>
      <c r="Y7199" s="145"/>
      <c r="Z7199" s="145"/>
      <c r="AA7199" s="145"/>
      <c r="AB7199" s="145"/>
      <c r="AC7199" s="145"/>
      <c r="AD7199" s="145"/>
      <c r="AE7199" s="145"/>
      <c r="AF7199" s="145"/>
      <c r="AG7199" s="145"/>
      <c r="AH7199" s="145"/>
      <c r="AI7199" s="145"/>
      <c r="AJ7199" s="145"/>
      <c r="AK7199" s="145"/>
      <c r="AL7199" s="145"/>
      <c r="AM7199" s="145"/>
      <c r="AN7199" s="145"/>
      <c r="AO7199" s="145"/>
      <c r="AP7199" s="145"/>
      <c r="AQ7199" s="145"/>
      <c r="AR7199" s="145"/>
      <c r="AS7199" s="145"/>
      <c r="AT7199" s="145"/>
      <c r="AU7199" s="145"/>
      <c r="AV7199" s="145"/>
      <c r="AW7199" s="145"/>
      <c r="AX7199" s="146"/>
      <c r="AY7199" s="146"/>
      <c r="AZ7199" s="146"/>
      <c r="BA7199" s="146"/>
      <c r="BB7199" s="221">
        <v>45884</v>
      </c>
    </row>
    <row r="7200" spans="1:54" s="8" customFormat="1" ht="13.95" customHeight="1" x14ac:dyDescent="0.25">
      <c r="A7200" s="229" t="s">
        <v>17417</v>
      </c>
      <c r="B7200" s="96" t="s">
        <v>19873</v>
      </c>
      <c r="C7200" s="93" t="s">
        <v>17418</v>
      </c>
      <c r="D7200" s="93" t="s">
        <v>17419</v>
      </c>
      <c r="E7200" s="111">
        <v>1995</v>
      </c>
      <c r="F7200" s="111">
        <v>200</v>
      </c>
      <c r="G7200" s="93" t="s">
        <v>1</v>
      </c>
      <c r="H7200" s="111">
        <v>0</v>
      </c>
      <c r="I7200" s="111">
        <v>0</v>
      </c>
      <c r="J7200" s="111">
        <v>1</v>
      </c>
      <c r="K7200" s="111">
        <v>0</v>
      </c>
      <c r="L7200" s="111">
        <v>0</v>
      </c>
      <c r="M7200" s="111">
        <v>0</v>
      </c>
      <c r="N7200" s="111">
        <v>0</v>
      </c>
      <c r="O7200" s="111">
        <v>0</v>
      </c>
      <c r="P7200" s="111">
        <v>0</v>
      </c>
      <c r="Q7200" s="111">
        <v>0</v>
      </c>
      <c r="R7200" s="111">
        <v>0</v>
      </c>
      <c r="S7200" s="111">
        <v>0</v>
      </c>
      <c r="T7200" s="111">
        <v>0</v>
      </c>
      <c r="U7200" s="145"/>
      <c r="V7200" s="145"/>
      <c r="W7200" s="145"/>
      <c r="X7200" s="145"/>
      <c r="Y7200" s="145"/>
      <c r="Z7200" s="145"/>
      <c r="AA7200" s="145"/>
      <c r="AB7200" s="145"/>
      <c r="AC7200" s="145"/>
      <c r="AD7200" s="145"/>
      <c r="AE7200" s="145"/>
      <c r="AF7200" s="145"/>
      <c r="AG7200" s="145"/>
      <c r="AH7200" s="145"/>
      <c r="AI7200" s="145"/>
      <c r="AJ7200" s="145"/>
      <c r="AK7200" s="145"/>
      <c r="AL7200" s="145"/>
      <c r="AM7200" s="145"/>
      <c r="AN7200" s="145"/>
      <c r="AO7200" s="145"/>
      <c r="AP7200" s="145"/>
      <c r="AQ7200" s="145"/>
      <c r="AR7200" s="145"/>
      <c r="AS7200" s="145"/>
      <c r="AT7200" s="145"/>
      <c r="AU7200" s="145"/>
      <c r="AV7200" s="145"/>
      <c r="AW7200" s="145"/>
      <c r="AX7200" s="146"/>
      <c r="AY7200" s="146"/>
      <c r="AZ7200" s="146"/>
      <c r="BA7200" s="146"/>
      <c r="BB7200" s="221">
        <v>45884</v>
      </c>
    </row>
    <row r="7201" spans="1:54" s="8" customFormat="1" ht="13.95" customHeight="1" x14ac:dyDescent="0.25">
      <c r="A7201" s="229" t="s">
        <v>17420</v>
      </c>
      <c r="B7201" s="96" t="s">
        <v>19873</v>
      </c>
      <c r="C7201" s="93" t="s">
        <v>17421</v>
      </c>
      <c r="D7201" s="93" t="s">
        <v>17422</v>
      </c>
      <c r="E7201" s="111">
        <v>1995</v>
      </c>
      <c r="F7201" s="111">
        <v>261</v>
      </c>
      <c r="G7201" s="93" t="s">
        <v>1</v>
      </c>
      <c r="H7201" s="111">
        <v>0</v>
      </c>
      <c r="I7201" s="111">
        <v>0</v>
      </c>
      <c r="J7201" s="111">
        <v>1</v>
      </c>
      <c r="K7201" s="111">
        <v>0</v>
      </c>
      <c r="L7201" s="111">
        <v>0</v>
      </c>
      <c r="M7201" s="111">
        <v>0</v>
      </c>
      <c r="N7201" s="111">
        <v>0</v>
      </c>
      <c r="O7201" s="111">
        <v>0</v>
      </c>
      <c r="P7201" s="111">
        <v>0</v>
      </c>
      <c r="Q7201" s="111">
        <v>0</v>
      </c>
      <c r="R7201" s="111">
        <v>0</v>
      </c>
      <c r="S7201" s="111">
        <v>0</v>
      </c>
      <c r="T7201" s="111">
        <v>0</v>
      </c>
      <c r="U7201" s="145"/>
      <c r="V7201" s="145"/>
      <c r="W7201" s="145"/>
      <c r="X7201" s="145"/>
      <c r="Y7201" s="145"/>
      <c r="Z7201" s="145"/>
      <c r="AA7201" s="145"/>
      <c r="AB7201" s="145"/>
      <c r="AC7201" s="145"/>
      <c r="AD7201" s="145"/>
      <c r="AE7201" s="145"/>
      <c r="AF7201" s="145"/>
      <c r="AG7201" s="145"/>
      <c r="AH7201" s="145"/>
      <c r="AI7201" s="145"/>
      <c r="AJ7201" s="145"/>
      <c r="AK7201" s="145"/>
      <c r="AL7201" s="145"/>
      <c r="AM7201" s="145"/>
      <c r="AN7201" s="145"/>
      <c r="AO7201" s="145"/>
      <c r="AP7201" s="145"/>
      <c r="AQ7201" s="145"/>
      <c r="AR7201" s="145"/>
      <c r="AS7201" s="145"/>
      <c r="AT7201" s="145"/>
      <c r="AU7201" s="145"/>
      <c r="AV7201" s="145"/>
      <c r="AW7201" s="145"/>
      <c r="AX7201" s="146"/>
      <c r="AY7201" s="146"/>
      <c r="AZ7201" s="146"/>
      <c r="BA7201" s="146"/>
      <c r="BB7201" s="221">
        <v>45884</v>
      </c>
    </row>
    <row r="7202" spans="1:54" s="8" customFormat="1" ht="13.95" customHeight="1" x14ac:dyDescent="0.25">
      <c r="A7202" s="229" t="s">
        <v>17423</v>
      </c>
      <c r="B7202" s="96" t="s">
        <v>19873</v>
      </c>
      <c r="C7202" s="93" t="s">
        <v>17424</v>
      </c>
      <c r="D7202" s="93" t="s">
        <v>17425</v>
      </c>
      <c r="E7202" s="111">
        <v>1995</v>
      </c>
      <c r="F7202" s="111">
        <v>198</v>
      </c>
      <c r="G7202" s="93" t="s">
        <v>1</v>
      </c>
      <c r="H7202" s="111">
        <v>0</v>
      </c>
      <c r="I7202" s="111">
        <v>0</v>
      </c>
      <c r="J7202" s="111">
        <v>1</v>
      </c>
      <c r="K7202" s="111">
        <v>0</v>
      </c>
      <c r="L7202" s="111">
        <v>0</v>
      </c>
      <c r="M7202" s="111">
        <v>0</v>
      </c>
      <c r="N7202" s="111">
        <v>1</v>
      </c>
      <c r="O7202" s="111">
        <v>0</v>
      </c>
      <c r="P7202" s="111">
        <v>0</v>
      </c>
      <c r="Q7202" s="111">
        <v>0</v>
      </c>
      <c r="R7202" s="111">
        <v>0</v>
      </c>
      <c r="S7202" s="111">
        <v>0</v>
      </c>
      <c r="T7202" s="111">
        <v>0</v>
      </c>
      <c r="U7202" s="145"/>
      <c r="V7202" s="145"/>
      <c r="W7202" s="145"/>
      <c r="X7202" s="145"/>
      <c r="Y7202" s="145"/>
      <c r="Z7202" s="145"/>
      <c r="AA7202" s="145"/>
      <c r="AB7202" s="145"/>
      <c r="AC7202" s="145"/>
      <c r="AD7202" s="145"/>
      <c r="AE7202" s="145"/>
      <c r="AF7202" s="145"/>
      <c r="AG7202" s="145"/>
      <c r="AH7202" s="145"/>
      <c r="AI7202" s="145"/>
      <c r="AJ7202" s="145"/>
      <c r="AK7202" s="145"/>
      <c r="AL7202" s="145"/>
      <c r="AM7202" s="145"/>
      <c r="AN7202" s="145"/>
      <c r="AO7202" s="145"/>
      <c r="AP7202" s="145"/>
      <c r="AQ7202" s="145"/>
      <c r="AR7202" s="145"/>
      <c r="AS7202" s="145"/>
      <c r="AT7202" s="145"/>
      <c r="AU7202" s="145"/>
      <c r="AV7202" s="145"/>
      <c r="AW7202" s="145"/>
      <c r="AX7202" s="146"/>
      <c r="AY7202" s="146"/>
      <c r="AZ7202" s="146"/>
      <c r="BA7202" s="146"/>
      <c r="BB7202" s="221">
        <v>45884</v>
      </c>
    </row>
    <row r="7203" spans="1:54" s="8" customFormat="1" ht="13.95" customHeight="1" x14ac:dyDescent="0.25">
      <c r="A7203" s="229" t="s">
        <v>17426</v>
      </c>
      <c r="B7203" s="96" t="s">
        <v>19873</v>
      </c>
      <c r="C7203" s="93" t="s">
        <v>17427</v>
      </c>
      <c r="D7203" s="93" t="s">
        <v>17428</v>
      </c>
      <c r="E7203" s="111">
        <v>1993</v>
      </c>
      <c r="F7203" s="111">
        <v>220</v>
      </c>
      <c r="G7203" s="93" t="s">
        <v>1</v>
      </c>
      <c r="H7203" s="111">
        <v>0</v>
      </c>
      <c r="I7203" s="111">
        <v>0</v>
      </c>
      <c r="J7203" s="111">
        <v>0</v>
      </c>
      <c r="K7203" s="111">
        <v>1</v>
      </c>
      <c r="L7203" s="111">
        <v>0</v>
      </c>
      <c r="M7203" s="111">
        <v>0</v>
      </c>
      <c r="N7203" s="111">
        <v>0</v>
      </c>
      <c r="O7203" s="111">
        <v>0</v>
      </c>
      <c r="P7203" s="111">
        <v>0</v>
      </c>
      <c r="Q7203" s="111">
        <v>0</v>
      </c>
      <c r="R7203" s="111">
        <v>0</v>
      </c>
      <c r="S7203" s="111">
        <v>0</v>
      </c>
      <c r="T7203" s="111">
        <v>0</v>
      </c>
      <c r="U7203" s="145"/>
      <c r="V7203" s="145"/>
      <c r="W7203" s="145"/>
      <c r="X7203" s="145"/>
      <c r="Y7203" s="145"/>
      <c r="Z7203" s="145"/>
      <c r="AA7203" s="145"/>
      <c r="AB7203" s="145"/>
      <c r="AC7203" s="145"/>
      <c r="AD7203" s="145"/>
      <c r="AE7203" s="145"/>
      <c r="AF7203" s="145"/>
      <c r="AG7203" s="145"/>
      <c r="AH7203" s="145"/>
      <c r="AI7203" s="145"/>
      <c r="AJ7203" s="145"/>
      <c r="AK7203" s="145"/>
      <c r="AL7203" s="145"/>
      <c r="AM7203" s="145"/>
      <c r="AN7203" s="145"/>
      <c r="AO7203" s="145"/>
      <c r="AP7203" s="145"/>
      <c r="AQ7203" s="145"/>
      <c r="AR7203" s="145"/>
      <c r="AS7203" s="145"/>
      <c r="AT7203" s="145"/>
      <c r="AU7203" s="145"/>
      <c r="AV7203" s="145"/>
      <c r="AW7203" s="145"/>
      <c r="AX7203" s="146"/>
      <c r="AY7203" s="146"/>
      <c r="AZ7203" s="146"/>
      <c r="BA7203" s="146"/>
      <c r="BB7203" s="221">
        <v>45884</v>
      </c>
    </row>
    <row r="7204" spans="1:54" s="8" customFormat="1" ht="13.95" customHeight="1" x14ac:dyDescent="0.25">
      <c r="A7204" s="229" t="s">
        <v>17429</v>
      </c>
      <c r="B7204" s="96" t="s">
        <v>19873</v>
      </c>
      <c r="C7204" s="93" t="s">
        <v>17430</v>
      </c>
      <c r="D7204" s="93" t="s">
        <v>17431</v>
      </c>
      <c r="E7204" s="111">
        <v>1974</v>
      </c>
      <c r="F7204" s="111">
        <v>174</v>
      </c>
      <c r="G7204" s="93" t="s">
        <v>1</v>
      </c>
      <c r="H7204" s="111">
        <v>0</v>
      </c>
      <c r="I7204" s="111">
        <v>0</v>
      </c>
      <c r="J7204" s="111">
        <v>0</v>
      </c>
      <c r="K7204" s="111">
        <v>0</v>
      </c>
      <c r="L7204" s="111">
        <v>0</v>
      </c>
      <c r="M7204" s="111">
        <v>0</v>
      </c>
      <c r="N7204" s="111">
        <v>0</v>
      </c>
      <c r="O7204" s="111">
        <v>0</v>
      </c>
      <c r="P7204" s="111">
        <v>1</v>
      </c>
      <c r="Q7204" s="111">
        <v>0</v>
      </c>
      <c r="R7204" s="111">
        <v>0</v>
      </c>
      <c r="S7204" s="111">
        <v>0</v>
      </c>
      <c r="T7204" s="111">
        <v>0</v>
      </c>
      <c r="U7204" s="145"/>
      <c r="V7204" s="145"/>
      <c r="W7204" s="145"/>
      <c r="X7204" s="145"/>
      <c r="Y7204" s="145"/>
      <c r="Z7204" s="145"/>
      <c r="AA7204" s="145"/>
      <c r="AB7204" s="145"/>
      <c r="AC7204" s="145"/>
      <c r="AD7204" s="145"/>
      <c r="AE7204" s="145"/>
      <c r="AF7204" s="145"/>
      <c r="AG7204" s="145"/>
      <c r="AH7204" s="145"/>
      <c r="AI7204" s="145"/>
      <c r="AJ7204" s="145"/>
      <c r="AK7204" s="145"/>
      <c r="AL7204" s="145"/>
      <c r="AM7204" s="145"/>
      <c r="AN7204" s="145"/>
      <c r="AO7204" s="145"/>
      <c r="AP7204" s="145"/>
      <c r="AQ7204" s="145"/>
      <c r="AR7204" s="145"/>
      <c r="AS7204" s="145"/>
      <c r="AT7204" s="145"/>
      <c r="AU7204" s="145"/>
      <c r="AV7204" s="145"/>
      <c r="AW7204" s="145"/>
      <c r="AX7204" s="146"/>
      <c r="AY7204" s="146"/>
      <c r="AZ7204" s="146"/>
      <c r="BA7204" s="146"/>
      <c r="BB7204" s="221">
        <v>45884</v>
      </c>
    </row>
    <row r="7205" spans="1:54" s="8" customFormat="1" ht="13.95" customHeight="1" x14ac:dyDescent="0.25">
      <c r="A7205" s="229" t="s">
        <v>17432</v>
      </c>
      <c r="B7205" s="96" t="s">
        <v>19873</v>
      </c>
      <c r="C7205" s="93" t="s">
        <v>17433</v>
      </c>
      <c r="D7205" s="93" t="s">
        <v>17434</v>
      </c>
      <c r="E7205" s="111">
        <v>1975</v>
      </c>
      <c r="F7205" s="111">
        <v>234</v>
      </c>
      <c r="G7205" s="93" t="s">
        <v>1</v>
      </c>
      <c r="H7205" s="111">
        <v>0</v>
      </c>
      <c r="I7205" s="111">
        <v>0</v>
      </c>
      <c r="J7205" s="111">
        <v>1</v>
      </c>
      <c r="K7205" s="111">
        <v>0</v>
      </c>
      <c r="L7205" s="111">
        <v>1</v>
      </c>
      <c r="M7205" s="111">
        <v>0</v>
      </c>
      <c r="N7205" s="111">
        <v>0</v>
      </c>
      <c r="O7205" s="111">
        <v>1</v>
      </c>
      <c r="P7205" s="111">
        <v>0</v>
      </c>
      <c r="Q7205" s="111">
        <v>0</v>
      </c>
      <c r="R7205" s="111">
        <v>0</v>
      </c>
      <c r="S7205" s="111">
        <v>0</v>
      </c>
      <c r="T7205" s="111">
        <v>0</v>
      </c>
      <c r="U7205" s="145"/>
      <c r="V7205" s="145"/>
      <c r="W7205" s="145"/>
      <c r="X7205" s="145"/>
      <c r="Y7205" s="145"/>
      <c r="Z7205" s="145"/>
      <c r="AA7205" s="145"/>
      <c r="AB7205" s="145"/>
      <c r="AC7205" s="145"/>
      <c r="AD7205" s="145"/>
      <c r="AE7205" s="145"/>
      <c r="AF7205" s="145"/>
      <c r="AG7205" s="145"/>
      <c r="AH7205" s="145"/>
      <c r="AI7205" s="145"/>
      <c r="AJ7205" s="145"/>
      <c r="AK7205" s="145"/>
      <c r="AL7205" s="145"/>
      <c r="AM7205" s="145"/>
      <c r="AN7205" s="145"/>
      <c r="AO7205" s="145"/>
      <c r="AP7205" s="145"/>
      <c r="AQ7205" s="145"/>
      <c r="AR7205" s="145"/>
      <c r="AS7205" s="145"/>
      <c r="AT7205" s="145"/>
      <c r="AU7205" s="145"/>
      <c r="AV7205" s="145"/>
      <c r="AW7205" s="145"/>
      <c r="AX7205" s="146"/>
      <c r="AY7205" s="146"/>
      <c r="AZ7205" s="146"/>
      <c r="BA7205" s="146"/>
      <c r="BB7205" s="221">
        <v>45884</v>
      </c>
    </row>
    <row r="7206" spans="1:54" s="8" customFormat="1" ht="13.95" customHeight="1" x14ac:dyDescent="0.25">
      <c r="A7206" s="229" t="s">
        <v>17435</v>
      </c>
      <c r="B7206" s="96" t="s">
        <v>19873</v>
      </c>
      <c r="C7206" s="93" t="s">
        <v>17436</v>
      </c>
      <c r="D7206" s="93" t="s">
        <v>17437</v>
      </c>
      <c r="E7206" s="111">
        <v>1976</v>
      </c>
      <c r="F7206" s="111">
        <v>265</v>
      </c>
      <c r="G7206" s="93" t="s">
        <v>1</v>
      </c>
      <c r="H7206" s="111">
        <v>0</v>
      </c>
      <c r="I7206" s="111">
        <v>0</v>
      </c>
      <c r="J7206" s="111">
        <v>0</v>
      </c>
      <c r="K7206" s="111">
        <v>0</v>
      </c>
      <c r="L7206" s="111">
        <v>0</v>
      </c>
      <c r="M7206" s="111">
        <v>0</v>
      </c>
      <c r="N7206" s="111">
        <v>0</v>
      </c>
      <c r="O7206" s="111">
        <v>0</v>
      </c>
      <c r="P7206" s="111">
        <v>0</v>
      </c>
      <c r="Q7206" s="111">
        <v>0</v>
      </c>
      <c r="R7206" s="111">
        <v>1</v>
      </c>
      <c r="S7206" s="111">
        <v>0</v>
      </c>
      <c r="T7206" s="111">
        <v>0</v>
      </c>
      <c r="U7206" s="145"/>
      <c r="V7206" s="145"/>
      <c r="W7206" s="145"/>
      <c r="X7206" s="145"/>
      <c r="Y7206" s="145"/>
      <c r="Z7206" s="145"/>
      <c r="AA7206" s="145"/>
      <c r="AB7206" s="145"/>
      <c r="AC7206" s="145"/>
      <c r="AD7206" s="145"/>
      <c r="AE7206" s="145"/>
      <c r="AF7206" s="145"/>
      <c r="AG7206" s="145"/>
      <c r="AH7206" s="145"/>
      <c r="AI7206" s="145"/>
      <c r="AJ7206" s="145"/>
      <c r="AK7206" s="145"/>
      <c r="AL7206" s="145"/>
      <c r="AM7206" s="145"/>
      <c r="AN7206" s="145"/>
      <c r="AO7206" s="145"/>
      <c r="AP7206" s="145"/>
      <c r="AQ7206" s="145"/>
      <c r="AR7206" s="145"/>
      <c r="AS7206" s="145"/>
      <c r="AT7206" s="145"/>
      <c r="AU7206" s="145"/>
      <c r="AV7206" s="145"/>
      <c r="AW7206" s="145"/>
      <c r="AX7206" s="146"/>
      <c r="AY7206" s="146"/>
      <c r="AZ7206" s="146"/>
      <c r="BA7206" s="112" t="s">
        <v>21516</v>
      </c>
      <c r="BB7206" s="221">
        <v>45884</v>
      </c>
    </row>
    <row r="7207" spans="1:54" s="8" customFormat="1" ht="13.95" customHeight="1" x14ac:dyDescent="0.25">
      <c r="A7207" s="229" t="s">
        <v>17438</v>
      </c>
      <c r="B7207" s="96" t="s">
        <v>19873</v>
      </c>
      <c r="C7207" s="93" t="s">
        <v>17439</v>
      </c>
      <c r="D7207" s="93" t="s">
        <v>17440</v>
      </c>
      <c r="E7207" s="111">
        <v>1973</v>
      </c>
      <c r="F7207" s="111">
        <v>140</v>
      </c>
      <c r="G7207" s="93" t="s">
        <v>1</v>
      </c>
      <c r="H7207" s="111">
        <v>0</v>
      </c>
      <c r="I7207" s="111">
        <v>0</v>
      </c>
      <c r="J7207" s="111">
        <v>0</v>
      </c>
      <c r="K7207" s="111">
        <v>0</v>
      </c>
      <c r="L7207" s="111">
        <v>1</v>
      </c>
      <c r="M7207" s="111">
        <v>0</v>
      </c>
      <c r="N7207" s="111">
        <v>0</v>
      </c>
      <c r="O7207" s="111">
        <v>0</v>
      </c>
      <c r="P7207" s="111">
        <v>1</v>
      </c>
      <c r="Q7207" s="111">
        <v>0</v>
      </c>
      <c r="R7207" s="111">
        <v>0</v>
      </c>
      <c r="S7207" s="111">
        <v>0</v>
      </c>
      <c r="T7207" s="111">
        <v>0</v>
      </c>
      <c r="U7207" s="145"/>
      <c r="V7207" s="145"/>
      <c r="W7207" s="145"/>
      <c r="X7207" s="145"/>
      <c r="Y7207" s="145"/>
      <c r="Z7207" s="145"/>
      <c r="AA7207" s="145"/>
      <c r="AB7207" s="145"/>
      <c r="AC7207" s="145"/>
      <c r="AD7207" s="145"/>
      <c r="AE7207" s="145"/>
      <c r="AF7207" s="145"/>
      <c r="AG7207" s="145"/>
      <c r="AH7207" s="145"/>
      <c r="AI7207" s="145"/>
      <c r="AJ7207" s="145"/>
      <c r="AK7207" s="145"/>
      <c r="AL7207" s="145"/>
      <c r="AM7207" s="145"/>
      <c r="AN7207" s="145"/>
      <c r="AO7207" s="145"/>
      <c r="AP7207" s="145"/>
      <c r="AQ7207" s="145"/>
      <c r="AR7207" s="145"/>
      <c r="AS7207" s="145"/>
      <c r="AT7207" s="145"/>
      <c r="AU7207" s="145"/>
      <c r="AV7207" s="145"/>
      <c r="AW7207" s="145"/>
      <c r="AX7207" s="146"/>
      <c r="AY7207" s="146"/>
      <c r="AZ7207" s="146"/>
      <c r="BA7207" s="146"/>
      <c r="BB7207" s="221">
        <v>45884</v>
      </c>
    </row>
    <row r="7208" spans="1:54" s="8" customFormat="1" ht="13.95" customHeight="1" x14ac:dyDescent="0.25">
      <c r="A7208" s="229" t="s">
        <v>17441</v>
      </c>
      <c r="B7208" s="96" t="s">
        <v>19873</v>
      </c>
      <c r="C7208" s="93" t="s">
        <v>17442</v>
      </c>
      <c r="D7208" s="93" t="s">
        <v>17443</v>
      </c>
      <c r="E7208" s="111">
        <v>1984</v>
      </c>
      <c r="F7208" s="111">
        <v>273</v>
      </c>
      <c r="G7208" s="93" t="s">
        <v>1</v>
      </c>
      <c r="H7208" s="111">
        <v>0</v>
      </c>
      <c r="I7208" s="111">
        <v>0</v>
      </c>
      <c r="J7208" s="111">
        <v>0</v>
      </c>
      <c r="K7208" s="111">
        <v>0</v>
      </c>
      <c r="L7208" s="111">
        <v>0</v>
      </c>
      <c r="M7208" s="111">
        <v>0</v>
      </c>
      <c r="N7208" s="111">
        <v>0</v>
      </c>
      <c r="O7208" s="111">
        <v>0</v>
      </c>
      <c r="P7208" s="111">
        <v>0</v>
      </c>
      <c r="Q7208" s="111">
        <v>0</v>
      </c>
      <c r="R7208" s="111">
        <v>0</v>
      </c>
      <c r="S7208" s="111">
        <v>0</v>
      </c>
      <c r="T7208" s="111">
        <v>0</v>
      </c>
      <c r="U7208" s="145"/>
      <c r="V7208" s="145"/>
      <c r="W7208" s="145"/>
      <c r="X7208" s="145"/>
      <c r="Y7208" s="145"/>
      <c r="Z7208" s="145"/>
      <c r="AA7208" s="145"/>
      <c r="AB7208" s="145"/>
      <c r="AC7208" s="145"/>
      <c r="AD7208" s="145"/>
      <c r="AE7208" s="145"/>
      <c r="AF7208" s="145"/>
      <c r="AG7208" s="145"/>
      <c r="AH7208" s="145"/>
      <c r="AI7208" s="145"/>
      <c r="AJ7208" s="145"/>
      <c r="AK7208" s="145"/>
      <c r="AL7208" s="145"/>
      <c r="AM7208" s="145"/>
      <c r="AN7208" s="145"/>
      <c r="AO7208" s="145"/>
      <c r="AP7208" s="145"/>
      <c r="AQ7208" s="145"/>
      <c r="AR7208" s="145"/>
      <c r="AS7208" s="145"/>
      <c r="AT7208" s="145"/>
      <c r="AU7208" s="145"/>
      <c r="AV7208" s="145"/>
      <c r="AW7208" s="145"/>
      <c r="AX7208" s="146"/>
      <c r="AY7208" s="146"/>
      <c r="AZ7208" s="146"/>
      <c r="BA7208" s="146"/>
      <c r="BB7208" s="221">
        <v>45884</v>
      </c>
    </row>
    <row r="7209" spans="1:54" s="8" customFormat="1" ht="13.95" customHeight="1" x14ac:dyDescent="0.25">
      <c r="A7209" s="229" t="s">
        <v>17444</v>
      </c>
      <c r="B7209" s="96" t="s">
        <v>19873</v>
      </c>
      <c r="C7209" s="93" t="s">
        <v>17445</v>
      </c>
      <c r="D7209" s="93" t="s">
        <v>17446</v>
      </c>
      <c r="E7209" s="111">
        <v>1985</v>
      </c>
      <c r="F7209" s="111">
        <v>280</v>
      </c>
      <c r="G7209" s="93" t="s">
        <v>1</v>
      </c>
      <c r="H7209" s="111">
        <v>0</v>
      </c>
      <c r="I7209" s="111">
        <v>0</v>
      </c>
      <c r="J7209" s="111">
        <v>1</v>
      </c>
      <c r="K7209" s="111">
        <v>0</v>
      </c>
      <c r="L7209" s="111">
        <v>1</v>
      </c>
      <c r="M7209" s="111">
        <v>0</v>
      </c>
      <c r="N7209" s="111">
        <v>0</v>
      </c>
      <c r="O7209" s="111">
        <v>0</v>
      </c>
      <c r="P7209" s="111">
        <v>1</v>
      </c>
      <c r="Q7209" s="111">
        <v>0</v>
      </c>
      <c r="R7209" s="111">
        <v>0</v>
      </c>
      <c r="S7209" s="111">
        <v>0</v>
      </c>
      <c r="T7209" s="111">
        <v>0</v>
      </c>
      <c r="U7209" s="145"/>
      <c r="V7209" s="145"/>
      <c r="W7209" s="145"/>
      <c r="X7209" s="145"/>
      <c r="Y7209" s="145"/>
      <c r="Z7209" s="145"/>
      <c r="AA7209" s="145"/>
      <c r="AB7209" s="145"/>
      <c r="AC7209" s="145"/>
      <c r="AD7209" s="145"/>
      <c r="AE7209" s="145"/>
      <c r="AF7209" s="145"/>
      <c r="AG7209" s="145"/>
      <c r="AH7209" s="145"/>
      <c r="AI7209" s="145"/>
      <c r="AJ7209" s="145"/>
      <c r="AK7209" s="145"/>
      <c r="AL7209" s="145"/>
      <c r="AM7209" s="145"/>
      <c r="AN7209" s="145"/>
      <c r="AO7209" s="145"/>
      <c r="AP7209" s="145"/>
      <c r="AQ7209" s="145"/>
      <c r="AR7209" s="145"/>
      <c r="AS7209" s="145"/>
      <c r="AT7209" s="145"/>
      <c r="AU7209" s="145"/>
      <c r="AV7209" s="145"/>
      <c r="AW7209" s="145"/>
      <c r="AX7209" s="146"/>
      <c r="AY7209" s="146"/>
      <c r="AZ7209" s="146"/>
      <c r="BA7209" s="146"/>
      <c r="BB7209" s="221">
        <v>45884</v>
      </c>
    </row>
    <row r="7210" spans="1:54" s="8" customFormat="1" ht="13.95" customHeight="1" x14ac:dyDescent="0.25">
      <c r="A7210" s="229" t="s">
        <v>17447</v>
      </c>
      <c r="B7210" s="96" t="s">
        <v>19873</v>
      </c>
      <c r="C7210" s="93" t="s">
        <v>17448</v>
      </c>
      <c r="D7210" s="93" t="s">
        <v>17449</v>
      </c>
      <c r="E7210" s="111">
        <v>1993</v>
      </c>
      <c r="F7210" s="111">
        <v>103</v>
      </c>
      <c r="G7210" s="93" t="s">
        <v>1</v>
      </c>
      <c r="H7210" s="111">
        <v>0</v>
      </c>
      <c r="I7210" s="111">
        <v>0</v>
      </c>
      <c r="J7210" s="111">
        <v>1</v>
      </c>
      <c r="K7210" s="111">
        <v>0</v>
      </c>
      <c r="L7210" s="111">
        <v>1</v>
      </c>
      <c r="M7210" s="111">
        <v>0</v>
      </c>
      <c r="N7210" s="111">
        <v>0</v>
      </c>
      <c r="O7210" s="111">
        <v>0</v>
      </c>
      <c r="P7210" s="111">
        <v>0</v>
      </c>
      <c r="Q7210" s="111">
        <v>0</v>
      </c>
      <c r="R7210" s="111">
        <v>0</v>
      </c>
      <c r="S7210" s="111">
        <v>0</v>
      </c>
      <c r="T7210" s="111">
        <v>0</v>
      </c>
      <c r="U7210" s="145"/>
      <c r="V7210" s="145"/>
      <c r="W7210" s="145"/>
      <c r="X7210" s="145"/>
      <c r="Y7210" s="145"/>
      <c r="Z7210" s="145"/>
      <c r="AA7210" s="145"/>
      <c r="AB7210" s="145"/>
      <c r="AC7210" s="145"/>
      <c r="AD7210" s="145"/>
      <c r="AE7210" s="145"/>
      <c r="AF7210" s="145"/>
      <c r="AG7210" s="145"/>
      <c r="AH7210" s="145"/>
      <c r="AI7210" s="145"/>
      <c r="AJ7210" s="145"/>
      <c r="AK7210" s="145"/>
      <c r="AL7210" s="145"/>
      <c r="AM7210" s="145"/>
      <c r="AN7210" s="145"/>
      <c r="AO7210" s="145"/>
      <c r="AP7210" s="145"/>
      <c r="AQ7210" s="145"/>
      <c r="AR7210" s="145"/>
      <c r="AS7210" s="145"/>
      <c r="AT7210" s="145"/>
      <c r="AU7210" s="145"/>
      <c r="AV7210" s="145"/>
      <c r="AW7210" s="145"/>
      <c r="AX7210" s="146"/>
      <c r="AY7210" s="146"/>
      <c r="AZ7210" s="146"/>
      <c r="BA7210" s="146"/>
      <c r="BB7210" s="221">
        <v>45884</v>
      </c>
    </row>
    <row r="7211" spans="1:54" s="8" customFormat="1" ht="13.95" customHeight="1" x14ac:dyDescent="0.25">
      <c r="A7211" s="229" t="s">
        <v>17450</v>
      </c>
      <c r="B7211" s="96" t="s">
        <v>19873</v>
      </c>
      <c r="C7211" s="93" t="s">
        <v>17451</v>
      </c>
      <c r="D7211" s="93" t="s">
        <v>17452</v>
      </c>
      <c r="E7211" s="111">
        <v>1994</v>
      </c>
      <c r="F7211" s="111">
        <v>125</v>
      </c>
      <c r="G7211" s="93" t="s">
        <v>1</v>
      </c>
      <c r="H7211" s="111">
        <v>0</v>
      </c>
      <c r="I7211" s="111">
        <v>0</v>
      </c>
      <c r="J7211" s="111">
        <v>1</v>
      </c>
      <c r="K7211" s="111">
        <v>1</v>
      </c>
      <c r="L7211" s="111">
        <v>0</v>
      </c>
      <c r="M7211" s="111">
        <v>0</v>
      </c>
      <c r="N7211" s="111">
        <v>0</v>
      </c>
      <c r="O7211" s="111">
        <v>0</v>
      </c>
      <c r="P7211" s="111">
        <v>0</v>
      </c>
      <c r="Q7211" s="111">
        <v>0</v>
      </c>
      <c r="R7211" s="111">
        <v>0</v>
      </c>
      <c r="S7211" s="111">
        <v>0</v>
      </c>
      <c r="T7211" s="111">
        <v>0</v>
      </c>
      <c r="U7211" s="145"/>
      <c r="V7211" s="145"/>
      <c r="W7211" s="145"/>
      <c r="X7211" s="145"/>
      <c r="Y7211" s="145"/>
      <c r="Z7211" s="145"/>
      <c r="AA7211" s="145"/>
      <c r="AB7211" s="145"/>
      <c r="AC7211" s="145"/>
      <c r="AD7211" s="145"/>
      <c r="AE7211" s="145"/>
      <c r="AF7211" s="145"/>
      <c r="AG7211" s="145"/>
      <c r="AH7211" s="145"/>
      <c r="AI7211" s="145"/>
      <c r="AJ7211" s="145"/>
      <c r="AK7211" s="145"/>
      <c r="AL7211" s="145"/>
      <c r="AM7211" s="145"/>
      <c r="AN7211" s="145"/>
      <c r="AO7211" s="145"/>
      <c r="AP7211" s="145"/>
      <c r="AQ7211" s="145"/>
      <c r="AR7211" s="145"/>
      <c r="AS7211" s="145"/>
      <c r="AT7211" s="145"/>
      <c r="AU7211" s="145"/>
      <c r="AV7211" s="145"/>
      <c r="AW7211" s="145"/>
      <c r="AX7211" s="146"/>
      <c r="AY7211" s="146"/>
      <c r="AZ7211" s="146"/>
      <c r="BA7211" s="146"/>
      <c r="BB7211" s="221">
        <v>45884</v>
      </c>
    </row>
    <row r="7212" spans="1:54" s="8" customFormat="1" ht="13.95" customHeight="1" x14ac:dyDescent="0.25">
      <c r="A7212" s="229" t="s">
        <v>17453</v>
      </c>
      <c r="B7212" s="96" t="s">
        <v>19873</v>
      </c>
      <c r="C7212" s="93" t="s">
        <v>17454</v>
      </c>
      <c r="D7212" s="93" t="s">
        <v>17455</v>
      </c>
      <c r="E7212" s="111">
        <v>1995</v>
      </c>
      <c r="F7212" s="111">
        <v>192</v>
      </c>
      <c r="G7212" s="93" t="s">
        <v>1</v>
      </c>
      <c r="H7212" s="111">
        <v>0</v>
      </c>
      <c r="I7212" s="111">
        <v>0</v>
      </c>
      <c r="J7212" s="111">
        <v>1</v>
      </c>
      <c r="K7212" s="111">
        <v>0</v>
      </c>
      <c r="L7212" s="111">
        <v>1</v>
      </c>
      <c r="M7212" s="111">
        <v>0</v>
      </c>
      <c r="N7212" s="111">
        <v>0</v>
      </c>
      <c r="O7212" s="111">
        <v>0</v>
      </c>
      <c r="P7212" s="111">
        <v>0</v>
      </c>
      <c r="Q7212" s="111">
        <v>0</v>
      </c>
      <c r="R7212" s="111">
        <v>0</v>
      </c>
      <c r="S7212" s="111">
        <v>0</v>
      </c>
      <c r="T7212" s="111">
        <v>0</v>
      </c>
      <c r="U7212" s="145"/>
      <c r="V7212" s="145"/>
      <c r="W7212" s="145"/>
      <c r="X7212" s="145"/>
      <c r="Y7212" s="145"/>
      <c r="Z7212" s="145"/>
      <c r="AA7212" s="145"/>
      <c r="AB7212" s="145"/>
      <c r="AC7212" s="145"/>
      <c r="AD7212" s="145"/>
      <c r="AE7212" s="145"/>
      <c r="AF7212" s="145"/>
      <c r="AG7212" s="145"/>
      <c r="AH7212" s="145"/>
      <c r="AI7212" s="145"/>
      <c r="AJ7212" s="145"/>
      <c r="AK7212" s="145"/>
      <c r="AL7212" s="145"/>
      <c r="AM7212" s="145"/>
      <c r="AN7212" s="145"/>
      <c r="AO7212" s="145"/>
      <c r="AP7212" s="145"/>
      <c r="AQ7212" s="145"/>
      <c r="AR7212" s="145"/>
      <c r="AS7212" s="145"/>
      <c r="AT7212" s="145"/>
      <c r="AU7212" s="145"/>
      <c r="AV7212" s="145"/>
      <c r="AW7212" s="145"/>
      <c r="AX7212" s="146"/>
      <c r="AY7212" s="146"/>
      <c r="AZ7212" s="146"/>
      <c r="BA7212" s="146"/>
      <c r="BB7212" s="221">
        <v>45884</v>
      </c>
    </row>
    <row r="7213" spans="1:54" s="8" customFormat="1" ht="13.95" customHeight="1" x14ac:dyDescent="0.25">
      <c r="A7213" s="229" t="s">
        <v>17456</v>
      </c>
      <c r="B7213" s="96" t="s">
        <v>19873</v>
      </c>
      <c r="C7213" s="93" t="s">
        <v>17457</v>
      </c>
      <c r="D7213" s="93" t="s">
        <v>17458</v>
      </c>
      <c r="E7213" s="111">
        <v>1973</v>
      </c>
      <c r="F7213" s="111">
        <v>11931</v>
      </c>
      <c r="G7213" s="93" t="s">
        <v>3</v>
      </c>
      <c r="H7213" s="111">
        <v>1</v>
      </c>
      <c r="I7213" s="111">
        <v>1</v>
      </c>
      <c r="J7213" s="111">
        <v>1</v>
      </c>
      <c r="K7213" s="111">
        <v>1</v>
      </c>
      <c r="L7213" s="111">
        <v>1</v>
      </c>
      <c r="M7213" s="111">
        <v>1</v>
      </c>
      <c r="N7213" s="111">
        <v>1</v>
      </c>
      <c r="O7213" s="111">
        <v>1</v>
      </c>
      <c r="P7213" s="111">
        <v>1</v>
      </c>
      <c r="Q7213" s="111">
        <v>0</v>
      </c>
      <c r="R7213" s="111">
        <v>0</v>
      </c>
      <c r="S7213" s="111">
        <v>0</v>
      </c>
      <c r="T7213" s="111">
        <v>1</v>
      </c>
      <c r="U7213" s="111">
        <v>1</v>
      </c>
      <c r="V7213" s="111">
        <v>1</v>
      </c>
      <c r="W7213" s="111">
        <v>1</v>
      </c>
      <c r="X7213" s="111">
        <v>0</v>
      </c>
      <c r="Y7213" s="111">
        <v>0</v>
      </c>
      <c r="Z7213" s="111">
        <v>0</v>
      </c>
      <c r="AA7213" s="111">
        <v>0</v>
      </c>
      <c r="AB7213" s="111">
        <v>0</v>
      </c>
      <c r="AC7213" s="111">
        <v>0</v>
      </c>
      <c r="AD7213" s="111">
        <v>0</v>
      </c>
      <c r="AE7213" s="111">
        <v>0</v>
      </c>
      <c r="AF7213" s="111">
        <v>0</v>
      </c>
      <c r="AG7213" s="111">
        <v>0</v>
      </c>
      <c r="AH7213" s="111">
        <v>0</v>
      </c>
      <c r="AI7213" s="111">
        <v>0</v>
      </c>
      <c r="AJ7213" s="111">
        <v>0</v>
      </c>
      <c r="AK7213" s="111">
        <v>0</v>
      </c>
      <c r="AL7213" s="111">
        <v>0</v>
      </c>
      <c r="AM7213" s="111">
        <v>0</v>
      </c>
      <c r="AN7213" s="111">
        <v>0</v>
      </c>
      <c r="AO7213" s="111">
        <v>1</v>
      </c>
      <c r="AP7213" s="111">
        <v>0</v>
      </c>
      <c r="AQ7213" s="111">
        <v>0</v>
      </c>
      <c r="AR7213" s="111">
        <v>0</v>
      </c>
      <c r="AS7213" s="111">
        <v>0</v>
      </c>
      <c r="AT7213" s="111" t="s">
        <v>174</v>
      </c>
      <c r="AU7213" s="111">
        <v>0</v>
      </c>
      <c r="AV7213" s="111">
        <v>0</v>
      </c>
      <c r="AW7213" s="111">
        <v>1</v>
      </c>
      <c r="AX7213" s="112" t="s">
        <v>22113</v>
      </c>
      <c r="AY7213" s="112" t="s">
        <v>22096</v>
      </c>
      <c r="AZ7213" s="112"/>
      <c r="BA7213" s="112"/>
      <c r="BB7213" s="221">
        <v>45884</v>
      </c>
    </row>
    <row r="7214" spans="1:54" s="8" customFormat="1" ht="13.95" customHeight="1" x14ac:dyDescent="0.25">
      <c r="A7214" s="229" t="s">
        <v>17459</v>
      </c>
      <c r="B7214" s="96" t="s">
        <v>19873</v>
      </c>
      <c r="C7214" s="93" t="s">
        <v>17460</v>
      </c>
      <c r="D7214" s="93" t="s">
        <v>22097</v>
      </c>
      <c r="E7214" s="111">
        <v>1984</v>
      </c>
      <c r="F7214" s="111">
        <v>10584</v>
      </c>
      <c r="G7214" s="93" t="s">
        <v>3</v>
      </c>
      <c r="H7214" s="111">
        <v>0</v>
      </c>
      <c r="I7214" s="111">
        <v>1</v>
      </c>
      <c r="J7214" s="111">
        <v>1</v>
      </c>
      <c r="K7214" s="111">
        <v>0</v>
      </c>
      <c r="L7214" s="111">
        <v>0</v>
      </c>
      <c r="M7214" s="111">
        <v>0</v>
      </c>
      <c r="N7214" s="111">
        <v>0</v>
      </c>
      <c r="O7214" s="111">
        <v>1</v>
      </c>
      <c r="P7214" s="111">
        <v>0</v>
      </c>
      <c r="Q7214" s="111">
        <v>0</v>
      </c>
      <c r="R7214" s="111">
        <v>1</v>
      </c>
      <c r="S7214" s="111">
        <v>0</v>
      </c>
      <c r="T7214" s="111">
        <v>0</v>
      </c>
      <c r="U7214" s="111">
        <v>0</v>
      </c>
      <c r="V7214" s="111">
        <v>0</v>
      </c>
      <c r="W7214" s="111">
        <v>0</v>
      </c>
      <c r="X7214" s="111">
        <v>0</v>
      </c>
      <c r="Y7214" s="111">
        <v>0</v>
      </c>
      <c r="Z7214" s="111">
        <v>0</v>
      </c>
      <c r="AA7214" s="111">
        <v>0</v>
      </c>
      <c r="AB7214" s="111">
        <v>0</v>
      </c>
      <c r="AC7214" s="111">
        <v>0</v>
      </c>
      <c r="AD7214" s="111">
        <v>0</v>
      </c>
      <c r="AE7214" s="111">
        <v>0</v>
      </c>
      <c r="AF7214" s="111">
        <v>0</v>
      </c>
      <c r="AG7214" s="111">
        <v>0</v>
      </c>
      <c r="AH7214" s="111">
        <v>0</v>
      </c>
      <c r="AI7214" s="111">
        <v>0</v>
      </c>
      <c r="AJ7214" s="111">
        <v>0</v>
      </c>
      <c r="AK7214" s="111">
        <v>0</v>
      </c>
      <c r="AL7214" s="111">
        <v>0</v>
      </c>
      <c r="AM7214" s="111">
        <v>0</v>
      </c>
      <c r="AN7214" s="111">
        <v>0</v>
      </c>
      <c r="AO7214" s="111">
        <v>1</v>
      </c>
      <c r="AP7214" s="111">
        <v>0</v>
      </c>
      <c r="AQ7214" s="111">
        <v>0</v>
      </c>
      <c r="AR7214" s="111">
        <v>0</v>
      </c>
      <c r="AS7214" s="111">
        <v>0</v>
      </c>
      <c r="AT7214" s="111" t="s">
        <v>174</v>
      </c>
      <c r="AU7214" s="111">
        <v>0</v>
      </c>
      <c r="AV7214" s="111">
        <v>0</v>
      </c>
      <c r="AW7214" s="111">
        <v>0</v>
      </c>
      <c r="AX7214" s="112"/>
      <c r="AY7214" s="112"/>
      <c r="AZ7214" s="112"/>
      <c r="BA7214" s="112" t="s">
        <v>17027</v>
      </c>
      <c r="BB7214" s="221">
        <v>45884</v>
      </c>
    </row>
    <row r="7215" spans="1:54" s="8" customFormat="1" ht="13.95" customHeight="1" x14ac:dyDescent="0.25">
      <c r="A7215" s="229" t="s">
        <v>17461</v>
      </c>
      <c r="B7215" s="96" t="s">
        <v>19873</v>
      </c>
      <c r="C7215" s="93" t="s">
        <v>17462</v>
      </c>
      <c r="D7215" s="93" t="s">
        <v>17463</v>
      </c>
      <c r="E7215" s="111">
        <v>1992</v>
      </c>
      <c r="F7215" s="111">
        <v>12422</v>
      </c>
      <c r="G7215" s="93" t="s">
        <v>1</v>
      </c>
      <c r="H7215" s="111">
        <v>0</v>
      </c>
      <c r="I7215" s="111">
        <v>0</v>
      </c>
      <c r="J7215" s="111">
        <v>1</v>
      </c>
      <c r="K7215" s="111">
        <v>1</v>
      </c>
      <c r="L7215" s="111">
        <v>1</v>
      </c>
      <c r="M7215" s="111">
        <v>0</v>
      </c>
      <c r="N7215" s="111">
        <v>1</v>
      </c>
      <c r="O7215" s="111">
        <v>0</v>
      </c>
      <c r="P7215" s="111">
        <v>0</v>
      </c>
      <c r="Q7215" s="111">
        <v>0</v>
      </c>
      <c r="R7215" s="111">
        <v>0</v>
      </c>
      <c r="S7215" s="111">
        <v>0</v>
      </c>
      <c r="T7215" s="111">
        <v>0</v>
      </c>
      <c r="U7215" s="145"/>
      <c r="V7215" s="145"/>
      <c r="W7215" s="145"/>
      <c r="X7215" s="145"/>
      <c r="Y7215" s="145"/>
      <c r="Z7215" s="145"/>
      <c r="AA7215" s="145"/>
      <c r="AB7215" s="145"/>
      <c r="AC7215" s="145"/>
      <c r="AD7215" s="145"/>
      <c r="AE7215" s="145"/>
      <c r="AF7215" s="145"/>
      <c r="AG7215" s="145"/>
      <c r="AH7215" s="145"/>
      <c r="AI7215" s="145"/>
      <c r="AJ7215" s="145"/>
      <c r="AK7215" s="145"/>
      <c r="AL7215" s="145"/>
      <c r="AM7215" s="145"/>
      <c r="AN7215" s="145"/>
      <c r="AO7215" s="145"/>
      <c r="AP7215" s="145"/>
      <c r="AQ7215" s="145"/>
      <c r="AR7215" s="145"/>
      <c r="AS7215" s="145"/>
      <c r="AT7215" s="145"/>
      <c r="AU7215" s="145"/>
      <c r="AV7215" s="145"/>
      <c r="AW7215" s="145"/>
      <c r="AX7215" s="146"/>
      <c r="AY7215" s="146"/>
      <c r="AZ7215" s="146"/>
      <c r="BA7215" s="112" t="s">
        <v>17464</v>
      </c>
      <c r="BB7215" s="221">
        <v>45884</v>
      </c>
    </row>
    <row r="7216" spans="1:54" s="8" customFormat="1" ht="13.95" customHeight="1" x14ac:dyDescent="0.25">
      <c r="A7216" s="229" t="s">
        <v>17465</v>
      </c>
      <c r="B7216" s="96" t="s">
        <v>19873</v>
      </c>
      <c r="C7216" s="93" t="s">
        <v>17466</v>
      </c>
      <c r="D7216" s="93" t="s">
        <v>17467</v>
      </c>
      <c r="E7216" s="111">
        <v>1970</v>
      </c>
      <c r="F7216" s="111">
        <v>19753</v>
      </c>
      <c r="G7216" s="93" t="s">
        <v>3</v>
      </c>
      <c r="H7216" s="111">
        <v>1</v>
      </c>
      <c r="I7216" s="111">
        <v>0</v>
      </c>
      <c r="J7216" s="111">
        <v>1</v>
      </c>
      <c r="K7216" s="111">
        <v>0</v>
      </c>
      <c r="L7216" s="111">
        <v>1</v>
      </c>
      <c r="M7216" s="111">
        <v>0</v>
      </c>
      <c r="N7216" s="111">
        <v>0</v>
      </c>
      <c r="O7216" s="111">
        <v>0</v>
      </c>
      <c r="P7216" s="111">
        <v>0</v>
      </c>
      <c r="Q7216" s="111">
        <v>0</v>
      </c>
      <c r="R7216" s="111">
        <v>0</v>
      </c>
      <c r="S7216" s="111">
        <v>0</v>
      </c>
      <c r="T7216" s="111">
        <v>0</v>
      </c>
      <c r="U7216" s="111">
        <v>0</v>
      </c>
      <c r="V7216" s="111">
        <v>0</v>
      </c>
      <c r="W7216" s="111">
        <v>0</v>
      </c>
      <c r="X7216" s="111">
        <v>0</v>
      </c>
      <c r="Y7216" s="111">
        <v>0</v>
      </c>
      <c r="Z7216" s="111">
        <v>0</v>
      </c>
      <c r="AA7216" s="111">
        <v>0</v>
      </c>
      <c r="AB7216" s="111">
        <v>1</v>
      </c>
      <c r="AC7216" s="111">
        <v>0</v>
      </c>
      <c r="AD7216" s="111">
        <v>0</v>
      </c>
      <c r="AE7216" s="111">
        <v>0</v>
      </c>
      <c r="AF7216" s="111">
        <v>0</v>
      </c>
      <c r="AG7216" s="111">
        <v>0</v>
      </c>
      <c r="AH7216" s="111">
        <v>0</v>
      </c>
      <c r="AI7216" s="111">
        <v>0</v>
      </c>
      <c r="AJ7216" s="111">
        <v>0</v>
      </c>
      <c r="AK7216" s="111">
        <v>0</v>
      </c>
      <c r="AL7216" s="111">
        <v>0</v>
      </c>
      <c r="AM7216" s="111">
        <v>0</v>
      </c>
      <c r="AN7216" s="111">
        <v>0</v>
      </c>
      <c r="AO7216" s="111">
        <v>1</v>
      </c>
      <c r="AP7216" s="111">
        <v>0</v>
      </c>
      <c r="AQ7216" s="111">
        <v>0</v>
      </c>
      <c r="AR7216" s="111">
        <v>0</v>
      </c>
      <c r="AS7216" s="111">
        <v>0</v>
      </c>
      <c r="AT7216" s="111" t="s">
        <v>174</v>
      </c>
      <c r="AU7216" s="111">
        <v>0</v>
      </c>
      <c r="AV7216" s="111">
        <v>0</v>
      </c>
      <c r="AW7216" s="111">
        <v>0</v>
      </c>
      <c r="AX7216" s="112"/>
      <c r="AY7216" s="112"/>
      <c r="AZ7216" s="112"/>
      <c r="BA7216" s="112"/>
      <c r="BB7216" s="221">
        <v>45884</v>
      </c>
    </row>
    <row r="7217" spans="1:54" s="8" customFormat="1" ht="13.95" customHeight="1" x14ac:dyDescent="0.25">
      <c r="A7217" s="229" t="s">
        <v>17468</v>
      </c>
      <c r="B7217" s="96" t="s">
        <v>19873</v>
      </c>
      <c r="C7217" s="93" t="s">
        <v>17469</v>
      </c>
      <c r="D7217" s="93" t="s">
        <v>17470</v>
      </c>
      <c r="E7217" s="111">
        <v>1982</v>
      </c>
      <c r="F7217" s="111">
        <v>25366</v>
      </c>
      <c r="G7217" s="93" t="s">
        <v>3</v>
      </c>
      <c r="H7217" s="111">
        <v>1</v>
      </c>
      <c r="I7217" s="111">
        <v>1</v>
      </c>
      <c r="J7217" s="111">
        <v>1</v>
      </c>
      <c r="K7217" s="111">
        <v>0</v>
      </c>
      <c r="L7217" s="111">
        <v>0</v>
      </c>
      <c r="M7217" s="111">
        <v>0</v>
      </c>
      <c r="N7217" s="111">
        <v>0</v>
      </c>
      <c r="O7217" s="111">
        <v>0</v>
      </c>
      <c r="P7217" s="111">
        <v>0</v>
      </c>
      <c r="Q7217" s="111">
        <v>0</v>
      </c>
      <c r="R7217" s="111">
        <v>0</v>
      </c>
      <c r="S7217" s="111">
        <v>0</v>
      </c>
      <c r="T7217" s="111">
        <v>0</v>
      </c>
      <c r="U7217" s="111">
        <v>0</v>
      </c>
      <c r="V7217" s="111">
        <v>0</v>
      </c>
      <c r="W7217" s="111">
        <v>0</v>
      </c>
      <c r="X7217" s="111">
        <v>0</v>
      </c>
      <c r="Y7217" s="111">
        <v>0</v>
      </c>
      <c r="Z7217" s="111">
        <v>0</v>
      </c>
      <c r="AA7217" s="111">
        <v>0</v>
      </c>
      <c r="AB7217" s="111">
        <v>1</v>
      </c>
      <c r="AC7217" s="111">
        <v>0</v>
      </c>
      <c r="AD7217" s="111">
        <v>0</v>
      </c>
      <c r="AE7217" s="111">
        <v>0</v>
      </c>
      <c r="AF7217" s="111">
        <v>0</v>
      </c>
      <c r="AG7217" s="111">
        <v>0</v>
      </c>
      <c r="AH7217" s="111">
        <v>0</v>
      </c>
      <c r="AI7217" s="111">
        <v>0</v>
      </c>
      <c r="AJ7217" s="111">
        <v>0</v>
      </c>
      <c r="AK7217" s="111">
        <v>0</v>
      </c>
      <c r="AL7217" s="111">
        <v>0</v>
      </c>
      <c r="AM7217" s="111">
        <v>0</v>
      </c>
      <c r="AN7217" s="111">
        <v>0</v>
      </c>
      <c r="AO7217" s="111">
        <v>1</v>
      </c>
      <c r="AP7217" s="111">
        <v>0</v>
      </c>
      <c r="AQ7217" s="111">
        <v>0</v>
      </c>
      <c r="AR7217" s="111">
        <v>0</v>
      </c>
      <c r="AS7217" s="111">
        <v>0</v>
      </c>
      <c r="AT7217" s="111" t="s">
        <v>174</v>
      </c>
      <c r="AU7217" s="111">
        <v>1</v>
      </c>
      <c r="AV7217" s="111">
        <v>0</v>
      </c>
      <c r="AW7217" s="111">
        <v>0</v>
      </c>
      <c r="AX7217" s="112" t="s">
        <v>17471</v>
      </c>
      <c r="AY7217" s="112" t="s">
        <v>22114</v>
      </c>
      <c r="AZ7217" s="112"/>
      <c r="BA7217" s="112"/>
      <c r="BB7217" s="221">
        <v>45884</v>
      </c>
    </row>
    <row r="7218" spans="1:54" s="8" customFormat="1" ht="13.95" customHeight="1" x14ac:dyDescent="0.25">
      <c r="A7218" s="229" t="s">
        <v>17472</v>
      </c>
      <c r="B7218" s="96" t="s">
        <v>19873</v>
      </c>
      <c r="C7218" s="93" t="s">
        <v>17473</v>
      </c>
      <c r="D7218" s="93" t="s">
        <v>17474</v>
      </c>
      <c r="E7218" s="111">
        <v>1977</v>
      </c>
      <c r="F7218" s="111">
        <v>100488</v>
      </c>
      <c r="G7218" s="93" t="s">
        <v>6</v>
      </c>
      <c r="H7218" s="111">
        <v>1</v>
      </c>
      <c r="I7218" s="111">
        <v>1</v>
      </c>
      <c r="J7218" s="111">
        <v>1</v>
      </c>
      <c r="K7218" s="111">
        <v>0</v>
      </c>
      <c r="L7218" s="111">
        <v>1</v>
      </c>
      <c r="M7218" s="111">
        <v>1</v>
      </c>
      <c r="N7218" s="111">
        <v>1</v>
      </c>
      <c r="O7218" s="111">
        <v>1</v>
      </c>
      <c r="P7218" s="111">
        <v>1</v>
      </c>
      <c r="Q7218" s="111">
        <v>0</v>
      </c>
      <c r="R7218" s="111">
        <v>1</v>
      </c>
      <c r="S7218" s="111">
        <v>0</v>
      </c>
      <c r="T7218" s="111">
        <v>0</v>
      </c>
      <c r="U7218" s="111">
        <v>0</v>
      </c>
      <c r="V7218" s="111">
        <v>0</v>
      </c>
      <c r="W7218" s="111">
        <v>1</v>
      </c>
      <c r="X7218" s="111">
        <v>0</v>
      </c>
      <c r="Y7218" s="111">
        <v>0</v>
      </c>
      <c r="Z7218" s="111">
        <v>0</v>
      </c>
      <c r="AA7218" s="111">
        <v>0</v>
      </c>
      <c r="AB7218" s="111">
        <v>1</v>
      </c>
      <c r="AC7218" s="111">
        <v>0</v>
      </c>
      <c r="AD7218" s="111">
        <v>0</v>
      </c>
      <c r="AE7218" s="111">
        <v>0</v>
      </c>
      <c r="AF7218" s="111">
        <v>1</v>
      </c>
      <c r="AG7218" s="111">
        <v>0</v>
      </c>
      <c r="AH7218" s="111">
        <v>0</v>
      </c>
      <c r="AI7218" s="111">
        <v>1</v>
      </c>
      <c r="AJ7218" s="111">
        <v>0</v>
      </c>
      <c r="AK7218" s="111">
        <v>0</v>
      </c>
      <c r="AL7218" s="111">
        <v>0</v>
      </c>
      <c r="AM7218" s="111">
        <v>0</v>
      </c>
      <c r="AN7218" s="111">
        <v>1</v>
      </c>
      <c r="AO7218" s="111">
        <v>1</v>
      </c>
      <c r="AP7218" s="111">
        <v>0</v>
      </c>
      <c r="AQ7218" s="111">
        <v>0</v>
      </c>
      <c r="AR7218" s="111">
        <v>1</v>
      </c>
      <c r="AS7218" s="111">
        <v>0</v>
      </c>
      <c r="AT7218" s="111">
        <v>1</v>
      </c>
      <c r="AU7218" s="111">
        <v>1</v>
      </c>
      <c r="AV7218" s="111">
        <v>1</v>
      </c>
      <c r="AW7218" s="111">
        <v>0</v>
      </c>
      <c r="AX7218" s="112" t="s">
        <v>17475</v>
      </c>
      <c r="AY7218" s="112" t="s">
        <v>17476</v>
      </c>
      <c r="AZ7218" s="112" t="s">
        <v>17477</v>
      </c>
      <c r="BA7218" s="112" t="s">
        <v>17478</v>
      </c>
      <c r="BB7218" s="221">
        <v>45884</v>
      </c>
    </row>
    <row r="7219" spans="1:54" s="8" customFormat="1" ht="13.95" customHeight="1" x14ac:dyDescent="0.25">
      <c r="A7219" s="229" t="s">
        <v>17479</v>
      </c>
      <c r="B7219" s="96" t="s">
        <v>19873</v>
      </c>
      <c r="C7219" s="93" t="s">
        <v>17480</v>
      </c>
      <c r="D7219" s="93" t="s">
        <v>17481</v>
      </c>
      <c r="E7219" s="111">
        <v>2007</v>
      </c>
      <c r="F7219" s="111">
        <v>177000</v>
      </c>
      <c r="G7219" s="93" t="s">
        <v>6</v>
      </c>
      <c r="H7219" s="111">
        <v>1</v>
      </c>
      <c r="I7219" s="111">
        <v>1</v>
      </c>
      <c r="J7219" s="111">
        <v>1</v>
      </c>
      <c r="K7219" s="111">
        <v>1</v>
      </c>
      <c r="L7219" s="111">
        <v>1</v>
      </c>
      <c r="M7219" s="111">
        <v>1</v>
      </c>
      <c r="N7219" s="111">
        <v>1</v>
      </c>
      <c r="O7219" s="111">
        <v>0</v>
      </c>
      <c r="P7219" s="111">
        <v>1</v>
      </c>
      <c r="Q7219" s="111">
        <v>0</v>
      </c>
      <c r="R7219" s="111">
        <v>0</v>
      </c>
      <c r="S7219" s="111">
        <v>0</v>
      </c>
      <c r="T7219" s="111">
        <v>1</v>
      </c>
      <c r="U7219" s="111">
        <v>1</v>
      </c>
      <c r="V7219" s="111">
        <v>1</v>
      </c>
      <c r="W7219" s="111">
        <v>1</v>
      </c>
      <c r="X7219" s="111">
        <v>0</v>
      </c>
      <c r="Y7219" s="111">
        <v>0</v>
      </c>
      <c r="Z7219" s="111">
        <v>1</v>
      </c>
      <c r="AA7219" s="111">
        <v>1</v>
      </c>
      <c r="AB7219" s="111">
        <v>0</v>
      </c>
      <c r="AC7219" s="111">
        <v>1</v>
      </c>
      <c r="AD7219" s="111">
        <v>1</v>
      </c>
      <c r="AE7219" s="111">
        <v>0</v>
      </c>
      <c r="AF7219" s="111">
        <v>0</v>
      </c>
      <c r="AG7219" s="111">
        <v>0</v>
      </c>
      <c r="AH7219" s="111">
        <v>0</v>
      </c>
      <c r="AI7219" s="111">
        <v>0</v>
      </c>
      <c r="AJ7219" s="111">
        <v>0</v>
      </c>
      <c r="AK7219" s="111">
        <v>0</v>
      </c>
      <c r="AL7219" s="111">
        <v>0</v>
      </c>
      <c r="AM7219" s="111">
        <v>1</v>
      </c>
      <c r="AN7219" s="111">
        <v>1</v>
      </c>
      <c r="AO7219" s="111">
        <v>1</v>
      </c>
      <c r="AP7219" s="111">
        <v>1</v>
      </c>
      <c r="AQ7219" s="111">
        <v>0</v>
      </c>
      <c r="AR7219" s="111">
        <v>1</v>
      </c>
      <c r="AS7219" s="111">
        <v>0</v>
      </c>
      <c r="AT7219" s="111">
        <v>1</v>
      </c>
      <c r="AU7219" s="111">
        <v>0</v>
      </c>
      <c r="AV7219" s="111">
        <v>1</v>
      </c>
      <c r="AW7219" s="111">
        <v>1</v>
      </c>
      <c r="AX7219" s="112" t="s">
        <v>17482</v>
      </c>
      <c r="AY7219" s="112"/>
      <c r="AZ7219" s="112"/>
      <c r="BA7219" s="112" t="s">
        <v>17483</v>
      </c>
      <c r="BB7219" s="221">
        <v>45884</v>
      </c>
    </row>
    <row r="7220" spans="1:54" s="8" customFormat="1" ht="13.95" customHeight="1" x14ac:dyDescent="0.25">
      <c r="A7220" s="229" t="s">
        <v>19877</v>
      </c>
      <c r="B7220" s="96" t="s">
        <v>19873</v>
      </c>
      <c r="C7220" s="93" t="s">
        <v>19875</v>
      </c>
      <c r="D7220" s="93" t="s">
        <v>20329</v>
      </c>
      <c r="E7220" s="111">
        <v>2017</v>
      </c>
      <c r="F7220" s="111">
        <v>319</v>
      </c>
      <c r="G7220" s="93" t="s">
        <v>1</v>
      </c>
      <c r="H7220" s="111">
        <v>0</v>
      </c>
      <c r="I7220" s="111">
        <v>0</v>
      </c>
      <c r="J7220" s="111">
        <v>1</v>
      </c>
      <c r="K7220" s="111">
        <v>1</v>
      </c>
      <c r="L7220" s="111">
        <v>0</v>
      </c>
      <c r="M7220" s="111">
        <v>0</v>
      </c>
      <c r="N7220" s="111">
        <v>0</v>
      </c>
      <c r="O7220" s="111">
        <v>0</v>
      </c>
      <c r="P7220" s="111">
        <v>1</v>
      </c>
      <c r="Q7220" s="111">
        <v>0</v>
      </c>
      <c r="R7220" s="111">
        <v>0</v>
      </c>
      <c r="S7220" s="111">
        <v>0</v>
      </c>
      <c r="T7220" s="111">
        <v>0</v>
      </c>
      <c r="U7220" s="145"/>
      <c r="V7220" s="145"/>
      <c r="W7220" s="145"/>
      <c r="X7220" s="145"/>
      <c r="Y7220" s="145"/>
      <c r="Z7220" s="145"/>
      <c r="AA7220" s="145"/>
      <c r="AB7220" s="145"/>
      <c r="AC7220" s="145"/>
      <c r="AD7220" s="145"/>
      <c r="AE7220" s="145"/>
      <c r="AF7220" s="145"/>
      <c r="AG7220" s="145"/>
      <c r="AH7220" s="145"/>
      <c r="AI7220" s="145"/>
      <c r="AJ7220" s="145"/>
      <c r="AK7220" s="145"/>
      <c r="AL7220" s="145"/>
      <c r="AM7220" s="145"/>
      <c r="AN7220" s="145"/>
      <c r="AO7220" s="145"/>
      <c r="AP7220" s="145"/>
      <c r="AQ7220" s="145"/>
      <c r="AR7220" s="145"/>
      <c r="AS7220" s="145"/>
      <c r="AT7220" s="145"/>
      <c r="AU7220" s="145"/>
      <c r="AV7220" s="145"/>
      <c r="AW7220" s="145"/>
      <c r="AX7220" s="146"/>
      <c r="AY7220" s="146"/>
      <c r="AZ7220" s="146"/>
      <c r="BA7220" s="146"/>
      <c r="BB7220" s="221">
        <v>45884</v>
      </c>
    </row>
    <row r="7221" spans="1:54" s="8" customFormat="1" ht="13.95" customHeight="1" x14ac:dyDescent="0.25">
      <c r="A7221" s="229" t="s">
        <v>19878</v>
      </c>
      <c r="B7221" s="96" t="s">
        <v>19873</v>
      </c>
      <c r="C7221" s="93" t="s">
        <v>21517</v>
      </c>
      <c r="D7221" s="93" t="s">
        <v>21518</v>
      </c>
      <c r="E7221" s="111">
        <v>2017</v>
      </c>
      <c r="F7221" s="111">
        <v>2100</v>
      </c>
      <c r="G7221" s="93" t="s">
        <v>1</v>
      </c>
      <c r="H7221" s="111">
        <v>0</v>
      </c>
      <c r="I7221" s="111">
        <v>0</v>
      </c>
      <c r="J7221" s="111">
        <v>1</v>
      </c>
      <c r="K7221" s="111">
        <v>1</v>
      </c>
      <c r="L7221" s="111">
        <v>1</v>
      </c>
      <c r="M7221" s="111">
        <v>1</v>
      </c>
      <c r="N7221" s="111">
        <v>1</v>
      </c>
      <c r="O7221" s="111">
        <v>1</v>
      </c>
      <c r="P7221" s="111">
        <v>1</v>
      </c>
      <c r="Q7221" s="111">
        <v>0</v>
      </c>
      <c r="R7221" s="111">
        <v>0</v>
      </c>
      <c r="S7221" s="111">
        <v>0</v>
      </c>
      <c r="T7221" s="111">
        <v>0</v>
      </c>
      <c r="U7221" s="145"/>
      <c r="V7221" s="145"/>
      <c r="W7221" s="145"/>
      <c r="X7221" s="145"/>
      <c r="Y7221" s="145"/>
      <c r="Z7221" s="145"/>
      <c r="AA7221" s="145"/>
      <c r="AB7221" s="145"/>
      <c r="AC7221" s="145"/>
      <c r="AD7221" s="145"/>
      <c r="AE7221" s="145"/>
      <c r="AF7221" s="145"/>
      <c r="AG7221" s="145"/>
      <c r="AH7221" s="145"/>
      <c r="AI7221" s="145"/>
      <c r="AJ7221" s="145"/>
      <c r="AK7221" s="145"/>
      <c r="AL7221" s="145"/>
      <c r="AM7221" s="145"/>
      <c r="AN7221" s="145"/>
      <c r="AO7221" s="145"/>
      <c r="AP7221" s="145"/>
      <c r="AQ7221" s="145"/>
      <c r="AR7221" s="145"/>
      <c r="AS7221" s="145"/>
      <c r="AT7221" s="145"/>
      <c r="AU7221" s="145"/>
      <c r="AV7221" s="145"/>
      <c r="AW7221" s="111">
        <v>1</v>
      </c>
      <c r="AX7221" s="146"/>
      <c r="AY7221" s="146"/>
      <c r="AZ7221" s="146"/>
      <c r="BA7221" s="146"/>
      <c r="BB7221" s="221">
        <v>45884</v>
      </c>
    </row>
    <row r="7222" spans="1:54" s="8" customFormat="1" ht="13.5" customHeight="1" x14ac:dyDescent="0.25">
      <c r="A7222" s="229" t="s">
        <v>19879</v>
      </c>
      <c r="B7222" s="96" t="s">
        <v>19873</v>
      </c>
      <c r="C7222" s="93" t="s">
        <v>19876</v>
      </c>
      <c r="D7222" s="93" t="s">
        <v>20330</v>
      </c>
      <c r="E7222" s="111">
        <v>2017</v>
      </c>
      <c r="F7222" s="111">
        <v>3049</v>
      </c>
      <c r="G7222" s="93" t="s">
        <v>1</v>
      </c>
      <c r="H7222" s="111">
        <v>0</v>
      </c>
      <c r="I7222" s="111">
        <v>0</v>
      </c>
      <c r="J7222" s="111">
        <v>1</v>
      </c>
      <c r="K7222" s="111">
        <v>0</v>
      </c>
      <c r="L7222" s="111">
        <v>0</v>
      </c>
      <c r="M7222" s="111">
        <v>1</v>
      </c>
      <c r="N7222" s="111">
        <v>1</v>
      </c>
      <c r="O7222" s="111">
        <v>0</v>
      </c>
      <c r="P7222" s="111">
        <v>1</v>
      </c>
      <c r="Q7222" s="111">
        <v>0</v>
      </c>
      <c r="R7222" s="111">
        <v>0</v>
      </c>
      <c r="S7222" s="111">
        <v>0</v>
      </c>
      <c r="T7222" s="111">
        <v>0</v>
      </c>
      <c r="U7222" s="145"/>
      <c r="V7222" s="145"/>
      <c r="W7222" s="145"/>
      <c r="X7222" s="145"/>
      <c r="Y7222" s="145"/>
      <c r="Z7222" s="145"/>
      <c r="AA7222" s="145"/>
      <c r="AB7222" s="145"/>
      <c r="AC7222" s="145"/>
      <c r="AD7222" s="145"/>
      <c r="AE7222" s="145"/>
      <c r="AF7222" s="145"/>
      <c r="AG7222" s="145"/>
      <c r="AH7222" s="145"/>
      <c r="AI7222" s="145"/>
      <c r="AJ7222" s="145"/>
      <c r="AK7222" s="145"/>
      <c r="AL7222" s="145"/>
      <c r="AM7222" s="145"/>
      <c r="AN7222" s="145"/>
      <c r="AO7222" s="145"/>
      <c r="AP7222" s="145"/>
      <c r="AQ7222" s="145"/>
      <c r="AR7222" s="145"/>
      <c r="AS7222" s="145"/>
      <c r="AT7222" s="145"/>
      <c r="AU7222" s="145"/>
      <c r="AV7222" s="145"/>
      <c r="AW7222" s="111">
        <v>1</v>
      </c>
      <c r="AX7222" s="146"/>
      <c r="AY7222" s="146"/>
      <c r="AZ7222" s="146"/>
      <c r="BA7222" s="146"/>
      <c r="BB7222" s="221">
        <v>45884</v>
      </c>
    </row>
    <row r="7223" spans="1:54" s="8" customFormat="1" ht="13.65" customHeight="1" x14ac:dyDescent="0.25">
      <c r="A7223" s="229" t="s">
        <v>20402</v>
      </c>
      <c r="B7223" s="96" t="s">
        <v>19873</v>
      </c>
      <c r="C7223" s="93" t="s">
        <v>20396</v>
      </c>
      <c r="D7223" s="93" t="s">
        <v>20397</v>
      </c>
      <c r="E7223" s="111">
        <v>2018</v>
      </c>
      <c r="F7223" s="111">
        <v>535</v>
      </c>
      <c r="G7223" s="93" t="s">
        <v>1</v>
      </c>
      <c r="H7223" s="111">
        <v>0</v>
      </c>
      <c r="I7223" s="111">
        <v>0</v>
      </c>
      <c r="J7223" s="111">
        <v>1</v>
      </c>
      <c r="K7223" s="111">
        <v>0</v>
      </c>
      <c r="L7223" s="111">
        <v>0</v>
      </c>
      <c r="M7223" s="111">
        <v>0</v>
      </c>
      <c r="N7223" s="111">
        <v>0</v>
      </c>
      <c r="O7223" s="111">
        <v>0</v>
      </c>
      <c r="P7223" s="111">
        <v>0</v>
      </c>
      <c r="Q7223" s="111">
        <v>0</v>
      </c>
      <c r="R7223" s="111">
        <v>0</v>
      </c>
      <c r="S7223" s="111">
        <v>0</v>
      </c>
      <c r="T7223" s="111">
        <v>0</v>
      </c>
      <c r="U7223" s="174"/>
      <c r="V7223" s="174"/>
      <c r="W7223" s="174"/>
      <c r="X7223" s="174"/>
      <c r="Y7223" s="174"/>
      <c r="Z7223" s="174"/>
      <c r="AA7223" s="111">
        <v>1</v>
      </c>
      <c r="AB7223" s="174"/>
      <c r="AC7223" s="174"/>
      <c r="AD7223" s="174"/>
      <c r="AE7223" s="174"/>
      <c r="AF7223" s="174"/>
      <c r="AG7223" s="174"/>
      <c r="AH7223" s="174"/>
      <c r="AI7223" s="174"/>
      <c r="AJ7223" s="174"/>
      <c r="AK7223" s="174"/>
      <c r="AL7223" s="174"/>
      <c r="AM7223" s="174"/>
      <c r="AN7223" s="174"/>
      <c r="AO7223" s="174"/>
      <c r="AP7223" s="174"/>
      <c r="AQ7223" s="174"/>
      <c r="AR7223" s="174"/>
      <c r="AS7223" s="174"/>
      <c r="AT7223" s="174"/>
      <c r="AU7223" s="174"/>
      <c r="AV7223" s="174"/>
      <c r="AW7223" s="174"/>
      <c r="AX7223" s="175"/>
      <c r="AY7223" s="175"/>
      <c r="AZ7223" s="176"/>
      <c r="BA7223" s="175"/>
      <c r="BB7223" s="221">
        <v>45884</v>
      </c>
    </row>
    <row r="7224" spans="1:54" s="8" customFormat="1" ht="13.65" customHeight="1" x14ac:dyDescent="0.25">
      <c r="A7224" s="229" t="s">
        <v>20403</v>
      </c>
      <c r="B7224" s="96" t="s">
        <v>19873</v>
      </c>
      <c r="C7224" s="93" t="s">
        <v>20398</v>
      </c>
      <c r="D7224" s="93" t="s">
        <v>20399</v>
      </c>
      <c r="E7224" s="111">
        <v>2018</v>
      </c>
      <c r="F7224" s="111">
        <v>4830</v>
      </c>
      <c r="G7224" s="93" t="s">
        <v>1</v>
      </c>
      <c r="H7224" s="111">
        <v>0</v>
      </c>
      <c r="I7224" s="111">
        <v>0</v>
      </c>
      <c r="J7224" s="111">
        <v>1</v>
      </c>
      <c r="K7224" s="111">
        <v>1</v>
      </c>
      <c r="L7224" s="111">
        <v>0</v>
      </c>
      <c r="M7224" s="111">
        <v>1</v>
      </c>
      <c r="N7224" s="111">
        <v>0</v>
      </c>
      <c r="O7224" s="111">
        <v>0</v>
      </c>
      <c r="P7224" s="111">
        <v>1</v>
      </c>
      <c r="Q7224" s="111">
        <v>0</v>
      </c>
      <c r="R7224" s="111">
        <v>0</v>
      </c>
      <c r="S7224" s="111">
        <v>0</v>
      </c>
      <c r="T7224" s="111">
        <v>1</v>
      </c>
      <c r="U7224" s="174"/>
      <c r="V7224" s="174"/>
      <c r="W7224" s="174"/>
      <c r="X7224" s="174"/>
      <c r="Y7224" s="174"/>
      <c r="Z7224" s="174"/>
      <c r="AA7224" s="174"/>
      <c r="AB7224" s="174"/>
      <c r="AC7224" s="174"/>
      <c r="AD7224" s="174"/>
      <c r="AE7224" s="174"/>
      <c r="AF7224" s="174"/>
      <c r="AG7224" s="174"/>
      <c r="AH7224" s="174"/>
      <c r="AI7224" s="174"/>
      <c r="AJ7224" s="174"/>
      <c r="AK7224" s="174"/>
      <c r="AL7224" s="174"/>
      <c r="AM7224" s="174"/>
      <c r="AN7224" s="174"/>
      <c r="AO7224" s="174"/>
      <c r="AP7224" s="174"/>
      <c r="AQ7224" s="174"/>
      <c r="AR7224" s="174"/>
      <c r="AS7224" s="174"/>
      <c r="AT7224" s="174"/>
      <c r="AU7224" s="174"/>
      <c r="AV7224" s="174"/>
      <c r="AW7224" s="174"/>
      <c r="AX7224" s="112" t="s">
        <v>22115</v>
      </c>
      <c r="AY7224" s="112"/>
      <c r="AZ7224" s="176"/>
      <c r="BA7224" s="175"/>
      <c r="BB7224" s="221">
        <v>45884</v>
      </c>
    </row>
    <row r="7225" spans="1:54" s="8" customFormat="1" ht="13.5" customHeight="1" x14ac:dyDescent="0.25">
      <c r="A7225" s="229" t="s">
        <v>20404</v>
      </c>
      <c r="B7225" s="96" t="s">
        <v>19873</v>
      </c>
      <c r="C7225" s="93" t="s">
        <v>20400</v>
      </c>
      <c r="D7225" s="93" t="s">
        <v>20401</v>
      </c>
      <c r="E7225" s="111">
        <v>2018</v>
      </c>
      <c r="F7225" s="111">
        <v>176</v>
      </c>
      <c r="G7225" s="93" t="s">
        <v>1</v>
      </c>
      <c r="H7225" s="111">
        <v>0</v>
      </c>
      <c r="I7225" s="111">
        <v>0</v>
      </c>
      <c r="J7225" s="111">
        <v>0</v>
      </c>
      <c r="K7225" s="111">
        <v>0</v>
      </c>
      <c r="L7225" s="111">
        <v>0</v>
      </c>
      <c r="M7225" s="111">
        <v>0</v>
      </c>
      <c r="N7225" s="111">
        <v>0</v>
      </c>
      <c r="O7225" s="111">
        <v>0</v>
      </c>
      <c r="P7225" s="111">
        <v>0</v>
      </c>
      <c r="Q7225" s="111">
        <v>0</v>
      </c>
      <c r="R7225" s="111">
        <v>0</v>
      </c>
      <c r="S7225" s="111">
        <v>0</v>
      </c>
      <c r="T7225" s="111">
        <v>0</v>
      </c>
      <c r="U7225" s="174"/>
      <c r="V7225" s="174"/>
      <c r="W7225" s="174"/>
      <c r="X7225" s="174"/>
      <c r="Y7225" s="174"/>
      <c r="Z7225" s="174"/>
      <c r="AA7225" s="174"/>
      <c r="AB7225" s="174"/>
      <c r="AC7225" s="174"/>
      <c r="AD7225" s="174"/>
      <c r="AE7225" s="174"/>
      <c r="AF7225" s="174"/>
      <c r="AG7225" s="174"/>
      <c r="AH7225" s="174"/>
      <c r="AI7225" s="174"/>
      <c r="AJ7225" s="174"/>
      <c r="AK7225" s="174"/>
      <c r="AL7225" s="174"/>
      <c r="AM7225" s="174"/>
      <c r="AN7225" s="174"/>
      <c r="AO7225" s="174"/>
      <c r="AP7225" s="174"/>
      <c r="AQ7225" s="174"/>
      <c r="AR7225" s="174"/>
      <c r="AS7225" s="174"/>
      <c r="AT7225" s="174"/>
      <c r="AU7225" s="174"/>
      <c r="AV7225" s="174"/>
      <c r="AW7225" s="174"/>
      <c r="AX7225" s="175"/>
      <c r="AY7225" s="175"/>
      <c r="AZ7225" s="175"/>
      <c r="BA7225" s="175"/>
      <c r="BB7225" s="221">
        <v>45884</v>
      </c>
    </row>
    <row r="7226" spans="1:54" s="8" customFormat="1" ht="13.95" customHeight="1" x14ac:dyDescent="0.25">
      <c r="A7226" s="229" t="s">
        <v>20557</v>
      </c>
      <c r="B7226" s="96" t="s">
        <v>19873</v>
      </c>
      <c r="C7226" s="93" t="s">
        <v>20548</v>
      </c>
      <c r="D7226" s="93" t="s">
        <v>20549</v>
      </c>
      <c r="E7226" s="111">
        <v>2019</v>
      </c>
      <c r="F7226" s="111">
        <v>12221</v>
      </c>
      <c r="G7226" s="93" t="s">
        <v>20550</v>
      </c>
      <c r="H7226" s="111">
        <v>1</v>
      </c>
      <c r="I7226" s="111">
        <v>1</v>
      </c>
      <c r="J7226" s="111">
        <v>1</v>
      </c>
      <c r="K7226" s="111">
        <v>1</v>
      </c>
      <c r="L7226" s="111">
        <v>0</v>
      </c>
      <c r="M7226" s="111">
        <v>1</v>
      </c>
      <c r="N7226" s="111">
        <v>1</v>
      </c>
      <c r="O7226" s="111">
        <v>0</v>
      </c>
      <c r="P7226" s="111">
        <v>1</v>
      </c>
      <c r="Q7226" s="111">
        <v>0</v>
      </c>
      <c r="R7226" s="111">
        <v>0</v>
      </c>
      <c r="S7226" s="111">
        <v>0</v>
      </c>
      <c r="T7226" s="111">
        <v>0</v>
      </c>
      <c r="U7226" s="111">
        <v>1</v>
      </c>
      <c r="V7226" s="111">
        <v>0</v>
      </c>
      <c r="W7226" s="111">
        <v>1</v>
      </c>
      <c r="X7226" s="111">
        <v>0</v>
      </c>
      <c r="Y7226" s="111">
        <v>0</v>
      </c>
      <c r="Z7226" s="111">
        <v>0</v>
      </c>
      <c r="AA7226" s="111">
        <v>0</v>
      </c>
      <c r="AB7226" s="111">
        <v>0</v>
      </c>
      <c r="AC7226" s="111">
        <v>0</v>
      </c>
      <c r="AD7226" s="111">
        <v>0</v>
      </c>
      <c r="AE7226" s="111">
        <v>0</v>
      </c>
      <c r="AF7226" s="111">
        <v>0</v>
      </c>
      <c r="AG7226" s="111">
        <v>0</v>
      </c>
      <c r="AH7226" s="111">
        <v>0</v>
      </c>
      <c r="AI7226" s="111">
        <v>0</v>
      </c>
      <c r="AJ7226" s="111">
        <v>0</v>
      </c>
      <c r="AK7226" s="111">
        <v>0</v>
      </c>
      <c r="AL7226" s="111">
        <v>0</v>
      </c>
      <c r="AM7226" s="111">
        <v>0</v>
      </c>
      <c r="AN7226" s="111">
        <v>0</v>
      </c>
      <c r="AO7226" s="111">
        <v>1</v>
      </c>
      <c r="AP7226" s="111">
        <v>0</v>
      </c>
      <c r="AQ7226" s="111">
        <v>0</v>
      </c>
      <c r="AR7226" s="111">
        <v>0</v>
      </c>
      <c r="AS7226" s="111">
        <v>0</v>
      </c>
      <c r="AT7226" s="111" t="s">
        <v>174</v>
      </c>
      <c r="AU7226" s="111">
        <v>0</v>
      </c>
      <c r="AV7226" s="111">
        <v>0</v>
      </c>
      <c r="AW7226" s="111">
        <v>1</v>
      </c>
      <c r="AX7226" s="112"/>
      <c r="AY7226" s="112"/>
      <c r="AZ7226" s="112"/>
      <c r="BA7226" s="112"/>
      <c r="BB7226" s="221">
        <v>45884</v>
      </c>
    </row>
    <row r="7227" spans="1:54" s="8" customFormat="1" ht="13.95" customHeight="1" x14ac:dyDescent="0.25">
      <c r="A7227" s="229" t="s">
        <v>20558</v>
      </c>
      <c r="B7227" s="96" t="s">
        <v>19873</v>
      </c>
      <c r="C7227" s="93" t="s">
        <v>20551</v>
      </c>
      <c r="D7227" s="93" t="s">
        <v>20552</v>
      </c>
      <c r="E7227" s="111">
        <v>2020</v>
      </c>
      <c r="F7227" s="111">
        <v>1227</v>
      </c>
      <c r="G7227" s="93" t="s">
        <v>1</v>
      </c>
      <c r="H7227" s="111">
        <v>0</v>
      </c>
      <c r="I7227" s="111">
        <v>0</v>
      </c>
      <c r="J7227" s="111">
        <v>0</v>
      </c>
      <c r="K7227" s="111">
        <v>0</v>
      </c>
      <c r="L7227" s="111">
        <v>0</v>
      </c>
      <c r="M7227" s="111">
        <v>0</v>
      </c>
      <c r="N7227" s="111">
        <v>0</v>
      </c>
      <c r="O7227" s="111">
        <v>0</v>
      </c>
      <c r="P7227" s="111">
        <v>0</v>
      </c>
      <c r="Q7227" s="111">
        <v>0</v>
      </c>
      <c r="R7227" s="111">
        <v>0</v>
      </c>
      <c r="S7227" s="111">
        <v>0</v>
      </c>
      <c r="T7227" s="111">
        <v>0</v>
      </c>
      <c r="U7227" s="174"/>
      <c r="V7227" s="174"/>
      <c r="W7227" s="174"/>
      <c r="X7227" s="174"/>
      <c r="Y7227" s="174"/>
      <c r="Z7227" s="174"/>
      <c r="AA7227" s="174"/>
      <c r="AB7227" s="174"/>
      <c r="AC7227" s="174"/>
      <c r="AD7227" s="174"/>
      <c r="AE7227" s="174"/>
      <c r="AF7227" s="174"/>
      <c r="AG7227" s="174"/>
      <c r="AH7227" s="174"/>
      <c r="AI7227" s="174"/>
      <c r="AJ7227" s="174"/>
      <c r="AK7227" s="174"/>
      <c r="AL7227" s="174"/>
      <c r="AM7227" s="174"/>
      <c r="AN7227" s="174"/>
      <c r="AO7227" s="174"/>
      <c r="AP7227" s="174"/>
      <c r="AQ7227" s="174"/>
      <c r="AR7227" s="174"/>
      <c r="AS7227" s="174"/>
      <c r="AT7227" s="174"/>
      <c r="AU7227" s="174"/>
      <c r="AV7227" s="174"/>
      <c r="AW7227" s="174"/>
      <c r="AX7227" s="175"/>
      <c r="AY7227" s="175"/>
      <c r="AZ7227" s="175"/>
      <c r="BA7227" s="175"/>
      <c r="BB7227" s="221">
        <v>45884</v>
      </c>
    </row>
    <row r="7228" spans="1:54" s="8" customFormat="1" ht="13.95" customHeight="1" x14ac:dyDescent="0.25">
      <c r="A7228" s="229" t="s">
        <v>20559</v>
      </c>
      <c r="B7228" s="96" t="s">
        <v>19873</v>
      </c>
      <c r="C7228" s="93" t="s">
        <v>20553</v>
      </c>
      <c r="D7228" s="93" t="s">
        <v>20554</v>
      </c>
      <c r="E7228" s="111">
        <v>2020</v>
      </c>
      <c r="F7228" s="111">
        <v>843</v>
      </c>
      <c r="G7228" s="93" t="s">
        <v>1</v>
      </c>
      <c r="H7228" s="111">
        <v>0</v>
      </c>
      <c r="I7228" s="111">
        <v>0</v>
      </c>
      <c r="J7228" s="111">
        <v>0</v>
      </c>
      <c r="K7228" s="111">
        <v>0</v>
      </c>
      <c r="L7228" s="111">
        <v>0</v>
      </c>
      <c r="M7228" s="111">
        <v>0</v>
      </c>
      <c r="N7228" s="111">
        <v>0</v>
      </c>
      <c r="O7228" s="111">
        <v>0</v>
      </c>
      <c r="P7228" s="111">
        <v>0</v>
      </c>
      <c r="Q7228" s="111">
        <v>0</v>
      </c>
      <c r="R7228" s="111">
        <v>0</v>
      </c>
      <c r="S7228" s="111">
        <v>0</v>
      </c>
      <c r="T7228" s="111">
        <v>0</v>
      </c>
      <c r="U7228" s="174"/>
      <c r="V7228" s="174"/>
      <c r="W7228" s="174"/>
      <c r="X7228" s="174"/>
      <c r="Y7228" s="174"/>
      <c r="Z7228" s="174"/>
      <c r="AA7228" s="174"/>
      <c r="AB7228" s="174"/>
      <c r="AC7228" s="174"/>
      <c r="AD7228" s="174"/>
      <c r="AE7228" s="174"/>
      <c r="AF7228" s="174"/>
      <c r="AG7228" s="174"/>
      <c r="AH7228" s="174"/>
      <c r="AI7228" s="174"/>
      <c r="AJ7228" s="174"/>
      <c r="AK7228" s="174"/>
      <c r="AL7228" s="174"/>
      <c r="AM7228" s="174"/>
      <c r="AN7228" s="174"/>
      <c r="AO7228" s="174"/>
      <c r="AP7228" s="174"/>
      <c r="AQ7228" s="174"/>
      <c r="AR7228" s="174"/>
      <c r="AS7228" s="174"/>
      <c r="AT7228" s="174"/>
      <c r="AU7228" s="174"/>
      <c r="AV7228" s="174"/>
      <c r="AW7228" s="174"/>
      <c r="AX7228" s="175"/>
      <c r="AY7228" s="175"/>
      <c r="AZ7228" s="175"/>
      <c r="BA7228" s="175"/>
      <c r="BB7228" s="221">
        <v>45884</v>
      </c>
    </row>
    <row r="7229" spans="1:54" s="8" customFormat="1" ht="13.95" customHeight="1" x14ac:dyDescent="0.25">
      <c r="A7229" s="229" t="s">
        <v>20560</v>
      </c>
      <c r="B7229" s="96" t="s">
        <v>19873</v>
      </c>
      <c r="C7229" s="93" t="s">
        <v>20555</v>
      </c>
      <c r="D7229" s="93" t="s">
        <v>20556</v>
      </c>
      <c r="E7229" s="111">
        <v>2020</v>
      </c>
      <c r="F7229" s="111">
        <v>954</v>
      </c>
      <c r="G7229" s="93" t="s">
        <v>1</v>
      </c>
      <c r="H7229" s="111">
        <v>0</v>
      </c>
      <c r="I7229" s="111">
        <v>0</v>
      </c>
      <c r="J7229" s="111">
        <v>0</v>
      </c>
      <c r="K7229" s="111">
        <v>0</v>
      </c>
      <c r="L7229" s="111">
        <v>0</v>
      </c>
      <c r="M7229" s="111">
        <v>0</v>
      </c>
      <c r="N7229" s="111">
        <v>0</v>
      </c>
      <c r="O7229" s="111">
        <v>0</v>
      </c>
      <c r="P7229" s="111">
        <v>0</v>
      </c>
      <c r="Q7229" s="111">
        <v>0</v>
      </c>
      <c r="R7229" s="111">
        <v>0</v>
      </c>
      <c r="S7229" s="111">
        <v>0</v>
      </c>
      <c r="T7229" s="111">
        <v>0</v>
      </c>
      <c r="U7229" s="174"/>
      <c r="V7229" s="174"/>
      <c r="W7229" s="174"/>
      <c r="X7229" s="174"/>
      <c r="Y7229" s="174"/>
      <c r="Z7229" s="174"/>
      <c r="AA7229" s="174"/>
      <c r="AB7229" s="174"/>
      <c r="AC7229" s="174"/>
      <c r="AD7229" s="174"/>
      <c r="AE7229" s="174"/>
      <c r="AF7229" s="174"/>
      <c r="AG7229" s="174"/>
      <c r="AH7229" s="174"/>
      <c r="AI7229" s="174"/>
      <c r="AJ7229" s="174"/>
      <c r="AK7229" s="174"/>
      <c r="AL7229" s="174"/>
      <c r="AM7229" s="174"/>
      <c r="AN7229" s="174"/>
      <c r="AO7229" s="174"/>
      <c r="AP7229" s="174"/>
      <c r="AQ7229" s="174"/>
      <c r="AR7229" s="174"/>
      <c r="AS7229" s="174"/>
      <c r="AT7229" s="174"/>
      <c r="AU7229" s="174"/>
      <c r="AV7229" s="174"/>
      <c r="AW7229" s="174"/>
      <c r="AX7229" s="175"/>
      <c r="AY7229" s="175"/>
      <c r="AZ7229" s="175"/>
      <c r="BA7229" s="175"/>
      <c r="BB7229" s="221">
        <v>45884</v>
      </c>
    </row>
    <row r="7230" spans="1:54" s="8" customFormat="1" ht="14.25" customHeight="1" x14ac:dyDescent="0.25">
      <c r="A7230" s="229" t="s">
        <v>21893</v>
      </c>
      <c r="B7230" s="96" t="s">
        <v>19873</v>
      </c>
      <c r="C7230" s="93" t="s">
        <v>21894</v>
      </c>
      <c r="D7230" s="93" t="s">
        <v>21895</v>
      </c>
      <c r="E7230" s="111">
        <v>2022</v>
      </c>
      <c r="F7230" s="111">
        <v>192</v>
      </c>
      <c r="G7230" s="93" t="s">
        <v>1</v>
      </c>
      <c r="H7230" s="111">
        <v>0</v>
      </c>
      <c r="I7230" s="111">
        <v>0</v>
      </c>
      <c r="J7230" s="111">
        <v>1</v>
      </c>
      <c r="K7230" s="111">
        <v>0</v>
      </c>
      <c r="L7230" s="111">
        <v>1</v>
      </c>
      <c r="M7230" s="111">
        <v>0</v>
      </c>
      <c r="N7230" s="111">
        <v>0</v>
      </c>
      <c r="O7230" s="111">
        <v>0</v>
      </c>
      <c r="P7230" s="111">
        <v>0</v>
      </c>
      <c r="Q7230" s="111">
        <v>0</v>
      </c>
      <c r="R7230" s="111">
        <v>1</v>
      </c>
      <c r="S7230" s="111">
        <v>0</v>
      </c>
      <c r="T7230" s="111">
        <v>0</v>
      </c>
      <c r="U7230" s="174"/>
      <c r="V7230" s="174"/>
      <c r="W7230" s="174"/>
      <c r="X7230" s="174"/>
      <c r="Y7230" s="174"/>
      <c r="Z7230" s="174"/>
      <c r="AA7230" s="174"/>
      <c r="AB7230" s="174"/>
      <c r="AC7230" s="174"/>
      <c r="AD7230" s="174"/>
      <c r="AE7230" s="174"/>
      <c r="AF7230" s="174"/>
      <c r="AG7230" s="174"/>
      <c r="AH7230" s="174"/>
      <c r="AI7230" s="174"/>
      <c r="AJ7230" s="174"/>
      <c r="AK7230" s="174"/>
      <c r="AL7230" s="174"/>
      <c r="AM7230" s="174"/>
      <c r="AN7230" s="174"/>
      <c r="AO7230" s="174"/>
      <c r="AP7230" s="174"/>
      <c r="AQ7230" s="174"/>
      <c r="AR7230" s="174"/>
      <c r="AS7230" s="174"/>
      <c r="AT7230" s="174"/>
      <c r="AU7230" s="174"/>
      <c r="AV7230" s="174"/>
      <c r="AW7230" s="174"/>
      <c r="AX7230" s="175"/>
      <c r="AY7230" s="175"/>
      <c r="AZ7230" s="175"/>
      <c r="BA7230" s="175"/>
      <c r="BB7230" s="221">
        <v>45884</v>
      </c>
    </row>
    <row r="7231" spans="1:54" s="8" customFormat="1" ht="14.25" customHeight="1" x14ac:dyDescent="0.25">
      <c r="A7231" s="229" t="s">
        <v>24209</v>
      </c>
      <c r="B7231" s="96" t="s">
        <v>19873</v>
      </c>
      <c r="C7231" s="93" t="s">
        <v>24207</v>
      </c>
      <c r="D7231" s="93" t="s">
        <v>24208</v>
      </c>
      <c r="E7231" s="111">
        <v>2023</v>
      </c>
      <c r="F7231" s="111">
        <v>1840</v>
      </c>
      <c r="G7231" s="93" t="s">
        <v>1</v>
      </c>
      <c r="H7231" s="111">
        <v>0</v>
      </c>
      <c r="I7231" s="111">
        <v>0</v>
      </c>
      <c r="J7231" s="111">
        <v>0</v>
      </c>
      <c r="K7231" s="111">
        <v>0</v>
      </c>
      <c r="L7231" s="111">
        <v>0</v>
      </c>
      <c r="M7231" s="111">
        <v>0</v>
      </c>
      <c r="N7231" s="111">
        <v>0</v>
      </c>
      <c r="O7231" s="111">
        <v>0</v>
      </c>
      <c r="P7231" s="111">
        <v>0</v>
      </c>
      <c r="Q7231" s="111">
        <v>0</v>
      </c>
      <c r="R7231" s="111">
        <v>0</v>
      </c>
      <c r="S7231" s="111">
        <v>0</v>
      </c>
      <c r="T7231" s="111">
        <v>0</v>
      </c>
      <c r="U7231" s="174"/>
      <c r="V7231" s="174"/>
      <c r="W7231" s="174"/>
      <c r="X7231" s="174"/>
      <c r="Y7231" s="174"/>
      <c r="Z7231" s="174"/>
      <c r="AA7231" s="174"/>
      <c r="AB7231" s="174"/>
      <c r="AC7231" s="174"/>
      <c r="AD7231" s="174"/>
      <c r="AE7231" s="174"/>
      <c r="AF7231" s="174"/>
      <c r="AG7231" s="174"/>
      <c r="AH7231" s="174"/>
      <c r="AI7231" s="174"/>
      <c r="AJ7231" s="174"/>
      <c r="AK7231" s="174"/>
      <c r="AL7231" s="174"/>
      <c r="AM7231" s="174"/>
      <c r="AN7231" s="174"/>
      <c r="AO7231" s="174"/>
      <c r="AP7231" s="174"/>
      <c r="AQ7231" s="174"/>
      <c r="AR7231" s="174"/>
      <c r="AS7231" s="174"/>
      <c r="AT7231" s="174"/>
      <c r="AU7231" s="174"/>
      <c r="AV7231" s="174"/>
      <c r="AW7231" s="174"/>
      <c r="AX7231" s="175"/>
      <c r="AY7231" s="175"/>
      <c r="AZ7231" s="175"/>
      <c r="BA7231" s="175"/>
      <c r="BB7231" s="221">
        <v>45884</v>
      </c>
    </row>
    <row r="7232" spans="1:54" ht="13.95" customHeight="1" x14ac:dyDescent="0.25">
      <c r="A7232" s="14" t="s">
        <v>17484</v>
      </c>
      <c r="B7232" s="109" t="s">
        <v>21519</v>
      </c>
      <c r="C7232" s="93" t="s">
        <v>4720</v>
      </c>
      <c r="D7232" s="93" t="s">
        <v>17485</v>
      </c>
      <c r="E7232" s="177">
        <v>1975</v>
      </c>
      <c r="F7232" s="177">
        <v>115</v>
      </c>
      <c r="G7232" s="177" t="s">
        <v>1</v>
      </c>
      <c r="H7232" s="178">
        <v>0</v>
      </c>
      <c r="I7232" s="178">
        <v>0</v>
      </c>
      <c r="J7232" s="178">
        <v>0</v>
      </c>
      <c r="K7232" s="178">
        <v>0</v>
      </c>
      <c r="L7232" s="178">
        <v>0</v>
      </c>
      <c r="M7232" s="178">
        <v>0</v>
      </c>
      <c r="N7232" s="178">
        <v>0</v>
      </c>
      <c r="O7232" s="178">
        <v>1</v>
      </c>
      <c r="P7232" s="178">
        <v>0</v>
      </c>
      <c r="Q7232" s="178">
        <v>0</v>
      </c>
      <c r="R7232" s="178">
        <v>1</v>
      </c>
      <c r="S7232" s="178">
        <v>0</v>
      </c>
      <c r="T7232" s="178">
        <v>0</v>
      </c>
      <c r="U7232" s="179"/>
      <c r="V7232" s="179"/>
      <c r="W7232" s="179"/>
      <c r="X7232" s="179"/>
      <c r="Y7232" s="179"/>
      <c r="Z7232" s="179"/>
      <c r="AA7232" s="179"/>
      <c r="AB7232" s="179"/>
      <c r="AC7232" s="179"/>
      <c r="AD7232" s="179"/>
      <c r="AE7232" s="179"/>
      <c r="AF7232" s="179"/>
      <c r="AG7232" s="179"/>
      <c r="AH7232" s="179"/>
      <c r="AI7232" s="179"/>
      <c r="AJ7232" s="179"/>
      <c r="AK7232" s="179"/>
      <c r="AL7232" s="179"/>
      <c r="AM7232" s="179"/>
      <c r="AN7232" s="179"/>
      <c r="AO7232" s="179"/>
      <c r="AP7232" s="179"/>
      <c r="AQ7232" s="179"/>
      <c r="AR7232" s="179"/>
      <c r="AS7232" s="179"/>
      <c r="AT7232" s="179"/>
      <c r="AU7232" s="179"/>
      <c r="AV7232" s="179"/>
      <c r="AW7232" s="179"/>
      <c r="AX7232" s="180"/>
      <c r="AY7232" s="180"/>
      <c r="AZ7232" s="180"/>
      <c r="BA7232" s="180"/>
      <c r="BB7232" s="107">
        <v>45065</v>
      </c>
    </row>
    <row r="7233" spans="1:54" ht="13.95" customHeight="1" x14ac:dyDescent="0.25">
      <c r="A7233" s="14" t="s">
        <v>17486</v>
      </c>
      <c r="B7233" s="109" t="s">
        <v>21519</v>
      </c>
      <c r="C7233" s="93" t="s">
        <v>17487</v>
      </c>
      <c r="D7233" s="93" t="s">
        <v>17488</v>
      </c>
      <c r="E7233" s="177">
        <v>1975</v>
      </c>
      <c r="F7233" s="177">
        <v>119</v>
      </c>
      <c r="G7233" s="177" t="s">
        <v>1</v>
      </c>
      <c r="H7233" s="178">
        <v>0</v>
      </c>
      <c r="I7233" s="178">
        <v>0</v>
      </c>
      <c r="J7233" s="178">
        <v>0</v>
      </c>
      <c r="K7233" s="178">
        <v>1</v>
      </c>
      <c r="L7233" s="178">
        <v>0</v>
      </c>
      <c r="M7233" s="178">
        <v>0</v>
      </c>
      <c r="N7233" s="178">
        <v>0</v>
      </c>
      <c r="O7233" s="178">
        <v>1</v>
      </c>
      <c r="P7233" s="178">
        <v>0</v>
      </c>
      <c r="Q7233" s="178">
        <v>0</v>
      </c>
      <c r="R7233" s="178">
        <v>0</v>
      </c>
      <c r="S7233" s="178">
        <v>0</v>
      </c>
      <c r="T7233" s="178">
        <v>0</v>
      </c>
      <c r="U7233" s="179"/>
      <c r="V7233" s="179"/>
      <c r="W7233" s="179"/>
      <c r="X7233" s="179"/>
      <c r="Y7233" s="179"/>
      <c r="Z7233" s="179"/>
      <c r="AA7233" s="179"/>
      <c r="AB7233" s="179"/>
      <c r="AC7233" s="179"/>
      <c r="AD7233" s="179"/>
      <c r="AE7233" s="179"/>
      <c r="AF7233" s="179"/>
      <c r="AG7233" s="179"/>
      <c r="AH7233" s="179"/>
      <c r="AI7233" s="179"/>
      <c r="AJ7233" s="179"/>
      <c r="AK7233" s="179"/>
      <c r="AL7233" s="179"/>
      <c r="AM7233" s="179"/>
      <c r="AN7233" s="179"/>
      <c r="AO7233" s="179"/>
      <c r="AP7233" s="179"/>
      <c r="AQ7233" s="179"/>
      <c r="AR7233" s="179"/>
      <c r="AS7233" s="179"/>
      <c r="AT7233" s="179"/>
      <c r="AU7233" s="179"/>
      <c r="AV7233" s="179"/>
      <c r="AW7233" s="179"/>
      <c r="AX7233" s="180"/>
      <c r="AY7233" s="180"/>
      <c r="AZ7233" s="180"/>
      <c r="BA7233" s="180"/>
      <c r="BB7233" s="107">
        <v>45065</v>
      </c>
    </row>
    <row r="7234" spans="1:54" ht="13.95" customHeight="1" x14ac:dyDescent="0.25">
      <c r="A7234" s="14" t="s">
        <v>17489</v>
      </c>
      <c r="B7234" s="109" t="s">
        <v>21519</v>
      </c>
      <c r="C7234" s="93" t="s">
        <v>17490</v>
      </c>
      <c r="D7234" s="93" t="s">
        <v>17491</v>
      </c>
      <c r="E7234" s="177">
        <v>1996</v>
      </c>
      <c r="F7234" s="177">
        <v>149</v>
      </c>
      <c r="G7234" s="177" t="s">
        <v>1</v>
      </c>
      <c r="H7234" s="178">
        <v>0</v>
      </c>
      <c r="I7234" s="178">
        <v>0</v>
      </c>
      <c r="J7234" s="178">
        <v>0</v>
      </c>
      <c r="K7234" s="178">
        <v>0</v>
      </c>
      <c r="L7234" s="178">
        <v>0</v>
      </c>
      <c r="M7234" s="178">
        <v>0</v>
      </c>
      <c r="N7234" s="178">
        <v>0</v>
      </c>
      <c r="O7234" s="178">
        <v>0</v>
      </c>
      <c r="P7234" s="178">
        <v>0</v>
      </c>
      <c r="Q7234" s="178">
        <v>0</v>
      </c>
      <c r="R7234" s="178">
        <v>0</v>
      </c>
      <c r="S7234" s="178">
        <v>0</v>
      </c>
      <c r="T7234" s="178">
        <v>0</v>
      </c>
      <c r="U7234" s="179"/>
      <c r="V7234" s="179"/>
      <c r="W7234" s="179"/>
      <c r="X7234" s="179"/>
      <c r="Y7234" s="179"/>
      <c r="Z7234" s="179"/>
      <c r="AA7234" s="179"/>
      <c r="AB7234" s="179"/>
      <c r="AC7234" s="179"/>
      <c r="AD7234" s="179"/>
      <c r="AE7234" s="179"/>
      <c r="AF7234" s="179"/>
      <c r="AG7234" s="179"/>
      <c r="AH7234" s="179"/>
      <c r="AI7234" s="179"/>
      <c r="AJ7234" s="179"/>
      <c r="AK7234" s="179"/>
      <c r="AL7234" s="179"/>
      <c r="AM7234" s="179"/>
      <c r="AN7234" s="179"/>
      <c r="AO7234" s="179"/>
      <c r="AP7234" s="179"/>
      <c r="AQ7234" s="179"/>
      <c r="AR7234" s="179"/>
      <c r="AS7234" s="179"/>
      <c r="AT7234" s="179"/>
      <c r="AU7234" s="179"/>
      <c r="AV7234" s="179"/>
      <c r="AW7234" s="179"/>
      <c r="AX7234" s="180"/>
      <c r="AY7234" s="180"/>
      <c r="AZ7234" s="180"/>
      <c r="BA7234" s="180"/>
      <c r="BB7234" s="107">
        <v>45065</v>
      </c>
    </row>
    <row r="7235" spans="1:54" ht="13.95" customHeight="1" x14ac:dyDescent="0.25">
      <c r="A7235" s="14" t="s">
        <v>17492</v>
      </c>
      <c r="B7235" s="109" t="s">
        <v>21519</v>
      </c>
      <c r="C7235" s="93" t="s">
        <v>17493</v>
      </c>
      <c r="D7235" s="93" t="s">
        <v>17494</v>
      </c>
      <c r="E7235" s="177">
        <v>2005</v>
      </c>
      <c r="F7235" s="177">
        <v>149</v>
      </c>
      <c r="G7235" s="177" t="s">
        <v>1</v>
      </c>
      <c r="H7235" s="178">
        <v>0</v>
      </c>
      <c r="I7235" s="178">
        <v>0</v>
      </c>
      <c r="J7235" s="178">
        <v>0</v>
      </c>
      <c r="K7235" s="178">
        <v>0</v>
      </c>
      <c r="L7235" s="178">
        <v>0</v>
      </c>
      <c r="M7235" s="178">
        <v>0</v>
      </c>
      <c r="N7235" s="178">
        <v>0</v>
      </c>
      <c r="O7235" s="178">
        <v>1</v>
      </c>
      <c r="P7235" s="178">
        <v>0</v>
      </c>
      <c r="Q7235" s="178">
        <v>0</v>
      </c>
      <c r="R7235" s="178">
        <v>0</v>
      </c>
      <c r="S7235" s="178">
        <v>0</v>
      </c>
      <c r="T7235" s="178">
        <v>0</v>
      </c>
      <c r="U7235" s="179"/>
      <c r="V7235" s="179"/>
      <c r="W7235" s="179"/>
      <c r="X7235" s="179"/>
      <c r="Y7235" s="179"/>
      <c r="Z7235" s="179"/>
      <c r="AA7235" s="179"/>
      <c r="AB7235" s="179"/>
      <c r="AC7235" s="179"/>
      <c r="AD7235" s="179"/>
      <c r="AE7235" s="179"/>
      <c r="AF7235" s="179"/>
      <c r="AG7235" s="179"/>
      <c r="AH7235" s="179"/>
      <c r="AI7235" s="179"/>
      <c r="AJ7235" s="179"/>
      <c r="AK7235" s="179"/>
      <c r="AL7235" s="179"/>
      <c r="AM7235" s="179"/>
      <c r="AN7235" s="179"/>
      <c r="AO7235" s="179"/>
      <c r="AP7235" s="179"/>
      <c r="AQ7235" s="179"/>
      <c r="AR7235" s="179"/>
      <c r="AS7235" s="179"/>
      <c r="AT7235" s="179"/>
      <c r="AU7235" s="179"/>
      <c r="AV7235" s="179"/>
      <c r="AW7235" s="179"/>
      <c r="AX7235" s="180"/>
      <c r="AY7235" s="180"/>
      <c r="AZ7235" s="180"/>
      <c r="BA7235" s="180"/>
      <c r="BB7235" s="107">
        <v>45065</v>
      </c>
    </row>
    <row r="7236" spans="1:54" ht="13.5" customHeight="1" x14ac:dyDescent="0.25">
      <c r="A7236" s="14" t="s">
        <v>17495</v>
      </c>
      <c r="B7236" s="109" t="s">
        <v>21519</v>
      </c>
      <c r="C7236" s="93" t="s">
        <v>17496</v>
      </c>
      <c r="D7236" s="93" t="s">
        <v>17497</v>
      </c>
      <c r="E7236" s="177">
        <v>1988</v>
      </c>
      <c r="F7236" s="177">
        <v>150</v>
      </c>
      <c r="G7236" s="177" t="s">
        <v>1</v>
      </c>
      <c r="H7236" s="178">
        <v>0</v>
      </c>
      <c r="I7236" s="178">
        <v>0</v>
      </c>
      <c r="J7236" s="178">
        <v>1</v>
      </c>
      <c r="K7236" s="178">
        <v>0</v>
      </c>
      <c r="L7236" s="178">
        <v>1</v>
      </c>
      <c r="M7236" s="178">
        <v>0</v>
      </c>
      <c r="N7236" s="178">
        <v>0</v>
      </c>
      <c r="O7236" s="178">
        <v>0</v>
      </c>
      <c r="P7236" s="178">
        <v>1</v>
      </c>
      <c r="Q7236" s="178">
        <v>0</v>
      </c>
      <c r="R7236" s="178">
        <v>0</v>
      </c>
      <c r="S7236" s="178">
        <v>0</v>
      </c>
      <c r="T7236" s="178">
        <v>0</v>
      </c>
      <c r="U7236" s="179"/>
      <c r="V7236" s="179"/>
      <c r="W7236" s="179"/>
      <c r="X7236" s="179"/>
      <c r="Y7236" s="179"/>
      <c r="Z7236" s="179"/>
      <c r="AA7236" s="179"/>
      <c r="AB7236" s="179"/>
      <c r="AC7236" s="179"/>
      <c r="AD7236" s="179"/>
      <c r="AE7236" s="179"/>
      <c r="AF7236" s="179"/>
      <c r="AG7236" s="179"/>
      <c r="AH7236" s="179"/>
      <c r="AI7236" s="179"/>
      <c r="AJ7236" s="179"/>
      <c r="AK7236" s="179"/>
      <c r="AL7236" s="179"/>
      <c r="AM7236" s="179"/>
      <c r="AN7236" s="179"/>
      <c r="AO7236" s="179"/>
      <c r="AP7236" s="179"/>
      <c r="AQ7236" s="179"/>
      <c r="AR7236" s="179"/>
      <c r="AS7236" s="179"/>
      <c r="AT7236" s="179"/>
      <c r="AU7236" s="179"/>
      <c r="AV7236" s="179"/>
      <c r="AW7236" s="179"/>
      <c r="AX7236" s="180"/>
      <c r="AY7236" s="180"/>
      <c r="AZ7236" s="180"/>
      <c r="BA7236" s="180"/>
      <c r="BB7236" s="107">
        <v>45065</v>
      </c>
    </row>
    <row r="7237" spans="1:54" ht="13.95" customHeight="1" x14ac:dyDescent="0.25">
      <c r="A7237" s="14" t="s">
        <v>17498</v>
      </c>
      <c r="B7237" s="109" t="s">
        <v>21519</v>
      </c>
      <c r="C7237" s="93" t="s">
        <v>13886</v>
      </c>
      <c r="D7237" s="93" t="s">
        <v>17499</v>
      </c>
      <c r="E7237" s="177">
        <v>1976</v>
      </c>
      <c r="F7237" s="177">
        <v>150</v>
      </c>
      <c r="G7237" s="177" t="s">
        <v>1</v>
      </c>
      <c r="H7237" s="178">
        <v>0</v>
      </c>
      <c r="I7237" s="178">
        <v>0</v>
      </c>
      <c r="J7237" s="178">
        <v>0</v>
      </c>
      <c r="K7237" s="178">
        <v>0</v>
      </c>
      <c r="L7237" s="178">
        <v>1</v>
      </c>
      <c r="M7237" s="178">
        <v>0</v>
      </c>
      <c r="N7237" s="178">
        <v>0</v>
      </c>
      <c r="O7237" s="178">
        <v>1</v>
      </c>
      <c r="P7237" s="178">
        <v>1</v>
      </c>
      <c r="Q7237" s="178">
        <v>0</v>
      </c>
      <c r="R7237" s="178">
        <v>0</v>
      </c>
      <c r="S7237" s="178">
        <v>0</v>
      </c>
      <c r="T7237" s="178">
        <v>0</v>
      </c>
      <c r="U7237" s="179"/>
      <c r="V7237" s="179"/>
      <c r="W7237" s="179"/>
      <c r="X7237" s="179"/>
      <c r="Y7237" s="179"/>
      <c r="Z7237" s="179"/>
      <c r="AA7237" s="179"/>
      <c r="AB7237" s="179"/>
      <c r="AC7237" s="179"/>
      <c r="AD7237" s="179"/>
      <c r="AE7237" s="179"/>
      <c r="AF7237" s="179"/>
      <c r="AG7237" s="179"/>
      <c r="AH7237" s="179"/>
      <c r="AI7237" s="179"/>
      <c r="AJ7237" s="179"/>
      <c r="AK7237" s="179"/>
      <c r="AL7237" s="179"/>
      <c r="AM7237" s="179"/>
      <c r="AN7237" s="179"/>
      <c r="AO7237" s="179"/>
      <c r="AP7237" s="179"/>
      <c r="AQ7237" s="179"/>
      <c r="AR7237" s="179"/>
      <c r="AS7237" s="179"/>
      <c r="AT7237" s="179"/>
      <c r="AU7237" s="179"/>
      <c r="AV7237" s="179"/>
      <c r="AW7237" s="179"/>
      <c r="AX7237" s="180"/>
      <c r="AY7237" s="180"/>
      <c r="AZ7237" s="180"/>
      <c r="BA7237" s="180"/>
      <c r="BB7237" s="107">
        <v>45065</v>
      </c>
    </row>
    <row r="7238" spans="1:54" ht="13.95" customHeight="1" x14ac:dyDescent="0.25">
      <c r="A7238" s="14" t="s">
        <v>17500</v>
      </c>
      <c r="B7238" s="109" t="s">
        <v>21519</v>
      </c>
      <c r="C7238" s="93" t="s">
        <v>17501</v>
      </c>
      <c r="D7238" s="93" t="s">
        <v>17502</v>
      </c>
      <c r="E7238" s="177">
        <v>2001</v>
      </c>
      <c r="F7238" s="177">
        <v>150</v>
      </c>
      <c r="G7238" s="177" t="s">
        <v>1</v>
      </c>
      <c r="H7238" s="178">
        <v>0</v>
      </c>
      <c r="I7238" s="178">
        <v>0</v>
      </c>
      <c r="J7238" s="178">
        <v>0</v>
      </c>
      <c r="K7238" s="178">
        <v>0</v>
      </c>
      <c r="L7238" s="178">
        <v>0</v>
      </c>
      <c r="M7238" s="178">
        <v>0</v>
      </c>
      <c r="N7238" s="178">
        <v>0</v>
      </c>
      <c r="O7238" s="178">
        <v>1</v>
      </c>
      <c r="P7238" s="178">
        <v>0</v>
      </c>
      <c r="Q7238" s="178">
        <v>0</v>
      </c>
      <c r="R7238" s="178">
        <v>0</v>
      </c>
      <c r="S7238" s="178">
        <v>0</v>
      </c>
      <c r="T7238" s="178">
        <v>0</v>
      </c>
      <c r="U7238" s="179"/>
      <c r="V7238" s="179"/>
      <c r="W7238" s="179"/>
      <c r="X7238" s="179"/>
      <c r="Y7238" s="179"/>
      <c r="Z7238" s="179"/>
      <c r="AA7238" s="179"/>
      <c r="AB7238" s="179"/>
      <c r="AC7238" s="179"/>
      <c r="AD7238" s="179"/>
      <c r="AE7238" s="179"/>
      <c r="AF7238" s="179"/>
      <c r="AG7238" s="179"/>
      <c r="AH7238" s="179"/>
      <c r="AI7238" s="179"/>
      <c r="AJ7238" s="179"/>
      <c r="AK7238" s="179"/>
      <c r="AL7238" s="179"/>
      <c r="AM7238" s="179"/>
      <c r="AN7238" s="179"/>
      <c r="AO7238" s="179"/>
      <c r="AP7238" s="179"/>
      <c r="AQ7238" s="179"/>
      <c r="AR7238" s="179"/>
      <c r="AS7238" s="179"/>
      <c r="AT7238" s="179"/>
      <c r="AU7238" s="179"/>
      <c r="AV7238" s="179"/>
      <c r="AW7238" s="179"/>
      <c r="AX7238" s="180"/>
      <c r="AY7238" s="180"/>
      <c r="AZ7238" s="180"/>
      <c r="BA7238" s="180"/>
      <c r="BB7238" s="107">
        <v>45065</v>
      </c>
    </row>
    <row r="7239" spans="1:54" ht="13.95" customHeight="1" x14ac:dyDescent="0.25">
      <c r="A7239" s="14" t="s">
        <v>17503</v>
      </c>
      <c r="B7239" s="109" t="s">
        <v>21519</v>
      </c>
      <c r="C7239" s="93" t="s">
        <v>17504</v>
      </c>
      <c r="D7239" s="93" t="s">
        <v>17505</v>
      </c>
      <c r="E7239" s="177">
        <v>1993</v>
      </c>
      <c r="F7239" s="177">
        <v>150</v>
      </c>
      <c r="G7239" s="177" t="s">
        <v>1</v>
      </c>
      <c r="H7239" s="178">
        <v>0</v>
      </c>
      <c r="I7239" s="178">
        <v>0</v>
      </c>
      <c r="J7239" s="178">
        <v>0</v>
      </c>
      <c r="K7239" s="178">
        <v>0</v>
      </c>
      <c r="L7239" s="178">
        <v>1</v>
      </c>
      <c r="M7239" s="178">
        <v>0</v>
      </c>
      <c r="N7239" s="178">
        <v>0</v>
      </c>
      <c r="O7239" s="178">
        <v>0</v>
      </c>
      <c r="P7239" s="178">
        <v>0</v>
      </c>
      <c r="Q7239" s="178">
        <v>0</v>
      </c>
      <c r="R7239" s="178">
        <v>0</v>
      </c>
      <c r="S7239" s="178">
        <v>0</v>
      </c>
      <c r="T7239" s="178">
        <v>0</v>
      </c>
      <c r="U7239" s="179"/>
      <c r="V7239" s="179"/>
      <c r="W7239" s="179"/>
      <c r="X7239" s="179"/>
      <c r="Y7239" s="179"/>
      <c r="Z7239" s="179"/>
      <c r="AA7239" s="179"/>
      <c r="AB7239" s="179"/>
      <c r="AC7239" s="179"/>
      <c r="AD7239" s="179"/>
      <c r="AE7239" s="179"/>
      <c r="AF7239" s="179"/>
      <c r="AG7239" s="179"/>
      <c r="AH7239" s="179"/>
      <c r="AI7239" s="179"/>
      <c r="AJ7239" s="179"/>
      <c r="AK7239" s="179"/>
      <c r="AL7239" s="179"/>
      <c r="AM7239" s="179"/>
      <c r="AN7239" s="179"/>
      <c r="AO7239" s="179"/>
      <c r="AP7239" s="179"/>
      <c r="AQ7239" s="179"/>
      <c r="AR7239" s="179"/>
      <c r="AS7239" s="179"/>
      <c r="AT7239" s="179"/>
      <c r="AU7239" s="179"/>
      <c r="AV7239" s="179"/>
      <c r="AW7239" s="179"/>
      <c r="AX7239" s="180"/>
      <c r="AY7239" s="180"/>
      <c r="AZ7239" s="180"/>
      <c r="BA7239" s="180"/>
      <c r="BB7239" s="107">
        <v>45065</v>
      </c>
    </row>
    <row r="7240" spans="1:54" ht="13.95" customHeight="1" x14ac:dyDescent="0.25">
      <c r="A7240" s="14" t="s">
        <v>17506</v>
      </c>
      <c r="B7240" s="109" t="s">
        <v>21519</v>
      </c>
      <c r="C7240" s="93" t="s">
        <v>17507</v>
      </c>
      <c r="D7240" s="93" t="s">
        <v>17508</v>
      </c>
      <c r="E7240" s="177">
        <v>1994</v>
      </c>
      <c r="F7240" s="177">
        <v>150</v>
      </c>
      <c r="G7240" s="177" t="s">
        <v>1</v>
      </c>
      <c r="H7240" s="178">
        <v>0</v>
      </c>
      <c r="I7240" s="178">
        <v>0</v>
      </c>
      <c r="J7240" s="178">
        <v>0</v>
      </c>
      <c r="K7240" s="178">
        <v>0</v>
      </c>
      <c r="L7240" s="178">
        <v>0</v>
      </c>
      <c r="M7240" s="178">
        <v>0</v>
      </c>
      <c r="N7240" s="178">
        <v>0</v>
      </c>
      <c r="O7240" s="178">
        <v>0</v>
      </c>
      <c r="P7240" s="178">
        <v>0</v>
      </c>
      <c r="Q7240" s="178">
        <v>0</v>
      </c>
      <c r="R7240" s="178">
        <v>0</v>
      </c>
      <c r="S7240" s="178">
        <v>0</v>
      </c>
      <c r="T7240" s="178">
        <v>0</v>
      </c>
      <c r="U7240" s="179"/>
      <c r="V7240" s="179"/>
      <c r="W7240" s="179"/>
      <c r="X7240" s="179"/>
      <c r="Y7240" s="179"/>
      <c r="Z7240" s="179"/>
      <c r="AA7240" s="179"/>
      <c r="AB7240" s="179"/>
      <c r="AC7240" s="179"/>
      <c r="AD7240" s="179"/>
      <c r="AE7240" s="179"/>
      <c r="AF7240" s="179"/>
      <c r="AG7240" s="179"/>
      <c r="AH7240" s="179"/>
      <c r="AI7240" s="179"/>
      <c r="AJ7240" s="179"/>
      <c r="AK7240" s="179"/>
      <c r="AL7240" s="179"/>
      <c r="AM7240" s="179"/>
      <c r="AN7240" s="179"/>
      <c r="AO7240" s="179"/>
      <c r="AP7240" s="179"/>
      <c r="AQ7240" s="179"/>
      <c r="AR7240" s="179"/>
      <c r="AS7240" s="179"/>
      <c r="AT7240" s="179"/>
      <c r="AU7240" s="179"/>
      <c r="AV7240" s="179"/>
      <c r="AW7240" s="179"/>
      <c r="AX7240" s="180"/>
      <c r="AY7240" s="180"/>
      <c r="AZ7240" s="180"/>
      <c r="BA7240" s="180"/>
      <c r="BB7240" s="107">
        <v>45065</v>
      </c>
    </row>
    <row r="7241" spans="1:54" ht="13.95" customHeight="1" x14ac:dyDescent="0.25">
      <c r="A7241" s="14" t="s">
        <v>17509</v>
      </c>
      <c r="B7241" s="109" t="s">
        <v>21519</v>
      </c>
      <c r="C7241" s="93" t="s">
        <v>17510</v>
      </c>
      <c r="D7241" s="93" t="s">
        <v>17511</v>
      </c>
      <c r="E7241" s="177">
        <v>2012</v>
      </c>
      <c r="F7241" s="177">
        <v>149</v>
      </c>
      <c r="G7241" s="177" t="s">
        <v>1</v>
      </c>
      <c r="H7241" s="178">
        <v>0</v>
      </c>
      <c r="I7241" s="178">
        <v>0</v>
      </c>
      <c r="J7241" s="178">
        <v>0</v>
      </c>
      <c r="K7241" s="178">
        <v>0</v>
      </c>
      <c r="L7241" s="178">
        <v>0</v>
      </c>
      <c r="M7241" s="178">
        <v>0</v>
      </c>
      <c r="N7241" s="178">
        <v>0</v>
      </c>
      <c r="O7241" s="178">
        <v>0</v>
      </c>
      <c r="P7241" s="178">
        <v>0</v>
      </c>
      <c r="Q7241" s="178">
        <v>0</v>
      </c>
      <c r="R7241" s="178">
        <v>0</v>
      </c>
      <c r="S7241" s="178">
        <v>0</v>
      </c>
      <c r="T7241" s="178">
        <v>0</v>
      </c>
      <c r="U7241" s="179"/>
      <c r="V7241" s="179"/>
      <c r="W7241" s="179"/>
      <c r="X7241" s="179"/>
      <c r="Y7241" s="179"/>
      <c r="Z7241" s="179"/>
      <c r="AA7241" s="179"/>
      <c r="AB7241" s="179"/>
      <c r="AC7241" s="179"/>
      <c r="AD7241" s="179"/>
      <c r="AE7241" s="179"/>
      <c r="AF7241" s="179"/>
      <c r="AG7241" s="179"/>
      <c r="AH7241" s="179"/>
      <c r="AI7241" s="179"/>
      <c r="AJ7241" s="179"/>
      <c r="AK7241" s="179"/>
      <c r="AL7241" s="179"/>
      <c r="AM7241" s="179"/>
      <c r="AN7241" s="179"/>
      <c r="AO7241" s="179"/>
      <c r="AP7241" s="179"/>
      <c r="AQ7241" s="179"/>
      <c r="AR7241" s="179"/>
      <c r="AS7241" s="179"/>
      <c r="AT7241" s="179"/>
      <c r="AU7241" s="179"/>
      <c r="AV7241" s="179"/>
      <c r="AW7241" s="179"/>
      <c r="AX7241" s="180"/>
      <c r="AY7241" s="180"/>
      <c r="AZ7241" s="180"/>
      <c r="BA7241" s="180"/>
      <c r="BB7241" s="107">
        <v>45065</v>
      </c>
    </row>
    <row r="7242" spans="1:54" ht="13.95" customHeight="1" x14ac:dyDescent="0.25">
      <c r="A7242" s="14" t="s">
        <v>17512</v>
      </c>
      <c r="B7242" s="109" t="s">
        <v>21519</v>
      </c>
      <c r="C7242" s="93" t="s">
        <v>17513</v>
      </c>
      <c r="D7242" s="93" t="s">
        <v>17514</v>
      </c>
      <c r="E7242" s="177">
        <v>1985</v>
      </c>
      <c r="F7242" s="177">
        <v>150</v>
      </c>
      <c r="G7242" s="177" t="s">
        <v>1</v>
      </c>
      <c r="H7242" s="178">
        <v>0</v>
      </c>
      <c r="I7242" s="178">
        <v>0</v>
      </c>
      <c r="J7242" s="178">
        <v>0</v>
      </c>
      <c r="K7242" s="178">
        <v>0</v>
      </c>
      <c r="L7242" s="178">
        <v>1</v>
      </c>
      <c r="M7242" s="178">
        <v>0</v>
      </c>
      <c r="N7242" s="178">
        <v>0</v>
      </c>
      <c r="O7242" s="178">
        <v>0</v>
      </c>
      <c r="P7242" s="178">
        <v>1</v>
      </c>
      <c r="Q7242" s="178">
        <v>0</v>
      </c>
      <c r="R7242" s="178">
        <v>0</v>
      </c>
      <c r="S7242" s="178">
        <v>0</v>
      </c>
      <c r="T7242" s="178">
        <v>0</v>
      </c>
      <c r="U7242" s="179"/>
      <c r="V7242" s="179"/>
      <c r="W7242" s="179"/>
      <c r="X7242" s="179"/>
      <c r="Y7242" s="179"/>
      <c r="Z7242" s="179"/>
      <c r="AA7242" s="179"/>
      <c r="AB7242" s="179"/>
      <c r="AC7242" s="179"/>
      <c r="AD7242" s="179"/>
      <c r="AE7242" s="179"/>
      <c r="AF7242" s="179"/>
      <c r="AG7242" s="179"/>
      <c r="AH7242" s="179"/>
      <c r="AI7242" s="179"/>
      <c r="AJ7242" s="179"/>
      <c r="AK7242" s="179"/>
      <c r="AL7242" s="179"/>
      <c r="AM7242" s="179"/>
      <c r="AN7242" s="179"/>
      <c r="AO7242" s="179"/>
      <c r="AP7242" s="179"/>
      <c r="AQ7242" s="179"/>
      <c r="AR7242" s="179"/>
      <c r="AS7242" s="179"/>
      <c r="AT7242" s="179"/>
      <c r="AU7242" s="179"/>
      <c r="AV7242" s="179"/>
      <c r="AW7242" s="179"/>
      <c r="AX7242" s="180"/>
      <c r="AY7242" s="180"/>
      <c r="AZ7242" s="180"/>
      <c r="BA7242" s="180"/>
      <c r="BB7242" s="107">
        <v>45065</v>
      </c>
    </row>
    <row r="7243" spans="1:54" ht="13.95" customHeight="1" x14ac:dyDescent="0.25">
      <c r="A7243" s="14" t="s">
        <v>17515</v>
      </c>
      <c r="B7243" s="109" t="s">
        <v>21519</v>
      </c>
      <c r="C7243" s="93" t="s">
        <v>17516</v>
      </c>
      <c r="D7243" s="93" t="s">
        <v>17517</v>
      </c>
      <c r="E7243" s="177">
        <v>1981</v>
      </c>
      <c r="F7243" s="177">
        <v>151</v>
      </c>
      <c r="G7243" s="177" t="s">
        <v>1</v>
      </c>
      <c r="H7243" s="178">
        <v>0</v>
      </c>
      <c r="I7243" s="178">
        <v>0</v>
      </c>
      <c r="J7243" s="178">
        <v>0</v>
      </c>
      <c r="K7243" s="178">
        <v>0</v>
      </c>
      <c r="L7243" s="178">
        <v>1</v>
      </c>
      <c r="M7243" s="178">
        <v>0</v>
      </c>
      <c r="N7243" s="178">
        <v>0</v>
      </c>
      <c r="O7243" s="178">
        <v>1</v>
      </c>
      <c r="P7243" s="178">
        <v>0</v>
      </c>
      <c r="Q7243" s="178">
        <v>0</v>
      </c>
      <c r="R7243" s="178">
        <v>1</v>
      </c>
      <c r="S7243" s="178">
        <v>0</v>
      </c>
      <c r="T7243" s="178">
        <v>0</v>
      </c>
      <c r="U7243" s="179"/>
      <c r="V7243" s="179"/>
      <c r="W7243" s="179"/>
      <c r="X7243" s="179"/>
      <c r="Y7243" s="179"/>
      <c r="Z7243" s="179"/>
      <c r="AA7243" s="179"/>
      <c r="AB7243" s="179"/>
      <c r="AC7243" s="179"/>
      <c r="AD7243" s="179"/>
      <c r="AE7243" s="179"/>
      <c r="AF7243" s="179"/>
      <c r="AG7243" s="179"/>
      <c r="AH7243" s="179"/>
      <c r="AI7243" s="179"/>
      <c r="AJ7243" s="179"/>
      <c r="AK7243" s="179"/>
      <c r="AL7243" s="179"/>
      <c r="AM7243" s="179"/>
      <c r="AN7243" s="179"/>
      <c r="AO7243" s="179"/>
      <c r="AP7243" s="179"/>
      <c r="AQ7243" s="179"/>
      <c r="AR7243" s="179"/>
      <c r="AS7243" s="179"/>
      <c r="AT7243" s="179"/>
      <c r="AU7243" s="179"/>
      <c r="AV7243" s="179"/>
      <c r="AW7243" s="179"/>
      <c r="AX7243" s="180"/>
      <c r="AY7243" s="180"/>
      <c r="AZ7243" s="180"/>
      <c r="BA7243" s="180"/>
      <c r="BB7243" s="107">
        <v>45065</v>
      </c>
    </row>
    <row r="7244" spans="1:54" ht="13.95" customHeight="1" x14ac:dyDescent="0.25">
      <c r="A7244" s="14" t="s">
        <v>17518</v>
      </c>
      <c r="B7244" s="109" t="s">
        <v>21519</v>
      </c>
      <c r="C7244" s="93" t="s">
        <v>17519</v>
      </c>
      <c r="D7244" s="93" t="s">
        <v>17520</v>
      </c>
      <c r="E7244" s="177">
        <v>1982</v>
      </c>
      <c r="F7244" s="177">
        <v>153</v>
      </c>
      <c r="G7244" s="177" t="s">
        <v>1</v>
      </c>
      <c r="H7244" s="178">
        <v>0</v>
      </c>
      <c r="I7244" s="178">
        <v>0</v>
      </c>
      <c r="J7244" s="178">
        <v>0</v>
      </c>
      <c r="K7244" s="178">
        <v>0</v>
      </c>
      <c r="L7244" s="178">
        <v>0</v>
      </c>
      <c r="M7244" s="178">
        <v>0</v>
      </c>
      <c r="N7244" s="178">
        <v>0</v>
      </c>
      <c r="O7244" s="178">
        <v>0</v>
      </c>
      <c r="P7244" s="178">
        <v>0</v>
      </c>
      <c r="Q7244" s="178">
        <v>0</v>
      </c>
      <c r="R7244" s="178">
        <v>0</v>
      </c>
      <c r="S7244" s="178">
        <v>0</v>
      </c>
      <c r="T7244" s="178">
        <v>0</v>
      </c>
      <c r="U7244" s="179"/>
      <c r="V7244" s="179"/>
      <c r="W7244" s="179"/>
      <c r="X7244" s="179"/>
      <c r="Y7244" s="179"/>
      <c r="Z7244" s="179"/>
      <c r="AA7244" s="179"/>
      <c r="AB7244" s="179"/>
      <c r="AC7244" s="179"/>
      <c r="AD7244" s="179"/>
      <c r="AE7244" s="179"/>
      <c r="AF7244" s="179"/>
      <c r="AG7244" s="179"/>
      <c r="AH7244" s="179"/>
      <c r="AI7244" s="179"/>
      <c r="AJ7244" s="179"/>
      <c r="AK7244" s="179"/>
      <c r="AL7244" s="179"/>
      <c r="AM7244" s="179"/>
      <c r="AN7244" s="179"/>
      <c r="AO7244" s="179"/>
      <c r="AP7244" s="179"/>
      <c r="AQ7244" s="179"/>
      <c r="AR7244" s="179"/>
      <c r="AS7244" s="179"/>
      <c r="AT7244" s="179"/>
      <c r="AU7244" s="179"/>
      <c r="AV7244" s="179"/>
      <c r="AW7244" s="179"/>
      <c r="AX7244" s="180"/>
      <c r="AY7244" s="180"/>
      <c r="AZ7244" s="180"/>
      <c r="BA7244" s="180"/>
      <c r="BB7244" s="107">
        <v>45065</v>
      </c>
    </row>
    <row r="7245" spans="1:54" ht="13.95" customHeight="1" x14ac:dyDescent="0.25">
      <c r="A7245" s="14" t="s">
        <v>17521</v>
      </c>
      <c r="B7245" s="109" t="s">
        <v>21519</v>
      </c>
      <c r="C7245" s="93" t="s">
        <v>17522</v>
      </c>
      <c r="D7245" s="93" t="s">
        <v>17523</v>
      </c>
      <c r="E7245" s="177">
        <v>2013</v>
      </c>
      <c r="F7245" s="177">
        <v>155</v>
      </c>
      <c r="G7245" s="177" t="s">
        <v>1</v>
      </c>
      <c r="H7245" s="178">
        <v>0</v>
      </c>
      <c r="I7245" s="178">
        <v>0</v>
      </c>
      <c r="J7245" s="178">
        <v>0</v>
      </c>
      <c r="K7245" s="178">
        <v>0</v>
      </c>
      <c r="L7245" s="178">
        <v>0</v>
      </c>
      <c r="M7245" s="178">
        <v>0</v>
      </c>
      <c r="N7245" s="178">
        <v>0</v>
      </c>
      <c r="O7245" s="178">
        <v>0</v>
      </c>
      <c r="P7245" s="178">
        <v>0</v>
      </c>
      <c r="Q7245" s="178">
        <v>0</v>
      </c>
      <c r="R7245" s="178">
        <v>0</v>
      </c>
      <c r="S7245" s="178">
        <v>0</v>
      </c>
      <c r="T7245" s="178">
        <v>0</v>
      </c>
      <c r="U7245" s="179"/>
      <c r="V7245" s="179"/>
      <c r="W7245" s="179"/>
      <c r="X7245" s="179"/>
      <c r="Y7245" s="179"/>
      <c r="Z7245" s="179"/>
      <c r="AA7245" s="179"/>
      <c r="AB7245" s="179"/>
      <c r="AC7245" s="179"/>
      <c r="AD7245" s="179"/>
      <c r="AE7245" s="179"/>
      <c r="AF7245" s="179"/>
      <c r="AG7245" s="179"/>
      <c r="AH7245" s="179"/>
      <c r="AI7245" s="179"/>
      <c r="AJ7245" s="179"/>
      <c r="AK7245" s="179"/>
      <c r="AL7245" s="179"/>
      <c r="AM7245" s="179"/>
      <c r="AN7245" s="179"/>
      <c r="AO7245" s="179"/>
      <c r="AP7245" s="179"/>
      <c r="AQ7245" s="179"/>
      <c r="AR7245" s="179"/>
      <c r="AS7245" s="179"/>
      <c r="AT7245" s="179"/>
      <c r="AU7245" s="179"/>
      <c r="AV7245" s="179"/>
      <c r="AW7245" s="179"/>
      <c r="AX7245" s="180"/>
      <c r="AY7245" s="180"/>
      <c r="AZ7245" s="180"/>
      <c r="BA7245" s="180"/>
      <c r="BB7245" s="107">
        <v>45065</v>
      </c>
    </row>
    <row r="7246" spans="1:54" ht="13.95" customHeight="1" x14ac:dyDescent="0.25">
      <c r="A7246" s="14" t="s">
        <v>17524</v>
      </c>
      <c r="B7246" s="109" t="s">
        <v>21519</v>
      </c>
      <c r="C7246" s="93" t="s">
        <v>17525</v>
      </c>
      <c r="D7246" s="93" t="s">
        <v>17526</v>
      </c>
      <c r="E7246" s="177">
        <v>1996</v>
      </c>
      <c r="F7246" s="177">
        <v>160</v>
      </c>
      <c r="G7246" s="177" t="s">
        <v>1</v>
      </c>
      <c r="H7246" s="178">
        <v>0</v>
      </c>
      <c r="I7246" s="178">
        <v>0</v>
      </c>
      <c r="J7246" s="178">
        <v>0</v>
      </c>
      <c r="K7246" s="178">
        <v>0</v>
      </c>
      <c r="L7246" s="178">
        <v>1</v>
      </c>
      <c r="M7246" s="178">
        <v>0</v>
      </c>
      <c r="N7246" s="178">
        <v>0</v>
      </c>
      <c r="O7246" s="178">
        <v>0</v>
      </c>
      <c r="P7246" s="178">
        <v>0</v>
      </c>
      <c r="Q7246" s="178">
        <v>0</v>
      </c>
      <c r="R7246" s="178">
        <v>0</v>
      </c>
      <c r="S7246" s="178">
        <v>0</v>
      </c>
      <c r="T7246" s="178">
        <v>0</v>
      </c>
      <c r="U7246" s="179"/>
      <c r="V7246" s="179"/>
      <c r="W7246" s="179"/>
      <c r="X7246" s="179"/>
      <c r="Y7246" s="179"/>
      <c r="Z7246" s="179"/>
      <c r="AA7246" s="179"/>
      <c r="AB7246" s="179"/>
      <c r="AC7246" s="179"/>
      <c r="AD7246" s="179"/>
      <c r="AE7246" s="179"/>
      <c r="AF7246" s="179"/>
      <c r="AG7246" s="179"/>
      <c r="AH7246" s="179"/>
      <c r="AI7246" s="179"/>
      <c r="AJ7246" s="179"/>
      <c r="AK7246" s="179"/>
      <c r="AL7246" s="179"/>
      <c r="AM7246" s="179"/>
      <c r="AN7246" s="179"/>
      <c r="AO7246" s="179"/>
      <c r="AP7246" s="179"/>
      <c r="AQ7246" s="179"/>
      <c r="AR7246" s="179"/>
      <c r="AS7246" s="179"/>
      <c r="AT7246" s="179"/>
      <c r="AU7246" s="179"/>
      <c r="AV7246" s="179"/>
      <c r="AW7246" s="179"/>
      <c r="AX7246" s="180"/>
      <c r="AY7246" s="180"/>
      <c r="AZ7246" s="180"/>
      <c r="BA7246" s="180"/>
      <c r="BB7246" s="107">
        <v>45065</v>
      </c>
    </row>
    <row r="7247" spans="1:54" ht="13.95" customHeight="1" x14ac:dyDescent="0.25">
      <c r="A7247" s="14" t="s">
        <v>17527</v>
      </c>
      <c r="B7247" s="109" t="s">
        <v>21519</v>
      </c>
      <c r="C7247" s="93" t="s">
        <v>17528</v>
      </c>
      <c r="D7247" s="93" t="s">
        <v>17529</v>
      </c>
      <c r="E7247" s="177">
        <v>1985</v>
      </c>
      <c r="F7247" s="177">
        <v>165</v>
      </c>
      <c r="G7247" s="177" t="s">
        <v>1</v>
      </c>
      <c r="H7247" s="178">
        <v>0</v>
      </c>
      <c r="I7247" s="178">
        <v>0</v>
      </c>
      <c r="J7247" s="178">
        <v>0</v>
      </c>
      <c r="K7247" s="178">
        <v>0</v>
      </c>
      <c r="L7247" s="178">
        <v>1</v>
      </c>
      <c r="M7247" s="178">
        <v>0</v>
      </c>
      <c r="N7247" s="178">
        <v>0</v>
      </c>
      <c r="O7247" s="178">
        <v>0</v>
      </c>
      <c r="P7247" s="178">
        <v>1</v>
      </c>
      <c r="Q7247" s="178">
        <v>0</v>
      </c>
      <c r="R7247" s="178">
        <v>0</v>
      </c>
      <c r="S7247" s="178">
        <v>0</v>
      </c>
      <c r="T7247" s="178">
        <v>0</v>
      </c>
      <c r="U7247" s="179"/>
      <c r="V7247" s="179"/>
      <c r="W7247" s="179"/>
      <c r="X7247" s="179"/>
      <c r="Y7247" s="179"/>
      <c r="Z7247" s="179"/>
      <c r="AA7247" s="179"/>
      <c r="AB7247" s="179"/>
      <c r="AC7247" s="179"/>
      <c r="AD7247" s="179"/>
      <c r="AE7247" s="179"/>
      <c r="AF7247" s="179"/>
      <c r="AG7247" s="179"/>
      <c r="AH7247" s="179"/>
      <c r="AI7247" s="179"/>
      <c r="AJ7247" s="179"/>
      <c r="AK7247" s="179"/>
      <c r="AL7247" s="179"/>
      <c r="AM7247" s="179"/>
      <c r="AN7247" s="179"/>
      <c r="AO7247" s="179"/>
      <c r="AP7247" s="179"/>
      <c r="AQ7247" s="179"/>
      <c r="AR7247" s="179"/>
      <c r="AS7247" s="179"/>
      <c r="AT7247" s="179"/>
      <c r="AU7247" s="179"/>
      <c r="AV7247" s="179"/>
      <c r="AW7247" s="179"/>
      <c r="AX7247" s="180"/>
      <c r="AY7247" s="180"/>
      <c r="AZ7247" s="180"/>
      <c r="BA7247" s="180"/>
      <c r="BB7247" s="107">
        <v>45065</v>
      </c>
    </row>
    <row r="7248" spans="1:54" ht="13.95" customHeight="1" x14ac:dyDescent="0.25">
      <c r="A7248" s="14" t="s">
        <v>17530</v>
      </c>
      <c r="B7248" s="109" t="s">
        <v>21519</v>
      </c>
      <c r="C7248" s="93" t="s">
        <v>17531</v>
      </c>
      <c r="D7248" s="93" t="s">
        <v>17532</v>
      </c>
      <c r="E7248" s="177">
        <v>1975</v>
      </c>
      <c r="F7248" s="177">
        <v>183</v>
      </c>
      <c r="G7248" s="177" t="s">
        <v>1</v>
      </c>
      <c r="H7248" s="178">
        <v>0</v>
      </c>
      <c r="I7248" s="178">
        <v>0</v>
      </c>
      <c r="J7248" s="178">
        <v>0</v>
      </c>
      <c r="K7248" s="178">
        <v>0</v>
      </c>
      <c r="L7248" s="178">
        <v>1</v>
      </c>
      <c r="M7248" s="178">
        <v>0</v>
      </c>
      <c r="N7248" s="178">
        <v>0</v>
      </c>
      <c r="O7248" s="178">
        <v>1</v>
      </c>
      <c r="P7248" s="178">
        <v>1</v>
      </c>
      <c r="Q7248" s="178">
        <v>0</v>
      </c>
      <c r="R7248" s="178">
        <v>1</v>
      </c>
      <c r="S7248" s="178">
        <v>1</v>
      </c>
      <c r="T7248" s="178">
        <v>0</v>
      </c>
      <c r="U7248" s="179"/>
      <c r="V7248" s="179"/>
      <c r="W7248" s="179"/>
      <c r="X7248" s="179"/>
      <c r="Y7248" s="179"/>
      <c r="Z7248" s="179"/>
      <c r="AA7248" s="179"/>
      <c r="AB7248" s="179"/>
      <c r="AC7248" s="179"/>
      <c r="AD7248" s="179"/>
      <c r="AE7248" s="179"/>
      <c r="AF7248" s="179"/>
      <c r="AG7248" s="179"/>
      <c r="AH7248" s="179"/>
      <c r="AI7248" s="179"/>
      <c r="AJ7248" s="179"/>
      <c r="AK7248" s="179"/>
      <c r="AL7248" s="179"/>
      <c r="AM7248" s="179"/>
      <c r="AN7248" s="179"/>
      <c r="AO7248" s="179"/>
      <c r="AP7248" s="179"/>
      <c r="AQ7248" s="179"/>
      <c r="AR7248" s="179"/>
      <c r="AS7248" s="179"/>
      <c r="AT7248" s="179"/>
      <c r="AU7248" s="179"/>
      <c r="AV7248" s="179"/>
      <c r="AW7248" s="179"/>
      <c r="AX7248" s="180"/>
      <c r="AY7248" s="180"/>
      <c r="AZ7248" s="180"/>
      <c r="BA7248" s="180"/>
      <c r="BB7248" s="107">
        <v>45065</v>
      </c>
    </row>
    <row r="7249" spans="1:54" ht="13.95" customHeight="1" x14ac:dyDescent="0.25">
      <c r="A7249" s="14" t="s">
        <v>17533</v>
      </c>
      <c r="B7249" s="109" t="s">
        <v>21519</v>
      </c>
      <c r="C7249" s="93" t="s">
        <v>17534</v>
      </c>
      <c r="D7249" s="93" t="s">
        <v>17535</v>
      </c>
      <c r="E7249" s="177">
        <v>1984</v>
      </c>
      <c r="F7249" s="177">
        <v>187</v>
      </c>
      <c r="G7249" s="177" t="s">
        <v>1</v>
      </c>
      <c r="H7249" s="178">
        <v>0</v>
      </c>
      <c r="I7249" s="178">
        <v>0</v>
      </c>
      <c r="J7249" s="178">
        <v>0</v>
      </c>
      <c r="K7249" s="178">
        <v>0</v>
      </c>
      <c r="L7249" s="178">
        <v>0</v>
      </c>
      <c r="M7249" s="178">
        <v>0</v>
      </c>
      <c r="N7249" s="178">
        <v>0</v>
      </c>
      <c r="O7249" s="178">
        <v>0</v>
      </c>
      <c r="P7249" s="178">
        <v>0</v>
      </c>
      <c r="Q7249" s="178">
        <v>0</v>
      </c>
      <c r="R7249" s="178">
        <v>0</v>
      </c>
      <c r="S7249" s="178">
        <v>0</v>
      </c>
      <c r="T7249" s="178">
        <v>0</v>
      </c>
      <c r="U7249" s="179"/>
      <c r="V7249" s="179"/>
      <c r="W7249" s="179"/>
      <c r="X7249" s="179"/>
      <c r="Y7249" s="179"/>
      <c r="Z7249" s="179"/>
      <c r="AA7249" s="179"/>
      <c r="AB7249" s="179"/>
      <c r="AC7249" s="179"/>
      <c r="AD7249" s="179"/>
      <c r="AE7249" s="179"/>
      <c r="AF7249" s="179"/>
      <c r="AG7249" s="179"/>
      <c r="AH7249" s="179"/>
      <c r="AI7249" s="179"/>
      <c r="AJ7249" s="179"/>
      <c r="AK7249" s="179"/>
      <c r="AL7249" s="179"/>
      <c r="AM7249" s="179"/>
      <c r="AN7249" s="179"/>
      <c r="AO7249" s="179"/>
      <c r="AP7249" s="179"/>
      <c r="AQ7249" s="179"/>
      <c r="AR7249" s="179"/>
      <c r="AS7249" s="179"/>
      <c r="AT7249" s="179"/>
      <c r="AU7249" s="179"/>
      <c r="AV7249" s="179"/>
      <c r="AW7249" s="179"/>
      <c r="AX7249" s="180"/>
      <c r="AY7249" s="180"/>
      <c r="AZ7249" s="180"/>
      <c r="BA7249" s="180"/>
      <c r="BB7249" s="107">
        <v>45065</v>
      </c>
    </row>
    <row r="7250" spans="1:54" ht="13.95" customHeight="1" x14ac:dyDescent="0.25">
      <c r="A7250" s="14" t="s">
        <v>17536</v>
      </c>
      <c r="B7250" s="109" t="s">
        <v>21519</v>
      </c>
      <c r="C7250" s="93" t="s">
        <v>17537</v>
      </c>
      <c r="D7250" s="93" t="s">
        <v>17538</v>
      </c>
      <c r="E7250" s="177">
        <v>2003</v>
      </c>
      <c r="F7250" s="177">
        <v>190</v>
      </c>
      <c r="G7250" s="177" t="s">
        <v>1</v>
      </c>
      <c r="H7250" s="178">
        <v>0</v>
      </c>
      <c r="I7250" s="178">
        <v>0</v>
      </c>
      <c r="J7250" s="178">
        <v>0</v>
      </c>
      <c r="K7250" s="178">
        <v>1</v>
      </c>
      <c r="L7250" s="178">
        <v>0</v>
      </c>
      <c r="M7250" s="178">
        <v>0</v>
      </c>
      <c r="N7250" s="178">
        <v>0</v>
      </c>
      <c r="O7250" s="178">
        <v>0</v>
      </c>
      <c r="P7250" s="178">
        <v>1</v>
      </c>
      <c r="Q7250" s="178">
        <v>0</v>
      </c>
      <c r="R7250" s="178">
        <v>0</v>
      </c>
      <c r="S7250" s="178">
        <v>0</v>
      </c>
      <c r="T7250" s="178">
        <v>0</v>
      </c>
      <c r="U7250" s="179"/>
      <c r="V7250" s="179"/>
      <c r="W7250" s="179"/>
      <c r="X7250" s="179"/>
      <c r="Y7250" s="179"/>
      <c r="Z7250" s="179"/>
      <c r="AA7250" s="179"/>
      <c r="AB7250" s="179"/>
      <c r="AC7250" s="179"/>
      <c r="AD7250" s="179"/>
      <c r="AE7250" s="179"/>
      <c r="AF7250" s="179"/>
      <c r="AG7250" s="179"/>
      <c r="AH7250" s="179"/>
      <c r="AI7250" s="179"/>
      <c r="AJ7250" s="179"/>
      <c r="AK7250" s="179"/>
      <c r="AL7250" s="179"/>
      <c r="AM7250" s="179"/>
      <c r="AN7250" s="179"/>
      <c r="AO7250" s="179"/>
      <c r="AP7250" s="179"/>
      <c r="AQ7250" s="179"/>
      <c r="AR7250" s="179"/>
      <c r="AS7250" s="179"/>
      <c r="AT7250" s="179"/>
      <c r="AU7250" s="179"/>
      <c r="AV7250" s="179"/>
      <c r="AW7250" s="179"/>
      <c r="AX7250" s="180"/>
      <c r="AY7250" s="180"/>
      <c r="AZ7250" s="180"/>
      <c r="BA7250" s="180"/>
      <c r="BB7250" s="107">
        <v>45065</v>
      </c>
    </row>
    <row r="7251" spans="1:54" ht="13.95" customHeight="1" x14ac:dyDescent="0.25">
      <c r="A7251" s="14" t="s">
        <v>17539</v>
      </c>
      <c r="B7251" s="109" t="s">
        <v>21519</v>
      </c>
      <c r="C7251" s="93" t="s">
        <v>17540</v>
      </c>
      <c r="D7251" s="93" t="s">
        <v>17541</v>
      </c>
      <c r="E7251" s="177">
        <v>1981</v>
      </c>
      <c r="F7251" s="177">
        <v>194</v>
      </c>
      <c r="G7251" s="177" t="s">
        <v>1</v>
      </c>
      <c r="H7251" s="178">
        <v>0</v>
      </c>
      <c r="I7251" s="178">
        <v>0</v>
      </c>
      <c r="J7251" s="178">
        <v>0</v>
      </c>
      <c r="K7251" s="178">
        <v>0</v>
      </c>
      <c r="L7251" s="178">
        <v>0</v>
      </c>
      <c r="M7251" s="178">
        <v>1</v>
      </c>
      <c r="N7251" s="178">
        <v>0</v>
      </c>
      <c r="O7251" s="178">
        <v>0</v>
      </c>
      <c r="P7251" s="178">
        <v>1</v>
      </c>
      <c r="Q7251" s="178">
        <v>0</v>
      </c>
      <c r="R7251" s="178">
        <v>0</v>
      </c>
      <c r="S7251" s="178">
        <v>0</v>
      </c>
      <c r="T7251" s="178">
        <v>0</v>
      </c>
      <c r="U7251" s="179"/>
      <c r="V7251" s="179"/>
      <c r="W7251" s="179"/>
      <c r="X7251" s="179"/>
      <c r="Y7251" s="179"/>
      <c r="Z7251" s="179"/>
      <c r="AA7251" s="179"/>
      <c r="AB7251" s="179"/>
      <c r="AC7251" s="179"/>
      <c r="AD7251" s="179"/>
      <c r="AE7251" s="179"/>
      <c r="AF7251" s="179"/>
      <c r="AG7251" s="179"/>
      <c r="AH7251" s="179"/>
      <c r="AI7251" s="179"/>
      <c r="AJ7251" s="179"/>
      <c r="AK7251" s="179"/>
      <c r="AL7251" s="179"/>
      <c r="AM7251" s="179"/>
      <c r="AN7251" s="179"/>
      <c r="AO7251" s="179"/>
      <c r="AP7251" s="179"/>
      <c r="AQ7251" s="179"/>
      <c r="AR7251" s="179"/>
      <c r="AS7251" s="179"/>
      <c r="AT7251" s="179"/>
      <c r="AU7251" s="179"/>
      <c r="AV7251" s="179"/>
      <c r="AW7251" s="179"/>
      <c r="AX7251" s="180"/>
      <c r="AY7251" s="180"/>
      <c r="AZ7251" s="180"/>
      <c r="BA7251" s="180"/>
      <c r="BB7251" s="107">
        <v>45065</v>
      </c>
    </row>
    <row r="7252" spans="1:54" ht="13.95" customHeight="1" x14ac:dyDescent="0.25">
      <c r="A7252" s="14" t="s">
        <v>17542</v>
      </c>
      <c r="B7252" s="109" t="s">
        <v>21519</v>
      </c>
      <c r="C7252" s="93" t="s">
        <v>17543</v>
      </c>
      <c r="D7252" s="93" t="s">
        <v>17544</v>
      </c>
      <c r="E7252" s="177">
        <v>1975</v>
      </c>
      <c r="F7252" s="177">
        <v>200</v>
      </c>
      <c r="G7252" s="177" t="s">
        <v>1</v>
      </c>
      <c r="H7252" s="178">
        <v>0</v>
      </c>
      <c r="I7252" s="178">
        <v>0</v>
      </c>
      <c r="J7252" s="178">
        <v>0</v>
      </c>
      <c r="K7252" s="178">
        <v>1</v>
      </c>
      <c r="L7252" s="178">
        <v>0</v>
      </c>
      <c r="M7252" s="178">
        <v>0</v>
      </c>
      <c r="N7252" s="178">
        <v>0</v>
      </c>
      <c r="O7252" s="178">
        <v>1</v>
      </c>
      <c r="P7252" s="178">
        <v>0</v>
      </c>
      <c r="Q7252" s="178">
        <v>0</v>
      </c>
      <c r="R7252" s="178">
        <v>1</v>
      </c>
      <c r="S7252" s="178">
        <v>0</v>
      </c>
      <c r="T7252" s="178">
        <v>0</v>
      </c>
      <c r="U7252" s="179"/>
      <c r="V7252" s="179"/>
      <c r="W7252" s="179"/>
      <c r="X7252" s="179"/>
      <c r="Y7252" s="179"/>
      <c r="Z7252" s="179"/>
      <c r="AA7252" s="179"/>
      <c r="AB7252" s="179"/>
      <c r="AC7252" s="179"/>
      <c r="AD7252" s="179"/>
      <c r="AE7252" s="179"/>
      <c r="AF7252" s="179"/>
      <c r="AG7252" s="179"/>
      <c r="AH7252" s="179"/>
      <c r="AI7252" s="179"/>
      <c r="AJ7252" s="179"/>
      <c r="AK7252" s="179"/>
      <c r="AL7252" s="179"/>
      <c r="AM7252" s="179"/>
      <c r="AN7252" s="179"/>
      <c r="AO7252" s="179"/>
      <c r="AP7252" s="179"/>
      <c r="AQ7252" s="179"/>
      <c r="AR7252" s="179"/>
      <c r="AS7252" s="179"/>
      <c r="AT7252" s="179"/>
      <c r="AU7252" s="179"/>
      <c r="AV7252" s="179"/>
      <c r="AW7252" s="179"/>
      <c r="AX7252" s="180"/>
      <c r="AY7252" s="180"/>
      <c r="AZ7252" s="180"/>
      <c r="BA7252" s="180"/>
      <c r="BB7252" s="107">
        <v>45065</v>
      </c>
    </row>
    <row r="7253" spans="1:54" ht="13.95" customHeight="1" x14ac:dyDescent="0.25">
      <c r="A7253" s="14" t="s">
        <v>17545</v>
      </c>
      <c r="B7253" s="109" t="s">
        <v>21519</v>
      </c>
      <c r="C7253" s="93" t="s">
        <v>17546</v>
      </c>
      <c r="D7253" s="93" t="s">
        <v>17547</v>
      </c>
      <c r="E7253" s="177">
        <v>1989</v>
      </c>
      <c r="F7253" s="177">
        <v>200</v>
      </c>
      <c r="G7253" s="177" t="s">
        <v>1</v>
      </c>
      <c r="H7253" s="178">
        <v>0</v>
      </c>
      <c r="I7253" s="178">
        <v>0</v>
      </c>
      <c r="J7253" s="178">
        <v>0</v>
      </c>
      <c r="K7253" s="178">
        <v>1</v>
      </c>
      <c r="L7253" s="178">
        <v>1</v>
      </c>
      <c r="M7253" s="178">
        <v>0</v>
      </c>
      <c r="N7253" s="178">
        <v>0</v>
      </c>
      <c r="O7253" s="178">
        <v>0</v>
      </c>
      <c r="P7253" s="178">
        <v>1</v>
      </c>
      <c r="Q7253" s="178">
        <v>0</v>
      </c>
      <c r="R7253" s="178">
        <v>0</v>
      </c>
      <c r="S7253" s="178">
        <v>0</v>
      </c>
      <c r="T7253" s="178">
        <v>0</v>
      </c>
      <c r="U7253" s="179"/>
      <c r="V7253" s="179"/>
      <c r="W7253" s="179"/>
      <c r="X7253" s="179"/>
      <c r="Y7253" s="179"/>
      <c r="Z7253" s="179"/>
      <c r="AA7253" s="179"/>
      <c r="AB7253" s="179"/>
      <c r="AC7253" s="179"/>
      <c r="AD7253" s="179"/>
      <c r="AE7253" s="179"/>
      <c r="AF7253" s="179"/>
      <c r="AG7253" s="179"/>
      <c r="AH7253" s="179"/>
      <c r="AI7253" s="179"/>
      <c r="AJ7253" s="179"/>
      <c r="AK7253" s="179"/>
      <c r="AL7253" s="179"/>
      <c r="AM7253" s="179"/>
      <c r="AN7253" s="179"/>
      <c r="AO7253" s="179"/>
      <c r="AP7253" s="179"/>
      <c r="AQ7253" s="179"/>
      <c r="AR7253" s="179"/>
      <c r="AS7253" s="179"/>
      <c r="AT7253" s="179"/>
      <c r="AU7253" s="179"/>
      <c r="AV7253" s="179"/>
      <c r="AW7253" s="179"/>
      <c r="AX7253" s="180"/>
      <c r="AY7253" s="180"/>
      <c r="AZ7253" s="180"/>
      <c r="BA7253" s="180"/>
      <c r="BB7253" s="107">
        <v>45065</v>
      </c>
    </row>
    <row r="7254" spans="1:54" ht="13.95" customHeight="1" x14ac:dyDescent="0.25">
      <c r="A7254" s="14" t="s">
        <v>17548</v>
      </c>
      <c r="B7254" s="109" t="s">
        <v>21519</v>
      </c>
      <c r="C7254" s="93" t="s">
        <v>17549</v>
      </c>
      <c r="D7254" s="93" t="s">
        <v>17550</v>
      </c>
      <c r="E7254" s="177">
        <v>2001</v>
      </c>
      <c r="F7254" s="177">
        <v>204</v>
      </c>
      <c r="G7254" s="177" t="s">
        <v>1</v>
      </c>
      <c r="H7254" s="178">
        <v>0</v>
      </c>
      <c r="I7254" s="178">
        <v>0</v>
      </c>
      <c r="J7254" s="178">
        <v>0</v>
      </c>
      <c r="K7254" s="178">
        <v>0</v>
      </c>
      <c r="L7254" s="178">
        <v>0</v>
      </c>
      <c r="M7254" s="178">
        <v>0</v>
      </c>
      <c r="N7254" s="178">
        <v>0</v>
      </c>
      <c r="O7254" s="178">
        <v>1</v>
      </c>
      <c r="P7254" s="178">
        <v>1</v>
      </c>
      <c r="Q7254" s="178">
        <v>0</v>
      </c>
      <c r="R7254" s="178">
        <v>1</v>
      </c>
      <c r="S7254" s="178">
        <v>1</v>
      </c>
      <c r="T7254" s="178">
        <v>0</v>
      </c>
      <c r="U7254" s="179"/>
      <c r="V7254" s="179"/>
      <c r="W7254" s="179"/>
      <c r="X7254" s="179"/>
      <c r="Y7254" s="179"/>
      <c r="Z7254" s="179"/>
      <c r="AA7254" s="179"/>
      <c r="AB7254" s="179"/>
      <c r="AC7254" s="179"/>
      <c r="AD7254" s="179"/>
      <c r="AE7254" s="179"/>
      <c r="AF7254" s="179"/>
      <c r="AG7254" s="179"/>
      <c r="AH7254" s="179"/>
      <c r="AI7254" s="179"/>
      <c r="AJ7254" s="179"/>
      <c r="AK7254" s="179"/>
      <c r="AL7254" s="179"/>
      <c r="AM7254" s="179"/>
      <c r="AN7254" s="179"/>
      <c r="AO7254" s="179"/>
      <c r="AP7254" s="179"/>
      <c r="AQ7254" s="179"/>
      <c r="AR7254" s="179"/>
      <c r="AS7254" s="179"/>
      <c r="AT7254" s="179"/>
      <c r="AU7254" s="179"/>
      <c r="AV7254" s="179"/>
      <c r="AW7254" s="179"/>
      <c r="AX7254" s="180"/>
      <c r="AY7254" s="180"/>
      <c r="AZ7254" s="180"/>
      <c r="BA7254" s="180"/>
      <c r="BB7254" s="107">
        <v>45065</v>
      </c>
    </row>
    <row r="7255" spans="1:54" ht="13.95" customHeight="1" x14ac:dyDescent="0.25">
      <c r="A7255" s="14" t="s">
        <v>17551</v>
      </c>
      <c r="B7255" s="109" t="s">
        <v>21519</v>
      </c>
      <c r="C7255" s="93" t="s">
        <v>17552</v>
      </c>
      <c r="D7255" s="93" t="s">
        <v>17553</v>
      </c>
      <c r="E7255" s="177">
        <v>1978</v>
      </c>
      <c r="F7255" s="177">
        <v>206</v>
      </c>
      <c r="G7255" s="177" t="s">
        <v>1</v>
      </c>
      <c r="H7255" s="178">
        <v>0</v>
      </c>
      <c r="I7255" s="178">
        <v>0</v>
      </c>
      <c r="J7255" s="178">
        <v>1</v>
      </c>
      <c r="K7255" s="178">
        <v>0</v>
      </c>
      <c r="L7255" s="178">
        <v>0</v>
      </c>
      <c r="M7255" s="178">
        <v>0</v>
      </c>
      <c r="N7255" s="178">
        <v>0</v>
      </c>
      <c r="O7255" s="178">
        <v>1</v>
      </c>
      <c r="P7255" s="178">
        <v>0</v>
      </c>
      <c r="Q7255" s="178">
        <v>1</v>
      </c>
      <c r="R7255" s="178">
        <v>0</v>
      </c>
      <c r="S7255" s="178">
        <v>0</v>
      </c>
      <c r="T7255" s="178">
        <v>0</v>
      </c>
      <c r="U7255" s="179"/>
      <c r="V7255" s="179"/>
      <c r="W7255" s="179"/>
      <c r="X7255" s="179"/>
      <c r="Y7255" s="179"/>
      <c r="Z7255" s="179"/>
      <c r="AA7255" s="179"/>
      <c r="AB7255" s="179"/>
      <c r="AC7255" s="179"/>
      <c r="AD7255" s="179"/>
      <c r="AE7255" s="179"/>
      <c r="AF7255" s="179"/>
      <c r="AG7255" s="179"/>
      <c r="AH7255" s="179"/>
      <c r="AI7255" s="179"/>
      <c r="AJ7255" s="179"/>
      <c r="AK7255" s="179"/>
      <c r="AL7255" s="179"/>
      <c r="AM7255" s="179"/>
      <c r="AN7255" s="179"/>
      <c r="AO7255" s="179"/>
      <c r="AP7255" s="179"/>
      <c r="AQ7255" s="179"/>
      <c r="AR7255" s="179"/>
      <c r="AS7255" s="179"/>
      <c r="AT7255" s="179"/>
      <c r="AU7255" s="179"/>
      <c r="AV7255" s="179"/>
      <c r="AW7255" s="179"/>
      <c r="AX7255" s="180"/>
      <c r="AY7255" s="180"/>
      <c r="AZ7255" s="180"/>
      <c r="BA7255" s="180"/>
      <c r="BB7255" s="107">
        <v>45065</v>
      </c>
    </row>
    <row r="7256" spans="1:54" ht="13.95" customHeight="1" x14ac:dyDescent="0.25">
      <c r="A7256" s="14" t="s">
        <v>17554</v>
      </c>
      <c r="B7256" s="109" t="s">
        <v>21519</v>
      </c>
      <c r="C7256" s="93" t="s">
        <v>17555</v>
      </c>
      <c r="D7256" s="93" t="s">
        <v>17556</v>
      </c>
      <c r="E7256" s="177">
        <v>2005</v>
      </c>
      <c r="F7256" s="177">
        <v>210</v>
      </c>
      <c r="G7256" s="177" t="s">
        <v>1</v>
      </c>
      <c r="H7256" s="178">
        <v>0</v>
      </c>
      <c r="I7256" s="178">
        <v>0</v>
      </c>
      <c r="J7256" s="178">
        <v>0</v>
      </c>
      <c r="K7256" s="178">
        <v>1</v>
      </c>
      <c r="L7256" s="178">
        <v>0</v>
      </c>
      <c r="M7256" s="178">
        <v>0</v>
      </c>
      <c r="N7256" s="178">
        <v>0</v>
      </c>
      <c r="O7256" s="178">
        <v>0</v>
      </c>
      <c r="P7256" s="178">
        <v>1</v>
      </c>
      <c r="Q7256" s="178">
        <v>0</v>
      </c>
      <c r="R7256" s="178">
        <v>0</v>
      </c>
      <c r="S7256" s="178">
        <v>0</v>
      </c>
      <c r="T7256" s="178">
        <v>0</v>
      </c>
      <c r="U7256" s="179"/>
      <c r="V7256" s="179"/>
      <c r="W7256" s="179"/>
      <c r="X7256" s="179"/>
      <c r="Y7256" s="179"/>
      <c r="Z7256" s="179"/>
      <c r="AA7256" s="179"/>
      <c r="AB7256" s="179"/>
      <c r="AC7256" s="179"/>
      <c r="AD7256" s="179"/>
      <c r="AE7256" s="179"/>
      <c r="AF7256" s="179"/>
      <c r="AG7256" s="179"/>
      <c r="AH7256" s="179"/>
      <c r="AI7256" s="179"/>
      <c r="AJ7256" s="179"/>
      <c r="AK7256" s="179"/>
      <c r="AL7256" s="179"/>
      <c r="AM7256" s="179"/>
      <c r="AN7256" s="179"/>
      <c r="AO7256" s="179"/>
      <c r="AP7256" s="179"/>
      <c r="AQ7256" s="179"/>
      <c r="AR7256" s="179"/>
      <c r="AS7256" s="179"/>
      <c r="AT7256" s="179"/>
      <c r="AU7256" s="179"/>
      <c r="AV7256" s="179"/>
      <c r="AW7256" s="179"/>
      <c r="AX7256" s="180"/>
      <c r="AY7256" s="180"/>
      <c r="AZ7256" s="180"/>
      <c r="BA7256" s="180"/>
      <c r="BB7256" s="107">
        <v>45065</v>
      </c>
    </row>
    <row r="7257" spans="1:54" ht="13.95" customHeight="1" x14ac:dyDescent="0.25">
      <c r="A7257" s="14" t="s">
        <v>17557</v>
      </c>
      <c r="B7257" s="109" t="s">
        <v>21519</v>
      </c>
      <c r="C7257" s="93" t="s">
        <v>17558</v>
      </c>
      <c r="D7257" s="93" t="s">
        <v>17559</v>
      </c>
      <c r="E7257" s="177">
        <v>1997</v>
      </c>
      <c r="F7257" s="177">
        <v>215</v>
      </c>
      <c r="G7257" s="177" t="s">
        <v>1</v>
      </c>
      <c r="H7257" s="178">
        <v>0</v>
      </c>
      <c r="I7257" s="178">
        <v>0</v>
      </c>
      <c r="J7257" s="178">
        <v>1</v>
      </c>
      <c r="K7257" s="178">
        <v>0</v>
      </c>
      <c r="L7257" s="178">
        <v>1</v>
      </c>
      <c r="M7257" s="178">
        <v>0</v>
      </c>
      <c r="N7257" s="178">
        <v>0</v>
      </c>
      <c r="O7257" s="178">
        <v>0</v>
      </c>
      <c r="P7257" s="178">
        <v>1</v>
      </c>
      <c r="Q7257" s="178">
        <v>0</v>
      </c>
      <c r="R7257" s="178">
        <v>0</v>
      </c>
      <c r="S7257" s="178">
        <v>0</v>
      </c>
      <c r="T7257" s="178">
        <v>0</v>
      </c>
      <c r="U7257" s="179"/>
      <c r="V7257" s="179"/>
      <c r="W7257" s="179"/>
      <c r="X7257" s="179"/>
      <c r="Y7257" s="179"/>
      <c r="Z7257" s="179"/>
      <c r="AA7257" s="179"/>
      <c r="AB7257" s="179"/>
      <c r="AC7257" s="179"/>
      <c r="AD7257" s="179"/>
      <c r="AE7257" s="179"/>
      <c r="AF7257" s="179"/>
      <c r="AG7257" s="179"/>
      <c r="AH7257" s="179"/>
      <c r="AI7257" s="179"/>
      <c r="AJ7257" s="179"/>
      <c r="AK7257" s="179"/>
      <c r="AL7257" s="179"/>
      <c r="AM7257" s="179"/>
      <c r="AN7257" s="179"/>
      <c r="AO7257" s="179"/>
      <c r="AP7257" s="179"/>
      <c r="AQ7257" s="179"/>
      <c r="AR7257" s="179"/>
      <c r="AS7257" s="179"/>
      <c r="AT7257" s="179"/>
      <c r="AU7257" s="179"/>
      <c r="AV7257" s="179"/>
      <c r="AW7257" s="179"/>
      <c r="AX7257" s="180"/>
      <c r="AY7257" s="180"/>
      <c r="AZ7257" s="180"/>
      <c r="BA7257" s="180"/>
      <c r="BB7257" s="107">
        <v>45065</v>
      </c>
    </row>
    <row r="7258" spans="1:54" ht="13.95" customHeight="1" x14ac:dyDescent="0.25">
      <c r="A7258" s="14" t="s">
        <v>17560</v>
      </c>
      <c r="B7258" s="109" t="s">
        <v>21519</v>
      </c>
      <c r="C7258" s="93" t="s">
        <v>17561</v>
      </c>
      <c r="D7258" s="93" t="s">
        <v>17562</v>
      </c>
      <c r="E7258" s="177">
        <v>1991</v>
      </c>
      <c r="F7258" s="177">
        <v>220</v>
      </c>
      <c r="G7258" s="177" t="s">
        <v>1</v>
      </c>
      <c r="H7258" s="178">
        <v>0</v>
      </c>
      <c r="I7258" s="178">
        <v>0</v>
      </c>
      <c r="J7258" s="178">
        <v>1</v>
      </c>
      <c r="K7258" s="178">
        <v>0</v>
      </c>
      <c r="L7258" s="178">
        <v>1</v>
      </c>
      <c r="M7258" s="178">
        <v>0</v>
      </c>
      <c r="N7258" s="178">
        <v>0</v>
      </c>
      <c r="O7258" s="178">
        <v>0</v>
      </c>
      <c r="P7258" s="178">
        <v>0</v>
      </c>
      <c r="Q7258" s="178">
        <v>0</v>
      </c>
      <c r="R7258" s="178">
        <v>1</v>
      </c>
      <c r="S7258" s="178">
        <v>0</v>
      </c>
      <c r="T7258" s="178">
        <v>0</v>
      </c>
      <c r="U7258" s="179"/>
      <c r="V7258" s="179"/>
      <c r="W7258" s="179"/>
      <c r="X7258" s="179"/>
      <c r="Y7258" s="179"/>
      <c r="Z7258" s="179"/>
      <c r="AA7258" s="179"/>
      <c r="AB7258" s="179"/>
      <c r="AC7258" s="179"/>
      <c r="AD7258" s="179"/>
      <c r="AE7258" s="179"/>
      <c r="AF7258" s="179"/>
      <c r="AG7258" s="179"/>
      <c r="AH7258" s="179"/>
      <c r="AI7258" s="179"/>
      <c r="AJ7258" s="179"/>
      <c r="AK7258" s="179"/>
      <c r="AL7258" s="179"/>
      <c r="AM7258" s="179"/>
      <c r="AN7258" s="179"/>
      <c r="AO7258" s="179"/>
      <c r="AP7258" s="179"/>
      <c r="AQ7258" s="179"/>
      <c r="AR7258" s="179"/>
      <c r="AS7258" s="179"/>
      <c r="AT7258" s="179"/>
      <c r="AU7258" s="179"/>
      <c r="AV7258" s="179"/>
      <c r="AW7258" s="179"/>
      <c r="AX7258" s="180"/>
      <c r="AY7258" s="180"/>
      <c r="AZ7258" s="180"/>
      <c r="BA7258" s="180"/>
      <c r="BB7258" s="107">
        <v>45065</v>
      </c>
    </row>
    <row r="7259" spans="1:54" ht="13.95" customHeight="1" x14ac:dyDescent="0.25">
      <c r="A7259" s="14" t="s">
        <v>17563</v>
      </c>
      <c r="B7259" s="109" t="s">
        <v>21519</v>
      </c>
      <c r="C7259" s="93" t="s">
        <v>17564</v>
      </c>
      <c r="D7259" s="93" t="s">
        <v>17565</v>
      </c>
      <c r="E7259" s="177">
        <v>2005</v>
      </c>
      <c r="F7259" s="177">
        <v>234</v>
      </c>
      <c r="G7259" s="177" t="s">
        <v>1</v>
      </c>
      <c r="H7259" s="178">
        <v>0</v>
      </c>
      <c r="I7259" s="178">
        <v>0</v>
      </c>
      <c r="J7259" s="178">
        <v>0</v>
      </c>
      <c r="K7259" s="178">
        <v>0</v>
      </c>
      <c r="L7259" s="178">
        <v>0</v>
      </c>
      <c r="M7259" s="178">
        <v>0</v>
      </c>
      <c r="N7259" s="178">
        <v>0</v>
      </c>
      <c r="O7259" s="178">
        <v>0</v>
      </c>
      <c r="P7259" s="178">
        <v>1</v>
      </c>
      <c r="Q7259" s="178">
        <v>0</v>
      </c>
      <c r="R7259" s="178">
        <v>1</v>
      </c>
      <c r="S7259" s="178">
        <v>0</v>
      </c>
      <c r="T7259" s="178">
        <v>0</v>
      </c>
      <c r="U7259" s="179"/>
      <c r="V7259" s="179"/>
      <c r="W7259" s="179"/>
      <c r="X7259" s="179"/>
      <c r="Y7259" s="179"/>
      <c r="Z7259" s="179"/>
      <c r="AA7259" s="179"/>
      <c r="AB7259" s="179"/>
      <c r="AC7259" s="179"/>
      <c r="AD7259" s="179"/>
      <c r="AE7259" s="179"/>
      <c r="AF7259" s="179"/>
      <c r="AG7259" s="179"/>
      <c r="AH7259" s="179"/>
      <c r="AI7259" s="179"/>
      <c r="AJ7259" s="179"/>
      <c r="AK7259" s="179"/>
      <c r="AL7259" s="179"/>
      <c r="AM7259" s="179"/>
      <c r="AN7259" s="179"/>
      <c r="AO7259" s="179"/>
      <c r="AP7259" s="179"/>
      <c r="AQ7259" s="179"/>
      <c r="AR7259" s="179"/>
      <c r="AS7259" s="179"/>
      <c r="AT7259" s="179"/>
      <c r="AU7259" s="179"/>
      <c r="AV7259" s="179"/>
      <c r="AW7259" s="179"/>
      <c r="AX7259" s="180"/>
      <c r="AY7259" s="180"/>
      <c r="AZ7259" s="180"/>
      <c r="BA7259" s="180"/>
      <c r="BB7259" s="107">
        <v>45065</v>
      </c>
    </row>
    <row r="7260" spans="1:54" ht="13.95" customHeight="1" x14ac:dyDescent="0.25">
      <c r="A7260" s="14" t="s">
        <v>17566</v>
      </c>
      <c r="B7260" s="109" t="s">
        <v>21519</v>
      </c>
      <c r="C7260" s="93" t="s">
        <v>16733</v>
      </c>
      <c r="D7260" s="93" t="s">
        <v>17567</v>
      </c>
      <c r="E7260" s="177">
        <v>1983</v>
      </c>
      <c r="F7260" s="177">
        <v>245</v>
      </c>
      <c r="G7260" s="177" t="s">
        <v>1</v>
      </c>
      <c r="H7260" s="178">
        <v>0</v>
      </c>
      <c r="I7260" s="178">
        <v>0</v>
      </c>
      <c r="J7260" s="178">
        <v>0</v>
      </c>
      <c r="K7260" s="178">
        <v>0</v>
      </c>
      <c r="L7260" s="178">
        <v>0</v>
      </c>
      <c r="M7260" s="178">
        <v>0</v>
      </c>
      <c r="N7260" s="178">
        <v>0</v>
      </c>
      <c r="O7260" s="178">
        <v>0</v>
      </c>
      <c r="P7260" s="178">
        <v>0</v>
      </c>
      <c r="Q7260" s="178">
        <v>0</v>
      </c>
      <c r="R7260" s="178">
        <v>0</v>
      </c>
      <c r="S7260" s="178">
        <v>0</v>
      </c>
      <c r="T7260" s="178">
        <v>0</v>
      </c>
      <c r="U7260" s="179"/>
      <c r="V7260" s="179"/>
      <c r="W7260" s="179"/>
      <c r="X7260" s="179"/>
      <c r="Y7260" s="179"/>
      <c r="Z7260" s="179"/>
      <c r="AA7260" s="179"/>
      <c r="AB7260" s="179"/>
      <c r="AC7260" s="179"/>
      <c r="AD7260" s="179"/>
      <c r="AE7260" s="179"/>
      <c r="AF7260" s="179"/>
      <c r="AG7260" s="179"/>
      <c r="AH7260" s="179"/>
      <c r="AI7260" s="179"/>
      <c r="AJ7260" s="179"/>
      <c r="AK7260" s="179"/>
      <c r="AL7260" s="179"/>
      <c r="AM7260" s="179"/>
      <c r="AN7260" s="179"/>
      <c r="AO7260" s="179"/>
      <c r="AP7260" s="179"/>
      <c r="AQ7260" s="179"/>
      <c r="AR7260" s="179"/>
      <c r="AS7260" s="179"/>
      <c r="AT7260" s="179"/>
      <c r="AU7260" s="179"/>
      <c r="AV7260" s="179"/>
      <c r="AW7260" s="179"/>
      <c r="AX7260" s="180"/>
      <c r="AY7260" s="180"/>
      <c r="AZ7260" s="180"/>
      <c r="BA7260" s="180"/>
      <c r="BB7260" s="107">
        <v>45065</v>
      </c>
    </row>
    <row r="7261" spans="1:54" ht="13.95" customHeight="1" x14ac:dyDescent="0.25">
      <c r="A7261" s="14" t="s">
        <v>17568</v>
      </c>
      <c r="B7261" s="109" t="s">
        <v>21519</v>
      </c>
      <c r="C7261" s="93" t="s">
        <v>17569</v>
      </c>
      <c r="D7261" s="93" t="s">
        <v>17570</v>
      </c>
      <c r="E7261" s="177">
        <v>1981</v>
      </c>
      <c r="F7261" s="177">
        <v>331</v>
      </c>
      <c r="G7261" s="177" t="s">
        <v>1</v>
      </c>
      <c r="H7261" s="178">
        <v>0</v>
      </c>
      <c r="I7261" s="178">
        <v>0</v>
      </c>
      <c r="J7261" s="178">
        <v>1</v>
      </c>
      <c r="K7261" s="178">
        <v>0</v>
      </c>
      <c r="L7261" s="178">
        <v>1</v>
      </c>
      <c r="M7261" s="178">
        <v>0</v>
      </c>
      <c r="N7261" s="178">
        <v>0</v>
      </c>
      <c r="O7261" s="178">
        <v>1</v>
      </c>
      <c r="P7261" s="178">
        <v>1</v>
      </c>
      <c r="Q7261" s="178">
        <v>0</v>
      </c>
      <c r="R7261" s="178">
        <v>0</v>
      </c>
      <c r="S7261" s="178">
        <v>0</v>
      </c>
      <c r="T7261" s="178">
        <v>0</v>
      </c>
      <c r="U7261" s="179"/>
      <c r="V7261" s="179"/>
      <c r="W7261" s="179"/>
      <c r="X7261" s="179"/>
      <c r="Y7261" s="179"/>
      <c r="Z7261" s="179"/>
      <c r="AA7261" s="179"/>
      <c r="AB7261" s="179"/>
      <c r="AC7261" s="179"/>
      <c r="AD7261" s="179"/>
      <c r="AE7261" s="179"/>
      <c r="AF7261" s="179"/>
      <c r="AG7261" s="179"/>
      <c r="AH7261" s="179"/>
      <c r="AI7261" s="179"/>
      <c r="AJ7261" s="179"/>
      <c r="AK7261" s="179"/>
      <c r="AL7261" s="179"/>
      <c r="AM7261" s="179"/>
      <c r="AN7261" s="179"/>
      <c r="AO7261" s="179"/>
      <c r="AP7261" s="179"/>
      <c r="AQ7261" s="179"/>
      <c r="AR7261" s="179"/>
      <c r="AS7261" s="179"/>
      <c r="AT7261" s="179"/>
      <c r="AU7261" s="179"/>
      <c r="AV7261" s="179"/>
      <c r="AW7261" s="179"/>
      <c r="AX7261" s="180"/>
      <c r="AY7261" s="180"/>
      <c r="AZ7261" s="180"/>
      <c r="BA7261" s="180"/>
      <c r="BB7261" s="107">
        <v>45065</v>
      </c>
    </row>
    <row r="7262" spans="1:54" ht="13.95" customHeight="1" x14ac:dyDescent="0.25">
      <c r="A7262" s="14" t="s">
        <v>17571</v>
      </c>
      <c r="B7262" s="109" t="s">
        <v>21519</v>
      </c>
      <c r="C7262" s="93" t="s">
        <v>17572</v>
      </c>
      <c r="D7262" s="93" t="s">
        <v>17573</v>
      </c>
      <c r="E7262" s="177">
        <v>1977</v>
      </c>
      <c r="F7262" s="177">
        <v>335</v>
      </c>
      <c r="G7262" s="177" t="s">
        <v>1</v>
      </c>
      <c r="H7262" s="178">
        <v>0</v>
      </c>
      <c r="I7262" s="178">
        <v>0</v>
      </c>
      <c r="J7262" s="178">
        <v>0</v>
      </c>
      <c r="K7262" s="178">
        <v>0</v>
      </c>
      <c r="L7262" s="178">
        <v>0</v>
      </c>
      <c r="M7262" s="178">
        <v>0</v>
      </c>
      <c r="N7262" s="178">
        <v>0</v>
      </c>
      <c r="O7262" s="178">
        <v>1</v>
      </c>
      <c r="P7262" s="178">
        <v>1</v>
      </c>
      <c r="Q7262" s="178">
        <v>0</v>
      </c>
      <c r="R7262" s="178">
        <v>1</v>
      </c>
      <c r="S7262" s="178">
        <v>0</v>
      </c>
      <c r="T7262" s="178">
        <v>0</v>
      </c>
      <c r="U7262" s="179"/>
      <c r="V7262" s="179"/>
      <c r="W7262" s="179"/>
      <c r="X7262" s="179"/>
      <c r="Y7262" s="179"/>
      <c r="Z7262" s="179"/>
      <c r="AA7262" s="179"/>
      <c r="AB7262" s="179"/>
      <c r="AC7262" s="179"/>
      <c r="AD7262" s="179"/>
      <c r="AE7262" s="179"/>
      <c r="AF7262" s="179"/>
      <c r="AG7262" s="179"/>
      <c r="AH7262" s="179"/>
      <c r="AI7262" s="179"/>
      <c r="AJ7262" s="179"/>
      <c r="AK7262" s="179"/>
      <c r="AL7262" s="179"/>
      <c r="AM7262" s="179"/>
      <c r="AN7262" s="179"/>
      <c r="AO7262" s="179"/>
      <c r="AP7262" s="179"/>
      <c r="AQ7262" s="179"/>
      <c r="AR7262" s="179"/>
      <c r="AS7262" s="179"/>
      <c r="AT7262" s="179"/>
      <c r="AU7262" s="179"/>
      <c r="AV7262" s="179"/>
      <c r="AW7262" s="179"/>
      <c r="AX7262" s="180"/>
      <c r="AY7262" s="180"/>
      <c r="AZ7262" s="180"/>
      <c r="BA7262" s="180"/>
      <c r="BB7262" s="107">
        <v>45065</v>
      </c>
    </row>
    <row r="7263" spans="1:54" ht="13.95" customHeight="1" x14ac:dyDescent="0.25">
      <c r="A7263" s="14" t="s">
        <v>17574</v>
      </c>
      <c r="B7263" s="109" t="s">
        <v>21519</v>
      </c>
      <c r="C7263" s="93" t="s">
        <v>17575</v>
      </c>
      <c r="D7263" s="93" t="s">
        <v>17576</v>
      </c>
      <c r="E7263" s="177">
        <v>1989</v>
      </c>
      <c r="F7263" s="177">
        <v>366</v>
      </c>
      <c r="G7263" s="177" t="s">
        <v>1</v>
      </c>
      <c r="H7263" s="178">
        <v>0</v>
      </c>
      <c r="I7263" s="178">
        <v>0</v>
      </c>
      <c r="J7263" s="178">
        <v>0</v>
      </c>
      <c r="K7263" s="178">
        <v>0</v>
      </c>
      <c r="L7263" s="178">
        <v>1</v>
      </c>
      <c r="M7263" s="178">
        <v>0</v>
      </c>
      <c r="N7263" s="178">
        <v>0</v>
      </c>
      <c r="O7263" s="178">
        <v>0</v>
      </c>
      <c r="P7263" s="178">
        <v>1</v>
      </c>
      <c r="Q7263" s="178">
        <v>0</v>
      </c>
      <c r="R7263" s="178">
        <v>1</v>
      </c>
      <c r="S7263" s="178">
        <v>0</v>
      </c>
      <c r="T7263" s="178">
        <v>0</v>
      </c>
      <c r="U7263" s="179"/>
      <c r="V7263" s="179"/>
      <c r="W7263" s="179"/>
      <c r="X7263" s="179"/>
      <c r="Y7263" s="179"/>
      <c r="Z7263" s="179"/>
      <c r="AA7263" s="179"/>
      <c r="AB7263" s="179"/>
      <c r="AC7263" s="179"/>
      <c r="AD7263" s="179"/>
      <c r="AE7263" s="179"/>
      <c r="AF7263" s="179"/>
      <c r="AG7263" s="179"/>
      <c r="AH7263" s="179"/>
      <c r="AI7263" s="179"/>
      <c r="AJ7263" s="179"/>
      <c r="AK7263" s="179"/>
      <c r="AL7263" s="179"/>
      <c r="AM7263" s="179"/>
      <c r="AN7263" s="179"/>
      <c r="AO7263" s="179"/>
      <c r="AP7263" s="179"/>
      <c r="AQ7263" s="179"/>
      <c r="AR7263" s="179"/>
      <c r="AS7263" s="179"/>
      <c r="AT7263" s="179"/>
      <c r="AU7263" s="179"/>
      <c r="AV7263" s="179"/>
      <c r="AW7263" s="179"/>
      <c r="AX7263" s="180"/>
      <c r="AY7263" s="180"/>
      <c r="AZ7263" s="180"/>
      <c r="BA7263" s="180"/>
      <c r="BB7263" s="107">
        <v>45065</v>
      </c>
    </row>
    <row r="7264" spans="1:54" ht="13.95" customHeight="1" x14ac:dyDescent="0.25">
      <c r="A7264" s="14" t="s">
        <v>17577</v>
      </c>
      <c r="B7264" s="109" t="s">
        <v>21519</v>
      </c>
      <c r="C7264" s="93" t="s">
        <v>17578</v>
      </c>
      <c r="D7264" s="93" t="s">
        <v>17579</v>
      </c>
      <c r="E7264" s="177">
        <v>2002</v>
      </c>
      <c r="F7264" s="177">
        <v>413</v>
      </c>
      <c r="G7264" s="177" t="s">
        <v>1</v>
      </c>
      <c r="H7264" s="178">
        <v>0</v>
      </c>
      <c r="I7264" s="178">
        <v>0</v>
      </c>
      <c r="J7264" s="178">
        <v>1</v>
      </c>
      <c r="K7264" s="178">
        <v>0</v>
      </c>
      <c r="L7264" s="178">
        <v>1</v>
      </c>
      <c r="M7264" s="178">
        <v>0</v>
      </c>
      <c r="N7264" s="178">
        <v>0</v>
      </c>
      <c r="O7264" s="178">
        <v>1</v>
      </c>
      <c r="P7264" s="178">
        <v>1</v>
      </c>
      <c r="Q7264" s="178">
        <v>0</v>
      </c>
      <c r="R7264" s="178">
        <v>0</v>
      </c>
      <c r="S7264" s="178">
        <v>0</v>
      </c>
      <c r="T7264" s="178">
        <v>0</v>
      </c>
      <c r="U7264" s="179"/>
      <c r="V7264" s="179"/>
      <c r="W7264" s="179"/>
      <c r="X7264" s="179"/>
      <c r="Y7264" s="179"/>
      <c r="Z7264" s="179"/>
      <c r="AA7264" s="179"/>
      <c r="AB7264" s="179"/>
      <c r="AC7264" s="179"/>
      <c r="AD7264" s="179"/>
      <c r="AE7264" s="179"/>
      <c r="AF7264" s="179"/>
      <c r="AG7264" s="179"/>
      <c r="AH7264" s="179"/>
      <c r="AI7264" s="179"/>
      <c r="AJ7264" s="179"/>
      <c r="AK7264" s="179"/>
      <c r="AL7264" s="179"/>
      <c r="AM7264" s="179"/>
      <c r="AN7264" s="179"/>
      <c r="AO7264" s="179"/>
      <c r="AP7264" s="179"/>
      <c r="AQ7264" s="179"/>
      <c r="AR7264" s="179"/>
      <c r="AS7264" s="179"/>
      <c r="AT7264" s="179"/>
      <c r="AU7264" s="179"/>
      <c r="AV7264" s="179"/>
      <c r="AW7264" s="179"/>
      <c r="AX7264" s="180"/>
      <c r="AY7264" s="180"/>
      <c r="AZ7264" s="180"/>
      <c r="BA7264" s="180"/>
      <c r="BB7264" s="107">
        <v>45065</v>
      </c>
    </row>
    <row r="7265" spans="1:54" ht="13.95" customHeight="1" x14ac:dyDescent="0.25">
      <c r="A7265" s="14" t="s">
        <v>17580</v>
      </c>
      <c r="B7265" s="109" t="s">
        <v>21519</v>
      </c>
      <c r="C7265" s="93" t="s">
        <v>17581</v>
      </c>
      <c r="D7265" s="93" t="s">
        <v>17582</v>
      </c>
      <c r="E7265" s="177">
        <v>2002</v>
      </c>
      <c r="F7265" s="177">
        <v>427</v>
      </c>
      <c r="G7265" s="177" t="s">
        <v>1</v>
      </c>
      <c r="H7265" s="178">
        <v>0</v>
      </c>
      <c r="I7265" s="178">
        <v>0</v>
      </c>
      <c r="J7265" s="178">
        <v>0</v>
      </c>
      <c r="K7265" s="178">
        <v>0</v>
      </c>
      <c r="L7265" s="178">
        <v>0</v>
      </c>
      <c r="M7265" s="178">
        <v>1</v>
      </c>
      <c r="N7265" s="178">
        <v>0</v>
      </c>
      <c r="O7265" s="178">
        <v>0</v>
      </c>
      <c r="P7265" s="178">
        <v>1</v>
      </c>
      <c r="Q7265" s="178">
        <v>0</v>
      </c>
      <c r="R7265" s="178">
        <v>0</v>
      </c>
      <c r="S7265" s="178">
        <v>0</v>
      </c>
      <c r="T7265" s="178">
        <v>0</v>
      </c>
      <c r="U7265" s="179"/>
      <c r="V7265" s="179"/>
      <c r="W7265" s="179"/>
      <c r="X7265" s="179"/>
      <c r="Y7265" s="179"/>
      <c r="Z7265" s="179"/>
      <c r="AA7265" s="179"/>
      <c r="AB7265" s="179"/>
      <c r="AC7265" s="179"/>
      <c r="AD7265" s="179"/>
      <c r="AE7265" s="179"/>
      <c r="AF7265" s="179"/>
      <c r="AG7265" s="179"/>
      <c r="AH7265" s="179"/>
      <c r="AI7265" s="179"/>
      <c r="AJ7265" s="179"/>
      <c r="AK7265" s="179"/>
      <c r="AL7265" s="179"/>
      <c r="AM7265" s="179"/>
      <c r="AN7265" s="179"/>
      <c r="AO7265" s="179"/>
      <c r="AP7265" s="179"/>
      <c r="AQ7265" s="179"/>
      <c r="AR7265" s="179"/>
      <c r="AS7265" s="179"/>
      <c r="AT7265" s="179"/>
      <c r="AU7265" s="179"/>
      <c r="AV7265" s="179"/>
      <c r="AW7265" s="179"/>
      <c r="AX7265" s="180"/>
      <c r="AY7265" s="180"/>
      <c r="AZ7265" s="180"/>
      <c r="BA7265" s="180"/>
      <c r="BB7265" s="107">
        <v>45065</v>
      </c>
    </row>
    <row r="7266" spans="1:54" ht="13.95" customHeight="1" x14ac:dyDescent="0.25">
      <c r="A7266" s="14" t="s">
        <v>17583</v>
      </c>
      <c r="B7266" s="109" t="s">
        <v>21519</v>
      </c>
      <c r="C7266" s="93" t="s">
        <v>17584</v>
      </c>
      <c r="D7266" s="93" t="s">
        <v>17585</v>
      </c>
      <c r="E7266" s="177">
        <v>2002</v>
      </c>
      <c r="F7266" s="177">
        <v>430</v>
      </c>
      <c r="G7266" s="177" t="s">
        <v>1</v>
      </c>
      <c r="H7266" s="178">
        <v>0</v>
      </c>
      <c r="I7266" s="178">
        <v>0</v>
      </c>
      <c r="J7266" s="178">
        <v>0</v>
      </c>
      <c r="K7266" s="178">
        <v>1</v>
      </c>
      <c r="L7266" s="178">
        <v>0</v>
      </c>
      <c r="M7266" s="178">
        <v>1</v>
      </c>
      <c r="N7266" s="178">
        <v>0</v>
      </c>
      <c r="O7266" s="178">
        <v>0</v>
      </c>
      <c r="P7266" s="178">
        <v>1</v>
      </c>
      <c r="Q7266" s="178">
        <v>0</v>
      </c>
      <c r="R7266" s="178">
        <v>0</v>
      </c>
      <c r="S7266" s="178">
        <v>0</v>
      </c>
      <c r="T7266" s="178">
        <v>0</v>
      </c>
      <c r="U7266" s="179"/>
      <c r="V7266" s="179"/>
      <c r="W7266" s="179"/>
      <c r="X7266" s="179"/>
      <c r="Y7266" s="179"/>
      <c r="Z7266" s="179"/>
      <c r="AA7266" s="179"/>
      <c r="AB7266" s="179"/>
      <c r="AC7266" s="179"/>
      <c r="AD7266" s="179"/>
      <c r="AE7266" s="179"/>
      <c r="AF7266" s="179"/>
      <c r="AG7266" s="179"/>
      <c r="AH7266" s="179"/>
      <c r="AI7266" s="179"/>
      <c r="AJ7266" s="179"/>
      <c r="AK7266" s="179"/>
      <c r="AL7266" s="179"/>
      <c r="AM7266" s="179"/>
      <c r="AN7266" s="179"/>
      <c r="AO7266" s="179"/>
      <c r="AP7266" s="179"/>
      <c r="AQ7266" s="179"/>
      <c r="AR7266" s="179"/>
      <c r="AS7266" s="179"/>
      <c r="AT7266" s="179"/>
      <c r="AU7266" s="179"/>
      <c r="AV7266" s="179"/>
      <c r="AW7266" s="179"/>
      <c r="AX7266" s="180"/>
      <c r="AY7266" s="180"/>
      <c r="AZ7266" s="180"/>
      <c r="BA7266" s="180"/>
      <c r="BB7266" s="107">
        <v>45065</v>
      </c>
    </row>
    <row r="7267" spans="1:54" ht="13.95" customHeight="1" x14ac:dyDescent="0.25">
      <c r="A7267" s="14" t="s">
        <v>17586</v>
      </c>
      <c r="B7267" s="109" t="s">
        <v>21519</v>
      </c>
      <c r="C7267" s="93" t="s">
        <v>17587</v>
      </c>
      <c r="D7267" s="93" t="s">
        <v>17588</v>
      </c>
      <c r="E7267" s="177">
        <v>1991</v>
      </c>
      <c r="F7267" s="177">
        <v>499</v>
      </c>
      <c r="G7267" s="177" t="s">
        <v>1</v>
      </c>
      <c r="H7267" s="178">
        <v>0</v>
      </c>
      <c r="I7267" s="178">
        <v>0</v>
      </c>
      <c r="J7267" s="178">
        <v>1</v>
      </c>
      <c r="K7267" s="178">
        <v>0</v>
      </c>
      <c r="L7267" s="178">
        <v>0</v>
      </c>
      <c r="M7267" s="178">
        <v>1</v>
      </c>
      <c r="N7267" s="178">
        <v>0</v>
      </c>
      <c r="O7267" s="178">
        <v>0</v>
      </c>
      <c r="P7267" s="178">
        <v>1</v>
      </c>
      <c r="Q7267" s="178">
        <v>0</v>
      </c>
      <c r="R7267" s="178">
        <v>0</v>
      </c>
      <c r="S7267" s="178">
        <v>0</v>
      </c>
      <c r="T7267" s="178">
        <v>0</v>
      </c>
      <c r="U7267" s="179"/>
      <c r="V7267" s="179"/>
      <c r="W7267" s="179"/>
      <c r="X7267" s="179"/>
      <c r="Y7267" s="179"/>
      <c r="Z7267" s="179"/>
      <c r="AA7267" s="179"/>
      <c r="AB7267" s="179"/>
      <c r="AC7267" s="179"/>
      <c r="AD7267" s="179"/>
      <c r="AE7267" s="179"/>
      <c r="AF7267" s="179"/>
      <c r="AG7267" s="179"/>
      <c r="AH7267" s="179"/>
      <c r="AI7267" s="179"/>
      <c r="AJ7267" s="179"/>
      <c r="AK7267" s="179"/>
      <c r="AL7267" s="179"/>
      <c r="AM7267" s="179"/>
      <c r="AN7267" s="179"/>
      <c r="AO7267" s="179"/>
      <c r="AP7267" s="179"/>
      <c r="AQ7267" s="179"/>
      <c r="AR7267" s="179"/>
      <c r="AS7267" s="179"/>
      <c r="AT7267" s="179"/>
      <c r="AU7267" s="179"/>
      <c r="AV7267" s="179"/>
      <c r="AW7267" s="179"/>
      <c r="AX7267" s="180"/>
      <c r="AY7267" s="180"/>
      <c r="AZ7267" s="180"/>
      <c r="BA7267" s="180"/>
      <c r="BB7267" s="107">
        <v>45065</v>
      </c>
    </row>
    <row r="7268" spans="1:54" ht="13.95" customHeight="1" x14ac:dyDescent="0.25">
      <c r="A7268" s="14" t="s">
        <v>17589</v>
      </c>
      <c r="B7268" s="109" t="s">
        <v>21519</v>
      </c>
      <c r="C7268" s="93" t="s">
        <v>17590</v>
      </c>
      <c r="D7268" s="93" t="s">
        <v>17591</v>
      </c>
      <c r="E7268" s="177">
        <v>1993</v>
      </c>
      <c r="F7268" s="177">
        <v>549</v>
      </c>
      <c r="G7268" s="177" t="s">
        <v>1</v>
      </c>
      <c r="H7268" s="178">
        <v>0</v>
      </c>
      <c r="I7268" s="178">
        <v>0</v>
      </c>
      <c r="J7268" s="178">
        <v>1</v>
      </c>
      <c r="K7268" s="178">
        <v>0</v>
      </c>
      <c r="L7268" s="178">
        <v>1</v>
      </c>
      <c r="M7268" s="178">
        <v>0</v>
      </c>
      <c r="N7268" s="178">
        <v>0</v>
      </c>
      <c r="O7268" s="178">
        <v>0</v>
      </c>
      <c r="P7268" s="178">
        <v>1</v>
      </c>
      <c r="Q7268" s="178">
        <v>0</v>
      </c>
      <c r="R7268" s="178">
        <v>0</v>
      </c>
      <c r="S7268" s="178">
        <v>0</v>
      </c>
      <c r="T7268" s="178">
        <v>0</v>
      </c>
      <c r="U7268" s="179"/>
      <c r="V7268" s="179"/>
      <c r="W7268" s="179"/>
      <c r="X7268" s="179"/>
      <c r="Y7268" s="179"/>
      <c r="Z7268" s="179"/>
      <c r="AA7268" s="179"/>
      <c r="AB7268" s="179"/>
      <c r="AC7268" s="179"/>
      <c r="AD7268" s="179"/>
      <c r="AE7268" s="179"/>
      <c r="AF7268" s="179"/>
      <c r="AG7268" s="179"/>
      <c r="AH7268" s="179"/>
      <c r="AI7268" s="179"/>
      <c r="AJ7268" s="179"/>
      <c r="AK7268" s="179"/>
      <c r="AL7268" s="179"/>
      <c r="AM7268" s="179"/>
      <c r="AN7268" s="179"/>
      <c r="AO7268" s="179"/>
      <c r="AP7268" s="179"/>
      <c r="AQ7268" s="179"/>
      <c r="AR7268" s="179"/>
      <c r="AS7268" s="179"/>
      <c r="AT7268" s="179"/>
      <c r="AU7268" s="179"/>
      <c r="AV7268" s="179"/>
      <c r="AW7268" s="179"/>
      <c r="AX7268" s="180"/>
      <c r="AY7268" s="180"/>
      <c r="AZ7268" s="180"/>
      <c r="BA7268" s="180"/>
      <c r="BB7268" s="107">
        <v>45065</v>
      </c>
    </row>
    <row r="7269" spans="1:54" ht="13.95" customHeight="1" x14ac:dyDescent="0.25">
      <c r="A7269" s="14" t="s">
        <v>17592</v>
      </c>
      <c r="B7269" s="109" t="s">
        <v>21519</v>
      </c>
      <c r="C7269" s="93" t="s">
        <v>17593</v>
      </c>
      <c r="D7269" s="93" t="s">
        <v>17594</v>
      </c>
      <c r="E7269" s="177">
        <v>1975</v>
      </c>
      <c r="F7269" s="177">
        <v>647</v>
      </c>
      <c r="G7269" s="177" t="s">
        <v>1</v>
      </c>
      <c r="H7269" s="178">
        <v>0</v>
      </c>
      <c r="I7269" s="178">
        <v>0</v>
      </c>
      <c r="J7269" s="178">
        <v>0</v>
      </c>
      <c r="K7269" s="178">
        <v>0</v>
      </c>
      <c r="L7269" s="178">
        <v>0</v>
      </c>
      <c r="M7269" s="178">
        <v>0</v>
      </c>
      <c r="N7269" s="178">
        <v>0</v>
      </c>
      <c r="O7269" s="178">
        <v>0</v>
      </c>
      <c r="P7269" s="178">
        <v>0</v>
      </c>
      <c r="Q7269" s="178">
        <v>0</v>
      </c>
      <c r="R7269" s="178">
        <v>0</v>
      </c>
      <c r="S7269" s="178">
        <v>0</v>
      </c>
      <c r="T7269" s="178">
        <v>0</v>
      </c>
      <c r="U7269" s="179"/>
      <c r="V7269" s="179"/>
      <c r="W7269" s="179"/>
      <c r="X7269" s="179"/>
      <c r="Y7269" s="179"/>
      <c r="Z7269" s="179"/>
      <c r="AA7269" s="179"/>
      <c r="AB7269" s="179"/>
      <c r="AC7269" s="179"/>
      <c r="AD7269" s="179"/>
      <c r="AE7269" s="179"/>
      <c r="AF7269" s="179"/>
      <c r="AG7269" s="179"/>
      <c r="AH7269" s="179"/>
      <c r="AI7269" s="179"/>
      <c r="AJ7269" s="179"/>
      <c r="AK7269" s="179"/>
      <c r="AL7269" s="179"/>
      <c r="AM7269" s="179"/>
      <c r="AN7269" s="179"/>
      <c r="AO7269" s="179"/>
      <c r="AP7269" s="179"/>
      <c r="AQ7269" s="179"/>
      <c r="AR7269" s="179"/>
      <c r="AS7269" s="179"/>
      <c r="AT7269" s="179"/>
      <c r="AU7269" s="179"/>
      <c r="AV7269" s="179"/>
      <c r="AW7269" s="179"/>
      <c r="AX7269" s="180"/>
      <c r="AY7269" s="180"/>
      <c r="AZ7269" s="180"/>
      <c r="BA7269" s="180"/>
      <c r="BB7269" s="107">
        <v>45065</v>
      </c>
    </row>
    <row r="7270" spans="1:54" ht="13.95" customHeight="1" x14ac:dyDescent="0.25">
      <c r="A7270" s="14" t="s">
        <v>17595</v>
      </c>
      <c r="B7270" s="109" t="s">
        <v>21519</v>
      </c>
      <c r="C7270" s="93" t="s">
        <v>17596</v>
      </c>
      <c r="D7270" s="93" t="s">
        <v>17597</v>
      </c>
      <c r="E7270" s="177">
        <v>1985</v>
      </c>
      <c r="F7270" s="177">
        <v>691</v>
      </c>
      <c r="G7270" s="177" t="s">
        <v>1</v>
      </c>
      <c r="H7270" s="178">
        <v>0</v>
      </c>
      <c r="I7270" s="178">
        <v>0</v>
      </c>
      <c r="J7270" s="178">
        <v>1</v>
      </c>
      <c r="K7270" s="178">
        <v>0</v>
      </c>
      <c r="L7270" s="178">
        <v>1</v>
      </c>
      <c r="M7270" s="178">
        <v>0</v>
      </c>
      <c r="N7270" s="178">
        <v>0</v>
      </c>
      <c r="O7270" s="178">
        <v>1</v>
      </c>
      <c r="P7270" s="178">
        <v>1</v>
      </c>
      <c r="Q7270" s="178">
        <v>0</v>
      </c>
      <c r="R7270" s="178">
        <v>1</v>
      </c>
      <c r="S7270" s="178">
        <v>0</v>
      </c>
      <c r="T7270" s="178">
        <v>0</v>
      </c>
      <c r="U7270" s="179"/>
      <c r="V7270" s="179"/>
      <c r="W7270" s="179"/>
      <c r="X7270" s="179"/>
      <c r="Y7270" s="179"/>
      <c r="Z7270" s="179"/>
      <c r="AA7270" s="179"/>
      <c r="AB7270" s="179"/>
      <c r="AC7270" s="179"/>
      <c r="AD7270" s="179"/>
      <c r="AE7270" s="179"/>
      <c r="AF7270" s="179"/>
      <c r="AG7270" s="179"/>
      <c r="AH7270" s="179"/>
      <c r="AI7270" s="179"/>
      <c r="AJ7270" s="179"/>
      <c r="AK7270" s="179"/>
      <c r="AL7270" s="179"/>
      <c r="AM7270" s="179"/>
      <c r="AN7270" s="179"/>
      <c r="AO7270" s="179"/>
      <c r="AP7270" s="179"/>
      <c r="AQ7270" s="179"/>
      <c r="AR7270" s="179"/>
      <c r="AS7270" s="179"/>
      <c r="AT7270" s="179"/>
      <c r="AU7270" s="179"/>
      <c r="AV7270" s="179"/>
      <c r="AW7270" s="179"/>
      <c r="AX7270" s="180"/>
      <c r="AY7270" s="180"/>
      <c r="AZ7270" s="180"/>
      <c r="BA7270" s="180"/>
      <c r="BB7270" s="107">
        <v>45065</v>
      </c>
    </row>
    <row r="7271" spans="1:54" ht="13.95" customHeight="1" x14ac:dyDescent="0.25">
      <c r="A7271" s="14" t="s">
        <v>17598</v>
      </c>
      <c r="B7271" s="109" t="s">
        <v>21519</v>
      </c>
      <c r="C7271" s="93" t="s">
        <v>17599</v>
      </c>
      <c r="D7271" s="93" t="s">
        <v>17600</v>
      </c>
      <c r="E7271" s="177">
        <v>2000</v>
      </c>
      <c r="F7271" s="177">
        <v>700</v>
      </c>
      <c r="G7271" s="177" t="s">
        <v>1</v>
      </c>
      <c r="H7271" s="178">
        <v>0</v>
      </c>
      <c r="I7271" s="178">
        <v>0</v>
      </c>
      <c r="J7271" s="178">
        <v>1</v>
      </c>
      <c r="K7271" s="178">
        <v>0</v>
      </c>
      <c r="L7271" s="178">
        <v>0</v>
      </c>
      <c r="M7271" s="178">
        <v>0</v>
      </c>
      <c r="N7271" s="178">
        <v>0</v>
      </c>
      <c r="O7271" s="178">
        <v>0</v>
      </c>
      <c r="P7271" s="178">
        <v>0</v>
      </c>
      <c r="Q7271" s="178">
        <v>0</v>
      </c>
      <c r="R7271" s="178">
        <v>0</v>
      </c>
      <c r="S7271" s="178">
        <v>0</v>
      </c>
      <c r="T7271" s="178">
        <v>0</v>
      </c>
      <c r="U7271" s="179"/>
      <c r="V7271" s="179"/>
      <c r="W7271" s="179"/>
      <c r="X7271" s="179"/>
      <c r="Y7271" s="179"/>
      <c r="Z7271" s="179"/>
      <c r="AA7271" s="179"/>
      <c r="AB7271" s="179"/>
      <c r="AC7271" s="179"/>
      <c r="AD7271" s="179"/>
      <c r="AE7271" s="179"/>
      <c r="AF7271" s="179"/>
      <c r="AG7271" s="179"/>
      <c r="AH7271" s="179"/>
      <c r="AI7271" s="179"/>
      <c r="AJ7271" s="179"/>
      <c r="AK7271" s="179"/>
      <c r="AL7271" s="179"/>
      <c r="AM7271" s="179"/>
      <c r="AN7271" s="179"/>
      <c r="AO7271" s="179"/>
      <c r="AP7271" s="179"/>
      <c r="AQ7271" s="179"/>
      <c r="AR7271" s="179"/>
      <c r="AS7271" s="179"/>
      <c r="AT7271" s="179"/>
      <c r="AU7271" s="179"/>
      <c r="AV7271" s="179"/>
      <c r="AW7271" s="179"/>
      <c r="AX7271" s="180"/>
      <c r="AY7271" s="180"/>
      <c r="AZ7271" s="180"/>
      <c r="BA7271" s="180"/>
      <c r="BB7271" s="107">
        <v>45065</v>
      </c>
    </row>
    <row r="7272" spans="1:54" ht="13.95" customHeight="1" x14ac:dyDescent="0.25">
      <c r="A7272" s="14" t="s">
        <v>17601</v>
      </c>
      <c r="B7272" s="109" t="s">
        <v>21519</v>
      </c>
      <c r="C7272" s="93" t="s">
        <v>17602</v>
      </c>
      <c r="D7272" s="93" t="s">
        <v>17603</v>
      </c>
      <c r="E7272" s="177">
        <v>2010</v>
      </c>
      <c r="F7272" s="177">
        <v>749</v>
      </c>
      <c r="G7272" s="177" t="s">
        <v>1</v>
      </c>
      <c r="H7272" s="178">
        <v>0</v>
      </c>
      <c r="I7272" s="178">
        <v>0</v>
      </c>
      <c r="J7272" s="178">
        <v>1</v>
      </c>
      <c r="K7272" s="178">
        <v>0</v>
      </c>
      <c r="L7272" s="178">
        <v>0</v>
      </c>
      <c r="M7272" s="178">
        <v>0</v>
      </c>
      <c r="N7272" s="178">
        <v>0</v>
      </c>
      <c r="O7272" s="178">
        <v>0</v>
      </c>
      <c r="P7272" s="178">
        <v>0</v>
      </c>
      <c r="Q7272" s="178">
        <v>0</v>
      </c>
      <c r="R7272" s="178">
        <v>0</v>
      </c>
      <c r="S7272" s="178">
        <v>0</v>
      </c>
      <c r="T7272" s="178">
        <v>0</v>
      </c>
      <c r="U7272" s="179"/>
      <c r="V7272" s="179"/>
      <c r="W7272" s="179"/>
      <c r="X7272" s="179"/>
      <c r="Y7272" s="179"/>
      <c r="Z7272" s="179"/>
      <c r="AA7272" s="179"/>
      <c r="AB7272" s="179"/>
      <c r="AC7272" s="179"/>
      <c r="AD7272" s="179"/>
      <c r="AE7272" s="179"/>
      <c r="AF7272" s="179"/>
      <c r="AG7272" s="179"/>
      <c r="AH7272" s="179"/>
      <c r="AI7272" s="179"/>
      <c r="AJ7272" s="179"/>
      <c r="AK7272" s="179"/>
      <c r="AL7272" s="179"/>
      <c r="AM7272" s="179"/>
      <c r="AN7272" s="179"/>
      <c r="AO7272" s="179"/>
      <c r="AP7272" s="179"/>
      <c r="AQ7272" s="179"/>
      <c r="AR7272" s="179"/>
      <c r="AS7272" s="179"/>
      <c r="AT7272" s="179"/>
      <c r="AU7272" s="179"/>
      <c r="AV7272" s="179"/>
      <c r="AW7272" s="179"/>
      <c r="AX7272" s="180"/>
      <c r="AY7272" s="180"/>
      <c r="AZ7272" s="180"/>
      <c r="BA7272" s="180"/>
      <c r="BB7272" s="107">
        <v>45065</v>
      </c>
    </row>
    <row r="7273" spans="1:54" ht="13.95" customHeight="1" x14ac:dyDescent="0.25">
      <c r="A7273" s="14" t="s">
        <v>17604</v>
      </c>
      <c r="B7273" s="109" t="s">
        <v>21519</v>
      </c>
      <c r="C7273" s="93" t="s">
        <v>15721</v>
      </c>
      <c r="D7273" s="93" t="s">
        <v>17605</v>
      </c>
      <c r="E7273" s="177">
        <v>1971</v>
      </c>
      <c r="F7273" s="177">
        <v>751</v>
      </c>
      <c r="G7273" s="177" t="s">
        <v>1</v>
      </c>
      <c r="H7273" s="178">
        <v>0</v>
      </c>
      <c r="I7273" s="178">
        <v>0</v>
      </c>
      <c r="J7273" s="178">
        <v>1</v>
      </c>
      <c r="K7273" s="178">
        <v>0</v>
      </c>
      <c r="L7273" s="178">
        <v>1</v>
      </c>
      <c r="M7273" s="178">
        <v>0</v>
      </c>
      <c r="N7273" s="178">
        <v>0</v>
      </c>
      <c r="O7273" s="178">
        <v>0</v>
      </c>
      <c r="P7273" s="178">
        <v>1</v>
      </c>
      <c r="Q7273" s="178">
        <v>0</v>
      </c>
      <c r="R7273" s="178">
        <v>1</v>
      </c>
      <c r="S7273" s="178">
        <v>1</v>
      </c>
      <c r="T7273" s="178">
        <v>0</v>
      </c>
      <c r="U7273" s="179"/>
      <c r="V7273" s="179"/>
      <c r="W7273" s="179"/>
      <c r="X7273" s="179"/>
      <c r="Y7273" s="179"/>
      <c r="Z7273" s="179"/>
      <c r="AA7273" s="179"/>
      <c r="AB7273" s="179"/>
      <c r="AC7273" s="179"/>
      <c r="AD7273" s="179"/>
      <c r="AE7273" s="179"/>
      <c r="AF7273" s="179"/>
      <c r="AG7273" s="179"/>
      <c r="AH7273" s="179"/>
      <c r="AI7273" s="179"/>
      <c r="AJ7273" s="179"/>
      <c r="AK7273" s="179"/>
      <c r="AL7273" s="179"/>
      <c r="AM7273" s="179"/>
      <c r="AN7273" s="179"/>
      <c r="AO7273" s="179"/>
      <c r="AP7273" s="179"/>
      <c r="AQ7273" s="179"/>
      <c r="AR7273" s="179"/>
      <c r="AS7273" s="179"/>
      <c r="AT7273" s="179"/>
      <c r="AU7273" s="179"/>
      <c r="AV7273" s="179"/>
      <c r="AW7273" s="179"/>
      <c r="AX7273" s="180"/>
      <c r="AY7273" s="180"/>
      <c r="AZ7273" s="180"/>
      <c r="BA7273" s="180"/>
      <c r="BB7273" s="107">
        <v>45065</v>
      </c>
    </row>
    <row r="7274" spans="1:54" ht="13.95" customHeight="1" x14ac:dyDescent="0.25">
      <c r="A7274" s="14" t="s">
        <v>17606</v>
      </c>
      <c r="B7274" s="109" t="s">
        <v>21519</v>
      </c>
      <c r="C7274" s="93" t="s">
        <v>14323</v>
      </c>
      <c r="D7274" s="93" t="s">
        <v>17607</v>
      </c>
      <c r="E7274" s="177">
        <v>1979</v>
      </c>
      <c r="F7274" s="177">
        <v>895</v>
      </c>
      <c r="G7274" s="177" t="s">
        <v>1</v>
      </c>
      <c r="H7274" s="178">
        <v>0</v>
      </c>
      <c r="I7274" s="178">
        <v>0</v>
      </c>
      <c r="J7274" s="178">
        <v>1</v>
      </c>
      <c r="K7274" s="178">
        <v>0</v>
      </c>
      <c r="L7274" s="178">
        <v>1</v>
      </c>
      <c r="M7274" s="178">
        <v>0</v>
      </c>
      <c r="N7274" s="178">
        <v>0</v>
      </c>
      <c r="O7274" s="178">
        <v>1</v>
      </c>
      <c r="P7274" s="178">
        <v>1</v>
      </c>
      <c r="Q7274" s="178">
        <v>0</v>
      </c>
      <c r="R7274" s="178">
        <v>1</v>
      </c>
      <c r="S7274" s="178">
        <v>0</v>
      </c>
      <c r="T7274" s="178">
        <v>0</v>
      </c>
      <c r="U7274" s="179"/>
      <c r="V7274" s="179"/>
      <c r="W7274" s="179"/>
      <c r="X7274" s="179"/>
      <c r="Y7274" s="179"/>
      <c r="Z7274" s="179"/>
      <c r="AA7274" s="179"/>
      <c r="AB7274" s="179"/>
      <c r="AC7274" s="179"/>
      <c r="AD7274" s="179"/>
      <c r="AE7274" s="179"/>
      <c r="AF7274" s="179"/>
      <c r="AG7274" s="179"/>
      <c r="AH7274" s="179"/>
      <c r="AI7274" s="179"/>
      <c r="AJ7274" s="179"/>
      <c r="AK7274" s="179"/>
      <c r="AL7274" s="179"/>
      <c r="AM7274" s="179"/>
      <c r="AN7274" s="179"/>
      <c r="AO7274" s="179"/>
      <c r="AP7274" s="179"/>
      <c r="AQ7274" s="179"/>
      <c r="AR7274" s="179"/>
      <c r="AS7274" s="179"/>
      <c r="AT7274" s="179"/>
      <c r="AU7274" s="179"/>
      <c r="AV7274" s="179"/>
      <c r="AW7274" s="179"/>
      <c r="AX7274" s="180"/>
      <c r="AY7274" s="180"/>
      <c r="AZ7274" s="180"/>
      <c r="BA7274" s="180"/>
      <c r="BB7274" s="107">
        <v>45065</v>
      </c>
    </row>
    <row r="7275" spans="1:54" ht="13.95" customHeight="1" x14ac:dyDescent="0.25">
      <c r="A7275" s="14" t="s">
        <v>17608</v>
      </c>
      <c r="B7275" s="109" t="s">
        <v>21519</v>
      </c>
      <c r="C7275" s="93" t="s">
        <v>17609</v>
      </c>
      <c r="D7275" s="93" t="s">
        <v>17610</v>
      </c>
      <c r="E7275" s="177">
        <v>2009</v>
      </c>
      <c r="F7275" s="177">
        <v>941</v>
      </c>
      <c r="G7275" s="177" t="s">
        <v>1</v>
      </c>
      <c r="H7275" s="178">
        <v>0</v>
      </c>
      <c r="I7275" s="178">
        <v>0</v>
      </c>
      <c r="J7275" s="178">
        <v>0</v>
      </c>
      <c r="K7275" s="178">
        <v>0</v>
      </c>
      <c r="L7275" s="178">
        <v>0</v>
      </c>
      <c r="M7275" s="178">
        <v>0</v>
      </c>
      <c r="N7275" s="178">
        <v>0</v>
      </c>
      <c r="O7275" s="178">
        <v>0</v>
      </c>
      <c r="P7275" s="178">
        <v>0</v>
      </c>
      <c r="Q7275" s="178">
        <v>0</v>
      </c>
      <c r="R7275" s="178">
        <v>0</v>
      </c>
      <c r="S7275" s="178">
        <v>0</v>
      </c>
      <c r="T7275" s="178">
        <v>0</v>
      </c>
      <c r="U7275" s="179"/>
      <c r="V7275" s="179"/>
      <c r="W7275" s="179"/>
      <c r="X7275" s="179"/>
      <c r="Y7275" s="179"/>
      <c r="Z7275" s="179"/>
      <c r="AA7275" s="179"/>
      <c r="AB7275" s="179"/>
      <c r="AC7275" s="179"/>
      <c r="AD7275" s="179"/>
      <c r="AE7275" s="179"/>
      <c r="AF7275" s="179"/>
      <c r="AG7275" s="179"/>
      <c r="AH7275" s="179"/>
      <c r="AI7275" s="179"/>
      <c r="AJ7275" s="179"/>
      <c r="AK7275" s="179"/>
      <c r="AL7275" s="179"/>
      <c r="AM7275" s="179"/>
      <c r="AN7275" s="179"/>
      <c r="AO7275" s="179"/>
      <c r="AP7275" s="179"/>
      <c r="AQ7275" s="179"/>
      <c r="AR7275" s="179"/>
      <c r="AS7275" s="179"/>
      <c r="AT7275" s="179"/>
      <c r="AU7275" s="179"/>
      <c r="AV7275" s="179"/>
      <c r="AW7275" s="179"/>
      <c r="AX7275" s="180"/>
      <c r="AY7275" s="180"/>
      <c r="AZ7275" s="180"/>
      <c r="BA7275" s="180"/>
      <c r="BB7275" s="107">
        <v>45065</v>
      </c>
    </row>
    <row r="7276" spans="1:54" ht="13.95" customHeight="1" x14ac:dyDescent="0.25">
      <c r="A7276" s="14" t="s">
        <v>17611</v>
      </c>
      <c r="B7276" s="109" t="s">
        <v>21519</v>
      </c>
      <c r="C7276" s="93" t="s">
        <v>6926</v>
      </c>
      <c r="D7276" s="93" t="s">
        <v>17612</v>
      </c>
      <c r="E7276" s="177">
        <v>1976</v>
      </c>
      <c r="F7276" s="177">
        <v>1039</v>
      </c>
      <c r="G7276" s="177" t="s">
        <v>1</v>
      </c>
      <c r="H7276" s="178">
        <v>0</v>
      </c>
      <c r="I7276" s="178">
        <v>0</v>
      </c>
      <c r="J7276" s="178">
        <v>0</v>
      </c>
      <c r="K7276" s="178">
        <v>0</v>
      </c>
      <c r="L7276" s="178">
        <v>1</v>
      </c>
      <c r="M7276" s="178">
        <v>0</v>
      </c>
      <c r="N7276" s="178">
        <v>0</v>
      </c>
      <c r="O7276" s="178">
        <v>0</v>
      </c>
      <c r="P7276" s="178">
        <v>1</v>
      </c>
      <c r="Q7276" s="178">
        <v>0</v>
      </c>
      <c r="R7276" s="178">
        <v>1</v>
      </c>
      <c r="S7276" s="178">
        <v>1</v>
      </c>
      <c r="T7276" s="178">
        <v>0</v>
      </c>
      <c r="U7276" s="179"/>
      <c r="V7276" s="179"/>
      <c r="W7276" s="179"/>
      <c r="X7276" s="179"/>
      <c r="Y7276" s="179"/>
      <c r="Z7276" s="179"/>
      <c r="AA7276" s="179"/>
      <c r="AB7276" s="179"/>
      <c r="AC7276" s="179"/>
      <c r="AD7276" s="179"/>
      <c r="AE7276" s="179"/>
      <c r="AF7276" s="179"/>
      <c r="AG7276" s="179"/>
      <c r="AH7276" s="179"/>
      <c r="AI7276" s="179"/>
      <c r="AJ7276" s="179"/>
      <c r="AK7276" s="179"/>
      <c r="AL7276" s="179"/>
      <c r="AM7276" s="179"/>
      <c r="AN7276" s="179"/>
      <c r="AO7276" s="179"/>
      <c r="AP7276" s="179"/>
      <c r="AQ7276" s="179"/>
      <c r="AR7276" s="179"/>
      <c r="AS7276" s="179"/>
      <c r="AT7276" s="179"/>
      <c r="AU7276" s="179"/>
      <c r="AV7276" s="179"/>
      <c r="AW7276" s="179"/>
      <c r="AX7276" s="180"/>
      <c r="AY7276" s="180"/>
      <c r="AZ7276" s="180"/>
      <c r="BA7276" s="180"/>
      <c r="BB7276" s="107">
        <v>45065</v>
      </c>
    </row>
    <row r="7277" spans="1:54" ht="13.95" customHeight="1" x14ac:dyDescent="0.25">
      <c r="A7277" s="14" t="s">
        <v>17613</v>
      </c>
      <c r="B7277" s="109" t="s">
        <v>21519</v>
      </c>
      <c r="C7277" s="93" t="s">
        <v>17614</v>
      </c>
      <c r="D7277" s="93" t="s">
        <v>17615</v>
      </c>
      <c r="E7277" s="177">
        <v>1972</v>
      </c>
      <c r="F7277" s="177">
        <v>1062</v>
      </c>
      <c r="G7277" s="177" t="s">
        <v>1</v>
      </c>
      <c r="H7277" s="178">
        <v>0</v>
      </c>
      <c r="I7277" s="178">
        <v>0</v>
      </c>
      <c r="J7277" s="178">
        <v>1</v>
      </c>
      <c r="K7277" s="178">
        <v>0</v>
      </c>
      <c r="L7277" s="178">
        <v>0</v>
      </c>
      <c r="M7277" s="178">
        <v>0</v>
      </c>
      <c r="N7277" s="178">
        <v>0</v>
      </c>
      <c r="O7277" s="178">
        <v>0</v>
      </c>
      <c r="P7277" s="178">
        <v>0</v>
      </c>
      <c r="Q7277" s="178">
        <v>0</v>
      </c>
      <c r="R7277" s="178">
        <v>0</v>
      </c>
      <c r="S7277" s="178">
        <v>0</v>
      </c>
      <c r="T7277" s="178">
        <v>0</v>
      </c>
      <c r="U7277" s="179"/>
      <c r="V7277" s="179"/>
      <c r="W7277" s="179"/>
      <c r="X7277" s="179"/>
      <c r="Y7277" s="179"/>
      <c r="Z7277" s="179"/>
      <c r="AA7277" s="179"/>
      <c r="AB7277" s="179"/>
      <c r="AC7277" s="179"/>
      <c r="AD7277" s="179"/>
      <c r="AE7277" s="179"/>
      <c r="AF7277" s="179"/>
      <c r="AG7277" s="179"/>
      <c r="AH7277" s="179"/>
      <c r="AI7277" s="179"/>
      <c r="AJ7277" s="179"/>
      <c r="AK7277" s="179"/>
      <c r="AL7277" s="179"/>
      <c r="AM7277" s="179"/>
      <c r="AN7277" s="179"/>
      <c r="AO7277" s="179"/>
      <c r="AP7277" s="179"/>
      <c r="AQ7277" s="179"/>
      <c r="AR7277" s="179"/>
      <c r="AS7277" s="179"/>
      <c r="AT7277" s="179"/>
      <c r="AU7277" s="179"/>
      <c r="AV7277" s="179"/>
      <c r="AW7277" s="179"/>
      <c r="AX7277" s="180"/>
      <c r="AY7277" s="180"/>
      <c r="AZ7277" s="180"/>
      <c r="BA7277" s="180"/>
      <c r="BB7277" s="107">
        <v>45065</v>
      </c>
    </row>
    <row r="7278" spans="1:54" ht="13.95" customHeight="1" x14ac:dyDescent="0.25">
      <c r="A7278" s="14" t="s">
        <v>17616</v>
      </c>
      <c r="B7278" s="109" t="s">
        <v>21519</v>
      </c>
      <c r="C7278" s="93" t="s">
        <v>13662</v>
      </c>
      <c r="D7278" s="93" t="s">
        <v>17617</v>
      </c>
      <c r="E7278" s="177">
        <v>1974</v>
      </c>
      <c r="F7278" s="177">
        <v>1113</v>
      </c>
      <c r="G7278" s="177" t="s">
        <v>1</v>
      </c>
      <c r="H7278" s="178">
        <v>0</v>
      </c>
      <c r="I7278" s="178">
        <v>0</v>
      </c>
      <c r="J7278" s="178">
        <v>1</v>
      </c>
      <c r="K7278" s="178">
        <v>0</v>
      </c>
      <c r="L7278" s="178">
        <v>1</v>
      </c>
      <c r="M7278" s="178">
        <v>1</v>
      </c>
      <c r="N7278" s="178">
        <v>2</v>
      </c>
      <c r="O7278" s="178">
        <v>0</v>
      </c>
      <c r="P7278" s="178">
        <v>1</v>
      </c>
      <c r="Q7278" s="178">
        <v>0</v>
      </c>
      <c r="R7278" s="178">
        <v>0</v>
      </c>
      <c r="S7278" s="178">
        <v>0</v>
      </c>
      <c r="T7278" s="178">
        <v>0</v>
      </c>
      <c r="U7278" s="179"/>
      <c r="V7278" s="179"/>
      <c r="W7278" s="179"/>
      <c r="X7278" s="179"/>
      <c r="Y7278" s="179"/>
      <c r="Z7278" s="179"/>
      <c r="AA7278" s="179"/>
      <c r="AB7278" s="179"/>
      <c r="AC7278" s="179"/>
      <c r="AD7278" s="179"/>
      <c r="AE7278" s="179"/>
      <c r="AF7278" s="179"/>
      <c r="AG7278" s="179"/>
      <c r="AH7278" s="179"/>
      <c r="AI7278" s="179"/>
      <c r="AJ7278" s="179"/>
      <c r="AK7278" s="179"/>
      <c r="AL7278" s="179"/>
      <c r="AM7278" s="179"/>
      <c r="AN7278" s="179"/>
      <c r="AO7278" s="179"/>
      <c r="AP7278" s="179"/>
      <c r="AQ7278" s="179"/>
      <c r="AR7278" s="179"/>
      <c r="AS7278" s="179"/>
      <c r="AT7278" s="179"/>
      <c r="AU7278" s="179"/>
      <c r="AV7278" s="179"/>
      <c r="AW7278" s="179"/>
      <c r="AX7278" s="180"/>
      <c r="AY7278" s="180"/>
      <c r="AZ7278" s="180"/>
      <c r="BA7278" s="180"/>
      <c r="BB7278" s="107">
        <v>45065</v>
      </c>
    </row>
    <row r="7279" spans="1:54" ht="13.95" customHeight="1" x14ac:dyDescent="0.25">
      <c r="A7279" s="14" t="s">
        <v>17618</v>
      </c>
      <c r="B7279" s="109" t="s">
        <v>21519</v>
      </c>
      <c r="C7279" s="93" t="s">
        <v>17619</v>
      </c>
      <c r="D7279" s="93" t="s">
        <v>17620</v>
      </c>
      <c r="E7279" s="177">
        <v>1974</v>
      </c>
      <c r="F7279" s="177">
        <v>1163</v>
      </c>
      <c r="G7279" s="177" t="s">
        <v>1</v>
      </c>
      <c r="H7279" s="178">
        <v>1</v>
      </c>
      <c r="I7279" s="178">
        <v>1</v>
      </c>
      <c r="J7279" s="178">
        <v>1</v>
      </c>
      <c r="K7279" s="178">
        <v>2</v>
      </c>
      <c r="L7279" s="178">
        <v>1</v>
      </c>
      <c r="M7279" s="178">
        <v>1</v>
      </c>
      <c r="N7279" s="178">
        <v>0</v>
      </c>
      <c r="O7279" s="178">
        <v>1</v>
      </c>
      <c r="P7279" s="178">
        <v>1</v>
      </c>
      <c r="Q7279" s="178">
        <v>0</v>
      </c>
      <c r="R7279" s="178">
        <v>0</v>
      </c>
      <c r="S7279" s="178">
        <v>1</v>
      </c>
      <c r="T7279" s="178">
        <v>0</v>
      </c>
      <c r="U7279" s="179"/>
      <c r="V7279" s="179"/>
      <c r="W7279" s="179"/>
      <c r="X7279" s="179"/>
      <c r="Y7279" s="179"/>
      <c r="Z7279" s="179"/>
      <c r="AA7279" s="179"/>
      <c r="AB7279" s="179"/>
      <c r="AC7279" s="179"/>
      <c r="AD7279" s="179"/>
      <c r="AE7279" s="179"/>
      <c r="AF7279" s="179"/>
      <c r="AG7279" s="179"/>
      <c r="AH7279" s="179"/>
      <c r="AI7279" s="179"/>
      <c r="AJ7279" s="179"/>
      <c r="AK7279" s="179"/>
      <c r="AL7279" s="179"/>
      <c r="AM7279" s="179"/>
      <c r="AN7279" s="179"/>
      <c r="AO7279" s="179"/>
      <c r="AP7279" s="179"/>
      <c r="AQ7279" s="179"/>
      <c r="AR7279" s="179"/>
      <c r="AS7279" s="179"/>
      <c r="AT7279" s="179"/>
      <c r="AU7279" s="179"/>
      <c r="AV7279" s="179"/>
      <c r="AW7279" s="179"/>
      <c r="AX7279" s="180"/>
      <c r="AY7279" s="180"/>
      <c r="AZ7279" s="180"/>
      <c r="BA7279" s="180"/>
      <c r="BB7279" s="107">
        <v>45065</v>
      </c>
    </row>
    <row r="7280" spans="1:54" ht="13.95" customHeight="1" x14ac:dyDescent="0.25">
      <c r="A7280" s="14" t="s">
        <v>17621</v>
      </c>
      <c r="B7280" s="109" t="s">
        <v>21519</v>
      </c>
      <c r="C7280" s="93" t="s">
        <v>17622</v>
      </c>
      <c r="D7280" s="93" t="s">
        <v>17623</v>
      </c>
      <c r="E7280" s="177">
        <v>1983</v>
      </c>
      <c r="F7280" s="177">
        <v>1206</v>
      </c>
      <c r="G7280" s="177" t="s">
        <v>1</v>
      </c>
      <c r="H7280" s="178">
        <v>0</v>
      </c>
      <c r="I7280" s="178">
        <v>0</v>
      </c>
      <c r="J7280" s="178">
        <v>1</v>
      </c>
      <c r="K7280" s="178">
        <v>0</v>
      </c>
      <c r="L7280" s="178">
        <v>1</v>
      </c>
      <c r="M7280" s="178">
        <v>0</v>
      </c>
      <c r="N7280" s="178">
        <v>0</v>
      </c>
      <c r="O7280" s="178">
        <v>1</v>
      </c>
      <c r="P7280" s="178">
        <v>1</v>
      </c>
      <c r="Q7280" s="178">
        <v>0</v>
      </c>
      <c r="R7280" s="178">
        <v>1</v>
      </c>
      <c r="S7280" s="178">
        <v>1</v>
      </c>
      <c r="T7280" s="178">
        <v>0</v>
      </c>
      <c r="U7280" s="179"/>
      <c r="V7280" s="179"/>
      <c r="W7280" s="179"/>
      <c r="X7280" s="179"/>
      <c r="Y7280" s="179"/>
      <c r="Z7280" s="179"/>
      <c r="AA7280" s="179"/>
      <c r="AB7280" s="179"/>
      <c r="AC7280" s="179"/>
      <c r="AD7280" s="179"/>
      <c r="AE7280" s="179"/>
      <c r="AF7280" s="179"/>
      <c r="AG7280" s="179"/>
      <c r="AH7280" s="179"/>
      <c r="AI7280" s="179"/>
      <c r="AJ7280" s="179"/>
      <c r="AK7280" s="179"/>
      <c r="AL7280" s="179"/>
      <c r="AM7280" s="179"/>
      <c r="AN7280" s="179"/>
      <c r="AO7280" s="179"/>
      <c r="AP7280" s="179"/>
      <c r="AQ7280" s="179"/>
      <c r="AR7280" s="179"/>
      <c r="AS7280" s="179"/>
      <c r="AT7280" s="179"/>
      <c r="AU7280" s="179"/>
      <c r="AV7280" s="179"/>
      <c r="AW7280" s="179"/>
      <c r="AX7280" s="180"/>
      <c r="AY7280" s="180"/>
      <c r="AZ7280" s="180"/>
      <c r="BA7280" s="180"/>
      <c r="BB7280" s="107">
        <v>45065</v>
      </c>
    </row>
    <row r="7281" spans="1:54" ht="13.95" customHeight="1" x14ac:dyDescent="0.25">
      <c r="A7281" s="14" t="s">
        <v>17624</v>
      </c>
      <c r="B7281" s="109" t="s">
        <v>21519</v>
      </c>
      <c r="C7281" s="93" t="s">
        <v>17119</v>
      </c>
      <c r="D7281" s="93" t="s">
        <v>17625</v>
      </c>
      <c r="E7281" s="177">
        <v>1966</v>
      </c>
      <c r="F7281" s="177">
        <v>1220</v>
      </c>
      <c r="G7281" s="177" t="s">
        <v>1</v>
      </c>
      <c r="H7281" s="178">
        <v>0</v>
      </c>
      <c r="I7281" s="178">
        <v>0</v>
      </c>
      <c r="J7281" s="178">
        <v>0</v>
      </c>
      <c r="K7281" s="178">
        <v>0</v>
      </c>
      <c r="L7281" s="178">
        <v>0</v>
      </c>
      <c r="M7281" s="178">
        <v>0</v>
      </c>
      <c r="N7281" s="178">
        <v>0</v>
      </c>
      <c r="O7281" s="178">
        <v>0</v>
      </c>
      <c r="P7281" s="178">
        <v>0</v>
      </c>
      <c r="Q7281" s="178">
        <v>0</v>
      </c>
      <c r="R7281" s="178">
        <v>0</v>
      </c>
      <c r="S7281" s="178">
        <v>0</v>
      </c>
      <c r="T7281" s="178">
        <v>0</v>
      </c>
      <c r="U7281" s="179"/>
      <c r="V7281" s="179"/>
      <c r="W7281" s="179"/>
      <c r="X7281" s="179"/>
      <c r="Y7281" s="179"/>
      <c r="Z7281" s="179"/>
      <c r="AA7281" s="179"/>
      <c r="AB7281" s="179"/>
      <c r="AC7281" s="179"/>
      <c r="AD7281" s="179"/>
      <c r="AE7281" s="179"/>
      <c r="AF7281" s="179"/>
      <c r="AG7281" s="179"/>
      <c r="AH7281" s="179"/>
      <c r="AI7281" s="179"/>
      <c r="AJ7281" s="179"/>
      <c r="AK7281" s="179"/>
      <c r="AL7281" s="179"/>
      <c r="AM7281" s="179"/>
      <c r="AN7281" s="179"/>
      <c r="AO7281" s="179"/>
      <c r="AP7281" s="179"/>
      <c r="AQ7281" s="179"/>
      <c r="AR7281" s="179"/>
      <c r="AS7281" s="179"/>
      <c r="AT7281" s="179"/>
      <c r="AU7281" s="179"/>
      <c r="AV7281" s="179"/>
      <c r="AW7281" s="179"/>
      <c r="AX7281" s="180"/>
      <c r="AY7281" s="180"/>
      <c r="AZ7281" s="180"/>
      <c r="BA7281" s="180"/>
      <c r="BB7281" s="107">
        <v>45065</v>
      </c>
    </row>
    <row r="7282" spans="1:54" ht="13.95" customHeight="1" x14ac:dyDescent="0.25">
      <c r="A7282" s="14" t="s">
        <v>17626</v>
      </c>
      <c r="B7282" s="109" t="s">
        <v>21519</v>
      </c>
      <c r="C7282" s="93" t="s">
        <v>13813</v>
      </c>
      <c r="D7282" s="93" t="s">
        <v>17627</v>
      </c>
      <c r="E7282" s="177">
        <v>1977</v>
      </c>
      <c r="F7282" s="177">
        <v>1326</v>
      </c>
      <c r="G7282" s="177" t="s">
        <v>1</v>
      </c>
      <c r="H7282" s="178">
        <v>0</v>
      </c>
      <c r="I7282" s="178">
        <v>0</v>
      </c>
      <c r="J7282" s="178">
        <v>1</v>
      </c>
      <c r="K7282" s="178">
        <v>0</v>
      </c>
      <c r="L7282" s="178">
        <v>1</v>
      </c>
      <c r="M7282" s="178">
        <v>0</v>
      </c>
      <c r="N7282" s="178">
        <v>0</v>
      </c>
      <c r="O7282" s="178">
        <v>0</v>
      </c>
      <c r="P7282" s="178">
        <v>1</v>
      </c>
      <c r="Q7282" s="178">
        <v>0</v>
      </c>
      <c r="R7282" s="178">
        <v>0</v>
      </c>
      <c r="S7282" s="178">
        <v>0</v>
      </c>
      <c r="T7282" s="178">
        <v>0</v>
      </c>
      <c r="U7282" s="179"/>
      <c r="V7282" s="179"/>
      <c r="W7282" s="179"/>
      <c r="X7282" s="179"/>
      <c r="Y7282" s="179"/>
      <c r="Z7282" s="179"/>
      <c r="AA7282" s="179"/>
      <c r="AB7282" s="179"/>
      <c r="AC7282" s="179"/>
      <c r="AD7282" s="179"/>
      <c r="AE7282" s="179"/>
      <c r="AF7282" s="179"/>
      <c r="AG7282" s="179"/>
      <c r="AH7282" s="179"/>
      <c r="AI7282" s="179"/>
      <c r="AJ7282" s="179"/>
      <c r="AK7282" s="179"/>
      <c r="AL7282" s="179"/>
      <c r="AM7282" s="179"/>
      <c r="AN7282" s="179"/>
      <c r="AO7282" s="179"/>
      <c r="AP7282" s="179"/>
      <c r="AQ7282" s="179"/>
      <c r="AR7282" s="179"/>
      <c r="AS7282" s="179"/>
      <c r="AT7282" s="179"/>
      <c r="AU7282" s="179"/>
      <c r="AV7282" s="179"/>
      <c r="AW7282" s="179"/>
      <c r="AX7282" s="180"/>
      <c r="AY7282" s="180"/>
      <c r="AZ7282" s="180"/>
      <c r="BA7282" s="180"/>
      <c r="BB7282" s="107">
        <v>45065</v>
      </c>
    </row>
    <row r="7283" spans="1:54" ht="13.95" customHeight="1" x14ac:dyDescent="0.25">
      <c r="A7283" s="14" t="s">
        <v>17628</v>
      </c>
      <c r="B7283" s="109" t="s">
        <v>21519</v>
      </c>
      <c r="C7283" s="93" t="s">
        <v>17629</v>
      </c>
      <c r="D7283" s="93" t="s">
        <v>17630</v>
      </c>
      <c r="E7283" s="177">
        <v>1972</v>
      </c>
      <c r="F7283" s="177">
        <v>1410</v>
      </c>
      <c r="G7283" s="177" t="s">
        <v>1</v>
      </c>
      <c r="H7283" s="178">
        <v>0</v>
      </c>
      <c r="I7283" s="178">
        <v>0</v>
      </c>
      <c r="J7283" s="178">
        <v>1</v>
      </c>
      <c r="K7283" s="178">
        <v>0</v>
      </c>
      <c r="L7283" s="178">
        <v>1</v>
      </c>
      <c r="M7283" s="178">
        <v>0</v>
      </c>
      <c r="N7283" s="178">
        <v>0</v>
      </c>
      <c r="O7283" s="178">
        <v>1</v>
      </c>
      <c r="P7283" s="178">
        <v>1</v>
      </c>
      <c r="Q7283" s="178">
        <v>0</v>
      </c>
      <c r="R7283" s="178">
        <v>0</v>
      </c>
      <c r="S7283" s="178">
        <v>0</v>
      </c>
      <c r="T7283" s="178">
        <v>0</v>
      </c>
      <c r="U7283" s="179"/>
      <c r="V7283" s="179"/>
      <c r="W7283" s="179"/>
      <c r="X7283" s="179"/>
      <c r="Y7283" s="179"/>
      <c r="Z7283" s="179"/>
      <c r="AA7283" s="179"/>
      <c r="AB7283" s="179"/>
      <c r="AC7283" s="179"/>
      <c r="AD7283" s="179"/>
      <c r="AE7283" s="179"/>
      <c r="AF7283" s="179"/>
      <c r="AG7283" s="179"/>
      <c r="AH7283" s="179"/>
      <c r="AI7283" s="179"/>
      <c r="AJ7283" s="179"/>
      <c r="AK7283" s="179"/>
      <c r="AL7283" s="179"/>
      <c r="AM7283" s="179"/>
      <c r="AN7283" s="179"/>
      <c r="AO7283" s="179"/>
      <c r="AP7283" s="179"/>
      <c r="AQ7283" s="179"/>
      <c r="AR7283" s="179"/>
      <c r="AS7283" s="179"/>
      <c r="AT7283" s="179"/>
      <c r="AU7283" s="179"/>
      <c r="AV7283" s="179"/>
      <c r="AW7283" s="179"/>
      <c r="AX7283" s="180"/>
      <c r="AY7283" s="180"/>
      <c r="AZ7283" s="180"/>
      <c r="BA7283" s="180"/>
      <c r="BB7283" s="107">
        <v>45065</v>
      </c>
    </row>
    <row r="7284" spans="1:54" ht="13.95" customHeight="1" x14ac:dyDescent="0.25">
      <c r="A7284" s="14" t="s">
        <v>17631</v>
      </c>
      <c r="B7284" s="109" t="s">
        <v>21519</v>
      </c>
      <c r="C7284" s="93" t="s">
        <v>17632</v>
      </c>
      <c r="D7284" s="93" t="s">
        <v>17633</v>
      </c>
      <c r="E7284" s="177">
        <v>1985</v>
      </c>
      <c r="F7284" s="177">
        <v>1447</v>
      </c>
      <c r="G7284" s="177" t="s">
        <v>1</v>
      </c>
      <c r="H7284" s="178">
        <v>0</v>
      </c>
      <c r="I7284" s="178">
        <v>0</v>
      </c>
      <c r="J7284" s="178">
        <v>1</v>
      </c>
      <c r="K7284" s="178">
        <v>0</v>
      </c>
      <c r="L7284" s="178">
        <v>0</v>
      </c>
      <c r="M7284" s="178">
        <v>0</v>
      </c>
      <c r="N7284" s="178">
        <v>0</v>
      </c>
      <c r="O7284" s="178">
        <v>0</v>
      </c>
      <c r="P7284" s="178">
        <v>0</v>
      </c>
      <c r="Q7284" s="178">
        <v>1</v>
      </c>
      <c r="R7284" s="178">
        <v>1</v>
      </c>
      <c r="S7284" s="178">
        <v>0</v>
      </c>
      <c r="T7284" s="178">
        <v>0</v>
      </c>
      <c r="U7284" s="179"/>
      <c r="V7284" s="179"/>
      <c r="W7284" s="179"/>
      <c r="X7284" s="179"/>
      <c r="Y7284" s="179"/>
      <c r="Z7284" s="179"/>
      <c r="AA7284" s="179"/>
      <c r="AB7284" s="179"/>
      <c r="AC7284" s="179"/>
      <c r="AD7284" s="179"/>
      <c r="AE7284" s="179"/>
      <c r="AF7284" s="179"/>
      <c r="AG7284" s="179"/>
      <c r="AH7284" s="179"/>
      <c r="AI7284" s="179"/>
      <c r="AJ7284" s="179"/>
      <c r="AK7284" s="179"/>
      <c r="AL7284" s="179"/>
      <c r="AM7284" s="179"/>
      <c r="AN7284" s="179"/>
      <c r="AO7284" s="179"/>
      <c r="AP7284" s="179"/>
      <c r="AQ7284" s="179"/>
      <c r="AR7284" s="179"/>
      <c r="AS7284" s="179"/>
      <c r="AT7284" s="179"/>
      <c r="AU7284" s="179"/>
      <c r="AV7284" s="179"/>
      <c r="AW7284" s="179"/>
      <c r="AX7284" s="180"/>
      <c r="AY7284" s="180"/>
      <c r="AZ7284" s="180"/>
      <c r="BA7284" s="180"/>
      <c r="BB7284" s="107">
        <v>45065</v>
      </c>
    </row>
    <row r="7285" spans="1:54" ht="13.95" customHeight="1" x14ac:dyDescent="0.25">
      <c r="A7285" s="14" t="s">
        <v>17634</v>
      </c>
      <c r="B7285" s="109" t="s">
        <v>21519</v>
      </c>
      <c r="C7285" s="93" t="s">
        <v>17635</v>
      </c>
      <c r="D7285" s="93" t="s">
        <v>17636</v>
      </c>
      <c r="E7285" s="177">
        <v>2000</v>
      </c>
      <c r="F7285" s="177">
        <v>1526</v>
      </c>
      <c r="G7285" s="177" t="s">
        <v>1</v>
      </c>
      <c r="H7285" s="178">
        <v>0</v>
      </c>
      <c r="I7285" s="178">
        <v>0</v>
      </c>
      <c r="J7285" s="178">
        <v>0</v>
      </c>
      <c r="K7285" s="178">
        <v>0</v>
      </c>
      <c r="L7285" s="178">
        <v>1</v>
      </c>
      <c r="M7285" s="178">
        <v>0</v>
      </c>
      <c r="N7285" s="178">
        <v>0</v>
      </c>
      <c r="O7285" s="178">
        <v>1</v>
      </c>
      <c r="P7285" s="178">
        <v>1</v>
      </c>
      <c r="Q7285" s="178">
        <v>0</v>
      </c>
      <c r="R7285" s="178">
        <v>1</v>
      </c>
      <c r="S7285" s="178">
        <v>0</v>
      </c>
      <c r="T7285" s="178">
        <v>0</v>
      </c>
      <c r="U7285" s="179"/>
      <c r="V7285" s="179"/>
      <c r="W7285" s="179"/>
      <c r="X7285" s="179"/>
      <c r="Y7285" s="179"/>
      <c r="Z7285" s="179"/>
      <c r="AA7285" s="179"/>
      <c r="AB7285" s="179"/>
      <c r="AC7285" s="179"/>
      <c r="AD7285" s="179"/>
      <c r="AE7285" s="179"/>
      <c r="AF7285" s="179"/>
      <c r="AG7285" s="179"/>
      <c r="AH7285" s="179"/>
      <c r="AI7285" s="179"/>
      <c r="AJ7285" s="179"/>
      <c r="AK7285" s="179"/>
      <c r="AL7285" s="179"/>
      <c r="AM7285" s="179"/>
      <c r="AN7285" s="179"/>
      <c r="AO7285" s="179"/>
      <c r="AP7285" s="179"/>
      <c r="AQ7285" s="179"/>
      <c r="AR7285" s="179"/>
      <c r="AS7285" s="179"/>
      <c r="AT7285" s="179"/>
      <c r="AU7285" s="179"/>
      <c r="AV7285" s="179"/>
      <c r="AW7285" s="179"/>
      <c r="AX7285" s="180"/>
      <c r="AY7285" s="180"/>
      <c r="AZ7285" s="180"/>
      <c r="BA7285" s="180"/>
      <c r="BB7285" s="107">
        <v>45065</v>
      </c>
    </row>
    <row r="7286" spans="1:54" ht="13.95" customHeight="1" x14ac:dyDescent="0.25">
      <c r="A7286" s="14" t="s">
        <v>17637</v>
      </c>
      <c r="B7286" s="109" t="s">
        <v>21519</v>
      </c>
      <c r="C7286" s="93" t="s">
        <v>17638</v>
      </c>
      <c r="D7286" s="93" t="s">
        <v>17639</v>
      </c>
      <c r="E7286" s="177">
        <v>1975</v>
      </c>
      <c r="F7286" s="177">
        <v>1603</v>
      </c>
      <c r="G7286" s="177" t="s">
        <v>1</v>
      </c>
      <c r="H7286" s="178">
        <v>0</v>
      </c>
      <c r="I7286" s="178">
        <v>0</v>
      </c>
      <c r="J7286" s="178">
        <v>1</v>
      </c>
      <c r="K7286" s="178">
        <v>0</v>
      </c>
      <c r="L7286" s="178">
        <v>0</v>
      </c>
      <c r="M7286" s="178">
        <v>0</v>
      </c>
      <c r="N7286" s="178">
        <v>0</v>
      </c>
      <c r="O7286" s="178">
        <v>1</v>
      </c>
      <c r="P7286" s="178">
        <v>1</v>
      </c>
      <c r="Q7286" s="178">
        <v>1</v>
      </c>
      <c r="R7286" s="178">
        <v>1</v>
      </c>
      <c r="S7286" s="178">
        <v>1</v>
      </c>
      <c r="T7286" s="178">
        <v>0</v>
      </c>
      <c r="U7286" s="179"/>
      <c r="V7286" s="179"/>
      <c r="W7286" s="179"/>
      <c r="X7286" s="179"/>
      <c r="Y7286" s="179"/>
      <c r="Z7286" s="179"/>
      <c r="AA7286" s="179"/>
      <c r="AB7286" s="179"/>
      <c r="AC7286" s="179"/>
      <c r="AD7286" s="179"/>
      <c r="AE7286" s="179"/>
      <c r="AF7286" s="179"/>
      <c r="AG7286" s="179"/>
      <c r="AH7286" s="179"/>
      <c r="AI7286" s="179"/>
      <c r="AJ7286" s="179"/>
      <c r="AK7286" s="179"/>
      <c r="AL7286" s="179"/>
      <c r="AM7286" s="179"/>
      <c r="AN7286" s="179"/>
      <c r="AO7286" s="179"/>
      <c r="AP7286" s="179"/>
      <c r="AQ7286" s="179"/>
      <c r="AR7286" s="179"/>
      <c r="AS7286" s="179"/>
      <c r="AT7286" s="179"/>
      <c r="AU7286" s="179"/>
      <c r="AV7286" s="179"/>
      <c r="AW7286" s="179"/>
      <c r="AX7286" s="180"/>
      <c r="AY7286" s="180"/>
      <c r="AZ7286" s="180"/>
      <c r="BA7286" s="180"/>
      <c r="BB7286" s="107">
        <v>45065</v>
      </c>
    </row>
    <row r="7287" spans="1:54" ht="13.95" customHeight="1" x14ac:dyDescent="0.25">
      <c r="A7287" s="14" t="s">
        <v>17640</v>
      </c>
      <c r="B7287" s="109" t="s">
        <v>21519</v>
      </c>
      <c r="C7287" s="93" t="s">
        <v>17641</v>
      </c>
      <c r="D7287" s="93" t="s">
        <v>17642</v>
      </c>
      <c r="E7287" s="177">
        <v>1974</v>
      </c>
      <c r="F7287" s="177">
        <v>1635</v>
      </c>
      <c r="G7287" s="177" t="s">
        <v>1</v>
      </c>
      <c r="H7287" s="178">
        <v>0</v>
      </c>
      <c r="I7287" s="178">
        <v>0</v>
      </c>
      <c r="J7287" s="178">
        <v>1</v>
      </c>
      <c r="K7287" s="178">
        <v>1</v>
      </c>
      <c r="L7287" s="178">
        <v>1</v>
      </c>
      <c r="M7287" s="178">
        <v>0</v>
      </c>
      <c r="N7287" s="178">
        <v>0</v>
      </c>
      <c r="O7287" s="178">
        <v>1</v>
      </c>
      <c r="P7287" s="178">
        <v>1</v>
      </c>
      <c r="Q7287" s="178">
        <v>1</v>
      </c>
      <c r="R7287" s="178">
        <v>1</v>
      </c>
      <c r="S7287" s="178">
        <v>0</v>
      </c>
      <c r="T7287" s="178">
        <v>0</v>
      </c>
      <c r="U7287" s="179"/>
      <c r="V7287" s="179"/>
      <c r="W7287" s="179"/>
      <c r="X7287" s="179"/>
      <c r="Y7287" s="179"/>
      <c r="Z7287" s="179"/>
      <c r="AA7287" s="179"/>
      <c r="AB7287" s="179"/>
      <c r="AC7287" s="179"/>
      <c r="AD7287" s="179"/>
      <c r="AE7287" s="179"/>
      <c r="AF7287" s="179"/>
      <c r="AG7287" s="179"/>
      <c r="AH7287" s="179"/>
      <c r="AI7287" s="179"/>
      <c r="AJ7287" s="179"/>
      <c r="AK7287" s="179"/>
      <c r="AL7287" s="179"/>
      <c r="AM7287" s="179"/>
      <c r="AN7287" s="179"/>
      <c r="AO7287" s="179"/>
      <c r="AP7287" s="179"/>
      <c r="AQ7287" s="179"/>
      <c r="AR7287" s="179"/>
      <c r="AS7287" s="179"/>
      <c r="AT7287" s="179"/>
      <c r="AU7287" s="179"/>
      <c r="AV7287" s="179"/>
      <c r="AW7287" s="179"/>
      <c r="AX7287" s="180"/>
      <c r="AY7287" s="180"/>
      <c r="AZ7287" s="180"/>
      <c r="BA7287" s="180"/>
      <c r="BB7287" s="107">
        <v>45065</v>
      </c>
    </row>
    <row r="7288" spans="1:54" ht="13.95" customHeight="1" x14ac:dyDescent="0.25">
      <c r="A7288" s="14" t="s">
        <v>17643</v>
      </c>
      <c r="B7288" s="109" t="s">
        <v>21519</v>
      </c>
      <c r="C7288" s="93" t="s">
        <v>17644</v>
      </c>
      <c r="D7288" s="93" t="s">
        <v>17645</v>
      </c>
      <c r="E7288" s="177">
        <v>1986</v>
      </c>
      <c r="F7288" s="177">
        <v>1658</v>
      </c>
      <c r="G7288" s="177" t="s">
        <v>1</v>
      </c>
      <c r="H7288" s="178">
        <v>0</v>
      </c>
      <c r="I7288" s="178">
        <v>0</v>
      </c>
      <c r="J7288" s="178">
        <v>1</v>
      </c>
      <c r="K7288" s="178">
        <v>0</v>
      </c>
      <c r="L7288" s="178">
        <v>1</v>
      </c>
      <c r="M7288" s="178">
        <v>1</v>
      </c>
      <c r="N7288" s="178">
        <v>0</v>
      </c>
      <c r="O7288" s="178">
        <v>0</v>
      </c>
      <c r="P7288" s="178">
        <v>1</v>
      </c>
      <c r="Q7288" s="178">
        <v>0</v>
      </c>
      <c r="R7288" s="178">
        <v>0</v>
      </c>
      <c r="S7288" s="178">
        <v>0</v>
      </c>
      <c r="T7288" s="178">
        <v>0</v>
      </c>
      <c r="U7288" s="179"/>
      <c r="V7288" s="179"/>
      <c r="W7288" s="179"/>
      <c r="X7288" s="179"/>
      <c r="Y7288" s="179"/>
      <c r="Z7288" s="179"/>
      <c r="AA7288" s="179"/>
      <c r="AB7288" s="179"/>
      <c r="AC7288" s="179"/>
      <c r="AD7288" s="179"/>
      <c r="AE7288" s="179"/>
      <c r="AF7288" s="179"/>
      <c r="AG7288" s="179"/>
      <c r="AH7288" s="179"/>
      <c r="AI7288" s="179"/>
      <c r="AJ7288" s="179"/>
      <c r="AK7288" s="179"/>
      <c r="AL7288" s="179"/>
      <c r="AM7288" s="179"/>
      <c r="AN7288" s="179"/>
      <c r="AO7288" s="179"/>
      <c r="AP7288" s="179"/>
      <c r="AQ7288" s="179"/>
      <c r="AR7288" s="179"/>
      <c r="AS7288" s="179"/>
      <c r="AT7288" s="179"/>
      <c r="AU7288" s="179"/>
      <c r="AV7288" s="179"/>
      <c r="AW7288" s="179"/>
      <c r="AX7288" s="180"/>
      <c r="AY7288" s="180"/>
      <c r="AZ7288" s="180"/>
      <c r="BA7288" s="180"/>
      <c r="BB7288" s="107">
        <v>45065</v>
      </c>
    </row>
    <row r="7289" spans="1:54" ht="13.95" customHeight="1" x14ac:dyDescent="0.25">
      <c r="A7289" s="14" t="s">
        <v>17646</v>
      </c>
      <c r="B7289" s="109" t="s">
        <v>21519</v>
      </c>
      <c r="C7289" s="93" t="s">
        <v>9326</v>
      </c>
      <c r="D7289" s="93" t="s">
        <v>17647</v>
      </c>
      <c r="E7289" s="177">
        <v>1974</v>
      </c>
      <c r="F7289" s="177">
        <v>1685</v>
      </c>
      <c r="G7289" s="177" t="s">
        <v>1</v>
      </c>
      <c r="H7289" s="178">
        <v>0</v>
      </c>
      <c r="I7289" s="178">
        <v>0</v>
      </c>
      <c r="J7289" s="178">
        <v>1</v>
      </c>
      <c r="K7289" s="178">
        <v>0</v>
      </c>
      <c r="L7289" s="178">
        <v>1</v>
      </c>
      <c r="M7289" s="178">
        <v>0</v>
      </c>
      <c r="N7289" s="178">
        <v>0</v>
      </c>
      <c r="O7289" s="178">
        <v>1</v>
      </c>
      <c r="P7289" s="178">
        <v>1</v>
      </c>
      <c r="Q7289" s="178">
        <v>0</v>
      </c>
      <c r="R7289" s="178">
        <v>1</v>
      </c>
      <c r="S7289" s="178">
        <v>0</v>
      </c>
      <c r="T7289" s="178">
        <v>0</v>
      </c>
      <c r="U7289" s="179"/>
      <c r="V7289" s="179"/>
      <c r="W7289" s="179"/>
      <c r="X7289" s="179"/>
      <c r="Y7289" s="179"/>
      <c r="Z7289" s="179"/>
      <c r="AA7289" s="179"/>
      <c r="AB7289" s="179"/>
      <c r="AC7289" s="179"/>
      <c r="AD7289" s="179"/>
      <c r="AE7289" s="179"/>
      <c r="AF7289" s="179"/>
      <c r="AG7289" s="179"/>
      <c r="AH7289" s="179"/>
      <c r="AI7289" s="179"/>
      <c r="AJ7289" s="179"/>
      <c r="AK7289" s="179"/>
      <c r="AL7289" s="179"/>
      <c r="AM7289" s="179"/>
      <c r="AN7289" s="179"/>
      <c r="AO7289" s="179"/>
      <c r="AP7289" s="179"/>
      <c r="AQ7289" s="179"/>
      <c r="AR7289" s="179"/>
      <c r="AS7289" s="179"/>
      <c r="AT7289" s="179"/>
      <c r="AU7289" s="179"/>
      <c r="AV7289" s="179"/>
      <c r="AW7289" s="179"/>
      <c r="AX7289" s="180"/>
      <c r="AY7289" s="180"/>
      <c r="AZ7289" s="180"/>
      <c r="BA7289" s="180"/>
      <c r="BB7289" s="107">
        <v>45065</v>
      </c>
    </row>
    <row r="7290" spans="1:54" ht="13.95" customHeight="1" x14ac:dyDescent="0.25">
      <c r="A7290" s="14" t="s">
        <v>17648</v>
      </c>
      <c r="B7290" s="109" t="s">
        <v>21519</v>
      </c>
      <c r="C7290" s="93" t="s">
        <v>17649</v>
      </c>
      <c r="D7290" s="93" t="s">
        <v>17650</v>
      </c>
      <c r="E7290" s="177">
        <v>1993</v>
      </c>
      <c r="F7290" s="177">
        <v>1733</v>
      </c>
      <c r="G7290" s="177" t="s">
        <v>1</v>
      </c>
      <c r="H7290" s="178">
        <v>0</v>
      </c>
      <c r="I7290" s="178">
        <v>0</v>
      </c>
      <c r="J7290" s="178">
        <v>1</v>
      </c>
      <c r="K7290" s="178">
        <v>0</v>
      </c>
      <c r="L7290" s="178">
        <v>1</v>
      </c>
      <c r="M7290" s="178">
        <v>1</v>
      </c>
      <c r="N7290" s="178">
        <v>0</v>
      </c>
      <c r="O7290" s="178">
        <v>0</v>
      </c>
      <c r="P7290" s="178">
        <v>1</v>
      </c>
      <c r="Q7290" s="178">
        <v>0</v>
      </c>
      <c r="R7290" s="178">
        <v>0</v>
      </c>
      <c r="S7290" s="178">
        <v>0</v>
      </c>
      <c r="T7290" s="178">
        <v>0</v>
      </c>
      <c r="U7290" s="179"/>
      <c r="V7290" s="179"/>
      <c r="W7290" s="179"/>
      <c r="X7290" s="179"/>
      <c r="Y7290" s="179"/>
      <c r="Z7290" s="179"/>
      <c r="AA7290" s="179"/>
      <c r="AB7290" s="179"/>
      <c r="AC7290" s="179"/>
      <c r="AD7290" s="179"/>
      <c r="AE7290" s="179"/>
      <c r="AF7290" s="179"/>
      <c r="AG7290" s="179"/>
      <c r="AH7290" s="179"/>
      <c r="AI7290" s="179"/>
      <c r="AJ7290" s="179"/>
      <c r="AK7290" s="179"/>
      <c r="AL7290" s="179"/>
      <c r="AM7290" s="179"/>
      <c r="AN7290" s="179"/>
      <c r="AO7290" s="179"/>
      <c r="AP7290" s="179"/>
      <c r="AQ7290" s="179"/>
      <c r="AR7290" s="179"/>
      <c r="AS7290" s="179"/>
      <c r="AT7290" s="179"/>
      <c r="AU7290" s="179"/>
      <c r="AV7290" s="179"/>
      <c r="AW7290" s="179"/>
      <c r="AX7290" s="180"/>
      <c r="AY7290" s="180"/>
      <c r="AZ7290" s="180"/>
      <c r="BA7290" s="180"/>
      <c r="BB7290" s="107">
        <v>45065</v>
      </c>
    </row>
    <row r="7291" spans="1:54" ht="13.95" customHeight="1" x14ac:dyDescent="0.25">
      <c r="A7291" s="14" t="s">
        <v>17651</v>
      </c>
      <c r="B7291" s="109" t="s">
        <v>21519</v>
      </c>
      <c r="C7291" s="93" t="s">
        <v>17652</v>
      </c>
      <c r="D7291" s="93" t="s">
        <v>17653</v>
      </c>
      <c r="E7291" s="177">
        <v>1993</v>
      </c>
      <c r="F7291" s="177">
        <v>1850</v>
      </c>
      <c r="G7291" s="177" t="s">
        <v>1</v>
      </c>
      <c r="H7291" s="178">
        <v>1</v>
      </c>
      <c r="I7291" s="178">
        <v>0</v>
      </c>
      <c r="J7291" s="178">
        <v>1</v>
      </c>
      <c r="K7291" s="178">
        <v>0</v>
      </c>
      <c r="L7291" s="178">
        <v>1</v>
      </c>
      <c r="M7291" s="178">
        <v>0</v>
      </c>
      <c r="N7291" s="178">
        <v>0</v>
      </c>
      <c r="O7291" s="178">
        <v>0</v>
      </c>
      <c r="P7291" s="178">
        <v>1</v>
      </c>
      <c r="Q7291" s="178">
        <v>0</v>
      </c>
      <c r="R7291" s="178">
        <v>1</v>
      </c>
      <c r="S7291" s="178">
        <v>0</v>
      </c>
      <c r="T7291" s="178">
        <v>0</v>
      </c>
      <c r="U7291" s="179"/>
      <c r="V7291" s="179"/>
      <c r="W7291" s="179"/>
      <c r="X7291" s="179"/>
      <c r="Y7291" s="179"/>
      <c r="Z7291" s="179"/>
      <c r="AA7291" s="179"/>
      <c r="AB7291" s="179"/>
      <c r="AC7291" s="179"/>
      <c r="AD7291" s="179"/>
      <c r="AE7291" s="179"/>
      <c r="AF7291" s="179"/>
      <c r="AG7291" s="179"/>
      <c r="AH7291" s="179"/>
      <c r="AI7291" s="179"/>
      <c r="AJ7291" s="179"/>
      <c r="AK7291" s="179"/>
      <c r="AL7291" s="179"/>
      <c r="AM7291" s="179"/>
      <c r="AN7291" s="179"/>
      <c r="AO7291" s="179"/>
      <c r="AP7291" s="179"/>
      <c r="AQ7291" s="179"/>
      <c r="AR7291" s="179"/>
      <c r="AS7291" s="179"/>
      <c r="AT7291" s="179"/>
      <c r="AU7291" s="179"/>
      <c r="AV7291" s="179"/>
      <c r="AW7291" s="179"/>
      <c r="AX7291" s="180"/>
      <c r="AY7291" s="180"/>
      <c r="AZ7291" s="180"/>
      <c r="BA7291" s="180"/>
      <c r="BB7291" s="107">
        <v>45065</v>
      </c>
    </row>
    <row r="7292" spans="1:54" ht="13.95" customHeight="1" x14ac:dyDescent="0.25">
      <c r="A7292" s="14" t="s">
        <v>17654</v>
      </c>
      <c r="B7292" s="109" t="s">
        <v>21519</v>
      </c>
      <c r="C7292" s="93" t="s">
        <v>7400</v>
      </c>
      <c r="D7292" s="93" t="s">
        <v>17655</v>
      </c>
      <c r="E7292" s="177">
        <v>1992</v>
      </c>
      <c r="F7292" s="177">
        <v>2060</v>
      </c>
      <c r="G7292" s="177" t="s">
        <v>1</v>
      </c>
      <c r="H7292" s="178">
        <v>0</v>
      </c>
      <c r="I7292" s="178">
        <v>0</v>
      </c>
      <c r="J7292" s="178">
        <v>1</v>
      </c>
      <c r="K7292" s="178">
        <v>0</v>
      </c>
      <c r="L7292" s="178">
        <v>1</v>
      </c>
      <c r="M7292" s="178">
        <v>0</v>
      </c>
      <c r="N7292" s="178">
        <v>0</v>
      </c>
      <c r="O7292" s="178">
        <v>0</v>
      </c>
      <c r="P7292" s="178">
        <v>1</v>
      </c>
      <c r="Q7292" s="178">
        <v>0</v>
      </c>
      <c r="R7292" s="178">
        <v>0</v>
      </c>
      <c r="S7292" s="178">
        <v>0</v>
      </c>
      <c r="T7292" s="178">
        <v>0</v>
      </c>
      <c r="U7292" s="179"/>
      <c r="V7292" s="179"/>
      <c r="W7292" s="179"/>
      <c r="X7292" s="179"/>
      <c r="Y7292" s="179"/>
      <c r="Z7292" s="179"/>
      <c r="AA7292" s="179"/>
      <c r="AB7292" s="179"/>
      <c r="AC7292" s="179"/>
      <c r="AD7292" s="179"/>
      <c r="AE7292" s="179"/>
      <c r="AF7292" s="179"/>
      <c r="AG7292" s="179"/>
      <c r="AH7292" s="179"/>
      <c r="AI7292" s="179"/>
      <c r="AJ7292" s="179"/>
      <c r="AK7292" s="179"/>
      <c r="AL7292" s="179"/>
      <c r="AM7292" s="179"/>
      <c r="AN7292" s="179"/>
      <c r="AO7292" s="179"/>
      <c r="AP7292" s="179"/>
      <c r="AQ7292" s="179"/>
      <c r="AR7292" s="179"/>
      <c r="AS7292" s="179"/>
      <c r="AT7292" s="179"/>
      <c r="AU7292" s="179"/>
      <c r="AV7292" s="179"/>
      <c r="AW7292" s="179"/>
      <c r="AX7292" s="180"/>
      <c r="AY7292" s="180"/>
      <c r="AZ7292" s="180"/>
      <c r="BA7292" s="180"/>
      <c r="BB7292" s="107">
        <v>45065</v>
      </c>
    </row>
    <row r="7293" spans="1:54" ht="13.95" customHeight="1" x14ac:dyDescent="0.25">
      <c r="A7293" s="14" t="s">
        <v>17656</v>
      </c>
      <c r="B7293" s="109" t="s">
        <v>21519</v>
      </c>
      <c r="C7293" s="93" t="s">
        <v>3981</v>
      </c>
      <c r="D7293" s="93" t="s">
        <v>17657</v>
      </c>
      <c r="E7293" s="177">
        <v>1972</v>
      </c>
      <c r="F7293" s="177">
        <v>2280</v>
      </c>
      <c r="G7293" s="177" t="s">
        <v>1</v>
      </c>
      <c r="H7293" s="178">
        <v>0</v>
      </c>
      <c r="I7293" s="178">
        <v>0</v>
      </c>
      <c r="J7293" s="178">
        <v>1</v>
      </c>
      <c r="K7293" s="178">
        <v>0</v>
      </c>
      <c r="L7293" s="178">
        <v>0</v>
      </c>
      <c r="M7293" s="178">
        <v>0</v>
      </c>
      <c r="N7293" s="178">
        <v>0</v>
      </c>
      <c r="O7293" s="178">
        <v>0</v>
      </c>
      <c r="P7293" s="178">
        <v>1</v>
      </c>
      <c r="Q7293" s="178">
        <v>0</v>
      </c>
      <c r="R7293" s="178">
        <v>1</v>
      </c>
      <c r="S7293" s="178">
        <v>0</v>
      </c>
      <c r="T7293" s="178">
        <v>0</v>
      </c>
      <c r="U7293" s="179"/>
      <c r="V7293" s="179"/>
      <c r="W7293" s="179"/>
      <c r="X7293" s="179"/>
      <c r="Y7293" s="179"/>
      <c r="Z7293" s="179"/>
      <c r="AA7293" s="179"/>
      <c r="AB7293" s="179"/>
      <c r="AC7293" s="179"/>
      <c r="AD7293" s="179"/>
      <c r="AE7293" s="179"/>
      <c r="AF7293" s="179"/>
      <c r="AG7293" s="179"/>
      <c r="AH7293" s="179"/>
      <c r="AI7293" s="179"/>
      <c r="AJ7293" s="179"/>
      <c r="AK7293" s="179"/>
      <c r="AL7293" s="179"/>
      <c r="AM7293" s="179"/>
      <c r="AN7293" s="179"/>
      <c r="AO7293" s="179"/>
      <c r="AP7293" s="179"/>
      <c r="AQ7293" s="179"/>
      <c r="AR7293" s="179"/>
      <c r="AS7293" s="179"/>
      <c r="AT7293" s="179"/>
      <c r="AU7293" s="179"/>
      <c r="AV7293" s="179"/>
      <c r="AW7293" s="179"/>
      <c r="AX7293" s="180"/>
      <c r="AY7293" s="180"/>
      <c r="AZ7293" s="180"/>
      <c r="BA7293" s="180"/>
      <c r="BB7293" s="107">
        <v>45065</v>
      </c>
    </row>
    <row r="7294" spans="1:54" ht="13.95" customHeight="1" x14ac:dyDescent="0.25">
      <c r="A7294" s="14" t="s">
        <v>17658</v>
      </c>
      <c r="B7294" s="109" t="s">
        <v>21519</v>
      </c>
      <c r="C7294" s="93" t="s">
        <v>17659</v>
      </c>
      <c r="D7294" s="93" t="s">
        <v>17660</v>
      </c>
      <c r="E7294" s="177">
        <v>2000</v>
      </c>
      <c r="F7294" s="177">
        <v>2462</v>
      </c>
      <c r="G7294" s="177" t="s">
        <v>1</v>
      </c>
      <c r="H7294" s="178">
        <v>0</v>
      </c>
      <c r="I7294" s="178">
        <v>0</v>
      </c>
      <c r="J7294" s="178">
        <v>1</v>
      </c>
      <c r="K7294" s="178">
        <v>0</v>
      </c>
      <c r="L7294" s="178">
        <v>1</v>
      </c>
      <c r="M7294" s="178">
        <v>0</v>
      </c>
      <c r="N7294" s="178">
        <v>0</v>
      </c>
      <c r="O7294" s="178">
        <v>1</v>
      </c>
      <c r="P7294" s="178">
        <v>1</v>
      </c>
      <c r="Q7294" s="178">
        <v>0</v>
      </c>
      <c r="R7294" s="178">
        <v>1</v>
      </c>
      <c r="S7294" s="178">
        <v>0</v>
      </c>
      <c r="T7294" s="178">
        <v>0</v>
      </c>
      <c r="U7294" s="179"/>
      <c r="V7294" s="179"/>
      <c r="W7294" s="179"/>
      <c r="X7294" s="179"/>
      <c r="Y7294" s="179"/>
      <c r="Z7294" s="179"/>
      <c r="AA7294" s="179"/>
      <c r="AB7294" s="179"/>
      <c r="AC7294" s="179"/>
      <c r="AD7294" s="179"/>
      <c r="AE7294" s="179"/>
      <c r="AF7294" s="179"/>
      <c r="AG7294" s="179"/>
      <c r="AH7294" s="179"/>
      <c r="AI7294" s="179"/>
      <c r="AJ7294" s="179"/>
      <c r="AK7294" s="179"/>
      <c r="AL7294" s="179"/>
      <c r="AM7294" s="179"/>
      <c r="AN7294" s="179"/>
      <c r="AO7294" s="179"/>
      <c r="AP7294" s="179"/>
      <c r="AQ7294" s="179"/>
      <c r="AR7294" s="179"/>
      <c r="AS7294" s="179"/>
      <c r="AT7294" s="179"/>
      <c r="AU7294" s="179"/>
      <c r="AV7294" s="179"/>
      <c r="AW7294" s="179"/>
      <c r="AX7294" s="180"/>
      <c r="AY7294" s="180"/>
      <c r="AZ7294" s="180"/>
      <c r="BA7294" s="180"/>
      <c r="BB7294" s="107">
        <v>45065</v>
      </c>
    </row>
    <row r="7295" spans="1:54" ht="13.95" customHeight="1" x14ac:dyDescent="0.25">
      <c r="A7295" s="14" t="s">
        <v>17661</v>
      </c>
      <c r="B7295" s="109" t="s">
        <v>21519</v>
      </c>
      <c r="C7295" s="93" t="s">
        <v>17662</v>
      </c>
      <c r="D7295" s="93" t="s">
        <v>17663</v>
      </c>
      <c r="E7295" s="177">
        <v>1993</v>
      </c>
      <c r="F7295" s="177">
        <v>2499</v>
      </c>
      <c r="G7295" s="177" t="s">
        <v>1</v>
      </c>
      <c r="H7295" s="178">
        <v>1</v>
      </c>
      <c r="I7295" s="178">
        <v>0</v>
      </c>
      <c r="J7295" s="178">
        <v>1</v>
      </c>
      <c r="K7295" s="178">
        <v>0</v>
      </c>
      <c r="L7295" s="178">
        <v>1</v>
      </c>
      <c r="M7295" s="178">
        <v>0</v>
      </c>
      <c r="N7295" s="178">
        <v>0</v>
      </c>
      <c r="O7295" s="178">
        <v>1</v>
      </c>
      <c r="P7295" s="178">
        <v>1</v>
      </c>
      <c r="Q7295" s="178">
        <v>0</v>
      </c>
      <c r="R7295" s="178">
        <v>0</v>
      </c>
      <c r="S7295" s="178">
        <v>0</v>
      </c>
      <c r="T7295" s="178">
        <v>0</v>
      </c>
      <c r="U7295" s="179"/>
      <c r="V7295" s="179"/>
      <c r="W7295" s="179"/>
      <c r="X7295" s="179"/>
      <c r="Y7295" s="179"/>
      <c r="Z7295" s="179"/>
      <c r="AA7295" s="179"/>
      <c r="AB7295" s="179"/>
      <c r="AC7295" s="179"/>
      <c r="AD7295" s="179"/>
      <c r="AE7295" s="179"/>
      <c r="AF7295" s="179"/>
      <c r="AG7295" s="179"/>
      <c r="AH7295" s="179"/>
      <c r="AI7295" s="179"/>
      <c r="AJ7295" s="179"/>
      <c r="AK7295" s="179"/>
      <c r="AL7295" s="179"/>
      <c r="AM7295" s="179"/>
      <c r="AN7295" s="179"/>
      <c r="AO7295" s="179"/>
      <c r="AP7295" s="179"/>
      <c r="AQ7295" s="179"/>
      <c r="AR7295" s="179"/>
      <c r="AS7295" s="179"/>
      <c r="AT7295" s="179"/>
      <c r="AU7295" s="179"/>
      <c r="AV7295" s="179"/>
      <c r="AW7295" s="179"/>
      <c r="AX7295" s="180"/>
      <c r="AY7295" s="180"/>
      <c r="AZ7295" s="180"/>
      <c r="BA7295" s="180"/>
      <c r="BB7295" s="107">
        <v>45065</v>
      </c>
    </row>
    <row r="7296" spans="1:54" ht="13.95" customHeight="1" x14ac:dyDescent="0.25">
      <c r="A7296" s="14" t="s">
        <v>17664</v>
      </c>
      <c r="B7296" s="109" t="s">
        <v>21519</v>
      </c>
      <c r="C7296" s="93" t="s">
        <v>16545</v>
      </c>
      <c r="D7296" s="93" t="s">
        <v>17665</v>
      </c>
      <c r="E7296" s="177">
        <v>1985</v>
      </c>
      <c r="F7296" s="177">
        <v>2535</v>
      </c>
      <c r="G7296" s="177" t="s">
        <v>1</v>
      </c>
      <c r="H7296" s="178">
        <v>0</v>
      </c>
      <c r="I7296" s="178">
        <v>0</v>
      </c>
      <c r="J7296" s="178">
        <v>1</v>
      </c>
      <c r="K7296" s="178">
        <v>0</v>
      </c>
      <c r="L7296" s="178">
        <v>1</v>
      </c>
      <c r="M7296" s="178">
        <v>0</v>
      </c>
      <c r="N7296" s="178">
        <v>0</v>
      </c>
      <c r="O7296" s="178">
        <v>1</v>
      </c>
      <c r="P7296" s="178">
        <v>1</v>
      </c>
      <c r="Q7296" s="178">
        <v>1</v>
      </c>
      <c r="R7296" s="178">
        <v>0</v>
      </c>
      <c r="S7296" s="178">
        <v>0</v>
      </c>
      <c r="T7296" s="178">
        <v>0</v>
      </c>
      <c r="U7296" s="179"/>
      <c r="V7296" s="179"/>
      <c r="W7296" s="179"/>
      <c r="X7296" s="179"/>
      <c r="Y7296" s="179"/>
      <c r="Z7296" s="179"/>
      <c r="AA7296" s="179"/>
      <c r="AB7296" s="179"/>
      <c r="AC7296" s="179"/>
      <c r="AD7296" s="179"/>
      <c r="AE7296" s="179"/>
      <c r="AF7296" s="179"/>
      <c r="AG7296" s="179"/>
      <c r="AH7296" s="179"/>
      <c r="AI7296" s="179"/>
      <c r="AJ7296" s="179"/>
      <c r="AK7296" s="179"/>
      <c r="AL7296" s="179"/>
      <c r="AM7296" s="179"/>
      <c r="AN7296" s="179"/>
      <c r="AO7296" s="179"/>
      <c r="AP7296" s="179"/>
      <c r="AQ7296" s="179"/>
      <c r="AR7296" s="179"/>
      <c r="AS7296" s="179"/>
      <c r="AT7296" s="179"/>
      <c r="AU7296" s="179"/>
      <c r="AV7296" s="179"/>
      <c r="AW7296" s="179"/>
      <c r="AX7296" s="180"/>
      <c r="AY7296" s="180"/>
      <c r="AZ7296" s="180"/>
      <c r="BA7296" s="180"/>
      <c r="BB7296" s="107">
        <v>45065</v>
      </c>
    </row>
    <row r="7297" spans="1:54" ht="13.95" customHeight="1" x14ac:dyDescent="0.25">
      <c r="A7297" s="14" t="s">
        <v>17666</v>
      </c>
      <c r="B7297" s="109" t="s">
        <v>21519</v>
      </c>
      <c r="C7297" s="93" t="s">
        <v>13137</v>
      </c>
      <c r="D7297" s="93" t="s">
        <v>17667</v>
      </c>
      <c r="E7297" s="177">
        <v>1974</v>
      </c>
      <c r="F7297" s="177">
        <v>2647</v>
      </c>
      <c r="G7297" s="177" t="s">
        <v>1</v>
      </c>
      <c r="H7297" s="178">
        <v>0</v>
      </c>
      <c r="I7297" s="178">
        <v>0</v>
      </c>
      <c r="J7297" s="178">
        <v>1</v>
      </c>
      <c r="K7297" s="178">
        <v>0</v>
      </c>
      <c r="L7297" s="178">
        <v>1</v>
      </c>
      <c r="M7297" s="178">
        <v>0</v>
      </c>
      <c r="N7297" s="178">
        <v>0</v>
      </c>
      <c r="O7297" s="178">
        <v>1</v>
      </c>
      <c r="P7297" s="178">
        <v>1</v>
      </c>
      <c r="Q7297" s="178">
        <v>0</v>
      </c>
      <c r="R7297" s="178">
        <v>1</v>
      </c>
      <c r="S7297" s="178">
        <v>0</v>
      </c>
      <c r="T7297" s="178">
        <v>0</v>
      </c>
      <c r="U7297" s="179"/>
      <c r="V7297" s="179"/>
      <c r="W7297" s="179"/>
      <c r="X7297" s="179"/>
      <c r="Y7297" s="179"/>
      <c r="Z7297" s="179"/>
      <c r="AA7297" s="179"/>
      <c r="AB7297" s="179"/>
      <c r="AC7297" s="179"/>
      <c r="AD7297" s="179"/>
      <c r="AE7297" s="179"/>
      <c r="AF7297" s="179"/>
      <c r="AG7297" s="179"/>
      <c r="AH7297" s="179"/>
      <c r="AI7297" s="179"/>
      <c r="AJ7297" s="179"/>
      <c r="AK7297" s="179"/>
      <c r="AL7297" s="179"/>
      <c r="AM7297" s="179"/>
      <c r="AN7297" s="179"/>
      <c r="AO7297" s="179"/>
      <c r="AP7297" s="179"/>
      <c r="AQ7297" s="179"/>
      <c r="AR7297" s="179"/>
      <c r="AS7297" s="179"/>
      <c r="AT7297" s="179"/>
      <c r="AU7297" s="179"/>
      <c r="AV7297" s="179"/>
      <c r="AW7297" s="179"/>
      <c r="AX7297" s="180"/>
      <c r="AY7297" s="180"/>
      <c r="AZ7297" s="180"/>
      <c r="BA7297" s="180"/>
      <c r="BB7297" s="107">
        <v>45065</v>
      </c>
    </row>
    <row r="7298" spans="1:54" ht="13.95" customHeight="1" x14ac:dyDescent="0.25">
      <c r="A7298" s="14" t="s">
        <v>17668</v>
      </c>
      <c r="B7298" s="109" t="s">
        <v>21519</v>
      </c>
      <c r="C7298" s="93" t="s">
        <v>17669</v>
      </c>
      <c r="D7298" s="93" t="s">
        <v>17670</v>
      </c>
      <c r="E7298" s="177">
        <v>1992</v>
      </c>
      <c r="F7298" s="177">
        <v>2700</v>
      </c>
      <c r="G7298" s="177" t="s">
        <v>1</v>
      </c>
      <c r="H7298" s="178">
        <v>1</v>
      </c>
      <c r="I7298" s="178">
        <v>0</v>
      </c>
      <c r="J7298" s="178">
        <v>1</v>
      </c>
      <c r="K7298" s="178">
        <v>0</v>
      </c>
      <c r="L7298" s="178">
        <v>1</v>
      </c>
      <c r="M7298" s="178">
        <v>0</v>
      </c>
      <c r="N7298" s="178">
        <v>0</v>
      </c>
      <c r="O7298" s="178">
        <v>0</v>
      </c>
      <c r="P7298" s="178">
        <v>1</v>
      </c>
      <c r="Q7298" s="178">
        <v>0</v>
      </c>
      <c r="R7298" s="178">
        <v>0</v>
      </c>
      <c r="S7298" s="178">
        <v>0</v>
      </c>
      <c r="T7298" s="178">
        <v>0</v>
      </c>
      <c r="U7298" s="179"/>
      <c r="V7298" s="179"/>
      <c r="W7298" s="179"/>
      <c r="X7298" s="179"/>
      <c r="Y7298" s="179"/>
      <c r="Z7298" s="179"/>
      <c r="AA7298" s="179"/>
      <c r="AB7298" s="179"/>
      <c r="AC7298" s="179"/>
      <c r="AD7298" s="179"/>
      <c r="AE7298" s="179"/>
      <c r="AF7298" s="179"/>
      <c r="AG7298" s="179"/>
      <c r="AH7298" s="179"/>
      <c r="AI7298" s="179"/>
      <c r="AJ7298" s="179"/>
      <c r="AK7298" s="179"/>
      <c r="AL7298" s="179"/>
      <c r="AM7298" s="179"/>
      <c r="AN7298" s="179"/>
      <c r="AO7298" s="179"/>
      <c r="AP7298" s="179"/>
      <c r="AQ7298" s="179"/>
      <c r="AR7298" s="179"/>
      <c r="AS7298" s="179"/>
      <c r="AT7298" s="179"/>
      <c r="AU7298" s="179"/>
      <c r="AV7298" s="179"/>
      <c r="AW7298" s="179"/>
      <c r="AX7298" s="180"/>
      <c r="AY7298" s="180"/>
      <c r="AZ7298" s="180"/>
      <c r="BA7298" s="180"/>
      <c r="BB7298" s="107">
        <v>45065</v>
      </c>
    </row>
    <row r="7299" spans="1:54" ht="13.95" customHeight="1" x14ac:dyDescent="0.25">
      <c r="A7299" s="14" t="s">
        <v>17671</v>
      </c>
      <c r="B7299" s="109" t="s">
        <v>21519</v>
      </c>
      <c r="C7299" s="93" t="s">
        <v>17672</v>
      </c>
      <c r="D7299" s="93" t="s">
        <v>17673</v>
      </c>
      <c r="E7299" s="177">
        <v>1997</v>
      </c>
      <c r="F7299" s="177">
        <v>3001</v>
      </c>
      <c r="G7299" s="177" t="s">
        <v>1</v>
      </c>
      <c r="H7299" s="178">
        <v>1</v>
      </c>
      <c r="I7299" s="178">
        <v>0</v>
      </c>
      <c r="J7299" s="178">
        <v>1</v>
      </c>
      <c r="K7299" s="178">
        <v>0</v>
      </c>
      <c r="L7299" s="178">
        <v>1</v>
      </c>
      <c r="M7299" s="178">
        <v>0</v>
      </c>
      <c r="N7299" s="178">
        <v>0</v>
      </c>
      <c r="O7299" s="178">
        <v>0</v>
      </c>
      <c r="P7299" s="178">
        <v>0</v>
      </c>
      <c r="Q7299" s="178">
        <v>0</v>
      </c>
      <c r="R7299" s="178">
        <v>0</v>
      </c>
      <c r="S7299" s="178">
        <v>0</v>
      </c>
      <c r="T7299" s="178">
        <v>0</v>
      </c>
      <c r="U7299" s="179"/>
      <c r="V7299" s="179"/>
      <c r="W7299" s="179"/>
      <c r="X7299" s="179"/>
      <c r="Y7299" s="179"/>
      <c r="Z7299" s="179"/>
      <c r="AA7299" s="179"/>
      <c r="AB7299" s="179"/>
      <c r="AC7299" s="179"/>
      <c r="AD7299" s="179"/>
      <c r="AE7299" s="179"/>
      <c r="AF7299" s="179"/>
      <c r="AG7299" s="179"/>
      <c r="AH7299" s="179"/>
      <c r="AI7299" s="179"/>
      <c r="AJ7299" s="179"/>
      <c r="AK7299" s="179"/>
      <c r="AL7299" s="179"/>
      <c r="AM7299" s="179"/>
      <c r="AN7299" s="179"/>
      <c r="AO7299" s="179"/>
      <c r="AP7299" s="179"/>
      <c r="AQ7299" s="179"/>
      <c r="AR7299" s="179"/>
      <c r="AS7299" s="179"/>
      <c r="AT7299" s="179"/>
      <c r="AU7299" s="179"/>
      <c r="AV7299" s="179"/>
      <c r="AW7299" s="179"/>
      <c r="AX7299" s="180"/>
      <c r="AY7299" s="180"/>
      <c r="AZ7299" s="180"/>
      <c r="BA7299" s="180"/>
      <c r="BB7299" s="107">
        <v>45065</v>
      </c>
    </row>
    <row r="7300" spans="1:54" ht="13.95" customHeight="1" x14ac:dyDescent="0.25">
      <c r="A7300" s="14" t="s">
        <v>17674</v>
      </c>
      <c r="B7300" s="109" t="s">
        <v>21519</v>
      </c>
      <c r="C7300" s="93" t="s">
        <v>17675</v>
      </c>
      <c r="D7300" s="93" t="s">
        <v>17676</v>
      </c>
      <c r="E7300" s="177">
        <v>1974</v>
      </c>
      <c r="F7300" s="177">
        <v>3472</v>
      </c>
      <c r="G7300" s="177" t="s">
        <v>1</v>
      </c>
      <c r="H7300" s="178">
        <v>0</v>
      </c>
      <c r="I7300" s="178">
        <v>0</v>
      </c>
      <c r="J7300" s="178">
        <v>1</v>
      </c>
      <c r="K7300" s="178">
        <v>0</v>
      </c>
      <c r="L7300" s="178">
        <v>1</v>
      </c>
      <c r="M7300" s="178">
        <v>0</v>
      </c>
      <c r="N7300" s="178">
        <v>0</v>
      </c>
      <c r="O7300" s="178">
        <v>1</v>
      </c>
      <c r="P7300" s="178">
        <v>1</v>
      </c>
      <c r="Q7300" s="178">
        <v>1</v>
      </c>
      <c r="R7300" s="178">
        <v>1</v>
      </c>
      <c r="S7300" s="178">
        <v>0</v>
      </c>
      <c r="T7300" s="178">
        <v>0</v>
      </c>
      <c r="U7300" s="179"/>
      <c r="V7300" s="179"/>
      <c r="W7300" s="179"/>
      <c r="X7300" s="179"/>
      <c r="Y7300" s="179"/>
      <c r="Z7300" s="179"/>
      <c r="AA7300" s="179"/>
      <c r="AB7300" s="179"/>
      <c r="AC7300" s="179"/>
      <c r="AD7300" s="179"/>
      <c r="AE7300" s="179"/>
      <c r="AF7300" s="179"/>
      <c r="AG7300" s="179"/>
      <c r="AH7300" s="179"/>
      <c r="AI7300" s="179"/>
      <c r="AJ7300" s="179"/>
      <c r="AK7300" s="179"/>
      <c r="AL7300" s="179"/>
      <c r="AM7300" s="179"/>
      <c r="AN7300" s="179"/>
      <c r="AO7300" s="179"/>
      <c r="AP7300" s="179"/>
      <c r="AQ7300" s="179"/>
      <c r="AR7300" s="179"/>
      <c r="AS7300" s="179"/>
      <c r="AT7300" s="179"/>
      <c r="AU7300" s="179"/>
      <c r="AV7300" s="179"/>
      <c r="AW7300" s="179"/>
      <c r="AX7300" s="180"/>
      <c r="AY7300" s="180"/>
      <c r="AZ7300" s="180"/>
      <c r="BA7300" s="180"/>
      <c r="BB7300" s="107">
        <v>45065</v>
      </c>
    </row>
    <row r="7301" spans="1:54" ht="13.95" customHeight="1" x14ac:dyDescent="0.25">
      <c r="A7301" s="14" t="s">
        <v>17677</v>
      </c>
      <c r="B7301" s="109" t="s">
        <v>21519</v>
      </c>
      <c r="C7301" s="93" t="s">
        <v>17678</v>
      </c>
      <c r="D7301" s="93" t="s">
        <v>17679</v>
      </c>
      <c r="E7301" s="177">
        <v>1990</v>
      </c>
      <c r="F7301" s="177">
        <v>3798</v>
      </c>
      <c r="G7301" s="177" t="s">
        <v>1</v>
      </c>
      <c r="H7301" s="178">
        <v>0</v>
      </c>
      <c r="I7301" s="178">
        <v>0</v>
      </c>
      <c r="J7301" s="178">
        <v>1</v>
      </c>
      <c r="K7301" s="178">
        <v>0</v>
      </c>
      <c r="L7301" s="178">
        <v>1</v>
      </c>
      <c r="M7301" s="178">
        <v>1</v>
      </c>
      <c r="N7301" s="178">
        <v>0</v>
      </c>
      <c r="O7301" s="178">
        <v>0</v>
      </c>
      <c r="P7301" s="178">
        <v>1</v>
      </c>
      <c r="Q7301" s="178">
        <v>0</v>
      </c>
      <c r="R7301" s="178">
        <v>0</v>
      </c>
      <c r="S7301" s="178">
        <v>1</v>
      </c>
      <c r="T7301" s="178">
        <v>0</v>
      </c>
      <c r="U7301" s="179"/>
      <c r="V7301" s="179"/>
      <c r="W7301" s="179"/>
      <c r="X7301" s="179"/>
      <c r="Y7301" s="179"/>
      <c r="Z7301" s="179"/>
      <c r="AA7301" s="179"/>
      <c r="AB7301" s="179"/>
      <c r="AC7301" s="179"/>
      <c r="AD7301" s="179"/>
      <c r="AE7301" s="179"/>
      <c r="AF7301" s="179"/>
      <c r="AG7301" s="179"/>
      <c r="AH7301" s="179"/>
      <c r="AI7301" s="179"/>
      <c r="AJ7301" s="179"/>
      <c r="AK7301" s="179"/>
      <c r="AL7301" s="179"/>
      <c r="AM7301" s="179"/>
      <c r="AN7301" s="179"/>
      <c r="AO7301" s="179"/>
      <c r="AP7301" s="179"/>
      <c r="AQ7301" s="179"/>
      <c r="AR7301" s="179"/>
      <c r="AS7301" s="179"/>
      <c r="AT7301" s="179"/>
      <c r="AU7301" s="179"/>
      <c r="AV7301" s="179"/>
      <c r="AW7301" s="179"/>
      <c r="AX7301" s="180"/>
      <c r="AY7301" s="180"/>
      <c r="AZ7301" s="180"/>
      <c r="BA7301" s="180"/>
      <c r="BB7301" s="107">
        <v>45065</v>
      </c>
    </row>
    <row r="7302" spans="1:54" ht="13.5" customHeight="1" x14ac:dyDescent="0.25">
      <c r="A7302" s="14" t="s">
        <v>17680</v>
      </c>
      <c r="B7302" s="109" t="s">
        <v>21519</v>
      </c>
      <c r="C7302" s="93" t="s">
        <v>17681</v>
      </c>
      <c r="D7302" s="93" t="s">
        <v>17682</v>
      </c>
      <c r="E7302" s="177">
        <v>2015</v>
      </c>
      <c r="F7302" s="177">
        <v>4240</v>
      </c>
      <c r="G7302" s="177" t="s">
        <v>1</v>
      </c>
      <c r="H7302" s="178">
        <v>0</v>
      </c>
      <c r="I7302" s="178">
        <v>0</v>
      </c>
      <c r="J7302" s="178">
        <v>0</v>
      </c>
      <c r="K7302" s="178">
        <v>2</v>
      </c>
      <c r="L7302" s="178">
        <v>0</v>
      </c>
      <c r="M7302" s="178">
        <v>0</v>
      </c>
      <c r="N7302" s="178">
        <v>0</v>
      </c>
      <c r="O7302" s="178">
        <v>0</v>
      </c>
      <c r="P7302" s="178">
        <v>0</v>
      </c>
      <c r="Q7302" s="178">
        <v>0</v>
      </c>
      <c r="R7302" s="178">
        <v>0</v>
      </c>
      <c r="S7302" s="178">
        <v>0</v>
      </c>
      <c r="T7302" s="178">
        <v>0</v>
      </c>
      <c r="U7302" s="179"/>
      <c r="V7302" s="179"/>
      <c r="W7302" s="179"/>
      <c r="X7302" s="179"/>
      <c r="Y7302" s="179"/>
      <c r="Z7302" s="179"/>
      <c r="AA7302" s="179"/>
      <c r="AB7302" s="179"/>
      <c r="AC7302" s="179"/>
      <c r="AD7302" s="179"/>
      <c r="AE7302" s="179"/>
      <c r="AF7302" s="179"/>
      <c r="AG7302" s="179"/>
      <c r="AH7302" s="179"/>
      <c r="AI7302" s="179"/>
      <c r="AJ7302" s="179"/>
      <c r="AK7302" s="179"/>
      <c r="AL7302" s="179"/>
      <c r="AM7302" s="179"/>
      <c r="AN7302" s="179"/>
      <c r="AO7302" s="179"/>
      <c r="AP7302" s="179"/>
      <c r="AQ7302" s="179"/>
      <c r="AR7302" s="179"/>
      <c r="AS7302" s="179"/>
      <c r="AT7302" s="179"/>
      <c r="AU7302" s="179"/>
      <c r="AV7302" s="179"/>
      <c r="AW7302" s="179"/>
      <c r="AX7302" s="180"/>
      <c r="AY7302" s="180"/>
      <c r="AZ7302" s="180"/>
      <c r="BA7302" s="180"/>
      <c r="BB7302" s="107">
        <v>45065</v>
      </c>
    </row>
    <row r="7303" spans="1:54" ht="13.95" customHeight="1" x14ac:dyDescent="0.25">
      <c r="A7303" s="14" t="s">
        <v>17683</v>
      </c>
      <c r="B7303" s="109" t="s">
        <v>21519</v>
      </c>
      <c r="C7303" s="93" t="s">
        <v>17684</v>
      </c>
      <c r="D7303" s="93" t="s">
        <v>17685</v>
      </c>
      <c r="E7303" s="177">
        <v>2007</v>
      </c>
      <c r="F7303" s="177">
        <v>6695</v>
      </c>
      <c r="G7303" s="177" t="s">
        <v>1</v>
      </c>
      <c r="H7303" s="178">
        <v>0</v>
      </c>
      <c r="I7303" s="178">
        <v>0</v>
      </c>
      <c r="J7303" s="178">
        <v>0</v>
      </c>
      <c r="K7303" s="178">
        <v>0</v>
      </c>
      <c r="L7303" s="178">
        <v>0</v>
      </c>
      <c r="M7303" s="178">
        <v>0</v>
      </c>
      <c r="N7303" s="178">
        <v>0</v>
      </c>
      <c r="O7303" s="178">
        <v>0</v>
      </c>
      <c r="P7303" s="178">
        <v>0</v>
      </c>
      <c r="Q7303" s="178">
        <v>0</v>
      </c>
      <c r="R7303" s="178">
        <v>0</v>
      </c>
      <c r="S7303" s="178">
        <v>0</v>
      </c>
      <c r="T7303" s="178">
        <v>0</v>
      </c>
      <c r="U7303" s="179"/>
      <c r="V7303" s="179"/>
      <c r="W7303" s="179"/>
      <c r="X7303" s="179"/>
      <c r="Y7303" s="179"/>
      <c r="Z7303" s="179"/>
      <c r="AA7303" s="179"/>
      <c r="AB7303" s="179"/>
      <c r="AC7303" s="179"/>
      <c r="AD7303" s="179"/>
      <c r="AE7303" s="179"/>
      <c r="AF7303" s="179"/>
      <c r="AG7303" s="179"/>
      <c r="AH7303" s="179"/>
      <c r="AI7303" s="179"/>
      <c r="AJ7303" s="179"/>
      <c r="AK7303" s="179"/>
      <c r="AL7303" s="179"/>
      <c r="AM7303" s="179"/>
      <c r="AN7303" s="179"/>
      <c r="AO7303" s="179"/>
      <c r="AP7303" s="179"/>
      <c r="AQ7303" s="179"/>
      <c r="AR7303" s="179"/>
      <c r="AS7303" s="179"/>
      <c r="AT7303" s="179"/>
      <c r="AU7303" s="179"/>
      <c r="AV7303" s="179"/>
      <c r="AW7303" s="179"/>
      <c r="AX7303" s="180"/>
      <c r="AY7303" s="180"/>
      <c r="AZ7303" s="180"/>
      <c r="BA7303" s="180"/>
      <c r="BB7303" s="107">
        <v>45065</v>
      </c>
    </row>
    <row r="7304" spans="1:54" ht="13.95" customHeight="1" x14ac:dyDescent="0.25">
      <c r="A7304" s="14" t="s">
        <v>17686</v>
      </c>
      <c r="B7304" s="109" t="s">
        <v>21519</v>
      </c>
      <c r="C7304" s="93" t="s">
        <v>17687</v>
      </c>
      <c r="D7304" s="93" t="s">
        <v>17688</v>
      </c>
      <c r="E7304" s="177">
        <v>1974</v>
      </c>
      <c r="F7304" s="177">
        <v>6759</v>
      </c>
      <c r="G7304" s="177" t="s">
        <v>1</v>
      </c>
      <c r="H7304" s="178">
        <v>0</v>
      </c>
      <c r="I7304" s="178">
        <v>0</v>
      </c>
      <c r="J7304" s="178">
        <v>1</v>
      </c>
      <c r="K7304" s="178">
        <v>1</v>
      </c>
      <c r="L7304" s="178">
        <v>1</v>
      </c>
      <c r="M7304" s="178">
        <v>0</v>
      </c>
      <c r="N7304" s="178">
        <v>0</v>
      </c>
      <c r="O7304" s="178">
        <v>1</v>
      </c>
      <c r="P7304" s="178">
        <v>1</v>
      </c>
      <c r="Q7304" s="178">
        <v>1</v>
      </c>
      <c r="R7304" s="178">
        <v>1</v>
      </c>
      <c r="S7304" s="178">
        <v>1</v>
      </c>
      <c r="T7304" s="178">
        <v>0</v>
      </c>
      <c r="U7304" s="179"/>
      <c r="V7304" s="179"/>
      <c r="W7304" s="179"/>
      <c r="X7304" s="179"/>
      <c r="Y7304" s="179"/>
      <c r="Z7304" s="179"/>
      <c r="AA7304" s="179"/>
      <c r="AB7304" s="179"/>
      <c r="AC7304" s="179"/>
      <c r="AD7304" s="179"/>
      <c r="AE7304" s="179"/>
      <c r="AF7304" s="179"/>
      <c r="AG7304" s="179"/>
      <c r="AH7304" s="179"/>
      <c r="AI7304" s="179"/>
      <c r="AJ7304" s="179"/>
      <c r="AK7304" s="179"/>
      <c r="AL7304" s="179"/>
      <c r="AM7304" s="179"/>
      <c r="AN7304" s="179"/>
      <c r="AO7304" s="179"/>
      <c r="AP7304" s="179"/>
      <c r="AQ7304" s="179"/>
      <c r="AR7304" s="179"/>
      <c r="AS7304" s="179"/>
      <c r="AT7304" s="179"/>
      <c r="AU7304" s="179"/>
      <c r="AV7304" s="179"/>
      <c r="AW7304" s="179"/>
      <c r="AX7304" s="180"/>
      <c r="AY7304" s="180"/>
      <c r="AZ7304" s="180"/>
      <c r="BA7304" s="180"/>
      <c r="BB7304" s="107">
        <v>45065</v>
      </c>
    </row>
    <row r="7305" spans="1:54" ht="13.95" customHeight="1" x14ac:dyDescent="0.25">
      <c r="A7305" s="14" t="s">
        <v>17689</v>
      </c>
      <c r="B7305" s="109" t="s">
        <v>21519</v>
      </c>
      <c r="C7305" s="93" t="s">
        <v>4750</v>
      </c>
      <c r="D7305" s="93" t="s">
        <v>17690</v>
      </c>
      <c r="E7305" s="177">
        <v>1980</v>
      </c>
      <c r="F7305" s="177">
        <v>8695</v>
      </c>
      <c r="G7305" s="177" t="s">
        <v>3</v>
      </c>
      <c r="H7305" s="178">
        <v>1</v>
      </c>
      <c r="I7305" s="178">
        <v>0</v>
      </c>
      <c r="J7305" s="178">
        <v>1</v>
      </c>
      <c r="K7305" s="178">
        <v>0</v>
      </c>
      <c r="L7305" s="178">
        <v>1</v>
      </c>
      <c r="M7305" s="178">
        <v>0</v>
      </c>
      <c r="N7305" s="178">
        <v>0</v>
      </c>
      <c r="O7305" s="178">
        <v>1</v>
      </c>
      <c r="P7305" s="178">
        <v>0</v>
      </c>
      <c r="Q7305" s="178">
        <v>0</v>
      </c>
      <c r="R7305" s="178">
        <v>0</v>
      </c>
      <c r="S7305" s="178">
        <v>0</v>
      </c>
      <c r="T7305" s="178">
        <v>0</v>
      </c>
      <c r="U7305" s="178">
        <v>0</v>
      </c>
      <c r="V7305" s="178">
        <v>0</v>
      </c>
      <c r="W7305" s="178">
        <v>0</v>
      </c>
      <c r="X7305" s="178">
        <v>0</v>
      </c>
      <c r="Y7305" s="178">
        <v>0</v>
      </c>
      <c r="Z7305" s="178">
        <v>1</v>
      </c>
      <c r="AA7305" s="178">
        <v>0</v>
      </c>
      <c r="AB7305" s="178">
        <v>0</v>
      </c>
      <c r="AC7305" s="178">
        <v>0</v>
      </c>
      <c r="AD7305" s="178">
        <v>0</v>
      </c>
      <c r="AE7305" s="178">
        <v>0</v>
      </c>
      <c r="AF7305" s="178">
        <v>0</v>
      </c>
      <c r="AG7305" s="178">
        <v>0</v>
      </c>
      <c r="AH7305" s="178">
        <v>0</v>
      </c>
      <c r="AI7305" s="178">
        <v>0</v>
      </c>
      <c r="AJ7305" s="178">
        <v>0</v>
      </c>
      <c r="AK7305" s="178">
        <v>0</v>
      </c>
      <c r="AL7305" s="178">
        <v>0</v>
      </c>
      <c r="AM7305" s="178">
        <v>0</v>
      </c>
      <c r="AN7305" s="178">
        <v>0</v>
      </c>
      <c r="AO7305" s="178">
        <v>1</v>
      </c>
      <c r="AP7305" s="178">
        <v>0</v>
      </c>
      <c r="AQ7305" s="178">
        <v>0</v>
      </c>
      <c r="AR7305" s="178">
        <v>0</v>
      </c>
      <c r="AS7305" s="178">
        <v>0</v>
      </c>
      <c r="AT7305" s="111" t="s">
        <v>174</v>
      </c>
      <c r="AU7305" s="178">
        <v>1</v>
      </c>
      <c r="AV7305" s="178">
        <v>0</v>
      </c>
      <c r="AW7305" s="178">
        <v>0</v>
      </c>
      <c r="AX7305" s="181"/>
      <c r="AY7305" s="181"/>
      <c r="AZ7305" s="181"/>
      <c r="BA7305" s="181"/>
      <c r="BB7305" s="107">
        <v>45065</v>
      </c>
    </row>
    <row r="7306" spans="1:54" ht="13.95" customHeight="1" x14ac:dyDescent="0.25">
      <c r="A7306" s="14" t="s">
        <v>17691</v>
      </c>
      <c r="B7306" s="109" t="s">
        <v>21519</v>
      </c>
      <c r="C7306" s="93" t="s">
        <v>17692</v>
      </c>
      <c r="D7306" s="93" t="s">
        <v>17693</v>
      </c>
      <c r="E7306" s="177">
        <v>1990</v>
      </c>
      <c r="F7306" s="177">
        <v>9855</v>
      </c>
      <c r="G7306" s="177" t="s">
        <v>1</v>
      </c>
      <c r="H7306" s="178">
        <v>1</v>
      </c>
      <c r="I7306" s="178">
        <v>0</v>
      </c>
      <c r="J7306" s="178">
        <v>1</v>
      </c>
      <c r="K7306" s="178">
        <v>0</v>
      </c>
      <c r="L7306" s="178">
        <v>1</v>
      </c>
      <c r="M7306" s="178">
        <v>1</v>
      </c>
      <c r="N7306" s="178">
        <v>0</v>
      </c>
      <c r="O7306" s="178">
        <v>0</v>
      </c>
      <c r="P7306" s="178">
        <v>1</v>
      </c>
      <c r="Q7306" s="178">
        <v>0</v>
      </c>
      <c r="R7306" s="178">
        <v>1</v>
      </c>
      <c r="S7306" s="178">
        <v>0</v>
      </c>
      <c r="T7306" s="178">
        <v>0</v>
      </c>
      <c r="U7306" s="179"/>
      <c r="V7306" s="179"/>
      <c r="W7306" s="179"/>
      <c r="X7306" s="179"/>
      <c r="Y7306" s="179"/>
      <c r="Z7306" s="179"/>
      <c r="AA7306" s="179"/>
      <c r="AB7306" s="179"/>
      <c r="AC7306" s="179"/>
      <c r="AD7306" s="179"/>
      <c r="AE7306" s="179"/>
      <c r="AF7306" s="179"/>
      <c r="AG7306" s="179"/>
      <c r="AH7306" s="179"/>
      <c r="AI7306" s="179"/>
      <c r="AJ7306" s="179"/>
      <c r="AK7306" s="179"/>
      <c r="AL7306" s="179"/>
      <c r="AM7306" s="179"/>
      <c r="AN7306" s="179"/>
      <c r="AO7306" s="179"/>
      <c r="AP7306" s="179"/>
      <c r="AQ7306" s="179"/>
      <c r="AR7306" s="179"/>
      <c r="AS7306" s="179"/>
      <c r="AT7306" s="179"/>
      <c r="AU7306" s="179"/>
      <c r="AV7306" s="179"/>
      <c r="AW7306" s="179"/>
      <c r="AX7306" s="180"/>
      <c r="AY7306" s="180"/>
      <c r="AZ7306" s="180"/>
      <c r="BA7306" s="180"/>
      <c r="BB7306" s="107">
        <v>45065</v>
      </c>
    </row>
    <row r="7307" spans="1:54" ht="13.95" customHeight="1" x14ac:dyDescent="0.25">
      <c r="A7307" s="14" t="s">
        <v>17694</v>
      </c>
      <c r="B7307" s="109" t="s">
        <v>21519</v>
      </c>
      <c r="C7307" s="93" t="s">
        <v>1177</v>
      </c>
      <c r="D7307" s="93" t="s">
        <v>17695</v>
      </c>
      <c r="E7307" s="177">
        <v>1973</v>
      </c>
      <c r="F7307" s="177">
        <v>9996</v>
      </c>
      <c r="G7307" s="177" t="s">
        <v>3</v>
      </c>
      <c r="H7307" s="178">
        <v>1</v>
      </c>
      <c r="I7307" s="178">
        <v>1</v>
      </c>
      <c r="J7307" s="178">
        <v>1</v>
      </c>
      <c r="K7307" s="178">
        <v>0</v>
      </c>
      <c r="L7307" s="178">
        <v>0</v>
      </c>
      <c r="M7307" s="178">
        <v>1</v>
      </c>
      <c r="N7307" s="178">
        <v>0</v>
      </c>
      <c r="O7307" s="178">
        <v>1</v>
      </c>
      <c r="P7307" s="178">
        <v>1</v>
      </c>
      <c r="Q7307" s="178">
        <v>0</v>
      </c>
      <c r="R7307" s="178">
        <v>1</v>
      </c>
      <c r="S7307" s="178">
        <v>0</v>
      </c>
      <c r="T7307" s="178">
        <v>0</v>
      </c>
      <c r="U7307" s="178">
        <v>0</v>
      </c>
      <c r="V7307" s="178">
        <v>0</v>
      </c>
      <c r="W7307" s="178">
        <v>0</v>
      </c>
      <c r="X7307" s="178">
        <v>0</v>
      </c>
      <c r="Y7307" s="178">
        <v>0</v>
      </c>
      <c r="Z7307" s="178">
        <v>1</v>
      </c>
      <c r="AA7307" s="178">
        <v>0</v>
      </c>
      <c r="AB7307" s="178">
        <v>0</v>
      </c>
      <c r="AC7307" s="178">
        <v>0</v>
      </c>
      <c r="AD7307" s="178">
        <v>0</v>
      </c>
      <c r="AE7307" s="178">
        <v>0</v>
      </c>
      <c r="AF7307" s="178">
        <v>0</v>
      </c>
      <c r="AG7307" s="178">
        <v>0</v>
      </c>
      <c r="AH7307" s="178">
        <v>0</v>
      </c>
      <c r="AI7307" s="178">
        <v>0</v>
      </c>
      <c r="AJ7307" s="178">
        <v>0</v>
      </c>
      <c r="AK7307" s="178">
        <v>0</v>
      </c>
      <c r="AL7307" s="178">
        <v>0</v>
      </c>
      <c r="AM7307" s="178">
        <v>0</v>
      </c>
      <c r="AN7307" s="178">
        <v>0</v>
      </c>
      <c r="AO7307" s="178">
        <v>1</v>
      </c>
      <c r="AP7307" s="178">
        <v>0</v>
      </c>
      <c r="AQ7307" s="178">
        <v>0</v>
      </c>
      <c r="AR7307" s="178">
        <v>0</v>
      </c>
      <c r="AS7307" s="178">
        <v>1</v>
      </c>
      <c r="AT7307" s="178">
        <v>1</v>
      </c>
      <c r="AU7307" s="178">
        <v>1</v>
      </c>
      <c r="AV7307" s="178">
        <v>0</v>
      </c>
      <c r="AW7307" s="178">
        <v>1</v>
      </c>
      <c r="AX7307" s="181"/>
      <c r="AY7307" s="181"/>
      <c r="AZ7307" s="181"/>
      <c r="BA7307" s="181"/>
      <c r="BB7307" s="107">
        <v>45065</v>
      </c>
    </row>
    <row r="7308" spans="1:54" ht="13.95" customHeight="1" x14ac:dyDescent="0.25">
      <c r="A7308" s="14" t="s">
        <v>17696</v>
      </c>
      <c r="B7308" s="109" t="s">
        <v>21519</v>
      </c>
      <c r="C7308" s="93" t="s">
        <v>17697</v>
      </c>
      <c r="D7308" s="93" t="s">
        <v>17698</v>
      </c>
      <c r="E7308" s="177">
        <v>2006</v>
      </c>
      <c r="F7308" s="177">
        <v>390</v>
      </c>
      <c r="G7308" s="177" t="s">
        <v>1</v>
      </c>
      <c r="H7308" s="178">
        <v>0</v>
      </c>
      <c r="I7308" s="178">
        <v>0</v>
      </c>
      <c r="J7308" s="178">
        <v>1</v>
      </c>
      <c r="K7308" s="178">
        <v>1</v>
      </c>
      <c r="L7308" s="178">
        <v>1</v>
      </c>
      <c r="M7308" s="178">
        <v>1</v>
      </c>
      <c r="N7308" s="178">
        <v>0</v>
      </c>
      <c r="O7308" s="178">
        <v>0</v>
      </c>
      <c r="P7308" s="178">
        <v>1</v>
      </c>
      <c r="Q7308" s="178">
        <v>0</v>
      </c>
      <c r="R7308" s="178">
        <v>1</v>
      </c>
      <c r="S7308" s="178">
        <v>0</v>
      </c>
      <c r="T7308" s="178">
        <v>0</v>
      </c>
      <c r="U7308" s="179"/>
      <c r="V7308" s="179"/>
      <c r="W7308" s="179"/>
      <c r="X7308" s="179"/>
      <c r="Y7308" s="179"/>
      <c r="Z7308" s="179"/>
      <c r="AA7308" s="179"/>
      <c r="AB7308" s="179"/>
      <c r="AC7308" s="179"/>
      <c r="AD7308" s="179"/>
      <c r="AE7308" s="179"/>
      <c r="AF7308" s="179"/>
      <c r="AG7308" s="179"/>
      <c r="AH7308" s="179"/>
      <c r="AI7308" s="179"/>
      <c r="AJ7308" s="179"/>
      <c r="AK7308" s="179"/>
      <c r="AL7308" s="179"/>
      <c r="AM7308" s="179"/>
      <c r="AN7308" s="179"/>
      <c r="AO7308" s="179"/>
      <c r="AP7308" s="179"/>
      <c r="AQ7308" s="179"/>
      <c r="AR7308" s="179"/>
      <c r="AS7308" s="179"/>
      <c r="AT7308" s="179"/>
      <c r="AU7308" s="179"/>
      <c r="AV7308" s="179"/>
      <c r="AW7308" s="179"/>
      <c r="AX7308" s="180"/>
      <c r="AY7308" s="180"/>
      <c r="AZ7308" s="180"/>
      <c r="BA7308" s="180"/>
      <c r="BB7308" s="107">
        <v>45065</v>
      </c>
    </row>
    <row r="7309" spans="1:54" ht="13.95" customHeight="1" x14ac:dyDescent="0.25">
      <c r="A7309" s="14" t="s">
        <v>17699</v>
      </c>
      <c r="B7309" s="109" t="s">
        <v>21519</v>
      </c>
      <c r="C7309" s="93" t="s">
        <v>17700</v>
      </c>
      <c r="D7309" s="93" t="s">
        <v>17701</v>
      </c>
      <c r="E7309" s="177">
        <v>2010</v>
      </c>
      <c r="F7309" s="177">
        <v>24540</v>
      </c>
      <c r="G7309" s="177" t="s">
        <v>3</v>
      </c>
      <c r="H7309" s="178">
        <v>1</v>
      </c>
      <c r="I7309" s="178">
        <v>1</v>
      </c>
      <c r="J7309" s="178">
        <v>1</v>
      </c>
      <c r="K7309" s="178">
        <v>3</v>
      </c>
      <c r="L7309" s="178">
        <v>1</v>
      </c>
      <c r="M7309" s="178">
        <v>1</v>
      </c>
      <c r="N7309" s="178">
        <v>0</v>
      </c>
      <c r="O7309" s="178">
        <v>0</v>
      </c>
      <c r="P7309" s="178">
        <v>1</v>
      </c>
      <c r="Q7309" s="178">
        <v>0</v>
      </c>
      <c r="R7309" s="178">
        <v>0</v>
      </c>
      <c r="S7309" s="178">
        <v>0</v>
      </c>
      <c r="T7309" s="178">
        <v>0</v>
      </c>
      <c r="U7309" s="178">
        <v>0</v>
      </c>
      <c r="V7309" s="178">
        <v>0</v>
      </c>
      <c r="W7309" s="178">
        <v>1</v>
      </c>
      <c r="X7309" s="178">
        <v>0</v>
      </c>
      <c r="Y7309" s="178">
        <v>1</v>
      </c>
      <c r="Z7309" s="178">
        <v>0</v>
      </c>
      <c r="AA7309" s="178">
        <v>0</v>
      </c>
      <c r="AB7309" s="178">
        <v>0</v>
      </c>
      <c r="AC7309" s="178">
        <v>0</v>
      </c>
      <c r="AD7309" s="178">
        <v>0</v>
      </c>
      <c r="AE7309" s="178">
        <v>0</v>
      </c>
      <c r="AF7309" s="178">
        <v>0</v>
      </c>
      <c r="AG7309" s="178">
        <v>0</v>
      </c>
      <c r="AH7309" s="178">
        <v>0</v>
      </c>
      <c r="AI7309" s="178">
        <v>0</v>
      </c>
      <c r="AJ7309" s="178">
        <v>0</v>
      </c>
      <c r="AK7309" s="178">
        <v>0</v>
      </c>
      <c r="AL7309" s="178">
        <v>0</v>
      </c>
      <c r="AM7309" s="178">
        <v>0</v>
      </c>
      <c r="AN7309" s="178">
        <v>0</v>
      </c>
      <c r="AO7309" s="178">
        <v>1</v>
      </c>
      <c r="AP7309" s="178">
        <v>0</v>
      </c>
      <c r="AQ7309" s="178">
        <v>0</v>
      </c>
      <c r="AR7309" s="178">
        <v>0</v>
      </c>
      <c r="AS7309" s="178">
        <v>1</v>
      </c>
      <c r="AT7309" s="178" t="s">
        <v>174</v>
      </c>
      <c r="AU7309" s="178">
        <v>1</v>
      </c>
      <c r="AV7309" s="178">
        <v>0</v>
      </c>
      <c r="AW7309" s="178">
        <v>0</v>
      </c>
      <c r="AX7309" s="181"/>
      <c r="AY7309" s="181"/>
      <c r="AZ7309" s="181"/>
      <c r="BA7309" s="181"/>
      <c r="BB7309" s="107">
        <v>45065</v>
      </c>
    </row>
    <row r="7310" spans="1:54" ht="13.95" customHeight="1" x14ac:dyDescent="0.25">
      <c r="A7310" s="14" t="s">
        <v>17702</v>
      </c>
      <c r="B7310" s="109" t="s">
        <v>21519</v>
      </c>
      <c r="C7310" s="93" t="s">
        <v>17703</v>
      </c>
      <c r="D7310" s="93" t="s">
        <v>17704</v>
      </c>
      <c r="E7310" s="177">
        <v>1972</v>
      </c>
      <c r="F7310" s="177">
        <v>20100</v>
      </c>
      <c r="G7310" s="177" t="s">
        <v>0</v>
      </c>
      <c r="H7310" s="178">
        <v>1</v>
      </c>
      <c r="I7310" s="178">
        <v>0</v>
      </c>
      <c r="J7310" s="178">
        <v>1</v>
      </c>
      <c r="K7310" s="178">
        <v>0</v>
      </c>
      <c r="L7310" s="178">
        <v>0</v>
      </c>
      <c r="M7310" s="178">
        <v>0</v>
      </c>
      <c r="N7310" s="178">
        <v>0</v>
      </c>
      <c r="O7310" s="178">
        <v>0</v>
      </c>
      <c r="P7310" s="178">
        <v>0</v>
      </c>
      <c r="Q7310" s="178">
        <v>0</v>
      </c>
      <c r="R7310" s="178">
        <v>0</v>
      </c>
      <c r="S7310" s="178">
        <v>0</v>
      </c>
      <c r="T7310" s="178">
        <v>0</v>
      </c>
      <c r="U7310" s="178">
        <v>0</v>
      </c>
      <c r="V7310" s="178">
        <v>0</v>
      </c>
      <c r="W7310" s="178">
        <v>0</v>
      </c>
      <c r="X7310" s="178">
        <v>0</v>
      </c>
      <c r="Y7310" s="178">
        <v>0</v>
      </c>
      <c r="Z7310" s="178">
        <v>1</v>
      </c>
      <c r="AA7310" s="178">
        <v>0</v>
      </c>
      <c r="AB7310" s="178">
        <v>1</v>
      </c>
      <c r="AC7310" s="178">
        <v>0</v>
      </c>
      <c r="AD7310" s="178">
        <v>0</v>
      </c>
      <c r="AE7310" s="178">
        <v>0</v>
      </c>
      <c r="AF7310" s="178">
        <v>1</v>
      </c>
      <c r="AG7310" s="178">
        <v>0</v>
      </c>
      <c r="AH7310" s="178">
        <v>0</v>
      </c>
      <c r="AI7310" s="178">
        <v>0</v>
      </c>
      <c r="AJ7310" s="178">
        <v>0</v>
      </c>
      <c r="AK7310" s="178">
        <v>0</v>
      </c>
      <c r="AL7310" s="178">
        <v>0</v>
      </c>
      <c r="AM7310" s="178">
        <v>0</v>
      </c>
      <c r="AN7310" s="178">
        <v>0</v>
      </c>
      <c r="AO7310" s="178">
        <v>1</v>
      </c>
      <c r="AP7310" s="178">
        <v>0</v>
      </c>
      <c r="AQ7310" s="178">
        <v>0</v>
      </c>
      <c r="AR7310" s="178">
        <v>0</v>
      </c>
      <c r="AS7310" s="178">
        <v>0</v>
      </c>
      <c r="AT7310" s="178" t="s">
        <v>174</v>
      </c>
      <c r="AU7310" s="178">
        <v>1</v>
      </c>
      <c r="AV7310" s="178">
        <v>0</v>
      </c>
      <c r="AW7310" s="178">
        <v>1</v>
      </c>
      <c r="AX7310" s="181"/>
      <c r="AY7310" s="181"/>
      <c r="AZ7310" s="181"/>
      <c r="BA7310" s="181"/>
      <c r="BB7310" s="107">
        <v>45065</v>
      </c>
    </row>
    <row r="7311" spans="1:54" ht="13.95" customHeight="1" x14ac:dyDescent="0.25">
      <c r="A7311" s="14" t="s">
        <v>17705</v>
      </c>
      <c r="B7311" s="109" t="s">
        <v>21519</v>
      </c>
      <c r="C7311" s="93" t="s">
        <v>17706</v>
      </c>
      <c r="D7311" s="93" t="s">
        <v>17707</v>
      </c>
      <c r="E7311" s="177">
        <v>2011</v>
      </c>
      <c r="F7311" s="177">
        <v>602</v>
      </c>
      <c r="G7311" s="177" t="s">
        <v>1</v>
      </c>
      <c r="H7311" s="178">
        <v>0</v>
      </c>
      <c r="I7311" s="178">
        <v>0</v>
      </c>
      <c r="J7311" s="178">
        <v>0</v>
      </c>
      <c r="K7311" s="178">
        <v>0</v>
      </c>
      <c r="L7311" s="178">
        <v>0</v>
      </c>
      <c r="M7311" s="178">
        <v>0</v>
      </c>
      <c r="N7311" s="178">
        <v>0</v>
      </c>
      <c r="O7311" s="178">
        <v>0</v>
      </c>
      <c r="P7311" s="178">
        <v>0</v>
      </c>
      <c r="Q7311" s="178">
        <v>0</v>
      </c>
      <c r="R7311" s="178">
        <v>1</v>
      </c>
      <c r="S7311" s="178">
        <v>0</v>
      </c>
      <c r="T7311" s="178">
        <v>0</v>
      </c>
      <c r="U7311" s="179"/>
      <c r="V7311" s="179"/>
      <c r="W7311" s="179"/>
      <c r="X7311" s="179"/>
      <c r="Y7311" s="179"/>
      <c r="Z7311" s="179"/>
      <c r="AA7311" s="179"/>
      <c r="AB7311" s="179"/>
      <c r="AC7311" s="179"/>
      <c r="AD7311" s="179"/>
      <c r="AE7311" s="179"/>
      <c r="AF7311" s="179"/>
      <c r="AG7311" s="179"/>
      <c r="AH7311" s="179"/>
      <c r="AI7311" s="179"/>
      <c r="AJ7311" s="179"/>
      <c r="AK7311" s="179"/>
      <c r="AL7311" s="179"/>
      <c r="AM7311" s="179"/>
      <c r="AN7311" s="179"/>
      <c r="AO7311" s="179"/>
      <c r="AP7311" s="179"/>
      <c r="AQ7311" s="179"/>
      <c r="AR7311" s="179"/>
      <c r="AS7311" s="179"/>
      <c r="AT7311" s="179"/>
      <c r="AU7311" s="179"/>
      <c r="AV7311" s="179"/>
      <c r="AW7311" s="179"/>
      <c r="AX7311" s="180"/>
      <c r="AY7311" s="180"/>
      <c r="AZ7311" s="180"/>
      <c r="BA7311" s="180"/>
      <c r="BB7311" s="107">
        <v>45065</v>
      </c>
    </row>
    <row r="7312" spans="1:54" ht="13.95" customHeight="1" x14ac:dyDescent="0.25">
      <c r="A7312" s="14" t="s">
        <v>17708</v>
      </c>
      <c r="B7312" s="109" t="s">
        <v>21519</v>
      </c>
      <c r="C7312" s="93" t="s">
        <v>17709</v>
      </c>
      <c r="D7312" s="93" t="s">
        <v>17710</v>
      </c>
      <c r="E7312" s="177">
        <v>1994</v>
      </c>
      <c r="F7312" s="177">
        <v>1817</v>
      </c>
      <c r="G7312" s="177" t="s">
        <v>1</v>
      </c>
      <c r="H7312" s="178">
        <v>0</v>
      </c>
      <c r="I7312" s="178">
        <v>0</v>
      </c>
      <c r="J7312" s="178">
        <v>0</v>
      </c>
      <c r="K7312" s="178">
        <v>0</v>
      </c>
      <c r="L7312" s="178">
        <v>0</v>
      </c>
      <c r="M7312" s="178">
        <v>0</v>
      </c>
      <c r="N7312" s="178">
        <v>0</v>
      </c>
      <c r="O7312" s="178">
        <v>0</v>
      </c>
      <c r="P7312" s="178">
        <v>0</v>
      </c>
      <c r="Q7312" s="178">
        <v>0</v>
      </c>
      <c r="R7312" s="178">
        <v>0</v>
      </c>
      <c r="S7312" s="178">
        <v>0</v>
      </c>
      <c r="T7312" s="178">
        <v>0</v>
      </c>
      <c r="U7312" s="179"/>
      <c r="V7312" s="179"/>
      <c r="W7312" s="179"/>
      <c r="X7312" s="179"/>
      <c r="Y7312" s="179"/>
      <c r="Z7312" s="179"/>
      <c r="AA7312" s="179"/>
      <c r="AB7312" s="179"/>
      <c r="AC7312" s="179"/>
      <c r="AD7312" s="179"/>
      <c r="AE7312" s="179"/>
      <c r="AF7312" s="179"/>
      <c r="AG7312" s="179"/>
      <c r="AH7312" s="179"/>
      <c r="AI7312" s="179"/>
      <c r="AJ7312" s="179"/>
      <c r="AK7312" s="179"/>
      <c r="AL7312" s="179"/>
      <c r="AM7312" s="179"/>
      <c r="AN7312" s="179"/>
      <c r="AO7312" s="179"/>
      <c r="AP7312" s="179"/>
      <c r="AQ7312" s="179"/>
      <c r="AR7312" s="179"/>
      <c r="AS7312" s="179"/>
      <c r="AT7312" s="179"/>
      <c r="AU7312" s="179"/>
      <c r="AV7312" s="179"/>
      <c r="AW7312" s="179"/>
      <c r="AX7312" s="180"/>
      <c r="AY7312" s="180"/>
      <c r="AZ7312" s="180"/>
      <c r="BA7312" s="180"/>
      <c r="BB7312" s="107">
        <v>45065</v>
      </c>
    </row>
    <row r="7313" spans="1:54" ht="13.95" customHeight="1" x14ac:dyDescent="0.25">
      <c r="A7313" s="14" t="s">
        <v>17711</v>
      </c>
      <c r="B7313" s="109" t="s">
        <v>21519</v>
      </c>
      <c r="C7313" s="93" t="s">
        <v>17712</v>
      </c>
      <c r="D7313" s="93" t="s">
        <v>17713</v>
      </c>
      <c r="E7313" s="177">
        <v>1985</v>
      </c>
      <c r="F7313" s="177">
        <v>1102</v>
      </c>
      <c r="G7313" s="177" t="s">
        <v>1</v>
      </c>
      <c r="H7313" s="178">
        <v>0</v>
      </c>
      <c r="I7313" s="178">
        <v>0</v>
      </c>
      <c r="J7313" s="178">
        <v>1</v>
      </c>
      <c r="K7313" s="178">
        <v>0</v>
      </c>
      <c r="L7313" s="178">
        <v>0</v>
      </c>
      <c r="M7313" s="178">
        <v>0</v>
      </c>
      <c r="N7313" s="178">
        <v>0</v>
      </c>
      <c r="O7313" s="178">
        <v>1</v>
      </c>
      <c r="P7313" s="178">
        <v>1</v>
      </c>
      <c r="Q7313" s="178">
        <v>1</v>
      </c>
      <c r="R7313" s="178">
        <v>1</v>
      </c>
      <c r="S7313" s="178">
        <v>0</v>
      </c>
      <c r="T7313" s="178">
        <v>0</v>
      </c>
      <c r="U7313" s="179"/>
      <c r="V7313" s="179"/>
      <c r="W7313" s="179"/>
      <c r="X7313" s="179"/>
      <c r="Y7313" s="179"/>
      <c r="Z7313" s="179"/>
      <c r="AA7313" s="179"/>
      <c r="AB7313" s="179"/>
      <c r="AC7313" s="179"/>
      <c r="AD7313" s="179"/>
      <c r="AE7313" s="179"/>
      <c r="AF7313" s="179"/>
      <c r="AG7313" s="179"/>
      <c r="AH7313" s="179"/>
      <c r="AI7313" s="179"/>
      <c r="AJ7313" s="179"/>
      <c r="AK7313" s="179"/>
      <c r="AL7313" s="179"/>
      <c r="AM7313" s="179"/>
      <c r="AN7313" s="179"/>
      <c r="AO7313" s="179"/>
      <c r="AP7313" s="179"/>
      <c r="AQ7313" s="179"/>
      <c r="AR7313" s="179"/>
      <c r="AS7313" s="179"/>
      <c r="AT7313" s="179"/>
      <c r="AU7313" s="179"/>
      <c r="AV7313" s="179"/>
      <c r="AW7313" s="179"/>
      <c r="AX7313" s="180"/>
      <c r="AY7313" s="180"/>
      <c r="AZ7313" s="180"/>
      <c r="BA7313" s="180"/>
      <c r="BB7313" s="107">
        <v>45065</v>
      </c>
    </row>
    <row r="7314" spans="1:54" ht="13.95" customHeight="1" x14ac:dyDescent="0.25">
      <c r="A7314" s="14" t="s">
        <v>17714</v>
      </c>
      <c r="B7314" s="109" t="s">
        <v>21519</v>
      </c>
      <c r="C7314" s="93" t="s">
        <v>17715</v>
      </c>
      <c r="D7314" s="93" t="s">
        <v>17716</v>
      </c>
      <c r="E7314" s="177">
        <v>2000</v>
      </c>
      <c r="F7314" s="177">
        <v>225</v>
      </c>
      <c r="G7314" s="177" t="s">
        <v>1</v>
      </c>
      <c r="H7314" s="178">
        <v>0</v>
      </c>
      <c r="I7314" s="178">
        <v>0</v>
      </c>
      <c r="J7314" s="178">
        <v>1</v>
      </c>
      <c r="K7314" s="178">
        <v>0</v>
      </c>
      <c r="L7314" s="178">
        <v>0</v>
      </c>
      <c r="M7314" s="178">
        <v>0</v>
      </c>
      <c r="N7314" s="178">
        <v>0</v>
      </c>
      <c r="O7314" s="178">
        <v>0</v>
      </c>
      <c r="P7314" s="178">
        <v>1</v>
      </c>
      <c r="Q7314" s="178">
        <v>0</v>
      </c>
      <c r="R7314" s="178">
        <v>1</v>
      </c>
      <c r="S7314" s="178">
        <v>0</v>
      </c>
      <c r="T7314" s="178">
        <v>0</v>
      </c>
      <c r="U7314" s="179"/>
      <c r="V7314" s="179"/>
      <c r="W7314" s="179"/>
      <c r="X7314" s="179"/>
      <c r="Y7314" s="179"/>
      <c r="Z7314" s="179"/>
      <c r="AA7314" s="179"/>
      <c r="AB7314" s="179"/>
      <c r="AC7314" s="179"/>
      <c r="AD7314" s="179"/>
      <c r="AE7314" s="179"/>
      <c r="AF7314" s="179"/>
      <c r="AG7314" s="179"/>
      <c r="AH7314" s="179"/>
      <c r="AI7314" s="179"/>
      <c r="AJ7314" s="179"/>
      <c r="AK7314" s="179"/>
      <c r="AL7314" s="179"/>
      <c r="AM7314" s="179"/>
      <c r="AN7314" s="179"/>
      <c r="AO7314" s="179"/>
      <c r="AP7314" s="179"/>
      <c r="AQ7314" s="179"/>
      <c r="AR7314" s="179"/>
      <c r="AS7314" s="179"/>
      <c r="AT7314" s="179"/>
      <c r="AU7314" s="179"/>
      <c r="AV7314" s="179"/>
      <c r="AW7314" s="179"/>
      <c r="AX7314" s="180"/>
      <c r="AY7314" s="180"/>
      <c r="AZ7314" s="180"/>
      <c r="BA7314" s="180"/>
      <c r="BB7314" s="107">
        <v>45065</v>
      </c>
    </row>
    <row r="7315" spans="1:54" ht="13.95" customHeight="1" x14ac:dyDescent="0.25">
      <c r="A7315" s="14" t="s">
        <v>17717</v>
      </c>
      <c r="B7315" s="109" t="s">
        <v>21519</v>
      </c>
      <c r="C7315" s="93" t="s">
        <v>17718</v>
      </c>
      <c r="D7315" s="93" t="s">
        <v>17719</v>
      </c>
      <c r="E7315" s="177">
        <v>1982</v>
      </c>
      <c r="F7315" s="177">
        <v>162</v>
      </c>
      <c r="G7315" s="177" t="s">
        <v>1</v>
      </c>
      <c r="H7315" s="178">
        <v>0</v>
      </c>
      <c r="I7315" s="178">
        <v>0</v>
      </c>
      <c r="J7315" s="178">
        <v>0</v>
      </c>
      <c r="K7315" s="178">
        <v>0</v>
      </c>
      <c r="L7315" s="178">
        <v>1</v>
      </c>
      <c r="M7315" s="178">
        <v>0</v>
      </c>
      <c r="N7315" s="178">
        <v>0</v>
      </c>
      <c r="O7315" s="178">
        <v>0</v>
      </c>
      <c r="P7315" s="178">
        <v>1</v>
      </c>
      <c r="Q7315" s="178">
        <v>0</v>
      </c>
      <c r="R7315" s="178">
        <v>1</v>
      </c>
      <c r="S7315" s="178">
        <v>0</v>
      </c>
      <c r="T7315" s="178">
        <v>0</v>
      </c>
      <c r="U7315" s="179"/>
      <c r="V7315" s="179"/>
      <c r="W7315" s="179"/>
      <c r="X7315" s="179"/>
      <c r="Y7315" s="179"/>
      <c r="Z7315" s="179"/>
      <c r="AA7315" s="179"/>
      <c r="AB7315" s="179"/>
      <c r="AC7315" s="179"/>
      <c r="AD7315" s="179"/>
      <c r="AE7315" s="179"/>
      <c r="AF7315" s="179"/>
      <c r="AG7315" s="179"/>
      <c r="AH7315" s="179"/>
      <c r="AI7315" s="179"/>
      <c r="AJ7315" s="179"/>
      <c r="AK7315" s="179"/>
      <c r="AL7315" s="179"/>
      <c r="AM7315" s="179"/>
      <c r="AN7315" s="179"/>
      <c r="AO7315" s="179"/>
      <c r="AP7315" s="179"/>
      <c r="AQ7315" s="179"/>
      <c r="AR7315" s="179"/>
      <c r="AS7315" s="179"/>
      <c r="AT7315" s="179"/>
      <c r="AU7315" s="179"/>
      <c r="AV7315" s="179"/>
      <c r="AW7315" s="179"/>
      <c r="AX7315" s="180"/>
      <c r="AY7315" s="180"/>
      <c r="AZ7315" s="180"/>
      <c r="BA7315" s="180"/>
      <c r="BB7315" s="107">
        <v>45065</v>
      </c>
    </row>
    <row r="7316" spans="1:54" ht="13.95" customHeight="1" x14ac:dyDescent="0.25">
      <c r="A7316" s="14" t="s">
        <v>17720</v>
      </c>
      <c r="B7316" s="109" t="s">
        <v>21519</v>
      </c>
      <c r="C7316" s="93" t="s">
        <v>17721</v>
      </c>
      <c r="D7316" s="93" t="s">
        <v>17722</v>
      </c>
      <c r="E7316" s="177">
        <v>2008</v>
      </c>
      <c r="F7316" s="177">
        <v>507</v>
      </c>
      <c r="G7316" s="177" t="s">
        <v>1</v>
      </c>
      <c r="H7316" s="178">
        <v>0</v>
      </c>
      <c r="I7316" s="178">
        <v>0</v>
      </c>
      <c r="J7316" s="178">
        <v>1</v>
      </c>
      <c r="K7316" s="178">
        <v>1</v>
      </c>
      <c r="L7316" s="178">
        <v>0</v>
      </c>
      <c r="M7316" s="178">
        <v>1</v>
      </c>
      <c r="N7316" s="178">
        <v>0</v>
      </c>
      <c r="O7316" s="178">
        <v>0</v>
      </c>
      <c r="P7316" s="178">
        <v>1</v>
      </c>
      <c r="Q7316" s="178">
        <v>0</v>
      </c>
      <c r="R7316" s="178">
        <v>0</v>
      </c>
      <c r="S7316" s="178">
        <v>0</v>
      </c>
      <c r="T7316" s="178">
        <v>0</v>
      </c>
      <c r="U7316" s="179"/>
      <c r="V7316" s="179"/>
      <c r="W7316" s="179"/>
      <c r="X7316" s="179"/>
      <c r="Y7316" s="179"/>
      <c r="Z7316" s="179"/>
      <c r="AA7316" s="179"/>
      <c r="AB7316" s="179"/>
      <c r="AC7316" s="179"/>
      <c r="AD7316" s="179"/>
      <c r="AE7316" s="179"/>
      <c r="AF7316" s="179"/>
      <c r="AG7316" s="179"/>
      <c r="AH7316" s="179"/>
      <c r="AI7316" s="179"/>
      <c r="AJ7316" s="179"/>
      <c r="AK7316" s="179"/>
      <c r="AL7316" s="179"/>
      <c r="AM7316" s="179"/>
      <c r="AN7316" s="179"/>
      <c r="AO7316" s="179"/>
      <c r="AP7316" s="179"/>
      <c r="AQ7316" s="179"/>
      <c r="AR7316" s="179"/>
      <c r="AS7316" s="179"/>
      <c r="AT7316" s="179"/>
      <c r="AU7316" s="179"/>
      <c r="AV7316" s="179"/>
      <c r="AW7316" s="179"/>
      <c r="AX7316" s="180"/>
      <c r="AY7316" s="180"/>
      <c r="AZ7316" s="180"/>
      <c r="BA7316" s="180"/>
      <c r="BB7316" s="107">
        <v>45065</v>
      </c>
    </row>
    <row r="7317" spans="1:54" ht="13.95" customHeight="1" x14ac:dyDescent="0.25">
      <c r="A7317" s="14" t="s">
        <v>17723</v>
      </c>
      <c r="B7317" s="109" t="s">
        <v>21519</v>
      </c>
      <c r="C7317" s="93" t="s">
        <v>17724</v>
      </c>
      <c r="D7317" s="93" t="s">
        <v>17725</v>
      </c>
      <c r="E7317" s="177">
        <v>2005</v>
      </c>
      <c r="F7317" s="177">
        <v>185</v>
      </c>
      <c r="G7317" s="177" t="s">
        <v>1</v>
      </c>
      <c r="H7317" s="178">
        <v>0</v>
      </c>
      <c r="I7317" s="178">
        <v>0</v>
      </c>
      <c r="J7317" s="178">
        <v>0</v>
      </c>
      <c r="K7317" s="178">
        <v>1</v>
      </c>
      <c r="L7317" s="178">
        <v>0</v>
      </c>
      <c r="M7317" s="178">
        <v>0</v>
      </c>
      <c r="N7317" s="178">
        <v>0</v>
      </c>
      <c r="O7317" s="178">
        <v>0</v>
      </c>
      <c r="P7317" s="178">
        <v>1</v>
      </c>
      <c r="Q7317" s="178">
        <v>0</v>
      </c>
      <c r="R7317" s="178">
        <v>0</v>
      </c>
      <c r="S7317" s="178">
        <v>0</v>
      </c>
      <c r="T7317" s="178">
        <v>0</v>
      </c>
      <c r="U7317" s="179"/>
      <c r="V7317" s="179"/>
      <c r="W7317" s="179"/>
      <c r="X7317" s="179"/>
      <c r="Y7317" s="179"/>
      <c r="Z7317" s="179"/>
      <c r="AA7317" s="179"/>
      <c r="AB7317" s="179"/>
      <c r="AC7317" s="179"/>
      <c r="AD7317" s="179"/>
      <c r="AE7317" s="179"/>
      <c r="AF7317" s="179"/>
      <c r="AG7317" s="179"/>
      <c r="AH7317" s="179"/>
      <c r="AI7317" s="179"/>
      <c r="AJ7317" s="179"/>
      <c r="AK7317" s="179"/>
      <c r="AL7317" s="179"/>
      <c r="AM7317" s="179"/>
      <c r="AN7317" s="179"/>
      <c r="AO7317" s="179"/>
      <c r="AP7317" s="179"/>
      <c r="AQ7317" s="179"/>
      <c r="AR7317" s="179"/>
      <c r="AS7317" s="179"/>
      <c r="AT7317" s="179"/>
      <c r="AU7317" s="179"/>
      <c r="AV7317" s="179"/>
      <c r="AW7317" s="179"/>
      <c r="AX7317" s="180"/>
      <c r="AY7317" s="180"/>
      <c r="AZ7317" s="180"/>
      <c r="BA7317" s="180"/>
      <c r="BB7317" s="107">
        <v>45065</v>
      </c>
    </row>
    <row r="7318" spans="1:54" ht="13.95" customHeight="1" x14ac:dyDescent="0.25">
      <c r="A7318" s="14" t="s">
        <v>17726</v>
      </c>
      <c r="B7318" s="109" t="s">
        <v>21519</v>
      </c>
      <c r="C7318" s="93" t="s">
        <v>17727</v>
      </c>
      <c r="D7318" s="93" t="s">
        <v>17728</v>
      </c>
      <c r="E7318" s="177">
        <v>2005</v>
      </c>
      <c r="F7318" s="177">
        <v>220</v>
      </c>
      <c r="G7318" s="177" t="s">
        <v>1</v>
      </c>
      <c r="H7318" s="178">
        <v>0</v>
      </c>
      <c r="I7318" s="178">
        <v>0</v>
      </c>
      <c r="J7318" s="178">
        <v>0</v>
      </c>
      <c r="K7318" s="178">
        <v>0</v>
      </c>
      <c r="L7318" s="178">
        <v>0</v>
      </c>
      <c r="M7318" s="178">
        <v>0</v>
      </c>
      <c r="N7318" s="178">
        <v>0</v>
      </c>
      <c r="O7318" s="178">
        <v>0</v>
      </c>
      <c r="P7318" s="178">
        <v>0</v>
      </c>
      <c r="Q7318" s="178">
        <v>0</v>
      </c>
      <c r="R7318" s="178">
        <v>1</v>
      </c>
      <c r="S7318" s="178">
        <v>1</v>
      </c>
      <c r="T7318" s="178">
        <v>0</v>
      </c>
      <c r="U7318" s="179"/>
      <c r="V7318" s="179"/>
      <c r="W7318" s="179"/>
      <c r="X7318" s="179"/>
      <c r="Y7318" s="179"/>
      <c r="Z7318" s="179"/>
      <c r="AA7318" s="179"/>
      <c r="AB7318" s="179"/>
      <c r="AC7318" s="179"/>
      <c r="AD7318" s="179"/>
      <c r="AE7318" s="179"/>
      <c r="AF7318" s="179"/>
      <c r="AG7318" s="179"/>
      <c r="AH7318" s="179"/>
      <c r="AI7318" s="179"/>
      <c r="AJ7318" s="179"/>
      <c r="AK7318" s="179"/>
      <c r="AL7318" s="179"/>
      <c r="AM7318" s="179"/>
      <c r="AN7318" s="179"/>
      <c r="AO7318" s="179"/>
      <c r="AP7318" s="179"/>
      <c r="AQ7318" s="179"/>
      <c r="AR7318" s="179"/>
      <c r="AS7318" s="179"/>
      <c r="AT7318" s="179"/>
      <c r="AU7318" s="179"/>
      <c r="AV7318" s="179"/>
      <c r="AW7318" s="179"/>
      <c r="AX7318" s="180"/>
      <c r="AY7318" s="180"/>
      <c r="AZ7318" s="180"/>
      <c r="BA7318" s="180"/>
      <c r="BB7318" s="107">
        <v>45065</v>
      </c>
    </row>
    <row r="7319" spans="1:54" ht="13.95" customHeight="1" x14ac:dyDescent="0.25">
      <c r="A7319" s="14" t="s">
        <v>17729</v>
      </c>
      <c r="B7319" s="109" t="s">
        <v>21519</v>
      </c>
      <c r="C7319" s="93" t="s">
        <v>21520</v>
      </c>
      <c r="D7319" s="93" t="s">
        <v>17730</v>
      </c>
      <c r="E7319" s="177">
        <v>2008</v>
      </c>
      <c r="F7319" s="177">
        <v>149</v>
      </c>
      <c r="G7319" s="177" t="s">
        <v>1</v>
      </c>
      <c r="H7319" s="178">
        <v>0</v>
      </c>
      <c r="I7319" s="178">
        <v>0</v>
      </c>
      <c r="J7319" s="178">
        <v>0</v>
      </c>
      <c r="K7319" s="178">
        <v>1</v>
      </c>
      <c r="L7319" s="178">
        <v>0</v>
      </c>
      <c r="M7319" s="178">
        <v>0</v>
      </c>
      <c r="N7319" s="178">
        <v>0</v>
      </c>
      <c r="O7319" s="178">
        <v>0</v>
      </c>
      <c r="P7319" s="178">
        <v>0</v>
      </c>
      <c r="Q7319" s="178">
        <v>0</v>
      </c>
      <c r="R7319" s="178">
        <v>1</v>
      </c>
      <c r="S7319" s="178">
        <v>0</v>
      </c>
      <c r="T7319" s="178">
        <v>0</v>
      </c>
      <c r="U7319" s="179"/>
      <c r="V7319" s="179"/>
      <c r="W7319" s="179"/>
      <c r="X7319" s="179"/>
      <c r="Y7319" s="179"/>
      <c r="Z7319" s="179"/>
      <c r="AA7319" s="179"/>
      <c r="AB7319" s="179"/>
      <c r="AC7319" s="179"/>
      <c r="AD7319" s="179"/>
      <c r="AE7319" s="179"/>
      <c r="AF7319" s="179"/>
      <c r="AG7319" s="179"/>
      <c r="AH7319" s="179"/>
      <c r="AI7319" s="179"/>
      <c r="AJ7319" s="179"/>
      <c r="AK7319" s="179"/>
      <c r="AL7319" s="179"/>
      <c r="AM7319" s="179"/>
      <c r="AN7319" s="179"/>
      <c r="AO7319" s="179"/>
      <c r="AP7319" s="179"/>
      <c r="AQ7319" s="179"/>
      <c r="AR7319" s="179"/>
      <c r="AS7319" s="179"/>
      <c r="AT7319" s="179"/>
      <c r="AU7319" s="179"/>
      <c r="AV7319" s="179"/>
      <c r="AW7319" s="179"/>
      <c r="AX7319" s="180"/>
      <c r="AY7319" s="180"/>
      <c r="AZ7319" s="180"/>
      <c r="BA7319" s="180"/>
      <c r="BB7319" s="107">
        <v>45065</v>
      </c>
    </row>
    <row r="7320" spans="1:54" ht="13.95" customHeight="1" x14ac:dyDescent="0.25">
      <c r="A7320" s="14" t="s">
        <v>17731</v>
      </c>
      <c r="B7320" s="109" t="s">
        <v>21519</v>
      </c>
      <c r="C7320" s="93" t="s">
        <v>13429</v>
      </c>
      <c r="D7320" s="93" t="s">
        <v>17732</v>
      </c>
      <c r="E7320" s="177">
        <v>2002</v>
      </c>
      <c r="F7320" s="177">
        <v>190</v>
      </c>
      <c r="G7320" s="177" t="s">
        <v>1</v>
      </c>
      <c r="H7320" s="178">
        <v>0</v>
      </c>
      <c r="I7320" s="178">
        <v>0</v>
      </c>
      <c r="J7320" s="178">
        <v>0</v>
      </c>
      <c r="K7320" s="178">
        <v>1</v>
      </c>
      <c r="L7320" s="178">
        <v>0</v>
      </c>
      <c r="M7320" s="178">
        <v>0</v>
      </c>
      <c r="N7320" s="178">
        <v>0</v>
      </c>
      <c r="O7320" s="178">
        <v>0</v>
      </c>
      <c r="P7320" s="178">
        <v>1</v>
      </c>
      <c r="Q7320" s="178">
        <v>0</v>
      </c>
      <c r="R7320" s="178">
        <v>0</v>
      </c>
      <c r="S7320" s="178">
        <v>0</v>
      </c>
      <c r="T7320" s="178">
        <v>0</v>
      </c>
      <c r="U7320" s="179"/>
      <c r="V7320" s="179"/>
      <c r="W7320" s="179"/>
      <c r="X7320" s="179"/>
      <c r="Y7320" s="179"/>
      <c r="Z7320" s="179"/>
      <c r="AA7320" s="179"/>
      <c r="AB7320" s="179"/>
      <c r="AC7320" s="179"/>
      <c r="AD7320" s="179"/>
      <c r="AE7320" s="179"/>
      <c r="AF7320" s="179"/>
      <c r="AG7320" s="179"/>
      <c r="AH7320" s="179"/>
      <c r="AI7320" s="179"/>
      <c r="AJ7320" s="179"/>
      <c r="AK7320" s="179"/>
      <c r="AL7320" s="179"/>
      <c r="AM7320" s="179"/>
      <c r="AN7320" s="179"/>
      <c r="AO7320" s="179"/>
      <c r="AP7320" s="179"/>
      <c r="AQ7320" s="179"/>
      <c r="AR7320" s="179"/>
      <c r="AS7320" s="179"/>
      <c r="AT7320" s="179"/>
      <c r="AU7320" s="179"/>
      <c r="AV7320" s="179"/>
      <c r="AW7320" s="179"/>
      <c r="AX7320" s="180"/>
      <c r="AY7320" s="180"/>
      <c r="AZ7320" s="180"/>
      <c r="BA7320" s="180"/>
      <c r="BB7320" s="107">
        <v>45065</v>
      </c>
    </row>
    <row r="7321" spans="1:54" ht="13.95" customHeight="1" x14ac:dyDescent="0.25">
      <c r="A7321" s="14" t="s">
        <v>17733</v>
      </c>
      <c r="B7321" s="109" t="s">
        <v>21519</v>
      </c>
      <c r="C7321" s="93" t="s">
        <v>17734</v>
      </c>
      <c r="D7321" s="93" t="s">
        <v>17735</v>
      </c>
      <c r="E7321" s="177">
        <v>1991</v>
      </c>
      <c r="F7321" s="177">
        <v>133</v>
      </c>
      <c r="G7321" s="177" t="s">
        <v>1</v>
      </c>
      <c r="H7321" s="178">
        <v>0</v>
      </c>
      <c r="I7321" s="178">
        <v>0</v>
      </c>
      <c r="J7321" s="178">
        <v>0</v>
      </c>
      <c r="K7321" s="178">
        <v>0</v>
      </c>
      <c r="L7321" s="178">
        <v>0</v>
      </c>
      <c r="M7321" s="178">
        <v>0</v>
      </c>
      <c r="N7321" s="178">
        <v>0</v>
      </c>
      <c r="O7321" s="178">
        <v>1</v>
      </c>
      <c r="P7321" s="178">
        <v>1</v>
      </c>
      <c r="Q7321" s="178">
        <v>0</v>
      </c>
      <c r="R7321" s="178">
        <v>0</v>
      </c>
      <c r="S7321" s="178">
        <v>0</v>
      </c>
      <c r="T7321" s="178">
        <v>0</v>
      </c>
      <c r="U7321" s="179"/>
      <c r="V7321" s="179"/>
      <c r="W7321" s="179"/>
      <c r="X7321" s="179"/>
      <c r="Y7321" s="179"/>
      <c r="Z7321" s="179"/>
      <c r="AA7321" s="179"/>
      <c r="AB7321" s="179"/>
      <c r="AC7321" s="179"/>
      <c r="AD7321" s="179"/>
      <c r="AE7321" s="179"/>
      <c r="AF7321" s="179"/>
      <c r="AG7321" s="179"/>
      <c r="AH7321" s="179"/>
      <c r="AI7321" s="179"/>
      <c r="AJ7321" s="179"/>
      <c r="AK7321" s="179"/>
      <c r="AL7321" s="179"/>
      <c r="AM7321" s="179"/>
      <c r="AN7321" s="179"/>
      <c r="AO7321" s="179"/>
      <c r="AP7321" s="179"/>
      <c r="AQ7321" s="179"/>
      <c r="AR7321" s="179"/>
      <c r="AS7321" s="179"/>
      <c r="AT7321" s="179"/>
      <c r="AU7321" s="179"/>
      <c r="AV7321" s="179"/>
      <c r="AW7321" s="179"/>
      <c r="AX7321" s="180"/>
      <c r="AY7321" s="180"/>
      <c r="AZ7321" s="180"/>
      <c r="BA7321" s="180"/>
      <c r="BB7321" s="107">
        <v>45065</v>
      </c>
    </row>
    <row r="7322" spans="1:54" ht="13.95" customHeight="1" x14ac:dyDescent="0.25">
      <c r="A7322" s="14" t="s">
        <v>17736</v>
      </c>
      <c r="B7322" s="109" t="s">
        <v>21519</v>
      </c>
      <c r="C7322" s="93" t="s">
        <v>17737</v>
      </c>
      <c r="D7322" s="93" t="s">
        <v>17738</v>
      </c>
      <c r="E7322" s="177">
        <v>1991</v>
      </c>
      <c r="F7322" s="177">
        <v>429</v>
      </c>
      <c r="G7322" s="177" t="s">
        <v>1</v>
      </c>
      <c r="H7322" s="178">
        <v>0</v>
      </c>
      <c r="I7322" s="178">
        <v>0</v>
      </c>
      <c r="J7322" s="178">
        <v>0</v>
      </c>
      <c r="K7322" s="178">
        <v>0</v>
      </c>
      <c r="L7322" s="178">
        <v>0</v>
      </c>
      <c r="M7322" s="178">
        <v>0</v>
      </c>
      <c r="N7322" s="178">
        <v>0</v>
      </c>
      <c r="O7322" s="178">
        <v>2</v>
      </c>
      <c r="P7322" s="178">
        <v>1</v>
      </c>
      <c r="Q7322" s="178">
        <v>1</v>
      </c>
      <c r="R7322" s="178">
        <v>0</v>
      </c>
      <c r="S7322" s="178">
        <v>0</v>
      </c>
      <c r="T7322" s="178">
        <v>0</v>
      </c>
      <c r="U7322" s="179"/>
      <c r="V7322" s="179"/>
      <c r="W7322" s="179"/>
      <c r="X7322" s="179"/>
      <c r="Y7322" s="179"/>
      <c r="Z7322" s="179"/>
      <c r="AA7322" s="179"/>
      <c r="AB7322" s="179"/>
      <c r="AC7322" s="179"/>
      <c r="AD7322" s="179"/>
      <c r="AE7322" s="179"/>
      <c r="AF7322" s="179"/>
      <c r="AG7322" s="179"/>
      <c r="AH7322" s="179"/>
      <c r="AI7322" s="179"/>
      <c r="AJ7322" s="179"/>
      <c r="AK7322" s="179"/>
      <c r="AL7322" s="179"/>
      <c r="AM7322" s="179"/>
      <c r="AN7322" s="179"/>
      <c r="AO7322" s="179"/>
      <c r="AP7322" s="179"/>
      <c r="AQ7322" s="179"/>
      <c r="AR7322" s="179"/>
      <c r="AS7322" s="179"/>
      <c r="AT7322" s="179"/>
      <c r="AU7322" s="179"/>
      <c r="AV7322" s="179"/>
      <c r="AW7322" s="179"/>
      <c r="AX7322" s="180"/>
      <c r="AY7322" s="180"/>
      <c r="AZ7322" s="180"/>
      <c r="BA7322" s="180"/>
      <c r="BB7322" s="107">
        <v>45065</v>
      </c>
    </row>
    <row r="7323" spans="1:54" ht="13.95" customHeight="1" x14ac:dyDescent="0.25">
      <c r="A7323" s="14" t="s">
        <v>17739</v>
      </c>
      <c r="B7323" s="109" t="s">
        <v>21519</v>
      </c>
      <c r="C7323" s="93" t="s">
        <v>17740</v>
      </c>
      <c r="D7323" s="93" t="s">
        <v>17741</v>
      </c>
      <c r="E7323" s="177">
        <v>2009</v>
      </c>
      <c r="F7323" s="177">
        <v>188</v>
      </c>
      <c r="G7323" s="177" t="s">
        <v>1</v>
      </c>
      <c r="H7323" s="178">
        <v>0</v>
      </c>
      <c r="I7323" s="178">
        <v>0</v>
      </c>
      <c r="J7323" s="178">
        <v>0</v>
      </c>
      <c r="K7323" s="178">
        <v>0</v>
      </c>
      <c r="L7323" s="178">
        <v>0</v>
      </c>
      <c r="M7323" s="178">
        <v>0</v>
      </c>
      <c r="N7323" s="178">
        <v>0</v>
      </c>
      <c r="O7323" s="178">
        <v>0</v>
      </c>
      <c r="P7323" s="178">
        <v>0</v>
      </c>
      <c r="Q7323" s="178">
        <v>0</v>
      </c>
      <c r="R7323" s="178">
        <v>0</v>
      </c>
      <c r="S7323" s="178">
        <v>0</v>
      </c>
      <c r="T7323" s="178">
        <v>0</v>
      </c>
      <c r="U7323" s="179"/>
      <c r="V7323" s="179"/>
      <c r="W7323" s="179"/>
      <c r="X7323" s="179"/>
      <c r="Y7323" s="179"/>
      <c r="Z7323" s="179"/>
      <c r="AA7323" s="179"/>
      <c r="AB7323" s="179"/>
      <c r="AC7323" s="179"/>
      <c r="AD7323" s="179"/>
      <c r="AE7323" s="179"/>
      <c r="AF7323" s="179"/>
      <c r="AG7323" s="179"/>
      <c r="AH7323" s="179"/>
      <c r="AI7323" s="179"/>
      <c r="AJ7323" s="179"/>
      <c r="AK7323" s="179"/>
      <c r="AL7323" s="179"/>
      <c r="AM7323" s="179"/>
      <c r="AN7323" s="179"/>
      <c r="AO7323" s="179"/>
      <c r="AP7323" s="179"/>
      <c r="AQ7323" s="179"/>
      <c r="AR7323" s="179"/>
      <c r="AS7323" s="179"/>
      <c r="AT7323" s="179"/>
      <c r="AU7323" s="179"/>
      <c r="AV7323" s="179"/>
      <c r="AW7323" s="179"/>
      <c r="AX7323" s="180"/>
      <c r="AY7323" s="180"/>
      <c r="AZ7323" s="180"/>
      <c r="BA7323" s="180"/>
      <c r="BB7323" s="107">
        <v>45065</v>
      </c>
    </row>
    <row r="7324" spans="1:54" ht="13.95" customHeight="1" x14ac:dyDescent="0.25">
      <c r="A7324" s="14" t="s">
        <v>17742</v>
      </c>
      <c r="B7324" s="109" t="s">
        <v>21519</v>
      </c>
      <c r="C7324" s="93" t="s">
        <v>17743</v>
      </c>
      <c r="D7324" s="93" t="s">
        <v>17744</v>
      </c>
      <c r="E7324" s="177">
        <v>1975</v>
      </c>
      <c r="F7324" s="177">
        <v>154</v>
      </c>
      <c r="G7324" s="177" t="s">
        <v>1</v>
      </c>
      <c r="H7324" s="178">
        <v>0</v>
      </c>
      <c r="I7324" s="178">
        <v>0</v>
      </c>
      <c r="J7324" s="178">
        <v>0</v>
      </c>
      <c r="K7324" s="178">
        <v>1</v>
      </c>
      <c r="L7324" s="178">
        <v>1</v>
      </c>
      <c r="M7324" s="178">
        <v>0</v>
      </c>
      <c r="N7324" s="178">
        <v>0</v>
      </c>
      <c r="O7324" s="178">
        <v>0</v>
      </c>
      <c r="P7324" s="178">
        <v>0</v>
      </c>
      <c r="Q7324" s="178">
        <v>0</v>
      </c>
      <c r="R7324" s="178">
        <v>1</v>
      </c>
      <c r="S7324" s="178">
        <v>0</v>
      </c>
      <c r="T7324" s="178">
        <v>0</v>
      </c>
      <c r="U7324" s="179"/>
      <c r="V7324" s="179"/>
      <c r="W7324" s="179"/>
      <c r="X7324" s="179"/>
      <c r="Y7324" s="179"/>
      <c r="Z7324" s="179"/>
      <c r="AA7324" s="179"/>
      <c r="AB7324" s="179"/>
      <c r="AC7324" s="179"/>
      <c r="AD7324" s="179"/>
      <c r="AE7324" s="179"/>
      <c r="AF7324" s="179"/>
      <c r="AG7324" s="179"/>
      <c r="AH7324" s="179"/>
      <c r="AI7324" s="179"/>
      <c r="AJ7324" s="179"/>
      <c r="AK7324" s="179"/>
      <c r="AL7324" s="179"/>
      <c r="AM7324" s="179"/>
      <c r="AN7324" s="179"/>
      <c r="AO7324" s="179"/>
      <c r="AP7324" s="179"/>
      <c r="AQ7324" s="179"/>
      <c r="AR7324" s="179"/>
      <c r="AS7324" s="179"/>
      <c r="AT7324" s="179"/>
      <c r="AU7324" s="179"/>
      <c r="AV7324" s="179"/>
      <c r="AW7324" s="179"/>
      <c r="AX7324" s="180"/>
      <c r="AY7324" s="180"/>
      <c r="AZ7324" s="180"/>
      <c r="BA7324" s="180"/>
      <c r="BB7324" s="107">
        <v>45065</v>
      </c>
    </row>
    <row r="7325" spans="1:54" ht="13.95" customHeight="1" x14ac:dyDescent="0.25">
      <c r="A7325" s="14" t="s">
        <v>17745</v>
      </c>
      <c r="B7325" s="109" t="s">
        <v>21519</v>
      </c>
      <c r="C7325" s="93" t="s">
        <v>17746</v>
      </c>
      <c r="D7325" s="93" t="s">
        <v>17747</v>
      </c>
      <c r="E7325" s="177">
        <v>2001</v>
      </c>
      <c r="F7325" s="177">
        <v>485</v>
      </c>
      <c r="G7325" s="177" t="s">
        <v>1</v>
      </c>
      <c r="H7325" s="178">
        <v>0</v>
      </c>
      <c r="I7325" s="178">
        <v>0</v>
      </c>
      <c r="J7325" s="178">
        <v>1</v>
      </c>
      <c r="K7325" s="178">
        <v>0</v>
      </c>
      <c r="L7325" s="178">
        <v>0</v>
      </c>
      <c r="M7325" s="178">
        <v>0</v>
      </c>
      <c r="N7325" s="178">
        <v>0</v>
      </c>
      <c r="O7325" s="178">
        <v>0</v>
      </c>
      <c r="P7325" s="178">
        <v>0</v>
      </c>
      <c r="Q7325" s="178">
        <v>0</v>
      </c>
      <c r="R7325" s="178">
        <v>1</v>
      </c>
      <c r="S7325" s="178">
        <v>0</v>
      </c>
      <c r="T7325" s="178">
        <v>0</v>
      </c>
      <c r="U7325" s="179"/>
      <c r="V7325" s="179"/>
      <c r="W7325" s="179"/>
      <c r="X7325" s="179"/>
      <c r="Y7325" s="179"/>
      <c r="Z7325" s="179"/>
      <c r="AA7325" s="179"/>
      <c r="AB7325" s="179"/>
      <c r="AC7325" s="179"/>
      <c r="AD7325" s="179"/>
      <c r="AE7325" s="179"/>
      <c r="AF7325" s="179"/>
      <c r="AG7325" s="179"/>
      <c r="AH7325" s="179"/>
      <c r="AI7325" s="179"/>
      <c r="AJ7325" s="179"/>
      <c r="AK7325" s="179"/>
      <c r="AL7325" s="179"/>
      <c r="AM7325" s="179"/>
      <c r="AN7325" s="179"/>
      <c r="AO7325" s="179"/>
      <c r="AP7325" s="179"/>
      <c r="AQ7325" s="179"/>
      <c r="AR7325" s="179"/>
      <c r="AS7325" s="179"/>
      <c r="AT7325" s="179"/>
      <c r="AU7325" s="179"/>
      <c r="AV7325" s="179"/>
      <c r="AW7325" s="179"/>
      <c r="AX7325" s="180"/>
      <c r="AY7325" s="180"/>
      <c r="AZ7325" s="180"/>
      <c r="BA7325" s="180"/>
      <c r="BB7325" s="107">
        <v>45065</v>
      </c>
    </row>
    <row r="7326" spans="1:54" ht="13.95" customHeight="1" x14ac:dyDescent="0.25">
      <c r="A7326" s="14" t="s">
        <v>17748</v>
      </c>
      <c r="B7326" s="109" t="s">
        <v>21519</v>
      </c>
      <c r="C7326" s="93" t="s">
        <v>6210</v>
      </c>
      <c r="D7326" s="93" t="s">
        <v>17749</v>
      </c>
      <c r="E7326" s="177">
        <v>1975</v>
      </c>
      <c r="F7326" s="177">
        <v>266</v>
      </c>
      <c r="G7326" s="177" t="s">
        <v>1</v>
      </c>
      <c r="H7326" s="178">
        <v>0</v>
      </c>
      <c r="I7326" s="178">
        <v>0</v>
      </c>
      <c r="J7326" s="178">
        <v>0</v>
      </c>
      <c r="K7326" s="178">
        <v>0</v>
      </c>
      <c r="L7326" s="178">
        <v>0</v>
      </c>
      <c r="M7326" s="178">
        <v>0</v>
      </c>
      <c r="N7326" s="178">
        <v>0</v>
      </c>
      <c r="O7326" s="178">
        <v>0</v>
      </c>
      <c r="P7326" s="178">
        <v>1</v>
      </c>
      <c r="Q7326" s="178">
        <v>0</v>
      </c>
      <c r="R7326" s="178">
        <v>0</v>
      </c>
      <c r="S7326" s="178">
        <v>0</v>
      </c>
      <c r="T7326" s="178">
        <v>0</v>
      </c>
      <c r="U7326" s="179"/>
      <c r="V7326" s="179"/>
      <c r="W7326" s="179"/>
      <c r="X7326" s="179"/>
      <c r="Y7326" s="179"/>
      <c r="Z7326" s="179"/>
      <c r="AA7326" s="179"/>
      <c r="AB7326" s="179"/>
      <c r="AC7326" s="179"/>
      <c r="AD7326" s="179"/>
      <c r="AE7326" s="179"/>
      <c r="AF7326" s="179"/>
      <c r="AG7326" s="179"/>
      <c r="AH7326" s="179"/>
      <c r="AI7326" s="179"/>
      <c r="AJ7326" s="179"/>
      <c r="AK7326" s="179"/>
      <c r="AL7326" s="179"/>
      <c r="AM7326" s="179"/>
      <c r="AN7326" s="179"/>
      <c r="AO7326" s="179"/>
      <c r="AP7326" s="179"/>
      <c r="AQ7326" s="179"/>
      <c r="AR7326" s="179"/>
      <c r="AS7326" s="179"/>
      <c r="AT7326" s="179"/>
      <c r="AU7326" s="179"/>
      <c r="AV7326" s="179"/>
      <c r="AW7326" s="179"/>
      <c r="AX7326" s="180"/>
      <c r="AY7326" s="180"/>
      <c r="AZ7326" s="180"/>
      <c r="BA7326" s="180"/>
      <c r="BB7326" s="107">
        <v>45065</v>
      </c>
    </row>
    <row r="7327" spans="1:54" ht="13.95" customHeight="1" x14ac:dyDescent="0.25">
      <c r="A7327" s="14" t="s">
        <v>17750</v>
      </c>
      <c r="B7327" s="109" t="s">
        <v>21519</v>
      </c>
      <c r="C7327" s="93" t="s">
        <v>17751</v>
      </c>
      <c r="D7327" s="93" t="s">
        <v>17752</v>
      </c>
      <c r="E7327" s="177">
        <v>1983</v>
      </c>
      <c r="F7327" s="177">
        <v>150</v>
      </c>
      <c r="G7327" s="177" t="s">
        <v>1</v>
      </c>
      <c r="H7327" s="178">
        <v>0</v>
      </c>
      <c r="I7327" s="178">
        <v>0</v>
      </c>
      <c r="J7327" s="178">
        <v>0</v>
      </c>
      <c r="K7327" s="178">
        <v>0</v>
      </c>
      <c r="L7327" s="178">
        <v>0</v>
      </c>
      <c r="M7327" s="178">
        <v>0</v>
      </c>
      <c r="N7327" s="178">
        <v>0</v>
      </c>
      <c r="O7327" s="178">
        <v>0</v>
      </c>
      <c r="P7327" s="178">
        <v>0</v>
      </c>
      <c r="Q7327" s="178">
        <v>0</v>
      </c>
      <c r="R7327" s="178">
        <v>0</v>
      </c>
      <c r="S7327" s="178">
        <v>0</v>
      </c>
      <c r="T7327" s="178">
        <v>0</v>
      </c>
      <c r="U7327" s="179"/>
      <c r="V7327" s="179"/>
      <c r="W7327" s="179"/>
      <c r="X7327" s="179"/>
      <c r="Y7327" s="179"/>
      <c r="Z7327" s="179"/>
      <c r="AA7327" s="179"/>
      <c r="AB7327" s="179"/>
      <c r="AC7327" s="179"/>
      <c r="AD7327" s="179"/>
      <c r="AE7327" s="179"/>
      <c r="AF7327" s="179"/>
      <c r="AG7327" s="179"/>
      <c r="AH7327" s="179"/>
      <c r="AI7327" s="179"/>
      <c r="AJ7327" s="179"/>
      <c r="AK7327" s="179"/>
      <c r="AL7327" s="179"/>
      <c r="AM7327" s="179"/>
      <c r="AN7327" s="179"/>
      <c r="AO7327" s="179"/>
      <c r="AP7327" s="179"/>
      <c r="AQ7327" s="179"/>
      <c r="AR7327" s="179"/>
      <c r="AS7327" s="179"/>
      <c r="AT7327" s="179"/>
      <c r="AU7327" s="179"/>
      <c r="AV7327" s="179"/>
      <c r="AW7327" s="179"/>
      <c r="AX7327" s="180"/>
      <c r="AY7327" s="180"/>
      <c r="AZ7327" s="180"/>
      <c r="BA7327" s="180"/>
      <c r="BB7327" s="107">
        <v>45065</v>
      </c>
    </row>
    <row r="7328" spans="1:54" ht="13.95" customHeight="1" x14ac:dyDescent="0.25">
      <c r="A7328" s="14" t="s">
        <v>17753</v>
      </c>
      <c r="B7328" s="109" t="s">
        <v>21519</v>
      </c>
      <c r="C7328" s="93" t="s">
        <v>17754</v>
      </c>
      <c r="D7328" s="93" t="s">
        <v>17755</v>
      </c>
      <c r="E7328" s="177">
        <v>1981</v>
      </c>
      <c r="F7328" s="177">
        <v>325</v>
      </c>
      <c r="G7328" s="177" t="s">
        <v>1</v>
      </c>
      <c r="H7328" s="178">
        <v>0</v>
      </c>
      <c r="I7328" s="178">
        <v>0</v>
      </c>
      <c r="J7328" s="178">
        <v>0</v>
      </c>
      <c r="K7328" s="178">
        <v>0</v>
      </c>
      <c r="L7328" s="178">
        <v>1</v>
      </c>
      <c r="M7328" s="178">
        <v>0</v>
      </c>
      <c r="N7328" s="178">
        <v>0</v>
      </c>
      <c r="O7328" s="178">
        <v>1</v>
      </c>
      <c r="P7328" s="178">
        <v>1</v>
      </c>
      <c r="Q7328" s="178">
        <v>0</v>
      </c>
      <c r="R7328" s="178">
        <v>1</v>
      </c>
      <c r="S7328" s="178">
        <v>0</v>
      </c>
      <c r="T7328" s="178">
        <v>0</v>
      </c>
      <c r="U7328" s="179"/>
      <c r="V7328" s="179"/>
      <c r="W7328" s="179"/>
      <c r="X7328" s="179"/>
      <c r="Y7328" s="179"/>
      <c r="Z7328" s="179"/>
      <c r="AA7328" s="179"/>
      <c r="AB7328" s="179"/>
      <c r="AC7328" s="179"/>
      <c r="AD7328" s="179"/>
      <c r="AE7328" s="179"/>
      <c r="AF7328" s="179"/>
      <c r="AG7328" s="179"/>
      <c r="AH7328" s="179"/>
      <c r="AI7328" s="179"/>
      <c r="AJ7328" s="179"/>
      <c r="AK7328" s="179"/>
      <c r="AL7328" s="179"/>
      <c r="AM7328" s="179"/>
      <c r="AN7328" s="179"/>
      <c r="AO7328" s="179"/>
      <c r="AP7328" s="179"/>
      <c r="AQ7328" s="179"/>
      <c r="AR7328" s="179"/>
      <c r="AS7328" s="179"/>
      <c r="AT7328" s="179"/>
      <c r="AU7328" s="179"/>
      <c r="AV7328" s="179"/>
      <c r="AW7328" s="179"/>
      <c r="AX7328" s="180"/>
      <c r="AY7328" s="180"/>
      <c r="AZ7328" s="180"/>
      <c r="BA7328" s="180"/>
      <c r="BB7328" s="107">
        <v>45065</v>
      </c>
    </row>
    <row r="7329" spans="1:54" ht="13.95" customHeight="1" x14ac:dyDescent="0.25">
      <c r="A7329" s="14" t="s">
        <v>17756</v>
      </c>
      <c r="B7329" s="109" t="s">
        <v>21519</v>
      </c>
      <c r="C7329" s="93" t="s">
        <v>17757</v>
      </c>
      <c r="D7329" s="93" t="s">
        <v>17758</v>
      </c>
      <c r="E7329" s="177">
        <v>1989</v>
      </c>
      <c r="F7329" s="177">
        <v>552</v>
      </c>
      <c r="G7329" s="177" t="s">
        <v>1</v>
      </c>
      <c r="H7329" s="178">
        <v>0</v>
      </c>
      <c r="I7329" s="178">
        <v>0</v>
      </c>
      <c r="J7329" s="178">
        <v>0</v>
      </c>
      <c r="K7329" s="178">
        <v>0</v>
      </c>
      <c r="L7329" s="178">
        <v>1</v>
      </c>
      <c r="M7329" s="178">
        <v>0</v>
      </c>
      <c r="N7329" s="178">
        <v>0</v>
      </c>
      <c r="O7329" s="178">
        <v>0</v>
      </c>
      <c r="P7329" s="178">
        <v>1</v>
      </c>
      <c r="Q7329" s="178">
        <v>0</v>
      </c>
      <c r="R7329" s="178">
        <v>1</v>
      </c>
      <c r="S7329" s="178">
        <v>0</v>
      </c>
      <c r="T7329" s="178">
        <v>0</v>
      </c>
      <c r="U7329" s="179"/>
      <c r="V7329" s="179"/>
      <c r="W7329" s="179"/>
      <c r="X7329" s="179"/>
      <c r="Y7329" s="179"/>
      <c r="Z7329" s="179"/>
      <c r="AA7329" s="179"/>
      <c r="AB7329" s="179"/>
      <c r="AC7329" s="179"/>
      <c r="AD7329" s="179"/>
      <c r="AE7329" s="179"/>
      <c r="AF7329" s="179"/>
      <c r="AG7329" s="179"/>
      <c r="AH7329" s="179"/>
      <c r="AI7329" s="179"/>
      <c r="AJ7329" s="179"/>
      <c r="AK7329" s="179"/>
      <c r="AL7329" s="179"/>
      <c r="AM7329" s="179"/>
      <c r="AN7329" s="179"/>
      <c r="AO7329" s="179"/>
      <c r="AP7329" s="179"/>
      <c r="AQ7329" s="179"/>
      <c r="AR7329" s="179"/>
      <c r="AS7329" s="179"/>
      <c r="AT7329" s="179"/>
      <c r="AU7329" s="179"/>
      <c r="AV7329" s="179"/>
      <c r="AW7329" s="179"/>
      <c r="AX7329" s="180"/>
      <c r="AY7329" s="180"/>
      <c r="AZ7329" s="180"/>
      <c r="BA7329" s="180"/>
      <c r="BB7329" s="107">
        <v>45065</v>
      </c>
    </row>
    <row r="7330" spans="1:54" ht="13.95" customHeight="1" x14ac:dyDescent="0.25">
      <c r="A7330" s="14" t="s">
        <v>17759</v>
      </c>
      <c r="B7330" s="109" t="s">
        <v>21519</v>
      </c>
      <c r="C7330" s="93" t="s">
        <v>17760</v>
      </c>
      <c r="D7330" s="93" t="s">
        <v>17761</v>
      </c>
      <c r="E7330" s="177">
        <v>1989</v>
      </c>
      <c r="F7330" s="177">
        <v>304</v>
      </c>
      <c r="G7330" s="177" t="s">
        <v>1</v>
      </c>
      <c r="H7330" s="178">
        <v>0</v>
      </c>
      <c r="I7330" s="178">
        <v>0</v>
      </c>
      <c r="J7330" s="178">
        <v>0</v>
      </c>
      <c r="K7330" s="178">
        <v>0</v>
      </c>
      <c r="L7330" s="178">
        <v>1</v>
      </c>
      <c r="M7330" s="178">
        <v>0</v>
      </c>
      <c r="N7330" s="178">
        <v>0</v>
      </c>
      <c r="O7330" s="178">
        <v>1</v>
      </c>
      <c r="P7330" s="178">
        <v>1</v>
      </c>
      <c r="Q7330" s="178">
        <v>1</v>
      </c>
      <c r="R7330" s="178">
        <v>0</v>
      </c>
      <c r="S7330" s="178">
        <v>0</v>
      </c>
      <c r="T7330" s="178">
        <v>0</v>
      </c>
      <c r="U7330" s="179"/>
      <c r="V7330" s="179"/>
      <c r="W7330" s="179"/>
      <c r="X7330" s="179"/>
      <c r="Y7330" s="179"/>
      <c r="Z7330" s="179"/>
      <c r="AA7330" s="179"/>
      <c r="AB7330" s="179"/>
      <c r="AC7330" s="179"/>
      <c r="AD7330" s="179"/>
      <c r="AE7330" s="179"/>
      <c r="AF7330" s="179"/>
      <c r="AG7330" s="179"/>
      <c r="AH7330" s="179"/>
      <c r="AI7330" s="179"/>
      <c r="AJ7330" s="179"/>
      <c r="AK7330" s="179"/>
      <c r="AL7330" s="179"/>
      <c r="AM7330" s="179"/>
      <c r="AN7330" s="179"/>
      <c r="AO7330" s="179"/>
      <c r="AP7330" s="179"/>
      <c r="AQ7330" s="179"/>
      <c r="AR7330" s="179"/>
      <c r="AS7330" s="179"/>
      <c r="AT7330" s="179"/>
      <c r="AU7330" s="179"/>
      <c r="AV7330" s="179"/>
      <c r="AW7330" s="179"/>
      <c r="AX7330" s="180"/>
      <c r="AY7330" s="180"/>
      <c r="AZ7330" s="180"/>
      <c r="BA7330" s="180"/>
      <c r="BB7330" s="107">
        <v>45065</v>
      </c>
    </row>
    <row r="7331" spans="1:54" ht="13.95" customHeight="1" x14ac:dyDescent="0.25">
      <c r="A7331" s="14" t="s">
        <v>17762</v>
      </c>
      <c r="B7331" s="109" t="s">
        <v>21519</v>
      </c>
      <c r="C7331" s="93" t="s">
        <v>17763</v>
      </c>
      <c r="D7331" s="93" t="s">
        <v>17764</v>
      </c>
      <c r="E7331" s="177">
        <v>1986</v>
      </c>
      <c r="F7331" s="177">
        <v>443</v>
      </c>
      <c r="G7331" s="177" t="s">
        <v>1</v>
      </c>
      <c r="H7331" s="178">
        <v>0</v>
      </c>
      <c r="I7331" s="178">
        <v>0</v>
      </c>
      <c r="J7331" s="178">
        <v>1</v>
      </c>
      <c r="K7331" s="178">
        <v>0</v>
      </c>
      <c r="L7331" s="178">
        <v>0</v>
      </c>
      <c r="M7331" s="178">
        <v>0</v>
      </c>
      <c r="N7331" s="178">
        <v>0</v>
      </c>
      <c r="O7331" s="178">
        <v>0</v>
      </c>
      <c r="P7331" s="178">
        <v>0</v>
      </c>
      <c r="Q7331" s="178">
        <v>0</v>
      </c>
      <c r="R7331" s="178">
        <v>0</v>
      </c>
      <c r="S7331" s="178">
        <v>0</v>
      </c>
      <c r="T7331" s="178">
        <v>0</v>
      </c>
      <c r="U7331" s="179"/>
      <c r="V7331" s="179"/>
      <c r="W7331" s="179"/>
      <c r="X7331" s="179"/>
      <c r="Y7331" s="179"/>
      <c r="Z7331" s="179"/>
      <c r="AA7331" s="179"/>
      <c r="AB7331" s="179"/>
      <c r="AC7331" s="179"/>
      <c r="AD7331" s="179"/>
      <c r="AE7331" s="179"/>
      <c r="AF7331" s="179"/>
      <c r="AG7331" s="179"/>
      <c r="AH7331" s="179"/>
      <c r="AI7331" s="179"/>
      <c r="AJ7331" s="179"/>
      <c r="AK7331" s="179"/>
      <c r="AL7331" s="179"/>
      <c r="AM7331" s="179"/>
      <c r="AN7331" s="179"/>
      <c r="AO7331" s="179"/>
      <c r="AP7331" s="179"/>
      <c r="AQ7331" s="179"/>
      <c r="AR7331" s="179"/>
      <c r="AS7331" s="179"/>
      <c r="AT7331" s="179"/>
      <c r="AU7331" s="179"/>
      <c r="AV7331" s="179"/>
      <c r="AW7331" s="179"/>
      <c r="AX7331" s="180"/>
      <c r="AY7331" s="180"/>
      <c r="AZ7331" s="180"/>
      <c r="BA7331" s="180"/>
      <c r="BB7331" s="107">
        <v>45065</v>
      </c>
    </row>
    <row r="7332" spans="1:54" ht="13.95" customHeight="1" x14ac:dyDescent="0.25">
      <c r="A7332" s="14" t="s">
        <v>17765</v>
      </c>
      <c r="B7332" s="109" t="s">
        <v>21519</v>
      </c>
      <c r="C7332" s="93" t="s">
        <v>17766</v>
      </c>
      <c r="D7332" s="93" t="s">
        <v>17767</v>
      </c>
      <c r="E7332" s="177">
        <v>1974</v>
      </c>
      <c r="F7332" s="177">
        <v>2152</v>
      </c>
      <c r="G7332" s="177" t="s">
        <v>1</v>
      </c>
      <c r="H7332" s="178">
        <v>0</v>
      </c>
      <c r="I7332" s="178">
        <v>0</v>
      </c>
      <c r="J7332" s="178">
        <v>0</v>
      </c>
      <c r="K7332" s="178">
        <v>0</v>
      </c>
      <c r="L7332" s="178">
        <v>0</v>
      </c>
      <c r="M7332" s="178">
        <v>0</v>
      </c>
      <c r="N7332" s="178">
        <v>0</v>
      </c>
      <c r="O7332" s="178">
        <v>0</v>
      </c>
      <c r="P7332" s="178">
        <v>1</v>
      </c>
      <c r="Q7332" s="178">
        <v>1</v>
      </c>
      <c r="R7332" s="178">
        <v>1</v>
      </c>
      <c r="S7332" s="178">
        <v>0</v>
      </c>
      <c r="T7332" s="178">
        <v>0</v>
      </c>
      <c r="U7332" s="179"/>
      <c r="V7332" s="179"/>
      <c r="W7332" s="179"/>
      <c r="X7332" s="179"/>
      <c r="Y7332" s="179"/>
      <c r="Z7332" s="179"/>
      <c r="AA7332" s="179"/>
      <c r="AB7332" s="179"/>
      <c r="AC7332" s="179"/>
      <c r="AD7332" s="179"/>
      <c r="AE7332" s="179"/>
      <c r="AF7332" s="179"/>
      <c r="AG7332" s="179"/>
      <c r="AH7332" s="179"/>
      <c r="AI7332" s="179"/>
      <c r="AJ7332" s="179"/>
      <c r="AK7332" s="179"/>
      <c r="AL7332" s="179"/>
      <c r="AM7332" s="179"/>
      <c r="AN7332" s="179"/>
      <c r="AO7332" s="179"/>
      <c r="AP7332" s="179"/>
      <c r="AQ7332" s="179"/>
      <c r="AR7332" s="179"/>
      <c r="AS7332" s="179"/>
      <c r="AT7332" s="179"/>
      <c r="AU7332" s="179"/>
      <c r="AV7332" s="179"/>
      <c r="AW7332" s="179"/>
      <c r="AX7332" s="180"/>
      <c r="AY7332" s="180"/>
      <c r="AZ7332" s="180"/>
      <c r="BA7332" s="180"/>
      <c r="BB7332" s="107">
        <v>45065</v>
      </c>
    </row>
    <row r="7333" spans="1:54" ht="13.95" customHeight="1" x14ac:dyDescent="0.25">
      <c r="A7333" s="14" t="s">
        <v>17768</v>
      </c>
      <c r="B7333" s="109" t="s">
        <v>21519</v>
      </c>
      <c r="C7333" s="93" t="s">
        <v>13633</v>
      </c>
      <c r="D7333" s="93" t="s">
        <v>17769</v>
      </c>
      <c r="E7333" s="177">
        <v>1995</v>
      </c>
      <c r="F7333" s="177">
        <v>111</v>
      </c>
      <c r="G7333" s="177" t="s">
        <v>1</v>
      </c>
      <c r="H7333" s="178">
        <v>0</v>
      </c>
      <c r="I7333" s="178">
        <v>0</v>
      </c>
      <c r="J7333" s="178">
        <v>0</v>
      </c>
      <c r="K7333" s="178">
        <v>0</v>
      </c>
      <c r="L7333" s="178">
        <v>0</v>
      </c>
      <c r="M7333" s="178">
        <v>0</v>
      </c>
      <c r="N7333" s="178">
        <v>0</v>
      </c>
      <c r="O7333" s="178">
        <v>0</v>
      </c>
      <c r="P7333" s="178">
        <v>0</v>
      </c>
      <c r="Q7333" s="178">
        <v>0</v>
      </c>
      <c r="R7333" s="178">
        <v>0</v>
      </c>
      <c r="S7333" s="178">
        <v>0</v>
      </c>
      <c r="T7333" s="178">
        <v>0</v>
      </c>
      <c r="U7333" s="179"/>
      <c r="V7333" s="179"/>
      <c r="W7333" s="179"/>
      <c r="X7333" s="179"/>
      <c r="Y7333" s="179"/>
      <c r="Z7333" s="179"/>
      <c r="AA7333" s="179"/>
      <c r="AB7333" s="179"/>
      <c r="AC7333" s="179"/>
      <c r="AD7333" s="179"/>
      <c r="AE7333" s="179"/>
      <c r="AF7333" s="179"/>
      <c r="AG7333" s="179"/>
      <c r="AH7333" s="179"/>
      <c r="AI7333" s="179"/>
      <c r="AJ7333" s="179"/>
      <c r="AK7333" s="179"/>
      <c r="AL7333" s="179"/>
      <c r="AM7333" s="179"/>
      <c r="AN7333" s="179"/>
      <c r="AO7333" s="179"/>
      <c r="AP7333" s="179"/>
      <c r="AQ7333" s="179"/>
      <c r="AR7333" s="179"/>
      <c r="AS7333" s="179"/>
      <c r="AT7333" s="179"/>
      <c r="AU7333" s="179"/>
      <c r="AV7333" s="179"/>
      <c r="AW7333" s="179"/>
      <c r="AX7333" s="180"/>
      <c r="AY7333" s="180"/>
      <c r="AZ7333" s="180"/>
      <c r="BA7333" s="180"/>
      <c r="BB7333" s="107">
        <v>45065</v>
      </c>
    </row>
    <row r="7334" spans="1:54" ht="13.95" customHeight="1" x14ac:dyDescent="0.25">
      <c r="A7334" s="14" t="s">
        <v>17770</v>
      </c>
      <c r="B7334" s="109" t="s">
        <v>21519</v>
      </c>
      <c r="C7334" s="93" t="s">
        <v>17771</v>
      </c>
      <c r="D7334" s="93" t="s">
        <v>17772</v>
      </c>
      <c r="E7334" s="177">
        <v>1999</v>
      </c>
      <c r="F7334" s="177">
        <v>164</v>
      </c>
      <c r="G7334" s="177" t="s">
        <v>1</v>
      </c>
      <c r="H7334" s="178">
        <v>0</v>
      </c>
      <c r="I7334" s="178">
        <v>0</v>
      </c>
      <c r="J7334" s="178">
        <v>1</v>
      </c>
      <c r="K7334" s="178">
        <v>0</v>
      </c>
      <c r="L7334" s="178">
        <v>0</v>
      </c>
      <c r="M7334" s="178">
        <v>0</v>
      </c>
      <c r="N7334" s="178">
        <v>0</v>
      </c>
      <c r="O7334" s="178">
        <v>0</v>
      </c>
      <c r="P7334" s="178">
        <v>0</v>
      </c>
      <c r="Q7334" s="178">
        <v>0</v>
      </c>
      <c r="R7334" s="178">
        <v>0</v>
      </c>
      <c r="S7334" s="178">
        <v>0</v>
      </c>
      <c r="T7334" s="178">
        <v>0</v>
      </c>
      <c r="U7334" s="179"/>
      <c r="V7334" s="179"/>
      <c r="W7334" s="179"/>
      <c r="X7334" s="179"/>
      <c r="Y7334" s="179"/>
      <c r="Z7334" s="179"/>
      <c r="AA7334" s="179"/>
      <c r="AB7334" s="179"/>
      <c r="AC7334" s="179"/>
      <c r="AD7334" s="179"/>
      <c r="AE7334" s="179"/>
      <c r="AF7334" s="179"/>
      <c r="AG7334" s="179"/>
      <c r="AH7334" s="179"/>
      <c r="AI7334" s="179"/>
      <c r="AJ7334" s="179"/>
      <c r="AK7334" s="179"/>
      <c r="AL7334" s="179"/>
      <c r="AM7334" s="179"/>
      <c r="AN7334" s="179"/>
      <c r="AO7334" s="179"/>
      <c r="AP7334" s="179"/>
      <c r="AQ7334" s="179"/>
      <c r="AR7334" s="179"/>
      <c r="AS7334" s="179"/>
      <c r="AT7334" s="179"/>
      <c r="AU7334" s="179"/>
      <c r="AV7334" s="179"/>
      <c r="AW7334" s="179"/>
      <c r="AX7334" s="180"/>
      <c r="AY7334" s="180"/>
      <c r="AZ7334" s="180"/>
      <c r="BA7334" s="180"/>
      <c r="BB7334" s="107">
        <v>45065</v>
      </c>
    </row>
    <row r="7335" spans="1:54" ht="13.95" customHeight="1" x14ac:dyDescent="0.25">
      <c r="A7335" s="14" t="s">
        <v>17773</v>
      </c>
      <c r="B7335" s="109" t="s">
        <v>21519</v>
      </c>
      <c r="C7335" s="93" t="s">
        <v>17774</v>
      </c>
      <c r="D7335" s="93" t="s">
        <v>17775</v>
      </c>
      <c r="E7335" s="177">
        <v>2000</v>
      </c>
      <c r="F7335" s="177">
        <v>610</v>
      </c>
      <c r="G7335" s="177" t="s">
        <v>1</v>
      </c>
      <c r="H7335" s="178">
        <v>0</v>
      </c>
      <c r="I7335" s="178">
        <v>0</v>
      </c>
      <c r="J7335" s="178">
        <v>1</v>
      </c>
      <c r="K7335" s="178">
        <v>0</v>
      </c>
      <c r="L7335" s="178">
        <v>0</v>
      </c>
      <c r="M7335" s="178">
        <v>0</v>
      </c>
      <c r="N7335" s="178">
        <v>0</v>
      </c>
      <c r="O7335" s="178">
        <v>0</v>
      </c>
      <c r="P7335" s="178">
        <v>0</v>
      </c>
      <c r="Q7335" s="178">
        <v>0</v>
      </c>
      <c r="R7335" s="178">
        <v>0</v>
      </c>
      <c r="S7335" s="178">
        <v>0</v>
      </c>
      <c r="T7335" s="178">
        <v>0</v>
      </c>
      <c r="U7335" s="179"/>
      <c r="V7335" s="179"/>
      <c r="W7335" s="179"/>
      <c r="X7335" s="179"/>
      <c r="Y7335" s="179"/>
      <c r="Z7335" s="179"/>
      <c r="AA7335" s="179"/>
      <c r="AB7335" s="179"/>
      <c r="AC7335" s="179"/>
      <c r="AD7335" s="179"/>
      <c r="AE7335" s="179"/>
      <c r="AF7335" s="179"/>
      <c r="AG7335" s="179"/>
      <c r="AH7335" s="179"/>
      <c r="AI7335" s="179"/>
      <c r="AJ7335" s="179"/>
      <c r="AK7335" s="179"/>
      <c r="AL7335" s="179"/>
      <c r="AM7335" s="179"/>
      <c r="AN7335" s="179"/>
      <c r="AO7335" s="179"/>
      <c r="AP7335" s="179"/>
      <c r="AQ7335" s="179"/>
      <c r="AR7335" s="179"/>
      <c r="AS7335" s="179"/>
      <c r="AT7335" s="179"/>
      <c r="AU7335" s="179"/>
      <c r="AV7335" s="179"/>
      <c r="AW7335" s="179"/>
      <c r="AX7335" s="180"/>
      <c r="AY7335" s="180"/>
      <c r="AZ7335" s="180"/>
      <c r="BA7335" s="180"/>
      <c r="BB7335" s="107">
        <v>45065</v>
      </c>
    </row>
    <row r="7336" spans="1:54" ht="13.95" customHeight="1" x14ac:dyDescent="0.25">
      <c r="A7336" s="14" t="s">
        <v>17776</v>
      </c>
      <c r="B7336" s="109" t="s">
        <v>21519</v>
      </c>
      <c r="C7336" s="93" t="s">
        <v>17777</v>
      </c>
      <c r="D7336" s="93" t="s">
        <v>17778</v>
      </c>
      <c r="E7336" s="177">
        <v>2000</v>
      </c>
      <c r="F7336" s="177">
        <v>230</v>
      </c>
      <c r="G7336" s="177" t="s">
        <v>1</v>
      </c>
      <c r="H7336" s="178">
        <v>0</v>
      </c>
      <c r="I7336" s="178">
        <v>0</v>
      </c>
      <c r="J7336" s="178">
        <v>1</v>
      </c>
      <c r="K7336" s="178">
        <v>2</v>
      </c>
      <c r="L7336" s="178">
        <v>0</v>
      </c>
      <c r="M7336" s="178">
        <v>0</v>
      </c>
      <c r="N7336" s="178">
        <v>0</v>
      </c>
      <c r="O7336" s="178">
        <v>1</v>
      </c>
      <c r="P7336" s="178">
        <v>1</v>
      </c>
      <c r="Q7336" s="178">
        <v>0</v>
      </c>
      <c r="R7336" s="178">
        <v>0</v>
      </c>
      <c r="S7336" s="178">
        <v>0</v>
      </c>
      <c r="T7336" s="178">
        <v>0</v>
      </c>
      <c r="U7336" s="179"/>
      <c r="V7336" s="179"/>
      <c r="W7336" s="179"/>
      <c r="X7336" s="179"/>
      <c r="Y7336" s="179"/>
      <c r="Z7336" s="179"/>
      <c r="AA7336" s="179"/>
      <c r="AB7336" s="179"/>
      <c r="AC7336" s="179"/>
      <c r="AD7336" s="179"/>
      <c r="AE7336" s="179"/>
      <c r="AF7336" s="179"/>
      <c r="AG7336" s="179"/>
      <c r="AH7336" s="179"/>
      <c r="AI7336" s="179"/>
      <c r="AJ7336" s="179"/>
      <c r="AK7336" s="179"/>
      <c r="AL7336" s="179"/>
      <c r="AM7336" s="179"/>
      <c r="AN7336" s="179"/>
      <c r="AO7336" s="179"/>
      <c r="AP7336" s="179"/>
      <c r="AQ7336" s="179"/>
      <c r="AR7336" s="179"/>
      <c r="AS7336" s="179"/>
      <c r="AT7336" s="179"/>
      <c r="AU7336" s="179"/>
      <c r="AV7336" s="179"/>
      <c r="AW7336" s="179"/>
      <c r="AX7336" s="180"/>
      <c r="AY7336" s="180"/>
      <c r="AZ7336" s="180"/>
      <c r="BA7336" s="180"/>
      <c r="BB7336" s="107">
        <v>45065</v>
      </c>
    </row>
    <row r="7337" spans="1:54" ht="13.95" customHeight="1" x14ac:dyDescent="0.25">
      <c r="A7337" s="14" t="s">
        <v>17779</v>
      </c>
      <c r="B7337" s="109" t="s">
        <v>21519</v>
      </c>
      <c r="C7337" s="93" t="s">
        <v>17780</v>
      </c>
      <c r="D7337" s="93" t="s">
        <v>17781</v>
      </c>
      <c r="E7337" s="177">
        <v>1975</v>
      </c>
      <c r="F7337" s="177">
        <v>121</v>
      </c>
      <c r="G7337" s="177" t="s">
        <v>1</v>
      </c>
      <c r="H7337" s="178">
        <v>0</v>
      </c>
      <c r="I7337" s="178">
        <v>0</v>
      </c>
      <c r="J7337" s="178">
        <v>0</v>
      </c>
      <c r="K7337" s="178">
        <v>0</v>
      </c>
      <c r="L7337" s="178">
        <v>1</v>
      </c>
      <c r="M7337" s="178">
        <v>0</v>
      </c>
      <c r="N7337" s="178">
        <v>0</v>
      </c>
      <c r="O7337" s="178">
        <v>1</v>
      </c>
      <c r="P7337" s="178">
        <v>0</v>
      </c>
      <c r="Q7337" s="178">
        <v>0</v>
      </c>
      <c r="R7337" s="178">
        <v>0</v>
      </c>
      <c r="S7337" s="178">
        <v>0</v>
      </c>
      <c r="T7337" s="178">
        <v>0</v>
      </c>
      <c r="U7337" s="179"/>
      <c r="V7337" s="179"/>
      <c r="W7337" s="179"/>
      <c r="X7337" s="179"/>
      <c r="Y7337" s="179"/>
      <c r="Z7337" s="179"/>
      <c r="AA7337" s="179"/>
      <c r="AB7337" s="179"/>
      <c r="AC7337" s="179"/>
      <c r="AD7337" s="179"/>
      <c r="AE7337" s="179"/>
      <c r="AF7337" s="179"/>
      <c r="AG7337" s="179"/>
      <c r="AH7337" s="179"/>
      <c r="AI7337" s="179"/>
      <c r="AJ7337" s="179"/>
      <c r="AK7337" s="179"/>
      <c r="AL7337" s="179"/>
      <c r="AM7337" s="179"/>
      <c r="AN7337" s="179"/>
      <c r="AO7337" s="179"/>
      <c r="AP7337" s="179"/>
      <c r="AQ7337" s="179"/>
      <c r="AR7337" s="179"/>
      <c r="AS7337" s="179"/>
      <c r="AT7337" s="179"/>
      <c r="AU7337" s="179"/>
      <c r="AV7337" s="179"/>
      <c r="AW7337" s="179"/>
      <c r="AX7337" s="180"/>
      <c r="AY7337" s="180"/>
      <c r="AZ7337" s="180"/>
      <c r="BA7337" s="180"/>
      <c r="BB7337" s="107">
        <v>45065</v>
      </c>
    </row>
    <row r="7338" spans="1:54" ht="13.95" customHeight="1" x14ac:dyDescent="0.25">
      <c r="A7338" s="14" t="s">
        <v>17782</v>
      </c>
      <c r="B7338" s="109" t="s">
        <v>21519</v>
      </c>
      <c r="C7338" s="93" t="s">
        <v>17783</v>
      </c>
      <c r="D7338" s="93" t="s">
        <v>17784</v>
      </c>
      <c r="E7338" s="177">
        <v>1998</v>
      </c>
      <c r="F7338" s="177">
        <v>150</v>
      </c>
      <c r="G7338" s="177" t="s">
        <v>1</v>
      </c>
      <c r="H7338" s="178">
        <v>0</v>
      </c>
      <c r="I7338" s="178">
        <v>0</v>
      </c>
      <c r="J7338" s="178">
        <v>0</v>
      </c>
      <c r="K7338" s="178">
        <v>0</v>
      </c>
      <c r="L7338" s="178">
        <v>0</v>
      </c>
      <c r="M7338" s="178">
        <v>0</v>
      </c>
      <c r="N7338" s="178">
        <v>0</v>
      </c>
      <c r="O7338" s="178">
        <v>0</v>
      </c>
      <c r="P7338" s="178">
        <v>0</v>
      </c>
      <c r="Q7338" s="178">
        <v>0</v>
      </c>
      <c r="R7338" s="178">
        <v>0</v>
      </c>
      <c r="S7338" s="178">
        <v>0</v>
      </c>
      <c r="T7338" s="178">
        <v>0</v>
      </c>
      <c r="U7338" s="179"/>
      <c r="V7338" s="179"/>
      <c r="W7338" s="179"/>
      <c r="X7338" s="179"/>
      <c r="Y7338" s="179"/>
      <c r="Z7338" s="179"/>
      <c r="AA7338" s="179"/>
      <c r="AB7338" s="179"/>
      <c r="AC7338" s="179"/>
      <c r="AD7338" s="179"/>
      <c r="AE7338" s="179"/>
      <c r="AF7338" s="179"/>
      <c r="AG7338" s="179"/>
      <c r="AH7338" s="179"/>
      <c r="AI7338" s="179"/>
      <c r="AJ7338" s="179"/>
      <c r="AK7338" s="179"/>
      <c r="AL7338" s="179"/>
      <c r="AM7338" s="179"/>
      <c r="AN7338" s="179"/>
      <c r="AO7338" s="179"/>
      <c r="AP7338" s="179"/>
      <c r="AQ7338" s="179"/>
      <c r="AR7338" s="179"/>
      <c r="AS7338" s="179"/>
      <c r="AT7338" s="179"/>
      <c r="AU7338" s="179"/>
      <c r="AV7338" s="179"/>
      <c r="AW7338" s="179"/>
      <c r="AX7338" s="180"/>
      <c r="AY7338" s="180"/>
      <c r="AZ7338" s="180"/>
      <c r="BA7338" s="180"/>
      <c r="BB7338" s="107">
        <v>45065</v>
      </c>
    </row>
    <row r="7339" spans="1:54" ht="13.95" customHeight="1" x14ac:dyDescent="0.25">
      <c r="A7339" s="14" t="s">
        <v>17785</v>
      </c>
      <c r="B7339" s="109" t="s">
        <v>21519</v>
      </c>
      <c r="C7339" s="93" t="s">
        <v>17786</v>
      </c>
      <c r="D7339" s="93" t="s">
        <v>17787</v>
      </c>
      <c r="E7339" s="177">
        <v>2004</v>
      </c>
      <c r="F7339" s="177">
        <v>150</v>
      </c>
      <c r="G7339" s="177" t="s">
        <v>1</v>
      </c>
      <c r="H7339" s="178">
        <v>0</v>
      </c>
      <c r="I7339" s="178">
        <v>0</v>
      </c>
      <c r="J7339" s="178">
        <v>0</v>
      </c>
      <c r="K7339" s="178">
        <v>1</v>
      </c>
      <c r="L7339" s="178">
        <v>0</v>
      </c>
      <c r="M7339" s="178">
        <v>0</v>
      </c>
      <c r="N7339" s="178">
        <v>0</v>
      </c>
      <c r="O7339" s="178">
        <v>0</v>
      </c>
      <c r="P7339" s="178">
        <v>1</v>
      </c>
      <c r="Q7339" s="178">
        <v>0</v>
      </c>
      <c r="R7339" s="178">
        <v>0</v>
      </c>
      <c r="S7339" s="178">
        <v>0</v>
      </c>
      <c r="T7339" s="178">
        <v>0</v>
      </c>
      <c r="U7339" s="179"/>
      <c r="V7339" s="179"/>
      <c r="W7339" s="179"/>
      <c r="X7339" s="179"/>
      <c r="Y7339" s="179"/>
      <c r="Z7339" s="179"/>
      <c r="AA7339" s="179"/>
      <c r="AB7339" s="179"/>
      <c r="AC7339" s="179"/>
      <c r="AD7339" s="179"/>
      <c r="AE7339" s="179"/>
      <c r="AF7339" s="179"/>
      <c r="AG7339" s="179"/>
      <c r="AH7339" s="179"/>
      <c r="AI7339" s="179"/>
      <c r="AJ7339" s="179"/>
      <c r="AK7339" s="179"/>
      <c r="AL7339" s="179"/>
      <c r="AM7339" s="179"/>
      <c r="AN7339" s="179"/>
      <c r="AO7339" s="179"/>
      <c r="AP7339" s="179"/>
      <c r="AQ7339" s="179"/>
      <c r="AR7339" s="179"/>
      <c r="AS7339" s="179"/>
      <c r="AT7339" s="179"/>
      <c r="AU7339" s="179"/>
      <c r="AV7339" s="179"/>
      <c r="AW7339" s="179"/>
      <c r="AX7339" s="180"/>
      <c r="AY7339" s="180"/>
      <c r="AZ7339" s="180"/>
      <c r="BA7339" s="180"/>
      <c r="BB7339" s="107">
        <v>45065</v>
      </c>
    </row>
    <row r="7340" spans="1:54" ht="13.95" customHeight="1" x14ac:dyDescent="0.25">
      <c r="A7340" s="14" t="s">
        <v>17788</v>
      </c>
      <c r="B7340" s="109" t="s">
        <v>21519</v>
      </c>
      <c r="C7340" s="93" t="s">
        <v>16407</v>
      </c>
      <c r="D7340" s="93" t="s">
        <v>17789</v>
      </c>
      <c r="E7340" s="177">
        <v>1982</v>
      </c>
      <c r="F7340" s="177">
        <v>282</v>
      </c>
      <c r="G7340" s="177" t="s">
        <v>1</v>
      </c>
      <c r="H7340" s="178">
        <v>0</v>
      </c>
      <c r="I7340" s="178">
        <v>0</v>
      </c>
      <c r="J7340" s="178">
        <v>0</v>
      </c>
      <c r="K7340" s="178">
        <v>0</v>
      </c>
      <c r="L7340" s="178">
        <v>0</v>
      </c>
      <c r="M7340" s="178">
        <v>0</v>
      </c>
      <c r="N7340" s="178">
        <v>0</v>
      </c>
      <c r="O7340" s="178">
        <v>0</v>
      </c>
      <c r="P7340" s="178">
        <v>1</v>
      </c>
      <c r="Q7340" s="178">
        <v>0</v>
      </c>
      <c r="R7340" s="178">
        <v>1</v>
      </c>
      <c r="S7340" s="178">
        <v>0</v>
      </c>
      <c r="T7340" s="178">
        <v>0</v>
      </c>
      <c r="U7340" s="179"/>
      <c r="V7340" s="179"/>
      <c r="W7340" s="179"/>
      <c r="X7340" s="179"/>
      <c r="Y7340" s="179"/>
      <c r="Z7340" s="179"/>
      <c r="AA7340" s="179"/>
      <c r="AB7340" s="179"/>
      <c r="AC7340" s="179"/>
      <c r="AD7340" s="179"/>
      <c r="AE7340" s="179"/>
      <c r="AF7340" s="179"/>
      <c r="AG7340" s="179"/>
      <c r="AH7340" s="179"/>
      <c r="AI7340" s="179"/>
      <c r="AJ7340" s="179"/>
      <c r="AK7340" s="179"/>
      <c r="AL7340" s="179"/>
      <c r="AM7340" s="179"/>
      <c r="AN7340" s="179"/>
      <c r="AO7340" s="179"/>
      <c r="AP7340" s="179"/>
      <c r="AQ7340" s="179"/>
      <c r="AR7340" s="179"/>
      <c r="AS7340" s="179"/>
      <c r="AT7340" s="179"/>
      <c r="AU7340" s="179"/>
      <c r="AV7340" s="179"/>
      <c r="AW7340" s="179"/>
      <c r="AX7340" s="180"/>
      <c r="AY7340" s="180"/>
      <c r="AZ7340" s="180"/>
      <c r="BA7340" s="180"/>
      <c r="BB7340" s="107">
        <v>45065</v>
      </c>
    </row>
    <row r="7341" spans="1:54" ht="13.95" customHeight="1" x14ac:dyDescent="0.25">
      <c r="A7341" s="14" t="s">
        <v>17790</v>
      </c>
      <c r="B7341" s="109" t="s">
        <v>21519</v>
      </c>
      <c r="C7341" s="93" t="s">
        <v>17791</v>
      </c>
      <c r="D7341" s="93" t="s">
        <v>17792</v>
      </c>
      <c r="E7341" s="177">
        <v>1972</v>
      </c>
      <c r="F7341" s="177">
        <v>941</v>
      </c>
      <c r="G7341" s="177" t="s">
        <v>1</v>
      </c>
      <c r="H7341" s="178">
        <v>0</v>
      </c>
      <c r="I7341" s="178">
        <v>0</v>
      </c>
      <c r="J7341" s="178">
        <v>0</v>
      </c>
      <c r="K7341" s="178">
        <v>0</v>
      </c>
      <c r="L7341" s="178">
        <v>0</v>
      </c>
      <c r="M7341" s="178">
        <v>0</v>
      </c>
      <c r="N7341" s="178">
        <v>0</v>
      </c>
      <c r="O7341" s="178">
        <v>0</v>
      </c>
      <c r="P7341" s="178">
        <v>0</v>
      </c>
      <c r="Q7341" s="178">
        <v>0</v>
      </c>
      <c r="R7341" s="178">
        <v>0</v>
      </c>
      <c r="S7341" s="178">
        <v>0</v>
      </c>
      <c r="T7341" s="178">
        <v>0</v>
      </c>
      <c r="U7341" s="179"/>
      <c r="V7341" s="179"/>
      <c r="W7341" s="179"/>
      <c r="X7341" s="179"/>
      <c r="Y7341" s="179"/>
      <c r="Z7341" s="179"/>
      <c r="AA7341" s="179"/>
      <c r="AB7341" s="179"/>
      <c r="AC7341" s="179"/>
      <c r="AD7341" s="179"/>
      <c r="AE7341" s="179"/>
      <c r="AF7341" s="179"/>
      <c r="AG7341" s="179"/>
      <c r="AH7341" s="179"/>
      <c r="AI7341" s="179"/>
      <c r="AJ7341" s="179"/>
      <c r="AK7341" s="179"/>
      <c r="AL7341" s="179"/>
      <c r="AM7341" s="179"/>
      <c r="AN7341" s="179"/>
      <c r="AO7341" s="179"/>
      <c r="AP7341" s="179"/>
      <c r="AQ7341" s="179"/>
      <c r="AR7341" s="179"/>
      <c r="AS7341" s="179"/>
      <c r="AT7341" s="179"/>
      <c r="AU7341" s="179"/>
      <c r="AV7341" s="179"/>
      <c r="AW7341" s="179"/>
      <c r="AX7341" s="180"/>
      <c r="AY7341" s="180"/>
      <c r="AZ7341" s="180"/>
      <c r="BA7341" s="180"/>
      <c r="BB7341" s="107">
        <v>45065</v>
      </c>
    </row>
    <row r="7342" spans="1:54" ht="13.95" customHeight="1" x14ac:dyDescent="0.25">
      <c r="A7342" s="14" t="s">
        <v>17793</v>
      </c>
      <c r="B7342" s="109" t="s">
        <v>21519</v>
      </c>
      <c r="C7342" s="93" t="s">
        <v>4906</v>
      </c>
      <c r="D7342" s="93" t="s">
        <v>17794</v>
      </c>
      <c r="E7342" s="177">
        <v>1985</v>
      </c>
      <c r="F7342" s="177">
        <v>237</v>
      </c>
      <c r="G7342" s="177" t="s">
        <v>1</v>
      </c>
      <c r="H7342" s="178">
        <v>0</v>
      </c>
      <c r="I7342" s="178">
        <v>0</v>
      </c>
      <c r="J7342" s="178">
        <v>0</v>
      </c>
      <c r="K7342" s="178">
        <v>0</v>
      </c>
      <c r="L7342" s="178">
        <v>1</v>
      </c>
      <c r="M7342" s="178">
        <v>0</v>
      </c>
      <c r="N7342" s="178">
        <v>0</v>
      </c>
      <c r="O7342" s="178">
        <v>0</v>
      </c>
      <c r="P7342" s="178">
        <v>1</v>
      </c>
      <c r="Q7342" s="178">
        <v>0</v>
      </c>
      <c r="R7342" s="178">
        <v>0</v>
      </c>
      <c r="S7342" s="178">
        <v>0</v>
      </c>
      <c r="T7342" s="178">
        <v>0</v>
      </c>
      <c r="U7342" s="179"/>
      <c r="V7342" s="179"/>
      <c r="W7342" s="179"/>
      <c r="X7342" s="179"/>
      <c r="Y7342" s="179"/>
      <c r="Z7342" s="179"/>
      <c r="AA7342" s="179"/>
      <c r="AB7342" s="179"/>
      <c r="AC7342" s="179"/>
      <c r="AD7342" s="179"/>
      <c r="AE7342" s="179"/>
      <c r="AF7342" s="179"/>
      <c r="AG7342" s="179"/>
      <c r="AH7342" s="179"/>
      <c r="AI7342" s="179"/>
      <c r="AJ7342" s="179"/>
      <c r="AK7342" s="179"/>
      <c r="AL7342" s="179"/>
      <c r="AM7342" s="179"/>
      <c r="AN7342" s="179"/>
      <c r="AO7342" s="179"/>
      <c r="AP7342" s="179"/>
      <c r="AQ7342" s="179"/>
      <c r="AR7342" s="179"/>
      <c r="AS7342" s="179"/>
      <c r="AT7342" s="179"/>
      <c r="AU7342" s="179"/>
      <c r="AV7342" s="179"/>
      <c r="AW7342" s="179"/>
      <c r="AX7342" s="180"/>
      <c r="AY7342" s="180"/>
      <c r="AZ7342" s="180"/>
      <c r="BA7342" s="180"/>
      <c r="BB7342" s="107">
        <v>45065</v>
      </c>
    </row>
    <row r="7343" spans="1:54" ht="13.95" customHeight="1" x14ac:dyDescent="0.25">
      <c r="A7343" s="14" t="s">
        <v>17795</v>
      </c>
      <c r="B7343" s="109" t="s">
        <v>21519</v>
      </c>
      <c r="C7343" s="93" t="s">
        <v>17796</v>
      </c>
      <c r="D7343" s="93" t="s">
        <v>17797</v>
      </c>
      <c r="E7343" s="177">
        <v>2014</v>
      </c>
      <c r="F7343" s="177">
        <v>4440</v>
      </c>
      <c r="G7343" s="177" t="s">
        <v>1</v>
      </c>
      <c r="H7343" s="178">
        <v>0</v>
      </c>
      <c r="I7343" s="178">
        <v>0</v>
      </c>
      <c r="J7343" s="178">
        <v>1</v>
      </c>
      <c r="K7343" s="178">
        <v>0</v>
      </c>
      <c r="L7343" s="178">
        <v>0</v>
      </c>
      <c r="M7343" s="178">
        <v>0</v>
      </c>
      <c r="N7343" s="178">
        <v>3</v>
      </c>
      <c r="O7343" s="178">
        <v>0</v>
      </c>
      <c r="P7343" s="178">
        <v>0</v>
      </c>
      <c r="Q7343" s="178">
        <v>0</v>
      </c>
      <c r="R7343" s="178">
        <v>0</v>
      </c>
      <c r="S7343" s="178">
        <v>0</v>
      </c>
      <c r="T7343" s="178">
        <v>0</v>
      </c>
      <c r="U7343" s="179"/>
      <c r="V7343" s="179"/>
      <c r="W7343" s="179"/>
      <c r="X7343" s="179"/>
      <c r="Y7343" s="179"/>
      <c r="Z7343" s="179"/>
      <c r="AA7343" s="179"/>
      <c r="AB7343" s="179"/>
      <c r="AC7343" s="179"/>
      <c r="AD7343" s="179"/>
      <c r="AE7343" s="179"/>
      <c r="AF7343" s="179"/>
      <c r="AG7343" s="179"/>
      <c r="AH7343" s="179"/>
      <c r="AI7343" s="179"/>
      <c r="AJ7343" s="179"/>
      <c r="AK7343" s="179"/>
      <c r="AL7343" s="179"/>
      <c r="AM7343" s="179"/>
      <c r="AN7343" s="179"/>
      <c r="AO7343" s="179"/>
      <c r="AP7343" s="179"/>
      <c r="AQ7343" s="179"/>
      <c r="AR7343" s="179"/>
      <c r="AS7343" s="179"/>
      <c r="AT7343" s="179"/>
      <c r="AU7343" s="179"/>
      <c r="AV7343" s="179"/>
      <c r="AW7343" s="179"/>
      <c r="AX7343" s="180"/>
      <c r="AY7343" s="180"/>
      <c r="AZ7343" s="180"/>
      <c r="BA7343" s="180"/>
      <c r="BB7343" s="107">
        <v>45065</v>
      </c>
    </row>
    <row r="7344" spans="1:54" ht="13.95" customHeight="1" x14ac:dyDescent="0.25">
      <c r="A7344" s="14" t="s">
        <v>17798</v>
      </c>
      <c r="B7344" s="109" t="s">
        <v>21519</v>
      </c>
      <c r="C7344" s="93" t="s">
        <v>17799</v>
      </c>
      <c r="D7344" s="93" t="s">
        <v>17800</v>
      </c>
      <c r="E7344" s="177">
        <v>2010</v>
      </c>
      <c r="F7344" s="177">
        <v>3469</v>
      </c>
      <c r="G7344" s="177" t="s">
        <v>1</v>
      </c>
      <c r="H7344" s="178">
        <v>0</v>
      </c>
      <c r="I7344" s="178">
        <v>0</v>
      </c>
      <c r="J7344" s="178">
        <v>1</v>
      </c>
      <c r="K7344" s="178">
        <v>0</v>
      </c>
      <c r="L7344" s="178">
        <v>0</v>
      </c>
      <c r="M7344" s="178">
        <v>1</v>
      </c>
      <c r="N7344" s="178">
        <v>0</v>
      </c>
      <c r="O7344" s="178">
        <v>0</v>
      </c>
      <c r="P7344" s="178">
        <v>1</v>
      </c>
      <c r="Q7344" s="178">
        <v>0</v>
      </c>
      <c r="R7344" s="178">
        <v>0</v>
      </c>
      <c r="S7344" s="178">
        <v>0</v>
      </c>
      <c r="T7344" s="178">
        <v>0</v>
      </c>
      <c r="U7344" s="179"/>
      <c r="V7344" s="179"/>
      <c r="W7344" s="179"/>
      <c r="X7344" s="179"/>
      <c r="Y7344" s="179"/>
      <c r="Z7344" s="179"/>
      <c r="AA7344" s="179"/>
      <c r="AB7344" s="179"/>
      <c r="AC7344" s="179"/>
      <c r="AD7344" s="179"/>
      <c r="AE7344" s="179"/>
      <c r="AF7344" s="179"/>
      <c r="AG7344" s="179"/>
      <c r="AH7344" s="179"/>
      <c r="AI7344" s="179"/>
      <c r="AJ7344" s="179"/>
      <c r="AK7344" s="179"/>
      <c r="AL7344" s="179"/>
      <c r="AM7344" s="179"/>
      <c r="AN7344" s="179"/>
      <c r="AO7344" s="179"/>
      <c r="AP7344" s="179"/>
      <c r="AQ7344" s="179"/>
      <c r="AR7344" s="179"/>
      <c r="AS7344" s="179"/>
      <c r="AT7344" s="179"/>
      <c r="AU7344" s="179"/>
      <c r="AV7344" s="179"/>
      <c r="AW7344" s="179"/>
      <c r="AX7344" s="180"/>
      <c r="AY7344" s="180"/>
      <c r="AZ7344" s="180"/>
      <c r="BA7344" s="180"/>
      <c r="BB7344" s="107">
        <v>45065</v>
      </c>
    </row>
    <row r="7345" spans="1:54" ht="13.95" customHeight="1" x14ac:dyDescent="0.25">
      <c r="A7345" s="14" t="s">
        <v>17801</v>
      </c>
      <c r="B7345" s="109" t="s">
        <v>21519</v>
      </c>
      <c r="C7345" s="93" t="s">
        <v>17802</v>
      </c>
      <c r="D7345" s="93" t="s">
        <v>17803</v>
      </c>
      <c r="E7345" s="177">
        <v>1980</v>
      </c>
      <c r="F7345" s="177">
        <v>14591</v>
      </c>
      <c r="G7345" s="177" t="s">
        <v>3</v>
      </c>
      <c r="H7345" s="178">
        <v>1</v>
      </c>
      <c r="I7345" s="178">
        <v>0</v>
      </c>
      <c r="J7345" s="178">
        <v>1</v>
      </c>
      <c r="K7345" s="178">
        <v>0</v>
      </c>
      <c r="L7345" s="178">
        <v>1</v>
      </c>
      <c r="M7345" s="178">
        <v>1</v>
      </c>
      <c r="N7345" s="178">
        <v>0</v>
      </c>
      <c r="O7345" s="178">
        <v>1</v>
      </c>
      <c r="P7345" s="178">
        <v>1</v>
      </c>
      <c r="Q7345" s="178">
        <v>1</v>
      </c>
      <c r="R7345" s="178">
        <v>0</v>
      </c>
      <c r="S7345" s="178">
        <v>0</v>
      </c>
      <c r="T7345" s="178">
        <v>0</v>
      </c>
      <c r="U7345" s="178">
        <v>0</v>
      </c>
      <c r="V7345" s="178">
        <v>0</v>
      </c>
      <c r="W7345" s="178">
        <v>0</v>
      </c>
      <c r="X7345" s="178">
        <v>0</v>
      </c>
      <c r="Y7345" s="178">
        <v>0</v>
      </c>
      <c r="Z7345" s="178">
        <v>0</v>
      </c>
      <c r="AA7345" s="178">
        <v>0</v>
      </c>
      <c r="AB7345" s="178">
        <v>0</v>
      </c>
      <c r="AC7345" s="178">
        <v>0</v>
      </c>
      <c r="AD7345" s="178">
        <v>0</v>
      </c>
      <c r="AE7345" s="178">
        <v>0</v>
      </c>
      <c r="AF7345" s="178">
        <v>0</v>
      </c>
      <c r="AG7345" s="178">
        <v>0</v>
      </c>
      <c r="AH7345" s="178">
        <v>0</v>
      </c>
      <c r="AI7345" s="178">
        <v>0</v>
      </c>
      <c r="AJ7345" s="178">
        <v>0</v>
      </c>
      <c r="AK7345" s="178">
        <v>0</v>
      </c>
      <c r="AL7345" s="178">
        <v>0</v>
      </c>
      <c r="AM7345" s="178">
        <v>0</v>
      </c>
      <c r="AN7345" s="178">
        <v>0</v>
      </c>
      <c r="AO7345" s="178">
        <v>0</v>
      </c>
      <c r="AP7345" s="178">
        <v>0</v>
      </c>
      <c r="AQ7345" s="178">
        <v>0</v>
      </c>
      <c r="AR7345" s="178">
        <v>0</v>
      </c>
      <c r="AS7345" s="178">
        <v>0</v>
      </c>
      <c r="AT7345" s="178" t="s">
        <v>174</v>
      </c>
      <c r="AU7345" s="178">
        <v>0</v>
      </c>
      <c r="AV7345" s="178">
        <v>0</v>
      </c>
      <c r="AW7345" s="178">
        <v>0</v>
      </c>
      <c r="AX7345" s="181"/>
      <c r="AY7345" s="181"/>
      <c r="AZ7345" s="181"/>
      <c r="BA7345" s="181"/>
      <c r="BB7345" s="107">
        <v>45065</v>
      </c>
    </row>
    <row r="7346" spans="1:54" ht="13.95" customHeight="1" x14ac:dyDescent="0.25">
      <c r="A7346" s="14" t="s">
        <v>17804</v>
      </c>
      <c r="B7346" s="109" t="s">
        <v>21519</v>
      </c>
      <c r="C7346" s="93" t="s">
        <v>17805</v>
      </c>
      <c r="D7346" s="93" t="s">
        <v>17806</v>
      </c>
      <c r="E7346" s="177">
        <v>1979</v>
      </c>
      <c r="F7346" s="177">
        <v>655</v>
      </c>
      <c r="G7346" s="177" t="s">
        <v>1</v>
      </c>
      <c r="H7346" s="178">
        <v>0</v>
      </c>
      <c r="I7346" s="178">
        <v>0</v>
      </c>
      <c r="J7346" s="178">
        <v>1</v>
      </c>
      <c r="K7346" s="178">
        <v>0</v>
      </c>
      <c r="L7346" s="178">
        <v>1</v>
      </c>
      <c r="M7346" s="178">
        <v>0</v>
      </c>
      <c r="N7346" s="178">
        <v>0</v>
      </c>
      <c r="O7346" s="178">
        <v>1</v>
      </c>
      <c r="P7346" s="178">
        <v>1</v>
      </c>
      <c r="Q7346" s="178">
        <v>0</v>
      </c>
      <c r="R7346" s="178">
        <v>1</v>
      </c>
      <c r="S7346" s="178">
        <v>0</v>
      </c>
      <c r="T7346" s="178">
        <v>0</v>
      </c>
      <c r="U7346" s="179"/>
      <c r="V7346" s="179"/>
      <c r="W7346" s="179"/>
      <c r="X7346" s="179"/>
      <c r="Y7346" s="179"/>
      <c r="Z7346" s="179"/>
      <c r="AA7346" s="179"/>
      <c r="AB7346" s="179"/>
      <c r="AC7346" s="179"/>
      <c r="AD7346" s="179"/>
      <c r="AE7346" s="179"/>
      <c r="AF7346" s="179"/>
      <c r="AG7346" s="179"/>
      <c r="AH7346" s="179"/>
      <c r="AI7346" s="179"/>
      <c r="AJ7346" s="179"/>
      <c r="AK7346" s="179"/>
      <c r="AL7346" s="179"/>
      <c r="AM7346" s="179"/>
      <c r="AN7346" s="179"/>
      <c r="AO7346" s="179"/>
      <c r="AP7346" s="179"/>
      <c r="AQ7346" s="179"/>
      <c r="AR7346" s="179"/>
      <c r="AS7346" s="179"/>
      <c r="AT7346" s="179"/>
      <c r="AU7346" s="179"/>
      <c r="AV7346" s="179"/>
      <c r="AW7346" s="179"/>
      <c r="AX7346" s="180"/>
      <c r="AY7346" s="180"/>
      <c r="AZ7346" s="180"/>
      <c r="BA7346" s="180"/>
      <c r="BB7346" s="107">
        <v>45065</v>
      </c>
    </row>
    <row r="7347" spans="1:54" ht="13.95" customHeight="1" x14ac:dyDescent="0.25">
      <c r="A7347" s="14" t="s">
        <v>17807</v>
      </c>
      <c r="B7347" s="109" t="s">
        <v>21519</v>
      </c>
      <c r="C7347" s="93" t="s">
        <v>17808</v>
      </c>
      <c r="D7347" s="93" t="s">
        <v>17809</v>
      </c>
      <c r="E7347" s="177">
        <v>1975</v>
      </c>
      <c r="F7347" s="177">
        <v>735</v>
      </c>
      <c r="G7347" s="177" t="s">
        <v>1</v>
      </c>
      <c r="H7347" s="178">
        <v>0</v>
      </c>
      <c r="I7347" s="178">
        <v>0</v>
      </c>
      <c r="J7347" s="178">
        <v>1</v>
      </c>
      <c r="K7347" s="178">
        <v>0</v>
      </c>
      <c r="L7347" s="178">
        <v>1</v>
      </c>
      <c r="M7347" s="178">
        <v>0</v>
      </c>
      <c r="N7347" s="178">
        <v>0</v>
      </c>
      <c r="O7347" s="178">
        <v>1</v>
      </c>
      <c r="P7347" s="178">
        <v>1</v>
      </c>
      <c r="Q7347" s="178">
        <v>1</v>
      </c>
      <c r="R7347" s="178">
        <v>1</v>
      </c>
      <c r="S7347" s="178">
        <v>0</v>
      </c>
      <c r="T7347" s="178">
        <v>0</v>
      </c>
      <c r="U7347" s="179"/>
      <c r="V7347" s="179"/>
      <c r="W7347" s="179"/>
      <c r="X7347" s="179"/>
      <c r="Y7347" s="179"/>
      <c r="Z7347" s="179"/>
      <c r="AA7347" s="179"/>
      <c r="AB7347" s="179"/>
      <c r="AC7347" s="179"/>
      <c r="AD7347" s="179"/>
      <c r="AE7347" s="179"/>
      <c r="AF7347" s="179"/>
      <c r="AG7347" s="179"/>
      <c r="AH7347" s="179"/>
      <c r="AI7347" s="179"/>
      <c r="AJ7347" s="179"/>
      <c r="AK7347" s="179"/>
      <c r="AL7347" s="179"/>
      <c r="AM7347" s="179"/>
      <c r="AN7347" s="179"/>
      <c r="AO7347" s="179"/>
      <c r="AP7347" s="179"/>
      <c r="AQ7347" s="179"/>
      <c r="AR7347" s="179"/>
      <c r="AS7347" s="179"/>
      <c r="AT7347" s="179"/>
      <c r="AU7347" s="179"/>
      <c r="AV7347" s="179"/>
      <c r="AW7347" s="179"/>
      <c r="AX7347" s="180"/>
      <c r="AY7347" s="180"/>
      <c r="AZ7347" s="180"/>
      <c r="BA7347" s="180"/>
      <c r="BB7347" s="107">
        <v>45065</v>
      </c>
    </row>
    <row r="7348" spans="1:54" ht="13.95" customHeight="1" x14ac:dyDescent="0.25">
      <c r="A7348" s="14" t="s">
        <v>17810</v>
      </c>
      <c r="B7348" s="109" t="s">
        <v>21519</v>
      </c>
      <c r="C7348" s="93" t="s">
        <v>17811</v>
      </c>
      <c r="D7348" s="93" t="s">
        <v>17812</v>
      </c>
      <c r="E7348" s="177">
        <v>1975</v>
      </c>
      <c r="F7348" s="177">
        <v>2583</v>
      </c>
      <c r="G7348" s="177" t="s">
        <v>1</v>
      </c>
      <c r="H7348" s="178">
        <v>0</v>
      </c>
      <c r="I7348" s="178">
        <v>0</v>
      </c>
      <c r="J7348" s="178">
        <v>1</v>
      </c>
      <c r="K7348" s="178">
        <v>0</v>
      </c>
      <c r="L7348" s="178">
        <v>0</v>
      </c>
      <c r="M7348" s="178">
        <v>0</v>
      </c>
      <c r="N7348" s="178">
        <v>0</v>
      </c>
      <c r="O7348" s="178">
        <v>1</v>
      </c>
      <c r="P7348" s="178">
        <v>1</v>
      </c>
      <c r="Q7348" s="178">
        <v>1</v>
      </c>
      <c r="R7348" s="178">
        <v>1</v>
      </c>
      <c r="S7348" s="178">
        <v>0</v>
      </c>
      <c r="T7348" s="178">
        <v>0</v>
      </c>
      <c r="U7348" s="179"/>
      <c r="V7348" s="179"/>
      <c r="W7348" s="179"/>
      <c r="X7348" s="179"/>
      <c r="Y7348" s="179"/>
      <c r="Z7348" s="179"/>
      <c r="AA7348" s="179"/>
      <c r="AB7348" s="179"/>
      <c r="AC7348" s="179"/>
      <c r="AD7348" s="179"/>
      <c r="AE7348" s="179"/>
      <c r="AF7348" s="179"/>
      <c r="AG7348" s="179"/>
      <c r="AH7348" s="179"/>
      <c r="AI7348" s="179"/>
      <c r="AJ7348" s="179"/>
      <c r="AK7348" s="179"/>
      <c r="AL7348" s="179"/>
      <c r="AM7348" s="179"/>
      <c r="AN7348" s="179"/>
      <c r="AO7348" s="179"/>
      <c r="AP7348" s="179"/>
      <c r="AQ7348" s="179"/>
      <c r="AR7348" s="179"/>
      <c r="AS7348" s="179"/>
      <c r="AT7348" s="179"/>
      <c r="AU7348" s="179"/>
      <c r="AV7348" s="179"/>
      <c r="AW7348" s="179"/>
      <c r="AX7348" s="180"/>
      <c r="AY7348" s="180"/>
      <c r="AZ7348" s="180"/>
      <c r="BA7348" s="180"/>
      <c r="BB7348" s="107">
        <v>45065</v>
      </c>
    </row>
    <row r="7349" spans="1:54" ht="13.95" customHeight="1" x14ac:dyDescent="0.25">
      <c r="A7349" s="14" t="s">
        <v>17813</v>
      </c>
      <c r="B7349" s="109" t="s">
        <v>21519</v>
      </c>
      <c r="C7349" s="93" t="s">
        <v>17814</v>
      </c>
      <c r="D7349" s="93" t="s">
        <v>17815</v>
      </c>
      <c r="E7349" s="177">
        <v>1975</v>
      </c>
      <c r="F7349" s="177">
        <v>1869</v>
      </c>
      <c r="G7349" s="177" t="s">
        <v>1</v>
      </c>
      <c r="H7349" s="178">
        <v>0</v>
      </c>
      <c r="I7349" s="178">
        <v>0</v>
      </c>
      <c r="J7349" s="178">
        <v>1</v>
      </c>
      <c r="K7349" s="178">
        <v>0</v>
      </c>
      <c r="L7349" s="178">
        <v>0</v>
      </c>
      <c r="M7349" s="178">
        <v>0</v>
      </c>
      <c r="N7349" s="178">
        <v>0</v>
      </c>
      <c r="O7349" s="178">
        <v>1</v>
      </c>
      <c r="P7349" s="178">
        <v>1</v>
      </c>
      <c r="Q7349" s="178">
        <v>0</v>
      </c>
      <c r="R7349" s="178">
        <v>1</v>
      </c>
      <c r="S7349" s="178">
        <v>0</v>
      </c>
      <c r="T7349" s="178">
        <v>0</v>
      </c>
      <c r="U7349" s="179"/>
      <c r="V7349" s="179"/>
      <c r="W7349" s="179"/>
      <c r="X7349" s="179"/>
      <c r="Y7349" s="179"/>
      <c r="Z7349" s="179"/>
      <c r="AA7349" s="179"/>
      <c r="AB7349" s="179"/>
      <c r="AC7349" s="179"/>
      <c r="AD7349" s="179"/>
      <c r="AE7349" s="179"/>
      <c r="AF7349" s="179"/>
      <c r="AG7349" s="179"/>
      <c r="AH7349" s="179"/>
      <c r="AI7349" s="179"/>
      <c r="AJ7349" s="179"/>
      <c r="AK7349" s="179"/>
      <c r="AL7349" s="179"/>
      <c r="AM7349" s="179"/>
      <c r="AN7349" s="179"/>
      <c r="AO7349" s="179"/>
      <c r="AP7349" s="179"/>
      <c r="AQ7349" s="179"/>
      <c r="AR7349" s="179"/>
      <c r="AS7349" s="179"/>
      <c r="AT7349" s="179"/>
      <c r="AU7349" s="179"/>
      <c r="AV7349" s="179"/>
      <c r="AW7349" s="179"/>
      <c r="AX7349" s="180"/>
      <c r="AY7349" s="180"/>
      <c r="AZ7349" s="180"/>
      <c r="BA7349" s="180"/>
      <c r="BB7349" s="107">
        <v>45065</v>
      </c>
    </row>
    <row r="7350" spans="1:54" ht="13.95" customHeight="1" x14ac:dyDescent="0.25">
      <c r="A7350" s="14" t="s">
        <v>17816</v>
      </c>
      <c r="B7350" s="109" t="s">
        <v>21519</v>
      </c>
      <c r="C7350" s="93" t="s">
        <v>17817</v>
      </c>
      <c r="D7350" s="93" t="s">
        <v>17818</v>
      </c>
      <c r="E7350" s="177">
        <v>2000</v>
      </c>
      <c r="F7350" s="177">
        <v>150</v>
      </c>
      <c r="G7350" s="177" t="s">
        <v>1</v>
      </c>
      <c r="H7350" s="178">
        <v>0</v>
      </c>
      <c r="I7350" s="178">
        <v>0</v>
      </c>
      <c r="J7350" s="178">
        <v>0</v>
      </c>
      <c r="K7350" s="178">
        <v>0</v>
      </c>
      <c r="L7350" s="178">
        <v>0</v>
      </c>
      <c r="M7350" s="178">
        <v>0</v>
      </c>
      <c r="N7350" s="178">
        <v>0</v>
      </c>
      <c r="O7350" s="178">
        <v>0</v>
      </c>
      <c r="P7350" s="178">
        <v>0</v>
      </c>
      <c r="Q7350" s="178">
        <v>0</v>
      </c>
      <c r="R7350" s="178">
        <v>1</v>
      </c>
      <c r="S7350" s="178">
        <v>0</v>
      </c>
      <c r="T7350" s="178">
        <v>0</v>
      </c>
      <c r="U7350" s="179"/>
      <c r="V7350" s="179"/>
      <c r="W7350" s="179"/>
      <c r="X7350" s="179"/>
      <c r="Y7350" s="179"/>
      <c r="Z7350" s="179"/>
      <c r="AA7350" s="179"/>
      <c r="AB7350" s="179"/>
      <c r="AC7350" s="179"/>
      <c r="AD7350" s="179"/>
      <c r="AE7350" s="179"/>
      <c r="AF7350" s="179"/>
      <c r="AG7350" s="179"/>
      <c r="AH7350" s="179"/>
      <c r="AI7350" s="179"/>
      <c r="AJ7350" s="179"/>
      <c r="AK7350" s="179"/>
      <c r="AL7350" s="179"/>
      <c r="AM7350" s="179"/>
      <c r="AN7350" s="179"/>
      <c r="AO7350" s="179"/>
      <c r="AP7350" s="179"/>
      <c r="AQ7350" s="179"/>
      <c r="AR7350" s="179"/>
      <c r="AS7350" s="179"/>
      <c r="AT7350" s="179"/>
      <c r="AU7350" s="179"/>
      <c r="AV7350" s="179"/>
      <c r="AW7350" s="179"/>
      <c r="AX7350" s="180"/>
      <c r="AY7350" s="180"/>
      <c r="AZ7350" s="180"/>
      <c r="BA7350" s="180"/>
      <c r="BB7350" s="107">
        <v>45065</v>
      </c>
    </row>
    <row r="7351" spans="1:54" ht="13.95" customHeight="1" x14ac:dyDescent="0.25">
      <c r="A7351" s="14" t="s">
        <v>17819</v>
      </c>
      <c r="B7351" s="109" t="s">
        <v>21519</v>
      </c>
      <c r="C7351" s="93" t="s">
        <v>17820</v>
      </c>
      <c r="D7351" s="93" t="s">
        <v>17821</v>
      </c>
      <c r="E7351" s="177">
        <v>1974</v>
      </c>
      <c r="F7351" s="177">
        <v>106</v>
      </c>
      <c r="G7351" s="177" t="s">
        <v>1</v>
      </c>
      <c r="H7351" s="178">
        <v>0</v>
      </c>
      <c r="I7351" s="178">
        <v>0</v>
      </c>
      <c r="J7351" s="178">
        <v>0</v>
      </c>
      <c r="K7351" s="178">
        <v>0</v>
      </c>
      <c r="L7351" s="178">
        <v>1</v>
      </c>
      <c r="M7351" s="178">
        <v>0</v>
      </c>
      <c r="N7351" s="178">
        <v>0</v>
      </c>
      <c r="O7351" s="178">
        <v>1</v>
      </c>
      <c r="P7351" s="178">
        <v>0</v>
      </c>
      <c r="Q7351" s="178">
        <v>0</v>
      </c>
      <c r="R7351" s="178">
        <v>1</v>
      </c>
      <c r="S7351" s="178">
        <v>0</v>
      </c>
      <c r="T7351" s="178">
        <v>0</v>
      </c>
      <c r="U7351" s="179"/>
      <c r="V7351" s="179"/>
      <c r="W7351" s="179"/>
      <c r="X7351" s="179"/>
      <c r="Y7351" s="179"/>
      <c r="Z7351" s="179"/>
      <c r="AA7351" s="179"/>
      <c r="AB7351" s="179"/>
      <c r="AC7351" s="179"/>
      <c r="AD7351" s="179"/>
      <c r="AE7351" s="179"/>
      <c r="AF7351" s="179"/>
      <c r="AG7351" s="179"/>
      <c r="AH7351" s="179"/>
      <c r="AI7351" s="179"/>
      <c r="AJ7351" s="179"/>
      <c r="AK7351" s="179"/>
      <c r="AL7351" s="179"/>
      <c r="AM7351" s="179"/>
      <c r="AN7351" s="179"/>
      <c r="AO7351" s="179"/>
      <c r="AP7351" s="179"/>
      <c r="AQ7351" s="179"/>
      <c r="AR7351" s="179"/>
      <c r="AS7351" s="179"/>
      <c r="AT7351" s="179"/>
      <c r="AU7351" s="179"/>
      <c r="AV7351" s="179"/>
      <c r="AW7351" s="179"/>
      <c r="AX7351" s="180"/>
      <c r="AY7351" s="180"/>
      <c r="AZ7351" s="180"/>
      <c r="BA7351" s="180"/>
      <c r="BB7351" s="107">
        <v>45065</v>
      </c>
    </row>
    <row r="7352" spans="1:54" ht="13.95" customHeight="1" x14ac:dyDescent="0.25">
      <c r="A7352" s="14" t="s">
        <v>17822</v>
      </c>
      <c r="B7352" s="109" t="s">
        <v>21519</v>
      </c>
      <c r="C7352" s="93" t="s">
        <v>13895</v>
      </c>
      <c r="D7352" s="93" t="s">
        <v>17823</v>
      </c>
      <c r="E7352" s="177">
        <v>2012</v>
      </c>
      <c r="F7352" s="177">
        <v>279</v>
      </c>
      <c r="G7352" s="177" t="s">
        <v>1</v>
      </c>
      <c r="H7352" s="178">
        <v>0</v>
      </c>
      <c r="I7352" s="178">
        <v>0</v>
      </c>
      <c r="J7352" s="178">
        <v>0</v>
      </c>
      <c r="K7352" s="178">
        <v>0</v>
      </c>
      <c r="L7352" s="178">
        <v>0</v>
      </c>
      <c r="M7352" s="178">
        <v>0</v>
      </c>
      <c r="N7352" s="178">
        <v>0</v>
      </c>
      <c r="O7352" s="178">
        <v>0</v>
      </c>
      <c r="P7352" s="178">
        <v>0</v>
      </c>
      <c r="Q7352" s="178">
        <v>0</v>
      </c>
      <c r="R7352" s="178">
        <v>0</v>
      </c>
      <c r="S7352" s="178">
        <v>0</v>
      </c>
      <c r="T7352" s="178">
        <v>0</v>
      </c>
      <c r="U7352" s="179"/>
      <c r="V7352" s="179"/>
      <c r="W7352" s="179"/>
      <c r="X7352" s="179"/>
      <c r="Y7352" s="179"/>
      <c r="Z7352" s="179"/>
      <c r="AA7352" s="179"/>
      <c r="AB7352" s="179"/>
      <c r="AC7352" s="179"/>
      <c r="AD7352" s="179"/>
      <c r="AE7352" s="179"/>
      <c r="AF7352" s="179"/>
      <c r="AG7352" s="179"/>
      <c r="AH7352" s="179"/>
      <c r="AI7352" s="179"/>
      <c r="AJ7352" s="179"/>
      <c r="AK7352" s="179"/>
      <c r="AL7352" s="179"/>
      <c r="AM7352" s="179"/>
      <c r="AN7352" s="179"/>
      <c r="AO7352" s="179"/>
      <c r="AP7352" s="179"/>
      <c r="AQ7352" s="179"/>
      <c r="AR7352" s="179"/>
      <c r="AS7352" s="179"/>
      <c r="AT7352" s="179"/>
      <c r="AU7352" s="179"/>
      <c r="AV7352" s="179"/>
      <c r="AW7352" s="179"/>
      <c r="AX7352" s="180"/>
      <c r="AY7352" s="180"/>
      <c r="AZ7352" s="180"/>
      <c r="BA7352" s="180"/>
      <c r="BB7352" s="107">
        <v>45065</v>
      </c>
    </row>
    <row r="7353" spans="1:54" ht="13.95" customHeight="1" x14ac:dyDescent="0.25">
      <c r="A7353" s="14" t="s">
        <v>17824</v>
      </c>
      <c r="B7353" s="109" t="s">
        <v>21519</v>
      </c>
      <c r="C7353" s="93" t="s">
        <v>17825</v>
      </c>
      <c r="D7353" s="93" t="s">
        <v>17826</v>
      </c>
      <c r="E7353" s="177">
        <v>1991</v>
      </c>
      <c r="F7353" s="177">
        <v>162</v>
      </c>
      <c r="G7353" s="177" t="s">
        <v>1</v>
      </c>
      <c r="H7353" s="178">
        <v>0</v>
      </c>
      <c r="I7353" s="178">
        <v>0</v>
      </c>
      <c r="J7353" s="178">
        <v>0</v>
      </c>
      <c r="K7353" s="178">
        <v>0</v>
      </c>
      <c r="L7353" s="178">
        <v>0</v>
      </c>
      <c r="M7353" s="178">
        <v>0</v>
      </c>
      <c r="N7353" s="178">
        <v>0</v>
      </c>
      <c r="O7353" s="178">
        <v>0</v>
      </c>
      <c r="P7353" s="178">
        <v>1</v>
      </c>
      <c r="Q7353" s="178">
        <v>0</v>
      </c>
      <c r="R7353" s="178">
        <v>1</v>
      </c>
      <c r="S7353" s="178">
        <v>0</v>
      </c>
      <c r="T7353" s="178">
        <v>0</v>
      </c>
      <c r="U7353" s="179"/>
      <c r="V7353" s="179"/>
      <c r="W7353" s="179"/>
      <c r="X7353" s="179"/>
      <c r="Y7353" s="179"/>
      <c r="Z7353" s="179"/>
      <c r="AA7353" s="179"/>
      <c r="AB7353" s="179"/>
      <c r="AC7353" s="179"/>
      <c r="AD7353" s="179"/>
      <c r="AE7353" s="179"/>
      <c r="AF7353" s="179"/>
      <c r="AG7353" s="179"/>
      <c r="AH7353" s="179"/>
      <c r="AI7353" s="179"/>
      <c r="AJ7353" s="179"/>
      <c r="AK7353" s="179"/>
      <c r="AL7353" s="179"/>
      <c r="AM7353" s="179"/>
      <c r="AN7353" s="179"/>
      <c r="AO7353" s="179"/>
      <c r="AP7353" s="179"/>
      <c r="AQ7353" s="179"/>
      <c r="AR7353" s="179"/>
      <c r="AS7353" s="179"/>
      <c r="AT7353" s="179"/>
      <c r="AU7353" s="179"/>
      <c r="AV7353" s="179"/>
      <c r="AW7353" s="179"/>
      <c r="AX7353" s="180"/>
      <c r="AY7353" s="180"/>
      <c r="AZ7353" s="180"/>
      <c r="BA7353" s="180"/>
      <c r="BB7353" s="107">
        <v>45065</v>
      </c>
    </row>
    <row r="7354" spans="1:54" ht="13.95" customHeight="1" x14ac:dyDescent="0.25">
      <c r="A7354" s="14" t="s">
        <v>17827</v>
      </c>
      <c r="B7354" s="109" t="s">
        <v>21519</v>
      </c>
      <c r="C7354" s="93" t="s">
        <v>17828</v>
      </c>
      <c r="D7354" s="93" t="s">
        <v>17829</v>
      </c>
      <c r="E7354" s="177">
        <v>1975</v>
      </c>
      <c r="F7354" s="177">
        <v>1800</v>
      </c>
      <c r="G7354" s="177" t="s">
        <v>1</v>
      </c>
      <c r="H7354" s="178">
        <v>0</v>
      </c>
      <c r="I7354" s="178">
        <v>0</v>
      </c>
      <c r="J7354" s="178">
        <v>0</v>
      </c>
      <c r="K7354" s="178">
        <v>0</v>
      </c>
      <c r="L7354" s="178">
        <v>0</v>
      </c>
      <c r="M7354" s="178">
        <v>0</v>
      </c>
      <c r="N7354" s="178">
        <v>0</v>
      </c>
      <c r="O7354" s="178">
        <v>0</v>
      </c>
      <c r="P7354" s="178">
        <v>0</v>
      </c>
      <c r="Q7354" s="178">
        <v>0</v>
      </c>
      <c r="R7354" s="178">
        <v>0</v>
      </c>
      <c r="S7354" s="178">
        <v>0</v>
      </c>
      <c r="T7354" s="178">
        <v>0</v>
      </c>
      <c r="U7354" s="179"/>
      <c r="V7354" s="179"/>
      <c r="W7354" s="179"/>
      <c r="X7354" s="179"/>
      <c r="Y7354" s="179"/>
      <c r="Z7354" s="179"/>
      <c r="AA7354" s="179"/>
      <c r="AB7354" s="179"/>
      <c r="AC7354" s="179"/>
      <c r="AD7354" s="179"/>
      <c r="AE7354" s="179"/>
      <c r="AF7354" s="179"/>
      <c r="AG7354" s="179"/>
      <c r="AH7354" s="179"/>
      <c r="AI7354" s="179"/>
      <c r="AJ7354" s="179"/>
      <c r="AK7354" s="179"/>
      <c r="AL7354" s="179"/>
      <c r="AM7354" s="179"/>
      <c r="AN7354" s="179"/>
      <c r="AO7354" s="179"/>
      <c r="AP7354" s="179"/>
      <c r="AQ7354" s="179"/>
      <c r="AR7354" s="179"/>
      <c r="AS7354" s="179"/>
      <c r="AT7354" s="179"/>
      <c r="AU7354" s="179"/>
      <c r="AV7354" s="179"/>
      <c r="AW7354" s="179"/>
      <c r="AX7354" s="180"/>
      <c r="AY7354" s="180"/>
      <c r="AZ7354" s="180"/>
      <c r="BA7354" s="180"/>
      <c r="BB7354" s="107">
        <v>45065</v>
      </c>
    </row>
    <row r="7355" spans="1:54" ht="13.95" customHeight="1" x14ac:dyDescent="0.25">
      <c r="A7355" s="14" t="s">
        <v>17830</v>
      </c>
      <c r="B7355" s="109" t="s">
        <v>21519</v>
      </c>
      <c r="C7355" s="93" t="s">
        <v>17831</v>
      </c>
      <c r="D7355" s="93" t="s">
        <v>17832</v>
      </c>
      <c r="E7355" s="177">
        <v>1986</v>
      </c>
      <c r="F7355" s="177">
        <v>112</v>
      </c>
      <c r="G7355" s="177" t="s">
        <v>1</v>
      </c>
      <c r="H7355" s="178">
        <v>0</v>
      </c>
      <c r="I7355" s="178">
        <v>0</v>
      </c>
      <c r="J7355" s="178">
        <v>0</v>
      </c>
      <c r="K7355" s="178">
        <v>0</v>
      </c>
      <c r="L7355" s="178">
        <v>0</v>
      </c>
      <c r="M7355" s="178">
        <v>0</v>
      </c>
      <c r="N7355" s="178">
        <v>0</v>
      </c>
      <c r="O7355" s="178">
        <v>1</v>
      </c>
      <c r="P7355" s="178">
        <v>0</v>
      </c>
      <c r="Q7355" s="178">
        <v>0</v>
      </c>
      <c r="R7355" s="178">
        <v>1</v>
      </c>
      <c r="S7355" s="178">
        <v>0</v>
      </c>
      <c r="T7355" s="178">
        <v>0</v>
      </c>
      <c r="U7355" s="179"/>
      <c r="V7355" s="179"/>
      <c r="W7355" s="179"/>
      <c r="X7355" s="179"/>
      <c r="Y7355" s="179"/>
      <c r="Z7355" s="179"/>
      <c r="AA7355" s="179"/>
      <c r="AB7355" s="179"/>
      <c r="AC7355" s="179"/>
      <c r="AD7355" s="179"/>
      <c r="AE7355" s="179"/>
      <c r="AF7355" s="179"/>
      <c r="AG7355" s="179"/>
      <c r="AH7355" s="179"/>
      <c r="AI7355" s="179"/>
      <c r="AJ7355" s="179"/>
      <c r="AK7355" s="179"/>
      <c r="AL7355" s="179"/>
      <c r="AM7355" s="179"/>
      <c r="AN7355" s="179"/>
      <c r="AO7355" s="179"/>
      <c r="AP7355" s="179"/>
      <c r="AQ7355" s="179"/>
      <c r="AR7355" s="179"/>
      <c r="AS7355" s="179"/>
      <c r="AT7355" s="179"/>
      <c r="AU7355" s="179"/>
      <c r="AV7355" s="179"/>
      <c r="AW7355" s="179"/>
      <c r="AX7355" s="180"/>
      <c r="AY7355" s="180"/>
      <c r="AZ7355" s="180"/>
      <c r="BA7355" s="180"/>
      <c r="BB7355" s="107">
        <v>45065</v>
      </c>
    </row>
    <row r="7356" spans="1:54" ht="13.95" customHeight="1" x14ac:dyDescent="0.25">
      <c r="A7356" s="14" t="s">
        <v>17833</v>
      </c>
      <c r="B7356" s="109" t="s">
        <v>21519</v>
      </c>
      <c r="C7356" s="93" t="s">
        <v>17834</v>
      </c>
      <c r="D7356" s="93" t="s">
        <v>17835</v>
      </c>
      <c r="E7356" s="177">
        <v>1981</v>
      </c>
      <c r="F7356" s="177">
        <v>151</v>
      </c>
      <c r="G7356" s="177" t="s">
        <v>1</v>
      </c>
      <c r="H7356" s="178">
        <v>0</v>
      </c>
      <c r="I7356" s="178">
        <v>0</v>
      </c>
      <c r="J7356" s="178">
        <v>0</v>
      </c>
      <c r="K7356" s="178">
        <v>0</v>
      </c>
      <c r="L7356" s="178">
        <v>0</v>
      </c>
      <c r="M7356" s="178">
        <v>0</v>
      </c>
      <c r="N7356" s="178">
        <v>0</v>
      </c>
      <c r="O7356" s="178">
        <v>1</v>
      </c>
      <c r="P7356" s="178">
        <v>1</v>
      </c>
      <c r="Q7356" s="178">
        <v>0</v>
      </c>
      <c r="R7356" s="178">
        <v>1</v>
      </c>
      <c r="S7356" s="178">
        <v>0</v>
      </c>
      <c r="T7356" s="178">
        <v>0</v>
      </c>
      <c r="U7356" s="179"/>
      <c r="V7356" s="179"/>
      <c r="W7356" s="179"/>
      <c r="X7356" s="179"/>
      <c r="Y7356" s="179"/>
      <c r="Z7356" s="179"/>
      <c r="AA7356" s="179"/>
      <c r="AB7356" s="179"/>
      <c r="AC7356" s="179"/>
      <c r="AD7356" s="179"/>
      <c r="AE7356" s="179"/>
      <c r="AF7356" s="179"/>
      <c r="AG7356" s="179"/>
      <c r="AH7356" s="179"/>
      <c r="AI7356" s="179"/>
      <c r="AJ7356" s="179"/>
      <c r="AK7356" s="179"/>
      <c r="AL7356" s="179"/>
      <c r="AM7356" s="179"/>
      <c r="AN7356" s="179"/>
      <c r="AO7356" s="179"/>
      <c r="AP7356" s="179"/>
      <c r="AQ7356" s="179"/>
      <c r="AR7356" s="179"/>
      <c r="AS7356" s="179"/>
      <c r="AT7356" s="179"/>
      <c r="AU7356" s="179"/>
      <c r="AV7356" s="179"/>
      <c r="AW7356" s="179"/>
      <c r="AX7356" s="180"/>
      <c r="AY7356" s="180"/>
      <c r="AZ7356" s="180"/>
      <c r="BA7356" s="180"/>
      <c r="BB7356" s="107">
        <v>45065</v>
      </c>
    </row>
    <row r="7357" spans="1:54" ht="13.95" customHeight="1" x14ac:dyDescent="0.25">
      <c r="A7357" s="14" t="s">
        <v>17836</v>
      </c>
      <c r="B7357" s="109" t="s">
        <v>21519</v>
      </c>
      <c r="C7357" s="93" t="s">
        <v>17837</v>
      </c>
      <c r="D7357" s="93" t="s">
        <v>17838</v>
      </c>
      <c r="E7357" s="177">
        <v>1991</v>
      </c>
      <c r="F7357" s="177">
        <v>165</v>
      </c>
      <c r="G7357" s="177" t="s">
        <v>1</v>
      </c>
      <c r="H7357" s="178">
        <v>0</v>
      </c>
      <c r="I7357" s="178">
        <v>0</v>
      </c>
      <c r="J7357" s="178">
        <v>1</v>
      </c>
      <c r="K7357" s="178">
        <v>0</v>
      </c>
      <c r="L7357" s="178">
        <v>1</v>
      </c>
      <c r="M7357" s="178">
        <v>0</v>
      </c>
      <c r="N7357" s="178">
        <v>0</v>
      </c>
      <c r="O7357" s="178">
        <v>0</v>
      </c>
      <c r="P7357" s="178">
        <v>0</v>
      </c>
      <c r="Q7357" s="178">
        <v>0</v>
      </c>
      <c r="R7357" s="178">
        <v>0</v>
      </c>
      <c r="S7357" s="178">
        <v>0</v>
      </c>
      <c r="T7357" s="178">
        <v>0</v>
      </c>
      <c r="U7357" s="179"/>
      <c r="V7357" s="179"/>
      <c r="W7357" s="179"/>
      <c r="X7357" s="179"/>
      <c r="Y7357" s="179"/>
      <c r="Z7357" s="179"/>
      <c r="AA7357" s="179"/>
      <c r="AB7357" s="179"/>
      <c r="AC7357" s="179"/>
      <c r="AD7357" s="179"/>
      <c r="AE7357" s="179"/>
      <c r="AF7357" s="179"/>
      <c r="AG7357" s="179"/>
      <c r="AH7357" s="179"/>
      <c r="AI7357" s="179"/>
      <c r="AJ7357" s="179"/>
      <c r="AK7357" s="179"/>
      <c r="AL7357" s="179"/>
      <c r="AM7357" s="179"/>
      <c r="AN7357" s="179"/>
      <c r="AO7357" s="179"/>
      <c r="AP7357" s="179"/>
      <c r="AQ7357" s="179"/>
      <c r="AR7357" s="179"/>
      <c r="AS7357" s="179"/>
      <c r="AT7357" s="179"/>
      <c r="AU7357" s="179"/>
      <c r="AV7357" s="179"/>
      <c r="AW7357" s="179"/>
      <c r="AX7357" s="180"/>
      <c r="AY7357" s="180"/>
      <c r="AZ7357" s="180"/>
      <c r="BA7357" s="180"/>
      <c r="BB7357" s="107">
        <v>45065</v>
      </c>
    </row>
    <row r="7358" spans="1:54" ht="13.95" customHeight="1" x14ac:dyDescent="0.25">
      <c r="A7358" s="14" t="s">
        <v>17839</v>
      </c>
      <c r="B7358" s="109" t="s">
        <v>21519</v>
      </c>
      <c r="C7358" s="93" t="s">
        <v>17840</v>
      </c>
      <c r="D7358" s="93" t="s">
        <v>17841</v>
      </c>
      <c r="E7358" s="177">
        <v>1982</v>
      </c>
      <c r="F7358" s="177">
        <v>438</v>
      </c>
      <c r="G7358" s="177" t="s">
        <v>1</v>
      </c>
      <c r="H7358" s="178">
        <v>0</v>
      </c>
      <c r="I7358" s="178">
        <v>0</v>
      </c>
      <c r="J7358" s="178">
        <v>0</v>
      </c>
      <c r="K7358" s="178">
        <v>0</v>
      </c>
      <c r="L7358" s="178">
        <v>0</v>
      </c>
      <c r="M7358" s="178">
        <v>0</v>
      </c>
      <c r="N7358" s="178">
        <v>0</v>
      </c>
      <c r="O7358" s="178">
        <v>0</v>
      </c>
      <c r="P7358" s="178">
        <v>0</v>
      </c>
      <c r="Q7358" s="178">
        <v>0</v>
      </c>
      <c r="R7358" s="178">
        <v>0</v>
      </c>
      <c r="S7358" s="178">
        <v>0</v>
      </c>
      <c r="T7358" s="178">
        <v>0</v>
      </c>
      <c r="U7358" s="179"/>
      <c r="V7358" s="179"/>
      <c r="W7358" s="179"/>
      <c r="X7358" s="179"/>
      <c r="Y7358" s="179"/>
      <c r="Z7358" s="179"/>
      <c r="AA7358" s="179"/>
      <c r="AB7358" s="179"/>
      <c r="AC7358" s="179"/>
      <c r="AD7358" s="179"/>
      <c r="AE7358" s="179"/>
      <c r="AF7358" s="179"/>
      <c r="AG7358" s="179"/>
      <c r="AH7358" s="179"/>
      <c r="AI7358" s="179"/>
      <c r="AJ7358" s="179"/>
      <c r="AK7358" s="179"/>
      <c r="AL7358" s="179"/>
      <c r="AM7358" s="179"/>
      <c r="AN7358" s="179"/>
      <c r="AO7358" s="179"/>
      <c r="AP7358" s="179"/>
      <c r="AQ7358" s="179"/>
      <c r="AR7358" s="179"/>
      <c r="AS7358" s="179"/>
      <c r="AT7358" s="179"/>
      <c r="AU7358" s="179"/>
      <c r="AV7358" s="179"/>
      <c r="AW7358" s="179"/>
      <c r="AX7358" s="180"/>
      <c r="AY7358" s="180"/>
      <c r="AZ7358" s="180"/>
      <c r="BA7358" s="180"/>
      <c r="BB7358" s="107">
        <v>45065</v>
      </c>
    </row>
    <row r="7359" spans="1:54" ht="13.95" customHeight="1" x14ac:dyDescent="0.25">
      <c r="A7359" s="14" t="s">
        <v>17842</v>
      </c>
      <c r="B7359" s="109" t="s">
        <v>21519</v>
      </c>
      <c r="C7359" s="93" t="s">
        <v>17843</v>
      </c>
      <c r="D7359" s="93" t="s">
        <v>17844</v>
      </c>
      <c r="E7359" s="177">
        <v>2000</v>
      </c>
      <c r="F7359" s="177">
        <v>167</v>
      </c>
      <c r="G7359" s="177" t="s">
        <v>1</v>
      </c>
      <c r="H7359" s="178">
        <v>0</v>
      </c>
      <c r="I7359" s="178">
        <v>0</v>
      </c>
      <c r="J7359" s="178">
        <v>0</v>
      </c>
      <c r="K7359" s="178">
        <v>0</v>
      </c>
      <c r="L7359" s="178">
        <v>0</v>
      </c>
      <c r="M7359" s="178">
        <v>0</v>
      </c>
      <c r="N7359" s="178">
        <v>0</v>
      </c>
      <c r="O7359" s="178">
        <v>0</v>
      </c>
      <c r="P7359" s="178">
        <v>0</v>
      </c>
      <c r="Q7359" s="178">
        <v>0</v>
      </c>
      <c r="R7359" s="178">
        <v>0</v>
      </c>
      <c r="S7359" s="178">
        <v>0</v>
      </c>
      <c r="T7359" s="178">
        <v>0</v>
      </c>
      <c r="U7359" s="179"/>
      <c r="V7359" s="179"/>
      <c r="W7359" s="179"/>
      <c r="X7359" s="179"/>
      <c r="Y7359" s="179"/>
      <c r="Z7359" s="179"/>
      <c r="AA7359" s="179"/>
      <c r="AB7359" s="179"/>
      <c r="AC7359" s="179"/>
      <c r="AD7359" s="179"/>
      <c r="AE7359" s="179"/>
      <c r="AF7359" s="179"/>
      <c r="AG7359" s="179"/>
      <c r="AH7359" s="179"/>
      <c r="AI7359" s="179"/>
      <c r="AJ7359" s="179"/>
      <c r="AK7359" s="179"/>
      <c r="AL7359" s="179"/>
      <c r="AM7359" s="179"/>
      <c r="AN7359" s="179"/>
      <c r="AO7359" s="179"/>
      <c r="AP7359" s="179"/>
      <c r="AQ7359" s="179"/>
      <c r="AR7359" s="179"/>
      <c r="AS7359" s="179"/>
      <c r="AT7359" s="179"/>
      <c r="AU7359" s="179"/>
      <c r="AV7359" s="179"/>
      <c r="AW7359" s="179"/>
      <c r="AX7359" s="180"/>
      <c r="AY7359" s="180"/>
      <c r="AZ7359" s="180"/>
      <c r="BA7359" s="180"/>
      <c r="BB7359" s="107">
        <v>45065</v>
      </c>
    </row>
    <row r="7360" spans="1:54" ht="13.95" customHeight="1" x14ac:dyDescent="0.25">
      <c r="A7360" s="14" t="s">
        <v>17845</v>
      </c>
      <c r="B7360" s="109" t="s">
        <v>21519</v>
      </c>
      <c r="C7360" s="93" t="s">
        <v>17846</v>
      </c>
      <c r="D7360" s="93" t="s">
        <v>17847</v>
      </c>
      <c r="E7360" s="177">
        <v>2004</v>
      </c>
      <c r="F7360" s="177">
        <v>190</v>
      </c>
      <c r="G7360" s="177" t="s">
        <v>1</v>
      </c>
      <c r="H7360" s="178">
        <v>0</v>
      </c>
      <c r="I7360" s="178">
        <v>0</v>
      </c>
      <c r="J7360" s="178">
        <v>0</v>
      </c>
      <c r="K7360" s="178">
        <v>1</v>
      </c>
      <c r="L7360" s="178">
        <v>0</v>
      </c>
      <c r="M7360" s="178">
        <v>0</v>
      </c>
      <c r="N7360" s="178">
        <v>0</v>
      </c>
      <c r="O7360" s="178">
        <v>0</v>
      </c>
      <c r="P7360" s="178">
        <v>0</v>
      </c>
      <c r="Q7360" s="178">
        <v>0</v>
      </c>
      <c r="R7360" s="178">
        <v>1</v>
      </c>
      <c r="S7360" s="178">
        <v>0</v>
      </c>
      <c r="T7360" s="178">
        <v>0</v>
      </c>
      <c r="U7360" s="179"/>
      <c r="V7360" s="179"/>
      <c r="W7360" s="179"/>
      <c r="X7360" s="179"/>
      <c r="Y7360" s="179"/>
      <c r="Z7360" s="179"/>
      <c r="AA7360" s="179"/>
      <c r="AB7360" s="179"/>
      <c r="AC7360" s="179"/>
      <c r="AD7360" s="179"/>
      <c r="AE7360" s="179"/>
      <c r="AF7360" s="179"/>
      <c r="AG7360" s="179"/>
      <c r="AH7360" s="179"/>
      <c r="AI7360" s="179"/>
      <c r="AJ7360" s="179"/>
      <c r="AK7360" s="179"/>
      <c r="AL7360" s="179"/>
      <c r="AM7360" s="179"/>
      <c r="AN7360" s="179"/>
      <c r="AO7360" s="179"/>
      <c r="AP7360" s="179"/>
      <c r="AQ7360" s="179"/>
      <c r="AR7360" s="179"/>
      <c r="AS7360" s="179"/>
      <c r="AT7360" s="179"/>
      <c r="AU7360" s="179"/>
      <c r="AV7360" s="179"/>
      <c r="AW7360" s="179"/>
      <c r="AX7360" s="180"/>
      <c r="AY7360" s="180"/>
      <c r="AZ7360" s="180"/>
      <c r="BA7360" s="180"/>
      <c r="BB7360" s="107">
        <v>45065</v>
      </c>
    </row>
    <row r="7361" spans="1:54" ht="13.95" customHeight="1" x14ac:dyDescent="0.25">
      <c r="A7361" s="14" t="s">
        <v>17848</v>
      </c>
      <c r="B7361" s="109" t="s">
        <v>21519</v>
      </c>
      <c r="C7361" s="93" t="s">
        <v>17849</v>
      </c>
      <c r="D7361" s="93" t="s">
        <v>17850</v>
      </c>
      <c r="E7361" s="177">
        <v>2000</v>
      </c>
      <c r="F7361" s="177">
        <v>159</v>
      </c>
      <c r="G7361" s="177" t="s">
        <v>1</v>
      </c>
      <c r="H7361" s="178">
        <v>0</v>
      </c>
      <c r="I7361" s="178">
        <v>0</v>
      </c>
      <c r="J7361" s="178">
        <v>0</v>
      </c>
      <c r="K7361" s="178">
        <v>0</v>
      </c>
      <c r="L7361" s="178">
        <v>0</v>
      </c>
      <c r="M7361" s="178">
        <v>0</v>
      </c>
      <c r="N7361" s="178">
        <v>0</v>
      </c>
      <c r="O7361" s="178">
        <v>0</v>
      </c>
      <c r="P7361" s="178">
        <v>0</v>
      </c>
      <c r="Q7361" s="178">
        <v>0</v>
      </c>
      <c r="R7361" s="178">
        <v>0</v>
      </c>
      <c r="S7361" s="178">
        <v>0</v>
      </c>
      <c r="T7361" s="178">
        <v>0</v>
      </c>
      <c r="U7361" s="179"/>
      <c r="V7361" s="179"/>
      <c r="W7361" s="179"/>
      <c r="X7361" s="179"/>
      <c r="Y7361" s="179"/>
      <c r="Z7361" s="179"/>
      <c r="AA7361" s="179"/>
      <c r="AB7361" s="179"/>
      <c r="AC7361" s="179"/>
      <c r="AD7361" s="179"/>
      <c r="AE7361" s="179"/>
      <c r="AF7361" s="179"/>
      <c r="AG7361" s="179"/>
      <c r="AH7361" s="179"/>
      <c r="AI7361" s="179"/>
      <c r="AJ7361" s="179"/>
      <c r="AK7361" s="179"/>
      <c r="AL7361" s="179"/>
      <c r="AM7361" s="179"/>
      <c r="AN7361" s="179"/>
      <c r="AO7361" s="179"/>
      <c r="AP7361" s="179"/>
      <c r="AQ7361" s="179"/>
      <c r="AR7361" s="179"/>
      <c r="AS7361" s="179"/>
      <c r="AT7361" s="179"/>
      <c r="AU7361" s="179"/>
      <c r="AV7361" s="179"/>
      <c r="AW7361" s="179"/>
      <c r="AX7361" s="180"/>
      <c r="AY7361" s="180"/>
      <c r="AZ7361" s="180"/>
      <c r="BA7361" s="180"/>
      <c r="BB7361" s="107">
        <v>45065</v>
      </c>
    </row>
    <row r="7362" spans="1:54" ht="13.95" customHeight="1" x14ac:dyDescent="0.25">
      <c r="A7362" s="14" t="s">
        <v>17851</v>
      </c>
      <c r="B7362" s="109" t="s">
        <v>21519</v>
      </c>
      <c r="C7362" s="93" t="s">
        <v>17852</v>
      </c>
      <c r="D7362" s="93" t="s">
        <v>17853</v>
      </c>
      <c r="E7362" s="177">
        <v>2003</v>
      </c>
      <c r="F7362" s="177">
        <v>167</v>
      </c>
      <c r="G7362" s="177" t="s">
        <v>1</v>
      </c>
      <c r="H7362" s="178">
        <v>0</v>
      </c>
      <c r="I7362" s="178">
        <v>0</v>
      </c>
      <c r="J7362" s="178">
        <v>1</v>
      </c>
      <c r="K7362" s="178">
        <v>1</v>
      </c>
      <c r="L7362" s="178">
        <v>1</v>
      </c>
      <c r="M7362" s="178">
        <v>0</v>
      </c>
      <c r="N7362" s="178">
        <v>0</v>
      </c>
      <c r="O7362" s="178">
        <v>1</v>
      </c>
      <c r="P7362" s="178">
        <v>1</v>
      </c>
      <c r="Q7362" s="178">
        <v>0</v>
      </c>
      <c r="R7362" s="178">
        <v>0</v>
      </c>
      <c r="S7362" s="178">
        <v>0</v>
      </c>
      <c r="T7362" s="178">
        <v>0</v>
      </c>
      <c r="U7362" s="179"/>
      <c r="V7362" s="179"/>
      <c r="W7362" s="179"/>
      <c r="X7362" s="179"/>
      <c r="Y7362" s="179"/>
      <c r="Z7362" s="179"/>
      <c r="AA7362" s="179"/>
      <c r="AB7362" s="179"/>
      <c r="AC7362" s="179"/>
      <c r="AD7362" s="179"/>
      <c r="AE7362" s="179"/>
      <c r="AF7362" s="179"/>
      <c r="AG7362" s="179"/>
      <c r="AH7362" s="179"/>
      <c r="AI7362" s="179"/>
      <c r="AJ7362" s="179"/>
      <c r="AK7362" s="179"/>
      <c r="AL7362" s="179"/>
      <c r="AM7362" s="179"/>
      <c r="AN7362" s="179"/>
      <c r="AO7362" s="179"/>
      <c r="AP7362" s="179"/>
      <c r="AQ7362" s="179"/>
      <c r="AR7362" s="179"/>
      <c r="AS7362" s="179"/>
      <c r="AT7362" s="179"/>
      <c r="AU7362" s="179"/>
      <c r="AV7362" s="179"/>
      <c r="AW7362" s="179"/>
      <c r="AX7362" s="180"/>
      <c r="AY7362" s="180"/>
      <c r="AZ7362" s="180"/>
      <c r="BA7362" s="180"/>
      <c r="BB7362" s="107">
        <v>45065</v>
      </c>
    </row>
    <row r="7363" spans="1:54" ht="13.5" customHeight="1" x14ac:dyDescent="0.25">
      <c r="A7363" s="14" t="s">
        <v>17854</v>
      </c>
      <c r="B7363" s="109" t="s">
        <v>21519</v>
      </c>
      <c r="C7363" s="93" t="s">
        <v>10357</v>
      </c>
      <c r="D7363" s="93" t="s">
        <v>17855</v>
      </c>
      <c r="E7363" s="177">
        <v>1976</v>
      </c>
      <c r="F7363" s="177">
        <v>596</v>
      </c>
      <c r="G7363" s="177" t="s">
        <v>1</v>
      </c>
      <c r="H7363" s="178">
        <v>0</v>
      </c>
      <c r="I7363" s="178">
        <v>0</v>
      </c>
      <c r="J7363" s="178">
        <v>1</v>
      </c>
      <c r="K7363" s="178">
        <v>0</v>
      </c>
      <c r="L7363" s="178">
        <v>1</v>
      </c>
      <c r="M7363" s="178">
        <v>0</v>
      </c>
      <c r="N7363" s="178">
        <v>0</v>
      </c>
      <c r="O7363" s="178">
        <v>1</v>
      </c>
      <c r="P7363" s="178">
        <v>0</v>
      </c>
      <c r="Q7363" s="178">
        <v>0</v>
      </c>
      <c r="R7363" s="178">
        <v>1</v>
      </c>
      <c r="S7363" s="178">
        <v>0</v>
      </c>
      <c r="T7363" s="178">
        <v>0</v>
      </c>
      <c r="U7363" s="179"/>
      <c r="V7363" s="179"/>
      <c r="W7363" s="179"/>
      <c r="X7363" s="179"/>
      <c r="Y7363" s="179"/>
      <c r="Z7363" s="179"/>
      <c r="AA7363" s="179"/>
      <c r="AB7363" s="179"/>
      <c r="AC7363" s="179"/>
      <c r="AD7363" s="179"/>
      <c r="AE7363" s="179"/>
      <c r="AF7363" s="179"/>
      <c r="AG7363" s="179"/>
      <c r="AH7363" s="179"/>
      <c r="AI7363" s="179"/>
      <c r="AJ7363" s="179"/>
      <c r="AK7363" s="179"/>
      <c r="AL7363" s="179"/>
      <c r="AM7363" s="179"/>
      <c r="AN7363" s="179"/>
      <c r="AO7363" s="179"/>
      <c r="AP7363" s="179"/>
      <c r="AQ7363" s="179"/>
      <c r="AR7363" s="179"/>
      <c r="AS7363" s="179"/>
      <c r="AT7363" s="179"/>
      <c r="AU7363" s="179"/>
      <c r="AV7363" s="179"/>
      <c r="AW7363" s="179"/>
      <c r="AX7363" s="180"/>
      <c r="AY7363" s="180"/>
      <c r="AZ7363" s="180"/>
      <c r="BA7363" s="180"/>
      <c r="BB7363" s="107">
        <v>45065</v>
      </c>
    </row>
    <row r="7364" spans="1:54" ht="13.95" customHeight="1" x14ac:dyDescent="0.25">
      <c r="A7364" s="14" t="s">
        <v>17856</v>
      </c>
      <c r="B7364" s="109" t="s">
        <v>21519</v>
      </c>
      <c r="C7364" s="93" t="s">
        <v>17857</v>
      </c>
      <c r="D7364" s="93" t="s">
        <v>17858</v>
      </c>
      <c r="E7364" s="177">
        <v>1980</v>
      </c>
      <c r="F7364" s="177">
        <v>151</v>
      </c>
      <c r="G7364" s="177" t="s">
        <v>1</v>
      </c>
      <c r="H7364" s="178">
        <v>0</v>
      </c>
      <c r="I7364" s="178">
        <v>0</v>
      </c>
      <c r="J7364" s="178">
        <v>0</v>
      </c>
      <c r="K7364" s="178">
        <v>0</v>
      </c>
      <c r="L7364" s="178">
        <v>0</v>
      </c>
      <c r="M7364" s="178">
        <v>0</v>
      </c>
      <c r="N7364" s="178">
        <v>0</v>
      </c>
      <c r="O7364" s="178">
        <v>0</v>
      </c>
      <c r="P7364" s="178">
        <v>0</v>
      </c>
      <c r="Q7364" s="178">
        <v>0</v>
      </c>
      <c r="R7364" s="178">
        <v>0</v>
      </c>
      <c r="S7364" s="178">
        <v>0</v>
      </c>
      <c r="T7364" s="178">
        <v>0</v>
      </c>
      <c r="U7364" s="179"/>
      <c r="V7364" s="179"/>
      <c r="W7364" s="179"/>
      <c r="X7364" s="179"/>
      <c r="Y7364" s="179"/>
      <c r="Z7364" s="179"/>
      <c r="AA7364" s="179"/>
      <c r="AB7364" s="179"/>
      <c r="AC7364" s="179"/>
      <c r="AD7364" s="179"/>
      <c r="AE7364" s="179"/>
      <c r="AF7364" s="179"/>
      <c r="AG7364" s="179"/>
      <c r="AH7364" s="179"/>
      <c r="AI7364" s="179"/>
      <c r="AJ7364" s="179"/>
      <c r="AK7364" s="179"/>
      <c r="AL7364" s="179"/>
      <c r="AM7364" s="179"/>
      <c r="AN7364" s="179"/>
      <c r="AO7364" s="179"/>
      <c r="AP7364" s="179"/>
      <c r="AQ7364" s="179"/>
      <c r="AR7364" s="179"/>
      <c r="AS7364" s="179"/>
      <c r="AT7364" s="179"/>
      <c r="AU7364" s="179"/>
      <c r="AV7364" s="179"/>
      <c r="AW7364" s="179"/>
      <c r="AX7364" s="180"/>
      <c r="AY7364" s="180"/>
      <c r="AZ7364" s="180"/>
      <c r="BA7364" s="180"/>
      <c r="BB7364" s="107">
        <v>45065</v>
      </c>
    </row>
    <row r="7365" spans="1:54" ht="13.95" customHeight="1" x14ac:dyDescent="0.25">
      <c r="A7365" s="14" t="s">
        <v>17859</v>
      </c>
      <c r="B7365" s="109" t="s">
        <v>21519</v>
      </c>
      <c r="C7365" s="93" t="s">
        <v>17860</v>
      </c>
      <c r="D7365" s="93" t="s">
        <v>17861</v>
      </c>
      <c r="E7365" s="177">
        <v>2000</v>
      </c>
      <c r="F7365" s="177">
        <v>251</v>
      </c>
      <c r="G7365" s="177" t="s">
        <v>1</v>
      </c>
      <c r="H7365" s="178">
        <v>0</v>
      </c>
      <c r="I7365" s="178">
        <v>0</v>
      </c>
      <c r="J7365" s="178">
        <v>1</v>
      </c>
      <c r="K7365" s="178">
        <v>0</v>
      </c>
      <c r="L7365" s="178">
        <v>0</v>
      </c>
      <c r="M7365" s="178">
        <v>0</v>
      </c>
      <c r="N7365" s="178">
        <v>0</v>
      </c>
      <c r="O7365" s="178">
        <v>0</v>
      </c>
      <c r="P7365" s="178">
        <v>0</v>
      </c>
      <c r="Q7365" s="178">
        <v>0</v>
      </c>
      <c r="R7365" s="178">
        <v>0</v>
      </c>
      <c r="S7365" s="178">
        <v>0</v>
      </c>
      <c r="T7365" s="178">
        <v>0</v>
      </c>
      <c r="U7365" s="179"/>
      <c r="V7365" s="179"/>
      <c r="W7365" s="179"/>
      <c r="X7365" s="179"/>
      <c r="Y7365" s="179"/>
      <c r="Z7365" s="179"/>
      <c r="AA7365" s="179"/>
      <c r="AB7365" s="179"/>
      <c r="AC7365" s="179"/>
      <c r="AD7365" s="179"/>
      <c r="AE7365" s="179"/>
      <c r="AF7365" s="179"/>
      <c r="AG7365" s="179"/>
      <c r="AH7365" s="179"/>
      <c r="AI7365" s="179"/>
      <c r="AJ7365" s="179"/>
      <c r="AK7365" s="179"/>
      <c r="AL7365" s="179"/>
      <c r="AM7365" s="179"/>
      <c r="AN7365" s="179"/>
      <c r="AO7365" s="179"/>
      <c r="AP7365" s="179"/>
      <c r="AQ7365" s="179"/>
      <c r="AR7365" s="179"/>
      <c r="AS7365" s="179"/>
      <c r="AT7365" s="179"/>
      <c r="AU7365" s="179"/>
      <c r="AV7365" s="179"/>
      <c r="AW7365" s="179"/>
      <c r="AX7365" s="180"/>
      <c r="AY7365" s="180"/>
      <c r="AZ7365" s="180"/>
      <c r="BA7365" s="180"/>
      <c r="BB7365" s="107">
        <v>45065</v>
      </c>
    </row>
    <row r="7366" spans="1:54" ht="13.95" customHeight="1" x14ac:dyDescent="0.25">
      <c r="A7366" s="14" t="s">
        <v>17862</v>
      </c>
      <c r="B7366" s="109" t="s">
        <v>21519</v>
      </c>
      <c r="C7366" s="93" t="s">
        <v>17863</v>
      </c>
      <c r="D7366" s="93" t="s">
        <v>17864</v>
      </c>
      <c r="E7366" s="177">
        <v>1984</v>
      </c>
      <c r="F7366" s="177">
        <v>221</v>
      </c>
      <c r="G7366" s="177" t="s">
        <v>1</v>
      </c>
      <c r="H7366" s="178">
        <v>0</v>
      </c>
      <c r="I7366" s="178">
        <v>0</v>
      </c>
      <c r="J7366" s="178">
        <v>1</v>
      </c>
      <c r="K7366" s="178">
        <v>0</v>
      </c>
      <c r="L7366" s="178">
        <v>1</v>
      </c>
      <c r="M7366" s="178">
        <v>0</v>
      </c>
      <c r="N7366" s="178">
        <v>0</v>
      </c>
      <c r="O7366" s="178">
        <v>0</v>
      </c>
      <c r="P7366" s="178">
        <v>1</v>
      </c>
      <c r="Q7366" s="178">
        <v>0</v>
      </c>
      <c r="R7366" s="178">
        <v>0</v>
      </c>
      <c r="S7366" s="178">
        <v>0</v>
      </c>
      <c r="T7366" s="178">
        <v>0</v>
      </c>
      <c r="U7366" s="179"/>
      <c r="V7366" s="179"/>
      <c r="W7366" s="179"/>
      <c r="X7366" s="179"/>
      <c r="Y7366" s="179"/>
      <c r="Z7366" s="179"/>
      <c r="AA7366" s="179"/>
      <c r="AB7366" s="179"/>
      <c r="AC7366" s="179"/>
      <c r="AD7366" s="179"/>
      <c r="AE7366" s="179"/>
      <c r="AF7366" s="179"/>
      <c r="AG7366" s="179"/>
      <c r="AH7366" s="179"/>
      <c r="AI7366" s="179"/>
      <c r="AJ7366" s="179"/>
      <c r="AK7366" s="179"/>
      <c r="AL7366" s="179"/>
      <c r="AM7366" s="179"/>
      <c r="AN7366" s="179"/>
      <c r="AO7366" s="179"/>
      <c r="AP7366" s="179"/>
      <c r="AQ7366" s="179"/>
      <c r="AR7366" s="179"/>
      <c r="AS7366" s="179"/>
      <c r="AT7366" s="179"/>
      <c r="AU7366" s="179"/>
      <c r="AV7366" s="179"/>
      <c r="AW7366" s="179"/>
      <c r="AX7366" s="180"/>
      <c r="AY7366" s="180"/>
      <c r="AZ7366" s="180"/>
      <c r="BA7366" s="180"/>
      <c r="BB7366" s="107">
        <v>45065</v>
      </c>
    </row>
    <row r="7367" spans="1:54" ht="13.95" customHeight="1" x14ac:dyDescent="0.25">
      <c r="A7367" s="14" t="s">
        <v>17865</v>
      </c>
      <c r="B7367" s="109" t="s">
        <v>21519</v>
      </c>
      <c r="C7367" s="93" t="s">
        <v>17866</v>
      </c>
      <c r="D7367" s="93" t="s">
        <v>17867</v>
      </c>
      <c r="E7367" s="177">
        <v>1984</v>
      </c>
      <c r="F7367" s="177">
        <v>170</v>
      </c>
      <c r="G7367" s="177" t="s">
        <v>1</v>
      </c>
      <c r="H7367" s="178">
        <v>0</v>
      </c>
      <c r="I7367" s="178">
        <v>0</v>
      </c>
      <c r="J7367" s="178">
        <v>1</v>
      </c>
      <c r="K7367" s="178">
        <v>0</v>
      </c>
      <c r="L7367" s="178">
        <v>0</v>
      </c>
      <c r="M7367" s="178">
        <v>0</v>
      </c>
      <c r="N7367" s="178">
        <v>0</v>
      </c>
      <c r="O7367" s="178">
        <v>0</v>
      </c>
      <c r="P7367" s="178">
        <v>0</v>
      </c>
      <c r="Q7367" s="178">
        <v>0</v>
      </c>
      <c r="R7367" s="178">
        <v>0</v>
      </c>
      <c r="S7367" s="178">
        <v>0</v>
      </c>
      <c r="T7367" s="178">
        <v>0</v>
      </c>
      <c r="U7367" s="179"/>
      <c r="V7367" s="179"/>
      <c r="W7367" s="179"/>
      <c r="X7367" s="179"/>
      <c r="Y7367" s="179"/>
      <c r="Z7367" s="179"/>
      <c r="AA7367" s="179"/>
      <c r="AB7367" s="179"/>
      <c r="AC7367" s="179"/>
      <c r="AD7367" s="179"/>
      <c r="AE7367" s="179"/>
      <c r="AF7367" s="179"/>
      <c r="AG7367" s="179"/>
      <c r="AH7367" s="179"/>
      <c r="AI7367" s="179"/>
      <c r="AJ7367" s="179"/>
      <c r="AK7367" s="179"/>
      <c r="AL7367" s="179"/>
      <c r="AM7367" s="179"/>
      <c r="AN7367" s="179"/>
      <c r="AO7367" s="179"/>
      <c r="AP7367" s="179"/>
      <c r="AQ7367" s="179"/>
      <c r="AR7367" s="179"/>
      <c r="AS7367" s="179"/>
      <c r="AT7367" s="179"/>
      <c r="AU7367" s="179"/>
      <c r="AV7367" s="179"/>
      <c r="AW7367" s="179"/>
      <c r="AX7367" s="180"/>
      <c r="AY7367" s="180"/>
      <c r="AZ7367" s="180"/>
      <c r="BA7367" s="180"/>
      <c r="BB7367" s="107">
        <v>45065</v>
      </c>
    </row>
    <row r="7368" spans="1:54" ht="13.95" customHeight="1" x14ac:dyDescent="0.25">
      <c r="A7368" s="14" t="s">
        <v>17868</v>
      </c>
      <c r="B7368" s="109" t="s">
        <v>21519</v>
      </c>
      <c r="C7368" s="93" t="s">
        <v>17869</v>
      </c>
      <c r="D7368" s="93" t="s">
        <v>17870</v>
      </c>
      <c r="E7368" s="177">
        <v>1994</v>
      </c>
      <c r="F7368" s="177">
        <v>151</v>
      </c>
      <c r="G7368" s="177" t="s">
        <v>1</v>
      </c>
      <c r="H7368" s="178">
        <v>0</v>
      </c>
      <c r="I7368" s="178">
        <v>0</v>
      </c>
      <c r="J7368" s="178">
        <v>0</v>
      </c>
      <c r="K7368" s="178">
        <v>0</v>
      </c>
      <c r="L7368" s="178">
        <v>0</v>
      </c>
      <c r="M7368" s="178">
        <v>0</v>
      </c>
      <c r="N7368" s="178">
        <v>0</v>
      </c>
      <c r="O7368" s="178">
        <v>0</v>
      </c>
      <c r="P7368" s="178">
        <v>0</v>
      </c>
      <c r="Q7368" s="178">
        <v>0</v>
      </c>
      <c r="R7368" s="178">
        <v>0</v>
      </c>
      <c r="S7368" s="178">
        <v>0</v>
      </c>
      <c r="T7368" s="178">
        <v>0</v>
      </c>
      <c r="U7368" s="179"/>
      <c r="V7368" s="179"/>
      <c r="W7368" s="179"/>
      <c r="X7368" s="179"/>
      <c r="Y7368" s="179"/>
      <c r="Z7368" s="179"/>
      <c r="AA7368" s="179"/>
      <c r="AB7368" s="179"/>
      <c r="AC7368" s="179"/>
      <c r="AD7368" s="179"/>
      <c r="AE7368" s="179"/>
      <c r="AF7368" s="179"/>
      <c r="AG7368" s="179"/>
      <c r="AH7368" s="179"/>
      <c r="AI7368" s="179"/>
      <c r="AJ7368" s="179"/>
      <c r="AK7368" s="179"/>
      <c r="AL7368" s="179"/>
      <c r="AM7368" s="179"/>
      <c r="AN7368" s="179"/>
      <c r="AO7368" s="179"/>
      <c r="AP7368" s="179"/>
      <c r="AQ7368" s="179"/>
      <c r="AR7368" s="179"/>
      <c r="AS7368" s="179"/>
      <c r="AT7368" s="179"/>
      <c r="AU7368" s="179"/>
      <c r="AV7368" s="179"/>
      <c r="AW7368" s="179"/>
      <c r="AX7368" s="180"/>
      <c r="AY7368" s="180"/>
      <c r="AZ7368" s="180"/>
      <c r="BA7368" s="180"/>
      <c r="BB7368" s="107">
        <v>45065</v>
      </c>
    </row>
    <row r="7369" spans="1:54" ht="13.95" customHeight="1" x14ac:dyDescent="0.25">
      <c r="A7369" s="14" t="s">
        <v>17871</v>
      </c>
      <c r="B7369" s="109" t="s">
        <v>21519</v>
      </c>
      <c r="C7369" s="93" t="s">
        <v>17872</v>
      </c>
      <c r="D7369" s="93" t="s">
        <v>17873</v>
      </c>
      <c r="E7369" s="177">
        <v>1997</v>
      </c>
      <c r="F7369" s="177">
        <v>1054</v>
      </c>
      <c r="G7369" s="177" t="s">
        <v>1</v>
      </c>
      <c r="H7369" s="178">
        <v>0</v>
      </c>
      <c r="I7369" s="178">
        <v>0</v>
      </c>
      <c r="J7369" s="178">
        <v>1</v>
      </c>
      <c r="K7369" s="178">
        <v>0</v>
      </c>
      <c r="L7369" s="178">
        <v>0</v>
      </c>
      <c r="M7369" s="178">
        <v>0</v>
      </c>
      <c r="N7369" s="178">
        <v>0</v>
      </c>
      <c r="O7369" s="178">
        <v>1</v>
      </c>
      <c r="P7369" s="178">
        <v>0</v>
      </c>
      <c r="Q7369" s="178">
        <v>1</v>
      </c>
      <c r="R7369" s="178">
        <v>1</v>
      </c>
      <c r="S7369" s="178">
        <v>0</v>
      </c>
      <c r="T7369" s="178">
        <v>0</v>
      </c>
      <c r="U7369" s="179"/>
      <c r="V7369" s="179"/>
      <c r="W7369" s="179"/>
      <c r="X7369" s="179"/>
      <c r="Y7369" s="179"/>
      <c r="Z7369" s="179"/>
      <c r="AA7369" s="179"/>
      <c r="AB7369" s="179"/>
      <c r="AC7369" s="179"/>
      <c r="AD7369" s="179"/>
      <c r="AE7369" s="179"/>
      <c r="AF7369" s="179"/>
      <c r="AG7369" s="179"/>
      <c r="AH7369" s="179"/>
      <c r="AI7369" s="179"/>
      <c r="AJ7369" s="179"/>
      <c r="AK7369" s="179"/>
      <c r="AL7369" s="179"/>
      <c r="AM7369" s="179"/>
      <c r="AN7369" s="179"/>
      <c r="AO7369" s="179"/>
      <c r="AP7369" s="179"/>
      <c r="AQ7369" s="179"/>
      <c r="AR7369" s="179"/>
      <c r="AS7369" s="179"/>
      <c r="AT7369" s="179"/>
      <c r="AU7369" s="179"/>
      <c r="AV7369" s="179"/>
      <c r="AW7369" s="179"/>
      <c r="AX7369" s="180"/>
      <c r="AY7369" s="180"/>
      <c r="AZ7369" s="180"/>
      <c r="BA7369" s="180"/>
      <c r="BB7369" s="107">
        <v>45065</v>
      </c>
    </row>
    <row r="7370" spans="1:54" ht="13.95" customHeight="1" x14ac:dyDescent="0.25">
      <c r="A7370" s="14" t="s">
        <v>17874</v>
      </c>
      <c r="B7370" s="109" t="s">
        <v>21519</v>
      </c>
      <c r="C7370" s="93" t="s">
        <v>17875</v>
      </c>
      <c r="D7370" s="93" t="s">
        <v>17876</v>
      </c>
      <c r="E7370" s="177">
        <v>2004</v>
      </c>
      <c r="F7370" s="177">
        <v>244</v>
      </c>
      <c r="G7370" s="177" t="s">
        <v>1</v>
      </c>
      <c r="H7370" s="178">
        <v>0</v>
      </c>
      <c r="I7370" s="178">
        <v>0</v>
      </c>
      <c r="J7370" s="178">
        <v>0</v>
      </c>
      <c r="K7370" s="178">
        <v>2</v>
      </c>
      <c r="L7370" s="178">
        <v>0</v>
      </c>
      <c r="M7370" s="178">
        <v>0</v>
      </c>
      <c r="N7370" s="178">
        <v>0</v>
      </c>
      <c r="O7370" s="178">
        <v>0</v>
      </c>
      <c r="P7370" s="178">
        <v>0</v>
      </c>
      <c r="Q7370" s="178">
        <v>0</v>
      </c>
      <c r="R7370" s="178">
        <v>1</v>
      </c>
      <c r="S7370" s="178">
        <v>0</v>
      </c>
      <c r="T7370" s="178">
        <v>0</v>
      </c>
      <c r="U7370" s="179"/>
      <c r="V7370" s="179"/>
      <c r="W7370" s="179"/>
      <c r="X7370" s="179"/>
      <c r="Y7370" s="179"/>
      <c r="Z7370" s="179"/>
      <c r="AA7370" s="179"/>
      <c r="AB7370" s="179"/>
      <c r="AC7370" s="179"/>
      <c r="AD7370" s="179"/>
      <c r="AE7370" s="179"/>
      <c r="AF7370" s="179"/>
      <c r="AG7370" s="179"/>
      <c r="AH7370" s="179"/>
      <c r="AI7370" s="179"/>
      <c r="AJ7370" s="179"/>
      <c r="AK7370" s="179"/>
      <c r="AL7370" s="179"/>
      <c r="AM7370" s="179"/>
      <c r="AN7370" s="179"/>
      <c r="AO7370" s="179"/>
      <c r="AP7370" s="179"/>
      <c r="AQ7370" s="179"/>
      <c r="AR7370" s="179"/>
      <c r="AS7370" s="179"/>
      <c r="AT7370" s="179"/>
      <c r="AU7370" s="179"/>
      <c r="AV7370" s="179"/>
      <c r="AW7370" s="179"/>
      <c r="AX7370" s="180"/>
      <c r="AY7370" s="180"/>
      <c r="AZ7370" s="180"/>
      <c r="BA7370" s="180"/>
      <c r="BB7370" s="107">
        <v>45065</v>
      </c>
    </row>
    <row r="7371" spans="1:54" ht="13.95" customHeight="1" x14ac:dyDescent="0.25">
      <c r="A7371" s="14" t="s">
        <v>17877</v>
      </c>
      <c r="B7371" s="109" t="s">
        <v>21519</v>
      </c>
      <c r="C7371" s="93" t="s">
        <v>17878</v>
      </c>
      <c r="D7371" s="93" t="s">
        <v>17879</v>
      </c>
      <c r="E7371" s="177">
        <v>1985</v>
      </c>
      <c r="F7371" s="177">
        <v>150</v>
      </c>
      <c r="G7371" s="177" t="s">
        <v>1</v>
      </c>
      <c r="H7371" s="178">
        <v>0</v>
      </c>
      <c r="I7371" s="178">
        <v>0</v>
      </c>
      <c r="J7371" s="178">
        <v>0</v>
      </c>
      <c r="K7371" s="178">
        <v>0</v>
      </c>
      <c r="L7371" s="178">
        <v>0</v>
      </c>
      <c r="M7371" s="178">
        <v>0</v>
      </c>
      <c r="N7371" s="178">
        <v>0</v>
      </c>
      <c r="O7371" s="178">
        <v>0</v>
      </c>
      <c r="P7371" s="178">
        <v>1</v>
      </c>
      <c r="Q7371" s="178">
        <v>0</v>
      </c>
      <c r="R7371" s="178">
        <v>0</v>
      </c>
      <c r="S7371" s="178">
        <v>0</v>
      </c>
      <c r="T7371" s="178">
        <v>0</v>
      </c>
      <c r="U7371" s="179"/>
      <c r="V7371" s="179"/>
      <c r="W7371" s="179"/>
      <c r="X7371" s="179"/>
      <c r="Y7371" s="179"/>
      <c r="Z7371" s="179"/>
      <c r="AA7371" s="179"/>
      <c r="AB7371" s="179"/>
      <c r="AC7371" s="179"/>
      <c r="AD7371" s="179"/>
      <c r="AE7371" s="179"/>
      <c r="AF7371" s="179"/>
      <c r="AG7371" s="179"/>
      <c r="AH7371" s="179"/>
      <c r="AI7371" s="179"/>
      <c r="AJ7371" s="179"/>
      <c r="AK7371" s="179"/>
      <c r="AL7371" s="179"/>
      <c r="AM7371" s="179"/>
      <c r="AN7371" s="179"/>
      <c r="AO7371" s="179"/>
      <c r="AP7371" s="179"/>
      <c r="AQ7371" s="179"/>
      <c r="AR7371" s="179"/>
      <c r="AS7371" s="179"/>
      <c r="AT7371" s="179"/>
      <c r="AU7371" s="179"/>
      <c r="AV7371" s="179"/>
      <c r="AW7371" s="179"/>
      <c r="AX7371" s="180"/>
      <c r="AY7371" s="180"/>
      <c r="AZ7371" s="180"/>
      <c r="BA7371" s="180"/>
      <c r="BB7371" s="107">
        <v>45065</v>
      </c>
    </row>
    <row r="7372" spans="1:54" ht="13.95" customHeight="1" x14ac:dyDescent="0.25">
      <c r="A7372" s="14" t="s">
        <v>17880</v>
      </c>
      <c r="B7372" s="109" t="s">
        <v>21519</v>
      </c>
      <c r="C7372" s="93" t="s">
        <v>17881</v>
      </c>
      <c r="D7372" s="93" t="s">
        <v>17882</v>
      </c>
      <c r="E7372" s="177">
        <v>2005</v>
      </c>
      <c r="F7372" s="177">
        <v>315</v>
      </c>
      <c r="G7372" s="177" t="s">
        <v>1</v>
      </c>
      <c r="H7372" s="178">
        <v>0</v>
      </c>
      <c r="I7372" s="178">
        <v>0</v>
      </c>
      <c r="J7372" s="178">
        <v>0</v>
      </c>
      <c r="K7372" s="178">
        <v>0</v>
      </c>
      <c r="L7372" s="178">
        <v>0</v>
      </c>
      <c r="M7372" s="178">
        <v>1</v>
      </c>
      <c r="N7372" s="178">
        <v>0</v>
      </c>
      <c r="O7372" s="178">
        <v>0</v>
      </c>
      <c r="P7372" s="178">
        <v>1</v>
      </c>
      <c r="Q7372" s="178">
        <v>0</v>
      </c>
      <c r="R7372" s="178">
        <v>0</v>
      </c>
      <c r="S7372" s="178">
        <v>0</v>
      </c>
      <c r="T7372" s="178">
        <v>0</v>
      </c>
      <c r="U7372" s="179"/>
      <c r="V7372" s="179"/>
      <c r="W7372" s="179"/>
      <c r="X7372" s="179"/>
      <c r="Y7372" s="179"/>
      <c r="Z7372" s="179"/>
      <c r="AA7372" s="179"/>
      <c r="AB7372" s="179"/>
      <c r="AC7372" s="179"/>
      <c r="AD7372" s="179"/>
      <c r="AE7372" s="179"/>
      <c r="AF7372" s="179"/>
      <c r="AG7372" s="179"/>
      <c r="AH7372" s="179"/>
      <c r="AI7372" s="179"/>
      <c r="AJ7372" s="179"/>
      <c r="AK7372" s="179"/>
      <c r="AL7372" s="179"/>
      <c r="AM7372" s="179"/>
      <c r="AN7372" s="179"/>
      <c r="AO7372" s="179"/>
      <c r="AP7372" s="179"/>
      <c r="AQ7372" s="179"/>
      <c r="AR7372" s="179"/>
      <c r="AS7372" s="179"/>
      <c r="AT7372" s="179"/>
      <c r="AU7372" s="179"/>
      <c r="AV7372" s="179"/>
      <c r="AW7372" s="179"/>
      <c r="AX7372" s="180"/>
      <c r="AY7372" s="180"/>
      <c r="AZ7372" s="180"/>
      <c r="BA7372" s="180"/>
      <c r="BB7372" s="107">
        <v>45065</v>
      </c>
    </row>
    <row r="7373" spans="1:54" ht="13.95" customHeight="1" x14ac:dyDescent="0.25">
      <c r="A7373" s="14" t="s">
        <v>17883</v>
      </c>
      <c r="B7373" s="109" t="s">
        <v>21519</v>
      </c>
      <c r="C7373" s="93" t="s">
        <v>21521</v>
      </c>
      <c r="D7373" s="93" t="s">
        <v>17884</v>
      </c>
      <c r="E7373" s="177">
        <v>1987</v>
      </c>
      <c r="F7373" s="177">
        <v>10233</v>
      </c>
      <c r="G7373" s="177" t="s">
        <v>1</v>
      </c>
      <c r="H7373" s="178">
        <v>1</v>
      </c>
      <c r="I7373" s="178">
        <v>0</v>
      </c>
      <c r="J7373" s="178">
        <v>1</v>
      </c>
      <c r="K7373" s="178">
        <v>0</v>
      </c>
      <c r="L7373" s="178">
        <v>1</v>
      </c>
      <c r="M7373" s="178">
        <v>1</v>
      </c>
      <c r="N7373" s="178">
        <v>0</v>
      </c>
      <c r="O7373" s="178">
        <v>1</v>
      </c>
      <c r="P7373" s="178">
        <v>2</v>
      </c>
      <c r="Q7373" s="178">
        <v>1</v>
      </c>
      <c r="R7373" s="178">
        <v>1</v>
      </c>
      <c r="S7373" s="178">
        <v>1</v>
      </c>
      <c r="T7373" s="178">
        <v>0</v>
      </c>
      <c r="U7373" s="179"/>
      <c r="V7373" s="179"/>
      <c r="W7373" s="179"/>
      <c r="X7373" s="179"/>
      <c r="Y7373" s="179"/>
      <c r="Z7373" s="179"/>
      <c r="AA7373" s="179"/>
      <c r="AB7373" s="179"/>
      <c r="AC7373" s="179"/>
      <c r="AD7373" s="179"/>
      <c r="AE7373" s="179"/>
      <c r="AF7373" s="179"/>
      <c r="AG7373" s="179"/>
      <c r="AH7373" s="179"/>
      <c r="AI7373" s="179"/>
      <c r="AJ7373" s="179"/>
      <c r="AK7373" s="179"/>
      <c r="AL7373" s="179"/>
      <c r="AM7373" s="179"/>
      <c r="AN7373" s="179"/>
      <c r="AO7373" s="178">
        <v>1</v>
      </c>
      <c r="AP7373" s="179"/>
      <c r="AQ7373" s="179"/>
      <c r="AR7373" s="179"/>
      <c r="AS7373" s="179"/>
      <c r="AT7373" s="179"/>
      <c r="AU7373" s="179"/>
      <c r="AV7373" s="179"/>
      <c r="AW7373" s="178">
        <v>1</v>
      </c>
      <c r="AX7373" s="180"/>
      <c r="AY7373" s="180"/>
      <c r="AZ7373" s="180"/>
      <c r="BA7373" s="180"/>
      <c r="BB7373" s="107">
        <v>45065</v>
      </c>
    </row>
    <row r="7374" spans="1:54" ht="13.95" customHeight="1" x14ac:dyDescent="0.25">
      <c r="A7374" s="14" t="s">
        <v>17885</v>
      </c>
      <c r="B7374" s="109" t="s">
        <v>21519</v>
      </c>
      <c r="C7374" s="93" t="s">
        <v>17886</v>
      </c>
      <c r="D7374" s="93" t="s">
        <v>17887</v>
      </c>
      <c r="E7374" s="177">
        <v>1990</v>
      </c>
      <c r="F7374" s="177">
        <v>10622</v>
      </c>
      <c r="G7374" s="177" t="s">
        <v>3</v>
      </c>
      <c r="H7374" s="178">
        <v>1</v>
      </c>
      <c r="I7374" s="178">
        <v>1</v>
      </c>
      <c r="J7374" s="178">
        <v>2</v>
      </c>
      <c r="K7374" s="178">
        <v>1</v>
      </c>
      <c r="L7374" s="178">
        <v>1</v>
      </c>
      <c r="M7374" s="178">
        <v>1</v>
      </c>
      <c r="N7374" s="178">
        <v>0</v>
      </c>
      <c r="O7374" s="178">
        <v>1</v>
      </c>
      <c r="P7374" s="178">
        <v>2</v>
      </c>
      <c r="Q7374" s="178">
        <v>0</v>
      </c>
      <c r="R7374" s="178">
        <v>0</v>
      </c>
      <c r="S7374" s="178">
        <v>0</v>
      </c>
      <c r="T7374" s="178">
        <v>1</v>
      </c>
      <c r="U7374" s="178">
        <v>1</v>
      </c>
      <c r="V7374" s="178">
        <v>0</v>
      </c>
      <c r="W7374" s="178">
        <v>0</v>
      </c>
      <c r="X7374" s="178">
        <v>0</v>
      </c>
      <c r="Y7374" s="178">
        <v>0</v>
      </c>
      <c r="Z7374" s="178">
        <v>0</v>
      </c>
      <c r="AA7374" s="178">
        <v>0</v>
      </c>
      <c r="AB7374" s="178">
        <v>0</v>
      </c>
      <c r="AC7374" s="178">
        <v>0</v>
      </c>
      <c r="AD7374" s="178">
        <v>0</v>
      </c>
      <c r="AE7374" s="178">
        <v>0</v>
      </c>
      <c r="AF7374" s="178">
        <v>0</v>
      </c>
      <c r="AG7374" s="178">
        <v>0</v>
      </c>
      <c r="AH7374" s="178">
        <v>0</v>
      </c>
      <c r="AI7374" s="178">
        <v>0</v>
      </c>
      <c r="AJ7374" s="178">
        <v>0</v>
      </c>
      <c r="AK7374" s="178">
        <v>0</v>
      </c>
      <c r="AL7374" s="178">
        <v>0</v>
      </c>
      <c r="AM7374" s="178">
        <v>0</v>
      </c>
      <c r="AN7374" s="178">
        <v>0</v>
      </c>
      <c r="AO7374" s="178">
        <v>0</v>
      </c>
      <c r="AP7374" s="178">
        <v>0</v>
      </c>
      <c r="AQ7374" s="178">
        <v>0</v>
      </c>
      <c r="AR7374" s="178">
        <v>0</v>
      </c>
      <c r="AS7374" s="178">
        <v>0</v>
      </c>
      <c r="AT7374" s="111" t="s">
        <v>174</v>
      </c>
      <c r="AU7374" s="178">
        <v>0</v>
      </c>
      <c r="AV7374" s="178">
        <v>0</v>
      </c>
      <c r="AW7374" s="178">
        <v>1</v>
      </c>
      <c r="AX7374" s="181"/>
      <c r="AY7374" s="181"/>
      <c r="AZ7374" s="181"/>
      <c r="BA7374" s="181"/>
      <c r="BB7374" s="107">
        <v>45065</v>
      </c>
    </row>
    <row r="7375" spans="1:54" ht="13.95" customHeight="1" x14ac:dyDescent="0.25">
      <c r="A7375" s="14" t="s">
        <v>17888</v>
      </c>
      <c r="B7375" s="109" t="s">
        <v>21519</v>
      </c>
      <c r="C7375" s="93" t="s">
        <v>17889</v>
      </c>
      <c r="D7375" s="93" t="s">
        <v>17890</v>
      </c>
      <c r="E7375" s="177">
        <v>1980</v>
      </c>
      <c r="F7375" s="177">
        <v>25110</v>
      </c>
      <c r="G7375" s="177" t="s">
        <v>3</v>
      </c>
      <c r="H7375" s="178">
        <v>1</v>
      </c>
      <c r="I7375" s="178">
        <v>0</v>
      </c>
      <c r="J7375" s="178">
        <v>1</v>
      </c>
      <c r="K7375" s="178">
        <v>0</v>
      </c>
      <c r="L7375" s="178">
        <v>1</v>
      </c>
      <c r="M7375" s="178">
        <v>2</v>
      </c>
      <c r="N7375" s="178">
        <v>0</v>
      </c>
      <c r="O7375" s="178">
        <v>0</v>
      </c>
      <c r="P7375" s="178">
        <v>1</v>
      </c>
      <c r="Q7375" s="178">
        <v>0</v>
      </c>
      <c r="R7375" s="178">
        <v>0</v>
      </c>
      <c r="S7375" s="178">
        <v>0</v>
      </c>
      <c r="T7375" s="178">
        <v>1</v>
      </c>
      <c r="U7375" s="178">
        <v>0</v>
      </c>
      <c r="V7375" s="178">
        <v>0</v>
      </c>
      <c r="W7375" s="178">
        <v>0</v>
      </c>
      <c r="X7375" s="178">
        <v>0</v>
      </c>
      <c r="Y7375" s="178">
        <v>0</v>
      </c>
      <c r="Z7375" s="178">
        <v>0</v>
      </c>
      <c r="AA7375" s="178">
        <v>0</v>
      </c>
      <c r="AB7375" s="178">
        <v>0</v>
      </c>
      <c r="AC7375" s="178">
        <v>0</v>
      </c>
      <c r="AD7375" s="178">
        <v>0</v>
      </c>
      <c r="AE7375" s="178">
        <v>0</v>
      </c>
      <c r="AF7375" s="178">
        <v>0</v>
      </c>
      <c r="AG7375" s="178">
        <v>0</v>
      </c>
      <c r="AH7375" s="178">
        <v>0</v>
      </c>
      <c r="AI7375" s="178">
        <v>0</v>
      </c>
      <c r="AJ7375" s="178">
        <v>0</v>
      </c>
      <c r="AK7375" s="178">
        <v>0</v>
      </c>
      <c r="AL7375" s="178">
        <v>0</v>
      </c>
      <c r="AM7375" s="178">
        <v>0</v>
      </c>
      <c r="AN7375" s="178">
        <v>0</v>
      </c>
      <c r="AO7375" s="178">
        <v>1</v>
      </c>
      <c r="AP7375" s="178">
        <v>0</v>
      </c>
      <c r="AQ7375" s="178">
        <v>0</v>
      </c>
      <c r="AR7375" s="178">
        <v>0</v>
      </c>
      <c r="AS7375" s="178">
        <v>0</v>
      </c>
      <c r="AT7375" s="178" t="s">
        <v>174</v>
      </c>
      <c r="AU7375" s="178">
        <v>1</v>
      </c>
      <c r="AV7375" s="178">
        <v>0</v>
      </c>
      <c r="AW7375" s="178">
        <v>1</v>
      </c>
      <c r="AX7375" s="181"/>
      <c r="AY7375" s="181"/>
      <c r="AZ7375" s="181"/>
      <c r="BA7375" s="181"/>
      <c r="BB7375" s="107">
        <v>45065</v>
      </c>
    </row>
    <row r="7376" spans="1:54" ht="13.95" customHeight="1" x14ac:dyDescent="0.25">
      <c r="A7376" s="14" t="s">
        <v>17891</v>
      </c>
      <c r="B7376" s="109" t="s">
        <v>21519</v>
      </c>
      <c r="C7376" s="93" t="s">
        <v>17892</v>
      </c>
      <c r="D7376" s="93" t="s">
        <v>17893</v>
      </c>
      <c r="E7376" s="177">
        <v>1988</v>
      </c>
      <c r="F7376" s="177">
        <v>128716</v>
      </c>
      <c r="G7376" s="177" t="s">
        <v>0</v>
      </c>
      <c r="H7376" s="178">
        <v>2</v>
      </c>
      <c r="I7376" s="178">
        <v>2</v>
      </c>
      <c r="J7376" s="178">
        <v>2</v>
      </c>
      <c r="K7376" s="178">
        <v>1</v>
      </c>
      <c r="L7376" s="178">
        <v>1</v>
      </c>
      <c r="M7376" s="178">
        <v>1</v>
      </c>
      <c r="N7376" s="178">
        <v>6</v>
      </c>
      <c r="O7376" s="178">
        <v>1</v>
      </c>
      <c r="P7376" s="178">
        <v>3</v>
      </c>
      <c r="Q7376" s="178">
        <v>0</v>
      </c>
      <c r="R7376" s="178">
        <v>0</v>
      </c>
      <c r="S7376" s="178">
        <v>0</v>
      </c>
      <c r="T7376" s="178">
        <v>1</v>
      </c>
      <c r="U7376" s="178">
        <v>0</v>
      </c>
      <c r="V7376" s="178">
        <v>1</v>
      </c>
      <c r="W7376" s="178">
        <v>1</v>
      </c>
      <c r="X7376" s="178">
        <v>0</v>
      </c>
      <c r="Y7376" s="178">
        <v>1</v>
      </c>
      <c r="Z7376" s="178">
        <v>0</v>
      </c>
      <c r="AA7376" s="178">
        <v>0</v>
      </c>
      <c r="AB7376" s="178">
        <v>1</v>
      </c>
      <c r="AC7376" s="178">
        <v>0</v>
      </c>
      <c r="AD7376" s="178">
        <v>0</v>
      </c>
      <c r="AE7376" s="178">
        <v>0</v>
      </c>
      <c r="AF7376" s="178">
        <v>0</v>
      </c>
      <c r="AG7376" s="178">
        <v>1</v>
      </c>
      <c r="AH7376" s="178">
        <v>0</v>
      </c>
      <c r="AI7376" s="178">
        <v>0</v>
      </c>
      <c r="AJ7376" s="178">
        <v>0</v>
      </c>
      <c r="AK7376" s="178">
        <v>0</v>
      </c>
      <c r="AL7376" s="178">
        <v>0</v>
      </c>
      <c r="AM7376" s="178">
        <v>0</v>
      </c>
      <c r="AN7376" s="178">
        <v>0</v>
      </c>
      <c r="AO7376" s="178">
        <v>1</v>
      </c>
      <c r="AP7376" s="178">
        <v>0</v>
      </c>
      <c r="AQ7376" s="178">
        <v>0</v>
      </c>
      <c r="AR7376" s="178">
        <v>0</v>
      </c>
      <c r="AS7376" s="178">
        <v>1</v>
      </c>
      <c r="AT7376" s="178">
        <v>1</v>
      </c>
      <c r="AU7376" s="178">
        <v>1</v>
      </c>
      <c r="AV7376" s="178">
        <v>0</v>
      </c>
      <c r="AW7376" s="178">
        <v>1</v>
      </c>
      <c r="AX7376" s="181"/>
      <c r="AY7376" s="181"/>
      <c r="AZ7376" s="181"/>
      <c r="BA7376" s="181"/>
      <c r="BB7376" s="107">
        <v>45065</v>
      </c>
    </row>
    <row r="7377" spans="1:54" ht="13.95" customHeight="1" x14ac:dyDescent="0.25">
      <c r="A7377" s="14" t="s">
        <v>20417</v>
      </c>
      <c r="B7377" s="109" t="s">
        <v>21519</v>
      </c>
      <c r="C7377" s="93" t="s">
        <v>21522</v>
      </c>
      <c r="D7377" s="93" t="s">
        <v>21523</v>
      </c>
      <c r="E7377" s="177">
        <v>2018</v>
      </c>
      <c r="F7377" s="177">
        <v>2367</v>
      </c>
      <c r="G7377" s="177" t="s">
        <v>1</v>
      </c>
      <c r="H7377" s="178">
        <v>1</v>
      </c>
      <c r="I7377" s="178">
        <v>1</v>
      </c>
      <c r="J7377" s="178">
        <v>1</v>
      </c>
      <c r="K7377" s="178">
        <v>1</v>
      </c>
      <c r="L7377" s="178">
        <v>0</v>
      </c>
      <c r="M7377" s="178">
        <v>1</v>
      </c>
      <c r="N7377" s="178">
        <v>3</v>
      </c>
      <c r="O7377" s="178">
        <v>1</v>
      </c>
      <c r="P7377" s="178">
        <v>1</v>
      </c>
      <c r="Q7377" s="178">
        <v>0</v>
      </c>
      <c r="R7377" s="178">
        <v>0</v>
      </c>
      <c r="S7377" s="178">
        <v>0</v>
      </c>
      <c r="T7377" s="178">
        <v>0</v>
      </c>
      <c r="U7377" s="179"/>
      <c r="V7377" s="179"/>
      <c r="W7377" s="179"/>
      <c r="X7377" s="179"/>
      <c r="Y7377" s="179"/>
      <c r="Z7377" s="179"/>
      <c r="AA7377" s="179"/>
      <c r="AB7377" s="179"/>
      <c r="AC7377" s="179"/>
      <c r="AD7377" s="179"/>
      <c r="AE7377" s="179"/>
      <c r="AF7377" s="179"/>
      <c r="AG7377" s="179"/>
      <c r="AH7377" s="179"/>
      <c r="AI7377" s="179"/>
      <c r="AJ7377" s="179"/>
      <c r="AK7377" s="179"/>
      <c r="AL7377" s="179"/>
      <c r="AM7377" s="179"/>
      <c r="AN7377" s="179"/>
      <c r="AO7377" s="179"/>
      <c r="AP7377" s="179"/>
      <c r="AQ7377" s="179"/>
      <c r="AR7377" s="179"/>
      <c r="AS7377" s="179"/>
      <c r="AT7377" s="179"/>
      <c r="AU7377" s="179"/>
      <c r="AV7377" s="179"/>
      <c r="AW7377" s="179"/>
      <c r="AX7377" s="180"/>
      <c r="AY7377" s="180"/>
      <c r="AZ7377" s="180"/>
      <c r="BA7377" s="180"/>
      <c r="BB7377" s="107">
        <v>45065</v>
      </c>
    </row>
    <row r="7378" spans="1:54" ht="13.95" customHeight="1" x14ac:dyDescent="0.25">
      <c r="A7378" s="14" t="s">
        <v>20418</v>
      </c>
      <c r="B7378" s="109" t="s">
        <v>21519</v>
      </c>
      <c r="C7378" s="93" t="s">
        <v>21524</v>
      </c>
      <c r="D7378" s="93" t="s">
        <v>21525</v>
      </c>
      <c r="E7378" s="177">
        <v>2020</v>
      </c>
      <c r="F7378" s="177">
        <v>352</v>
      </c>
      <c r="G7378" s="177" t="s">
        <v>1</v>
      </c>
      <c r="H7378" s="178">
        <v>0</v>
      </c>
      <c r="I7378" s="178">
        <v>0</v>
      </c>
      <c r="J7378" s="178">
        <v>1</v>
      </c>
      <c r="K7378" s="178">
        <v>0</v>
      </c>
      <c r="L7378" s="178">
        <v>0</v>
      </c>
      <c r="M7378" s="178">
        <v>0</v>
      </c>
      <c r="N7378" s="178">
        <v>0</v>
      </c>
      <c r="O7378" s="178">
        <v>1</v>
      </c>
      <c r="P7378" s="178">
        <v>0</v>
      </c>
      <c r="Q7378" s="178">
        <v>0</v>
      </c>
      <c r="R7378" s="178">
        <v>0</v>
      </c>
      <c r="S7378" s="178">
        <v>0</v>
      </c>
      <c r="T7378" s="178">
        <v>0</v>
      </c>
      <c r="U7378" s="179"/>
      <c r="V7378" s="179"/>
      <c r="W7378" s="179"/>
      <c r="X7378" s="179"/>
      <c r="Y7378" s="179"/>
      <c r="Z7378" s="179"/>
      <c r="AA7378" s="179"/>
      <c r="AB7378" s="179"/>
      <c r="AC7378" s="179"/>
      <c r="AD7378" s="179"/>
      <c r="AE7378" s="179"/>
      <c r="AF7378" s="179"/>
      <c r="AG7378" s="179"/>
      <c r="AH7378" s="179"/>
      <c r="AI7378" s="179"/>
      <c r="AJ7378" s="179"/>
      <c r="AK7378" s="179"/>
      <c r="AL7378" s="179"/>
      <c r="AM7378" s="179"/>
      <c r="AN7378" s="179"/>
      <c r="AO7378" s="179"/>
      <c r="AP7378" s="179"/>
      <c r="AQ7378" s="179"/>
      <c r="AR7378" s="179"/>
      <c r="AS7378" s="179"/>
      <c r="AT7378" s="179"/>
      <c r="AU7378" s="179"/>
      <c r="AV7378" s="179"/>
      <c r="AW7378" s="179"/>
      <c r="AX7378" s="180"/>
      <c r="AY7378" s="180"/>
      <c r="AZ7378" s="180"/>
      <c r="BA7378" s="180"/>
      <c r="BB7378" s="107">
        <v>45065</v>
      </c>
    </row>
    <row r="7379" spans="1:54" ht="13.5" customHeight="1" x14ac:dyDescent="0.25">
      <c r="A7379" s="14" t="s">
        <v>20419</v>
      </c>
      <c r="B7379" s="109" t="s">
        <v>21519</v>
      </c>
      <c r="C7379" s="93" t="s">
        <v>21526</v>
      </c>
      <c r="D7379" s="93" t="s">
        <v>21527</v>
      </c>
      <c r="E7379" s="177">
        <v>2020</v>
      </c>
      <c r="F7379" s="177">
        <v>6600</v>
      </c>
      <c r="G7379" s="177" t="s">
        <v>1</v>
      </c>
      <c r="H7379" s="178">
        <v>1</v>
      </c>
      <c r="I7379" s="178">
        <v>1</v>
      </c>
      <c r="J7379" s="178">
        <v>1</v>
      </c>
      <c r="K7379" s="178">
        <v>0</v>
      </c>
      <c r="L7379" s="178">
        <v>0</v>
      </c>
      <c r="M7379" s="178">
        <v>0</v>
      </c>
      <c r="N7379" s="178">
        <v>4</v>
      </c>
      <c r="O7379" s="178">
        <v>0</v>
      </c>
      <c r="P7379" s="178">
        <v>0</v>
      </c>
      <c r="Q7379" s="178">
        <v>0</v>
      </c>
      <c r="R7379" s="178">
        <v>0</v>
      </c>
      <c r="S7379" s="178">
        <v>0</v>
      </c>
      <c r="T7379" s="178">
        <v>0</v>
      </c>
      <c r="U7379" s="179"/>
      <c r="V7379" s="179"/>
      <c r="W7379" s="179"/>
      <c r="X7379" s="179"/>
      <c r="Y7379" s="179"/>
      <c r="Z7379" s="179"/>
      <c r="AA7379" s="179"/>
      <c r="AB7379" s="179"/>
      <c r="AC7379" s="179"/>
      <c r="AD7379" s="179"/>
      <c r="AE7379" s="179"/>
      <c r="AF7379" s="179"/>
      <c r="AG7379" s="179"/>
      <c r="AH7379" s="179"/>
      <c r="AI7379" s="179"/>
      <c r="AJ7379" s="179"/>
      <c r="AK7379" s="179"/>
      <c r="AL7379" s="179"/>
      <c r="AM7379" s="179"/>
      <c r="AN7379" s="179"/>
      <c r="AO7379" s="179"/>
      <c r="AP7379" s="179"/>
      <c r="AQ7379" s="179"/>
      <c r="AR7379" s="179"/>
      <c r="AS7379" s="179"/>
      <c r="AT7379" s="179"/>
      <c r="AU7379" s="179"/>
      <c r="AV7379" s="179"/>
      <c r="AW7379" s="179"/>
      <c r="AX7379" s="180"/>
      <c r="AY7379" s="180"/>
      <c r="AZ7379" s="180"/>
      <c r="BA7379" s="181" t="s">
        <v>20416</v>
      </c>
      <c r="BB7379" s="107">
        <v>45065</v>
      </c>
    </row>
    <row r="7380" spans="1:54" s="8" customFormat="1" ht="13.95" customHeight="1" x14ac:dyDescent="0.25">
      <c r="A7380" s="14" t="s">
        <v>17894</v>
      </c>
      <c r="B7380" s="109" t="s">
        <v>20561</v>
      </c>
      <c r="C7380" s="93" t="s">
        <v>17895</v>
      </c>
      <c r="D7380" s="93" t="s">
        <v>17896</v>
      </c>
      <c r="E7380" s="93" t="s">
        <v>174</v>
      </c>
      <c r="F7380" s="93">
        <v>259</v>
      </c>
      <c r="G7380" s="93" t="s">
        <v>5</v>
      </c>
      <c r="H7380" s="111">
        <v>0</v>
      </c>
      <c r="I7380" s="111">
        <v>0</v>
      </c>
      <c r="J7380" s="111">
        <v>0</v>
      </c>
      <c r="K7380" s="111">
        <v>0</v>
      </c>
      <c r="L7380" s="111">
        <v>0</v>
      </c>
      <c r="M7380" s="111">
        <v>0</v>
      </c>
      <c r="N7380" s="111">
        <v>0</v>
      </c>
      <c r="O7380" s="111">
        <v>0</v>
      </c>
      <c r="P7380" s="111">
        <v>0</v>
      </c>
      <c r="Q7380" s="111">
        <v>0</v>
      </c>
      <c r="R7380" s="111">
        <v>0</v>
      </c>
      <c r="S7380" s="111">
        <v>0</v>
      </c>
      <c r="T7380" s="111">
        <v>0</v>
      </c>
      <c r="U7380" s="145"/>
      <c r="V7380" s="145"/>
      <c r="W7380" s="145"/>
      <c r="X7380" s="145"/>
      <c r="Y7380" s="145"/>
      <c r="Z7380" s="145"/>
      <c r="AA7380" s="145"/>
      <c r="AB7380" s="145"/>
      <c r="AC7380" s="145"/>
      <c r="AD7380" s="145"/>
      <c r="AE7380" s="145"/>
      <c r="AF7380" s="145"/>
      <c r="AG7380" s="145"/>
      <c r="AH7380" s="145"/>
      <c r="AI7380" s="145"/>
      <c r="AJ7380" s="145"/>
      <c r="AK7380" s="145"/>
      <c r="AL7380" s="145"/>
      <c r="AM7380" s="145"/>
      <c r="AN7380" s="145"/>
      <c r="AO7380" s="145"/>
      <c r="AP7380" s="145"/>
      <c r="AQ7380" s="145"/>
      <c r="AR7380" s="145"/>
      <c r="AS7380" s="145"/>
      <c r="AT7380" s="111">
        <v>1</v>
      </c>
      <c r="AU7380" s="145"/>
      <c r="AV7380" s="145"/>
      <c r="AW7380" s="145"/>
      <c r="AX7380" s="146"/>
      <c r="AY7380" s="146"/>
      <c r="AZ7380" s="146"/>
      <c r="BA7380" s="146"/>
      <c r="BB7380" s="107">
        <v>45447</v>
      </c>
    </row>
    <row r="7381" spans="1:54" s="8" customFormat="1" ht="13.95" customHeight="1" x14ac:dyDescent="0.25">
      <c r="A7381" s="14" t="s">
        <v>17897</v>
      </c>
      <c r="B7381" s="109" t="s">
        <v>20561</v>
      </c>
      <c r="C7381" s="93" t="s">
        <v>17898</v>
      </c>
      <c r="D7381" s="93" t="s">
        <v>17899</v>
      </c>
      <c r="E7381" s="93" t="s">
        <v>174</v>
      </c>
      <c r="F7381" s="93">
        <v>845</v>
      </c>
      <c r="G7381" s="93" t="s">
        <v>8</v>
      </c>
      <c r="H7381" s="111">
        <v>0</v>
      </c>
      <c r="I7381" s="111">
        <v>0</v>
      </c>
      <c r="J7381" s="111">
        <v>0</v>
      </c>
      <c r="K7381" s="111">
        <v>0</v>
      </c>
      <c r="L7381" s="111">
        <v>0</v>
      </c>
      <c r="M7381" s="111">
        <v>0</v>
      </c>
      <c r="N7381" s="111">
        <v>0</v>
      </c>
      <c r="O7381" s="111">
        <v>0</v>
      </c>
      <c r="P7381" s="111">
        <v>0</v>
      </c>
      <c r="Q7381" s="111">
        <v>0</v>
      </c>
      <c r="R7381" s="111">
        <v>0</v>
      </c>
      <c r="S7381" s="111">
        <v>0</v>
      </c>
      <c r="T7381" s="111">
        <v>0</v>
      </c>
      <c r="U7381" s="111">
        <v>0</v>
      </c>
      <c r="V7381" s="111">
        <v>0</v>
      </c>
      <c r="W7381" s="111">
        <v>0</v>
      </c>
      <c r="X7381" s="111">
        <v>0</v>
      </c>
      <c r="Y7381" s="111">
        <v>0</v>
      </c>
      <c r="Z7381" s="111">
        <v>0</v>
      </c>
      <c r="AA7381" s="111">
        <v>0</v>
      </c>
      <c r="AB7381" s="111">
        <v>0</v>
      </c>
      <c r="AC7381" s="111">
        <v>0</v>
      </c>
      <c r="AD7381" s="111">
        <v>0</v>
      </c>
      <c r="AE7381" s="111">
        <v>0</v>
      </c>
      <c r="AF7381" s="111">
        <v>0</v>
      </c>
      <c r="AG7381" s="111">
        <v>0</v>
      </c>
      <c r="AH7381" s="111">
        <v>0</v>
      </c>
      <c r="AI7381" s="111">
        <v>0</v>
      </c>
      <c r="AJ7381" s="111">
        <v>0</v>
      </c>
      <c r="AK7381" s="111">
        <v>0</v>
      </c>
      <c r="AL7381" s="111">
        <v>0</v>
      </c>
      <c r="AM7381" s="111">
        <v>0</v>
      </c>
      <c r="AN7381" s="111">
        <v>0</v>
      </c>
      <c r="AO7381" s="111">
        <v>0</v>
      </c>
      <c r="AP7381" s="111">
        <v>0</v>
      </c>
      <c r="AQ7381" s="111">
        <v>0</v>
      </c>
      <c r="AR7381" s="111">
        <v>0</v>
      </c>
      <c r="AS7381" s="111">
        <v>0</v>
      </c>
      <c r="AT7381" s="111" t="s">
        <v>174</v>
      </c>
      <c r="AU7381" s="111">
        <v>0</v>
      </c>
      <c r="AV7381" s="111">
        <v>0</v>
      </c>
      <c r="AW7381" s="111">
        <v>0</v>
      </c>
      <c r="AX7381" s="112" t="s">
        <v>17900</v>
      </c>
      <c r="AY7381" s="112"/>
      <c r="AZ7381" s="112"/>
      <c r="BA7381" s="112"/>
      <c r="BB7381" s="107">
        <v>45447</v>
      </c>
    </row>
    <row r="7382" spans="1:54" s="8" customFormat="1" ht="13.95" customHeight="1" x14ac:dyDescent="0.25">
      <c r="A7382" s="14" t="s">
        <v>17901</v>
      </c>
      <c r="B7382" s="109" t="s">
        <v>20561</v>
      </c>
      <c r="C7382" s="93" t="s">
        <v>17902</v>
      </c>
      <c r="D7382" s="93" t="s">
        <v>17903</v>
      </c>
      <c r="E7382" s="93" t="s">
        <v>174</v>
      </c>
      <c r="F7382" s="93">
        <v>903</v>
      </c>
      <c r="G7382" s="93" t="s">
        <v>1</v>
      </c>
      <c r="H7382" s="111">
        <v>0</v>
      </c>
      <c r="I7382" s="111">
        <v>0</v>
      </c>
      <c r="J7382" s="111">
        <v>1</v>
      </c>
      <c r="K7382" s="111">
        <v>0</v>
      </c>
      <c r="L7382" s="111">
        <v>1</v>
      </c>
      <c r="M7382" s="111">
        <v>0</v>
      </c>
      <c r="N7382" s="111">
        <v>0</v>
      </c>
      <c r="O7382" s="111">
        <v>1</v>
      </c>
      <c r="P7382" s="111">
        <v>1</v>
      </c>
      <c r="Q7382" s="111">
        <v>0</v>
      </c>
      <c r="R7382" s="111">
        <v>1</v>
      </c>
      <c r="S7382" s="111">
        <v>0</v>
      </c>
      <c r="T7382" s="111">
        <v>0</v>
      </c>
      <c r="U7382" s="145"/>
      <c r="V7382" s="145"/>
      <c r="W7382" s="145"/>
      <c r="X7382" s="145"/>
      <c r="Y7382" s="145"/>
      <c r="Z7382" s="145"/>
      <c r="AA7382" s="145"/>
      <c r="AB7382" s="145"/>
      <c r="AC7382" s="145"/>
      <c r="AD7382" s="145"/>
      <c r="AE7382" s="145"/>
      <c r="AF7382" s="145"/>
      <c r="AG7382" s="145"/>
      <c r="AH7382" s="145"/>
      <c r="AI7382" s="145"/>
      <c r="AJ7382" s="145"/>
      <c r="AK7382" s="145"/>
      <c r="AL7382" s="145"/>
      <c r="AM7382" s="145"/>
      <c r="AN7382" s="145"/>
      <c r="AO7382" s="145"/>
      <c r="AP7382" s="145"/>
      <c r="AQ7382" s="145"/>
      <c r="AR7382" s="145"/>
      <c r="AS7382" s="145"/>
      <c r="AT7382" s="145"/>
      <c r="AU7382" s="145"/>
      <c r="AV7382" s="145"/>
      <c r="AW7382" s="145"/>
      <c r="AX7382" s="146"/>
      <c r="AY7382" s="146"/>
      <c r="AZ7382" s="146"/>
      <c r="BA7382" s="112" t="s">
        <v>17904</v>
      </c>
      <c r="BB7382" s="107">
        <v>45447</v>
      </c>
    </row>
    <row r="7383" spans="1:54" s="8" customFormat="1" ht="13.95" customHeight="1" x14ac:dyDescent="0.25">
      <c r="A7383" s="14" t="s">
        <v>17905</v>
      </c>
      <c r="B7383" s="109" t="s">
        <v>20561</v>
      </c>
      <c r="C7383" s="93" t="s">
        <v>17906</v>
      </c>
      <c r="D7383" s="93" t="s">
        <v>17907</v>
      </c>
      <c r="E7383" s="93" t="s">
        <v>174</v>
      </c>
      <c r="F7383" s="93">
        <v>1003</v>
      </c>
      <c r="G7383" s="93" t="s">
        <v>1</v>
      </c>
      <c r="H7383" s="111">
        <v>0</v>
      </c>
      <c r="I7383" s="111">
        <v>0</v>
      </c>
      <c r="J7383" s="111">
        <v>1</v>
      </c>
      <c r="K7383" s="111">
        <v>1</v>
      </c>
      <c r="L7383" s="111">
        <v>0</v>
      </c>
      <c r="M7383" s="111">
        <v>0</v>
      </c>
      <c r="N7383" s="111">
        <v>0</v>
      </c>
      <c r="O7383" s="111">
        <v>0</v>
      </c>
      <c r="P7383" s="111">
        <v>0</v>
      </c>
      <c r="Q7383" s="111">
        <v>0</v>
      </c>
      <c r="R7383" s="111">
        <v>0</v>
      </c>
      <c r="S7383" s="111">
        <v>1</v>
      </c>
      <c r="T7383" s="111">
        <v>0</v>
      </c>
      <c r="U7383" s="145"/>
      <c r="V7383" s="145"/>
      <c r="W7383" s="145"/>
      <c r="X7383" s="145"/>
      <c r="Y7383" s="145"/>
      <c r="Z7383" s="145"/>
      <c r="AA7383" s="145"/>
      <c r="AB7383" s="145"/>
      <c r="AC7383" s="145"/>
      <c r="AD7383" s="145"/>
      <c r="AE7383" s="145"/>
      <c r="AF7383" s="145"/>
      <c r="AG7383" s="145"/>
      <c r="AH7383" s="145"/>
      <c r="AI7383" s="145"/>
      <c r="AJ7383" s="145"/>
      <c r="AK7383" s="145"/>
      <c r="AL7383" s="145"/>
      <c r="AM7383" s="145"/>
      <c r="AN7383" s="145"/>
      <c r="AO7383" s="145"/>
      <c r="AP7383" s="145"/>
      <c r="AQ7383" s="145"/>
      <c r="AR7383" s="145"/>
      <c r="AS7383" s="145"/>
      <c r="AT7383" s="111">
        <v>1</v>
      </c>
      <c r="AU7383" s="145"/>
      <c r="AV7383" s="145"/>
      <c r="AW7383" s="145"/>
      <c r="AX7383" s="146"/>
      <c r="AY7383" s="146"/>
      <c r="AZ7383" s="146"/>
      <c r="BA7383" s="146"/>
      <c r="BB7383" s="107">
        <v>45447</v>
      </c>
    </row>
    <row r="7384" spans="1:54" s="8" customFormat="1" ht="13.95" customHeight="1" x14ac:dyDescent="0.25">
      <c r="A7384" s="14" t="s">
        <v>17908</v>
      </c>
      <c r="B7384" s="109" t="s">
        <v>20561</v>
      </c>
      <c r="C7384" s="93" t="s">
        <v>17909</v>
      </c>
      <c r="D7384" s="93" t="s">
        <v>17910</v>
      </c>
      <c r="E7384" s="93" t="s">
        <v>174</v>
      </c>
      <c r="F7384" s="93">
        <v>1078</v>
      </c>
      <c r="G7384" s="93" t="s">
        <v>1</v>
      </c>
      <c r="H7384" s="111">
        <v>0</v>
      </c>
      <c r="I7384" s="111">
        <v>0</v>
      </c>
      <c r="J7384" s="111">
        <v>1</v>
      </c>
      <c r="K7384" s="111">
        <v>1</v>
      </c>
      <c r="L7384" s="111">
        <v>1</v>
      </c>
      <c r="M7384" s="111">
        <v>0</v>
      </c>
      <c r="N7384" s="111">
        <v>0</v>
      </c>
      <c r="O7384" s="111">
        <v>1</v>
      </c>
      <c r="P7384" s="111">
        <v>1</v>
      </c>
      <c r="Q7384" s="111">
        <v>0</v>
      </c>
      <c r="R7384" s="111">
        <v>1</v>
      </c>
      <c r="S7384" s="111">
        <v>0</v>
      </c>
      <c r="T7384" s="111">
        <v>0</v>
      </c>
      <c r="U7384" s="145"/>
      <c r="V7384" s="145"/>
      <c r="W7384" s="145"/>
      <c r="X7384" s="145"/>
      <c r="Y7384" s="145"/>
      <c r="Z7384" s="145"/>
      <c r="AA7384" s="145"/>
      <c r="AB7384" s="145"/>
      <c r="AC7384" s="145"/>
      <c r="AD7384" s="145"/>
      <c r="AE7384" s="145"/>
      <c r="AF7384" s="145"/>
      <c r="AG7384" s="145"/>
      <c r="AH7384" s="145"/>
      <c r="AI7384" s="145"/>
      <c r="AJ7384" s="145"/>
      <c r="AK7384" s="145"/>
      <c r="AL7384" s="145"/>
      <c r="AM7384" s="145"/>
      <c r="AN7384" s="145"/>
      <c r="AO7384" s="145"/>
      <c r="AP7384" s="145"/>
      <c r="AQ7384" s="145"/>
      <c r="AR7384" s="145"/>
      <c r="AS7384" s="145"/>
      <c r="AT7384" s="145"/>
      <c r="AU7384" s="145"/>
      <c r="AV7384" s="145"/>
      <c r="AW7384" s="145"/>
      <c r="AX7384" s="146"/>
      <c r="AY7384" s="146"/>
      <c r="AZ7384" s="146"/>
      <c r="BA7384" s="146"/>
      <c r="BB7384" s="107">
        <v>45447</v>
      </c>
    </row>
    <row r="7385" spans="1:54" s="8" customFormat="1" ht="13.95" customHeight="1" x14ac:dyDescent="0.25">
      <c r="A7385" s="14" t="s">
        <v>17911</v>
      </c>
      <c r="B7385" s="109" t="s">
        <v>20561</v>
      </c>
      <c r="C7385" s="93" t="s">
        <v>17912</v>
      </c>
      <c r="D7385" s="93" t="s">
        <v>17913</v>
      </c>
      <c r="E7385" s="93" t="s">
        <v>174</v>
      </c>
      <c r="F7385" s="93">
        <v>1802</v>
      </c>
      <c r="G7385" s="93" t="s">
        <v>1</v>
      </c>
      <c r="H7385" s="111">
        <v>0</v>
      </c>
      <c r="I7385" s="111">
        <v>0</v>
      </c>
      <c r="J7385" s="111">
        <v>1</v>
      </c>
      <c r="K7385" s="111">
        <v>0</v>
      </c>
      <c r="L7385" s="111">
        <v>0</v>
      </c>
      <c r="M7385" s="111">
        <v>0</v>
      </c>
      <c r="N7385" s="111">
        <v>0</v>
      </c>
      <c r="O7385" s="111">
        <v>0</v>
      </c>
      <c r="P7385" s="111">
        <v>0</v>
      </c>
      <c r="Q7385" s="111">
        <v>0</v>
      </c>
      <c r="R7385" s="111">
        <v>0</v>
      </c>
      <c r="S7385" s="111">
        <v>0</v>
      </c>
      <c r="T7385" s="111">
        <v>0</v>
      </c>
      <c r="U7385" s="145"/>
      <c r="V7385" s="145"/>
      <c r="W7385" s="145"/>
      <c r="X7385" s="145"/>
      <c r="Y7385" s="145"/>
      <c r="Z7385" s="145"/>
      <c r="AA7385" s="145"/>
      <c r="AB7385" s="145"/>
      <c r="AC7385" s="145"/>
      <c r="AD7385" s="145"/>
      <c r="AE7385" s="145"/>
      <c r="AF7385" s="145"/>
      <c r="AG7385" s="145"/>
      <c r="AH7385" s="145"/>
      <c r="AI7385" s="145"/>
      <c r="AJ7385" s="145"/>
      <c r="AK7385" s="145"/>
      <c r="AL7385" s="145"/>
      <c r="AM7385" s="145"/>
      <c r="AN7385" s="145"/>
      <c r="AO7385" s="145"/>
      <c r="AP7385" s="145"/>
      <c r="AQ7385" s="145"/>
      <c r="AR7385" s="145"/>
      <c r="AS7385" s="145"/>
      <c r="AT7385" s="111">
        <v>1</v>
      </c>
      <c r="AU7385" s="145"/>
      <c r="AV7385" s="145"/>
      <c r="AW7385" s="145"/>
      <c r="AX7385" s="146"/>
      <c r="AY7385" s="146"/>
      <c r="AZ7385" s="146"/>
      <c r="BA7385" s="146"/>
      <c r="BB7385" s="107">
        <v>45447</v>
      </c>
    </row>
    <row r="7386" spans="1:54" s="8" customFormat="1" ht="13.95" customHeight="1" x14ac:dyDescent="0.25">
      <c r="A7386" s="14" t="s">
        <v>17914</v>
      </c>
      <c r="B7386" s="109" t="s">
        <v>20561</v>
      </c>
      <c r="C7386" s="93" t="s">
        <v>17915</v>
      </c>
      <c r="D7386" s="93" t="s">
        <v>17916</v>
      </c>
      <c r="E7386" s="93" t="s">
        <v>174</v>
      </c>
      <c r="F7386" s="93">
        <v>1145</v>
      </c>
      <c r="G7386" s="93" t="s">
        <v>1</v>
      </c>
      <c r="H7386" s="111">
        <v>0</v>
      </c>
      <c r="I7386" s="111">
        <v>0</v>
      </c>
      <c r="J7386" s="111">
        <v>1</v>
      </c>
      <c r="K7386" s="111">
        <v>0</v>
      </c>
      <c r="L7386" s="111">
        <v>1</v>
      </c>
      <c r="M7386" s="111">
        <v>0</v>
      </c>
      <c r="N7386" s="111">
        <v>0</v>
      </c>
      <c r="O7386" s="111">
        <v>1</v>
      </c>
      <c r="P7386" s="111">
        <v>1</v>
      </c>
      <c r="Q7386" s="111">
        <v>0</v>
      </c>
      <c r="R7386" s="111">
        <v>1</v>
      </c>
      <c r="S7386" s="111">
        <v>0</v>
      </c>
      <c r="T7386" s="111">
        <v>0</v>
      </c>
      <c r="U7386" s="145"/>
      <c r="V7386" s="145"/>
      <c r="W7386" s="145"/>
      <c r="X7386" s="145"/>
      <c r="Y7386" s="145"/>
      <c r="Z7386" s="145"/>
      <c r="AA7386" s="145"/>
      <c r="AB7386" s="145"/>
      <c r="AC7386" s="145"/>
      <c r="AD7386" s="145"/>
      <c r="AE7386" s="145"/>
      <c r="AF7386" s="145"/>
      <c r="AG7386" s="145"/>
      <c r="AH7386" s="145"/>
      <c r="AI7386" s="145"/>
      <c r="AJ7386" s="145"/>
      <c r="AK7386" s="145"/>
      <c r="AL7386" s="145"/>
      <c r="AM7386" s="145"/>
      <c r="AN7386" s="145"/>
      <c r="AO7386" s="145"/>
      <c r="AP7386" s="145"/>
      <c r="AQ7386" s="145"/>
      <c r="AR7386" s="145"/>
      <c r="AS7386" s="145"/>
      <c r="AT7386" s="111">
        <v>1</v>
      </c>
      <c r="AU7386" s="145"/>
      <c r="AV7386" s="145"/>
      <c r="AW7386" s="145"/>
      <c r="AX7386" s="146"/>
      <c r="AY7386" s="146"/>
      <c r="AZ7386" s="146"/>
      <c r="BA7386" s="146"/>
      <c r="BB7386" s="107">
        <v>45447</v>
      </c>
    </row>
    <row r="7387" spans="1:54" s="8" customFormat="1" ht="13.95" customHeight="1" x14ac:dyDescent="0.25">
      <c r="A7387" s="14" t="s">
        <v>17917</v>
      </c>
      <c r="B7387" s="109" t="s">
        <v>20561</v>
      </c>
      <c r="C7387" s="93" t="s">
        <v>17918</v>
      </c>
      <c r="D7387" s="93" t="s">
        <v>17919</v>
      </c>
      <c r="E7387" s="93" t="s">
        <v>174</v>
      </c>
      <c r="F7387" s="93">
        <v>1194</v>
      </c>
      <c r="G7387" s="93" t="s">
        <v>1</v>
      </c>
      <c r="H7387" s="111">
        <v>1</v>
      </c>
      <c r="I7387" s="111">
        <v>0</v>
      </c>
      <c r="J7387" s="111">
        <v>1</v>
      </c>
      <c r="K7387" s="111">
        <v>0</v>
      </c>
      <c r="L7387" s="111">
        <v>0</v>
      </c>
      <c r="M7387" s="111">
        <v>0</v>
      </c>
      <c r="N7387" s="111">
        <v>0</v>
      </c>
      <c r="O7387" s="111">
        <v>0</v>
      </c>
      <c r="P7387" s="111">
        <v>0</v>
      </c>
      <c r="Q7387" s="111">
        <v>0</v>
      </c>
      <c r="R7387" s="111">
        <v>0</v>
      </c>
      <c r="S7387" s="111">
        <v>0</v>
      </c>
      <c r="T7387" s="111">
        <v>0</v>
      </c>
      <c r="U7387" s="145"/>
      <c r="V7387" s="145"/>
      <c r="W7387" s="145"/>
      <c r="X7387" s="145"/>
      <c r="Y7387" s="145"/>
      <c r="Z7387" s="145"/>
      <c r="AA7387" s="145"/>
      <c r="AB7387" s="145"/>
      <c r="AC7387" s="145"/>
      <c r="AD7387" s="145"/>
      <c r="AE7387" s="145"/>
      <c r="AF7387" s="145"/>
      <c r="AG7387" s="145"/>
      <c r="AH7387" s="145"/>
      <c r="AI7387" s="145"/>
      <c r="AJ7387" s="145"/>
      <c r="AK7387" s="145"/>
      <c r="AL7387" s="145"/>
      <c r="AM7387" s="145"/>
      <c r="AN7387" s="145"/>
      <c r="AO7387" s="145"/>
      <c r="AP7387" s="145"/>
      <c r="AQ7387" s="145"/>
      <c r="AR7387" s="145"/>
      <c r="AS7387" s="145"/>
      <c r="AT7387" s="145"/>
      <c r="AU7387" s="145"/>
      <c r="AV7387" s="145"/>
      <c r="AW7387" s="145"/>
      <c r="AX7387" s="146"/>
      <c r="AY7387" s="146"/>
      <c r="AZ7387" s="146"/>
      <c r="BA7387" s="146"/>
      <c r="BB7387" s="107">
        <v>45447</v>
      </c>
    </row>
    <row r="7388" spans="1:54" s="8" customFormat="1" ht="13.95" customHeight="1" x14ac:dyDescent="0.25">
      <c r="A7388" s="14" t="s">
        <v>17920</v>
      </c>
      <c r="B7388" s="109" t="s">
        <v>20561</v>
      </c>
      <c r="C7388" s="93" t="s">
        <v>17921</v>
      </c>
      <c r="D7388" s="93" t="s">
        <v>17922</v>
      </c>
      <c r="E7388" s="93" t="s">
        <v>174</v>
      </c>
      <c r="F7388" s="93">
        <v>1194</v>
      </c>
      <c r="G7388" s="93" t="s">
        <v>1</v>
      </c>
      <c r="H7388" s="111">
        <v>0</v>
      </c>
      <c r="I7388" s="111">
        <v>0</v>
      </c>
      <c r="J7388" s="111">
        <v>1</v>
      </c>
      <c r="K7388" s="111">
        <v>0</v>
      </c>
      <c r="L7388" s="111">
        <v>1</v>
      </c>
      <c r="M7388" s="111">
        <v>0</v>
      </c>
      <c r="N7388" s="111">
        <v>0</v>
      </c>
      <c r="O7388" s="111">
        <v>1</v>
      </c>
      <c r="P7388" s="111">
        <v>1</v>
      </c>
      <c r="Q7388" s="111">
        <v>0</v>
      </c>
      <c r="R7388" s="111">
        <v>1</v>
      </c>
      <c r="S7388" s="111">
        <v>0</v>
      </c>
      <c r="T7388" s="111">
        <v>0</v>
      </c>
      <c r="U7388" s="145"/>
      <c r="V7388" s="145"/>
      <c r="W7388" s="145"/>
      <c r="X7388" s="145"/>
      <c r="Y7388" s="145"/>
      <c r="Z7388" s="145"/>
      <c r="AA7388" s="145"/>
      <c r="AB7388" s="145"/>
      <c r="AC7388" s="145"/>
      <c r="AD7388" s="145"/>
      <c r="AE7388" s="145"/>
      <c r="AF7388" s="145"/>
      <c r="AG7388" s="145"/>
      <c r="AH7388" s="145"/>
      <c r="AI7388" s="145"/>
      <c r="AJ7388" s="145"/>
      <c r="AK7388" s="145"/>
      <c r="AL7388" s="145"/>
      <c r="AM7388" s="145"/>
      <c r="AN7388" s="145"/>
      <c r="AO7388" s="145"/>
      <c r="AP7388" s="145"/>
      <c r="AQ7388" s="145"/>
      <c r="AR7388" s="145"/>
      <c r="AS7388" s="145"/>
      <c r="AT7388" s="111">
        <v>1</v>
      </c>
      <c r="AU7388" s="145"/>
      <c r="AV7388" s="145"/>
      <c r="AW7388" s="145"/>
      <c r="AX7388" s="146"/>
      <c r="AY7388" s="146"/>
      <c r="AZ7388" s="146"/>
      <c r="BA7388" s="146"/>
      <c r="BB7388" s="107">
        <v>45447</v>
      </c>
    </row>
    <row r="7389" spans="1:54" s="8" customFormat="1" ht="13.95" customHeight="1" x14ac:dyDescent="0.25">
      <c r="A7389" s="14" t="s">
        <v>17923</v>
      </c>
      <c r="B7389" s="109" t="s">
        <v>20561</v>
      </c>
      <c r="C7389" s="93" t="s">
        <v>17924</v>
      </c>
      <c r="D7389" s="93" t="s">
        <v>17925</v>
      </c>
      <c r="E7389" s="93" t="s">
        <v>174</v>
      </c>
      <c r="F7389" s="93">
        <v>1202</v>
      </c>
      <c r="G7389" s="93" t="s">
        <v>1</v>
      </c>
      <c r="H7389" s="111">
        <v>0</v>
      </c>
      <c r="I7389" s="111">
        <v>0</v>
      </c>
      <c r="J7389" s="111">
        <v>1</v>
      </c>
      <c r="K7389" s="111">
        <v>0</v>
      </c>
      <c r="L7389" s="111">
        <v>0</v>
      </c>
      <c r="M7389" s="111">
        <v>0</v>
      </c>
      <c r="N7389" s="111">
        <v>0</v>
      </c>
      <c r="O7389" s="111">
        <v>0</v>
      </c>
      <c r="P7389" s="111">
        <v>0</v>
      </c>
      <c r="Q7389" s="111">
        <v>0</v>
      </c>
      <c r="R7389" s="111">
        <v>0</v>
      </c>
      <c r="S7389" s="111">
        <v>0</v>
      </c>
      <c r="T7389" s="111">
        <v>0</v>
      </c>
      <c r="U7389" s="145"/>
      <c r="V7389" s="145"/>
      <c r="W7389" s="145"/>
      <c r="X7389" s="145"/>
      <c r="Y7389" s="145"/>
      <c r="Z7389" s="145"/>
      <c r="AA7389" s="145"/>
      <c r="AB7389" s="145"/>
      <c r="AC7389" s="145"/>
      <c r="AD7389" s="145"/>
      <c r="AE7389" s="145"/>
      <c r="AF7389" s="145"/>
      <c r="AG7389" s="145"/>
      <c r="AH7389" s="145"/>
      <c r="AI7389" s="145"/>
      <c r="AJ7389" s="145"/>
      <c r="AK7389" s="145"/>
      <c r="AL7389" s="145"/>
      <c r="AM7389" s="145"/>
      <c r="AN7389" s="145"/>
      <c r="AO7389" s="145"/>
      <c r="AP7389" s="145"/>
      <c r="AQ7389" s="145"/>
      <c r="AR7389" s="145"/>
      <c r="AS7389" s="145"/>
      <c r="AT7389" s="111">
        <v>1</v>
      </c>
      <c r="AU7389" s="145"/>
      <c r="AV7389" s="145"/>
      <c r="AW7389" s="145"/>
      <c r="AX7389" s="146"/>
      <c r="AY7389" s="146"/>
      <c r="AZ7389" s="146"/>
      <c r="BA7389" s="146"/>
      <c r="BB7389" s="107">
        <v>45447</v>
      </c>
    </row>
    <row r="7390" spans="1:54" s="8" customFormat="1" ht="13.95" customHeight="1" x14ac:dyDescent="0.25">
      <c r="A7390" s="14" t="s">
        <v>17926</v>
      </c>
      <c r="B7390" s="109" t="s">
        <v>20561</v>
      </c>
      <c r="C7390" s="93" t="s">
        <v>17927</v>
      </c>
      <c r="D7390" s="93" t="s">
        <v>21896</v>
      </c>
      <c r="E7390" s="93" t="s">
        <v>174</v>
      </c>
      <c r="F7390" s="93">
        <v>1257</v>
      </c>
      <c r="G7390" s="93" t="s">
        <v>1</v>
      </c>
      <c r="H7390" s="111">
        <v>0</v>
      </c>
      <c r="I7390" s="111">
        <v>0</v>
      </c>
      <c r="J7390" s="111">
        <v>1</v>
      </c>
      <c r="K7390" s="111">
        <v>1</v>
      </c>
      <c r="L7390" s="111">
        <v>1</v>
      </c>
      <c r="M7390" s="111">
        <v>0</v>
      </c>
      <c r="N7390" s="111">
        <v>0</v>
      </c>
      <c r="O7390" s="111">
        <v>1</v>
      </c>
      <c r="P7390" s="111">
        <v>1</v>
      </c>
      <c r="Q7390" s="111">
        <v>0</v>
      </c>
      <c r="R7390" s="111">
        <v>1</v>
      </c>
      <c r="S7390" s="111">
        <v>0</v>
      </c>
      <c r="T7390" s="111">
        <v>0</v>
      </c>
      <c r="U7390" s="145"/>
      <c r="V7390" s="145"/>
      <c r="W7390" s="145"/>
      <c r="X7390" s="145"/>
      <c r="Y7390" s="145"/>
      <c r="Z7390" s="145"/>
      <c r="AA7390" s="145"/>
      <c r="AB7390" s="145"/>
      <c r="AC7390" s="145"/>
      <c r="AD7390" s="145"/>
      <c r="AE7390" s="145"/>
      <c r="AF7390" s="145"/>
      <c r="AG7390" s="145"/>
      <c r="AH7390" s="145"/>
      <c r="AI7390" s="145"/>
      <c r="AJ7390" s="145"/>
      <c r="AK7390" s="145"/>
      <c r="AL7390" s="145"/>
      <c r="AM7390" s="145"/>
      <c r="AN7390" s="145"/>
      <c r="AO7390" s="145"/>
      <c r="AP7390" s="145"/>
      <c r="AQ7390" s="145"/>
      <c r="AR7390" s="145"/>
      <c r="AS7390" s="145"/>
      <c r="AT7390" s="111">
        <v>1</v>
      </c>
      <c r="AU7390" s="145"/>
      <c r="AV7390" s="145"/>
      <c r="AW7390" s="145"/>
      <c r="AX7390" s="146"/>
      <c r="AY7390" s="146"/>
      <c r="AZ7390" s="146"/>
      <c r="BA7390" s="146"/>
      <c r="BB7390" s="107">
        <v>45447</v>
      </c>
    </row>
    <row r="7391" spans="1:54" s="8" customFormat="1" ht="13.95" customHeight="1" x14ac:dyDescent="0.25">
      <c r="A7391" s="14" t="s">
        <v>17928</v>
      </c>
      <c r="B7391" s="109" t="s">
        <v>20561</v>
      </c>
      <c r="C7391" s="93" t="s">
        <v>21897</v>
      </c>
      <c r="D7391" s="93" t="s">
        <v>17929</v>
      </c>
      <c r="E7391" s="93" t="s">
        <v>174</v>
      </c>
      <c r="F7391" s="93">
        <v>1270</v>
      </c>
      <c r="G7391" s="93" t="s">
        <v>1</v>
      </c>
      <c r="H7391" s="111">
        <v>0</v>
      </c>
      <c r="I7391" s="111">
        <v>0</v>
      </c>
      <c r="J7391" s="111">
        <v>1</v>
      </c>
      <c r="K7391" s="111">
        <v>0</v>
      </c>
      <c r="L7391" s="111">
        <v>1</v>
      </c>
      <c r="M7391" s="111">
        <v>1</v>
      </c>
      <c r="N7391" s="111">
        <v>0</v>
      </c>
      <c r="O7391" s="111">
        <v>1</v>
      </c>
      <c r="P7391" s="111">
        <v>0</v>
      </c>
      <c r="Q7391" s="111">
        <v>0</v>
      </c>
      <c r="R7391" s="111">
        <v>1</v>
      </c>
      <c r="S7391" s="111">
        <v>0</v>
      </c>
      <c r="T7391" s="111">
        <v>0</v>
      </c>
      <c r="U7391" s="145"/>
      <c r="V7391" s="145"/>
      <c r="W7391" s="145"/>
      <c r="X7391" s="145"/>
      <c r="Y7391" s="145"/>
      <c r="Z7391" s="145"/>
      <c r="AA7391" s="145"/>
      <c r="AB7391" s="145"/>
      <c r="AC7391" s="145"/>
      <c r="AD7391" s="145"/>
      <c r="AE7391" s="145"/>
      <c r="AF7391" s="145"/>
      <c r="AG7391" s="145"/>
      <c r="AH7391" s="145"/>
      <c r="AI7391" s="145"/>
      <c r="AJ7391" s="145"/>
      <c r="AK7391" s="145"/>
      <c r="AL7391" s="145"/>
      <c r="AM7391" s="145"/>
      <c r="AN7391" s="145"/>
      <c r="AO7391" s="145"/>
      <c r="AP7391" s="145"/>
      <c r="AQ7391" s="145"/>
      <c r="AR7391" s="145"/>
      <c r="AS7391" s="145"/>
      <c r="AT7391" s="111">
        <v>1</v>
      </c>
      <c r="AU7391" s="145"/>
      <c r="AV7391" s="145"/>
      <c r="AW7391" s="145"/>
      <c r="AX7391" s="146"/>
      <c r="AY7391" s="146"/>
      <c r="AZ7391" s="146"/>
      <c r="BA7391" s="146"/>
      <c r="BB7391" s="107">
        <v>45447</v>
      </c>
    </row>
    <row r="7392" spans="1:54" s="8" customFormat="1" ht="13.95" customHeight="1" x14ac:dyDescent="0.25">
      <c r="A7392" s="14" t="s">
        <v>17930</v>
      </c>
      <c r="B7392" s="109" t="s">
        <v>20561</v>
      </c>
      <c r="C7392" s="93" t="s">
        <v>17931</v>
      </c>
      <c r="D7392" s="93" t="s">
        <v>17932</v>
      </c>
      <c r="E7392" s="93" t="s">
        <v>174</v>
      </c>
      <c r="F7392" s="93">
        <v>1275</v>
      </c>
      <c r="G7392" s="93" t="s">
        <v>8</v>
      </c>
      <c r="H7392" s="111">
        <v>0</v>
      </c>
      <c r="I7392" s="111">
        <v>0</v>
      </c>
      <c r="J7392" s="111">
        <v>0</v>
      </c>
      <c r="K7392" s="111">
        <v>0</v>
      </c>
      <c r="L7392" s="111">
        <v>0</v>
      </c>
      <c r="M7392" s="111">
        <v>0</v>
      </c>
      <c r="N7392" s="111">
        <v>0</v>
      </c>
      <c r="O7392" s="111">
        <v>0</v>
      </c>
      <c r="P7392" s="111">
        <v>0</v>
      </c>
      <c r="Q7392" s="111">
        <v>0</v>
      </c>
      <c r="R7392" s="111">
        <v>0</v>
      </c>
      <c r="S7392" s="111">
        <v>0</v>
      </c>
      <c r="T7392" s="111">
        <v>0</v>
      </c>
      <c r="U7392" s="111">
        <v>0</v>
      </c>
      <c r="V7392" s="111">
        <v>0</v>
      </c>
      <c r="W7392" s="111">
        <v>0</v>
      </c>
      <c r="X7392" s="111">
        <v>0</v>
      </c>
      <c r="Y7392" s="111">
        <v>0</v>
      </c>
      <c r="Z7392" s="111">
        <v>0</v>
      </c>
      <c r="AA7392" s="111">
        <v>0</v>
      </c>
      <c r="AB7392" s="111">
        <v>0</v>
      </c>
      <c r="AC7392" s="111">
        <v>0</v>
      </c>
      <c r="AD7392" s="111">
        <v>0</v>
      </c>
      <c r="AE7392" s="111">
        <v>0</v>
      </c>
      <c r="AF7392" s="111">
        <v>0</v>
      </c>
      <c r="AG7392" s="111">
        <v>0</v>
      </c>
      <c r="AH7392" s="111">
        <v>0</v>
      </c>
      <c r="AI7392" s="111">
        <v>0</v>
      </c>
      <c r="AJ7392" s="111">
        <v>0</v>
      </c>
      <c r="AK7392" s="111">
        <v>0</v>
      </c>
      <c r="AL7392" s="111">
        <v>0</v>
      </c>
      <c r="AM7392" s="111">
        <v>0</v>
      </c>
      <c r="AN7392" s="111">
        <v>0</v>
      </c>
      <c r="AO7392" s="111">
        <v>0</v>
      </c>
      <c r="AP7392" s="111">
        <v>0</v>
      </c>
      <c r="AQ7392" s="111">
        <v>0</v>
      </c>
      <c r="AR7392" s="111">
        <v>0</v>
      </c>
      <c r="AS7392" s="111">
        <v>0</v>
      </c>
      <c r="AT7392" s="111" t="s">
        <v>174</v>
      </c>
      <c r="AU7392" s="111">
        <v>0</v>
      </c>
      <c r="AV7392" s="111">
        <v>0</v>
      </c>
      <c r="AW7392" s="111">
        <v>0</v>
      </c>
      <c r="AX7392" s="112"/>
      <c r="AY7392" s="112"/>
      <c r="AZ7392" s="112"/>
      <c r="BA7392" s="112"/>
      <c r="BB7392" s="107">
        <v>45447</v>
      </c>
    </row>
    <row r="7393" spans="1:54" s="8" customFormat="1" ht="13.95" customHeight="1" x14ac:dyDescent="0.25">
      <c r="A7393" s="14" t="s">
        <v>17933</v>
      </c>
      <c r="B7393" s="109" t="s">
        <v>20561</v>
      </c>
      <c r="C7393" s="93" t="s">
        <v>17934</v>
      </c>
      <c r="D7393" s="93" t="s">
        <v>17935</v>
      </c>
      <c r="E7393" s="93" t="s">
        <v>174</v>
      </c>
      <c r="F7393" s="93">
        <v>1312</v>
      </c>
      <c r="G7393" s="93" t="s">
        <v>1</v>
      </c>
      <c r="H7393" s="111">
        <v>0</v>
      </c>
      <c r="I7393" s="111">
        <v>0</v>
      </c>
      <c r="J7393" s="111">
        <v>1</v>
      </c>
      <c r="K7393" s="111">
        <v>0</v>
      </c>
      <c r="L7393" s="111">
        <v>1</v>
      </c>
      <c r="M7393" s="111">
        <v>1</v>
      </c>
      <c r="N7393" s="111">
        <v>0</v>
      </c>
      <c r="O7393" s="111">
        <v>1</v>
      </c>
      <c r="P7393" s="111">
        <v>0</v>
      </c>
      <c r="Q7393" s="111">
        <v>1</v>
      </c>
      <c r="R7393" s="111">
        <v>1</v>
      </c>
      <c r="S7393" s="111">
        <v>0</v>
      </c>
      <c r="T7393" s="111">
        <v>0</v>
      </c>
      <c r="U7393" s="145"/>
      <c r="V7393" s="145"/>
      <c r="W7393" s="145"/>
      <c r="X7393" s="145"/>
      <c r="Y7393" s="145"/>
      <c r="Z7393" s="145"/>
      <c r="AA7393" s="145"/>
      <c r="AB7393" s="145"/>
      <c r="AC7393" s="145"/>
      <c r="AD7393" s="145"/>
      <c r="AE7393" s="145"/>
      <c r="AF7393" s="145"/>
      <c r="AG7393" s="145"/>
      <c r="AH7393" s="145"/>
      <c r="AI7393" s="145"/>
      <c r="AJ7393" s="145"/>
      <c r="AK7393" s="145"/>
      <c r="AL7393" s="145"/>
      <c r="AM7393" s="145"/>
      <c r="AN7393" s="145"/>
      <c r="AO7393" s="145"/>
      <c r="AP7393" s="145"/>
      <c r="AQ7393" s="145"/>
      <c r="AR7393" s="145"/>
      <c r="AS7393" s="145"/>
      <c r="AT7393" s="111">
        <v>1</v>
      </c>
      <c r="AU7393" s="145"/>
      <c r="AV7393" s="145"/>
      <c r="AW7393" s="145"/>
      <c r="AX7393" s="146"/>
      <c r="AY7393" s="146"/>
      <c r="AZ7393" s="146"/>
      <c r="BA7393" s="146"/>
      <c r="BB7393" s="107">
        <v>45447</v>
      </c>
    </row>
    <row r="7394" spans="1:54" s="8" customFormat="1" ht="13.95" customHeight="1" x14ac:dyDescent="0.25">
      <c r="A7394" s="14" t="s">
        <v>17936</v>
      </c>
      <c r="B7394" s="109" t="s">
        <v>20561</v>
      </c>
      <c r="C7394" s="93" t="s">
        <v>20331</v>
      </c>
      <c r="D7394" s="93" t="s">
        <v>17937</v>
      </c>
      <c r="E7394" s="93" t="s">
        <v>174</v>
      </c>
      <c r="F7394" s="93">
        <v>1314</v>
      </c>
      <c r="G7394" s="93" t="s">
        <v>1</v>
      </c>
      <c r="H7394" s="111">
        <v>0</v>
      </c>
      <c r="I7394" s="111">
        <v>0</v>
      </c>
      <c r="J7394" s="111">
        <v>1</v>
      </c>
      <c r="K7394" s="111">
        <v>1</v>
      </c>
      <c r="L7394" s="111">
        <v>0</v>
      </c>
      <c r="M7394" s="111">
        <v>0</v>
      </c>
      <c r="N7394" s="111">
        <v>0</v>
      </c>
      <c r="O7394" s="111">
        <v>1</v>
      </c>
      <c r="P7394" s="111">
        <v>1</v>
      </c>
      <c r="Q7394" s="111">
        <v>0</v>
      </c>
      <c r="R7394" s="111">
        <v>1</v>
      </c>
      <c r="S7394" s="111">
        <v>0</v>
      </c>
      <c r="T7394" s="111">
        <v>0</v>
      </c>
      <c r="U7394" s="145"/>
      <c r="V7394" s="145"/>
      <c r="W7394" s="145"/>
      <c r="X7394" s="145"/>
      <c r="Y7394" s="145"/>
      <c r="Z7394" s="145"/>
      <c r="AA7394" s="145"/>
      <c r="AB7394" s="145"/>
      <c r="AC7394" s="145"/>
      <c r="AD7394" s="145"/>
      <c r="AE7394" s="145"/>
      <c r="AF7394" s="145"/>
      <c r="AG7394" s="145"/>
      <c r="AH7394" s="145"/>
      <c r="AI7394" s="145"/>
      <c r="AJ7394" s="145"/>
      <c r="AK7394" s="145"/>
      <c r="AL7394" s="145"/>
      <c r="AM7394" s="145"/>
      <c r="AN7394" s="145"/>
      <c r="AO7394" s="145"/>
      <c r="AP7394" s="145"/>
      <c r="AQ7394" s="145"/>
      <c r="AR7394" s="145"/>
      <c r="AS7394" s="145"/>
      <c r="AT7394" s="111">
        <v>1</v>
      </c>
      <c r="AU7394" s="145"/>
      <c r="AV7394" s="145"/>
      <c r="AW7394" s="145"/>
      <c r="AX7394" s="146"/>
      <c r="AY7394" s="146"/>
      <c r="AZ7394" s="146"/>
      <c r="BA7394" s="146"/>
      <c r="BB7394" s="107">
        <v>45447</v>
      </c>
    </row>
    <row r="7395" spans="1:54" s="8" customFormat="1" ht="13.95" customHeight="1" x14ac:dyDescent="0.25">
      <c r="A7395" s="14" t="s">
        <v>17938</v>
      </c>
      <c r="B7395" s="109" t="s">
        <v>20561</v>
      </c>
      <c r="C7395" s="93" t="s">
        <v>21528</v>
      </c>
      <c r="D7395" s="93" t="s">
        <v>17939</v>
      </c>
      <c r="E7395" s="93" t="s">
        <v>174</v>
      </c>
      <c r="F7395" s="93">
        <v>1360</v>
      </c>
      <c r="G7395" s="93" t="s">
        <v>1</v>
      </c>
      <c r="H7395" s="111">
        <v>0</v>
      </c>
      <c r="I7395" s="111">
        <v>0</v>
      </c>
      <c r="J7395" s="111">
        <v>1</v>
      </c>
      <c r="K7395" s="111">
        <v>0</v>
      </c>
      <c r="L7395" s="111">
        <v>0</v>
      </c>
      <c r="M7395" s="111">
        <v>1</v>
      </c>
      <c r="N7395" s="111">
        <v>0</v>
      </c>
      <c r="O7395" s="111">
        <v>0</v>
      </c>
      <c r="P7395" s="111">
        <v>0</v>
      </c>
      <c r="Q7395" s="111">
        <v>0</v>
      </c>
      <c r="R7395" s="111">
        <v>0</v>
      </c>
      <c r="S7395" s="111">
        <v>0</v>
      </c>
      <c r="T7395" s="111">
        <v>0</v>
      </c>
      <c r="U7395" s="145"/>
      <c r="V7395" s="145"/>
      <c r="W7395" s="145"/>
      <c r="X7395" s="145"/>
      <c r="Y7395" s="145"/>
      <c r="Z7395" s="145"/>
      <c r="AA7395" s="145"/>
      <c r="AB7395" s="145"/>
      <c r="AC7395" s="145"/>
      <c r="AD7395" s="145"/>
      <c r="AE7395" s="145"/>
      <c r="AF7395" s="145"/>
      <c r="AG7395" s="145"/>
      <c r="AH7395" s="145"/>
      <c r="AI7395" s="145"/>
      <c r="AJ7395" s="145"/>
      <c r="AK7395" s="145"/>
      <c r="AL7395" s="145"/>
      <c r="AM7395" s="145"/>
      <c r="AN7395" s="145"/>
      <c r="AO7395" s="145"/>
      <c r="AP7395" s="145"/>
      <c r="AQ7395" s="145"/>
      <c r="AR7395" s="145"/>
      <c r="AS7395" s="145"/>
      <c r="AT7395" s="145"/>
      <c r="AU7395" s="145"/>
      <c r="AV7395" s="145"/>
      <c r="AW7395" s="145"/>
      <c r="AX7395" s="146"/>
      <c r="AY7395" s="146"/>
      <c r="AZ7395" s="146"/>
      <c r="BA7395" s="146"/>
      <c r="BB7395" s="107">
        <v>45447</v>
      </c>
    </row>
    <row r="7396" spans="1:54" s="8" customFormat="1" ht="13.95" customHeight="1" x14ac:dyDescent="0.25">
      <c r="A7396" s="14" t="s">
        <v>17940</v>
      </c>
      <c r="B7396" s="109" t="s">
        <v>20561</v>
      </c>
      <c r="C7396" s="93" t="s">
        <v>17941</v>
      </c>
      <c r="D7396" s="93" t="s">
        <v>17942</v>
      </c>
      <c r="E7396" s="93" t="s">
        <v>174</v>
      </c>
      <c r="F7396" s="93">
        <v>1400</v>
      </c>
      <c r="G7396" s="93" t="s">
        <v>10</v>
      </c>
      <c r="H7396" s="111">
        <v>0</v>
      </c>
      <c r="I7396" s="111">
        <v>0</v>
      </c>
      <c r="J7396" s="111">
        <v>0</v>
      </c>
      <c r="K7396" s="111">
        <v>0</v>
      </c>
      <c r="L7396" s="111">
        <v>0</v>
      </c>
      <c r="M7396" s="111">
        <v>0</v>
      </c>
      <c r="N7396" s="111">
        <v>0</v>
      </c>
      <c r="O7396" s="111">
        <v>0</v>
      </c>
      <c r="P7396" s="111">
        <v>0</v>
      </c>
      <c r="Q7396" s="111">
        <v>0</v>
      </c>
      <c r="R7396" s="111">
        <v>0</v>
      </c>
      <c r="S7396" s="111">
        <v>0</v>
      </c>
      <c r="T7396" s="111">
        <v>0</v>
      </c>
      <c r="U7396" s="111">
        <v>0</v>
      </c>
      <c r="V7396" s="111">
        <v>0</v>
      </c>
      <c r="W7396" s="111">
        <v>0</v>
      </c>
      <c r="X7396" s="111">
        <v>0</v>
      </c>
      <c r="Y7396" s="111">
        <v>0</v>
      </c>
      <c r="Z7396" s="111">
        <v>0</v>
      </c>
      <c r="AA7396" s="111">
        <v>0</v>
      </c>
      <c r="AB7396" s="111">
        <v>0</v>
      </c>
      <c r="AC7396" s="111">
        <v>0</v>
      </c>
      <c r="AD7396" s="111">
        <v>0</v>
      </c>
      <c r="AE7396" s="111">
        <v>0</v>
      </c>
      <c r="AF7396" s="111">
        <v>0</v>
      </c>
      <c r="AG7396" s="111">
        <v>0</v>
      </c>
      <c r="AH7396" s="111">
        <v>0</v>
      </c>
      <c r="AI7396" s="111">
        <v>0</v>
      </c>
      <c r="AJ7396" s="111">
        <v>0</v>
      </c>
      <c r="AK7396" s="111">
        <v>0</v>
      </c>
      <c r="AL7396" s="111">
        <v>0</v>
      </c>
      <c r="AM7396" s="111">
        <v>0</v>
      </c>
      <c r="AN7396" s="111">
        <v>0</v>
      </c>
      <c r="AO7396" s="111">
        <v>0</v>
      </c>
      <c r="AP7396" s="111">
        <v>0</v>
      </c>
      <c r="AQ7396" s="111">
        <v>0</v>
      </c>
      <c r="AR7396" s="111">
        <v>0</v>
      </c>
      <c r="AS7396" s="111">
        <v>0</v>
      </c>
      <c r="AT7396" s="111" t="s">
        <v>174</v>
      </c>
      <c r="AU7396" s="111">
        <v>0</v>
      </c>
      <c r="AV7396" s="111">
        <v>0</v>
      </c>
      <c r="AW7396" s="111">
        <v>0</v>
      </c>
      <c r="AX7396" s="112"/>
      <c r="AY7396" s="112"/>
      <c r="AZ7396" s="112"/>
      <c r="BA7396" s="112"/>
      <c r="BB7396" s="107">
        <v>45447</v>
      </c>
    </row>
    <row r="7397" spans="1:54" s="8" customFormat="1" ht="13.95" customHeight="1" x14ac:dyDescent="0.25">
      <c r="A7397" s="14" t="s">
        <v>17943</v>
      </c>
      <c r="B7397" s="109" t="s">
        <v>20561</v>
      </c>
      <c r="C7397" s="93" t="s">
        <v>17944</v>
      </c>
      <c r="D7397" s="93" t="s">
        <v>17945</v>
      </c>
      <c r="E7397" s="93" t="s">
        <v>174</v>
      </c>
      <c r="F7397" s="93">
        <v>1433</v>
      </c>
      <c r="G7397" s="93" t="s">
        <v>1</v>
      </c>
      <c r="H7397" s="111">
        <v>0</v>
      </c>
      <c r="I7397" s="111">
        <v>0</v>
      </c>
      <c r="J7397" s="111">
        <v>1</v>
      </c>
      <c r="K7397" s="111">
        <v>1</v>
      </c>
      <c r="L7397" s="111">
        <v>0</v>
      </c>
      <c r="M7397" s="111">
        <v>0</v>
      </c>
      <c r="N7397" s="111">
        <v>0</v>
      </c>
      <c r="O7397" s="111">
        <v>1</v>
      </c>
      <c r="P7397" s="111">
        <v>0</v>
      </c>
      <c r="Q7397" s="111">
        <v>0</v>
      </c>
      <c r="R7397" s="111">
        <v>1</v>
      </c>
      <c r="S7397" s="111">
        <v>0</v>
      </c>
      <c r="T7397" s="111">
        <v>0</v>
      </c>
      <c r="U7397" s="145"/>
      <c r="V7397" s="145"/>
      <c r="W7397" s="145"/>
      <c r="X7397" s="145"/>
      <c r="Y7397" s="145"/>
      <c r="Z7397" s="145"/>
      <c r="AA7397" s="145"/>
      <c r="AB7397" s="145"/>
      <c r="AC7397" s="145"/>
      <c r="AD7397" s="145"/>
      <c r="AE7397" s="145"/>
      <c r="AF7397" s="145"/>
      <c r="AG7397" s="145"/>
      <c r="AH7397" s="145"/>
      <c r="AI7397" s="145"/>
      <c r="AJ7397" s="145"/>
      <c r="AK7397" s="145"/>
      <c r="AL7397" s="145"/>
      <c r="AM7397" s="145"/>
      <c r="AN7397" s="145"/>
      <c r="AO7397" s="145"/>
      <c r="AP7397" s="145"/>
      <c r="AQ7397" s="145"/>
      <c r="AR7397" s="145"/>
      <c r="AS7397" s="145"/>
      <c r="AT7397" s="111">
        <v>1</v>
      </c>
      <c r="AU7397" s="145"/>
      <c r="AV7397" s="145"/>
      <c r="AW7397" s="145"/>
      <c r="AX7397" s="146"/>
      <c r="AY7397" s="146"/>
      <c r="AZ7397" s="146"/>
      <c r="BA7397" s="112" t="s">
        <v>17946</v>
      </c>
      <c r="BB7397" s="107">
        <v>45447</v>
      </c>
    </row>
    <row r="7398" spans="1:54" s="8" customFormat="1" ht="13.95" customHeight="1" x14ac:dyDescent="0.25">
      <c r="A7398" s="14" t="s">
        <v>17947</v>
      </c>
      <c r="B7398" s="109" t="s">
        <v>20561</v>
      </c>
      <c r="C7398" s="93" t="s">
        <v>17948</v>
      </c>
      <c r="D7398" s="93" t="s">
        <v>17949</v>
      </c>
      <c r="E7398" s="93" t="s">
        <v>174</v>
      </c>
      <c r="F7398" s="93">
        <v>1538</v>
      </c>
      <c r="G7398" s="93" t="s">
        <v>1</v>
      </c>
      <c r="H7398" s="111">
        <v>0</v>
      </c>
      <c r="I7398" s="111">
        <v>0</v>
      </c>
      <c r="J7398" s="111">
        <v>1</v>
      </c>
      <c r="K7398" s="111">
        <v>0</v>
      </c>
      <c r="L7398" s="111">
        <v>1</v>
      </c>
      <c r="M7398" s="111">
        <v>0</v>
      </c>
      <c r="N7398" s="111">
        <v>0</v>
      </c>
      <c r="O7398" s="111">
        <v>1</v>
      </c>
      <c r="P7398" s="111">
        <v>1</v>
      </c>
      <c r="Q7398" s="111">
        <v>1</v>
      </c>
      <c r="R7398" s="111">
        <v>1</v>
      </c>
      <c r="S7398" s="111">
        <v>0</v>
      </c>
      <c r="T7398" s="111">
        <v>0</v>
      </c>
      <c r="U7398" s="145"/>
      <c r="V7398" s="145"/>
      <c r="W7398" s="145"/>
      <c r="X7398" s="145"/>
      <c r="Y7398" s="145"/>
      <c r="Z7398" s="145"/>
      <c r="AA7398" s="145"/>
      <c r="AB7398" s="145"/>
      <c r="AC7398" s="145"/>
      <c r="AD7398" s="145"/>
      <c r="AE7398" s="145"/>
      <c r="AF7398" s="145"/>
      <c r="AG7398" s="145"/>
      <c r="AH7398" s="145"/>
      <c r="AI7398" s="145"/>
      <c r="AJ7398" s="145"/>
      <c r="AK7398" s="145"/>
      <c r="AL7398" s="145"/>
      <c r="AM7398" s="145"/>
      <c r="AN7398" s="145"/>
      <c r="AO7398" s="145"/>
      <c r="AP7398" s="145"/>
      <c r="AQ7398" s="145"/>
      <c r="AR7398" s="145"/>
      <c r="AS7398" s="145"/>
      <c r="AT7398" s="111">
        <v>1</v>
      </c>
      <c r="AU7398" s="145"/>
      <c r="AV7398" s="145"/>
      <c r="AW7398" s="145"/>
      <c r="AX7398" s="146"/>
      <c r="AY7398" s="146"/>
      <c r="AZ7398" s="146"/>
      <c r="BA7398" s="146"/>
      <c r="BB7398" s="107">
        <v>45447</v>
      </c>
    </row>
    <row r="7399" spans="1:54" s="8" customFormat="1" ht="13.95" customHeight="1" x14ac:dyDescent="0.25">
      <c r="A7399" s="14" t="s">
        <v>17950</v>
      </c>
      <c r="B7399" s="109" t="s">
        <v>20561</v>
      </c>
      <c r="C7399" s="93" t="s">
        <v>17951</v>
      </c>
      <c r="D7399" s="93" t="s">
        <v>17952</v>
      </c>
      <c r="E7399" s="93" t="s">
        <v>174</v>
      </c>
      <c r="F7399" s="93">
        <v>1577</v>
      </c>
      <c r="G7399" s="93" t="s">
        <v>1</v>
      </c>
      <c r="H7399" s="111">
        <v>0</v>
      </c>
      <c r="I7399" s="111">
        <v>0</v>
      </c>
      <c r="J7399" s="111">
        <v>1</v>
      </c>
      <c r="K7399" s="111">
        <v>0</v>
      </c>
      <c r="L7399" s="111">
        <v>1</v>
      </c>
      <c r="M7399" s="111">
        <v>1</v>
      </c>
      <c r="N7399" s="111">
        <v>0</v>
      </c>
      <c r="O7399" s="111">
        <v>1</v>
      </c>
      <c r="P7399" s="111">
        <v>1</v>
      </c>
      <c r="Q7399" s="111">
        <v>0</v>
      </c>
      <c r="R7399" s="111">
        <v>1</v>
      </c>
      <c r="S7399" s="111">
        <v>0</v>
      </c>
      <c r="T7399" s="111">
        <v>0</v>
      </c>
      <c r="U7399" s="145"/>
      <c r="V7399" s="145"/>
      <c r="W7399" s="145"/>
      <c r="X7399" s="145"/>
      <c r="Y7399" s="145"/>
      <c r="Z7399" s="145"/>
      <c r="AA7399" s="145"/>
      <c r="AB7399" s="145"/>
      <c r="AC7399" s="145"/>
      <c r="AD7399" s="145"/>
      <c r="AE7399" s="145"/>
      <c r="AF7399" s="145"/>
      <c r="AG7399" s="145"/>
      <c r="AH7399" s="145"/>
      <c r="AI7399" s="145"/>
      <c r="AJ7399" s="145"/>
      <c r="AK7399" s="145"/>
      <c r="AL7399" s="145"/>
      <c r="AM7399" s="145"/>
      <c r="AN7399" s="145"/>
      <c r="AO7399" s="145"/>
      <c r="AP7399" s="145"/>
      <c r="AQ7399" s="145"/>
      <c r="AR7399" s="145"/>
      <c r="AS7399" s="145"/>
      <c r="AT7399" s="111">
        <v>1</v>
      </c>
      <c r="AU7399" s="145"/>
      <c r="AV7399" s="145"/>
      <c r="AW7399" s="145"/>
      <c r="AX7399" s="146"/>
      <c r="AY7399" s="146"/>
      <c r="AZ7399" s="146"/>
      <c r="BA7399" s="112" t="s">
        <v>17953</v>
      </c>
      <c r="BB7399" s="107">
        <v>45447</v>
      </c>
    </row>
    <row r="7400" spans="1:54" s="8" customFormat="1" ht="13.95" customHeight="1" x14ac:dyDescent="0.25">
      <c r="A7400" s="14" t="s">
        <v>17954</v>
      </c>
      <c r="B7400" s="109" t="s">
        <v>20561</v>
      </c>
      <c r="C7400" s="93" t="s">
        <v>17955</v>
      </c>
      <c r="D7400" s="93" t="s">
        <v>17956</v>
      </c>
      <c r="E7400" s="93" t="s">
        <v>174</v>
      </c>
      <c r="F7400" s="93">
        <v>1646</v>
      </c>
      <c r="G7400" s="93" t="s">
        <v>1</v>
      </c>
      <c r="H7400" s="111">
        <v>0</v>
      </c>
      <c r="I7400" s="111">
        <v>0</v>
      </c>
      <c r="J7400" s="111">
        <v>1</v>
      </c>
      <c r="K7400" s="111">
        <v>0</v>
      </c>
      <c r="L7400" s="111">
        <v>1</v>
      </c>
      <c r="M7400" s="111">
        <v>1</v>
      </c>
      <c r="N7400" s="111">
        <v>0</v>
      </c>
      <c r="O7400" s="111">
        <v>0</v>
      </c>
      <c r="P7400" s="111">
        <v>0</v>
      </c>
      <c r="Q7400" s="111">
        <v>0</v>
      </c>
      <c r="R7400" s="111">
        <v>0</v>
      </c>
      <c r="S7400" s="111">
        <v>0</v>
      </c>
      <c r="T7400" s="111">
        <v>0</v>
      </c>
      <c r="U7400" s="145"/>
      <c r="V7400" s="145"/>
      <c r="W7400" s="145"/>
      <c r="X7400" s="145"/>
      <c r="Y7400" s="145"/>
      <c r="Z7400" s="145"/>
      <c r="AA7400" s="145"/>
      <c r="AB7400" s="145"/>
      <c r="AC7400" s="145"/>
      <c r="AD7400" s="145"/>
      <c r="AE7400" s="145"/>
      <c r="AF7400" s="145"/>
      <c r="AG7400" s="145"/>
      <c r="AH7400" s="145"/>
      <c r="AI7400" s="145"/>
      <c r="AJ7400" s="145"/>
      <c r="AK7400" s="145"/>
      <c r="AL7400" s="145"/>
      <c r="AM7400" s="145"/>
      <c r="AN7400" s="145"/>
      <c r="AO7400" s="145"/>
      <c r="AP7400" s="145"/>
      <c r="AQ7400" s="145"/>
      <c r="AR7400" s="145"/>
      <c r="AS7400" s="145"/>
      <c r="AT7400" s="111">
        <v>1</v>
      </c>
      <c r="AU7400" s="145"/>
      <c r="AV7400" s="145"/>
      <c r="AW7400" s="145"/>
      <c r="AX7400" s="146"/>
      <c r="AY7400" s="146"/>
      <c r="AZ7400" s="146"/>
      <c r="BA7400" s="146"/>
      <c r="BB7400" s="107">
        <v>45447</v>
      </c>
    </row>
    <row r="7401" spans="1:54" s="8" customFormat="1" ht="13.95" customHeight="1" x14ac:dyDescent="0.25">
      <c r="A7401" s="14" t="s">
        <v>17957</v>
      </c>
      <c r="B7401" s="109" t="s">
        <v>20561</v>
      </c>
      <c r="C7401" s="93" t="s">
        <v>17958</v>
      </c>
      <c r="D7401" s="93" t="s">
        <v>17959</v>
      </c>
      <c r="E7401" s="93" t="s">
        <v>174</v>
      </c>
      <c r="F7401" s="93">
        <v>1679</v>
      </c>
      <c r="G7401" s="93" t="s">
        <v>1</v>
      </c>
      <c r="H7401" s="111">
        <v>0</v>
      </c>
      <c r="I7401" s="111">
        <v>0</v>
      </c>
      <c r="J7401" s="111">
        <v>1</v>
      </c>
      <c r="K7401" s="111">
        <v>0</v>
      </c>
      <c r="L7401" s="111">
        <v>1</v>
      </c>
      <c r="M7401" s="111">
        <v>1</v>
      </c>
      <c r="N7401" s="111">
        <v>0</v>
      </c>
      <c r="O7401" s="111">
        <v>1</v>
      </c>
      <c r="P7401" s="111">
        <v>0</v>
      </c>
      <c r="Q7401" s="111">
        <v>1</v>
      </c>
      <c r="R7401" s="111">
        <v>1</v>
      </c>
      <c r="S7401" s="111">
        <v>0</v>
      </c>
      <c r="T7401" s="111">
        <v>0</v>
      </c>
      <c r="U7401" s="145"/>
      <c r="V7401" s="145"/>
      <c r="W7401" s="145"/>
      <c r="X7401" s="145"/>
      <c r="Y7401" s="145"/>
      <c r="Z7401" s="145"/>
      <c r="AA7401" s="145"/>
      <c r="AB7401" s="145"/>
      <c r="AC7401" s="145"/>
      <c r="AD7401" s="145"/>
      <c r="AE7401" s="145"/>
      <c r="AF7401" s="145"/>
      <c r="AG7401" s="145"/>
      <c r="AH7401" s="145"/>
      <c r="AI7401" s="145"/>
      <c r="AJ7401" s="145"/>
      <c r="AK7401" s="145"/>
      <c r="AL7401" s="145"/>
      <c r="AM7401" s="145"/>
      <c r="AN7401" s="145"/>
      <c r="AO7401" s="145"/>
      <c r="AP7401" s="145"/>
      <c r="AQ7401" s="145"/>
      <c r="AR7401" s="145"/>
      <c r="AS7401" s="145"/>
      <c r="AT7401" s="111">
        <v>1</v>
      </c>
      <c r="AU7401" s="145"/>
      <c r="AV7401" s="145"/>
      <c r="AW7401" s="145"/>
      <c r="AX7401" s="146"/>
      <c r="AY7401" s="146"/>
      <c r="AZ7401" s="146"/>
      <c r="BA7401" s="146"/>
      <c r="BB7401" s="107">
        <v>45447</v>
      </c>
    </row>
    <row r="7402" spans="1:54" s="8" customFormat="1" ht="13.95" customHeight="1" x14ac:dyDescent="0.25">
      <c r="A7402" s="14" t="s">
        <v>17960</v>
      </c>
      <c r="B7402" s="109" t="s">
        <v>20561</v>
      </c>
      <c r="C7402" s="93" t="s">
        <v>17961</v>
      </c>
      <c r="D7402" s="93" t="s">
        <v>17962</v>
      </c>
      <c r="E7402" s="93" t="s">
        <v>174</v>
      </c>
      <c r="F7402" s="93">
        <v>1703</v>
      </c>
      <c r="G7402" s="93" t="s">
        <v>1</v>
      </c>
      <c r="H7402" s="111">
        <v>0</v>
      </c>
      <c r="I7402" s="111">
        <v>0</v>
      </c>
      <c r="J7402" s="111">
        <v>1</v>
      </c>
      <c r="K7402" s="111">
        <v>1</v>
      </c>
      <c r="L7402" s="111">
        <v>0</v>
      </c>
      <c r="M7402" s="111">
        <v>1</v>
      </c>
      <c r="N7402" s="111">
        <v>1</v>
      </c>
      <c r="O7402" s="111">
        <v>0</v>
      </c>
      <c r="P7402" s="111">
        <v>0</v>
      </c>
      <c r="Q7402" s="111">
        <v>0</v>
      </c>
      <c r="R7402" s="111">
        <v>1</v>
      </c>
      <c r="S7402" s="111">
        <v>0</v>
      </c>
      <c r="T7402" s="111">
        <v>0</v>
      </c>
      <c r="U7402" s="145"/>
      <c r="V7402" s="145"/>
      <c r="W7402" s="145"/>
      <c r="X7402" s="145"/>
      <c r="Y7402" s="145"/>
      <c r="Z7402" s="145"/>
      <c r="AA7402" s="145"/>
      <c r="AB7402" s="145"/>
      <c r="AC7402" s="145"/>
      <c r="AD7402" s="145"/>
      <c r="AE7402" s="145"/>
      <c r="AF7402" s="145"/>
      <c r="AG7402" s="145"/>
      <c r="AH7402" s="145"/>
      <c r="AI7402" s="145"/>
      <c r="AJ7402" s="145"/>
      <c r="AK7402" s="145"/>
      <c r="AL7402" s="145"/>
      <c r="AM7402" s="145"/>
      <c r="AN7402" s="145"/>
      <c r="AO7402" s="145"/>
      <c r="AP7402" s="145"/>
      <c r="AQ7402" s="145"/>
      <c r="AR7402" s="145"/>
      <c r="AS7402" s="145"/>
      <c r="AT7402" s="111">
        <v>1</v>
      </c>
      <c r="AU7402" s="145"/>
      <c r="AV7402" s="145"/>
      <c r="AW7402" s="145"/>
      <c r="AX7402" s="146"/>
      <c r="AY7402" s="146"/>
      <c r="AZ7402" s="146"/>
      <c r="BA7402" s="146"/>
      <c r="BB7402" s="107">
        <v>45447</v>
      </c>
    </row>
    <row r="7403" spans="1:54" s="8" customFormat="1" ht="13.95" customHeight="1" x14ac:dyDescent="0.25">
      <c r="A7403" s="14" t="s">
        <v>17963</v>
      </c>
      <c r="B7403" s="109" t="s">
        <v>20561</v>
      </c>
      <c r="C7403" s="93" t="s">
        <v>17964</v>
      </c>
      <c r="D7403" s="93" t="s">
        <v>17965</v>
      </c>
      <c r="E7403" s="93" t="s">
        <v>174</v>
      </c>
      <c r="F7403" s="93">
        <v>1727</v>
      </c>
      <c r="G7403" s="93" t="s">
        <v>1</v>
      </c>
      <c r="H7403" s="111">
        <v>0</v>
      </c>
      <c r="I7403" s="111">
        <v>0</v>
      </c>
      <c r="J7403" s="111">
        <v>0</v>
      </c>
      <c r="K7403" s="111">
        <v>0</v>
      </c>
      <c r="L7403" s="111">
        <v>1</v>
      </c>
      <c r="M7403" s="111">
        <v>0</v>
      </c>
      <c r="N7403" s="111">
        <v>0</v>
      </c>
      <c r="O7403" s="111">
        <v>1</v>
      </c>
      <c r="P7403" s="111">
        <v>1</v>
      </c>
      <c r="Q7403" s="111">
        <v>0</v>
      </c>
      <c r="R7403" s="111">
        <v>1</v>
      </c>
      <c r="S7403" s="111">
        <v>0</v>
      </c>
      <c r="T7403" s="111">
        <v>0</v>
      </c>
      <c r="U7403" s="145"/>
      <c r="V7403" s="145"/>
      <c r="W7403" s="145"/>
      <c r="X7403" s="145"/>
      <c r="Y7403" s="145"/>
      <c r="Z7403" s="145"/>
      <c r="AA7403" s="145"/>
      <c r="AB7403" s="145"/>
      <c r="AC7403" s="145"/>
      <c r="AD7403" s="145"/>
      <c r="AE7403" s="145"/>
      <c r="AF7403" s="145"/>
      <c r="AG7403" s="145"/>
      <c r="AH7403" s="145"/>
      <c r="AI7403" s="145"/>
      <c r="AJ7403" s="145"/>
      <c r="AK7403" s="145"/>
      <c r="AL7403" s="145"/>
      <c r="AM7403" s="145"/>
      <c r="AN7403" s="145"/>
      <c r="AO7403" s="145"/>
      <c r="AP7403" s="145"/>
      <c r="AQ7403" s="145"/>
      <c r="AR7403" s="145"/>
      <c r="AS7403" s="145"/>
      <c r="AT7403" s="111">
        <v>1</v>
      </c>
      <c r="AU7403" s="145"/>
      <c r="AV7403" s="145"/>
      <c r="AW7403" s="145"/>
      <c r="AX7403" s="146"/>
      <c r="AY7403" s="146"/>
      <c r="AZ7403" s="146"/>
      <c r="BA7403" s="146"/>
      <c r="BB7403" s="107">
        <v>45447</v>
      </c>
    </row>
    <row r="7404" spans="1:54" s="8" customFormat="1" ht="13.95" customHeight="1" x14ac:dyDescent="0.25">
      <c r="A7404" s="14" t="s">
        <v>17966</v>
      </c>
      <c r="B7404" s="109" t="s">
        <v>20561</v>
      </c>
      <c r="C7404" s="93" t="s">
        <v>17967</v>
      </c>
      <c r="D7404" s="93" t="s">
        <v>17968</v>
      </c>
      <c r="E7404" s="93" t="s">
        <v>174</v>
      </c>
      <c r="F7404" s="93">
        <v>1760</v>
      </c>
      <c r="G7404" s="93" t="s">
        <v>1</v>
      </c>
      <c r="H7404" s="111">
        <v>0</v>
      </c>
      <c r="I7404" s="111">
        <v>0</v>
      </c>
      <c r="J7404" s="111">
        <v>1</v>
      </c>
      <c r="K7404" s="111">
        <v>0</v>
      </c>
      <c r="L7404" s="111">
        <v>0</v>
      </c>
      <c r="M7404" s="111">
        <v>0</v>
      </c>
      <c r="N7404" s="111">
        <v>0</v>
      </c>
      <c r="O7404" s="111">
        <v>1</v>
      </c>
      <c r="P7404" s="111">
        <v>1</v>
      </c>
      <c r="Q7404" s="111">
        <v>0</v>
      </c>
      <c r="R7404" s="111">
        <v>1</v>
      </c>
      <c r="S7404" s="111">
        <v>0</v>
      </c>
      <c r="T7404" s="111">
        <v>0</v>
      </c>
      <c r="U7404" s="145"/>
      <c r="V7404" s="145"/>
      <c r="W7404" s="145"/>
      <c r="X7404" s="145"/>
      <c r="Y7404" s="145"/>
      <c r="Z7404" s="145"/>
      <c r="AA7404" s="145"/>
      <c r="AB7404" s="145"/>
      <c r="AC7404" s="145"/>
      <c r="AD7404" s="145"/>
      <c r="AE7404" s="145"/>
      <c r="AF7404" s="145"/>
      <c r="AG7404" s="145"/>
      <c r="AH7404" s="145"/>
      <c r="AI7404" s="145"/>
      <c r="AJ7404" s="145"/>
      <c r="AK7404" s="145"/>
      <c r="AL7404" s="145"/>
      <c r="AM7404" s="145"/>
      <c r="AN7404" s="145"/>
      <c r="AO7404" s="145"/>
      <c r="AP7404" s="145"/>
      <c r="AQ7404" s="145"/>
      <c r="AR7404" s="145"/>
      <c r="AS7404" s="145"/>
      <c r="AT7404" s="111">
        <v>1</v>
      </c>
      <c r="AU7404" s="145"/>
      <c r="AV7404" s="145"/>
      <c r="AW7404" s="145"/>
      <c r="AX7404" s="146"/>
      <c r="AY7404" s="146"/>
      <c r="AZ7404" s="146"/>
      <c r="BA7404" s="146"/>
      <c r="BB7404" s="107">
        <v>45447</v>
      </c>
    </row>
    <row r="7405" spans="1:54" s="8" customFormat="1" ht="13.95" customHeight="1" x14ac:dyDescent="0.25">
      <c r="A7405" s="14" t="s">
        <v>17969</v>
      </c>
      <c r="B7405" s="109" t="s">
        <v>20561</v>
      </c>
      <c r="C7405" s="93" t="s">
        <v>17970</v>
      </c>
      <c r="D7405" s="93" t="s">
        <v>17971</v>
      </c>
      <c r="E7405" s="93" t="s">
        <v>174</v>
      </c>
      <c r="F7405" s="93">
        <v>1841</v>
      </c>
      <c r="G7405" s="93" t="s">
        <v>1</v>
      </c>
      <c r="H7405" s="111">
        <v>0</v>
      </c>
      <c r="I7405" s="111">
        <v>0</v>
      </c>
      <c r="J7405" s="111">
        <v>1</v>
      </c>
      <c r="K7405" s="111">
        <v>1</v>
      </c>
      <c r="L7405" s="111">
        <v>0</v>
      </c>
      <c r="M7405" s="111">
        <v>1</v>
      </c>
      <c r="N7405" s="111">
        <v>1</v>
      </c>
      <c r="O7405" s="111">
        <v>0</v>
      </c>
      <c r="P7405" s="111">
        <v>0</v>
      </c>
      <c r="Q7405" s="111">
        <v>0</v>
      </c>
      <c r="R7405" s="111">
        <v>0</v>
      </c>
      <c r="S7405" s="111">
        <v>0</v>
      </c>
      <c r="T7405" s="111">
        <v>0</v>
      </c>
      <c r="U7405" s="145"/>
      <c r="V7405" s="145"/>
      <c r="W7405" s="145"/>
      <c r="X7405" s="145"/>
      <c r="Y7405" s="145"/>
      <c r="Z7405" s="145"/>
      <c r="AA7405" s="145"/>
      <c r="AB7405" s="145"/>
      <c r="AC7405" s="145"/>
      <c r="AD7405" s="145"/>
      <c r="AE7405" s="145"/>
      <c r="AF7405" s="145"/>
      <c r="AG7405" s="145"/>
      <c r="AH7405" s="145"/>
      <c r="AI7405" s="145"/>
      <c r="AJ7405" s="145"/>
      <c r="AK7405" s="145"/>
      <c r="AL7405" s="145"/>
      <c r="AM7405" s="145"/>
      <c r="AN7405" s="145"/>
      <c r="AO7405" s="145"/>
      <c r="AP7405" s="145"/>
      <c r="AQ7405" s="145"/>
      <c r="AR7405" s="145"/>
      <c r="AS7405" s="145"/>
      <c r="AT7405" s="111">
        <v>1</v>
      </c>
      <c r="AU7405" s="145"/>
      <c r="AV7405" s="145"/>
      <c r="AW7405" s="145"/>
      <c r="AX7405" s="146"/>
      <c r="AY7405" s="146"/>
      <c r="AZ7405" s="146"/>
      <c r="BA7405" s="146"/>
      <c r="BB7405" s="107">
        <v>45447</v>
      </c>
    </row>
    <row r="7406" spans="1:54" s="8" customFormat="1" ht="13.95" customHeight="1" x14ac:dyDescent="0.25">
      <c r="A7406" s="14" t="s">
        <v>17972</v>
      </c>
      <c r="B7406" s="109" t="s">
        <v>20561</v>
      </c>
      <c r="C7406" s="93" t="s">
        <v>17973</v>
      </c>
      <c r="D7406" s="93" t="s">
        <v>17974</v>
      </c>
      <c r="E7406" s="93" t="s">
        <v>174</v>
      </c>
      <c r="F7406" s="93">
        <v>1842</v>
      </c>
      <c r="G7406" s="93" t="s">
        <v>1</v>
      </c>
      <c r="H7406" s="111">
        <v>0</v>
      </c>
      <c r="I7406" s="111">
        <v>0</v>
      </c>
      <c r="J7406" s="111">
        <v>1</v>
      </c>
      <c r="K7406" s="111">
        <v>0</v>
      </c>
      <c r="L7406" s="111">
        <v>1</v>
      </c>
      <c r="M7406" s="111">
        <v>0</v>
      </c>
      <c r="N7406" s="111">
        <v>0</v>
      </c>
      <c r="O7406" s="111">
        <v>1</v>
      </c>
      <c r="P7406" s="111">
        <v>1</v>
      </c>
      <c r="Q7406" s="111">
        <v>1</v>
      </c>
      <c r="R7406" s="111">
        <v>1</v>
      </c>
      <c r="S7406" s="111">
        <v>0</v>
      </c>
      <c r="T7406" s="111">
        <v>0</v>
      </c>
      <c r="U7406" s="145"/>
      <c r="V7406" s="145"/>
      <c r="W7406" s="145"/>
      <c r="X7406" s="145"/>
      <c r="Y7406" s="145"/>
      <c r="Z7406" s="145"/>
      <c r="AA7406" s="111">
        <v>1</v>
      </c>
      <c r="AB7406" s="145"/>
      <c r="AC7406" s="145"/>
      <c r="AD7406" s="145"/>
      <c r="AE7406" s="145"/>
      <c r="AF7406" s="145"/>
      <c r="AG7406" s="145"/>
      <c r="AH7406" s="145"/>
      <c r="AI7406" s="145"/>
      <c r="AJ7406" s="145"/>
      <c r="AK7406" s="145"/>
      <c r="AL7406" s="145"/>
      <c r="AM7406" s="145"/>
      <c r="AN7406" s="145"/>
      <c r="AO7406" s="145"/>
      <c r="AP7406" s="145"/>
      <c r="AQ7406" s="145"/>
      <c r="AR7406" s="145"/>
      <c r="AS7406" s="145"/>
      <c r="AT7406" s="111">
        <v>1</v>
      </c>
      <c r="AU7406" s="145"/>
      <c r="AV7406" s="145"/>
      <c r="AW7406" s="145"/>
      <c r="AX7406" s="146"/>
      <c r="AY7406" s="146"/>
      <c r="AZ7406" s="146"/>
      <c r="BA7406" s="146"/>
      <c r="BB7406" s="107">
        <v>45447</v>
      </c>
    </row>
    <row r="7407" spans="1:54" s="8" customFormat="1" ht="13.95" customHeight="1" x14ac:dyDescent="0.25">
      <c r="A7407" s="14" t="s">
        <v>17975</v>
      </c>
      <c r="B7407" s="109" t="s">
        <v>20561</v>
      </c>
      <c r="C7407" s="93" t="s">
        <v>17976</v>
      </c>
      <c r="D7407" s="93" t="s">
        <v>17977</v>
      </c>
      <c r="E7407" s="93" t="s">
        <v>174</v>
      </c>
      <c r="F7407" s="93">
        <v>1851</v>
      </c>
      <c r="G7407" s="93" t="s">
        <v>8</v>
      </c>
      <c r="H7407" s="111">
        <v>0</v>
      </c>
      <c r="I7407" s="111">
        <v>0</v>
      </c>
      <c r="J7407" s="111">
        <v>0</v>
      </c>
      <c r="K7407" s="111">
        <v>0</v>
      </c>
      <c r="L7407" s="111">
        <v>0</v>
      </c>
      <c r="M7407" s="111">
        <v>0</v>
      </c>
      <c r="N7407" s="111">
        <v>0</v>
      </c>
      <c r="O7407" s="111">
        <v>0</v>
      </c>
      <c r="P7407" s="111">
        <v>0</v>
      </c>
      <c r="Q7407" s="111">
        <v>0</v>
      </c>
      <c r="R7407" s="111">
        <v>0</v>
      </c>
      <c r="S7407" s="111">
        <v>0</v>
      </c>
      <c r="T7407" s="111">
        <v>0</v>
      </c>
      <c r="U7407" s="111">
        <v>0</v>
      </c>
      <c r="V7407" s="111">
        <v>0</v>
      </c>
      <c r="W7407" s="111">
        <v>0</v>
      </c>
      <c r="X7407" s="111">
        <v>0</v>
      </c>
      <c r="Y7407" s="111">
        <v>0</v>
      </c>
      <c r="Z7407" s="111">
        <v>0</v>
      </c>
      <c r="AA7407" s="111">
        <v>0</v>
      </c>
      <c r="AB7407" s="111">
        <v>0</v>
      </c>
      <c r="AC7407" s="111">
        <v>0</v>
      </c>
      <c r="AD7407" s="111">
        <v>0</v>
      </c>
      <c r="AE7407" s="111">
        <v>0</v>
      </c>
      <c r="AF7407" s="111">
        <v>0</v>
      </c>
      <c r="AG7407" s="111">
        <v>0</v>
      </c>
      <c r="AH7407" s="111">
        <v>0</v>
      </c>
      <c r="AI7407" s="111">
        <v>0</v>
      </c>
      <c r="AJ7407" s="111">
        <v>0</v>
      </c>
      <c r="AK7407" s="111">
        <v>0</v>
      </c>
      <c r="AL7407" s="111">
        <v>0</v>
      </c>
      <c r="AM7407" s="111">
        <v>0</v>
      </c>
      <c r="AN7407" s="111">
        <v>0</v>
      </c>
      <c r="AO7407" s="111">
        <v>0</v>
      </c>
      <c r="AP7407" s="111">
        <v>0</v>
      </c>
      <c r="AQ7407" s="111">
        <v>0</v>
      </c>
      <c r="AR7407" s="111">
        <v>0</v>
      </c>
      <c r="AS7407" s="111">
        <v>0</v>
      </c>
      <c r="AT7407" s="111" t="s">
        <v>174</v>
      </c>
      <c r="AU7407" s="111">
        <v>0</v>
      </c>
      <c r="AV7407" s="111">
        <v>0</v>
      </c>
      <c r="AW7407" s="111">
        <v>0</v>
      </c>
      <c r="AX7407" s="112" t="s">
        <v>17900</v>
      </c>
      <c r="AY7407" s="112"/>
      <c r="AZ7407" s="112"/>
      <c r="BA7407" s="112"/>
      <c r="BB7407" s="107">
        <v>45447</v>
      </c>
    </row>
    <row r="7408" spans="1:54" s="8" customFormat="1" ht="13.95" customHeight="1" x14ac:dyDescent="0.25">
      <c r="A7408" s="14" t="s">
        <v>17978</v>
      </c>
      <c r="B7408" s="109" t="s">
        <v>20561</v>
      </c>
      <c r="C7408" s="93" t="s">
        <v>17979</v>
      </c>
      <c r="D7408" s="93" t="s">
        <v>17980</v>
      </c>
      <c r="E7408" s="93" t="s">
        <v>174</v>
      </c>
      <c r="F7408" s="93">
        <v>1936</v>
      </c>
      <c r="G7408" s="93" t="s">
        <v>1</v>
      </c>
      <c r="H7408" s="111">
        <v>0</v>
      </c>
      <c r="I7408" s="111">
        <v>0</v>
      </c>
      <c r="J7408" s="111">
        <v>1</v>
      </c>
      <c r="K7408" s="111">
        <v>1</v>
      </c>
      <c r="L7408" s="111">
        <v>1</v>
      </c>
      <c r="M7408" s="111">
        <v>1</v>
      </c>
      <c r="N7408" s="111">
        <v>1</v>
      </c>
      <c r="O7408" s="111">
        <v>1</v>
      </c>
      <c r="P7408" s="111">
        <v>1</v>
      </c>
      <c r="Q7408" s="111">
        <v>0</v>
      </c>
      <c r="R7408" s="111">
        <v>1</v>
      </c>
      <c r="S7408" s="111">
        <v>0</v>
      </c>
      <c r="T7408" s="111">
        <v>0</v>
      </c>
      <c r="U7408" s="145"/>
      <c r="V7408" s="145"/>
      <c r="W7408" s="145"/>
      <c r="X7408" s="145"/>
      <c r="Y7408" s="145"/>
      <c r="Z7408" s="145"/>
      <c r="AA7408" s="145"/>
      <c r="AB7408" s="145"/>
      <c r="AC7408" s="145"/>
      <c r="AD7408" s="145"/>
      <c r="AE7408" s="145"/>
      <c r="AF7408" s="145"/>
      <c r="AG7408" s="145"/>
      <c r="AH7408" s="145"/>
      <c r="AI7408" s="145"/>
      <c r="AJ7408" s="145"/>
      <c r="AK7408" s="145"/>
      <c r="AL7408" s="145"/>
      <c r="AM7408" s="145"/>
      <c r="AN7408" s="145"/>
      <c r="AO7408" s="145"/>
      <c r="AP7408" s="145"/>
      <c r="AQ7408" s="145"/>
      <c r="AR7408" s="145"/>
      <c r="AS7408" s="145"/>
      <c r="AT7408" s="111">
        <v>1</v>
      </c>
      <c r="AU7408" s="145"/>
      <c r="AV7408" s="145"/>
      <c r="AW7408" s="145"/>
      <c r="AX7408" s="146"/>
      <c r="AY7408" s="146"/>
      <c r="AZ7408" s="146"/>
      <c r="BA7408" s="146"/>
      <c r="BB7408" s="107">
        <v>45447</v>
      </c>
    </row>
    <row r="7409" spans="1:54" s="8" customFormat="1" ht="13.95" customHeight="1" x14ac:dyDescent="0.25">
      <c r="A7409" s="14" t="s">
        <v>17981</v>
      </c>
      <c r="B7409" s="109" t="s">
        <v>20561</v>
      </c>
      <c r="C7409" s="93" t="s">
        <v>17982</v>
      </c>
      <c r="D7409" s="93" t="s">
        <v>20332</v>
      </c>
      <c r="E7409" s="93" t="s">
        <v>174</v>
      </c>
      <c r="F7409" s="93">
        <v>1943</v>
      </c>
      <c r="G7409" s="93" t="s">
        <v>1</v>
      </c>
      <c r="H7409" s="111">
        <v>0</v>
      </c>
      <c r="I7409" s="111">
        <v>0</v>
      </c>
      <c r="J7409" s="111">
        <v>1</v>
      </c>
      <c r="K7409" s="111">
        <v>1</v>
      </c>
      <c r="L7409" s="111">
        <v>1</v>
      </c>
      <c r="M7409" s="111">
        <v>1</v>
      </c>
      <c r="N7409" s="111">
        <v>0</v>
      </c>
      <c r="O7409" s="111">
        <v>1</v>
      </c>
      <c r="P7409" s="111">
        <v>0</v>
      </c>
      <c r="Q7409" s="111">
        <v>0</v>
      </c>
      <c r="R7409" s="111">
        <v>1</v>
      </c>
      <c r="S7409" s="111">
        <v>1</v>
      </c>
      <c r="T7409" s="111">
        <v>0</v>
      </c>
      <c r="U7409" s="145"/>
      <c r="V7409" s="145"/>
      <c r="W7409" s="145"/>
      <c r="X7409" s="145"/>
      <c r="Y7409" s="145"/>
      <c r="Z7409" s="145"/>
      <c r="AA7409" s="145"/>
      <c r="AB7409" s="145"/>
      <c r="AC7409" s="145"/>
      <c r="AD7409" s="145"/>
      <c r="AE7409" s="145"/>
      <c r="AF7409" s="145"/>
      <c r="AG7409" s="145"/>
      <c r="AH7409" s="145"/>
      <c r="AI7409" s="145"/>
      <c r="AJ7409" s="145"/>
      <c r="AK7409" s="145"/>
      <c r="AL7409" s="145"/>
      <c r="AM7409" s="145"/>
      <c r="AN7409" s="145"/>
      <c r="AO7409" s="145"/>
      <c r="AP7409" s="145"/>
      <c r="AQ7409" s="145"/>
      <c r="AR7409" s="145"/>
      <c r="AS7409" s="145"/>
      <c r="AT7409" s="111">
        <v>1</v>
      </c>
      <c r="AU7409" s="145"/>
      <c r="AV7409" s="145"/>
      <c r="AW7409" s="145"/>
      <c r="AX7409" s="146"/>
      <c r="AY7409" s="146"/>
      <c r="AZ7409" s="146"/>
      <c r="BA7409" s="146"/>
      <c r="BB7409" s="107">
        <v>45447</v>
      </c>
    </row>
    <row r="7410" spans="1:54" s="8" customFormat="1" ht="13.95" customHeight="1" x14ac:dyDescent="0.25">
      <c r="A7410" s="14" t="s">
        <v>17983</v>
      </c>
      <c r="B7410" s="109" t="s">
        <v>20561</v>
      </c>
      <c r="C7410" s="93" t="s">
        <v>17984</v>
      </c>
      <c r="D7410" s="93" t="s">
        <v>17985</v>
      </c>
      <c r="E7410" s="93" t="s">
        <v>174</v>
      </c>
      <c r="F7410" s="93">
        <v>1947</v>
      </c>
      <c r="G7410" s="93" t="s">
        <v>1</v>
      </c>
      <c r="H7410" s="111">
        <v>0</v>
      </c>
      <c r="I7410" s="111">
        <v>0</v>
      </c>
      <c r="J7410" s="111">
        <v>1</v>
      </c>
      <c r="K7410" s="111">
        <v>1</v>
      </c>
      <c r="L7410" s="111">
        <v>1</v>
      </c>
      <c r="M7410" s="111">
        <v>1</v>
      </c>
      <c r="N7410" s="111">
        <v>1</v>
      </c>
      <c r="O7410" s="111">
        <v>0</v>
      </c>
      <c r="P7410" s="111">
        <v>0</v>
      </c>
      <c r="Q7410" s="111">
        <v>0</v>
      </c>
      <c r="R7410" s="111">
        <v>0</v>
      </c>
      <c r="S7410" s="111">
        <v>0</v>
      </c>
      <c r="T7410" s="111">
        <v>0</v>
      </c>
      <c r="U7410" s="145"/>
      <c r="V7410" s="145"/>
      <c r="W7410" s="145"/>
      <c r="X7410" s="145"/>
      <c r="Y7410" s="145"/>
      <c r="Z7410" s="145"/>
      <c r="AA7410" s="145"/>
      <c r="AB7410" s="145"/>
      <c r="AC7410" s="145"/>
      <c r="AD7410" s="145"/>
      <c r="AE7410" s="145"/>
      <c r="AF7410" s="145"/>
      <c r="AG7410" s="145"/>
      <c r="AH7410" s="145"/>
      <c r="AI7410" s="145"/>
      <c r="AJ7410" s="145"/>
      <c r="AK7410" s="145"/>
      <c r="AL7410" s="145"/>
      <c r="AM7410" s="145"/>
      <c r="AN7410" s="145"/>
      <c r="AO7410" s="145"/>
      <c r="AP7410" s="145"/>
      <c r="AQ7410" s="145"/>
      <c r="AR7410" s="145"/>
      <c r="AS7410" s="145"/>
      <c r="AT7410" s="111">
        <v>1</v>
      </c>
      <c r="AU7410" s="145"/>
      <c r="AV7410" s="145"/>
      <c r="AW7410" s="145"/>
      <c r="AX7410" s="146"/>
      <c r="AY7410" s="146"/>
      <c r="AZ7410" s="146"/>
      <c r="BA7410" s="146"/>
      <c r="BB7410" s="107">
        <v>45447</v>
      </c>
    </row>
    <row r="7411" spans="1:54" s="8" customFormat="1" ht="13.95" customHeight="1" x14ac:dyDescent="0.25">
      <c r="A7411" s="14" t="s">
        <v>17986</v>
      </c>
      <c r="B7411" s="109" t="s">
        <v>20561</v>
      </c>
      <c r="C7411" s="93" t="s">
        <v>17987</v>
      </c>
      <c r="D7411" s="93" t="s">
        <v>17988</v>
      </c>
      <c r="E7411" s="93" t="s">
        <v>174</v>
      </c>
      <c r="F7411" s="93">
        <v>2050</v>
      </c>
      <c r="G7411" s="93" t="s">
        <v>8</v>
      </c>
      <c r="H7411" s="111">
        <v>0</v>
      </c>
      <c r="I7411" s="111">
        <v>0</v>
      </c>
      <c r="J7411" s="111">
        <v>0</v>
      </c>
      <c r="K7411" s="111">
        <v>0</v>
      </c>
      <c r="L7411" s="111">
        <v>0</v>
      </c>
      <c r="M7411" s="111">
        <v>0</v>
      </c>
      <c r="N7411" s="111">
        <v>0</v>
      </c>
      <c r="O7411" s="111">
        <v>0</v>
      </c>
      <c r="P7411" s="111">
        <v>0</v>
      </c>
      <c r="Q7411" s="111">
        <v>0</v>
      </c>
      <c r="R7411" s="111">
        <v>0</v>
      </c>
      <c r="S7411" s="111">
        <v>0</v>
      </c>
      <c r="T7411" s="111">
        <v>0</v>
      </c>
      <c r="U7411" s="111">
        <v>0</v>
      </c>
      <c r="V7411" s="111">
        <v>0</v>
      </c>
      <c r="W7411" s="111">
        <v>0</v>
      </c>
      <c r="X7411" s="111">
        <v>0</v>
      </c>
      <c r="Y7411" s="111">
        <v>0</v>
      </c>
      <c r="Z7411" s="111">
        <v>0</v>
      </c>
      <c r="AA7411" s="111">
        <v>0</v>
      </c>
      <c r="AB7411" s="111">
        <v>0</v>
      </c>
      <c r="AC7411" s="111">
        <v>0</v>
      </c>
      <c r="AD7411" s="111">
        <v>0</v>
      </c>
      <c r="AE7411" s="111">
        <v>0</v>
      </c>
      <c r="AF7411" s="111">
        <v>0</v>
      </c>
      <c r="AG7411" s="111">
        <v>0</v>
      </c>
      <c r="AH7411" s="111">
        <v>0</v>
      </c>
      <c r="AI7411" s="111">
        <v>0</v>
      </c>
      <c r="AJ7411" s="111">
        <v>0</v>
      </c>
      <c r="AK7411" s="111">
        <v>0</v>
      </c>
      <c r="AL7411" s="111">
        <v>0</v>
      </c>
      <c r="AM7411" s="111">
        <v>0</v>
      </c>
      <c r="AN7411" s="111">
        <v>0</v>
      </c>
      <c r="AO7411" s="111">
        <v>0</v>
      </c>
      <c r="AP7411" s="111">
        <v>0</v>
      </c>
      <c r="AQ7411" s="111">
        <v>0</v>
      </c>
      <c r="AR7411" s="111">
        <v>0</v>
      </c>
      <c r="AS7411" s="111">
        <v>0</v>
      </c>
      <c r="AT7411" s="111" t="s">
        <v>174</v>
      </c>
      <c r="AU7411" s="111">
        <v>0</v>
      </c>
      <c r="AV7411" s="111">
        <v>0</v>
      </c>
      <c r="AW7411" s="111">
        <v>0</v>
      </c>
      <c r="AX7411" s="112" t="s">
        <v>17900</v>
      </c>
      <c r="AY7411" s="112"/>
      <c r="AZ7411" s="112"/>
      <c r="BA7411" s="112"/>
      <c r="BB7411" s="107">
        <v>45447</v>
      </c>
    </row>
    <row r="7412" spans="1:54" s="8" customFormat="1" ht="13.95" customHeight="1" x14ac:dyDescent="0.25">
      <c r="A7412" s="14" t="s">
        <v>17989</v>
      </c>
      <c r="B7412" s="109" t="s">
        <v>20561</v>
      </c>
      <c r="C7412" s="93" t="s">
        <v>17990</v>
      </c>
      <c r="D7412" s="93" t="s">
        <v>17991</v>
      </c>
      <c r="E7412" s="93" t="s">
        <v>174</v>
      </c>
      <c r="F7412" s="93">
        <v>2096</v>
      </c>
      <c r="G7412" s="93" t="s">
        <v>5</v>
      </c>
      <c r="H7412" s="111">
        <v>0</v>
      </c>
      <c r="I7412" s="111">
        <v>0</v>
      </c>
      <c r="J7412" s="111">
        <v>0</v>
      </c>
      <c r="K7412" s="111">
        <v>0</v>
      </c>
      <c r="L7412" s="111">
        <v>0</v>
      </c>
      <c r="M7412" s="111">
        <v>0</v>
      </c>
      <c r="N7412" s="111">
        <v>0</v>
      </c>
      <c r="O7412" s="111">
        <v>0</v>
      </c>
      <c r="P7412" s="111">
        <v>0</v>
      </c>
      <c r="Q7412" s="111">
        <v>0</v>
      </c>
      <c r="R7412" s="111">
        <v>0</v>
      </c>
      <c r="S7412" s="111">
        <v>0</v>
      </c>
      <c r="T7412" s="111">
        <v>0</v>
      </c>
      <c r="U7412" s="145"/>
      <c r="V7412" s="145"/>
      <c r="W7412" s="145"/>
      <c r="X7412" s="145"/>
      <c r="Y7412" s="145"/>
      <c r="Z7412" s="145"/>
      <c r="AA7412" s="145"/>
      <c r="AB7412" s="145"/>
      <c r="AC7412" s="145"/>
      <c r="AD7412" s="145"/>
      <c r="AE7412" s="145"/>
      <c r="AF7412" s="145"/>
      <c r="AG7412" s="145"/>
      <c r="AH7412" s="145"/>
      <c r="AI7412" s="145"/>
      <c r="AJ7412" s="145"/>
      <c r="AK7412" s="145"/>
      <c r="AL7412" s="145"/>
      <c r="AM7412" s="145"/>
      <c r="AN7412" s="145"/>
      <c r="AO7412" s="145"/>
      <c r="AP7412" s="145"/>
      <c r="AQ7412" s="145"/>
      <c r="AR7412" s="145"/>
      <c r="AS7412" s="145"/>
      <c r="AT7412" s="145"/>
      <c r="AU7412" s="145"/>
      <c r="AV7412" s="145"/>
      <c r="AW7412" s="145"/>
      <c r="AX7412" s="146"/>
      <c r="AY7412" s="146"/>
      <c r="AZ7412" s="146"/>
      <c r="BA7412" s="146"/>
      <c r="BB7412" s="107">
        <v>45447</v>
      </c>
    </row>
    <row r="7413" spans="1:54" s="8" customFormat="1" ht="13.95" customHeight="1" x14ac:dyDescent="0.25">
      <c r="A7413" s="14" t="s">
        <v>17992</v>
      </c>
      <c r="B7413" s="109" t="s">
        <v>20561</v>
      </c>
      <c r="C7413" s="93" t="s">
        <v>17993</v>
      </c>
      <c r="D7413" s="93" t="s">
        <v>17994</v>
      </c>
      <c r="E7413" s="93" t="s">
        <v>174</v>
      </c>
      <c r="F7413" s="93">
        <v>2183</v>
      </c>
      <c r="G7413" s="93" t="s">
        <v>8</v>
      </c>
      <c r="H7413" s="111">
        <v>0</v>
      </c>
      <c r="I7413" s="111">
        <v>0</v>
      </c>
      <c r="J7413" s="111">
        <v>0</v>
      </c>
      <c r="K7413" s="111">
        <v>0</v>
      </c>
      <c r="L7413" s="111">
        <v>0</v>
      </c>
      <c r="M7413" s="111">
        <v>0</v>
      </c>
      <c r="N7413" s="111">
        <v>0</v>
      </c>
      <c r="O7413" s="111">
        <v>0</v>
      </c>
      <c r="P7413" s="111">
        <v>0</v>
      </c>
      <c r="Q7413" s="111">
        <v>0</v>
      </c>
      <c r="R7413" s="111">
        <v>0</v>
      </c>
      <c r="S7413" s="111">
        <v>0</v>
      </c>
      <c r="T7413" s="111">
        <v>0</v>
      </c>
      <c r="U7413" s="111">
        <v>0</v>
      </c>
      <c r="V7413" s="111">
        <v>0</v>
      </c>
      <c r="W7413" s="111">
        <v>0</v>
      </c>
      <c r="X7413" s="111">
        <v>0</v>
      </c>
      <c r="Y7413" s="111">
        <v>0</v>
      </c>
      <c r="Z7413" s="111">
        <v>0</v>
      </c>
      <c r="AA7413" s="111">
        <v>0</v>
      </c>
      <c r="AB7413" s="111">
        <v>0</v>
      </c>
      <c r="AC7413" s="111">
        <v>0</v>
      </c>
      <c r="AD7413" s="111">
        <v>0</v>
      </c>
      <c r="AE7413" s="111">
        <v>0</v>
      </c>
      <c r="AF7413" s="111">
        <v>0</v>
      </c>
      <c r="AG7413" s="111">
        <v>0</v>
      </c>
      <c r="AH7413" s="111">
        <v>0</v>
      </c>
      <c r="AI7413" s="111">
        <v>0</v>
      </c>
      <c r="AJ7413" s="111">
        <v>0</v>
      </c>
      <c r="AK7413" s="111">
        <v>0</v>
      </c>
      <c r="AL7413" s="111">
        <v>0</v>
      </c>
      <c r="AM7413" s="111">
        <v>0</v>
      </c>
      <c r="AN7413" s="111">
        <v>0</v>
      </c>
      <c r="AO7413" s="111">
        <v>0</v>
      </c>
      <c r="AP7413" s="111">
        <v>0</v>
      </c>
      <c r="AQ7413" s="111">
        <v>0</v>
      </c>
      <c r="AR7413" s="111">
        <v>0</v>
      </c>
      <c r="AS7413" s="111">
        <v>0</v>
      </c>
      <c r="AT7413" s="111" t="s">
        <v>174</v>
      </c>
      <c r="AU7413" s="111">
        <v>0</v>
      </c>
      <c r="AV7413" s="111">
        <v>0</v>
      </c>
      <c r="AW7413" s="111">
        <v>0</v>
      </c>
      <c r="AX7413" s="112" t="s">
        <v>17900</v>
      </c>
      <c r="AY7413" s="112"/>
      <c r="AZ7413" s="112"/>
      <c r="BA7413" s="112"/>
      <c r="BB7413" s="107">
        <v>45447</v>
      </c>
    </row>
    <row r="7414" spans="1:54" s="8" customFormat="1" ht="13.95" customHeight="1" x14ac:dyDescent="0.25">
      <c r="A7414" s="14" t="s">
        <v>17995</v>
      </c>
      <c r="B7414" s="109" t="s">
        <v>20561</v>
      </c>
      <c r="C7414" s="93" t="s">
        <v>17996</v>
      </c>
      <c r="D7414" s="93" t="s">
        <v>17997</v>
      </c>
      <c r="E7414" s="93" t="s">
        <v>174</v>
      </c>
      <c r="F7414" s="93">
        <v>2204</v>
      </c>
      <c r="G7414" s="93" t="s">
        <v>1</v>
      </c>
      <c r="H7414" s="111">
        <v>0</v>
      </c>
      <c r="I7414" s="111">
        <v>0</v>
      </c>
      <c r="J7414" s="111">
        <v>1</v>
      </c>
      <c r="K7414" s="111">
        <v>1</v>
      </c>
      <c r="L7414" s="111">
        <v>1</v>
      </c>
      <c r="M7414" s="111">
        <v>0</v>
      </c>
      <c r="N7414" s="111">
        <v>1</v>
      </c>
      <c r="O7414" s="111">
        <v>1</v>
      </c>
      <c r="P7414" s="111">
        <v>1</v>
      </c>
      <c r="Q7414" s="111">
        <v>1</v>
      </c>
      <c r="R7414" s="111">
        <v>1</v>
      </c>
      <c r="S7414" s="111">
        <v>0</v>
      </c>
      <c r="T7414" s="111">
        <v>0</v>
      </c>
      <c r="U7414" s="145"/>
      <c r="V7414" s="145"/>
      <c r="W7414" s="145"/>
      <c r="X7414" s="145"/>
      <c r="Y7414" s="145"/>
      <c r="Z7414" s="145"/>
      <c r="AA7414" s="145"/>
      <c r="AB7414" s="145"/>
      <c r="AC7414" s="145"/>
      <c r="AD7414" s="145"/>
      <c r="AE7414" s="145"/>
      <c r="AF7414" s="145"/>
      <c r="AG7414" s="145"/>
      <c r="AH7414" s="145"/>
      <c r="AI7414" s="145"/>
      <c r="AJ7414" s="145"/>
      <c r="AK7414" s="145"/>
      <c r="AL7414" s="145"/>
      <c r="AM7414" s="145"/>
      <c r="AN7414" s="145"/>
      <c r="AO7414" s="145"/>
      <c r="AP7414" s="145"/>
      <c r="AQ7414" s="145"/>
      <c r="AR7414" s="145"/>
      <c r="AS7414" s="145"/>
      <c r="AT7414" s="111">
        <v>1</v>
      </c>
      <c r="AU7414" s="145"/>
      <c r="AV7414" s="145"/>
      <c r="AW7414" s="145"/>
      <c r="AX7414" s="146"/>
      <c r="AY7414" s="146"/>
      <c r="AZ7414" s="146"/>
      <c r="BA7414" s="146"/>
      <c r="BB7414" s="107">
        <v>45447</v>
      </c>
    </row>
    <row r="7415" spans="1:54" s="8" customFormat="1" ht="13.95" customHeight="1" x14ac:dyDescent="0.25">
      <c r="A7415" s="14" t="s">
        <v>17998</v>
      </c>
      <c r="B7415" s="109" t="s">
        <v>20561</v>
      </c>
      <c r="C7415" s="93" t="s">
        <v>21898</v>
      </c>
      <c r="D7415" s="93" t="s">
        <v>17999</v>
      </c>
      <c r="E7415" s="93" t="s">
        <v>174</v>
      </c>
      <c r="F7415" s="93">
        <v>2328</v>
      </c>
      <c r="G7415" s="93" t="s">
        <v>1</v>
      </c>
      <c r="H7415" s="111">
        <v>0</v>
      </c>
      <c r="I7415" s="111">
        <v>0</v>
      </c>
      <c r="J7415" s="111">
        <v>1</v>
      </c>
      <c r="K7415" s="111">
        <v>0</v>
      </c>
      <c r="L7415" s="111">
        <v>0</v>
      </c>
      <c r="M7415" s="111">
        <v>1</v>
      </c>
      <c r="N7415" s="111">
        <v>0</v>
      </c>
      <c r="O7415" s="111">
        <v>1</v>
      </c>
      <c r="P7415" s="111">
        <v>0</v>
      </c>
      <c r="Q7415" s="111">
        <v>0</v>
      </c>
      <c r="R7415" s="111">
        <v>0</v>
      </c>
      <c r="S7415" s="111">
        <v>0</v>
      </c>
      <c r="T7415" s="111">
        <v>0</v>
      </c>
      <c r="U7415" s="145"/>
      <c r="V7415" s="145"/>
      <c r="W7415" s="145"/>
      <c r="X7415" s="145"/>
      <c r="Y7415" s="145"/>
      <c r="Z7415" s="145"/>
      <c r="AA7415" s="145"/>
      <c r="AB7415" s="145"/>
      <c r="AC7415" s="145"/>
      <c r="AD7415" s="145"/>
      <c r="AE7415" s="145"/>
      <c r="AF7415" s="145"/>
      <c r="AG7415" s="145"/>
      <c r="AH7415" s="145"/>
      <c r="AI7415" s="145"/>
      <c r="AJ7415" s="145"/>
      <c r="AK7415" s="145"/>
      <c r="AL7415" s="145"/>
      <c r="AM7415" s="145"/>
      <c r="AN7415" s="145"/>
      <c r="AO7415" s="145"/>
      <c r="AP7415" s="145"/>
      <c r="AQ7415" s="145"/>
      <c r="AR7415" s="145"/>
      <c r="AS7415" s="145"/>
      <c r="AT7415" s="145"/>
      <c r="AU7415" s="145"/>
      <c r="AV7415" s="145"/>
      <c r="AW7415" s="145"/>
      <c r="AX7415" s="146"/>
      <c r="AY7415" s="146"/>
      <c r="AZ7415" s="146"/>
      <c r="BA7415" s="146"/>
      <c r="BB7415" s="107">
        <v>45447</v>
      </c>
    </row>
    <row r="7416" spans="1:54" s="8" customFormat="1" ht="13.95" customHeight="1" x14ac:dyDescent="0.25">
      <c r="A7416" s="14" t="s">
        <v>18000</v>
      </c>
      <c r="B7416" s="109" t="s">
        <v>20561</v>
      </c>
      <c r="C7416" s="93" t="s">
        <v>18001</v>
      </c>
      <c r="D7416" s="93" t="s">
        <v>18002</v>
      </c>
      <c r="E7416" s="93" t="s">
        <v>174</v>
      </c>
      <c r="F7416" s="93">
        <v>2340</v>
      </c>
      <c r="G7416" s="93" t="s">
        <v>1</v>
      </c>
      <c r="H7416" s="111">
        <v>0</v>
      </c>
      <c r="I7416" s="111">
        <v>0</v>
      </c>
      <c r="J7416" s="111">
        <v>1</v>
      </c>
      <c r="K7416" s="111">
        <v>1</v>
      </c>
      <c r="L7416" s="111">
        <v>1</v>
      </c>
      <c r="M7416" s="111">
        <v>1</v>
      </c>
      <c r="N7416" s="111">
        <v>0</v>
      </c>
      <c r="O7416" s="111">
        <v>0</v>
      </c>
      <c r="P7416" s="111">
        <v>0</v>
      </c>
      <c r="Q7416" s="111">
        <v>0</v>
      </c>
      <c r="R7416" s="111">
        <v>0</v>
      </c>
      <c r="S7416" s="111">
        <v>1</v>
      </c>
      <c r="T7416" s="111">
        <v>0</v>
      </c>
      <c r="U7416" s="145"/>
      <c r="V7416" s="145"/>
      <c r="W7416" s="145"/>
      <c r="X7416" s="145"/>
      <c r="Y7416" s="145"/>
      <c r="Z7416" s="145"/>
      <c r="AA7416" s="145"/>
      <c r="AB7416" s="145"/>
      <c r="AC7416" s="145"/>
      <c r="AD7416" s="145"/>
      <c r="AE7416" s="145"/>
      <c r="AF7416" s="145"/>
      <c r="AG7416" s="145"/>
      <c r="AH7416" s="145"/>
      <c r="AI7416" s="145"/>
      <c r="AJ7416" s="145"/>
      <c r="AK7416" s="145"/>
      <c r="AL7416" s="145"/>
      <c r="AM7416" s="145"/>
      <c r="AN7416" s="145"/>
      <c r="AO7416" s="145"/>
      <c r="AP7416" s="145"/>
      <c r="AQ7416" s="145"/>
      <c r="AR7416" s="145"/>
      <c r="AS7416" s="145"/>
      <c r="AT7416" s="111">
        <v>1</v>
      </c>
      <c r="AU7416" s="145"/>
      <c r="AV7416" s="145"/>
      <c r="AW7416" s="145"/>
      <c r="AX7416" s="146"/>
      <c r="AY7416" s="146"/>
      <c r="AZ7416" s="146"/>
      <c r="BA7416" s="146"/>
      <c r="BB7416" s="107">
        <v>45447</v>
      </c>
    </row>
    <row r="7417" spans="1:54" s="8" customFormat="1" ht="13.95" customHeight="1" x14ac:dyDescent="0.25">
      <c r="A7417" s="14" t="s">
        <v>18003</v>
      </c>
      <c r="B7417" s="109" t="s">
        <v>20561</v>
      </c>
      <c r="C7417" s="93" t="s">
        <v>18004</v>
      </c>
      <c r="D7417" s="93" t="s">
        <v>18005</v>
      </c>
      <c r="E7417" s="93" t="s">
        <v>174</v>
      </c>
      <c r="F7417" s="93">
        <v>2391</v>
      </c>
      <c r="G7417" s="93" t="s">
        <v>1</v>
      </c>
      <c r="H7417" s="111">
        <v>0</v>
      </c>
      <c r="I7417" s="111">
        <v>0</v>
      </c>
      <c r="J7417" s="111">
        <v>1</v>
      </c>
      <c r="K7417" s="111">
        <v>0</v>
      </c>
      <c r="L7417" s="111">
        <v>0</v>
      </c>
      <c r="M7417" s="111">
        <v>0</v>
      </c>
      <c r="N7417" s="111">
        <v>0</v>
      </c>
      <c r="O7417" s="111">
        <v>0</v>
      </c>
      <c r="P7417" s="111">
        <v>0</v>
      </c>
      <c r="Q7417" s="111">
        <v>0</v>
      </c>
      <c r="R7417" s="111">
        <v>0</v>
      </c>
      <c r="S7417" s="111">
        <v>0</v>
      </c>
      <c r="T7417" s="111">
        <v>0</v>
      </c>
      <c r="U7417" s="145"/>
      <c r="V7417" s="145"/>
      <c r="W7417" s="145"/>
      <c r="X7417" s="145"/>
      <c r="Y7417" s="145"/>
      <c r="Z7417" s="145"/>
      <c r="AA7417" s="145"/>
      <c r="AB7417" s="145"/>
      <c r="AC7417" s="145"/>
      <c r="AD7417" s="145"/>
      <c r="AE7417" s="145"/>
      <c r="AF7417" s="145"/>
      <c r="AG7417" s="145"/>
      <c r="AH7417" s="145"/>
      <c r="AI7417" s="145"/>
      <c r="AJ7417" s="145"/>
      <c r="AK7417" s="145"/>
      <c r="AL7417" s="145"/>
      <c r="AM7417" s="145"/>
      <c r="AN7417" s="145"/>
      <c r="AO7417" s="145"/>
      <c r="AP7417" s="145"/>
      <c r="AQ7417" s="145"/>
      <c r="AR7417" s="145"/>
      <c r="AS7417" s="145"/>
      <c r="AT7417" s="145"/>
      <c r="AU7417" s="145"/>
      <c r="AV7417" s="145"/>
      <c r="AW7417" s="145"/>
      <c r="AX7417" s="146"/>
      <c r="AY7417" s="146"/>
      <c r="AZ7417" s="146"/>
      <c r="BA7417" s="146"/>
      <c r="BB7417" s="107">
        <v>45447</v>
      </c>
    </row>
    <row r="7418" spans="1:54" s="8" customFormat="1" ht="13.95" customHeight="1" x14ac:dyDescent="0.25">
      <c r="A7418" s="14" t="s">
        <v>18006</v>
      </c>
      <c r="B7418" s="109" t="s">
        <v>20561</v>
      </c>
      <c r="C7418" s="93" t="s">
        <v>18007</v>
      </c>
      <c r="D7418" s="93" t="s">
        <v>18008</v>
      </c>
      <c r="E7418" s="93" t="s">
        <v>174</v>
      </c>
      <c r="F7418" s="93">
        <v>2653</v>
      </c>
      <c r="G7418" s="93" t="s">
        <v>1</v>
      </c>
      <c r="H7418" s="111">
        <v>0</v>
      </c>
      <c r="I7418" s="111">
        <v>0</v>
      </c>
      <c r="J7418" s="111">
        <v>1</v>
      </c>
      <c r="K7418" s="111">
        <v>0</v>
      </c>
      <c r="L7418" s="111">
        <v>1</v>
      </c>
      <c r="M7418" s="111">
        <v>0</v>
      </c>
      <c r="N7418" s="111">
        <v>0</v>
      </c>
      <c r="O7418" s="111">
        <v>1</v>
      </c>
      <c r="P7418" s="111">
        <v>1</v>
      </c>
      <c r="Q7418" s="111">
        <v>0</v>
      </c>
      <c r="R7418" s="111">
        <v>1</v>
      </c>
      <c r="S7418" s="111">
        <v>0</v>
      </c>
      <c r="T7418" s="111">
        <v>0</v>
      </c>
      <c r="U7418" s="145"/>
      <c r="V7418" s="145"/>
      <c r="W7418" s="145"/>
      <c r="X7418" s="145"/>
      <c r="Y7418" s="145"/>
      <c r="Z7418" s="145"/>
      <c r="AA7418" s="145"/>
      <c r="AB7418" s="145"/>
      <c r="AC7418" s="145"/>
      <c r="AD7418" s="145"/>
      <c r="AE7418" s="145"/>
      <c r="AF7418" s="145"/>
      <c r="AG7418" s="145"/>
      <c r="AH7418" s="145"/>
      <c r="AI7418" s="145"/>
      <c r="AJ7418" s="145"/>
      <c r="AK7418" s="145"/>
      <c r="AL7418" s="145"/>
      <c r="AM7418" s="145"/>
      <c r="AN7418" s="145"/>
      <c r="AO7418" s="145"/>
      <c r="AP7418" s="145"/>
      <c r="AQ7418" s="145"/>
      <c r="AR7418" s="145"/>
      <c r="AS7418" s="145"/>
      <c r="AT7418" s="111">
        <v>1</v>
      </c>
      <c r="AU7418" s="145"/>
      <c r="AV7418" s="145"/>
      <c r="AW7418" s="145"/>
      <c r="AX7418" s="146"/>
      <c r="AY7418" s="146"/>
      <c r="AZ7418" s="146"/>
      <c r="BA7418" s="146"/>
      <c r="BB7418" s="107">
        <v>45447</v>
      </c>
    </row>
    <row r="7419" spans="1:54" s="8" customFormat="1" ht="13.95" customHeight="1" x14ac:dyDescent="0.25">
      <c r="A7419" s="14" t="s">
        <v>18009</v>
      </c>
      <c r="B7419" s="109" t="s">
        <v>20561</v>
      </c>
      <c r="C7419" s="93" t="s">
        <v>18010</v>
      </c>
      <c r="D7419" s="93" t="s">
        <v>18011</v>
      </c>
      <c r="E7419" s="93" t="s">
        <v>174</v>
      </c>
      <c r="F7419" s="93">
        <v>2703</v>
      </c>
      <c r="G7419" s="93" t="s">
        <v>1</v>
      </c>
      <c r="H7419" s="111">
        <v>0</v>
      </c>
      <c r="I7419" s="111">
        <v>0</v>
      </c>
      <c r="J7419" s="111">
        <v>1</v>
      </c>
      <c r="K7419" s="111">
        <v>0</v>
      </c>
      <c r="L7419" s="111">
        <v>1</v>
      </c>
      <c r="M7419" s="111">
        <v>0</v>
      </c>
      <c r="N7419" s="111">
        <v>1</v>
      </c>
      <c r="O7419" s="111">
        <v>1</v>
      </c>
      <c r="P7419" s="111">
        <v>1</v>
      </c>
      <c r="Q7419" s="111">
        <v>0</v>
      </c>
      <c r="R7419" s="111">
        <v>1</v>
      </c>
      <c r="S7419" s="111">
        <v>0</v>
      </c>
      <c r="T7419" s="111">
        <v>0</v>
      </c>
      <c r="U7419" s="145"/>
      <c r="V7419" s="145"/>
      <c r="W7419" s="145"/>
      <c r="X7419" s="145"/>
      <c r="Y7419" s="145"/>
      <c r="Z7419" s="145"/>
      <c r="AA7419" s="145"/>
      <c r="AB7419" s="145"/>
      <c r="AC7419" s="145"/>
      <c r="AD7419" s="145"/>
      <c r="AE7419" s="145"/>
      <c r="AF7419" s="145"/>
      <c r="AG7419" s="145"/>
      <c r="AH7419" s="145"/>
      <c r="AI7419" s="145"/>
      <c r="AJ7419" s="145"/>
      <c r="AK7419" s="145"/>
      <c r="AL7419" s="145"/>
      <c r="AM7419" s="145"/>
      <c r="AN7419" s="145"/>
      <c r="AO7419" s="145"/>
      <c r="AP7419" s="145"/>
      <c r="AQ7419" s="145"/>
      <c r="AR7419" s="145"/>
      <c r="AS7419" s="145"/>
      <c r="AT7419" s="111">
        <v>1</v>
      </c>
      <c r="AU7419" s="145"/>
      <c r="AV7419" s="145"/>
      <c r="AW7419" s="145"/>
      <c r="AX7419" s="146"/>
      <c r="AY7419" s="146"/>
      <c r="AZ7419" s="146"/>
      <c r="BA7419" s="112" t="s">
        <v>9820</v>
      </c>
      <c r="BB7419" s="107">
        <v>45447</v>
      </c>
    </row>
    <row r="7420" spans="1:54" s="8" customFormat="1" ht="13.95" customHeight="1" x14ac:dyDescent="0.25">
      <c r="A7420" s="14" t="s">
        <v>18012</v>
      </c>
      <c r="B7420" s="109" t="s">
        <v>20561</v>
      </c>
      <c r="C7420" s="93" t="s">
        <v>18013</v>
      </c>
      <c r="D7420" s="93" t="s">
        <v>18014</v>
      </c>
      <c r="E7420" s="93" t="s">
        <v>174</v>
      </c>
      <c r="F7420" s="93">
        <v>2972</v>
      </c>
      <c r="G7420" s="93" t="s">
        <v>1</v>
      </c>
      <c r="H7420" s="111">
        <v>0</v>
      </c>
      <c r="I7420" s="111">
        <v>0</v>
      </c>
      <c r="J7420" s="111">
        <v>1</v>
      </c>
      <c r="K7420" s="111">
        <v>0</v>
      </c>
      <c r="L7420" s="111">
        <v>1</v>
      </c>
      <c r="M7420" s="111">
        <v>1</v>
      </c>
      <c r="N7420" s="111">
        <v>0</v>
      </c>
      <c r="O7420" s="111">
        <v>1</v>
      </c>
      <c r="P7420" s="111">
        <v>0</v>
      </c>
      <c r="Q7420" s="111">
        <v>0</v>
      </c>
      <c r="R7420" s="111">
        <v>1</v>
      </c>
      <c r="S7420" s="111">
        <v>0</v>
      </c>
      <c r="T7420" s="111">
        <v>0</v>
      </c>
      <c r="U7420" s="145"/>
      <c r="V7420" s="145"/>
      <c r="W7420" s="145"/>
      <c r="X7420" s="145"/>
      <c r="Y7420" s="145"/>
      <c r="Z7420" s="145"/>
      <c r="AA7420" s="111">
        <v>1</v>
      </c>
      <c r="AB7420" s="145"/>
      <c r="AC7420" s="145"/>
      <c r="AD7420" s="145"/>
      <c r="AE7420" s="145"/>
      <c r="AF7420" s="145"/>
      <c r="AG7420" s="145"/>
      <c r="AH7420" s="145"/>
      <c r="AI7420" s="145"/>
      <c r="AJ7420" s="145"/>
      <c r="AK7420" s="145"/>
      <c r="AL7420" s="145"/>
      <c r="AM7420" s="145"/>
      <c r="AN7420" s="145"/>
      <c r="AO7420" s="145"/>
      <c r="AP7420" s="145"/>
      <c r="AQ7420" s="145"/>
      <c r="AR7420" s="145"/>
      <c r="AS7420" s="145"/>
      <c r="AT7420" s="111">
        <v>1</v>
      </c>
      <c r="AU7420" s="145"/>
      <c r="AV7420" s="145"/>
      <c r="AW7420" s="145"/>
      <c r="AX7420" s="146"/>
      <c r="AY7420" s="146"/>
      <c r="AZ7420" s="146"/>
      <c r="BA7420" s="146"/>
      <c r="BB7420" s="107">
        <v>45447</v>
      </c>
    </row>
    <row r="7421" spans="1:54" s="8" customFormat="1" ht="13.95" customHeight="1" x14ac:dyDescent="0.25">
      <c r="A7421" s="14" t="s">
        <v>18015</v>
      </c>
      <c r="B7421" s="109" t="s">
        <v>20561</v>
      </c>
      <c r="C7421" s="93" t="s">
        <v>18016</v>
      </c>
      <c r="D7421" s="93" t="s">
        <v>18017</v>
      </c>
      <c r="E7421" s="93" t="s">
        <v>174</v>
      </c>
      <c r="F7421" s="93">
        <v>2983</v>
      </c>
      <c r="G7421" s="93" t="s">
        <v>1</v>
      </c>
      <c r="H7421" s="111">
        <v>0</v>
      </c>
      <c r="I7421" s="111">
        <v>0</v>
      </c>
      <c r="J7421" s="111">
        <v>1</v>
      </c>
      <c r="K7421" s="111">
        <v>0</v>
      </c>
      <c r="L7421" s="111">
        <v>1</v>
      </c>
      <c r="M7421" s="111">
        <v>1</v>
      </c>
      <c r="N7421" s="111">
        <v>0</v>
      </c>
      <c r="O7421" s="111">
        <v>1</v>
      </c>
      <c r="P7421" s="111">
        <v>0</v>
      </c>
      <c r="Q7421" s="111">
        <v>0</v>
      </c>
      <c r="R7421" s="111">
        <v>0</v>
      </c>
      <c r="S7421" s="111">
        <v>0</v>
      </c>
      <c r="T7421" s="111">
        <v>0</v>
      </c>
      <c r="U7421" s="145"/>
      <c r="V7421" s="145"/>
      <c r="W7421" s="145"/>
      <c r="X7421" s="145"/>
      <c r="Y7421" s="145"/>
      <c r="Z7421" s="145"/>
      <c r="AA7421" s="145"/>
      <c r="AB7421" s="145"/>
      <c r="AC7421" s="145"/>
      <c r="AD7421" s="145"/>
      <c r="AE7421" s="145"/>
      <c r="AF7421" s="145"/>
      <c r="AG7421" s="145"/>
      <c r="AH7421" s="145"/>
      <c r="AI7421" s="145"/>
      <c r="AJ7421" s="145"/>
      <c r="AK7421" s="145"/>
      <c r="AL7421" s="145"/>
      <c r="AM7421" s="145"/>
      <c r="AN7421" s="145"/>
      <c r="AO7421" s="145"/>
      <c r="AP7421" s="145"/>
      <c r="AQ7421" s="145"/>
      <c r="AR7421" s="145"/>
      <c r="AS7421" s="145"/>
      <c r="AT7421" s="111">
        <v>1</v>
      </c>
      <c r="AU7421" s="145"/>
      <c r="AV7421" s="145"/>
      <c r="AW7421" s="145"/>
      <c r="AX7421" s="146"/>
      <c r="AY7421" s="146"/>
      <c r="AZ7421" s="146"/>
      <c r="BA7421" s="146"/>
      <c r="BB7421" s="107">
        <v>45447</v>
      </c>
    </row>
    <row r="7422" spans="1:54" s="8" customFormat="1" ht="13.95" customHeight="1" x14ac:dyDescent="0.25">
      <c r="A7422" s="14" t="s">
        <v>18018</v>
      </c>
      <c r="B7422" s="109" t="s">
        <v>20561</v>
      </c>
      <c r="C7422" s="93" t="s">
        <v>18019</v>
      </c>
      <c r="D7422" s="93" t="s">
        <v>18020</v>
      </c>
      <c r="E7422" s="93" t="s">
        <v>174</v>
      </c>
      <c r="F7422" s="93">
        <v>3036</v>
      </c>
      <c r="G7422" s="93" t="s">
        <v>10</v>
      </c>
      <c r="H7422" s="111">
        <v>0</v>
      </c>
      <c r="I7422" s="111">
        <v>0</v>
      </c>
      <c r="J7422" s="111">
        <v>0</v>
      </c>
      <c r="K7422" s="111">
        <v>0</v>
      </c>
      <c r="L7422" s="111">
        <v>0</v>
      </c>
      <c r="M7422" s="111">
        <v>0</v>
      </c>
      <c r="N7422" s="111">
        <v>0</v>
      </c>
      <c r="O7422" s="111">
        <v>0</v>
      </c>
      <c r="P7422" s="111">
        <v>0</v>
      </c>
      <c r="Q7422" s="111">
        <v>0</v>
      </c>
      <c r="R7422" s="111">
        <v>0</v>
      </c>
      <c r="S7422" s="111">
        <v>0</v>
      </c>
      <c r="T7422" s="111">
        <v>0</v>
      </c>
      <c r="U7422" s="111">
        <v>0</v>
      </c>
      <c r="V7422" s="111">
        <v>0</v>
      </c>
      <c r="W7422" s="111">
        <v>0</v>
      </c>
      <c r="X7422" s="111">
        <v>0</v>
      </c>
      <c r="Y7422" s="111">
        <v>0</v>
      </c>
      <c r="Z7422" s="111">
        <v>0</v>
      </c>
      <c r="AA7422" s="111">
        <v>0</v>
      </c>
      <c r="AB7422" s="111">
        <v>0</v>
      </c>
      <c r="AC7422" s="111">
        <v>0</v>
      </c>
      <c r="AD7422" s="111">
        <v>0</v>
      </c>
      <c r="AE7422" s="111">
        <v>0</v>
      </c>
      <c r="AF7422" s="111">
        <v>0</v>
      </c>
      <c r="AG7422" s="111">
        <v>0</v>
      </c>
      <c r="AH7422" s="111">
        <v>0</v>
      </c>
      <c r="AI7422" s="111">
        <v>0</v>
      </c>
      <c r="AJ7422" s="111">
        <v>0</v>
      </c>
      <c r="AK7422" s="111">
        <v>0</v>
      </c>
      <c r="AL7422" s="111">
        <v>0</v>
      </c>
      <c r="AM7422" s="111">
        <v>0</v>
      </c>
      <c r="AN7422" s="111">
        <v>0</v>
      </c>
      <c r="AO7422" s="111">
        <v>0</v>
      </c>
      <c r="AP7422" s="111">
        <v>0</v>
      </c>
      <c r="AQ7422" s="111">
        <v>0</v>
      </c>
      <c r="AR7422" s="111">
        <v>0</v>
      </c>
      <c r="AS7422" s="111">
        <v>0</v>
      </c>
      <c r="AT7422" s="111">
        <v>1</v>
      </c>
      <c r="AU7422" s="111">
        <v>0</v>
      </c>
      <c r="AV7422" s="111">
        <v>0</v>
      </c>
      <c r="AW7422" s="111">
        <v>0</v>
      </c>
      <c r="AX7422" s="112"/>
      <c r="AY7422" s="112"/>
      <c r="AZ7422" s="112"/>
      <c r="BA7422" s="112"/>
      <c r="BB7422" s="107">
        <v>45447</v>
      </c>
    </row>
    <row r="7423" spans="1:54" s="8" customFormat="1" ht="13.95" customHeight="1" x14ac:dyDescent="0.25">
      <c r="A7423" s="14" t="s">
        <v>18021</v>
      </c>
      <c r="B7423" s="109" t="s">
        <v>20561</v>
      </c>
      <c r="C7423" s="93" t="s">
        <v>18022</v>
      </c>
      <c r="D7423" s="93" t="s">
        <v>18023</v>
      </c>
      <c r="E7423" s="93" t="s">
        <v>174</v>
      </c>
      <c r="F7423" s="93">
        <v>3199</v>
      </c>
      <c r="G7423" s="93" t="s">
        <v>1</v>
      </c>
      <c r="H7423" s="111">
        <v>0</v>
      </c>
      <c r="I7423" s="111">
        <v>0</v>
      </c>
      <c r="J7423" s="111">
        <v>1</v>
      </c>
      <c r="K7423" s="111">
        <v>0</v>
      </c>
      <c r="L7423" s="111">
        <v>1</v>
      </c>
      <c r="M7423" s="111">
        <v>0</v>
      </c>
      <c r="N7423" s="111">
        <v>1</v>
      </c>
      <c r="O7423" s="111">
        <v>1</v>
      </c>
      <c r="P7423" s="111">
        <v>1</v>
      </c>
      <c r="Q7423" s="111">
        <v>0</v>
      </c>
      <c r="R7423" s="111">
        <v>1</v>
      </c>
      <c r="S7423" s="111">
        <v>0</v>
      </c>
      <c r="T7423" s="111">
        <v>0</v>
      </c>
      <c r="U7423" s="145"/>
      <c r="V7423" s="145"/>
      <c r="W7423" s="145"/>
      <c r="X7423" s="145"/>
      <c r="Y7423" s="145"/>
      <c r="Z7423" s="145"/>
      <c r="AA7423" s="145"/>
      <c r="AB7423" s="145"/>
      <c r="AC7423" s="145"/>
      <c r="AD7423" s="145"/>
      <c r="AE7423" s="145"/>
      <c r="AF7423" s="145"/>
      <c r="AG7423" s="145"/>
      <c r="AH7423" s="145"/>
      <c r="AI7423" s="145"/>
      <c r="AJ7423" s="145"/>
      <c r="AK7423" s="145"/>
      <c r="AL7423" s="145"/>
      <c r="AM7423" s="145"/>
      <c r="AN7423" s="145"/>
      <c r="AO7423" s="145"/>
      <c r="AP7423" s="145"/>
      <c r="AQ7423" s="145"/>
      <c r="AR7423" s="145"/>
      <c r="AS7423" s="145"/>
      <c r="AT7423" s="111">
        <v>1</v>
      </c>
      <c r="AU7423" s="145"/>
      <c r="AV7423" s="145"/>
      <c r="AW7423" s="145"/>
      <c r="AX7423" s="146"/>
      <c r="AY7423" s="146"/>
      <c r="AZ7423" s="146"/>
      <c r="BA7423" s="146"/>
      <c r="BB7423" s="107">
        <v>45447</v>
      </c>
    </row>
    <row r="7424" spans="1:54" s="8" customFormat="1" ht="13.95" customHeight="1" x14ac:dyDescent="0.25">
      <c r="A7424" s="14" t="s">
        <v>18024</v>
      </c>
      <c r="B7424" s="109" t="s">
        <v>20561</v>
      </c>
      <c r="C7424" s="93" t="s">
        <v>18025</v>
      </c>
      <c r="D7424" s="93" t="s">
        <v>18026</v>
      </c>
      <c r="E7424" s="93" t="s">
        <v>174</v>
      </c>
      <c r="F7424" s="93">
        <v>3425</v>
      </c>
      <c r="G7424" s="93" t="s">
        <v>1</v>
      </c>
      <c r="H7424" s="111">
        <v>0</v>
      </c>
      <c r="I7424" s="111">
        <v>0</v>
      </c>
      <c r="J7424" s="111">
        <v>1</v>
      </c>
      <c r="K7424" s="111">
        <v>0</v>
      </c>
      <c r="L7424" s="111">
        <v>0</v>
      </c>
      <c r="M7424" s="111">
        <v>1</v>
      </c>
      <c r="N7424" s="111">
        <v>0</v>
      </c>
      <c r="O7424" s="111">
        <v>1</v>
      </c>
      <c r="P7424" s="111">
        <v>1</v>
      </c>
      <c r="Q7424" s="111">
        <v>0</v>
      </c>
      <c r="R7424" s="111">
        <v>1</v>
      </c>
      <c r="S7424" s="111">
        <v>0</v>
      </c>
      <c r="T7424" s="111">
        <v>0</v>
      </c>
      <c r="U7424" s="145"/>
      <c r="V7424" s="145"/>
      <c r="W7424" s="145"/>
      <c r="X7424" s="145"/>
      <c r="Y7424" s="145"/>
      <c r="Z7424" s="145"/>
      <c r="AA7424" s="145"/>
      <c r="AB7424" s="145"/>
      <c r="AC7424" s="145"/>
      <c r="AD7424" s="145"/>
      <c r="AE7424" s="145"/>
      <c r="AF7424" s="145"/>
      <c r="AG7424" s="145"/>
      <c r="AH7424" s="145"/>
      <c r="AI7424" s="145"/>
      <c r="AJ7424" s="145"/>
      <c r="AK7424" s="145"/>
      <c r="AL7424" s="145"/>
      <c r="AM7424" s="145"/>
      <c r="AN7424" s="145"/>
      <c r="AO7424" s="145"/>
      <c r="AP7424" s="145"/>
      <c r="AQ7424" s="145"/>
      <c r="AR7424" s="145"/>
      <c r="AS7424" s="145"/>
      <c r="AT7424" s="111">
        <v>1</v>
      </c>
      <c r="AU7424" s="145"/>
      <c r="AV7424" s="145"/>
      <c r="AW7424" s="145"/>
      <c r="AX7424" s="146"/>
      <c r="AY7424" s="146"/>
      <c r="AZ7424" s="146"/>
      <c r="BA7424" s="112" t="s">
        <v>21899</v>
      </c>
      <c r="BB7424" s="107">
        <v>45447</v>
      </c>
    </row>
    <row r="7425" spans="1:54" s="8" customFormat="1" ht="13.95" customHeight="1" x14ac:dyDescent="0.25">
      <c r="A7425" s="14" t="s">
        <v>18027</v>
      </c>
      <c r="B7425" s="109" t="s">
        <v>20561</v>
      </c>
      <c r="C7425" s="93" t="s">
        <v>18028</v>
      </c>
      <c r="D7425" s="93" t="s">
        <v>18029</v>
      </c>
      <c r="E7425" s="93" t="s">
        <v>174</v>
      </c>
      <c r="F7425" s="93">
        <v>3588</v>
      </c>
      <c r="G7425" s="93" t="s">
        <v>1</v>
      </c>
      <c r="H7425" s="111">
        <v>0</v>
      </c>
      <c r="I7425" s="111">
        <v>0</v>
      </c>
      <c r="J7425" s="111">
        <v>1</v>
      </c>
      <c r="K7425" s="111">
        <v>0</v>
      </c>
      <c r="L7425" s="111">
        <v>1</v>
      </c>
      <c r="M7425" s="111">
        <v>0</v>
      </c>
      <c r="N7425" s="111">
        <v>1</v>
      </c>
      <c r="O7425" s="111">
        <v>1</v>
      </c>
      <c r="P7425" s="111">
        <v>1</v>
      </c>
      <c r="Q7425" s="111">
        <v>0</v>
      </c>
      <c r="R7425" s="111">
        <v>0</v>
      </c>
      <c r="S7425" s="111">
        <v>0</v>
      </c>
      <c r="T7425" s="111">
        <v>0</v>
      </c>
      <c r="U7425" s="145"/>
      <c r="V7425" s="145"/>
      <c r="W7425" s="145"/>
      <c r="X7425" s="145"/>
      <c r="Y7425" s="145"/>
      <c r="Z7425" s="145"/>
      <c r="AA7425" s="145"/>
      <c r="AB7425" s="145"/>
      <c r="AC7425" s="145"/>
      <c r="AD7425" s="145"/>
      <c r="AE7425" s="145"/>
      <c r="AF7425" s="145"/>
      <c r="AG7425" s="145"/>
      <c r="AH7425" s="145"/>
      <c r="AI7425" s="145"/>
      <c r="AJ7425" s="145"/>
      <c r="AK7425" s="145"/>
      <c r="AL7425" s="145"/>
      <c r="AM7425" s="145"/>
      <c r="AN7425" s="145"/>
      <c r="AO7425" s="145"/>
      <c r="AP7425" s="145"/>
      <c r="AQ7425" s="145"/>
      <c r="AR7425" s="145"/>
      <c r="AS7425" s="145"/>
      <c r="AT7425" s="111">
        <v>1</v>
      </c>
      <c r="AU7425" s="145"/>
      <c r="AV7425" s="145"/>
      <c r="AW7425" s="145"/>
      <c r="AX7425" s="146"/>
      <c r="AY7425" s="146"/>
      <c r="AZ7425" s="146"/>
      <c r="BA7425" s="146"/>
      <c r="BB7425" s="107">
        <v>45447</v>
      </c>
    </row>
    <row r="7426" spans="1:54" s="8" customFormat="1" ht="13.95" customHeight="1" x14ac:dyDescent="0.25">
      <c r="A7426" s="14" t="s">
        <v>18030</v>
      </c>
      <c r="B7426" s="109" t="s">
        <v>20561</v>
      </c>
      <c r="C7426" s="93" t="s">
        <v>18031</v>
      </c>
      <c r="D7426" s="93" t="s">
        <v>18032</v>
      </c>
      <c r="E7426" s="93" t="s">
        <v>174</v>
      </c>
      <c r="F7426" s="93">
        <v>3725</v>
      </c>
      <c r="G7426" s="93" t="s">
        <v>1</v>
      </c>
      <c r="H7426" s="111">
        <v>0</v>
      </c>
      <c r="I7426" s="111">
        <v>0</v>
      </c>
      <c r="J7426" s="111">
        <v>1</v>
      </c>
      <c r="K7426" s="111">
        <v>0</v>
      </c>
      <c r="L7426" s="111">
        <v>0</v>
      </c>
      <c r="M7426" s="111">
        <v>0</v>
      </c>
      <c r="N7426" s="111">
        <v>0</v>
      </c>
      <c r="O7426" s="111">
        <v>0</v>
      </c>
      <c r="P7426" s="111">
        <v>0</v>
      </c>
      <c r="Q7426" s="111">
        <v>0</v>
      </c>
      <c r="R7426" s="111">
        <v>0</v>
      </c>
      <c r="S7426" s="111">
        <v>0</v>
      </c>
      <c r="T7426" s="111">
        <v>0</v>
      </c>
      <c r="U7426" s="145"/>
      <c r="V7426" s="145"/>
      <c r="W7426" s="145"/>
      <c r="X7426" s="145"/>
      <c r="Y7426" s="145"/>
      <c r="Z7426" s="145"/>
      <c r="AA7426" s="145"/>
      <c r="AB7426" s="145"/>
      <c r="AC7426" s="145"/>
      <c r="AD7426" s="145"/>
      <c r="AE7426" s="145"/>
      <c r="AF7426" s="145"/>
      <c r="AG7426" s="145"/>
      <c r="AH7426" s="145"/>
      <c r="AI7426" s="145"/>
      <c r="AJ7426" s="145"/>
      <c r="AK7426" s="145"/>
      <c r="AL7426" s="145"/>
      <c r="AM7426" s="145"/>
      <c r="AN7426" s="145"/>
      <c r="AO7426" s="145"/>
      <c r="AP7426" s="145"/>
      <c r="AQ7426" s="145"/>
      <c r="AR7426" s="145"/>
      <c r="AS7426" s="145"/>
      <c r="AT7426" s="111">
        <v>1</v>
      </c>
      <c r="AU7426" s="145"/>
      <c r="AV7426" s="145"/>
      <c r="AW7426" s="145"/>
      <c r="AX7426" s="146"/>
      <c r="AY7426" s="146"/>
      <c r="AZ7426" s="146"/>
      <c r="BA7426" s="146"/>
      <c r="BB7426" s="107">
        <v>45447</v>
      </c>
    </row>
    <row r="7427" spans="1:54" s="8" customFormat="1" ht="13.95" customHeight="1" x14ac:dyDescent="0.25">
      <c r="A7427" s="14" t="s">
        <v>18033</v>
      </c>
      <c r="B7427" s="109" t="s">
        <v>20561</v>
      </c>
      <c r="C7427" s="93" t="s">
        <v>18034</v>
      </c>
      <c r="D7427" s="93" t="s">
        <v>18035</v>
      </c>
      <c r="E7427" s="93" t="s">
        <v>174</v>
      </c>
      <c r="F7427" s="93">
        <v>3785</v>
      </c>
      <c r="G7427" s="93" t="s">
        <v>1</v>
      </c>
      <c r="H7427" s="111">
        <v>0</v>
      </c>
      <c r="I7427" s="111">
        <v>0</v>
      </c>
      <c r="J7427" s="111">
        <v>1</v>
      </c>
      <c r="K7427" s="111">
        <v>1</v>
      </c>
      <c r="L7427" s="111">
        <v>0</v>
      </c>
      <c r="M7427" s="111">
        <v>1</v>
      </c>
      <c r="N7427" s="111">
        <v>0</v>
      </c>
      <c r="O7427" s="111">
        <v>0</v>
      </c>
      <c r="P7427" s="111">
        <v>1</v>
      </c>
      <c r="Q7427" s="111">
        <v>0</v>
      </c>
      <c r="R7427" s="111">
        <v>0</v>
      </c>
      <c r="S7427" s="111">
        <v>0</v>
      </c>
      <c r="T7427" s="111">
        <v>0</v>
      </c>
      <c r="U7427" s="145"/>
      <c r="V7427" s="145"/>
      <c r="W7427" s="145"/>
      <c r="X7427" s="145"/>
      <c r="Y7427" s="145"/>
      <c r="Z7427" s="145"/>
      <c r="AA7427" s="145"/>
      <c r="AB7427" s="145"/>
      <c r="AC7427" s="145"/>
      <c r="AD7427" s="145"/>
      <c r="AE7427" s="145"/>
      <c r="AF7427" s="145"/>
      <c r="AG7427" s="145"/>
      <c r="AH7427" s="145"/>
      <c r="AI7427" s="145"/>
      <c r="AJ7427" s="145"/>
      <c r="AK7427" s="145"/>
      <c r="AL7427" s="145"/>
      <c r="AM7427" s="145"/>
      <c r="AN7427" s="145"/>
      <c r="AO7427" s="145"/>
      <c r="AP7427" s="145"/>
      <c r="AQ7427" s="145"/>
      <c r="AR7427" s="145"/>
      <c r="AS7427" s="145"/>
      <c r="AT7427" s="145"/>
      <c r="AU7427" s="145"/>
      <c r="AV7427" s="145"/>
      <c r="AW7427" s="145"/>
      <c r="AX7427" s="146"/>
      <c r="AY7427" s="146"/>
      <c r="AZ7427" s="146"/>
      <c r="BA7427" s="146"/>
      <c r="BB7427" s="107">
        <v>45447</v>
      </c>
    </row>
    <row r="7428" spans="1:54" s="8" customFormat="1" ht="13.95" customHeight="1" x14ac:dyDescent="0.25">
      <c r="A7428" s="14" t="s">
        <v>18036</v>
      </c>
      <c r="B7428" s="109" t="s">
        <v>20561</v>
      </c>
      <c r="C7428" s="93" t="s">
        <v>18037</v>
      </c>
      <c r="D7428" s="93" t="s">
        <v>18038</v>
      </c>
      <c r="E7428" s="93" t="s">
        <v>174</v>
      </c>
      <c r="F7428" s="93">
        <v>4553</v>
      </c>
      <c r="G7428" s="93" t="s">
        <v>8</v>
      </c>
      <c r="H7428" s="111">
        <v>0</v>
      </c>
      <c r="I7428" s="111">
        <v>0</v>
      </c>
      <c r="J7428" s="111">
        <v>0</v>
      </c>
      <c r="K7428" s="111">
        <v>0</v>
      </c>
      <c r="L7428" s="111">
        <v>0</v>
      </c>
      <c r="M7428" s="111">
        <v>0</v>
      </c>
      <c r="N7428" s="111">
        <v>0</v>
      </c>
      <c r="O7428" s="111">
        <v>0</v>
      </c>
      <c r="P7428" s="111">
        <v>0</v>
      </c>
      <c r="Q7428" s="111">
        <v>0</v>
      </c>
      <c r="R7428" s="111">
        <v>0</v>
      </c>
      <c r="S7428" s="111">
        <v>0</v>
      </c>
      <c r="T7428" s="111">
        <v>0</v>
      </c>
      <c r="U7428" s="111">
        <v>0</v>
      </c>
      <c r="V7428" s="111">
        <v>0</v>
      </c>
      <c r="W7428" s="111">
        <v>0</v>
      </c>
      <c r="X7428" s="111">
        <v>0</v>
      </c>
      <c r="Y7428" s="111">
        <v>0</v>
      </c>
      <c r="Z7428" s="111">
        <v>0</v>
      </c>
      <c r="AA7428" s="111">
        <v>0</v>
      </c>
      <c r="AB7428" s="111">
        <v>0</v>
      </c>
      <c r="AC7428" s="111">
        <v>0</v>
      </c>
      <c r="AD7428" s="111">
        <v>0</v>
      </c>
      <c r="AE7428" s="111">
        <v>0</v>
      </c>
      <c r="AF7428" s="111">
        <v>0</v>
      </c>
      <c r="AG7428" s="111">
        <v>0</v>
      </c>
      <c r="AH7428" s="111">
        <v>0</v>
      </c>
      <c r="AI7428" s="111">
        <v>0</v>
      </c>
      <c r="AJ7428" s="111">
        <v>0</v>
      </c>
      <c r="AK7428" s="111">
        <v>0</v>
      </c>
      <c r="AL7428" s="111">
        <v>0</v>
      </c>
      <c r="AM7428" s="111">
        <v>0</v>
      </c>
      <c r="AN7428" s="111">
        <v>0</v>
      </c>
      <c r="AO7428" s="111">
        <v>0</v>
      </c>
      <c r="AP7428" s="111">
        <v>0</v>
      </c>
      <c r="AQ7428" s="111">
        <v>0</v>
      </c>
      <c r="AR7428" s="111">
        <v>0</v>
      </c>
      <c r="AS7428" s="111">
        <v>0</v>
      </c>
      <c r="AT7428" s="111" t="s">
        <v>174</v>
      </c>
      <c r="AU7428" s="111">
        <v>0</v>
      </c>
      <c r="AV7428" s="111">
        <v>0</v>
      </c>
      <c r="AW7428" s="111">
        <v>0</v>
      </c>
      <c r="AX7428" s="112"/>
      <c r="AY7428" s="112"/>
      <c r="AZ7428" s="112"/>
      <c r="BA7428" s="112"/>
      <c r="BB7428" s="107">
        <v>45447</v>
      </c>
    </row>
    <row r="7429" spans="1:54" s="8" customFormat="1" ht="13.95" customHeight="1" x14ac:dyDescent="0.25">
      <c r="A7429" s="14" t="s">
        <v>18039</v>
      </c>
      <c r="B7429" s="109" t="s">
        <v>20561</v>
      </c>
      <c r="C7429" s="93" t="s">
        <v>18040</v>
      </c>
      <c r="D7429" s="93" t="s">
        <v>18041</v>
      </c>
      <c r="E7429" s="93" t="s">
        <v>174</v>
      </c>
      <c r="F7429" s="93">
        <v>3930</v>
      </c>
      <c r="G7429" s="93" t="s">
        <v>1</v>
      </c>
      <c r="H7429" s="111">
        <v>0</v>
      </c>
      <c r="I7429" s="111">
        <v>0</v>
      </c>
      <c r="J7429" s="111">
        <v>1</v>
      </c>
      <c r="K7429" s="111">
        <v>0</v>
      </c>
      <c r="L7429" s="111">
        <v>0</v>
      </c>
      <c r="M7429" s="111">
        <v>1</v>
      </c>
      <c r="N7429" s="111">
        <v>0</v>
      </c>
      <c r="O7429" s="111">
        <v>0</v>
      </c>
      <c r="P7429" s="111">
        <v>0</v>
      </c>
      <c r="Q7429" s="111">
        <v>0</v>
      </c>
      <c r="R7429" s="111">
        <v>0</v>
      </c>
      <c r="S7429" s="111">
        <v>0</v>
      </c>
      <c r="T7429" s="111">
        <v>0</v>
      </c>
      <c r="U7429" s="145"/>
      <c r="V7429" s="145"/>
      <c r="W7429" s="145"/>
      <c r="X7429" s="145"/>
      <c r="Y7429" s="145"/>
      <c r="Z7429" s="145"/>
      <c r="AA7429" s="145"/>
      <c r="AB7429" s="145"/>
      <c r="AC7429" s="145"/>
      <c r="AD7429" s="145"/>
      <c r="AE7429" s="145"/>
      <c r="AF7429" s="145"/>
      <c r="AG7429" s="145"/>
      <c r="AH7429" s="145"/>
      <c r="AI7429" s="145"/>
      <c r="AJ7429" s="145"/>
      <c r="AK7429" s="145"/>
      <c r="AL7429" s="145"/>
      <c r="AM7429" s="145"/>
      <c r="AN7429" s="145"/>
      <c r="AO7429" s="145"/>
      <c r="AP7429" s="145"/>
      <c r="AQ7429" s="145"/>
      <c r="AR7429" s="145"/>
      <c r="AS7429" s="145"/>
      <c r="AT7429" s="145"/>
      <c r="AU7429" s="145"/>
      <c r="AV7429" s="145"/>
      <c r="AW7429" s="145"/>
      <c r="AX7429" s="146"/>
      <c r="AY7429" s="146"/>
      <c r="AZ7429" s="146"/>
      <c r="BA7429" s="146"/>
      <c r="BB7429" s="107">
        <v>45447</v>
      </c>
    </row>
    <row r="7430" spans="1:54" s="8" customFormat="1" ht="13.95" customHeight="1" x14ac:dyDescent="0.25">
      <c r="A7430" s="14" t="s">
        <v>18042</v>
      </c>
      <c r="B7430" s="109" t="s">
        <v>20561</v>
      </c>
      <c r="C7430" s="93" t="s">
        <v>18043</v>
      </c>
      <c r="D7430" s="93" t="s">
        <v>18044</v>
      </c>
      <c r="E7430" s="93" t="s">
        <v>174</v>
      </c>
      <c r="F7430" s="93">
        <v>3985</v>
      </c>
      <c r="G7430" s="93" t="s">
        <v>11</v>
      </c>
      <c r="H7430" s="111">
        <v>0</v>
      </c>
      <c r="I7430" s="111">
        <v>0</v>
      </c>
      <c r="J7430" s="111">
        <v>0</v>
      </c>
      <c r="K7430" s="111">
        <v>0</v>
      </c>
      <c r="L7430" s="111">
        <v>0</v>
      </c>
      <c r="M7430" s="111">
        <v>0</v>
      </c>
      <c r="N7430" s="111">
        <v>0</v>
      </c>
      <c r="O7430" s="111">
        <v>0</v>
      </c>
      <c r="P7430" s="111">
        <v>0</v>
      </c>
      <c r="Q7430" s="111">
        <v>0</v>
      </c>
      <c r="R7430" s="111">
        <v>0</v>
      </c>
      <c r="S7430" s="111">
        <v>0</v>
      </c>
      <c r="T7430" s="111">
        <v>0</v>
      </c>
      <c r="U7430" s="111">
        <v>0</v>
      </c>
      <c r="V7430" s="111">
        <v>0</v>
      </c>
      <c r="W7430" s="111">
        <v>0</v>
      </c>
      <c r="X7430" s="111">
        <v>0</v>
      </c>
      <c r="Y7430" s="111">
        <v>0</v>
      </c>
      <c r="Z7430" s="111">
        <v>0</v>
      </c>
      <c r="AA7430" s="111">
        <v>0</v>
      </c>
      <c r="AB7430" s="111">
        <v>0</v>
      </c>
      <c r="AC7430" s="111">
        <v>0</v>
      </c>
      <c r="AD7430" s="111">
        <v>0</v>
      </c>
      <c r="AE7430" s="111">
        <v>0</v>
      </c>
      <c r="AF7430" s="111">
        <v>0</v>
      </c>
      <c r="AG7430" s="111">
        <v>0</v>
      </c>
      <c r="AH7430" s="111">
        <v>0</v>
      </c>
      <c r="AI7430" s="111">
        <v>0</v>
      </c>
      <c r="AJ7430" s="111">
        <v>0</v>
      </c>
      <c r="AK7430" s="111">
        <v>0</v>
      </c>
      <c r="AL7430" s="111">
        <v>0</v>
      </c>
      <c r="AM7430" s="111">
        <v>0</v>
      </c>
      <c r="AN7430" s="111">
        <v>0</v>
      </c>
      <c r="AO7430" s="111">
        <v>0</v>
      </c>
      <c r="AP7430" s="111">
        <v>0</v>
      </c>
      <c r="AQ7430" s="111">
        <v>0</v>
      </c>
      <c r="AR7430" s="111">
        <v>0</v>
      </c>
      <c r="AS7430" s="111">
        <v>0</v>
      </c>
      <c r="AT7430" s="111" t="s">
        <v>174</v>
      </c>
      <c r="AU7430" s="111">
        <v>0</v>
      </c>
      <c r="AV7430" s="111">
        <v>0</v>
      </c>
      <c r="AW7430" s="111">
        <v>0</v>
      </c>
      <c r="AX7430" s="112" t="s">
        <v>17900</v>
      </c>
      <c r="AY7430" s="112"/>
      <c r="AZ7430" s="112"/>
      <c r="BA7430" s="112"/>
      <c r="BB7430" s="107">
        <v>45447</v>
      </c>
    </row>
    <row r="7431" spans="1:54" s="8" customFormat="1" ht="13.95" customHeight="1" x14ac:dyDescent="0.25">
      <c r="A7431" s="14" t="s">
        <v>18045</v>
      </c>
      <c r="B7431" s="109" t="s">
        <v>20561</v>
      </c>
      <c r="C7431" s="93" t="s">
        <v>18046</v>
      </c>
      <c r="D7431" s="93" t="s">
        <v>18047</v>
      </c>
      <c r="E7431" s="93" t="s">
        <v>174</v>
      </c>
      <c r="F7431" s="93">
        <v>4340</v>
      </c>
      <c r="G7431" s="93" t="s">
        <v>10</v>
      </c>
      <c r="H7431" s="111">
        <v>0</v>
      </c>
      <c r="I7431" s="111">
        <v>0</v>
      </c>
      <c r="J7431" s="111">
        <v>0</v>
      </c>
      <c r="K7431" s="111">
        <v>0</v>
      </c>
      <c r="L7431" s="111">
        <v>0</v>
      </c>
      <c r="M7431" s="111">
        <v>0</v>
      </c>
      <c r="N7431" s="111">
        <v>0</v>
      </c>
      <c r="O7431" s="111">
        <v>0</v>
      </c>
      <c r="P7431" s="111">
        <v>0</v>
      </c>
      <c r="Q7431" s="111">
        <v>0</v>
      </c>
      <c r="R7431" s="111">
        <v>0</v>
      </c>
      <c r="S7431" s="111">
        <v>0</v>
      </c>
      <c r="T7431" s="111">
        <v>0</v>
      </c>
      <c r="U7431" s="111">
        <v>0</v>
      </c>
      <c r="V7431" s="111">
        <v>0</v>
      </c>
      <c r="W7431" s="111">
        <v>0</v>
      </c>
      <c r="X7431" s="111">
        <v>0</v>
      </c>
      <c r="Y7431" s="111">
        <v>0</v>
      </c>
      <c r="Z7431" s="111">
        <v>0</v>
      </c>
      <c r="AA7431" s="111">
        <v>0</v>
      </c>
      <c r="AB7431" s="111">
        <v>0</v>
      </c>
      <c r="AC7431" s="111">
        <v>0</v>
      </c>
      <c r="AD7431" s="111">
        <v>0</v>
      </c>
      <c r="AE7431" s="111">
        <v>0</v>
      </c>
      <c r="AF7431" s="111">
        <v>0</v>
      </c>
      <c r="AG7431" s="111">
        <v>0</v>
      </c>
      <c r="AH7431" s="111">
        <v>0</v>
      </c>
      <c r="AI7431" s="111">
        <v>0</v>
      </c>
      <c r="AJ7431" s="111">
        <v>0</v>
      </c>
      <c r="AK7431" s="111">
        <v>0</v>
      </c>
      <c r="AL7431" s="111">
        <v>0</v>
      </c>
      <c r="AM7431" s="111">
        <v>0</v>
      </c>
      <c r="AN7431" s="111">
        <v>0</v>
      </c>
      <c r="AO7431" s="111">
        <v>0</v>
      </c>
      <c r="AP7431" s="111">
        <v>0</v>
      </c>
      <c r="AQ7431" s="111">
        <v>0</v>
      </c>
      <c r="AR7431" s="111">
        <v>0</v>
      </c>
      <c r="AS7431" s="111">
        <v>0</v>
      </c>
      <c r="AT7431" s="111">
        <v>1</v>
      </c>
      <c r="AU7431" s="111">
        <v>0</v>
      </c>
      <c r="AV7431" s="111">
        <v>0</v>
      </c>
      <c r="AW7431" s="111">
        <v>0</v>
      </c>
      <c r="AX7431" s="112"/>
      <c r="AY7431" s="112"/>
      <c r="AZ7431" s="112"/>
      <c r="BA7431" s="112"/>
      <c r="BB7431" s="107">
        <v>45447</v>
      </c>
    </row>
    <row r="7432" spans="1:54" s="8" customFormat="1" ht="13.95" customHeight="1" x14ac:dyDescent="0.25">
      <c r="A7432" s="14" t="s">
        <v>18048</v>
      </c>
      <c r="B7432" s="109" t="s">
        <v>20561</v>
      </c>
      <c r="C7432" s="93" t="s">
        <v>20562</v>
      </c>
      <c r="D7432" s="93" t="s">
        <v>18049</v>
      </c>
      <c r="E7432" s="93" t="s">
        <v>174</v>
      </c>
      <c r="F7432" s="93">
        <v>5041</v>
      </c>
      <c r="G7432" s="93" t="s">
        <v>1</v>
      </c>
      <c r="H7432" s="111">
        <v>1</v>
      </c>
      <c r="I7432" s="111">
        <v>0</v>
      </c>
      <c r="J7432" s="111">
        <v>1</v>
      </c>
      <c r="K7432" s="111">
        <v>0</v>
      </c>
      <c r="L7432" s="111">
        <v>1</v>
      </c>
      <c r="M7432" s="111">
        <v>1</v>
      </c>
      <c r="N7432" s="111">
        <v>0</v>
      </c>
      <c r="O7432" s="111">
        <v>1</v>
      </c>
      <c r="P7432" s="111">
        <v>1</v>
      </c>
      <c r="Q7432" s="111">
        <v>0</v>
      </c>
      <c r="R7432" s="111">
        <v>1</v>
      </c>
      <c r="S7432" s="111">
        <v>1</v>
      </c>
      <c r="T7432" s="111">
        <v>0</v>
      </c>
      <c r="U7432" s="145"/>
      <c r="V7432" s="145"/>
      <c r="W7432" s="145"/>
      <c r="X7432" s="145"/>
      <c r="Y7432" s="145"/>
      <c r="Z7432" s="145"/>
      <c r="AA7432" s="145"/>
      <c r="AB7432" s="145"/>
      <c r="AC7432" s="145"/>
      <c r="AD7432" s="145"/>
      <c r="AE7432" s="145"/>
      <c r="AF7432" s="145"/>
      <c r="AG7432" s="145"/>
      <c r="AH7432" s="145"/>
      <c r="AI7432" s="145"/>
      <c r="AJ7432" s="145"/>
      <c r="AK7432" s="145"/>
      <c r="AL7432" s="145"/>
      <c r="AM7432" s="145"/>
      <c r="AN7432" s="145"/>
      <c r="AO7432" s="145"/>
      <c r="AP7432" s="145"/>
      <c r="AQ7432" s="145"/>
      <c r="AR7432" s="145"/>
      <c r="AS7432" s="145"/>
      <c r="AT7432" s="111">
        <v>1</v>
      </c>
      <c r="AU7432" s="145"/>
      <c r="AV7432" s="145"/>
      <c r="AW7432" s="145"/>
      <c r="AX7432" s="146"/>
      <c r="AY7432" s="146"/>
      <c r="AZ7432" s="146"/>
      <c r="BA7432" s="112" t="s">
        <v>18050</v>
      </c>
      <c r="BB7432" s="107">
        <v>45447</v>
      </c>
    </row>
    <row r="7433" spans="1:54" s="8" customFormat="1" ht="13.95" customHeight="1" x14ac:dyDescent="0.25">
      <c r="A7433" s="14" t="s">
        <v>18051</v>
      </c>
      <c r="B7433" s="109" t="s">
        <v>20561</v>
      </c>
      <c r="C7433" s="93" t="s">
        <v>18052</v>
      </c>
      <c r="D7433" s="93" t="s">
        <v>18053</v>
      </c>
      <c r="E7433" s="93" t="s">
        <v>174</v>
      </c>
      <c r="F7433" s="93">
        <v>5533</v>
      </c>
      <c r="G7433" s="93" t="s">
        <v>1</v>
      </c>
      <c r="H7433" s="111">
        <v>0</v>
      </c>
      <c r="I7433" s="111">
        <v>0</v>
      </c>
      <c r="J7433" s="111">
        <v>1</v>
      </c>
      <c r="K7433" s="111">
        <v>0</v>
      </c>
      <c r="L7433" s="111">
        <v>1</v>
      </c>
      <c r="M7433" s="111">
        <v>0</v>
      </c>
      <c r="N7433" s="111">
        <v>1</v>
      </c>
      <c r="O7433" s="111">
        <v>1</v>
      </c>
      <c r="P7433" s="111">
        <v>1</v>
      </c>
      <c r="Q7433" s="111">
        <v>1</v>
      </c>
      <c r="R7433" s="111">
        <v>1</v>
      </c>
      <c r="S7433" s="111">
        <v>0</v>
      </c>
      <c r="T7433" s="111">
        <v>0</v>
      </c>
      <c r="U7433" s="145"/>
      <c r="V7433" s="145"/>
      <c r="W7433" s="145"/>
      <c r="X7433" s="145"/>
      <c r="Y7433" s="145"/>
      <c r="Z7433" s="145"/>
      <c r="AA7433" s="145"/>
      <c r="AB7433" s="145"/>
      <c r="AC7433" s="145"/>
      <c r="AD7433" s="145"/>
      <c r="AE7433" s="145"/>
      <c r="AF7433" s="145"/>
      <c r="AG7433" s="145"/>
      <c r="AH7433" s="145"/>
      <c r="AI7433" s="145"/>
      <c r="AJ7433" s="145"/>
      <c r="AK7433" s="145"/>
      <c r="AL7433" s="145"/>
      <c r="AM7433" s="145"/>
      <c r="AN7433" s="145"/>
      <c r="AO7433" s="145"/>
      <c r="AP7433" s="145"/>
      <c r="AQ7433" s="145"/>
      <c r="AR7433" s="145"/>
      <c r="AS7433" s="145"/>
      <c r="AT7433" s="111">
        <v>1</v>
      </c>
      <c r="AU7433" s="145"/>
      <c r="AV7433" s="145"/>
      <c r="AW7433" s="145"/>
      <c r="AX7433" s="146"/>
      <c r="AY7433" s="146"/>
      <c r="AZ7433" s="146"/>
      <c r="BA7433" s="146"/>
      <c r="BB7433" s="107">
        <v>45447</v>
      </c>
    </row>
    <row r="7434" spans="1:54" s="8" customFormat="1" ht="13.95" customHeight="1" x14ac:dyDescent="0.25">
      <c r="A7434" s="14" t="s">
        <v>18054</v>
      </c>
      <c r="B7434" s="109" t="s">
        <v>20561</v>
      </c>
      <c r="C7434" s="93" t="s">
        <v>15186</v>
      </c>
      <c r="D7434" s="93" t="s">
        <v>18055</v>
      </c>
      <c r="E7434" s="93" t="s">
        <v>174</v>
      </c>
      <c r="F7434" s="93">
        <v>5576</v>
      </c>
      <c r="G7434" s="93" t="s">
        <v>1</v>
      </c>
      <c r="H7434" s="111">
        <v>1</v>
      </c>
      <c r="I7434" s="111">
        <v>0</v>
      </c>
      <c r="J7434" s="111">
        <v>1</v>
      </c>
      <c r="K7434" s="111">
        <v>1</v>
      </c>
      <c r="L7434" s="111">
        <v>0</v>
      </c>
      <c r="M7434" s="111">
        <v>0</v>
      </c>
      <c r="N7434" s="111">
        <v>0</v>
      </c>
      <c r="O7434" s="111">
        <v>0</v>
      </c>
      <c r="P7434" s="111">
        <v>0</v>
      </c>
      <c r="Q7434" s="111">
        <v>0</v>
      </c>
      <c r="R7434" s="111">
        <v>0</v>
      </c>
      <c r="S7434" s="111">
        <v>0</v>
      </c>
      <c r="T7434" s="111">
        <v>0</v>
      </c>
      <c r="U7434" s="145"/>
      <c r="V7434" s="145"/>
      <c r="W7434" s="145"/>
      <c r="X7434" s="145"/>
      <c r="Y7434" s="145"/>
      <c r="Z7434" s="145"/>
      <c r="AA7434" s="145"/>
      <c r="AB7434" s="145"/>
      <c r="AC7434" s="145"/>
      <c r="AD7434" s="145"/>
      <c r="AE7434" s="145"/>
      <c r="AF7434" s="145"/>
      <c r="AG7434" s="145"/>
      <c r="AH7434" s="145"/>
      <c r="AI7434" s="145"/>
      <c r="AJ7434" s="145"/>
      <c r="AK7434" s="145"/>
      <c r="AL7434" s="145"/>
      <c r="AM7434" s="145"/>
      <c r="AN7434" s="145"/>
      <c r="AO7434" s="145"/>
      <c r="AP7434" s="145"/>
      <c r="AQ7434" s="145"/>
      <c r="AR7434" s="145"/>
      <c r="AS7434" s="145"/>
      <c r="AT7434" s="145"/>
      <c r="AU7434" s="145"/>
      <c r="AV7434" s="145"/>
      <c r="AW7434" s="145"/>
      <c r="AX7434" s="146"/>
      <c r="AY7434" s="146"/>
      <c r="AZ7434" s="146"/>
      <c r="BA7434" s="146"/>
      <c r="BB7434" s="107">
        <v>45447</v>
      </c>
    </row>
    <row r="7435" spans="1:54" s="8" customFormat="1" ht="13.95" customHeight="1" x14ac:dyDescent="0.25">
      <c r="A7435" s="14" t="s">
        <v>18056</v>
      </c>
      <c r="B7435" s="109" t="s">
        <v>20561</v>
      </c>
      <c r="C7435" s="93" t="s">
        <v>18057</v>
      </c>
      <c r="D7435" s="93" t="s">
        <v>18058</v>
      </c>
      <c r="E7435" s="93" t="s">
        <v>174</v>
      </c>
      <c r="F7435" s="93">
        <v>7975</v>
      </c>
      <c r="G7435" s="93" t="s">
        <v>8</v>
      </c>
      <c r="H7435" s="111">
        <v>0</v>
      </c>
      <c r="I7435" s="111">
        <v>0</v>
      </c>
      <c r="J7435" s="111">
        <v>0</v>
      </c>
      <c r="K7435" s="111">
        <v>0</v>
      </c>
      <c r="L7435" s="111">
        <v>0</v>
      </c>
      <c r="M7435" s="111">
        <v>0</v>
      </c>
      <c r="N7435" s="111">
        <v>0</v>
      </c>
      <c r="O7435" s="111">
        <v>0</v>
      </c>
      <c r="P7435" s="111">
        <v>0</v>
      </c>
      <c r="Q7435" s="111">
        <v>0</v>
      </c>
      <c r="R7435" s="111">
        <v>0</v>
      </c>
      <c r="S7435" s="111">
        <v>0</v>
      </c>
      <c r="T7435" s="111">
        <v>0</v>
      </c>
      <c r="U7435" s="111">
        <v>0</v>
      </c>
      <c r="V7435" s="111">
        <v>0</v>
      </c>
      <c r="W7435" s="111">
        <v>0</v>
      </c>
      <c r="X7435" s="111">
        <v>0</v>
      </c>
      <c r="Y7435" s="111">
        <v>0</v>
      </c>
      <c r="Z7435" s="111">
        <v>0</v>
      </c>
      <c r="AA7435" s="111">
        <v>0</v>
      </c>
      <c r="AB7435" s="111">
        <v>0</v>
      </c>
      <c r="AC7435" s="111">
        <v>0</v>
      </c>
      <c r="AD7435" s="111">
        <v>0</v>
      </c>
      <c r="AE7435" s="111">
        <v>0</v>
      </c>
      <c r="AF7435" s="111">
        <v>0</v>
      </c>
      <c r="AG7435" s="111">
        <v>0</v>
      </c>
      <c r="AH7435" s="111">
        <v>0</v>
      </c>
      <c r="AI7435" s="111">
        <v>0</v>
      </c>
      <c r="AJ7435" s="111">
        <v>0</v>
      </c>
      <c r="AK7435" s="111">
        <v>0</v>
      </c>
      <c r="AL7435" s="111">
        <v>0</v>
      </c>
      <c r="AM7435" s="111">
        <v>0</v>
      </c>
      <c r="AN7435" s="111">
        <v>0</v>
      </c>
      <c r="AO7435" s="111">
        <v>0</v>
      </c>
      <c r="AP7435" s="111">
        <v>0</v>
      </c>
      <c r="AQ7435" s="111">
        <v>0</v>
      </c>
      <c r="AR7435" s="111">
        <v>0</v>
      </c>
      <c r="AS7435" s="111">
        <v>0</v>
      </c>
      <c r="AT7435" s="111">
        <v>1</v>
      </c>
      <c r="AU7435" s="111">
        <v>0</v>
      </c>
      <c r="AV7435" s="111">
        <v>0</v>
      </c>
      <c r="AW7435" s="111">
        <v>0</v>
      </c>
      <c r="AX7435" s="112"/>
      <c r="AY7435" s="112"/>
      <c r="AZ7435" s="112"/>
      <c r="BA7435" s="112"/>
      <c r="BB7435" s="107">
        <v>45447</v>
      </c>
    </row>
    <row r="7436" spans="1:54" s="8" customFormat="1" ht="13.95" customHeight="1" x14ac:dyDescent="0.25">
      <c r="A7436" s="14" t="s">
        <v>18059</v>
      </c>
      <c r="B7436" s="109" t="s">
        <v>20561</v>
      </c>
      <c r="C7436" s="93" t="s">
        <v>18060</v>
      </c>
      <c r="D7436" s="93" t="s">
        <v>18061</v>
      </c>
      <c r="E7436" s="93" t="s">
        <v>174</v>
      </c>
      <c r="F7436" s="93">
        <v>9009</v>
      </c>
      <c r="G7436" s="93" t="s">
        <v>1</v>
      </c>
      <c r="H7436" s="111">
        <v>0</v>
      </c>
      <c r="I7436" s="111">
        <v>0</v>
      </c>
      <c r="J7436" s="111">
        <v>1</v>
      </c>
      <c r="K7436" s="111">
        <v>1</v>
      </c>
      <c r="L7436" s="111">
        <v>1</v>
      </c>
      <c r="M7436" s="111">
        <v>1</v>
      </c>
      <c r="N7436" s="111">
        <v>0</v>
      </c>
      <c r="O7436" s="111">
        <v>1</v>
      </c>
      <c r="P7436" s="111">
        <v>1</v>
      </c>
      <c r="Q7436" s="111">
        <v>0</v>
      </c>
      <c r="R7436" s="111">
        <v>1</v>
      </c>
      <c r="S7436" s="111">
        <v>0</v>
      </c>
      <c r="T7436" s="111">
        <v>0</v>
      </c>
      <c r="U7436" s="145"/>
      <c r="V7436" s="145"/>
      <c r="W7436" s="145"/>
      <c r="X7436" s="145"/>
      <c r="Y7436" s="145"/>
      <c r="Z7436" s="145"/>
      <c r="AA7436" s="145"/>
      <c r="AB7436" s="145"/>
      <c r="AC7436" s="145"/>
      <c r="AD7436" s="145"/>
      <c r="AE7436" s="145"/>
      <c r="AF7436" s="145"/>
      <c r="AG7436" s="145"/>
      <c r="AH7436" s="145"/>
      <c r="AI7436" s="145"/>
      <c r="AJ7436" s="145"/>
      <c r="AK7436" s="145"/>
      <c r="AL7436" s="145"/>
      <c r="AM7436" s="145"/>
      <c r="AN7436" s="145"/>
      <c r="AO7436" s="145"/>
      <c r="AP7436" s="145"/>
      <c r="AQ7436" s="145"/>
      <c r="AR7436" s="145"/>
      <c r="AS7436" s="145"/>
      <c r="AT7436" s="111">
        <v>1</v>
      </c>
      <c r="AU7436" s="145"/>
      <c r="AV7436" s="145"/>
      <c r="AW7436" s="145"/>
      <c r="AX7436" s="146"/>
      <c r="AY7436" s="146"/>
      <c r="AZ7436" s="146"/>
      <c r="BA7436" s="146"/>
      <c r="BB7436" s="107">
        <v>45447</v>
      </c>
    </row>
    <row r="7437" spans="1:54" s="8" customFormat="1" ht="13.95" customHeight="1" x14ac:dyDescent="0.25">
      <c r="A7437" s="14" t="s">
        <v>18062</v>
      </c>
      <c r="B7437" s="109" t="s">
        <v>20561</v>
      </c>
      <c r="C7437" s="93" t="s">
        <v>18063</v>
      </c>
      <c r="D7437" s="93" t="s">
        <v>18064</v>
      </c>
      <c r="E7437" s="93" t="s">
        <v>174</v>
      </c>
      <c r="F7437" s="93">
        <v>9312</v>
      </c>
      <c r="G7437" s="93" t="s">
        <v>3</v>
      </c>
      <c r="H7437" s="111">
        <v>1</v>
      </c>
      <c r="I7437" s="111">
        <v>1</v>
      </c>
      <c r="J7437" s="111">
        <v>1</v>
      </c>
      <c r="K7437" s="111">
        <v>0</v>
      </c>
      <c r="L7437" s="111">
        <v>0</v>
      </c>
      <c r="M7437" s="111">
        <v>0</v>
      </c>
      <c r="N7437" s="111">
        <v>0</v>
      </c>
      <c r="O7437" s="111">
        <v>0</v>
      </c>
      <c r="P7437" s="111">
        <v>0</v>
      </c>
      <c r="Q7437" s="111">
        <v>0</v>
      </c>
      <c r="R7437" s="111">
        <v>0</v>
      </c>
      <c r="S7437" s="111">
        <v>0</v>
      </c>
      <c r="T7437" s="111">
        <v>0</v>
      </c>
      <c r="U7437" s="111">
        <v>0</v>
      </c>
      <c r="V7437" s="111">
        <v>0</v>
      </c>
      <c r="W7437" s="111">
        <v>0</v>
      </c>
      <c r="X7437" s="111">
        <v>0</v>
      </c>
      <c r="Y7437" s="111">
        <v>0</v>
      </c>
      <c r="Z7437" s="111">
        <v>0</v>
      </c>
      <c r="AA7437" s="111">
        <v>0</v>
      </c>
      <c r="AB7437" s="111">
        <v>0</v>
      </c>
      <c r="AC7437" s="111">
        <v>0</v>
      </c>
      <c r="AD7437" s="111">
        <v>0</v>
      </c>
      <c r="AE7437" s="111">
        <v>0</v>
      </c>
      <c r="AF7437" s="111">
        <v>0</v>
      </c>
      <c r="AG7437" s="111">
        <v>0</v>
      </c>
      <c r="AH7437" s="111">
        <v>0</v>
      </c>
      <c r="AI7437" s="111">
        <v>0</v>
      </c>
      <c r="AJ7437" s="111">
        <v>0</v>
      </c>
      <c r="AK7437" s="111">
        <v>0</v>
      </c>
      <c r="AL7437" s="111">
        <v>0</v>
      </c>
      <c r="AM7437" s="111">
        <v>0</v>
      </c>
      <c r="AN7437" s="111">
        <v>0</v>
      </c>
      <c r="AO7437" s="111">
        <v>0</v>
      </c>
      <c r="AP7437" s="111">
        <v>0</v>
      </c>
      <c r="AQ7437" s="111">
        <v>0</v>
      </c>
      <c r="AR7437" s="111">
        <v>0</v>
      </c>
      <c r="AS7437" s="111">
        <v>0</v>
      </c>
      <c r="AT7437" s="111" t="s">
        <v>174</v>
      </c>
      <c r="AU7437" s="111">
        <v>0</v>
      </c>
      <c r="AV7437" s="111">
        <v>0</v>
      </c>
      <c r="AW7437" s="111">
        <v>0</v>
      </c>
      <c r="AX7437" s="112"/>
      <c r="AY7437" s="112"/>
      <c r="AZ7437" s="112"/>
      <c r="BA7437" s="112"/>
      <c r="BB7437" s="107">
        <v>45447</v>
      </c>
    </row>
    <row r="7438" spans="1:54" s="8" customFormat="1" ht="13.95" customHeight="1" x14ac:dyDescent="0.25">
      <c r="A7438" s="14" t="s">
        <v>18065</v>
      </c>
      <c r="B7438" s="109" t="s">
        <v>20561</v>
      </c>
      <c r="C7438" s="93" t="s">
        <v>18066</v>
      </c>
      <c r="D7438" s="93" t="s">
        <v>18067</v>
      </c>
      <c r="E7438" s="93" t="s">
        <v>174</v>
      </c>
      <c r="F7438" s="93">
        <v>9900</v>
      </c>
      <c r="G7438" s="93" t="s">
        <v>1</v>
      </c>
      <c r="H7438" s="111">
        <v>0</v>
      </c>
      <c r="I7438" s="111">
        <v>0</v>
      </c>
      <c r="J7438" s="111">
        <v>1</v>
      </c>
      <c r="K7438" s="111">
        <v>0</v>
      </c>
      <c r="L7438" s="111">
        <v>1</v>
      </c>
      <c r="M7438" s="111">
        <v>1</v>
      </c>
      <c r="N7438" s="111">
        <v>0</v>
      </c>
      <c r="O7438" s="111">
        <v>1</v>
      </c>
      <c r="P7438" s="111">
        <v>1</v>
      </c>
      <c r="Q7438" s="111">
        <v>0</v>
      </c>
      <c r="R7438" s="111">
        <v>1</v>
      </c>
      <c r="S7438" s="111">
        <v>1</v>
      </c>
      <c r="T7438" s="111">
        <v>0</v>
      </c>
      <c r="U7438" s="145"/>
      <c r="V7438" s="145"/>
      <c r="W7438" s="145"/>
      <c r="X7438" s="145"/>
      <c r="Y7438" s="145"/>
      <c r="Z7438" s="145"/>
      <c r="AA7438" s="145"/>
      <c r="AB7438" s="145"/>
      <c r="AC7438" s="145"/>
      <c r="AD7438" s="145"/>
      <c r="AE7438" s="145"/>
      <c r="AF7438" s="145"/>
      <c r="AG7438" s="145"/>
      <c r="AH7438" s="145"/>
      <c r="AI7438" s="145"/>
      <c r="AJ7438" s="145"/>
      <c r="AK7438" s="145"/>
      <c r="AL7438" s="145"/>
      <c r="AM7438" s="145"/>
      <c r="AN7438" s="145"/>
      <c r="AO7438" s="145"/>
      <c r="AP7438" s="145"/>
      <c r="AQ7438" s="145"/>
      <c r="AR7438" s="145"/>
      <c r="AS7438" s="145"/>
      <c r="AT7438" s="111">
        <v>1</v>
      </c>
      <c r="AU7438" s="145"/>
      <c r="AV7438" s="145"/>
      <c r="AW7438" s="145"/>
      <c r="AX7438" s="146"/>
      <c r="AY7438" s="146"/>
      <c r="AZ7438" s="146"/>
      <c r="BA7438" s="146"/>
      <c r="BB7438" s="107">
        <v>45447</v>
      </c>
    </row>
    <row r="7439" spans="1:54" s="8" customFormat="1" ht="13.95" customHeight="1" x14ac:dyDescent="0.25">
      <c r="A7439" s="14" t="s">
        <v>18068</v>
      </c>
      <c r="B7439" s="109" t="s">
        <v>20561</v>
      </c>
      <c r="C7439" s="93" t="s">
        <v>18069</v>
      </c>
      <c r="D7439" s="93" t="s">
        <v>18070</v>
      </c>
      <c r="E7439" s="93" t="s">
        <v>174</v>
      </c>
      <c r="F7439" s="93">
        <v>1150</v>
      </c>
      <c r="G7439" s="93" t="s">
        <v>1</v>
      </c>
      <c r="H7439" s="111">
        <v>0</v>
      </c>
      <c r="I7439" s="111">
        <v>0</v>
      </c>
      <c r="J7439" s="111">
        <v>1</v>
      </c>
      <c r="K7439" s="111">
        <v>1</v>
      </c>
      <c r="L7439" s="111">
        <v>0</v>
      </c>
      <c r="M7439" s="111">
        <v>0</v>
      </c>
      <c r="N7439" s="111">
        <v>1</v>
      </c>
      <c r="O7439" s="111">
        <v>0</v>
      </c>
      <c r="P7439" s="111">
        <v>1</v>
      </c>
      <c r="Q7439" s="111">
        <v>0</v>
      </c>
      <c r="R7439" s="111">
        <v>1</v>
      </c>
      <c r="S7439" s="111">
        <v>1</v>
      </c>
      <c r="T7439" s="111">
        <v>0</v>
      </c>
      <c r="U7439" s="145"/>
      <c r="V7439" s="145"/>
      <c r="W7439" s="145"/>
      <c r="X7439" s="145"/>
      <c r="Y7439" s="145"/>
      <c r="Z7439" s="145"/>
      <c r="AA7439" s="145"/>
      <c r="AB7439" s="145"/>
      <c r="AC7439" s="145"/>
      <c r="AD7439" s="145"/>
      <c r="AE7439" s="145"/>
      <c r="AF7439" s="145"/>
      <c r="AG7439" s="145"/>
      <c r="AH7439" s="145"/>
      <c r="AI7439" s="145"/>
      <c r="AJ7439" s="145"/>
      <c r="AK7439" s="145"/>
      <c r="AL7439" s="145"/>
      <c r="AM7439" s="145"/>
      <c r="AN7439" s="145"/>
      <c r="AO7439" s="145"/>
      <c r="AP7439" s="145"/>
      <c r="AQ7439" s="145"/>
      <c r="AR7439" s="145"/>
      <c r="AS7439" s="145"/>
      <c r="AT7439" s="111">
        <v>1</v>
      </c>
      <c r="AU7439" s="145"/>
      <c r="AV7439" s="145"/>
      <c r="AW7439" s="145"/>
      <c r="AX7439" s="146"/>
      <c r="AY7439" s="146"/>
      <c r="AZ7439" s="146"/>
      <c r="BA7439" s="112" t="s">
        <v>21900</v>
      </c>
      <c r="BB7439" s="107">
        <v>45447</v>
      </c>
    </row>
    <row r="7440" spans="1:54" s="8" customFormat="1" ht="13.95" customHeight="1" x14ac:dyDescent="0.25">
      <c r="A7440" s="14" t="s">
        <v>18071</v>
      </c>
      <c r="B7440" s="109" t="s">
        <v>20561</v>
      </c>
      <c r="C7440" s="93" t="s">
        <v>18072</v>
      </c>
      <c r="D7440" s="93" t="s">
        <v>18073</v>
      </c>
      <c r="E7440" s="93" t="s">
        <v>174</v>
      </c>
      <c r="F7440" s="93">
        <v>452</v>
      </c>
      <c r="G7440" s="93" t="s">
        <v>1</v>
      </c>
      <c r="H7440" s="111">
        <v>0</v>
      </c>
      <c r="I7440" s="111">
        <v>0</v>
      </c>
      <c r="J7440" s="111">
        <v>1</v>
      </c>
      <c r="K7440" s="111">
        <v>0</v>
      </c>
      <c r="L7440" s="111">
        <v>0</v>
      </c>
      <c r="M7440" s="111">
        <v>0</v>
      </c>
      <c r="N7440" s="111">
        <v>0</v>
      </c>
      <c r="O7440" s="111">
        <v>0</v>
      </c>
      <c r="P7440" s="111">
        <v>0</v>
      </c>
      <c r="Q7440" s="111">
        <v>0</v>
      </c>
      <c r="R7440" s="111">
        <v>0</v>
      </c>
      <c r="S7440" s="111">
        <v>0</v>
      </c>
      <c r="T7440" s="111">
        <v>0</v>
      </c>
      <c r="U7440" s="145"/>
      <c r="V7440" s="145"/>
      <c r="W7440" s="145"/>
      <c r="X7440" s="145"/>
      <c r="Y7440" s="145"/>
      <c r="Z7440" s="145"/>
      <c r="AA7440" s="145"/>
      <c r="AB7440" s="145"/>
      <c r="AC7440" s="145"/>
      <c r="AD7440" s="145"/>
      <c r="AE7440" s="145"/>
      <c r="AF7440" s="145"/>
      <c r="AG7440" s="145"/>
      <c r="AH7440" s="145"/>
      <c r="AI7440" s="145"/>
      <c r="AJ7440" s="145"/>
      <c r="AK7440" s="145"/>
      <c r="AL7440" s="145"/>
      <c r="AM7440" s="145"/>
      <c r="AN7440" s="145"/>
      <c r="AO7440" s="145"/>
      <c r="AP7440" s="145"/>
      <c r="AQ7440" s="145"/>
      <c r="AR7440" s="145"/>
      <c r="AS7440" s="145"/>
      <c r="AT7440" s="111">
        <v>1</v>
      </c>
      <c r="AU7440" s="145"/>
      <c r="AV7440" s="145"/>
      <c r="AW7440" s="145"/>
      <c r="AX7440" s="146"/>
      <c r="AY7440" s="146"/>
      <c r="AZ7440" s="146"/>
      <c r="BA7440" s="146"/>
      <c r="BB7440" s="107">
        <v>45447</v>
      </c>
    </row>
    <row r="7441" spans="1:54" s="8" customFormat="1" ht="13.95" customHeight="1" x14ac:dyDescent="0.25">
      <c r="A7441" s="14" t="s">
        <v>18074</v>
      </c>
      <c r="B7441" s="109" t="s">
        <v>20561</v>
      </c>
      <c r="C7441" s="93" t="s">
        <v>18075</v>
      </c>
      <c r="D7441" s="93" t="s">
        <v>18076</v>
      </c>
      <c r="E7441" s="93" t="s">
        <v>174</v>
      </c>
      <c r="F7441" s="93">
        <v>1482</v>
      </c>
      <c r="G7441" s="93" t="s">
        <v>1</v>
      </c>
      <c r="H7441" s="111">
        <v>0</v>
      </c>
      <c r="I7441" s="111">
        <v>0</v>
      </c>
      <c r="J7441" s="111">
        <v>1</v>
      </c>
      <c r="K7441" s="111">
        <v>0</v>
      </c>
      <c r="L7441" s="111">
        <v>1</v>
      </c>
      <c r="M7441" s="111">
        <v>1</v>
      </c>
      <c r="N7441" s="111">
        <v>1</v>
      </c>
      <c r="O7441" s="111">
        <v>1</v>
      </c>
      <c r="P7441" s="111">
        <v>1</v>
      </c>
      <c r="Q7441" s="111">
        <v>0</v>
      </c>
      <c r="R7441" s="111">
        <v>0</v>
      </c>
      <c r="S7441" s="111">
        <v>1</v>
      </c>
      <c r="T7441" s="111">
        <v>0</v>
      </c>
      <c r="U7441" s="145"/>
      <c r="V7441" s="145"/>
      <c r="W7441" s="145"/>
      <c r="X7441" s="145"/>
      <c r="Y7441" s="145"/>
      <c r="Z7441" s="145"/>
      <c r="AA7441" s="145"/>
      <c r="AB7441" s="145"/>
      <c r="AC7441" s="145"/>
      <c r="AD7441" s="145"/>
      <c r="AE7441" s="145"/>
      <c r="AF7441" s="145"/>
      <c r="AG7441" s="145"/>
      <c r="AH7441" s="145"/>
      <c r="AI7441" s="145"/>
      <c r="AJ7441" s="145"/>
      <c r="AK7441" s="145"/>
      <c r="AL7441" s="145"/>
      <c r="AM7441" s="145"/>
      <c r="AN7441" s="145"/>
      <c r="AO7441" s="145"/>
      <c r="AP7441" s="145"/>
      <c r="AQ7441" s="145"/>
      <c r="AR7441" s="145"/>
      <c r="AS7441" s="145"/>
      <c r="AT7441" s="111">
        <v>1</v>
      </c>
      <c r="AU7441" s="145"/>
      <c r="AV7441" s="145"/>
      <c r="AW7441" s="145"/>
      <c r="AX7441" s="146"/>
      <c r="AY7441" s="146"/>
      <c r="AZ7441" s="146"/>
      <c r="BA7441" s="112" t="s">
        <v>17946</v>
      </c>
      <c r="BB7441" s="107">
        <v>45447</v>
      </c>
    </row>
    <row r="7442" spans="1:54" s="17" customFormat="1" ht="13.95" customHeight="1" x14ac:dyDescent="0.25">
      <c r="A7442" s="16" t="s">
        <v>18077</v>
      </c>
      <c r="B7442" s="109" t="s">
        <v>20561</v>
      </c>
      <c r="C7442" s="93" t="s">
        <v>18078</v>
      </c>
      <c r="D7442" s="109" t="s">
        <v>18079</v>
      </c>
      <c r="E7442" s="109" t="s">
        <v>174</v>
      </c>
      <c r="F7442" s="109">
        <v>34000</v>
      </c>
      <c r="G7442" s="109" t="s">
        <v>3</v>
      </c>
      <c r="H7442" s="182">
        <v>1</v>
      </c>
      <c r="I7442" s="182">
        <v>1</v>
      </c>
      <c r="J7442" s="182">
        <v>1</v>
      </c>
      <c r="K7442" s="182">
        <v>0</v>
      </c>
      <c r="L7442" s="182">
        <v>1</v>
      </c>
      <c r="M7442" s="182">
        <v>1</v>
      </c>
      <c r="N7442" s="182">
        <v>0</v>
      </c>
      <c r="O7442" s="182">
        <v>0</v>
      </c>
      <c r="P7442" s="182">
        <v>1</v>
      </c>
      <c r="Q7442" s="182">
        <v>0</v>
      </c>
      <c r="R7442" s="182">
        <v>0</v>
      </c>
      <c r="S7442" s="182">
        <v>0</v>
      </c>
      <c r="T7442" s="182">
        <v>0</v>
      </c>
      <c r="U7442" s="182">
        <v>0</v>
      </c>
      <c r="V7442" s="182">
        <v>0</v>
      </c>
      <c r="W7442" s="182">
        <v>1</v>
      </c>
      <c r="X7442" s="182">
        <v>0</v>
      </c>
      <c r="Y7442" s="182">
        <v>0</v>
      </c>
      <c r="Z7442" s="182">
        <v>0</v>
      </c>
      <c r="AA7442" s="182">
        <v>0</v>
      </c>
      <c r="AB7442" s="182">
        <v>0</v>
      </c>
      <c r="AC7442" s="182">
        <v>0</v>
      </c>
      <c r="AD7442" s="182">
        <v>1</v>
      </c>
      <c r="AE7442" s="182">
        <v>0</v>
      </c>
      <c r="AF7442" s="182">
        <v>0</v>
      </c>
      <c r="AG7442" s="182">
        <v>0</v>
      </c>
      <c r="AH7442" s="182">
        <v>0</v>
      </c>
      <c r="AI7442" s="182">
        <v>0</v>
      </c>
      <c r="AJ7442" s="182">
        <v>0</v>
      </c>
      <c r="AK7442" s="182">
        <v>0</v>
      </c>
      <c r="AL7442" s="182">
        <v>0</v>
      </c>
      <c r="AM7442" s="182">
        <v>0</v>
      </c>
      <c r="AN7442" s="182">
        <v>0</v>
      </c>
      <c r="AO7442" s="182">
        <v>1</v>
      </c>
      <c r="AP7442" s="182">
        <v>0</v>
      </c>
      <c r="AQ7442" s="182">
        <v>1</v>
      </c>
      <c r="AR7442" s="182">
        <v>0</v>
      </c>
      <c r="AS7442" s="182">
        <v>0</v>
      </c>
      <c r="AT7442" s="182" t="s">
        <v>174</v>
      </c>
      <c r="AU7442" s="182">
        <v>0</v>
      </c>
      <c r="AV7442" s="182">
        <v>1</v>
      </c>
      <c r="AW7442" s="182">
        <v>1</v>
      </c>
      <c r="AX7442" s="183" t="s">
        <v>24411</v>
      </c>
      <c r="AY7442" s="183" t="s">
        <v>22139</v>
      </c>
      <c r="AZ7442" s="184" t="s">
        <v>22098</v>
      </c>
      <c r="BA7442" s="183"/>
      <c r="BB7442" s="107">
        <v>45447</v>
      </c>
    </row>
    <row r="7443" spans="1:54" s="8" customFormat="1" ht="13.95" customHeight="1" x14ac:dyDescent="0.25">
      <c r="A7443" s="14" t="s">
        <v>18080</v>
      </c>
      <c r="B7443" s="109" t="s">
        <v>20561</v>
      </c>
      <c r="C7443" s="93" t="s">
        <v>18081</v>
      </c>
      <c r="D7443" s="93" t="s">
        <v>18082</v>
      </c>
      <c r="E7443" s="93" t="s">
        <v>174</v>
      </c>
      <c r="F7443" s="93">
        <v>769</v>
      </c>
      <c r="G7443" s="93" t="s">
        <v>8</v>
      </c>
      <c r="H7443" s="111">
        <v>0</v>
      </c>
      <c r="I7443" s="111">
        <v>0</v>
      </c>
      <c r="J7443" s="111">
        <v>0</v>
      </c>
      <c r="K7443" s="111">
        <v>0</v>
      </c>
      <c r="L7443" s="111">
        <v>0</v>
      </c>
      <c r="M7443" s="111">
        <v>0</v>
      </c>
      <c r="N7443" s="111">
        <v>0</v>
      </c>
      <c r="O7443" s="111">
        <v>0</v>
      </c>
      <c r="P7443" s="111">
        <v>0</v>
      </c>
      <c r="Q7443" s="111">
        <v>0</v>
      </c>
      <c r="R7443" s="111">
        <v>0</v>
      </c>
      <c r="S7443" s="111">
        <v>0</v>
      </c>
      <c r="T7443" s="111">
        <v>0</v>
      </c>
      <c r="U7443" s="111">
        <v>0</v>
      </c>
      <c r="V7443" s="111">
        <v>0</v>
      </c>
      <c r="W7443" s="111">
        <v>0</v>
      </c>
      <c r="X7443" s="111">
        <v>0</v>
      </c>
      <c r="Y7443" s="111">
        <v>0</v>
      </c>
      <c r="Z7443" s="111">
        <v>0</v>
      </c>
      <c r="AA7443" s="111">
        <v>0</v>
      </c>
      <c r="AB7443" s="111">
        <v>0</v>
      </c>
      <c r="AC7443" s="111">
        <v>0</v>
      </c>
      <c r="AD7443" s="111">
        <v>0</v>
      </c>
      <c r="AE7443" s="111">
        <v>0</v>
      </c>
      <c r="AF7443" s="111">
        <v>0</v>
      </c>
      <c r="AG7443" s="111">
        <v>0</v>
      </c>
      <c r="AH7443" s="111">
        <v>0</v>
      </c>
      <c r="AI7443" s="111">
        <v>0</v>
      </c>
      <c r="AJ7443" s="111">
        <v>0</v>
      </c>
      <c r="AK7443" s="111">
        <v>0</v>
      </c>
      <c r="AL7443" s="111">
        <v>0</v>
      </c>
      <c r="AM7443" s="111">
        <v>0</v>
      </c>
      <c r="AN7443" s="111">
        <v>0</v>
      </c>
      <c r="AO7443" s="111">
        <v>0</v>
      </c>
      <c r="AP7443" s="111">
        <v>0</v>
      </c>
      <c r="AQ7443" s="111">
        <v>0</v>
      </c>
      <c r="AR7443" s="111">
        <v>0</v>
      </c>
      <c r="AS7443" s="111">
        <v>0</v>
      </c>
      <c r="AT7443" s="111" t="s">
        <v>174</v>
      </c>
      <c r="AU7443" s="111">
        <v>0</v>
      </c>
      <c r="AV7443" s="182">
        <v>1</v>
      </c>
      <c r="AW7443" s="111">
        <v>0</v>
      </c>
      <c r="AX7443" s="112" t="s">
        <v>17900</v>
      </c>
      <c r="AY7443" s="112"/>
      <c r="AZ7443" s="112"/>
      <c r="BA7443" s="112"/>
      <c r="BB7443" s="107">
        <v>45447</v>
      </c>
    </row>
    <row r="7444" spans="1:54" s="8" customFormat="1" ht="13.95" customHeight="1" x14ac:dyDescent="0.25">
      <c r="A7444" s="14" t="s">
        <v>18083</v>
      </c>
      <c r="B7444" s="109" t="s">
        <v>20561</v>
      </c>
      <c r="C7444" s="93" t="s">
        <v>18084</v>
      </c>
      <c r="D7444" s="93" t="s">
        <v>18085</v>
      </c>
      <c r="E7444" s="93" t="s">
        <v>174</v>
      </c>
      <c r="F7444" s="93">
        <v>4230</v>
      </c>
      <c r="G7444" s="93" t="s">
        <v>11</v>
      </c>
      <c r="H7444" s="111">
        <v>0</v>
      </c>
      <c r="I7444" s="111">
        <v>0</v>
      </c>
      <c r="J7444" s="111">
        <v>0</v>
      </c>
      <c r="K7444" s="111">
        <v>0</v>
      </c>
      <c r="L7444" s="111">
        <v>0</v>
      </c>
      <c r="M7444" s="111">
        <v>0</v>
      </c>
      <c r="N7444" s="111">
        <v>0</v>
      </c>
      <c r="O7444" s="111">
        <v>0</v>
      </c>
      <c r="P7444" s="111">
        <v>0</v>
      </c>
      <c r="Q7444" s="111">
        <v>0</v>
      </c>
      <c r="R7444" s="111">
        <v>0</v>
      </c>
      <c r="S7444" s="111">
        <v>0</v>
      </c>
      <c r="T7444" s="111">
        <v>0</v>
      </c>
      <c r="U7444" s="111">
        <v>0</v>
      </c>
      <c r="V7444" s="111">
        <v>0</v>
      </c>
      <c r="W7444" s="111">
        <v>0</v>
      </c>
      <c r="X7444" s="111">
        <v>0</v>
      </c>
      <c r="Y7444" s="111">
        <v>0</v>
      </c>
      <c r="Z7444" s="111">
        <v>0</v>
      </c>
      <c r="AA7444" s="111">
        <v>0</v>
      </c>
      <c r="AB7444" s="111">
        <v>0</v>
      </c>
      <c r="AC7444" s="111">
        <v>0</v>
      </c>
      <c r="AD7444" s="111">
        <v>0</v>
      </c>
      <c r="AE7444" s="111">
        <v>0</v>
      </c>
      <c r="AF7444" s="111">
        <v>0</v>
      </c>
      <c r="AG7444" s="111">
        <v>0</v>
      </c>
      <c r="AH7444" s="111">
        <v>0</v>
      </c>
      <c r="AI7444" s="111">
        <v>0</v>
      </c>
      <c r="AJ7444" s="111">
        <v>0</v>
      </c>
      <c r="AK7444" s="111">
        <v>0</v>
      </c>
      <c r="AL7444" s="111">
        <v>0</v>
      </c>
      <c r="AM7444" s="111">
        <v>0</v>
      </c>
      <c r="AN7444" s="111">
        <v>0</v>
      </c>
      <c r="AO7444" s="111">
        <v>0</v>
      </c>
      <c r="AP7444" s="111">
        <v>0</v>
      </c>
      <c r="AQ7444" s="111">
        <v>0</v>
      </c>
      <c r="AR7444" s="111">
        <v>0</v>
      </c>
      <c r="AS7444" s="111">
        <v>0</v>
      </c>
      <c r="AT7444" s="111" t="s">
        <v>174</v>
      </c>
      <c r="AU7444" s="111">
        <v>0</v>
      </c>
      <c r="AV7444" s="182">
        <v>1</v>
      </c>
      <c r="AW7444" s="111">
        <v>0</v>
      </c>
      <c r="AX7444" s="112" t="s">
        <v>17900</v>
      </c>
      <c r="AY7444" s="112"/>
      <c r="AZ7444" s="112"/>
      <c r="BA7444" s="112"/>
      <c r="BB7444" s="107">
        <v>45447</v>
      </c>
    </row>
    <row r="7445" spans="1:54" s="8" customFormat="1" ht="13.95" customHeight="1" x14ac:dyDescent="0.25">
      <c r="A7445" s="14" t="s">
        <v>18086</v>
      </c>
      <c r="B7445" s="109" t="s">
        <v>20561</v>
      </c>
      <c r="C7445" s="93" t="s">
        <v>18087</v>
      </c>
      <c r="D7445" s="93" t="s">
        <v>18088</v>
      </c>
      <c r="E7445" s="93" t="s">
        <v>174</v>
      </c>
      <c r="F7445" s="93">
        <v>12343</v>
      </c>
      <c r="G7445" s="93" t="s">
        <v>10</v>
      </c>
      <c r="H7445" s="111">
        <v>1</v>
      </c>
      <c r="I7445" s="111">
        <v>0</v>
      </c>
      <c r="J7445" s="111">
        <v>1</v>
      </c>
      <c r="K7445" s="111">
        <v>1</v>
      </c>
      <c r="L7445" s="111">
        <v>0</v>
      </c>
      <c r="M7445" s="111">
        <v>0</v>
      </c>
      <c r="N7445" s="111">
        <v>0</v>
      </c>
      <c r="O7445" s="111">
        <v>1</v>
      </c>
      <c r="P7445" s="111">
        <v>1</v>
      </c>
      <c r="Q7445" s="111">
        <v>0</v>
      </c>
      <c r="R7445" s="111">
        <v>1</v>
      </c>
      <c r="S7445" s="111">
        <v>0</v>
      </c>
      <c r="T7445" s="111">
        <v>1</v>
      </c>
      <c r="U7445" s="111">
        <v>0</v>
      </c>
      <c r="V7445" s="111">
        <v>0</v>
      </c>
      <c r="W7445" s="111">
        <v>0</v>
      </c>
      <c r="X7445" s="111">
        <v>0</v>
      </c>
      <c r="Y7445" s="111">
        <v>0</v>
      </c>
      <c r="Z7445" s="111">
        <v>0</v>
      </c>
      <c r="AA7445" s="111">
        <v>0</v>
      </c>
      <c r="AB7445" s="111">
        <v>0</v>
      </c>
      <c r="AC7445" s="111">
        <v>0</v>
      </c>
      <c r="AD7445" s="111">
        <v>0</v>
      </c>
      <c r="AE7445" s="111">
        <v>0</v>
      </c>
      <c r="AF7445" s="111">
        <v>0</v>
      </c>
      <c r="AG7445" s="111">
        <v>0</v>
      </c>
      <c r="AH7445" s="111">
        <v>0</v>
      </c>
      <c r="AI7445" s="111">
        <v>0</v>
      </c>
      <c r="AJ7445" s="111">
        <v>0</v>
      </c>
      <c r="AK7445" s="111">
        <v>0</v>
      </c>
      <c r="AL7445" s="111">
        <v>0</v>
      </c>
      <c r="AM7445" s="111">
        <v>0</v>
      </c>
      <c r="AN7445" s="111">
        <v>0</v>
      </c>
      <c r="AO7445" s="111">
        <v>0</v>
      </c>
      <c r="AP7445" s="111">
        <v>0</v>
      </c>
      <c r="AQ7445" s="111">
        <v>0</v>
      </c>
      <c r="AR7445" s="111">
        <v>0</v>
      </c>
      <c r="AS7445" s="111">
        <v>0</v>
      </c>
      <c r="AT7445" s="111" t="s">
        <v>174</v>
      </c>
      <c r="AU7445" s="111">
        <v>0</v>
      </c>
      <c r="AV7445" s="111">
        <v>0</v>
      </c>
      <c r="AW7445" s="111">
        <v>0</v>
      </c>
      <c r="AX7445" s="112"/>
      <c r="AY7445" s="112"/>
      <c r="AZ7445" s="112"/>
      <c r="BA7445" s="112" t="s">
        <v>18089</v>
      </c>
      <c r="BB7445" s="107">
        <v>45447</v>
      </c>
    </row>
    <row r="7446" spans="1:54" s="8" customFormat="1" ht="13.95" customHeight="1" x14ac:dyDescent="0.25">
      <c r="A7446" s="14" t="s">
        <v>18090</v>
      </c>
      <c r="B7446" s="109" t="s">
        <v>20561</v>
      </c>
      <c r="C7446" s="93" t="s">
        <v>18091</v>
      </c>
      <c r="D7446" s="93" t="s">
        <v>18092</v>
      </c>
      <c r="E7446" s="93" t="s">
        <v>174</v>
      </c>
      <c r="F7446" s="93">
        <v>14043</v>
      </c>
      <c r="G7446" s="93" t="s">
        <v>8</v>
      </c>
      <c r="H7446" s="111">
        <v>1</v>
      </c>
      <c r="I7446" s="111">
        <v>0</v>
      </c>
      <c r="J7446" s="111">
        <v>0</v>
      </c>
      <c r="K7446" s="111">
        <v>0</v>
      </c>
      <c r="L7446" s="111">
        <v>0</v>
      </c>
      <c r="M7446" s="111">
        <v>0</v>
      </c>
      <c r="N7446" s="111">
        <v>0</v>
      </c>
      <c r="O7446" s="111">
        <v>0</v>
      </c>
      <c r="P7446" s="111">
        <v>0</v>
      </c>
      <c r="Q7446" s="111">
        <v>0</v>
      </c>
      <c r="R7446" s="111">
        <v>0</v>
      </c>
      <c r="S7446" s="111">
        <v>0</v>
      </c>
      <c r="T7446" s="111">
        <v>0</v>
      </c>
      <c r="U7446" s="111">
        <v>0</v>
      </c>
      <c r="V7446" s="111">
        <v>0</v>
      </c>
      <c r="W7446" s="111">
        <v>0</v>
      </c>
      <c r="X7446" s="111">
        <v>0</v>
      </c>
      <c r="Y7446" s="111">
        <v>0</v>
      </c>
      <c r="Z7446" s="111">
        <v>0</v>
      </c>
      <c r="AA7446" s="111">
        <v>0</v>
      </c>
      <c r="AB7446" s="111">
        <v>0</v>
      </c>
      <c r="AC7446" s="111">
        <v>0</v>
      </c>
      <c r="AD7446" s="111">
        <v>0</v>
      </c>
      <c r="AE7446" s="111">
        <v>0</v>
      </c>
      <c r="AF7446" s="111">
        <v>0</v>
      </c>
      <c r="AG7446" s="111">
        <v>0</v>
      </c>
      <c r="AH7446" s="111">
        <v>0</v>
      </c>
      <c r="AI7446" s="111">
        <v>0</v>
      </c>
      <c r="AJ7446" s="111">
        <v>0</v>
      </c>
      <c r="AK7446" s="111">
        <v>0</v>
      </c>
      <c r="AL7446" s="111">
        <v>0</v>
      </c>
      <c r="AM7446" s="111">
        <v>0</v>
      </c>
      <c r="AN7446" s="111">
        <v>0</v>
      </c>
      <c r="AO7446" s="111">
        <v>0</v>
      </c>
      <c r="AP7446" s="111">
        <v>0</v>
      </c>
      <c r="AQ7446" s="111">
        <v>0</v>
      </c>
      <c r="AR7446" s="111">
        <v>0</v>
      </c>
      <c r="AS7446" s="111">
        <v>0</v>
      </c>
      <c r="AT7446" s="111" t="s">
        <v>174</v>
      </c>
      <c r="AU7446" s="111">
        <v>0</v>
      </c>
      <c r="AV7446" s="111">
        <v>0</v>
      </c>
      <c r="AW7446" s="111">
        <v>0</v>
      </c>
      <c r="AX7446" s="112" t="s">
        <v>17900</v>
      </c>
      <c r="AY7446" s="112"/>
      <c r="AZ7446" s="112"/>
      <c r="BA7446" s="112"/>
      <c r="BB7446" s="107">
        <v>45447</v>
      </c>
    </row>
    <row r="7447" spans="1:54" s="8" customFormat="1" ht="13.95" customHeight="1" x14ac:dyDescent="0.25">
      <c r="A7447" s="14" t="s">
        <v>18093</v>
      </c>
      <c r="B7447" s="109" t="s">
        <v>20561</v>
      </c>
      <c r="C7447" s="93" t="s">
        <v>18094</v>
      </c>
      <c r="D7447" s="93" t="s">
        <v>18095</v>
      </c>
      <c r="E7447" s="93" t="s">
        <v>174</v>
      </c>
      <c r="F7447" s="93">
        <v>14474</v>
      </c>
      <c r="G7447" s="93" t="s">
        <v>8</v>
      </c>
      <c r="H7447" s="111">
        <v>0</v>
      </c>
      <c r="I7447" s="111">
        <v>0</v>
      </c>
      <c r="J7447" s="111">
        <v>0</v>
      </c>
      <c r="K7447" s="111">
        <v>0</v>
      </c>
      <c r="L7447" s="111">
        <v>0</v>
      </c>
      <c r="M7447" s="111">
        <v>0</v>
      </c>
      <c r="N7447" s="111">
        <v>0</v>
      </c>
      <c r="O7447" s="111">
        <v>0</v>
      </c>
      <c r="P7447" s="111">
        <v>0</v>
      </c>
      <c r="Q7447" s="111">
        <v>0</v>
      </c>
      <c r="R7447" s="111">
        <v>0</v>
      </c>
      <c r="S7447" s="111">
        <v>0</v>
      </c>
      <c r="T7447" s="111">
        <v>0</v>
      </c>
      <c r="U7447" s="111">
        <v>0</v>
      </c>
      <c r="V7447" s="111">
        <v>0</v>
      </c>
      <c r="W7447" s="111">
        <v>0</v>
      </c>
      <c r="X7447" s="111">
        <v>0</v>
      </c>
      <c r="Y7447" s="111">
        <v>0</v>
      </c>
      <c r="Z7447" s="111">
        <v>0</v>
      </c>
      <c r="AA7447" s="111">
        <v>0</v>
      </c>
      <c r="AB7447" s="111">
        <v>0</v>
      </c>
      <c r="AC7447" s="111">
        <v>0</v>
      </c>
      <c r="AD7447" s="111">
        <v>0</v>
      </c>
      <c r="AE7447" s="111">
        <v>0</v>
      </c>
      <c r="AF7447" s="111">
        <v>0</v>
      </c>
      <c r="AG7447" s="111">
        <v>0</v>
      </c>
      <c r="AH7447" s="111">
        <v>0</v>
      </c>
      <c r="AI7447" s="111">
        <v>0</v>
      </c>
      <c r="AJ7447" s="111">
        <v>0</v>
      </c>
      <c r="AK7447" s="111">
        <v>0</v>
      </c>
      <c r="AL7447" s="111">
        <v>0</v>
      </c>
      <c r="AM7447" s="111">
        <v>0</v>
      </c>
      <c r="AN7447" s="111">
        <v>0</v>
      </c>
      <c r="AO7447" s="111">
        <v>0</v>
      </c>
      <c r="AP7447" s="111">
        <v>0</v>
      </c>
      <c r="AQ7447" s="111">
        <v>0</v>
      </c>
      <c r="AR7447" s="111">
        <v>0</v>
      </c>
      <c r="AS7447" s="111">
        <v>0</v>
      </c>
      <c r="AT7447" s="111" t="s">
        <v>174</v>
      </c>
      <c r="AU7447" s="111">
        <v>0</v>
      </c>
      <c r="AV7447" s="111">
        <v>0</v>
      </c>
      <c r="AW7447" s="111">
        <v>0</v>
      </c>
      <c r="AX7447" s="112"/>
      <c r="AY7447" s="112"/>
      <c r="AZ7447" s="112"/>
      <c r="BA7447" s="112"/>
      <c r="BB7447" s="107">
        <v>45447</v>
      </c>
    </row>
    <row r="7448" spans="1:54" s="8" customFormat="1" ht="13.95" customHeight="1" x14ac:dyDescent="0.25">
      <c r="A7448" s="14" t="s">
        <v>18096</v>
      </c>
      <c r="B7448" s="109" t="s">
        <v>20561</v>
      </c>
      <c r="C7448" s="93" t="s">
        <v>18097</v>
      </c>
      <c r="D7448" s="93" t="s">
        <v>18098</v>
      </c>
      <c r="E7448" s="93" t="s">
        <v>174</v>
      </c>
      <c r="F7448" s="93">
        <v>19177</v>
      </c>
      <c r="G7448" s="93" t="s">
        <v>3</v>
      </c>
      <c r="H7448" s="111">
        <v>1</v>
      </c>
      <c r="I7448" s="111">
        <v>1</v>
      </c>
      <c r="J7448" s="111">
        <v>1</v>
      </c>
      <c r="K7448" s="111">
        <v>0</v>
      </c>
      <c r="L7448" s="111">
        <v>1</v>
      </c>
      <c r="M7448" s="111">
        <v>1</v>
      </c>
      <c r="N7448" s="111">
        <v>1</v>
      </c>
      <c r="O7448" s="111">
        <v>0</v>
      </c>
      <c r="P7448" s="111">
        <v>0</v>
      </c>
      <c r="Q7448" s="111">
        <v>0</v>
      </c>
      <c r="R7448" s="111">
        <v>0</v>
      </c>
      <c r="S7448" s="111">
        <v>0</v>
      </c>
      <c r="T7448" s="111">
        <v>0</v>
      </c>
      <c r="U7448" s="111">
        <v>0</v>
      </c>
      <c r="V7448" s="111">
        <v>0</v>
      </c>
      <c r="W7448" s="111">
        <v>0</v>
      </c>
      <c r="X7448" s="111">
        <v>0</v>
      </c>
      <c r="Y7448" s="111">
        <v>0</v>
      </c>
      <c r="Z7448" s="111">
        <v>0</v>
      </c>
      <c r="AA7448" s="111">
        <v>0</v>
      </c>
      <c r="AB7448" s="111">
        <v>0</v>
      </c>
      <c r="AC7448" s="111">
        <v>0</v>
      </c>
      <c r="AD7448" s="111">
        <v>0</v>
      </c>
      <c r="AE7448" s="111">
        <v>0</v>
      </c>
      <c r="AF7448" s="111">
        <v>0</v>
      </c>
      <c r="AG7448" s="111">
        <v>0</v>
      </c>
      <c r="AH7448" s="111">
        <v>0</v>
      </c>
      <c r="AI7448" s="111">
        <v>0</v>
      </c>
      <c r="AJ7448" s="111">
        <v>0</v>
      </c>
      <c r="AK7448" s="111">
        <v>0</v>
      </c>
      <c r="AL7448" s="111">
        <v>0</v>
      </c>
      <c r="AM7448" s="111">
        <v>0</v>
      </c>
      <c r="AN7448" s="111">
        <v>0</v>
      </c>
      <c r="AO7448" s="111">
        <v>0</v>
      </c>
      <c r="AP7448" s="111">
        <v>0</v>
      </c>
      <c r="AQ7448" s="111">
        <v>0</v>
      </c>
      <c r="AR7448" s="111">
        <v>0</v>
      </c>
      <c r="AS7448" s="111">
        <v>0</v>
      </c>
      <c r="AT7448" s="111">
        <v>1</v>
      </c>
      <c r="AU7448" s="111">
        <v>0</v>
      </c>
      <c r="AV7448" s="111">
        <v>0</v>
      </c>
      <c r="AW7448" s="111">
        <v>0</v>
      </c>
      <c r="AX7448" s="112"/>
      <c r="AY7448" s="112"/>
      <c r="AZ7448" s="112"/>
      <c r="BA7448" s="112"/>
      <c r="BB7448" s="107">
        <v>45447</v>
      </c>
    </row>
    <row r="7449" spans="1:54" s="8" customFormat="1" ht="13.95" customHeight="1" x14ac:dyDescent="0.25">
      <c r="A7449" s="14" t="s">
        <v>18099</v>
      </c>
      <c r="B7449" s="109" t="s">
        <v>20561</v>
      </c>
      <c r="C7449" s="93" t="s">
        <v>18100</v>
      </c>
      <c r="D7449" s="93" t="s">
        <v>18101</v>
      </c>
      <c r="E7449" s="93" t="s">
        <v>174</v>
      </c>
      <c r="F7449" s="93">
        <v>19370</v>
      </c>
      <c r="G7449" s="93" t="s">
        <v>3</v>
      </c>
      <c r="H7449" s="111">
        <v>1</v>
      </c>
      <c r="I7449" s="111">
        <v>0</v>
      </c>
      <c r="J7449" s="111">
        <v>1</v>
      </c>
      <c r="K7449" s="111">
        <v>1</v>
      </c>
      <c r="L7449" s="111">
        <v>1</v>
      </c>
      <c r="M7449" s="111">
        <v>1</v>
      </c>
      <c r="N7449" s="111">
        <v>0</v>
      </c>
      <c r="O7449" s="111">
        <v>0</v>
      </c>
      <c r="P7449" s="111">
        <v>1</v>
      </c>
      <c r="Q7449" s="111">
        <v>0</v>
      </c>
      <c r="R7449" s="111">
        <v>0</v>
      </c>
      <c r="S7449" s="111">
        <v>1</v>
      </c>
      <c r="T7449" s="111">
        <v>1</v>
      </c>
      <c r="U7449" s="111">
        <v>0</v>
      </c>
      <c r="V7449" s="111">
        <v>0</v>
      </c>
      <c r="W7449" s="111">
        <v>0</v>
      </c>
      <c r="X7449" s="111">
        <v>0</v>
      </c>
      <c r="Y7449" s="111">
        <v>0</v>
      </c>
      <c r="Z7449" s="111">
        <v>0</v>
      </c>
      <c r="AA7449" s="111">
        <v>0</v>
      </c>
      <c r="AB7449" s="111">
        <v>0</v>
      </c>
      <c r="AC7449" s="111">
        <v>0</v>
      </c>
      <c r="AD7449" s="111">
        <v>0</v>
      </c>
      <c r="AE7449" s="111">
        <v>0</v>
      </c>
      <c r="AF7449" s="111">
        <v>0</v>
      </c>
      <c r="AG7449" s="111">
        <v>0</v>
      </c>
      <c r="AH7449" s="111">
        <v>0</v>
      </c>
      <c r="AI7449" s="111">
        <v>0</v>
      </c>
      <c r="AJ7449" s="111">
        <v>0</v>
      </c>
      <c r="AK7449" s="111">
        <v>0</v>
      </c>
      <c r="AL7449" s="111">
        <v>0</v>
      </c>
      <c r="AM7449" s="111">
        <v>0</v>
      </c>
      <c r="AN7449" s="111">
        <v>0</v>
      </c>
      <c r="AO7449" s="111">
        <v>0</v>
      </c>
      <c r="AP7449" s="111">
        <v>0</v>
      </c>
      <c r="AQ7449" s="111">
        <v>0</v>
      </c>
      <c r="AR7449" s="111">
        <v>0</v>
      </c>
      <c r="AS7449" s="111">
        <v>0</v>
      </c>
      <c r="AT7449" s="111">
        <v>1</v>
      </c>
      <c r="AU7449" s="111">
        <v>0</v>
      </c>
      <c r="AV7449" s="111">
        <v>0</v>
      </c>
      <c r="AW7449" s="111">
        <v>0</v>
      </c>
      <c r="AX7449" s="112"/>
      <c r="AY7449" s="112"/>
      <c r="AZ7449" s="112"/>
      <c r="BA7449" s="112"/>
      <c r="BB7449" s="107">
        <v>45447</v>
      </c>
    </row>
    <row r="7450" spans="1:54" s="17" customFormat="1" ht="13.95" customHeight="1" x14ac:dyDescent="0.25">
      <c r="A7450" s="16" t="s">
        <v>18102</v>
      </c>
      <c r="B7450" s="109" t="s">
        <v>20561</v>
      </c>
      <c r="C7450" s="93" t="s">
        <v>18103</v>
      </c>
      <c r="D7450" s="109" t="s">
        <v>18104</v>
      </c>
      <c r="E7450" s="109" t="s">
        <v>174</v>
      </c>
      <c r="F7450" s="109">
        <v>23000</v>
      </c>
      <c r="G7450" s="109" t="s">
        <v>3</v>
      </c>
      <c r="H7450" s="182">
        <v>1</v>
      </c>
      <c r="I7450" s="182">
        <v>1</v>
      </c>
      <c r="J7450" s="182">
        <v>1</v>
      </c>
      <c r="K7450" s="182">
        <v>1</v>
      </c>
      <c r="L7450" s="182">
        <v>0</v>
      </c>
      <c r="M7450" s="182">
        <v>1</v>
      </c>
      <c r="N7450" s="182">
        <v>0</v>
      </c>
      <c r="O7450" s="182">
        <v>0</v>
      </c>
      <c r="P7450" s="182">
        <v>1</v>
      </c>
      <c r="Q7450" s="182">
        <v>0</v>
      </c>
      <c r="R7450" s="182">
        <v>1</v>
      </c>
      <c r="S7450" s="182">
        <v>1</v>
      </c>
      <c r="T7450" s="182">
        <v>0</v>
      </c>
      <c r="U7450" s="182">
        <v>0</v>
      </c>
      <c r="V7450" s="182">
        <v>0</v>
      </c>
      <c r="W7450" s="182">
        <v>0</v>
      </c>
      <c r="X7450" s="182">
        <v>1</v>
      </c>
      <c r="Y7450" s="182">
        <v>1</v>
      </c>
      <c r="Z7450" s="182">
        <v>1</v>
      </c>
      <c r="AA7450" s="182">
        <v>0</v>
      </c>
      <c r="AB7450" s="182">
        <v>0</v>
      </c>
      <c r="AC7450" s="182">
        <v>0</v>
      </c>
      <c r="AD7450" s="182">
        <v>0</v>
      </c>
      <c r="AE7450" s="182">
        <v>0</v>
      </c>
      <c r="AF7450" s="182">
        <v>1</v>
      </c>
      <c r="AG7450" s="182">
        <v>1</v>
      </c>
      <c r="AH7450" s="182">
        <v>0</v>
      </c>
      <c r="AI7450" s="182">
        <v>0</v>
      </c>
      <c r="AJ7450" s="182">
        <v>0</v>
      </c>
      <c r="AK7450" s="182">
        <v>0</v>
      </c>
      <c r="AL7450" s="182">
        <v>0</v>
      </c>
      <c r="AM7450" s="182">
        <v>0</v>
      </c>
      <c r="AN7450" s="182">
        <v>0</v>
      </c>
      <c r="AO7450" s="182">
        <v>1</v>
      </c>
      <c r="AP7450" s="182">
        <v>0</v>
      </c>
      <c r="AQ7450" s="182">
        <v>0</v>
      </c>
      <c r="AR7450" s="182">
        <v>1</v>
      </c>
      <c r="AS7450" s="182">
        <v>0</v>
      </c>
      <c r="AT7450" s="182">
        <v>1</v>
      </c>
      <c r="AU7450" s="182">
        <v>0</v>
      </c>
      <c r="AV7450" s="182">
        <v>1</v>
      </c>
      <c r="AW7450" s="182">
        <v>1</v>
      </c>
      <c r="AX7450" s="183" t="s">
        <v>24412</v>
      </c>
      <c r="AY7450" s="183" t="s">
        <v>24413</v>
      </c>
      <c r="AZ7450" s="184" t="s">
        <v>22099</v>
      </c>
      <c r="BA7450" s="183"/>
      <c r="BB7450" s="107">
        <v>45447</v>
      </c>
    </row>
    <row r="7451" spans="1:54" s="17" customFormat="1" ht="13.95" customHeight="1" x14ac:dyDescent="0.25">
      <c r="A7451" s="16" t="s">
        <v>18105</v>
      </c>
      <c r="B7451" s="109" t="s">
        <v>20561</v>
      </c>
      <c r="C7451" s="93" t="s">
        <v>18106</v>
      </c>
      <c r="D7451" s="109" t="s">
        <v>18107</v>
      </c>
      <c r="E7451" s="109" t="s">
        <v>174</v>
      </c>
      <c r="F7451" s="109">
        <v>175200</v>
      </c>
      <c r="G7451" s="109" t="s">
        <v>0</v>
      </c>
      <c r="H7451" s="182">
        <v>1</v>
      </c>
      <c r="I7451" s="182">
        <v>1</v>
      </c>
      <c r="J7451" s="182">
        <v>1</v>
      </c>
      <c r="K7451" s="182">
        <v>1</v>
      </c>
      <c r="L7451" s="182">
        <v>0</v>
      </c>
      <c r="M7451" s="182">
        <v>1</v>
      </c>
      <c r="N7451" s="182">
        <v>1</v>
      </c>
      <c r="O7451" s="182">
        <v>0</v>
      </c>
      <c r="P7451" s="182">
        <v>1</v>
      </c>
      <c r="Q7451" s="182">
        <v>0</v>
      </c>
      <c r="R7451" s="182">
        <v>0</v>
      </c>
      <c r="S7451" s="182">
        <v>1</v>
      </c>
      <c r="T7451" s="182">
        <v>1</v>
      </c>
      <c r="U7451" s="182">
        <v>1</v>
      </c>
      <c r="V7451" s="182">
        <v>0</v>
      </c>
      <c r="W7451" s="182">
        <v>1</v>
      </c>
      <c r="X7451" s="182">
        <v>0</v>
      </c>
      <c r="Y7451" s="182">
        <v>1</v>
      </c>
      <c r="Z7451" s="182">
        <v>1</v>
      </c>
      <c r="AA7451" s="182">
        <v>0</v>
      </c>
      <c r="AB7451" s="182">
        <v>1</v>
      </c>
      <c r="AC7451" s="182">
        <v>0</v>
      </c>
      <c r="AD7451" s="182">
        <v>0</v>
      </c>
      <c r="AE7451" s="182">
        <v>0</v>
      </c>
      <c r="AF7451" s="182">
        <v>1</v>
      </c>
      <c r="AG7451" s="182">
        <v>1</v>
      </c>
      <c r="AH7451" s="182">
        <v>1</v>
      </c>
      <c r="AI7451" s="182">
        <v>1</v>
      </c>
      <c r="AJ7451" s="182">
        <v>0</v>
      </c>
      <c r="AK7451" s="182">
        <v>0</v>
      </c>
      <c r="AL7451" s="182">
        <v>1</v>
      </c>
      <c r="AM7451" s="182">
        <v>0</v>
      </c>
      <c r="AN7451" s="182">
        <v>0</v>
      </c>
      <c r="AO7451" s="182">
        <v>1</v>
      </c>
      <c r="AP7451" s="182">
        <v>1</v>
      </c>
      <c r="AQ7451" s="182">
        <v>0</v>
      </c>
      <c r="AR7451" s="182">
        <v>1</v>
      </c>
      <c r="AS7451" s="182">
        <v>1</v>
      </c>
      <c r="AT7451" s="182" t="s">
        <v>174</v>
      </c>
      <c r="AU7451" s="182">
        <v>0</v>
      </c>
      <c r="AV7451" s="182">
        <v>1</v>
      </c>
      <c r="AW7451" s="182">
        <v>1</v>
      </c>
      <c r="AX7451" s="183" t="s">
        <v>24412</v>
      </c>
      <c r="AY7451" s="183" t="s">
        <v>24413</v>
      </c>
      <c r="AZ7451" s="184" t="s">
        <v>22100</v>
      </c>
      <c r="BA7451" s="183"/>
      <c r="BB7451" s="107">
        <v>45447</v>
      </c>
    </row>
    <row r="7452" spans="1:54" s="8" customFormat="1" ht="13.95" customHeight="1" x14ac:dyDescent="0.25">
      <c r="A7452" s="14" t="s">
        <v>21901</v>
      </c>
      <c r="B7452" s="109" t="s">
        <v>20561</v>
      </c>
      <c r="C7452" s="93" t="s">
        <v>18108</v>
      </c>
      <c r="D7452" s="93" t="s">
        <v>20333</v>
      </c>
      <c r="E7452" s="93" t="s">
        <v>174</v>
      </c>
      <c r="F7452" s="93">
        <v>1432</v>
      </c>
      <c r="G7452" s="93" t="s">
        <v>11</v>
      </c>
      <c r="H7452" s="111">
        <v>0</v>
      </c>
      <c r="I7452" s="111">
        <v>0</v>
      </c>
      <c r="J7452" s="111">
        <v>0</v>
      </c>
      <c r="K7452" s="111">
        <v>0</v>
      </c>
      <c r="L7452" s="111">
        <v>0</v>
      </c>
      <c r="M7452" s="111">
        <v>0</v>
      </c>
      <c r="N7452" s="111">
        <v>0</v>
      </c>
      <c r="O7452" s="111">
        <v>0</v>
      </c>
      <c r="P7452" s="111">
        <v>0</v>
      </c>
      <c r="Q7452" s="111">
        <v>0</v>
      </c>
      <c r="R7452" s="111">
        <v>0</v>
      </c>
      <c r="S7452" s="111">
        <v>0</v>
      </c>
      <c r="T7452" s="111">
        <v>0</v>
      </c>
      <c r="U7452" s="111">
        <v>0</v>
      </c>
      <c r="V7452" s="111">
        <v>0</v>
      </c>
      <c r="W7452" s="111">
        <v>0</v>
      </c>
      <c r="X7452" s="111">
        <v>0</v>
      </c>
      <c r="Y7452" s="111">
        <v>0</v>
      </c>
      <c r="Z7452" s="111">
        <v>0</v>
      </c>
      <c r="AA7452" s="111">
        <v>0</v>
      </c>
      <c r="AB7452" s="111">
        <v>0</v>
      </c>
      <c r="AC7452" s="111">
        <v>0</v>
      </c>
      <c r="AD7452" s="111">
        <v>0</v>
      </c>
      <c r="AE7452" s="111">
        <v>0</v>
      </c>
      <c r="AF7452" s="111">
        <v>0</v>
      </c>
      <c r="AG7452" s="111">
        <v>0</v>
      </c>
      <c r="AH7452" s="111">
        <v>0</v>
      </c>
      <c r="AI7452" s="111">
        <v>0</v>
      </c>
      <c r="AJ7452" s="111">
        <v>0</v>
      </c>
      <c r="AK7452" s="111">
        <v>0</v>
      </c>
      <c r="AL7452" s="111">
        <v>0</v>
      </c>
      <c r="AM7452" s="111">
        <v>0</v>
      </c>
      <c r="AN7452" s="111">
        <v>0</v>
      </c>
      <c r="AO7452" s="111">
        <v>0</v>
      </c>
      <c r="AP7452" s="111">
        <v>0</v>
      </c>
      <c r="AQ7452" s="111">
        <v>0</v>
      </c>
      <c r="AR7452" s="111">
        <v>0</v>
      </c>
      <c r="AS7452" s="111">
        <v>0</v>
      </c>
      <c r="AT7452" s="111" t="s">
        <v>174</v>
      </c>
      <c r="AU7452" s="111">
        <v>0</v>
      </c>
      <c r="AV7452" s="111">
        <v>0</v>
      </c>
      <c r="AW7452" s="111">
        <v>0</v>
      </c>
      <c r="AX7452" s="112" t="s">
        <v>17900</v>
      </c>
      <c r="AY7452" s="112"/>
      <c r="AZ7452" s="112"/>
      <c r="BA7452" s="112"/>
      <c r="BB7452" s="107">
        <v>45447</v>
      </c>
    </row>
    <row r="7453" spans="1:54" s="8" customFormat="1" ht="13.95" customHeight="1" x14ac:dyDescent="0.25">
      <c r="A7453" s="14" t="s">
        <v>21902</v>
      </c>
      <c r="B7453" s="109" t="s">
        <v>20561</v>
      </c>
      <c r="C7453" s="93" t="s">
        <v>14414</v>
      </c>
      <c r="D7453" s="93" t="s">
        <v>18109</v>
      </c>
      <c r="E7453" s="93" t="s">
        <v>174</v>
      </c>
      <c r="F7453" s="93">
        <v>1321</v>
      </c>
      <c r="G7453" s="93" t="s">
        <v>1</v>
      </c>
      <c r="H7453" s="111">
        <v>0</v>
      </c>
      <c r="I7453" s="111">
        <v>0</v>
      </c>
      <c r="J7453" s="111">
        <v>0</v>
      </c>
      <c r="K7453" s="111">
        <v>1</v>
      </c>
      <c r="L7453" s="111">
        <v>0</v>
      </c>
      <c r="M7453" s="111">
        <v>1</v>
      </c>
      <c r="N7453" s="111">
        <v>0</v>
      </c>
      <c r="O7453" s="111">
        <v>0</v>
      </c>
      <c r="P7453" s="111">
        <v>0</v>
      </c>
      <c r="Q7453" s="111">
        <v>0</v>
      </c>
      <c r="R7453" s="111">
        <v>0</v>
      </c>
      <c r="S7453" s="111">
        <v>0</v>
      </c>
      <c r="T7453" s="111">
        <v>0</v>
      </c>
      <c r="U7453" s="145"/>
      <c r="V7453" s="145"/>
      <c r="W7453" s="145"/>
      <c r="X7453" s="145"/>
      <c r="Y7453" s="145"/>
      <c r="Z7453" s="145"/>
      <c r="AA7453" s="145"/>
      <c r="AB7453" s="145"/>
      <c r="AC7453" s="145"/>
      <c r="AD7453" s="145"/>
      <c r="AE7453" s="145"/>
      <c r="AF7453" s="145"/>
      <c r="AG7453" s="145"/>
      <c r="AH7453" s="145"/>
      <c r="AI7453" s="145"/>
      <c r="AJ7453" s="145"/>
      <c r="AK7453" s="145"/>
      <c r="AL7453" s="145"/>
      <c r="AM7453" s="145"/>
      <c r="AN7453" s="145"/>
      <c r="AO7453" s="145"/>
      <c r="AP7453" s="145"/>
      <c r="AQ7453" s="145"/>
      <c r="AR7453" s="145"/>
      <c r="AS7453" s="145"/>
      <c r="AT7453" s="145"/>
      <c r="AU7453" s="145"/>
      <c r="AV7453" s="145"/>
      <c r="AW7453" s="145"/>
      <c r="AX7453" s="146"/>
      <c r="AY7453" s="146"/>
      <c r="AZ7453" s="146"/>
      <c r="BA7453" s="146"/>
      <c r="BB7453" s="107">
        <v>45447</v>
      </c>
    </row>
    <row r="7454" spans="1:54" s="8" customFormat="1" ht="13.95" customHeight="1" x14ac:dyDescent="0.25">
      <c r="A7454" s="14" t="s">
        <v>21903</v>
      </c>
      <c r="B7454" s="109" t="s">
        <v>20561</v>
      </c>
      <c r="C7454" s="93" t="s">
        <v>19490</v>
      </c>
      <c r="D7454" s="93" t="s">
        <v>19491</v>
      </c>
      <c r="E7454" s="93" t="s">
        <v>174</v>
      </c>
      <c r="F7454" s="93">
        <v>482</v>
      </c>
      <c r="G7454" s="93" t="s">
        <v>12</v>
      </c>
      <c r="H7454" s="111">
        <v>0</v>
      </c>
      <c r="I7454" s="111">
        <v>0</v>
      </c>
      <c r="J7454" s="111">
        <v>1</v>
      </c>
      <c r="K7454" s="111">
        <v>0</v>
      </c>
      <c r="L7454" s="111">
        <v>1</v>
      </c>
      <c r="M7454" s="111">
        <v>0</v>
      </c>
      <c r="N7454" s="111">
        <v>0</v>
      </c>
      <c r="O7454" s="111">
        <v>1</v>
      </c>
      <c r="P7454" s="111">
        <v>0</v>
      </c>
      <c r="Q7454" s="111">
        <v>1</v>
      </c>
      <c r="R7454" s="111">
        <v>0</v>
      </c>
      <c r="S7454" s="111">
        <v>0</v>
      </c>
      <c r="T7454" s="111">
        <v>0</v>
      </c>
      <c r="U7454" s="145"/>
      <c r="V7454" s="145"/>
      <c r="W7454" s="145"/>
      <c r="X7454" s="145"/>
      <c r="Y7454" s="145"/>
      <c r="Z7454" s="145"/>
      <c r="AA7454" s="145"/>
      <c r="AB7454" s="145"/>
      <c r="AC7454" s="145"/>
      <c r="AD7454" s="145"/>
      <c r="AE7454" s="145"/>
      <c r="AF7454" s="145"/>
      <c r="AG7454" s="145"/>
      <c r="AH7454" s="145"/>
      <c r="AI7454" s="145"/>
      <c r="AJ7454" s="145"/>
      <c r="AK7454" s="145"/>
      <c r="AL7454" s="145"/>
      <c r="AM7454" s="145"/>
      <c r="AN7454" s="145"/>
      <c r="AO7454" s="145"/>
      <c r="AP7454" s="145"/>
      <c r="AQ7454" s="145"/>
      <c r="AR7454" s="145"/>
      <c r="AS7454" s="145"/>
      <c r="AT7454" s="145"/>
      <c r="AU7454" s="145"/>
      <c r="AV7454" s="145"/>
      <c r="AW7454" s="145"/>
      <c r="AX7454" s="146"/>
      <c r="AY7454" s="146"/>
      <c r="AZ7454" s="146"/>
      <c r="BA7454" s="146"/>
      <c r="BB7454" s="107">
        <v>45447</v>
      </c>
    </row>
    <row r="7455" spans="1:54" s="8" customFormat="1" ht="13.95" customHeight="1" x14ac:dyDescent="0.25">
      <c r="A7455" s="14" t="s">
        <v>19492</v>
      </c>
      <c r="B7455" s="109" t="s">
        <v>20561</v>
      </c>
      <c r="C7455" s="93" t="s">
        <v>19493</v>
      </c>
      <c r="D7455" s="93" t="s">
        <v>19494</v>
      </c>
      <c r="E7455" s="93" t="s">
        <v>174</v>
      </c>
      <c r="F7455" s="93">
        <v>282</v>
      </c>
      <c r="G7455" s="93" t="s">
        <v>12</v>
      </c>
      <c r="H7455" s="111">
        <v>0</v>
      </c>
      <c r="I7455" s="111">
        <v>0</v>
      </c>
      <c r="J7455" s="111">
        <v>0</v>
      </c>
      <c r="K7455" s="111">
        <v>0</v>
      </c>
      <c r="L7455" s="111">
        <v>1</v>
      </c>
      <c r="M7455" s="111">
        <v>0</v>
      </c>
      <c r="N7455" s="111">
        <v>0</v>
      </c>
      <c r="O7455" s="111">
        <v>0</v>
      </c>
      <c r="P7455" s="111">
        <v>0</v>
      </c>
      <c r="Q7455" s="111">
        <v>0</v>
      </c>
      <c r="R7455" s="111">
        <v>0</v>
      </c>
      <c r="S7455" s="111">
        <v>0</v>
      </c>
      <c r="T7455" s="111">
        <v>0</v>
      </c>
      <c r="U7455" s="145"/>
      <c r="V7455" s="145"/>
      <c r="W7455" s="145"/>
      <c r="X7455" s="145"/>
      <c r="Y7455" s="145"/>
      <c r="Z7455" s="145"/>
      <c r="AA7455" s="145"/>
      <c r="AB7455" s="145"/>
      <c r="AC7455" s="145"/>
      <c r="AD7455" s="145"/>
      <c r="AE7455" s="145"/>
      <c r="AF7455" s="145"/>
      <c r="AG7455" s="145"/>
      <c r="AH7455" s="145"/>
      <c r="AI7455" s="145"/>
      <c r="AJ7455" s="145"/>
      <c r="AK7455" s="145"/>
      <c r="AL7455" s="145"/>
      <c r="AM7455" s="145"/>
      <c r="AN7455" s="145"/>
      <c r="AO7455" s="145"/>
      <c r="AP7455" s="145"/>
      <c r="AQ7455" s="145"/>
      <c r="AR7455" s="145"/>
      <c r="AS7455" s="145"/>
      <c r="AT7455" s="145"/>
      <c r="AU7455" s="145"/>
      <c r="AV7455" s="145"/>
      <c r="AW7455" s="145"/>
      <c r="AX7455" s="146"/>
      <c r="AY7455" s="146"/>
      <c r="AZ7455" s="146"/>
      <c r="BA7455" s="146"/>
      <c r="BB7455" s="107">
        <v>45447</v>
      </c>
    </row>
    <row r="7456" spans="1:54" s="8" customFormat="1" ht="13.95" customHeight="1" x14ac:dyDescent="0.25">
      <c r="A7456" s="14" t="s">
        <v>19495</v>
      </c>
      <c r="B7456" s="109" t="s">
        <v>20561</v>
      </c>
      <c r="C7456" s="93" t="s">
        <v>19496</v>
      </c>
      <c r="D7456" s="93" t="s">
        <v>19497</v>
      </c>
      <c r="E7456" s="93" t="s">
        <v>174</v>
      </c>
      <c r="F7456" s="93">
        <v>342</v>
      </c>
      <c r="G7456" s="93" t="s">
        <v>12</v>
      </c>
      <c r="H7456" s="111">
        <v>0</v>
      </c>
      <c r="I7456" s="111">
        <v>0</v>
      </c>
      <c r="J7456" s="111">
        <v>1</v>
      </c>
      <c r="K7456" s="111">
        <v>0</v>
      </c>
      <c r="L7456" s="111">
        <v>1</v>
      </c>
      <c r="M7456" s="111">
        <v>0</v>
      </c>
      <c r="N7456" s="111">
        <v>0</v>
      </c>
      <c r="O7456" s="111">
        <v>0</v>
      </c>
      <c r="P7456" s="111">
        <v>0</v>
      </c>
      <c r="Q7456" s="111">
        <v>0</v>
      </c>
      <c r="R7456" s="111">
        <v>1</v>
      </c>
      <c r="S7456" s="111">
        <v>0</v>
      </c>
      <c r="T7456" s="111">
        <v>0</v>
      </c>
      <c r="U7456" s="145"/>
      <c r="V7456" s="145"/>
      <c r="W7456" s="145"/>
      <c r="X7456" s="145"/>
      <c r="Y7456" s="145"/>
      <c r="Z7456" s="145"/>
      <c r="AA7456" s="145"/>
      <c r="AB7456" s="145"/>
      <c r="AC7456" s="145"/>
      <c r="AD7456" s="145"/>
      <c r="AE7456" s="145"/>
      <c r="AF7456" s="145"/>
      <c r="AG7456" s="145"/>
      <c r="AH7456" s="145"/>
      <c r="AI7456" s="145"/>
      <c r="AJ7456" s="145"/>
      <c r="AK7456" s="145"/>
      <c r="AL7456" s="145"/>
      <c r="AM7456" s="145"/>
      <c r="AN7456" s="145"/>
      <c r="AO7456" s="145"/>
      <c r="AP7456" s="145"/>
      <c r="AQ7456" s="145"/>
      <c r="AR7456" s="145"/>
      <c r="AS7456" s="145"/>
      <c r="AT7456" s="111">
        <v>1</v>
      </c>
      <c r="AU7456" s="145"/>
      <c r="AV7456" s="145"/>
      <c r="AW7456" s="145"/>
      <c r="AX7456" s="146"/>
      <c r="AY7456" s="146"/>
      <c r="AZ7456" s="146"/>
      <c r="BA7456" s="146"/>
      <c r="BB7456" s="107">
        <v>45447</v>
      </c>
    </row>
    <row r="7457" spans="1:54" s="8" customFormat="1" ht="13.95" customHeight="1" x14ac:dyDescent="0.25">
      <c r="A7457" s="14" t="s">
        <v>19498</v>
      </c>
      <c r="B7457" s="109" t="s">
        <v>20561</v>
      </c>
      <c r="C7457" s="93" t="s">
        <v>19499</v>
      </c>
      <c r="D7457" s="93" t="s">
        <v>19500</v>
      </c>
      <c r="E7457" s="93" t="s">
        <v>174</v>
      </c>
      <c r="F7457" s="93">
        <v>404</v>
      </c>
      <c r="G7457" s="93" t="s">
        <v>12</v>
      </c>
      <c r="H7457" s="111">
        <v>0</v>
      </c>
      <c r="I7457" s="111">
        <v>0</v>
      </c>
      <c r="J7457" s="111">
        <v>1</v>
      </c>
      <c r="K7457" s="111">
        <v>0</v>
      </c>
      <c r="L7457" s="111">
        <v>0</v>
      </c>
      <c r="M7457" s="111">
        <v>0</v>
      </c>
      <c r="N7457" s="111">
        <v>0</v>
      </c>
      <c r="O7457" s="111">
        <v>1</v>
      </c>
      <c r="P7457" s="111">
        <v>0</v>
      </c>
      <c r="Q7457" s="111">
        <v>0</v>
      </c>
      <c r="R7457" s="111">
        <v>1</v>
      </c>
      <c r="S7457" s="111">
        <v>0</v>
      </c>
      <c r="T7457" s="111">
        <v>0</v>
      </c>
      <c r="U7457" s="145"/>
      <c r="V7457" s="145"/>
      <c r="W7457" s="145"/>
      <c r="X7457" s="145"/>
      <c r="Y7457" s="145"/>
      <c r="Z7457" s="145"/>
      <c r="AA7457" s="145"/>
      <c r="AB7457" s="145"/>
      <c r="AC7457" s="145"/>
      <c r="AD7457" s="145"/>
      <c r="AE7457" s="145"/>
      <c r="AF7457" s="145"/>
      <c r="AG7457" s="145"/>
      <c r="AH7457" s="145"/>
      <c r="AI7457" s="145"/>
      <c r="AJ7457" s="145"/>
      <c r="AK7457" s="145"/>
      <c r="AL7457" s="145"/>
      <c r="AM7457" s="145"/>
      <c r="AN7457" s="145"/>
      <c r="AO7457" s="145"/>
      <c r="AP7457" s="145"/>
      <c r="AQ7457" s="145"/>
      <c r="AR7457" s="145"/>
      <c r="AS7457" s="145"/>
      <c r="AT7457" s="111">
        <v>1</v>
      </c>
      <c r="AU7457" s="145"/>
      <c r="AV7457" s="145"/>
      <c r="AW7457" s="145"/>
      <c r="AX7457" s="146"/>
      <c r="AY7457" s="146"/>
      <c r="AZ7457" s="146"/>
      <c r="BA7457" s="146"/>
      <c r="BB7457" s="107">
        <v>45447</v>
      </c>
    </row>
    <row r="7458" spans="1:54" s="8" customFormat="1" ht="13.95" customHeight="1" x14ac:dyDescent="0.25">
      <c r="A7458" s="14" t="s">
        <v>19501</v>
      </c>
      <c r="B7458" s="109" t="s">
        <v>20561</v>
      </c>
      <c r="C7458" s="93" t="s">
        <v>19502</v>
      </c>
      <c r="D7458" s="93" t="s">
        <v>19503</v>
      </c>
      <c r="E7458" s="93" t="s">
        <v>174</v>
      </c>
      <c r="F7458" s="93">
        <v>327</v>
      </c>
      <c r="G7458" s="93" t="s">
        <v>12</v>
      </c>
      <c r="H7458" s="111">
        <v>0</v>
      </c>
      <c r="I7458" s="111">
        <v>0</v>
      </c>
      <c r="J7458" s="111">
        <v>1</v>
      </c>
      <c r="K7458" s="111">
        <v>0</v>
      </c>
      <c r="L7458" s="111">
        <v>1</v>
      </c>
      <c r="M7458" s="111">
        <v>0</v>
      </c>
      <c r="N7458" s="111">
        <v>0</v>
      </c>
      <c r="O7458" s="111">
        <v>0</v>
      </c>
      <c r="P7458" s="111">
        <v>0</v>
      </c>
      <c r="Q7458" s="111">
        <v>0</v>
      </c>
      <c r="R7458" s="111">
        <v>1</v>
      </c>
      <c r="S7458" s="111">
        <v>0</v>
      </c>
      <c r="T7458" s="111">
        <v>0</v>
      </c>
      <c r="U7458" s="145"/>
      <c r="V7458" s="145"/>
      <c r="W7458" s="145"/>
      <c r="X7458" s="145"/>
      <c r="Y7458" s="145"/>
      <c r="Z7458" s="145"/>
      <c r="AA7458" s="145"/>
      <c r="AB7458" s="145"/>
      <c r="AC7458" s="145"/>
      <c r="AD7458" s="145"/>
      <c r="AE7458" s="145"/>
      <c r="AF7458" s="145"/>
      <c r="AG7458" s="145"/>
      <c r="AH7458" s="145"/>
      <c r="AI7458" s="145"/>
      <c r="AJ7458" s="145"/>
      <c r="AK7458" s="145"/>
      <c r="AL7458" s="145"/>
      <c r="AM7458" s="145"/>
      <c r="AN7458" s="145"/>
      <c r="AO7458" s="145"/>
      <c r="AP7458" s="145"/>
      <c r="AQ7458" s="145"/>
      <c r="AR7458" s="145"/>
      <c r="AS7458" s="145"/>
      <c r="AT7458" s="111">
        <v>1</v>
      </c>
      <c r="AU7458" s="145"/>
      <c r="AV7458" s="145"/>
      <c r="AW7458" s="145"/>
      <c r="AX7458" s="146"/>
      <c r="AY7458" s="146"/>
      <c r="AZ7458" s="146"/>
      <c r="BA7458" s="146"/>
      <c r="BB7458" s="107">
        <v>45447</v>
      </c>
    </row>
    <row r="7459" spans="1:54" s="8" customFormat="1" ht="13.95" customHeight="1" x14ac:dyDescent="0.25">
      <c r="A7459" s="14" t="s">
        <v>19504</v>
      </c>
      <c r="B7459" s="109" t="s">
        <v>20561</v>
      </c>
      <c r="C7459" s="93" t="s">
        <v>19505</v>
      </c>
      <c r="D7459" s="93" t="s">
        <v>19506</v>
      </c>
      <c r="E7459" s="93" t="s">
        <v>174</v>
      </c>
      <c r="F7459" s="93">
        <v>373</v>
      </c>
      <c r="G7459" s="93" t="s">
        <v>12</v>
      </c>
      <c r="H7459" s="111">
        <v>0</v>
      </c>
      <c r="I7459" s="111">
        <v>0</v>
      </c>
      <c r="J7459" s="111">
        <v>1</v>
      </c>
      <c r="K7459" s="111">
        <v>0</v>
      </c>
      <c r="L7459" s="111">
        <v>1</v>
      </c>
      <c r="M7459" s="111">
        <v>0</v>
      </c>
      <c r="N7459" s="111">
        <v>0</v>
      </c>
      <c r="O7459" s="111">
        <v>0</v>
      </c>
      <c r="P7459" s="111">
        <v>0</v>
      </c>
      <c r="Q7459" s="111">
        <v>0</v>
      </c>
      <c r="R7459" s="111">
        <v>1</v>
      </c>
      <c r="S7459" s="111">
        <v>0</v>
      </c>
      <c r="T7459" s="111">
        <v>0</v>
      </c>
      <c r="U7459" s="145"/>
      <c r="V7459" s="145"/>
      <c r="W7459" s="145"/>
      <c r="X7459" s="145"/>
      <c r="Y7459" s="145"/>
      <c r="Z7459" s="145"/>
      <c r="AA7459" s="145"/>
      <c r="AB7459" s="145"/>
      <c r="AC7459" s="145"/>
      <c r="AD7459" s="145"/>
      <c r="AE7459" s="145"/>
      <c r="AF7459" s="145"/>
      <c r="AG7459" s="145"/>
      <c r="AH7459" s="145"/>
      <c r="AI7459" s="145"/>
      <c r="AJ7459" s="145"/>
      <c r="AK7459" s="145"/>
      <c r="AL7459" s="145"/>
      <c r="AM7459" s="145"/>
      <c r="AN7459" s="145"/>
      <c r="AO7459" s="145"/>
      <c r="AP7459" s="145"/>
      <c r="AQ7459" s="145"/>
      <c r="AR7459" s="145"/>
      <c r="AS7459" s="145"/>
      <c r="AT7459" s="111">
        <v>1</v>
      </c>
      <c r="AU7459" s="145"/>
      <c r="AV7459" s="145"/>
      <c r="AW7459" s="145"/>
      <c r="AX7459" s="146"/>
      <c r="AY7459" s="146"/>
      <c r="AZ7459" s="146"/>
      <c r="BA7459" s="146"/>
      <c r="BB7459" s="107">
        <v>45447</v>
      </c>
    </row>
    <row r="7460" spans="1:54" s="8" customFormat="1" ht="13.95" customHeight="1" x14ac:dyDescent="0.25">
      <c r="A7460" s="14" t="s">
        <v>19507</v>
      </c>
      <c r="B7460" s="109" t="s">
        <v>20561</v>
      </c>
      <c r="C7460" s="93" t="s">
        <v>19508</v>
      </c>
      <c r="D7460" s="93" t="s">
        <v>19509</v>
      </c>
      <c r="E7460" s="93" t="s">
        <v>174</v>
      </c>
      <c r="F7460" s="93">
        <v>626</v>
      </c>
      <c r="G7460" s="93" t="s">
        <v>12</v>
      </c>
      <c r="H7460" s="111">
        <v>0</v>
      </c>
      <c r="I7460" s="111">
        <v>0</v>
      </c>
      <c r="J7460" s="111">
        <v>1</v>
      </c>
      <c r="K7460" s="111">
        <v>0</v>
      </c>
      <c r="L7460" s="111">
        <v>1</v>
      </c>
      <c r="M7460" s="111">
        <v>0</v>
      </c>
      <c r="N7460" s="111">
        <v>0</v>
      </c>
      <c r="O7460" s="111">
        <v>0</v>
      </c>
      <c r="P7460" s="111">
        <v>0</v>
      </c>
      <c r="Q7460" s="111">
        <v>0</v>
      </c>
      <c r="R7460" s="111">
        <v>1</v>
      </c>
      <c r="S7460" s="111">
        <v>0</v>
      </c>
      <c r="T7460" s="111">
        <v>0</v>
      </c>
      <c r="U7460" s="145"/>
      <c r="V7460" s="145"/>
      <c r="W7460" s="145"/>
      <c r="X7460" s="145"/>
      <c r="Y7460" s="145"/>
      <c r="Z7460" s="145"/>
      <c r="AA7460" s="145"/>
      <c r="AB7460" s="145"/>
      <c r="AC7460" s="145"/>
      <c r="AD7460" s="145"/>
      <c r="AE7460" s="145"/>
      <c r="AF7460" s="145"/>
      <c r="AG7460" s="145"/>
      <c r="AH7460" s="145"/>
      <c r="AI7460" s="145"/>
      <c r="AJ7460" s="145"/>
      <c r="AK7460" s="145"/>
      <c r="AL7460" s="145"/>
      <c r="AM7460" s="145"/>
      <c r="AN7460" s="145"/>
      <c r="AO7460" s="145"/>
      <c r="AP7460" s="145"/>
      <c r="AQ7460" s="145"/>
      <c r="AR7460" s="145"/>
      <c r="AS7460" s="145"/>
      <c r="AT7460" s="111">
        <v>1</v>
      </c>
      <c r="AU7460" s="145"/>
      <c r="AV7460" s="145"/>
      <c r="AW7460" s="145"/>
      <c r="AX7460" s="146"/>
      <c r="AY7460" s="146"/>
      <c r="AZ7460" s="146"/>
      <c r="BA7460" s="146"/>
      <c r="BB7460" s="107">
        <v>45447</v>
      </c>
    </row>
    <row r="7461" spans="1:54" s="8" customFormat="1" ht="13.95" customHeight="1" x14ac:dyDescent="0.25">
      <c r="A7461" s="14" t="s">
        <v>19510</v>
      </c>
      <c r="B7461" s="109" t="s">
        <v>20561</v>
      </c>
      <c r="C7461" s="93" t="s">
        <v>19511</v>
      </c>
      <c r="D7461" s="93" t="s">
        <v>19512</v>
      </c>
      <c r="E7461" s="93" t="s">
        <v>174</v>
      </c>
      <c r="F7461" s="93">
        <v>454</v>
      </c>
      <c r="G7461" s="93" t="s">
        <v>12</v>
      </c>
      <c r="H7461" s="111">
        <v>0</v>
      </c>
      <c r="I7461" s="111">
        <v>0</v>
      </c>
      <c r="J7461" s="111">
        <v>0</v>
      </c>
      <c r="K7461" s="111">
        <v>1</v>
      </c>
      <c r="L7461" s="111">
        <v>1</v>
      </c>
      <c r="M7461" s="111">
        <v>0</v>
      </c>
      <c r="N7461" s="111">
        <v>0</v>
      </c>
      <c r="O7461" s="111">
        <v>1</v>
      </c>
      <c r="P7461" s="111">
        <v>0</v>
      </c>
      <c r="Q7461" s="111">
        <v>0</v>
      </c>
      <c r="R7461" s="111">
        <v>1</v>
      </c>
      <c r="S7461" s="111">
        <v>0</v>
      </c>
      <c r="T7461" s="111">
        <v>0</v>
      </c>
      <c r="U7461" s="145"/>
      <c r="V7461" s="145"/>
      <c r="W7461" s="145"/>
      <c r="X7461" s="145"/>
      <c r="Y7461" s="145"/>
      <c r="Z7461" s="145"/>
      <c r="AA7461" s="145"/>
      <c r="AB7461" s="145"/>
      <c r="AC7461" s="145"/>
      <c r="AD7461" s="145"/>
      <c r="AE7461" s="145"/>
      <c r="AF7461" s="145"/>
      <c r="AG7461" s="145"/>
      <c r="AH7461" s="145"/>
      <c r="AI7461" s="145"/>
      <c r="AJ7461" s="145"/>
      <c r="AK7461" s="145"/>
      <c r="AL7461" s="145"/>
      <c r="AM7461" s="145"/>
      <c r="AN7461" s="145"/>
      <c r="AO7461" s="145"/>
      <c r="AP7461" s="145"/>
      <c r="AQ7461" s="145"/>
      <c r="AR7461" s="145"/>
      <c r="AS7461" s="145"/>
      <c r="AT7461" s="111">
        <v>1</v>
      </c>
      <c r="AU7461" s="145"/>
      <c r="AV7461" s="145"/>
      <c r="AW7461" s="145"/>
      <c r="AX7461" s="146"/>
      <c r="AY7461" s="146"/>
      <c r="AZ7461" s="146"/>
      <c r="BA7461" s="146"/>
      <c r="BB7461" s="107">
        <v>45447</v>
      </c>
    </row>
    <row r="7462" spans="1:54" s="8" customFormat="1" ht="13.95" customHeight="1" x14ac:dyDescent="0.25">
      <c r="A7462" s="14" t="s">
        <v>19513</v>
      </c>
      <c r="B7462" s="109" t="s">
        <v>20561</v>
      </c>
      <c r="C7462" s="93" t="s">
        <v>19514</v>
      </c>
      <c r="D7462" s="93" t="s">
        <v>19515</v>
      </c>
      <c r="E7462" s="93" t="s">
        <v>174</v>
      </c>
      <c r="F7462" s="93">
        <v>562</v>
      </c>
      <c r="G7462" s="93" t="s">
        <v>12</v>
      </c>
      <c r="H7462" s="111">
        <v>0</v>
      </c>
      <c r="I7462" s="111">
        <v>0</v>
      </c>
      <c r="J7462" s="111">
        <v>0</v>
      </c>
      <c r="K7462" s="111">
        <v>0</v>
      </c>
      <c r="L7462" s="111">
        <v>1</v>
      </c>
      <c r="M7462" s="111">
        <v>0</v>
      </c>
      <c r="N7462" s="111">
        <v>0</v>
      </c>
      <c r="O7462" s="111">
        <v>1</v>
      </c>
      <c r="P7462" s="111">
        <v>0</v>
      </c>
      <c r="Q7462" s="111">
        <v>0</v>
      </c>
      <c r="R7462" s="111">
        <v>1</v>
      </c>
      <c r="S7462" s="111">
        <v>0</v>
      </c>
      <c r="T7462" s="111">
        <v>0</v>
      </c>
      <c r="U7462" s="145"/>
      <c r="V7462" s="145"/>
      <c r="W7462" s="145"/>
      <c r="X7462" s="145"/>
      <c r="Y7462" s="145"/>
      <c r="Z7462" s="145"/>
      <c r="AA7462" s="145"/>
      <c r="AB7462" s="145"/>
      <c r="AC7462" s="145"/>
      <c r="AD7462" s="145"/>
      <c r="AE7462" s="145"/>
      <c r="AF7462" s="145"/>
      <c r="AG7462" s="145"/>
      <c r="AH7462" s="145"/>
      <c r="AI7462" s="145"/>
      <c r="AJ7462" s="145"/>
      <c r="AK7462" s="145"/>
      <c r="AL7462" s="145"/>
      <c r="AM7462" s="145"/>
      <c r="AN7462" s="145"/>
      <c r="AO7462" s="145"/>
      <c r="AP7462" s="145"/>
      <c r="AQ7462" s="145"/>
      <c r="AR7462" s="145"/>
      <c r="AS7462" s="145"/>
      <c r="AT7462" s="111">
        <v>1</v>
      </c>
      <c r="AU7462" s="145"/>
      <c r="AV7462" s="145"/>
      <c r="AW7462" s="145"/>
      <c r="AX7462" s="146"/>
      <c r="AY7462" s="146"/>
      <c r="AZ7462" s="146"/>
      <c r="BA7462" s="146"/>
      <c r="BB7462" s="107">
        <v>45447</v>
      </c>
    </row>
    <row r="7463" spans="1:54" s="8" customFormat="1" ht="13.95" customHeight="1" x14ac:dyDescent="0.25">
      <c r="A7463" s="14" t="s">
        <v>19516</v>
      </c>
      <c r="B7463" s="109" t="s">
        <v>20561</v>
      </c>
      <c r="C7463" s="93" t="s">
        <v>19517</v>
      </c>
      <c r="D7463" s="93" t="s">
        <v>19518</v>
      </c>
      <c r="E7463" s="93" t="s">
        <v>174</v>
      </c>
      <c r="F7463" s="93">
        <v>1194</v>
      </c>
      <c r="G7463" s="93" t="s">
        <v>12</v>
      </c>
      <c r="H7463" s="111">
        <v>0</v>
      </c>
      <c r="I7463" s="111">
        <v>0</v>
      </c>
      <c r="J7463" s="111">
        <v>0</v>
      </c>
      <c r="K7463" s="111">
        <v>0</v>
      </c>
      <c r="L7463" s="111">
        <v>0</v>
      </c>
      <c r="M7463" s="111">
        <v>0</v>
      </c>
      <c r="N7463" s="111">
        <v>0</v>
      </c>
      <c r="O7463" s="111">
        <v>0</v>
      </c>
      <c r="P7463" s="111">
        <v>0</v>
      </c>
      <c r="Q7463" s="111">
        <v>0</v>
      </c>
      <c r="R7463" s="111">
        <v>1</v>
      </c>
      <c r="S7463" s="111">
        <v>0</v>
      </c>
      <c r="T7463" s="111">
        <v>0</v>
      </c>
      <c r="U7463" s="145"/>
      <c r="V7463" s="145"/>
      <c r="W7463" s="145"/>
      <c r="X7463" s="145"/>
      <c r="Y7463" s="145"/>
      <c r="Z7463" s="145"/>
      <c r="AA7463" s="145"/>
      <c r="AB7463" s="145"/>
      <c r="AC7463" s="145"/>
      <c r="AD7463" s="145"/>
      <c r="AE7463" s="145"/>
      <c r="AF7463" s="145"/>
      <c r="AG7463" s="145"/>
      <c r="AH7463" s="145"/>
      <c r="AI7463" s="145"/>
      <c r="AJ7463" s="145"/>
      <c r="AK7463" s="145"/>
      <c r="AL7463" s="145"/>
      <c r="AM7463" s="145"/>
      <c r="AN7463" s="145"/>
      <c r="AO7463" s="145"/>
      <c r="AP7463" s="145"/>
      <c r="AQ7463" s="145"/>
      <c r="AR7463" s="145"/>
      <c r="AS7463" s="145"/>
      <c r="AT7463" s="111">
        <v>1</v>
      </c>
      <c r="AU7463" s="145"/>
      <c r="AV7463" s="145"/>
      <c r="AW7463" s="145"/>
      <c r="AX7463" s="146"/>
      <c r="AY7463" s="146"/>
      <c r="AZ7463" s="146"/>
      <c r="BA7463" s="146"/>
      <c r="BB7463" s="107">
        <v>45447</v>
      </c>
    </row>
    <row r="7464" spans="1:54" s="8" customFormat="1" ht="13.95" customHeight="1" x14ac:dyDescent="0.25">
      <c r="A7464" s="14" t="s">
        <v>19519</v>
      </c>
      <c r="B7464" s="109" t="s">
        <v>20561</v>
      </c>
      <c r="C7464" s="93" t="s">
        <v>19520</v>
      </c>
      <c r="D7464" s="93" t="s">
        <v>19521</v>
      </c>
      <c r="E7464" s="93" t="s">
        <v>174</v>
      </c>
      <c r="F7464" s="93">
        <v>341</v>
      </c>
      <c r="G7464" s="93" t="s">
        <v>12</v>
      </c>
      <c r="H7464" s="111">
        <v>0</v>
      </c>
      <c r="I7464" s="111">
        <v>0</v>
      </c>
      <c r="J7464" s="111">
        <v>0</v>
      </c>
      <c r="K7464" s="111">
        <v>0</v>
      </c>
      <c r="L7464" s="111">
        <v>1</v>
      </c>
      <c r="M7464" s="111">
        <v>0</v>
      </c>
      <c r="N7464" s="111">
        <v>0</v>
      </c>
      <c r="O7464" s="111">
        <v>1</v>
      </c>
      <c r="P7464" s="111">
        <v>1</v>
      </c>
      <c r="Q7464" s="111">
        <v>0</v>
      </c>
      <c r="R7464" s="111">
        <v>1</v>
      </c>
      <c r="S7464" s="111">
        <v>0</v>
      </c>
      <c r="T7464" s="111">
        <v>0</v>
      </c>
      <c r="U7464" s="145"/>
      <c r="V7464" s="145"/>
      <c r="W7464" s="145"/>
      <c r="X7464" s="145"/>
      <c r="Y7464" s="145"/>
      <c r="Z7464" s="145"/>
      <c r="AA7464" s="145"/>
      <c r="AB7464" s="145"/>
      <c r="AC7464" s="145"/>
      <c r="AD7464" s="145"/>
      <c r="AE7464" s="145"/>
      <c r="AF7464" s="145"/>
      <c r="AG7464" s="145"/>
      <c r="AH7464" s="145"/>
      <c r="AI7464" s="145"/>
      <c r="AJ7464" s="145"/>
      <c r="AK7464" s="145"/>
      <c r="AL7464" s="145"/>
      <c r="AM7464" s="145"/>
      <c r="AN7464" s="145"/>
      <c r="AO7464" s="145"/>
      <c r="AP7464" s="145"/>
      <c r="AQ7464" s="145"/>
      <c r="AR7464" s="145"/>
      <c r="AS7464" s="145"/>
      <c r="AT7464" s="111">
        <v>1</v>
      </c>
      <c r="AU7464" s="145"/>
      <c r="AV7464" s="145"/>
      <c r="AW7464" s="145"/>
      <c r="AX7464" s="146"/>
      <c r="AY7464" s="146"/>
      <c r="AZ7464" s="146"/>
      <c r="BA7464" s="112" t="s">
        <v>19522</v>
      </c>
      <c r="BB7464" s="107">
        <v>45447</v>
      </c>
    </row>
    <row r="7465" spans="1:54" s="8" customFormat="1" ht="13.95" customHeight="1" x14ac:dyDescent="0.25">
      <c r="A7465" s="14" t="s">
        <v>19523</v>
      </c>
      <c r="B7465" s="109" t="s">
        <v>20561</v>
      </c>
      <c r="C7465" s="93" t="s">
        <v>19524</v>
      </c>
      <c r="D7465" s="93" t="s">
        <v>19525</v>
      </c>
      <c r="E7465" s="93" t="s">
        <v>174</v>
      </c>
      <c r="F7465" s="93">
        <v>742</v>
      </c>
      <c r="G7465" s="93" t="s">
        <v>12</v>
      </c>
      <c r="H7465" s="111">
        <v>0</v>
      </c>
      <c r="I7465" s="111">
        <v>0</v>
      </c>
      <c r="J7465" s="111">
        <v>0</v>
      </c>
      <c r="K7465" s="111">
        <v>1</v>
      </c>
      <c r="L7465" s="111">
        <v>1</v>
      </c>
      <c r="M7465" s="111">
        <v>0</v>
      </c>
      <c r="N7465" s="111">
        <v>0</v>
      </c>
      <c r="O7465" s="111">
        <v>1</v>
      </c>
      <c r="P7465" s="111">
        <v>1</v>
      </c>
      <c r="Q7465" s="111">
        <v>0</v>
      </c>
      <c r="R7465" s="111">
        <v>1</v>
      </c>
      <c r="S7465" s="111">
        <v>1</v>
      </c>
      <c r="T7465" s="111">
        <v>0</v>
      </c>
      <c r="U7465" s="145"/>
      <c r="V7465" s="145"/>
      <c r="W7465" s="145"/>
      <c r="X7465" s="145"/>
      <c r="Y7465" s="145"/>
      <c r="Z7465" s="145"/>
      <c r="AA7465" s="145"/>
      <c r="AB7465" s="145"/>
      <c r="AC7465" s="145"/>
      <c r="AD7465" s="145"/>
      <c r="AE7465" s="145"/>
      <c r="AF7465" s="145"/>
      <c r="AG7465" s="145"/>
      <c r="AH7465" s="145"/>
      <c r="AI7465" s="145"/>
      <c r="AJ7465" s="145"/>
      <c r="AK7465" s="145"/>
      <c r="AL7465" s="145"/>
      <c r="AM7465" s="145"/>
      <c r="AN7465" s="145"/>
      <c r="AO7465" s="145"/>
      <c r="AP7465" s="145"/>
      <c r="AQ7465" s="145"/>
      <c r="AR7465" s="145"/>
      <c r="AS7465" s="145"/>
      <c r="AT7465" s="111">
        <v>1</v>
      </c>
      <c r="AU7465" s="145"/>
      <c r="AV7465" s="145"/>
      <c r="AW7465" s="145"/>
      <c r="AX7465" s="146"/>
      <c r="AY7465" s="146"/>
      <c r="AZ7465" s="146"/>
      <c r="BA7465" s="146"/>
      <c r="BB7465" s="107">
        <v>45447</v>
      </c>
    </row>
    <row r="7466" spans="1:54" s="8" customFormat="1" ht="13.95" customHeight="1" x14ac:dyDescent="0.25">
      <c r="A7466" s="14" t="s">
        <v>19526</v>
      </c>
      <c r="B7466" s="109" t="s">
        <v>20561</v>
      </c>
      <c r="C7466" s="93" t="s">
        <v>19527</v>
      </c>
      <c r="D7466" s="93" t="s">
        <v>19528</v>
      </c>
      <c r="E7466" s="93" t="s">
        <v>174</v>
      </c>
      <c r="F7466" s="93">
        <v>718</v>
      </c>
      <c r="G7466" s="93" t="s">
        <v>12</v>
      </c>
      <c r="H7466" s="111">
        <v>0</v>
      </c>
      <c r="I7466" s="111">
        <v>0</v>
      </c>
      <c r="J7466" s="111">
        <v>1</v>
      </c>
      <c r="K7466" s="111">
        <v>0</v>
      </c>
      <c r="L7466" s="111">
        <v>1</v>
      </c>
      <c r="M7466" s="111">
        <v>1</v>
      </c>
      <c r="N7466" s="111">
        <v>0</v>
      </c>
      <c r="O7466" s="111">
        <v>0</v>
      </c>
      <c r="P7466" s="111">
        <v>0</v>
      </c>
      <c r="Q7466" s="111">
        <v>0</v>
      </c>
      <c r="R7466" s="111">
        <v>1</v>
      </c>
      <c r="S7466" s="111">
        <v>0</v>
      </c>
      <c r="T7466" s="111">
        <v>0</v>
      </c>
      <c r="U7466" s="145"/>
      <c r="V7466" s="145"/>
      <c r="W7466" s="145"/>
      <c r="X7466" s="145"/>
      <c r="Y7466" s="145"/>
      <c r="Z7466" s="145"/>
      <c r="AA7466" s="145"/>
      <c r="AB7466" s="145"/>
      <c r="AC7466" s="145"/>
      <c r="AD7466" s="145"/>
      <c r="AE7466" s="145"/>
      <c r="AF7466" s="145"/>
      <c r="AG7466" s="145"/>
      <c r="AH7466" s="145"/>
      <c r="AI7466" s="145"/>
      <c r="AJ7466" s="145"/>
      <c r="AK7466" s="145"/>
      <c r="AL7466" s="145"/>
      <c r="AM7466" s="145"/>
      <c r="AN7466" s="145"/>
      <c r="AO7466" s="145"/>
      <c r="AP7466" s="145"/>
      <c r="AQ7466" s="145"/>
      <c r="AR7466" s="145"/>
      <c r="AS7466" s="145"/>
      <c r="AT7466" s="111">
        <v>1</v>
      </c>
      <c r="AU7466" s="145"/>
      <c r="AV7466" s="145"/>
      <c r="AW7466" s="145"/>
      <c r="AX7466" s="146"/>
      <c r="AY7466" s="146"/>
      <c r="AZ7466" s="146"/>
      <c r="BA7466" s="146"/>
      <c r="BB7466" s="107">
        <v>45447</v>
      </c>
    </row>
    <row r="7467" spans="1:54" s="8" customFormat="1" ht="13.95" customHeight="1" x14ac:dyDescent="0.25">
      <c r="A7467" s="14" t="s">
        <v>19529</v>
      </c>
      <c r="B7467" s="109" t="s">
        <v>20561</v>
      </c>
      <c r="C7467" s="93" t="s">
        <v>19530</v>
      </c>
      <c r="D7467" s="93" t="s">
        <v>19531</v>
      </c>
      <c r="E7467" s="93" t="s">
        <v>174</v>
      </c>
      <c r="F7467" s="93">
        <v>162</v>
      </c>
      <c r="G7467" s="93" t="s">
        <v>12</v>
      </c>
      <c r="H7467" s="111">
        <v>0</v>
      </c>
      <c r="I7467" s="111">
        <v>0</v>
      </c>
      <c r="J7467" s="111">
        <v>0</v>
      </c>
      <c r="K7467" s="111">
        <v>0</v>
      </c>
      <c r="L7467" s="111">
        <v>0</v>
      </c>
      <c r="M7467" s="111">
        <v>0</v>
      </c>
      <c r="N7467" s="111">
        <v>0</v>
      </c>
      <c r="O7467" s="111">
        <v>0</v>
      </c>
      <c r="P7467" s="111">
        <v>0</v>
      </c>
      <c r="Q7467" s="111">
        <v>0</v>
      </c>
      <c r="R7467" s="111">
        <v>1</v>
      </c>
      <c r="S7467" s="111">
        <v>0</v>
      </c>
      <c r="T7467" s="111">
        <v>0</v>
      </c>
      <c r="U7467" s="145"/>
      <c r="V7467" s="145"/>
      <c r="W7467" s="145"/>
      <c r="X7467" s="145"/>
      <c r="Y7467" s="145"/>
      <c r="Z7467" s="145"/>
      <c r="AA7467" s="145"/>
      <c r="AB7467" s="145"/>
      <c r="AC7467" s="145"/>
      <c r="AD7467" s="145"/>
      <c r="AE7467" s="145"/>
      <c r="AF7467" s="145"/>
      <c r="AG7467" s="145"/>
      <c r="AH7467" s="145"/>
      <c r="AI7467" s="145"/>
      <c r="AJ7467" s="145"/>
      <c r="AK7467" s="145"/>
      <c r="AL7467" s="145"/>
      <c r="AM7467" s="145"/>
      <c r="AN7467" s="145"/>
      <c r="AO7467" s="145"/>
      <c r="AP7467" s="145"/>
      <c r="AQ7467" s="145"/>
      <c r="AR7467" s="145"/>
      <c r="AS7467" s="145"/>
      <c r="AT7467" s="145"/>
      <c r="AU7467" s="145"/>
      <c r="AV7467" s="145"/>
      <c r="AW7467" s="145"/>
      <c r="AX7467" s="146"/>
      <c r="AY7467" s="146"/>
      <c r="AZ7467" s="146"/>
      <c r="BA7467" s="146"/>
      <c r="BB7467" s="107">
        <v>45447</v>
      </c>
    </row>
    <row r="7468" spans="1:54" s="8" customFormat="1" ht="13.95" customHeight="1" x14ac:dyDescent="0.25">
      <c r="A7468" s="14" t="s">
        <v>19532</v>
      </c>
      <c r="B7468" s="109" t="s">
        <v>20561</v>
      </c>
      <c r="C7468" s="93" t="s">
        <v>19533</v>
      </c>
      <c r="D7468" s="93" t="s">
        <v>19534</v>
      </c>
      <c r="E7468" s="93" t="s">
        <v>174</v>
      </c>
      <c r="F7468" s="93">
        <v>302</v>
      </c>
      <c r="G7468" s="93" t="s">
        <v>12</v>
      </c>
      <c r="H7468" s="111">
        <v>0</v>
      </c>
      <c r="I7468" s="111">
        <v>0</v>
      </c>
      <c r="J7468" s="111">
        <v>1</v>
      </c>
      <c r="K7468" s="111">
        <v>0</v>
      </c>
      <c r="L7468" s="111">
        <v>0</v>
      </c>
      <c r="M7468" s="111">
        <v>0</v>
      </c>
      <c r="N7468" s="111">
        <v>0</v>
      </c>
      <c r="O7468" s="111">
        <v>0</v>
      </c>
      <c r="P7468" s="111">
        <v>0</v>
      </c>
      <c r="Q7468" s="111">
        <v>0</v>
      </c>
      <c r="R7468" s="111">
        <v>0</v>
      </c>
      <c r="S7468" s="111">
        <v>0</v>
      </c>
      <c r="T7468" s="111">
        <v>0</v>
      </c>
      <c r="U7468" s="145"/>
      <c r="V7468" s="145"/>
      <c r="W7468" s="145"/>
      <c r="X7468" s="145"/>
      <c r="Y7468" s="145"/>
      <c r="Z7468" s="145"/>
      <c r="AA7468" s="145"/>
      <c r="AB7468" s="145"/>
      <c r="AC7468" s="145"/>
      <c r="AD7468" s="145"/>
      <c r="AE7468" s="145"/>
      <c r="AF7468" s="145"/>
      <c r="AG7468" s="145"/>
      <c r="AH7468" s="145"/>
      <c r="AI7468" s="145"/>
      <c r="AJ7468" s="145"/>
      <c r="AK7468" s="145"/>
      <c r="AL7468" s="145"/>
      <c r="AM7468" s="145"/>
      <c r="AN7468" s="145"/>
      <c r="AO7468" s="145"/>
      <c r="AP7468" s="145"/>
      <c r="AQ7468" s="145"/>
      <c r="AR7468" s="145"/>
      <c r="AS7468" s="145"/>
      <c r="AT7468" s="145"/>
      <c r="AU7468" s="145"/>
      <c r="AV7468" s="145"/>
      <c r="AW7468" s="145"/>
      <c r="AX7468" s="146"/>
      <c r="AY7468" s="146"/>
      <c r="AZ7468" s="146"/>
      <c r="BA7468" s="112" t="s">
        <v>9820</v>
      </c>
      <c r="BB7468" s="107">
        <v>45447</v>
      </c>
    </row>
    <row r="7469" spans="1:54" s="8" customFormat="1" ht="13.95" customHeight="1" x14ac:dyDescent="0.25">
      <c r="A7469" s="14" t="s">
        <v>19535</v>
      </c>
      <c r="B7469" s="109" t="s">
        <v>20561</v>
      </c>
      <c r="C7469" s="93" t="s">
        <v>19536</v>
      </c>
      <c r="D7469" s="93" t="s">
        <v>19537</v>
      </c>
      <c r="E7469" s="93" t="s">
        <v>174</v>
      </c>
      <c r="F7469" s="93">
        <v>230</v>
      </c>
      <c r="G7469" s="93" t="s">
        <v>12</v>
      </c>
      <c r="H7469" s="111">
        <v>0</v>
      </c>
      <c r="I7469" s="111">
        <v>0</v>
      </c>
      <c r="J7469" s="111">
        <v>1</v>
      </c>
      <c r="K7469" s="111">
        <v>1</v>
      </c>
      <c r="L7469" s="111">
        <v>0</v>
      </c>
      <c r="M7469" s="111">
        <v>0</v>
      </c>
      <c r="N7469" s="111">
        <v>0</v>
      </c>
      <c r="O7469" s="111">
        <v>0</v>
      </c>
      <c r="P7469" s="111">
        <v>0</v>
      </c>
      <c r="Q7469" s="111">
        <v>0</v>
      </c>
      <c r="R7469" s="111">
        <v>0</v>
      </c>
      <c r="S7469" s="111">
        <v>0</v>
      </c>
      <c r="T7469" s="111">
        <v>0</v>
      </c>
      <c r="U7469" s="145"/>
      <c r="V7469" s="145"/>
      <c r="W7469" s="145"/>
      <c r="X7469" s="145"/>
      <c r="Y7469" s="145"/>
      <c r="Z7469" s="145"/>
      <c r="AA7469" s="145"/>
      <c r="AB7469" s="145"/>
      <c r="AC7469" s="145"/>
      <c r="AD7469" s="145"/>
      <c r="AE7469" s="145"/>
      <c r="AF7469" s="145"/>
      <c r="AG7469" s="145"/>
      <c r="AH7469" s="145"/>
      <c r="AI7469" s="145"/>
      <c r="AJ7469" s="145"/>
      <c r="AK7469" s="145"/>
      <c r="AL7469" s="145"/>
      <c r="AM7469" s="145"/>
      <c r="AN7469" s="145"/>
      <c r="AO7469" s="145"/>
      <c r="AP7469" s="145"/>
      <c r="AQ7469" s="145"/>
      <c r="AR7469" s="145"/>
      <c r="AS7469" s="145"/>
      <c r="AT7469" s="111">
        <v>1</v>
      </c>
      <c r="AU7469" s="145"/>
      <c r="AV7469" s="145"/>
      <c r="AW7469" s="145"/>
      <c r="AX7469" s="146"/>
      <c r="AY7469" s="146"/>
      <c r="AZ7469" s="146"/>
      <c r="BA7469" s="146"/>
      <c r="BB7469" s="107">
        <v>45447</v>
      </c>
    </row>
    <row r="7470" spans="1:54" s="8" customFormat="1" ht="13.95" customHeight="1" x14ac:dyDescent="0.25">
      <c r="A7470" s="14" t="s">
        <v>19538</v>
      </c>
      <c r="B7470" s="109" t="s">
        <v>20561</v>
      </c>
      <c r="C7470" s="93" t="s">
        <v>19539</v>
      </c>
      <c r="D7470" s="93" t="s">
        <v>19540</v>
      </c>
      <c r="E7470" s="93" t="s">
        <v>174</v>
      </c>
      <c r="F7470" s="93">
        <v>181</v>
      </c>
      <c r="G7470" s="93" t="s">
        <v>12</v>
      </c>
      <c r="H7470" s="111">
        <v>0</v>
      </c>
      <c r="I7470" s="111">
        <v>0</v>
      </c>
      <c r="J7470" s="111">
        <v>1</v>
      </c>
      <c r="K7470" s="111">
        <v>0</v>
      </c>
      <c r="L7470" s="111">
        <v>0</v>
      </c>
      <c r="M7470" s="111">
        <v>0</v>
      </c>
      <c r="N7470" s="111">
        <v>0</v>
      </c>
      <c r="O7470" s="111">
        <v>0</v>
      </c>
      <c r="P7470" s="111">
        <v>0</v>
      </c>
      <c r="Q7470" s="111">
        <v>0</v>
      </c>
      <c r="R7470" s="111">
        <v>0</v>
      </c>
      <c r="S7470" s="111">
        <v>0</v>
      </c>
      <c r="T7470" s="111">
        <v>0</v>
      </c>
      <c r="U7470" s="145"/>
      <c r="V7470" s="145"/>
      <c r="W7470" s="145"/>
      <c r="X7470" s="145"/>
      <c r="Y7470" s="145"/>
      <c r="Z7470" s="145"/>
      <c r="AA7470" s="145"/>
      <c r="AB7470" s="145"/>
      <c r="AC7470" s="145"/>
      <c r="AD7470" s="145"/>
      <c r="AE7470" s="145"/>
      <c r="AF7470" s="145"/>
      <c r="AG7470" s="145"/>
      <c r="AH7470" s="145"/>
      <c r="AI7470" s="145"/>
      <c r="AJ7470" s="145"/>
      <c r="AK7470" s="145"/>
      <c r="AL7470" s="145"/>
      <c r="AM7470" s="145"/>
      <c r="AN7470" s="145"/>
      <c r="AO7470" s="145"/>
      <c r="AP7470" s="145"/>
      <c r="AQ7470" s="145"/>
      <c r="AR7470" s="145"/>
      <c r="AS7470" s="145"/>
      <c r="AT7470" s="145"/>
      <c r="AU7470" s="145"/>
      <c r="AV7470" s="145"/>
      <c r="AW7470" s="145"/>
      <c r="AX7470" s="146"/>
      <c r="AY7470" s="146"/>
      <c r="AZ7470" s="146"/>
      <c r="BA7470" s="112" t="s">
        <v>19541</v>
      </c>
      <c r="BB7470" s="107">
        <v>45447</v>
      </c>
    </row>
    <row r="7471" spans="1:54" s="8" customFormat="1" ht="13.95" customHeight="1" x14ac:dyDescent="0.25">
      <c r="A7471" s="14" t="s">
        <v>19542</v>
      </c>
      <c r="B7471" s="109" t="s">
        <v>20561</v>
      </c>
      <c r="C7471" s="93" t="s">
        <v>20334</v>
      </c>
      <c r="D7471" s="93" t="s">
        <v>19543</v>
      </c>
      <c r="E7471" s="93" t="s">
        <v>174</v>
      </c>
      <c r="F7471" s="93">
        <v>115</v>
      </c>
      <c r="G7471" s="93" t="s">
        <v>12</v>
      </c>
      <c r="H7471" s="111">
        <v>0</v>
      </c>
      <c r="I7471" s="111">
        <v>0</v>
      </c>
      <c r="J7471" s="111">
        <v>1</v>
      </c>
      <c r="K7471" s="111">
        <v>1</v>
      </c>
      <c r="L7471" s="111">
        <v>0</v>
      </c>
      <c r="M7471" s="111">
        <v>0</v>
      </c>
      <c r="N7471" s="111">
        <v>0</v>
      </c>
      <c r="O7471" s="111">
        <v>0</v>
      </c>
      <c r="P7471" s="111">
        <v>0</v>
      </c>
      <c r="Q7471" s="111">
        <v>0</v>
      </c>
      <c r="R7471" s="111">
        <v>0</v>
      </c>
      <c r="S7471" s="111">
        <v>0</v>
      </c>
      <c r="T7471" s="111">
        <v>0</v>
      </c>
      <c r="U7471" s="145"/>
      <c r="V7471" s="145"/>
      <c r="W7471" s="145"/>
      <c r="X7471" s="145"/>
      <c r="Y7471" s="145"/>
      <c r="Z7471" s="145"/>
      <c r="AA7471" s="145"/>
      <c r="AB7471" s="145"/>
      <c r="AC7471" s="145"/>
      <c r="AD7471" s="145"/>
      <c r="AE7471" s="145"/>
      <c r="AF7471" s="145"/>
      <c r="AG7471" s="145"/>
      <c r="AH7471" s="145"/>
      <c r="AI7471" s="145"/>
      <c r="AJ7471" s="145"/>
      <c r="AK7471" s="145"/>
      <c r="AL7471" s="145"/>
      <c r="AM7471" s="145"/>
      <c r="AN7471" s="145"/>
      <c r="AO7471" s="145"/>
      <c r="AP7471" s="145"/>
      <c r="AQ7471" s="145"/>
      <c r="AR7471" s="145"/>
      <c r="AS7471" s="145"/>
      <c r="AT7471" s="145"/>
      <c r="AU7471" s="145"/>
      <c r="AV7471" s="145"/>
      <c r="AW7471" s="145"/>
      <c r="AX7471" s="146"/>
      <c r="AY7471" s="146"/>
      <c r="AZ7471" s="146"/>
      <c r="BA7471" s="146"/>
      <c r="BB7471" s="107">
        <v>45447</v>
      </c>
    </row>
    <row r="7472" spans="1:54" s="8" customFormat="1" ht="13.95" customHeight="1" x14ac:dyDescent="0.25">
      <c r="A7472" s="14" t="s">
        <v>19544</v>
      </c>
      <c r="B7472" s="109" t="s">
        <v>20561</v>
      </c>
      <c r="C7472" s="93" t="s">
        <v>19545</v>
      </c>
      <c r="D7472" s="93" t="s">
        <v>19546</v>
      </c>
      <c r="E7472" s="93" t="s">
        <v>174</v>
      </c>
      <c r="F7472" s="93">
        <v>217</v>
      </c>
      <c r="G7472" s="93" t="s">
        <v>12</v>
      </c>
      <c r="H7472" s="111">
        <v>0</v>
      </c>
      <c r="I7472" s="111">
        <v>0</v>
      </c>
      <c r="J7472" s="111">
        <v>1</v>
      </c>
      <c r="K7472" s="111">
        <v>1</v>
      </c>
      <c r="L7472" s="111">
        <v>0</v>
      </c>
      <c r="M7472" s="111">
        <v>0</v>
      </c>
      <c r="N7472" s="111">
        <v>0</v>
      </c>
      <c r="O7472" s="111">
        <v>0</v>
      </c>
      <c r="P7472" s="111">
        <v>0</v>
      </c>
      <c r="Q7472" s="111">
        <v>0</v>
      </c>
      <c r="R7472" s="111">
        <v>0</v>
      </c>
      <c r="S7472" s="111">
        <v>0</v>
      </c>
      <c r="T7472" s="111">
        <v>0</v>
      </c>
      <c r="U7472" s="145"/>
      <c r="V7472" s="145"/>
      <c r="W7472" s="145"/>
      <c r="X7472" s="145"/>
      <c r="Y7472" s="145"/>
      <c r="Z7472" s="145"/>
      <c r="AA7472" s="145"/>
      <c r="AB7472" s="145"/>
      <c r="AC7472" s="145"/>
      <c r="AD7472" s="145"/>
      <c r="AE7472" s="145"/>
      <c r="AF7472" s="145"/>
      <c r="AG7472" s="145"/>
      <c r="AH7472" s="145"/>
      <c r="AI7472" s="145"/>
      <c r="AJ7472" s="145"/>
      <c r="AK7472" s="145"/>
      <c r="AL7472" s="145"/>
      <c r="AM7472" s="145"/>
      <c r="AN7472" s="145"/>
      <c r="AO7472" s="145"/>
      <c r="AP7472" s="145"/>
      <c r="AQ7472" s="145"/>
      <c r="AR7472" s="145"/>
      <c r="AS7472" s="145"/>
      <c r="AT7472" s="111">
        <v>1</v>
      </c>
      <c r="AU7472" s="145"/>
      <c r="AV7472" s="145"/>
      <c r="AW7472" s="145"/>
      <c r="AX7472" s="146"/>
      <c r="AY7472" s="146"/>
      <c r="AZ7472" s="146"/>
      <c r="BA7472" s="146"/>
      <c r="BB7472" s="107">
        <v>45447</v>
      </c>
    </row>
    <row r="7473" spans="1:54" s="8" customFormat="1" ht="13.95" customHeight="1" x14ac:dyDescent="0.25">
      <c r="A7473" s="14" t="s">
        <v>19547</v>
      </c>
      <c r="B7473" s="109" t="s">
        <v>20561</v>
      </c>
      <c r="C7473" s="93" t="s">
        <v>19548</v>
      </c>
      <c r="D7473" s="93" t="s">
        <v>19549</v>
      </c>
      <c r="E7473" s="93" t="s">
        <v>174</v>
      </c>
      <c r="F7473" s="93">
        <v>227</v>
      </c>
      <c r="G7473" s="93" t="s">
        <v>12</v>
      </c>
      <c r="H7473" s="111">
        <v>0</v>
      </c>
      <c r="I7473" s="111">
        <v>0</v>
      </c>
      <c r="J7473" s="111">
        <v>1</v>
      </c>
      <c r="K7473" s="111">
        <v>1</v>
      </c>
      <c r="L7473" s="111">
        <v>1</v>
      </c>
      <c r="M7473" s="111">
        <v>0</v>
      </c>
      <c r="N7473" s="111">
        <v>0</v>
      </c>
      <c r="O7473" s="111">
        <v>0</v>
      </c>
      <c r="P7473" s="111">
        <v>0</v>
      </c>
      <c r="Q7473" s="111">
        <v>0</v>
      </c>
      <c r="R7473" s="111">
        <v>0</v>
      </c>
      <c r="S7473" s="111">
        <v>0</v>
      </c>
      <c r="T7473" s="111">
        <v>0</v>
      </c>
      <c r="U7473" s="145"/>
      <c r="V7473" s="145"/>
      <c r="W7473" s="145"/>
      <c r="X7473" s="145"/>
      <c r="Y7473" s="145"/>
      <c r="Z7473" s="145"/>
      <c r="AA7473" s="145"/>
      <c r="AB7473" s="145"/>
      <c r="AC7473" s="145"/>
      <c r="AD7473" s="145"/>
      <c r="AE7473" s="145"/>
      <c r="AF7473" s="145"/>
      <c r="AG7473" s="145"/>
      <c r="AH7473" s="145"/>
      <c r="AI7473" s="145"/>
      <c r="AJ7473" s="145"/>
      <c r="AK7473" s="145"/>
      <c r="AL7473" s="145"/>
      <c r="AM7473" s="145"/>
      <c r="AN7473" s="145"/>
      <c r="AO7473" s="145"/>
      <c r="AP7473" s="145"/>
      <c r="AQ7473" s="145"/>
      <c r="AR7473" s="145"/>
      <c r="AS7473" s="145"/>
      <c r="AT7473" s="145"/>
      <c r="AU7473" s="145"/>
      <c r="AV7473" s="145"/>
      <c r="AW7473" s="145"/>
      <c r="AX7473" s="146"/>
      <c r="AY7473" s="146"/>
      <c r="AZ7473" s="146"/>
      <c r="BA7473" s="146"/>
      <c r="BB7473" s="107">
        <v>45447</v>
      </c>
    </row>
    <row r="7474" spans="1:54" s="8" customFormat="1" ht="13.95" customHeight="1" x14ac:dyDescent="0.25">
      <c r="A7474" s="14" t="s">
        <v>19550</v>
      </c>
      <c r="B7474" s="109" t="s">
        <v>20561</v>
      </c>
      <c r="C7474" s="93" t="s">
        <v>19551</v>
      </c>
      <c r="D7474" s="93" t="s">
        <v>19552</v>
      </c>
      <c r="E7474" s="93" t="s">
        <v>174</v>
      </c>
      <c r="F7474" s="93">
        <v>553</v>
      </c>
      <c r="G7474" s="93" t="s">
        <v>12</v>
      </c>
      <c r="H7474" s="111">
        <v>0</v>
      </c>
      <c r="I7474" s="111">
        <v>0</v>
      </c>
      <c r="J7474" s="111">
        <v>1</v>
      </c>
      <c r="K7474" s="111">
        <v>1</v>
      </c>
      <c r="L7474" s="111">
        <v>0</v>
      </c>
      <c r="M7474" s="111">
        <v>0</v>
      </c>
      <c r="N7474" s="111">
        <v>0</v>
      </c>
      <c r="O7474" s="111">
        <v>0</v>
      </c>
      <c r="P7474" s="111">
        <v>0</v>
      </c>
      <c r="Q7474" s="111">
        <v>0</v>
      </c>
      <c r="R7474" s="111">
        <v>0</v>
      </c>
      <c r="S7474" s="111">
        <v>0</v>
      </c>
      <c r="T7474" s="111">
        <v>0</v>
      </c>
      <c r="U7474" s="145"/>
      <c r="V7474" s="145"/>
      <c r="W7474" s="145"/>
      <c r="X7474" s="145"/>
      <c r="Y7474" s="145"/>
      <c r="Z7474" s="145"/>
      <c r="AA7474" s="145"/>
      <c r="AB7474" s="145"/>
      <c r="AC7474" s="145"/>
      <c r="AD7474" s="145"/>
      <c r="AE7474" s="145"/>
      <c r="AF7474" s="145"/>
      <c r="AG7474" s="145"/>
      <c r="AH7474" s="145"/>
      <c r="AI7474" s="145"/>
      <c r="AJ7474" s="145"/>
      <c r="AK7474" s="145"/>
      <c r="AL7474" s="145"/>
      <c r="AM7474" s="145"/>
      <c r="AN7474" s="145"/>
      <c r="AO7474" s="145"/>
      <c r="AP7474" s="145"/>
      <c r="AQ7474" s="145"/>
      <c r="AR7474" s="145"/>
      <c r="AS7474" s="145"/>
      <c r="AT7474" s="145"/>
      <c r="AU7474" s="145"/>
      <c r="AV7474" s="145"/>
      <c r="AW7474" s="145"/>
      <c r="AX7474" s="146"/>
      <c r="AY7474" s="146"/>
      <c r="AZ7474" s="146"/>
      <c r="BA7474" s="146"/>
      <c r="BB7474" s="107">
        <v>45447</v>
      </c>
    </row>
    <row r="7475" spans="1:54" s="8" customFormat="1" ht="13.95" customHeight="1" x14ac:dyDescent="0.25">
      <c r="A7475" s="14" t="s">
        <v>19553</v>
      </c>
      <c r="B7475" s="109" t="s">
        <v>20561</v>
      </c>
      <c r="C7475" s="93" t="s">
        <v>19554</v>
      </c>
      <c r="D7475" s="93" t="s">
        <v>19555</v>
      </c>
      <c r="E7475" s="93" t="s">
        <v>174</v>
      </c>
      <c r="F7475" s="93">
        <v>190</v>
      </c>
      <c r="G7475" s="93" t="s">
        <v>12</v>
      </c>
      <c r="H7475" s="111">
        <v>0</v>
      </c>
      <c r="I7475" s="111">
        <v>0</v>
      </c>
      <c r="J7475" s="111">
        <v>0</v>
      </c>
      <c r="K7475" s="111">
        <v>0</v>
      </c>
      <c r="L7475" s="111">
        <v>0</v>
      </c>
      <c r="M7475" s="111">
        <v>0</v>
      </c>
      <c r="N7475" s="111">
        <v>0</v>
      </c>
      <c r="O7475" s="111">
        <v>0</v>
      </c>
      <c r="P7475" s="111">
        <v>0</v>
      </c>
      <c r="Q7475" s="111">
        <v>0</v>
      </c>
      <c r="R7475" s="111">
        <v>1</v>
      </c>
      <c r="S7475" s="111">
        <v>1</v>
      </c>
      <c r="T7475" s="111">
        <v>0</v>
      </c>
      <c r="U7475" s="145"/>
      <c r="V7475" s="145"/>
      <c r="W7475" s="145"/>
      <c r="X7475" s="145"/>
      <c r="Y7475" s="145"/>
      <c r="Z7475" s="145"/>
      <c r="AA7475" s="145"/>
      <c r="AB7475" s="145"/>
      <c r="AC7475" s="145"/>
      <c r="AD7475" s="145"/>
      <c r="AE7475" s="145"/>
      <c r="AF7475" s="145"/>
      <c r="AG7475" s="145"/>
      <c r="AH7475" s="145"/>
      <c r="AI7475" s="145"/>
      <c r="AJ7475" s="145"/>
      <c r="AK7475" s="145"/>
      <c r="AL7475" s="145"/>
      <c r="AM7475" s="145"/>
      <c r="AN7475" s="145"/>
      <c r="AO7475" s="145"/>
      <c r="AP7475" s="145"/>
      <c r="AQ7475" s="145"/>
      <c r="AR7475" s="145"/>
      <c r="AS7475" s="145"/>
      <c r="AT7475" s="111">
        <v>1</v>
      </c>
      <c r="AU7475" s="145"/>
      <c r="AV7475" s="145"/>
      <c r="AW7475" s="145"/>
      <c r="AX7475" s="146"/>
      <c r="AY7475" s="146"/>
      <c r="AZ7475" s="146"/>
      <c r="BA7475" s="146"/>
      <c r="BB7475" s="107">
        <v>45447</v>
      </c>
    </row>
    <row r="7476" spans="1:54" s="8" customFormat="1" ht="13.95" customHeight="1" x14ac:dyDescent="0.25">
      <c r="A7476" s="14" t="s">
        <v>19556</v>
      </c>
      <c r="B7476" s="109" t="s">
        <v>20561</v>
      </c>
      <c r="C7476" s="93" t="s">
        <v>19557</v>
      </c>
      <c r="D7476" s="93" t="s">
        <v>19558</v>
      </c>
      <c r="E7476" s="93" t="s">
        <v>174</v>
      </c>
      <c r="F7476" s="93">
        <v>643</v>
      </c>
      <c r="G7476" s="93" t="s">
        <v>12</v>
      </c>
      <c r="H7476" s="111">
        <v>0</v>
      </c>
      <c r="I7476" s="111">
        <v>0</v>
      </c>
      <c r="J7476" s="111">
        <v>1</v>
      </c>
      <c r="K7476" s="111">
        <v>0</v>
      </c>
      <c r="L7476" s="111">
        <v>0</v>
      </c>
      <c r="M7476" s="111">
        <v>1</v>
      </c>
      <c r="N7476" s="111">
        <v>0</v>
      </c>
      <c r="O7476" s="111">
        <v>0</v>
      </c>
      <c r="P7476" s="111">
        <v>0</v>
      </c>
      <c r="Q7476" s="111">
        <v>0</v>
      </c>
      <c r="R7476" s="111">
        <v>0</v>
      </c>
      <c r="S7476" s="111">
        <v>0</v>
      </c>
      <c r="T7476" s="111">
        <v>0</v>
      </c>
      <c r="U7476" s="145"/>
      <c r="V7476" s="145"/>
      <c r="W7476" s="145"/>
      <c r="X7476" s="145"/>
      <c r="Y7476" s="145"/>
      <c r="Z7476" s="145"/>
      <c r="AA7476" s="145"/>
      <c r="AB7476" s="145"/>
      <c r="AC7476" s="145"/>
      <c r="AD7476" s="145"/>
      <c r="AE7476" s="145"/>
      <c r="AF7476" s="145"/>
      <c r="AG7476" s="145"/>
      <c r="AH7476" s="145"/>
      <c r="AI7476" s="145"/>
      <c r="AJ7476" s="145"/>
      <c r="AK7476" s="145"/>
      <c r="AL7476" s="145"/>
      <c r="AM7476" s="145"/>
      <c r="AN7476" s="145"/>
      <c r="AO7476" s="145"/>
      <c r="AP7476" s="145"/>
      <c r="AQ7476" s="145"/>
      <c r="AR7476" s="145"/>
      <c r="AS7476" s="145"/>
      <c r="AT7476" s="111">
        <v>1</v>
      </c>
      <c r="AU7476" s="145"/>
      <c r="AV7476" s="145"/>
      <c r="AW7476" s="145"/>
      <c r="AX7476" s="146"/>
      <c r="AY7476" s="146"/>
      <c r="AZ7476" s="146"/>
      <c r="BA7476" s="146"/>
      <c r="BB7476" s="107">
        <v>45447</v>
      </c>
    </row>
    <row r="7477" spans="1:54" s="8" customFormat="1" ht="13.95" customHeight="1" x14ac:dyDescent="0.25">
      <c r="A7477" s="14" t="s">
        <v>19559</v>
      </c>
      <c r="B7477" s="109" t="s">
        <v>20561</v>
      </c>
      <c r="C7477" s="93" t="s">
        <v>19560</v>
      </c>
      <c r="D7477" s="93" t="s">
        <v>19561</v>
      </c>
      <c r="E7477" s="93" t="s">
        <v>174</v>
      </c>
      <c r="F7477" s="93">
        <v>454</v>
      </c>
      <c r="G7477" s="93" t="s">
        <v>12</v>
      </c>
      <c r="H7477" s="111">
        <v>0</v>
      </c>
      <c r="I7477" s="111">
        <v>0</v>
      </c>
      <c r="J7477" s="111">
        <v>1</v>
      </c>
      <c r="K7477" s="111">
        <v>1</v>
      </c>
      <c r="L7477" s="111">
        <v>0</v>
      </c>
      <c r="M7477" s="111">
        <v>0</v>
      </c>
      <c r="N7477" s="111">
        <v>0</v>
      </c>
      <c r="O7477" s="111">
        <v>1</v>
      </c>
      <c r="P7477" s="111">
        <v>1</v>
      </c>
      <c r="Q7477" s="111">
        <v>1</v>
      </c>
      <c r="R7477" s="111">
        <v>0</v>
      </c>
      <c r="S7477" s="111">
        <v>1</v>
      </c>
      <c r="T7477" s="111">
        <v>0</v>
      </c>
      <c r="U7477" s="145"/>
      <c r="V7477" s="145"/>
      <c r="W7477" s="145"/>
      <c r="X7477" s="145"/>
      <c r="Y7477" s="145"/>
      <c r="Z7477" s="145"/>
      <c r="AA7477" s="145"/>
      <c r="AB7477" s="145"/>
      <c r="AC7477" s="145"/>
      <c r="AD7477" s="145"/>
      <c r="AE7477" s="145"/>
      <c r="AF7477" s="145"/>
      <c r="AG7477" s="145"/>
      <c r="AH7477" s="145"/>
      <c r="AI7477" s="145"/>
      <c r="AJ7477" s="145"/>
      <c r="AK7477" s="145"/>
      <c r="AL7477" s="145"/>
      <c r="AM7477" s="145"/>
      <c r="AN7477" s="145"/>
      <c r="AO7477" s="145"/>
      <c r="AP7477" s="145"/>
      <c r="AQ7477" s="145"/>
      <c r="AR7477" s="145"/>
      <c r="AS7477" s="145"/>
      <c r="AT7477" s="111">
        <v>1</v>
      </c>
      <c r="AU7477" s="145"/>
      <c r="AV7477" s="145"/>
      <c r="AW7477" s="145"/>
      <c r="AX7477" s="146"/>
      <c r="AY7477" s="146"/>
      <c r="AZ7477" s="146"/>
      <c r="BA7477" s="146"/>
      <c r="BB7477" s="107">
        <v>45447</v>
      </c>
    </row>
    <row r="7478" spans="1:54" s="8" customFormat="1" ht="13.95" customHeight="1" x14ac:dyDescent="0.25">
      <c r="A7478" s="14" t="s">
        <v>19562</v>
      </c>
      <c r="B7478" s="109" t="s">
        <v>20561</v>
      </c>
      <c r="C7478" s="93" t="s">
        <v>19563</v>
      </c>
      <c r="D7478" s="93" t="s">
        <v>19564</v>
      </c>
      <c r="E7478" s="93" t="s">
        <v>174</v>
      </c>
      <c r="F7478" s="93">
        <v>495</v>
      </c>
      <c r="G7478" s="93" t="s">
        <v>12</v>
      </c>
      <c r="H7478" s="111">
        <v>0</v>
      </c>
      <c r="I7478" s="111">
        <v>0</v>
      </c>
      <c r="J7478" s="111">
        <v>1</v>
      </c>
      <c r="K7478" s="111">
        <v>0</v>
      </c>
      <c r="L7478" s="111">
        <v>1</v>
      </c>
      <c r="M7478" s="111">
        <v>1</v>
      </c>
      <c r="N7478" s="111">
        <v>0</v>
      </c>
      <c r="O7478" s="111">
        <v>0</v>
      </c>
      <c r="P7478" s="111">
        <v>0</v>
      </c>
      <c r="Q7478" s="111">
        <v>0</v>
      </c>
      <c r="R7478" s="111">
        <v>1</v>
      </c>
      <c r="S7478" s="111">
        <v>0</v>
      </c>
      <c r="T7478" s="111">
        <v>0</v>
      </c>
      <c r="U7478" s="145"/>
      <c r="V7478" s="145"/>
      <c r="W7478" s="145"/>
      <c r="X7478" s="145"/>
      <c r="Y7478" s="145"/>
      <c r="Z7478" s="145"/>
      <c r="AA7478" s="145"/>
      <c r="AB7478" s="145"/>
      <c r="AC7478" s="145"/>
      <c r="AD7478" s="145"/>
      <c r="AE7478" s="145"/>
      <c r="AF7478" s="145"/>
      <c r="AG7478" s="145"/>
      <c r="AH7478" s="145"/>
      <c r="AI7478" s="145"/>
      <c r="AJ7478" s="145"/>
      <c r="AK7478" s="145"/>
      <c r="AL7478" s="145"/>
      <c r="AM7478" s="145"/>
      <c r="AN7478" s="145"/>
      <c r="AO7478" s="145"/>
      <c r="AP7478" s="145"/>
      <c r="AQ7478" s="145"/>
      <c r="AR7478" s="145"/>
      <c r="AS7478" s="145"/>
      <c r="AT7478" s="145"/>
      <c r="AU7478" s="145"/>
      <c r="AV7478" s="145"/>
      <c r="AW7478" s="145"/>
      <c r="AX7478" s="146"/>
      <c r="AY7478" s="146"/>
      <c r="AZ7478" s="146"/>
      <c r="BA7478" s="112" t="s">
        <v>19522</v>
      </c>
      <c r="BB7478" s="107">
        <v>45447</v>
      </c>
    </row>
    <row r="7479" spans="1:54" s="8" customFormat="1" ht="13.95" customHeight="1" x14ac:dyDescent="0.25">
      <c r="A7479" s="14" t="s">
        <v>19565</v>
      </c>
      <c r="B7479" s="109" t="s">
        <v>20561</v>
      </c>
      <c r="C7479" s="93" t="s">
        <v>19566</v>
      </c>
      <c r="D7479" s="93" t="s">
        <v>19567</v>
      </c>
      <c r="E7479" s="93" t="s">
        <v>174</v>
      </c>
      <c r="F7479" s="93">
        <v>281</v>
      </c>
      <c r="G7479" s="93" t="s">
        <v>12</v>
      </c>
      <c r="H7479" s="111">
        <v>0</v>
      </c>
      <c r="I7479" s="111">
        <v>0</v>
      </c>
      <c r="J7479" s="111">
        <v>0</v>
      </c>
      <c r="K7479" s="111">
        <v>1</v>
      </c>
      <c r="L7479" s="111">
        <v>1</v>
      </c>
      <c r="M7479" s="111">
        <v>1</v>
      </c>
      <c r="N7479" s="111">
        <v>0</v>
      </c>
      <c r="O7479" s="111">
        <v>0</v>
      </c>
      <c r="P7479" s="111">
        <v>0</v>
      </c>
      <c r="Q7479" s="111">
        <v>0</v>
      </c>
      <c r="R7479" s="111">
        <v>1</v>
      </c>
      <c r="S7479" s="111">
        <v>0</v>
      </c>
      <c r="T7479" s="111">
        <v>0</v>
      </c>
      <c r="U7479" s="145"/>
      <c r="V7479" s="145"/>
      <c r="W7479" s="145"/>
      <c r="X7479" s="145"/>
      <c r="Y7479" s="145"/>
      <c r="Z7479" s="145"/>
      <c r="AA7479" s="145"/>
      <c r="AB7479" s="145"/>
      <c r="AC7479" s="145"/>
      <c r="AD7479" s="145"/>
      <c r="AE7479" s="145"/>
      <c r="AF7479" s="145"/>
      <c r="AG7479" s="145"/>
      <c r="AH7479" s="145"/>
      <c r="AI7479" s="145"/>
      <c r="AJ7479" s="145"/>
      <c r="AK7479" s="145"/>
      <c r="AL7479" s="145"/>
      <c r="AM7479" s="145"/>
      <c r="AN7479" s="145"/>
      <c r="AO7479" s="145"/>
      <c r="AP7479" s="145"/>
      <c r="AQ7479" s="145"/>
      <c r="AR7479" s="145"/>
      <c r="AS7479" s="145"/>
      <c r="AT7479" s="145"/>
      <c r="AU7479" s="145"/>
      <c r="AV7479" s="145"/>
      <c r="AW7479" s="145"/>
      <c r="AX7479" s="146"/>
      <c r="AY7479" s="146"/>
      <c r="AZ7479" s="146"/>
      <c r="BA7479" s="146"/>
      <c r="BB7479" s="107">
        <v>45447</v>
      </c>
    </row>
    <row r="7480" spans="1:54" s="8" customFormat="1" ht="13.95" customHeight="1" x14ac:dyDescent="0.25">
      <c r="A7480" s="14" t="s">
        <v>19568</v>
      </c>
      <c r="B7480" s="109" t="s">
        <v>20561</v>
      </c>
      <c r="C7480" s="93" t="s">
        <v>19569</v>
      </c>
      <c r="D7480" s="93" t="s">
        <v>19570</v>
      </c>
      <c r="E7480" s="93" t="s">
        <v>174</v>
      </c>
      <c r="F7480" s="93">
        <v>325</v>
      </c>
      <c r="G7480" s="93" t="s">
        <v>12</v>
      </c>
      <c r="H7480" s="111">
        <v>0</v>
      </c>
      <c r="I7480" s="111">
        <v>0</v>
      </c>
      <c r="J7480" s="111">
        <v>0</v>
      </c>
      <c r="K7480" s="111">
        <v>0</v>
      </c>
      <c r="L7480" s="111">
        <v>1</v>
      </c>
      <c r="M7480" s="111">
        <v>1</v>
      </c>
      <c r="N7480" s="111">
        <v>0</v>
      </c>
      <c r="O7480" s="111">
        <v>0</v>
      </c>
      <c r="P7480" s="111">
        <v>0</v>
      </c>
      <c r="Q7480" s="111">
        <v>0</v>
      </c>
      <c r="R7480" s="111">
        <v>0</v>
      </c>
      <c r="S7480" s="111">
        <v>0</v>
      </c>
      <c r="T7480" s="111">
        <v>0</v>
      </c>
      <c r="U7480" s="145"/>
      <c r="V7480" s="145"/>
      <c r="W7480" s="145"/>
      <c r="X7480" s="145"/>
      <c r="Y7480" s="145"/>
      <c r="Z7480" s="145"/>
      <c r="AA7480" s="145"/>
      <c r="AB7480" s="145"/>
      <c r="AC7480" s="145"/>
      <c r="AD7480" s="145"/>
      <c r="AE7480" s="145"/>
      <c r="AF7480" s="145"/>
      <c r="AG7480" s="145"/>
      <c r="AH7480" s="145"/>
      <c r="AI7480" s="145"/>
      <c r="AJ7480" s="145"/>
      <c r="AK7480" s="145"/>
      <c r="AL7480" s="145"/>
      <c r="AM7480" s="145"/>
      <c r="AN7480" s="145"/>
      <c r="AO7480" s="145"/>
      <c r="AP7480" s="145"/>
      <c r="AQ7480" s="145"/>
      <c r="AR7480" s="145"/>
      <c r="AS7480" s="145"/>
      <c r="AT7480" s="145"/>
      <c r="AU7480" s="145"/>
      <c r="AV7480" s="145"/>
      <c r="AW7480" s="145"/>
      <c r="AX7480" s="146"/>
      <c r="AY7480" s="146"/>
      <c r="AZ7480" s="146"/>
      <c r="BA7480" s="146"/>
      <c r="BB7480" s="107">
        <v>45447</v>
      </c>
    </row>
    <row r="7481" spans="1:54" s="8" customFormat="1" ht="13.95" customHeight="1" x14ac:dyDescent="0.25">
      <c r="A7481" s="14" t="s">
        <v>19571</v>
      </c>
      <c r="B7481" s="109" t="s">
        <v>20561</v>
      </c>
      <c r="C7481" s="93" t="s">
        <v>19572</v>
      </c>
      <c r="D7481" s="93" t="s">
        <v>19573</v>
      </c>
      <c r="E7481" s="93" t="s">
        <v>174</v>
      </c>
      <c r="F7481" s="93">
        <v>210</v>
      </c>
      <c r="G7481" s="93" t="s">
        <v>12</v>
      </c>
      <c r="H7481" s="111">
        <v>0</v>
      </c>
      <c r="I7481" s="111">
        <v>0</v>
      </c>
      <c r="J7481" s="111">
        <v>1</v>
      </c>
      <c r="K7481" s="111">
        <v>0</v>
      </c>
      <c r="L7481" s="111">
        <v>0</v>
      </c>
      <c r="M7481" s="111">
        <v>0</v>
      </c>
      <c r="N7481" s="111">
        <v>0</v>
      </c>
      <c r="O7481" s="111">
        <v>0</v>
      </c>
      <c r="P7481" s="111">
        <v>0</v>
      </c>
      <c r="Q7481" s="111">
        <v>0</v>
      </c>
      <c r="R7481" s="111">
        <v>1</v>
      </c>
      <c r="S7481" s="111">
        <v>1</v>
      </c>
      <c r="T7481" s="111">
        <v>0</v>
      </c>
      <c r="U7481" s="145"/>
      <c r="V7481" s="145"/>
      <c r="W7481" s="145"/>
      <c r="X7481" s="145"/>
      <c r="Y7481" s="145"/>
      <c r="Z7481" s="145"/>
      <c r="AA7481" s="145"/>
      <c r="AB7481" s="145"/>
      <c r="AC7481" s="145"/>
      <c r="AD7481" s="145"/>
      <c r="AE7481" s="145"/>
      <c r="AF7481" s="145"/>
      <c r="AG7481" s="145"/>
      <c r="AH7481" s="145"/>
      <c r="AI7481" s="145"/>
      <c r="AJ7481" s="145"/>
      <c r="AK7481" s="145"/>
      <c r="AL7481" s="145"/>
      <c r="AM7481" s="145"/>
      <c r="AN7481" s="145"/>
      <c r="AO7481" s="145"/>
      <c r="AP7481" s="145"/>
      <c r="AQ7481" s="145"/>
      <c r="AR7481" s="145"/>
      <c r="AS7481" s="145"/>
      <c r="AT7481" s="111">
        <v>1</v>
      </c>
      <c r="AU7481" s="145"/>
      <c r="AV7481" s="145"/>
      <c r="AW7481" s="145"/>
      <c r="AX7481" s="146"/>
      <c r="AY7481" s="146"/>
      <c r="AZ7481" s="146"/>
      <c r="BA7481" s="146"/>
      <c r="BB7481" s="107">
        <v>45447</v>
      </c>
    </row>
    <row r="7482" spans="1:54" s="8" customFormat="1" ht="13.95" customHeight="1" x14ac:dyDescent="0.25">
      <c r="A7482" s="14" t="s">
        <v>19574</v>
      </c>
      <c r="B7482" s="109" t="s">
        <v>20561</v>
      </c>
      <c r="C7482" s="93" t="s">
        <v>19575</v>
      </c>
      <c r="D7482" s="93" t="s">
        <v>19576</v>
      </c>
      <c r="E7482" s="93" t="s">
        <v>174</v>
      </c>
      <c r="F7482" s="93">
        <v>396</v>
      </c>
      <c r="G7482" s="93" t="s">
        <v>12</v>
      </c>
      <c r="H7482" s="111">
        <v>0</v>
      </c>
      <c r="I7482" s="111">
        <v>0</v>
      </c>
      <c r="J7482" s="111">
        <v>1</v>
      </c>
      <c r="K7482" s="111">
        <v>1</v>
      </c>
      <c r="L7482" s="111">
        <v>0</v>
      </c>
      <c r="M7482" s="111">
        <v>0</v>
      </c>
      <c r="N7482" s="111">
        <v>0</v>
      </c>
      <c r="O7482" s="111">
        <v>0</v>
      </c>
      <c r="P7482" s="111">
        <v>1</v>
      </c>
      <c r="Q7482" s="111">
        <v>0</v>
      </c>
      <c r="R7482" s="111">
        <v>0</v>
      </c>
      <c r="S7482" s="111">
        <v>0</v>
      </c>
      <c r="T7482" s="111">
        <v>0</v>
      </c>
      <c r="U7482" s="145"/>
      <c r="V7482" s="145"/>
      <c r="W7482" s="145"/>
      <c r="X7482" s="145"/>
      <c r="Y7482" s="145"/>
      <c r="Z7482" s="145"/>
      <c r="AA7482" s="145"/>
      <c r="AB7482" s="145"/>
      <c r="AC7482" s="145"/>
      <c r="AD7482" s="145"/>
      <c r="AE7482" s="145"/>
      <c r="AF7482" s="145"/>
      <c r="AG7482" s="145"/>
      <c r="AH7482" s="145"/>
      <c r="AI7482" s="145"/>
      <c r="AJ7482" s="145"/>
      <c r="AK7482" s="145"/>
      <c r="AL7482" s="145"/>
      <c r="AM7482" s="145"/>
      <c r="AN7482" s="145"/>
      <c r="AO7482" s="145"/>
      <c r="AP7482" s="145"/>
      <c r="AQ7482" s="145"/>
      <c r="AR7482" s="145"/>
      <c r="AS7482" s="145"/>
      <c r="AT7482" s="145"/>
      <c r="AU7482" s="145"/>
      <c r="AV7482" s="145"/>
      <c r="AW7482" s="145"/>
      <c r="AX7482" s="146"/>
      <c r="AY7482" s="146"/>
      <c r="AZ7482" s="146"/>
      <c r="BA7482" s="146"/>
      <c r="BB7482" s="107">
        <v>45447</v>
      </c>
    </row>
    <row r="7483" spans="1:54" s="8" customFormat="1" ht="13.95" customHeight="1" x14ac:dyDescent="0.25">
      <c r="A7483" s="14" t="s">
        <v>19577</v>
      </c>
      <c r="B7483" s="109" t="s">
        <v>20561</v>
      </c>
      <c r="C7483" s="93" t="s">
        <v>19578</v>
      </c>
      <c r="D7483" s="93" t="s">
        <v>19579</v>
      </c>
      <c r="E7483" s="93" t="s">
        <v>174</v>
      </c>
      <c r="F7483" s="93">
        <v>710</v>
      </c>
      <c r="G7483" s="93" t="s">
        <v>12</v>
      </c>
      <c r="H7483" s="111">
        <v>0</v>
      </c>
      <c r="I7483" s="111">
        <v>0</v>
      </c>
      <c r="J7483" s="111">
        <v>1</v>
      </c>
      <c r="K7483" s="111">
        <v>1</v>
      </c>
      <c r="L7483" s="111">
        <v>0</v>
      </c>
      <c r="M7483" s="111">
        <v>0</v>
      </c>
      <c r="N7483" s="111">
        <v>0</v>
      </c>
      <c r="O7483" s="111">
        <v>0</v>
      </c>
      <c r="P7483" s="111">
        <v>1</v>
      </c>
      <c r="Q7483" s="111">
        <v>0</v>
      </c>
      <c r="R7483" s="111">
        <v>0</v>
      </c>
      <c r="S7483" s="111">
        <v>0</v>
      </c>
      <c r="T7483" s="111">
        <v>0</v>
      </c>
      <c r="U7483" s="145"/>
      <c r="V7483" s="145"/>
      <c r="W7483" s="145"/>
      <c r="X7483" s="145"/>
      <c r="Y7483" s="145"/>
      <c r="Z7483" s="145"/>
      <c r="AA7483" s="145"/>
      <c r="AB7483" s="145"/>
      <c r="AC7483" s="145"/>
      <c r="AD7483" s="145"/>
      <c r="AE7483" s="145"/>
      <c r="AF7483" s="145"/>
      <c r="AG7483" s="145"/>
      <c r="AH7483" s="145"/>
      <c r="AI7483" s="145"/>
      <c r="AJ7483" s="145"/>
      <c r="AK7483" s="145"/>
      <c r="AL7483" s="145"/>
      <c r="AM7483" s="145"/>
      <c r="AN7483" s="145"/>
      <c r="AO7483" s="145"/>
      <c r="AP7483" s="145"/>
      <c r="AQ7483" s="145"/>
      <c r="AR7483" s="145"/>
      <c r="AS7483" s="145"/>
      <c r="AT7483" s="111">
        <v>1</v>
      </c>
      <c r="AU7483" s="145"/>
      <c r="AV7483" s="145"/>
      <c r="AW7483" s="145"/>
      <c r="AX7483" s="146"/>
      <c r="AY7483" s="146"/>
      <c r="AZ7483" s="146"/>
      <c r="BA7483" s="146"/>
      <c r="BB7483" s="107">
        <v>45447</v>
      </c>
    </row>
    <row r="7484" spans="1:54" s="8" customFormat="1" ht="13.95" customHeight="1" x14ac:dyDescent="0.25">
      <c r="A7484" s="14" t="s">
        <v>19580</v>
      </c>
      <c r="B7484" s="109" t="s">
        <v>20561</v>
      </c>
      <c r="C7484" s="93" t="s">
        <v>20335</v>
      </c>
      <c r="D7484" s="93" t="s">
        <v>19581</v>
      </c>
      <c r="E7484" s="93" t="s">
        <v>174</v>
      </c>
      <c r="F7484" s="93">
        <v>490</v>
      </c>
      <c r="G7484" s="93" t="s">
        <v>12</v>
      </c>
      <c r="H7484" s="111">
        <v>0</v>
      </c>
      <c r="I7484" s="111">
        <v>0</v>
      </c>
      <c r="J7484" s="111">
        <v>1</v>
      </c>
      <c r="K7484" s="111">
        <v>1</v>
      </c>
      <c r="L7484" s="111">
        <v>0</v>
      </c>
      <c r="M7484" s="111">
        <v>0</v>
      </c>
      <c r="N7484" s="111">
        <v>0</v>
      </c>
      <c r="O7484" s="111">
        <v>0</v>
      </c>
      <c r="P7484" s="111">
        <v>0</v>
      </c>
      <c r="Q7484" s="111">
        <v>0</v>
      </c>
      <c r="R7484" s="111">
        <v>0</v>
      </c>
      <c r="S7484" s="111">
        <v>0</v>
      </c>
      <c r="T7484" s="111">
        <v>0</v>
      </c>
      <c r="U7484" s="145"/>
      <c r="V7484" s="145"/>
      <c r="W7484" s="145"/>
      <c r="X7484" s="145"/>
      <c r="Y7484" s="145"/>
      <c r="Z7484" s="145"/>
      <c r="AA7484" s="145"/>
      <c r="AB7484" s="145"/>
      <c r="AC7484" s="145"/>
      <c r="AD7484" s="145"/>
      <c r="AE7484" s="145"/>
      <c r="AF7484" s="145"/>
      <c r="AG7484" s="145"/>
      <c r="AH7484" s="145"/>
      <c r="AI7484" s="145"/>
      <c r="AJ7484" s="145"/>
      <c r="AK7484" s="145"/>
      <c r="AL7484" s="145"/>
      <c r="AM7484" s="145"/>
      <c r="AN7484" s="145"/>
      <c r="AO7484" s="145"/>
      <c r="AP7484" s="145"/>
      <c r="AQ7484" s="145"/>
      <c r="AR7484" s="145"/>
      <c r="AS7484" s="145"/>
      <c r="AT7484" s="145"/>
      <c r="AU7484" s="145"/>
      <c r="AV7484" s="145"/>
      <c r="AW7484" s="145"/>
      <c r="AX7484" s="146"/>
      <c r="AY7484" s="146"/>
      <c r="AZ7484" s="146"/>
      <c r="BA7484" s="146"/>
      <c r="BB7484" s="107">
        <v>45447</v>
      </c>
    </row>
    <row r="7485" spans="1:54" s="8" customFormat="1" ht="13.95" customHeight="1" x14ac:dyDescent="0.25">
      <c r="A7485" s="14" t="s">
        <v>19582</v>
      </c>
      <c r="B7485" s="109" t="s">
        <v>20561</v>
      </c>
      <c r="C7485" s="93" t="s">
        <v>19583</v>
      </c>
      <c r="D7485" s="93" t="s">
        <v>19584</v>
      </c>
      <c r="E7485" s="93" t="s">
        <v>174</v>
      </c>
      <c r="F7485" s="93">
        <v>569</v>
      </c>
      <c r="G7485" s="93" t="s">
        <v>12</v>
      </c>
      <c r="H7485" s="111">
        <v>0</v>
      </c>
      <c r="I7485" s="111">
        <v>0</v>
      </c>
      <c r="J7485" s="111">
        <v>0</v>
      </c>
      <c r="K7485" s="111">
        <v>0</v>
      </c>
      <c r="L7485" s="111">
        <v>0</v>
      </c>
      <c r="M7485" s="111">
        <v>0</v>
      </c>
      <c r="N7485" s="111">
        <v>0</v>
      </c>
      <c r="O7485" s="111">
        <v>0</v>
      </c>
      <c r="P7485" s="111">
        <v>0</v>
      </c>
      <c r="Q7485" s="111">
        <v>0</v>
      </c>
      <c r="R7485" s="111">
        <v>1</v>
      </c>
      <c r="S7485" s="111">
        <v>0</v>
      </c>
      <c r="T7485" s="111">
        <v>0</v>
      </c>
      <c r="U7485" s="145"/>
      <c r="V7485" s="145"/>
      <c r="W7485" s="145"/>
      <c r="X7485" s="145"/>
      <c r="Y7485" s="145"/>
      <c r="Z7485" s="145"/>
      <c r="AA7485" s="145"/>
      <c r="AB7485" s="145"/>
      <c r="AC7485" s="145"/>
      <c r="AD7485" s="145"/>
      <c r="AE7485" s="145"/>
      <c r="AF7485" s="145"/>
      <c r="AG7485" s="145"/>
      <c r="AH7485" s="145"/>
      <c r="AI7485" s="145"/>
      <c r="AJ7485" s="145"/>
      <c r="AK7485" s="145"/>
      <c r="AL7485" s="145"/>
      <c r="AM7485" s="145"/>
      <c r="AN7485" s="145"/>
      <c r="AO7485" s="145"/>
      <c r="AP7485" s="145"/>
      <c r="AQ7485" s="145"/>
      <c r="AR7485" s="145"/>
      <c r="AS7485" s="145"/>
      <c r="AT7485" s="111">
        <v>1</v>
      </c>
      <c r="AU7485" s="145"/>
      <c r="AV7485" s="145"/>
      <c r="AW7485" s="145"/>
      <c r="AX7485" s="146"/>
      <c r="AY7485" s="146"/>
      <c r="AZ7485" s="146"/>
      <c r="BA7485" s="146"/>
      <c r="BB7485" s="107">
        <v>45447</v>
      </c>
    </row>
    <row r="7486" spans="1:54" s="8" customFormat="1" ht="13.95" customHeight="1" x14ac:dyDescent="0.25">
      <c r="A7486" s="14" t="s">
        <v>19585</v>
      </c>
      <c r="B7486" s="109" t="s">
        <v>20561</v>
      </c>
      <c r="C7486" s="93" t="s">
        <v>19586</v>
      </c>
      <c r="D7486" s="93" t="s">
        <v>19587</v>
      </c>
      <c r="E7486" s="93" t="s">
        <v>174</v>
      </c>
      <c r="F7486" s="93">
        <v>420</v>
      </c>
      <c r="G7486" s="93" t="s">
        <v>12</v>
      </c>
      <c r="H7486" s="111">
        <v>0</v>
      </c>
      <c r="I7486" s="111">
        <v>0</v>
      </c>
      <c r="J7486" s="111">
        <v>1</v>
      </c>
      <c r="K7486" s="111">
        <v>0</v>
      </c>
      <c r="L7486" s="111">
        <v>1</v>
      </c>
      <c r="M7486" s="111">
        <v>0</v>
      </c>
      <c r="N7486" s="111">
        <v>0</v>
      </c>
      <c r="O7486" s="111">
        <v>1</v>
      </c>
      <c r="P7486" s="111">
        <v>0</v>
      </c>
      <c r="Q7486" s="111">
        <v>0</v>
      </c>
      <c r="R7486" s="111">
        <v>0</v>
      </c>
      <c r="S7486" s="111">
        <v>0</v>
      </c>
      <c r="T7486" s="111">
        <v>0</v>
      </c>
      <c r="U7486" s="145"/>
      <c r="V7486" s="145"/>
      <c r="W7486" s="145"/>
      <c r="X7486" s="145"/>
      <c r="Y7486" s="145"/>
      <c r="Z7486" s="145"/>
      <c r="AA7486" s="145"/>
      <c r="AB7486" s="145"/>
      <c r="AC7486" s="145"/>
      <c r="AD7486" s="145"/>
      <c r="AE7486" s="145"/>
      <c r="AF7486" s="145"/>
      <c r="AG7486" s="145"/>
      <c r="AH7486" s="145"/>
      <c r="AI7486" s="145"/>
      <c r="AJ7486" s="145"/>
      <c r="AK7486" s="145"/>
      <c r="AL7486" s="145"/>
      <c r="AM7486" s="145"/>
      <c r="AN7486" s="145"/>
      <c r="AO7486" s="145"/>
      <c r="AP7486" s="145"/>
      <c r="AQ7486" s="145"/>
      <c r="AR7486" s="145"/>
      <c r="AS7486" s="145"/>
      <c r="AT7486" s="111">
        <v>1</v>
      </c>
      <c r="AU7486" s="145"/>
      <c r="AV7486" s="145"/>
      <c r="AW7486" s="145"/>
      <c r="AX7486" s="146"/>
      <c r="AY7486" s="146"/>
      <c r="AZ7486" s="146"/>
      <c r="BA7486" s="146"/>
      <c r="BB7486" s="107">
        <v>45447</v>
      </c>
    </row>
    <row r="7487" spans="1:54" s="8" customFormat="1" ht="13.95" customHeight="1" x14ac:dyDescent="0.25">
      <c r="A7487" s="14" t="s">
        <v>19588</v>
      </c>
      <c r="B7487" s="109" t="s">
        <v>20561</v>
      </c>
      <c r="C7487" s="93" t="s">
        <v>19589</v>
      </c>
      <c r="D7487" s="93" t="s">
        <v>19590</v>
      </c>
      <c r="E7487" s="93" t="s">
        <v>174</v>
      </c>
      <c r="F7487" s="93">
        <v>529</v>
      </c>
      <c r="G7487" s="93" t="s">
        <v>12</v>
      </c>
      <c r="H7487" s="111">
        <v>0</v>
      </c>
      <c r="I7487" s="111">
        <v>0</v>
      </c>
      <c r="J7487" s="111">
        <v>1</v>
      </c>
      <c r="K7487" s="111">
        <v>0</v>
      </c>
      <c r="L7487" s="111">
        <v>1</v>
      </c>
      <c r="M7487" s="111">
        <v>0</v>
      </c>
      <c r="N7487" s="111">
        <v>0</v>
      </c>
      <c r="O7487" s="111">
        <v>0</v>
      </c>
      <c r="P7487" s="111">
        <v>1</v>
      </c>
      <c r="Q7487" s="111">
        <v>0</v>
      </c>
      <c r="R7487" s="111">
        <v>1</v>
      </c>
      <c r="S7487" s="111">
        <v>0</v>
      </c>
      <c r="T7487" s="111">
        <v>0</v>
      </c>
      <c r="U7487" s="145"/>
      <c r="V7487" s="145"/>
      <c r="W7487" s="145"/>
      <c r="X7487" s="145"/>
      <c r="Y7487" s="145"/>
      <c r="Z7487" s="145"/>
      <c r="AA7487" s="145"/>
      <c r="AB7487" s="145"/>
      <c r="AC7487" s="145"/>
      <c r="AD7487" s="145"/>
      <c r="AE7487" s="145"/>
      <c r="AF7487" s="145"/>
      <c r="AG7487" s="145"/>
      <c r="AH7487" s="145"/>
      <c r="AI7487" s="145"/>
      <c r="AJ7487" s="145"/>
      <c r="AK7487" s="145"/>
      <c r="AL7487" s="145"/>
      <c r="AM7487" s="145"/>
      <c r="AN7487" s="145"/>
      <c r="AO7487" s="145"/>
      <c r="AP7487" s="145"/>
      <c r="AQ7487" s="145"/>
      <c r="AR7487" s="145"/>
      <c r="AS7487" s="145"/>
      <c r="AT7487" s="111">
        <v>1</v>
      </c>
      <c r="AU7487" s="145"/>
      <c r="AV7487" s="145"/>
      <c r="AW7487" s="145"/>
      <c r="AX7487" s="146"/>
      <c r="AY7487" s="146"/>
      <c r="AZ7487" s="146"/>
      <c r="BA7487" s="146"/>
      <c r="BB7487" s="107">
        <v>45447</v>
      </c>
    </row>
    <row r="7488" spans="1:54" s="8" customFormat="1" ht="13.95" customHeight="1" x14ac:dyDescent="0.25">
      <c r="A7488" s="14" t="s">
        <v>19591</v>
      </c>
      <c r="B7488" s="109" t="s">
        <v>20561</v>
      </c>
      <c r="C7488" s="93" t="s">
        <v>19592</v>
      </c>
      <c r="D7488" s="93" t="s">
        <v>21904</v>
      </c>
      <c r="E7488" s="93" t="s">
        <v>174</v>
      </c>
      <c r="F7488" s="93">
        <v>550</v>
      </c>
      <c r="G7488" s="93" t="s">
        <v>12</v>
      </c>
      <c r="H7488" s="111">
        <v>0</v>
      </c>
      <c r="I7488" s="111">
        <v>0</v>
      </c>
      <c r="J7488" s="111">
        <v>0</v>
      </c>
      <c r="K7488" s="111">
        <v>0</v>
      </c>
      <c r="L7488" s="111">
        <v>1</v>
      </c>
      <c r="M7488" s="111">
        <v>0</v>
      </c>
      <c r="N7488" s="111">
        <v>0</v>
      </c>
      <c r="O7488" s="111">
        <v>1</v>
      </c>
      <c r="P7488" s="111">
        <v>1</v>
      </c>
      <c r="Q7488" s="111">
        <v>0</v>
      </c>
      <c r="R7488" s="111">
        <v>1</v>
      </c>
      <c r="S7488" s="111">
        <v>0</v>
      </c>
      <c r="T7488" s="111">
        <v>0</v>
      </c>
      <c r="U7488" s="145"/>
      <c r="V7488" s="145"/>
      <c r="W7488" s="145"/>
      <c r="X7488" s="145"/>
      <c r="Y7488" s="145"/>
      <c r="Z7488" s="145"/>
      <c r="AA7488" s="145"/>
      <c r="AB7488" s="145"/>
      <c r="AC7488" s="145"/>
      <c r="AD7488" s="145"/>
      <c r="AE7488" s="145"/>
      <c r="AF7488" s="145"/>
      <c r="AG7488" s="145"/>
      <c r="AH7488" s="145"/>
      <c r="AI7488" s="145"/>
      <c r="AJ7488" s="145"/>
      <c r="AK7488" s="145"/>
      <c r="AL7488" s="145"/>
      <c r="AM7488" s="145"/>
      <c r="AN7488" s="145"/>
      <c r="AO7488" s="145"/>
      <c r="AP7488" s="145"/>
      <c r="AQ7488" s="145"/>
      <c r="AR7488" s="145"/>
      <c r="AS7488" s="145"/>
      <c r="AT7488" s="145"/>
      <c r="AU7488" s="145"/>
      <c r="AV7488" s="145"/>
      <c r="AW7488" s="145"/>
      <c r="AX7488" s="146"/>
      <c r="AY7488" s="146"/>
      <c r="AZ7488" s="146"/>
      <c r="BA7488" s="146"/>
      <c r="BB7488" s="107">
        <v>45447</v>
      </c>
    </row>
    <row r="7489" spans="1:54" s="8" customFormat="1" ht="13.95" customHeight="1" x14ac:dyDescent="0.25">
      <c r="A7489" s="14" t="s">
        <v>19593</v>
      </c>
      <c r="B7489" s="109" t="s">
        <v>20561</v>
      </c>
      <c r="C7489" s="93" t="s">
        <v>19594</v>
      </c>
      <c r="D7489" s="93" t="s">
        <v>19595</v>
      </c>
      <c r="E7489" s="93" t="s">
        <v>174</v>
      </c>
      <c r="F7489" s="93">
        <v>385</v>
      </c>
      <c r="G7489" s="93" t="s">
        <v>12</v>
      </c>
      <c r="H7489" s="111">
        <v>0</v>
      </c>
      <c r="I7489" s="111">
        <v>0</v>
      </c>
      <c r="J7489" s="111">
        <v>1</v>
      </c>
      <c r="K7489" s="111">
        <v>0</v>
      </c>
      <c r="L7489" s="111">
        <v>1</v>
      </c>
      <c r="M7489" s="111">
        <v>0</v>
      </c>
      <c r="N7489" s="111">
        <v>0</v>
      </c>
      <c r="O7489" s="111">
        <v>0</v>
      </c>
      <c r="P7489" s="111">
        <v>1</v>
      </c>
      <c r="Q7489" s="111">
        <v>0</v>
      </c>
      <c r="R7489" s="111">
        <v>0</v>
      </c>
      <c r="S7489" s="111">
        <v>0</v>
      </c>
      <c r="T7489" s="111">
        <v>0</v>
      </c>
      <c r="U7489" s="145"/>
      <c r="V7489" s="145"/>
      <c r="W7489" s="145"/>
      <c r="X7489" s="145"/>
      <c r="Y7489" s="145"/>
      <c r="Z7489" s="145"/>
      <c r="AA7489" s="145"/>
      <c r="AB7489" s="145"/>
      <c r="AC7489" s="145"/>
      <c r="AD7489" s="145"/>
      <c r="AE7489" s="145"/>
      <c r="AF7489" s="145"/>
      <c r="AG7489" s="145"/>
      <c r="AH7489" s="145"/>
      <c r="AI7489" s="145"/>
      <c r="AJ7489" s="145"/>
      <c r="AK7489" s="145"/>
      <c r="AL7489" s="145"/>
      <c r="AM7489" s="145"/>
      <c r="AN7489" s="145"/>
      <c r="AO7489" s="145"/>
      <c r="AP7489" s="145"/>
      <c r="AQ7489" s="145"/>
      <c r="AR7489" s="145"/>
      <c r="AS7489" s="145"/>
      <c r="AT7489" s="145"/>
      <c r="AU7489" s="145"/>
      <c r="AV7489" s="145"/>
      <c r="AW7489" s="145"/>
      <c r="AX7489" s="146"/>
      <c r="AY7489" s="146"/>
      <c r="AZ7489" s="146"/>
      <c r="BA7489" s="146"/>
      <c r="BB7489" s="107">
        <v>45447</v>
      </c>
    </row>
    <row r="7490" spans="1:54" s="8" customFormat="1" ht="13.95" customHeight="1" x14ac:dyDescent="0.25">
      <c r="A7490" s="14" t="s">
        <v>19596</v>
      </c>
      <c r="B7490" s="109" t="s">
        <v>20561</v>
      </c>
      <c r="C7490" s="93" t="s">
        <v>19597</v>
      </c>
      <c r="D7490" s="93" t="s">
        <v>19598</v>
      </c>
      <c r="E7490" s="93" t="s">
        <v>174</v>
      </c>
      <c r="F7490" s="93">
        <v>456</v>
      </c>
      <c r="G7490" s="93" t="s">
        <v>12</v>
      </c>
      <c r="H7490" s="111">
        <v>0</v>
      </c>
      <c r="I7490" s="111">
        <v>0</v>
      </c>
      <c r="J7490" s="111">
        <v>0</v>
      </c>
      <c r="K7490" s="111">
        <v>0</v>
      </c>
      <c r="L7490" s="111">
        <v>1</v>
      </c>
      <c r="M7490" s="111">
        <v>0</v>
      </c>
      <c r="N7490" s="111">
        <v>0</v>
      </c>
      <c r="O7490" s="111">
        <v>0</v>
      </c>
      <c r="P7490" s="111">
        <v>0</v>
      </c>
      <c r="Q7490" s="111">
        <v>0</v>
      </c>
      <c r="R7490" s="111">
        <v>1</v>
      </c>
      <c r="S7490" s="111">
        <v>0</v>
      </c>
      <c r="T7490" s="111">
        <v>0</v>
      </c>
      <c r="U7490" s="145"/>
      <c r="V7490" s="145"/>
      <c r="W7490" s="145"/>
      <c r="X7490" s="145"/>
      <c r="Y7490" s="145"/>
      <c r="Z7490" s="145"/>
      <c r="AA7490" s="145"/>
      <c r="AB7490" s="145"/>
      <c r="AC7490" s="145"/>
      <c r="AD7490" s="145"/>
      <c r="AE7490" s="145"/>
      <c r="AF7490" s="145"/>
      <c r="AG7490" s="145"/>
      <c r="AH7490" s="145"/>
      <c r="AI7490" s="145"/>
      <c r="AJ7490" s="145"/>
      <c r="AK7490" s="145"/>
      <c r="AL7490" s="145"/>
      <c r="AM7490" s="145"/>
      <c r="AN7490" s="145"/>
      <c r="AO7490" s="145"/>
      <c r="AP7490" s="145"/>
      <c r="AQ7490" s="145"/>
      <c r="AR7490" s="145"/>
      <c r="AS7490" s="145"/>
      <c r="AT7490" s="145"/>
      <c r="AU7490" s="145"/>
      <c r="AV7490" s="145"/>
      <c r="AW7490" s="145"/>
      <c r="AX7490" s="146"/>
      <c r="AY7490" s="146"/>
      <c r="AZ7490" s="146"/>
      <c r="BA7490" s="146"/>
      <c r="BB7490" s="107">
        <v>45447</v>
      </c>
    </row>
    <row r="7491" spans="1:54" s="8" customFormat="1" ht="13.95" customHeight="1" x14ac:dyDescent="0.25">
      <c r="A7491" s="14" t="s">
        <v>19599</v>
      </c>
      <c r="B7491" s="109" t="s">
        <v>20561</v>
      </c>
      <c r="C7491" s="93" t="s">
        <v>19600</v>
      </c>
      <c r="D7491" s="93" t="s">
        <v>19601</v>
      </c>
      <c r="E7491" s="93" t="s">
        <v>174</v>
      </c>
      <c r="F7491" s="93">
        <v>257</v>
      </c>
      <c r="G7491" s="93" t="s">
        <v>12</v>
      </c>
      <c r="H7491" s="111">
        <v>0</v>
      </c>
      <c r="I7491" s="111">
        <v>0</v>
      </c>
      <c r="J7491" s="111">
        <v>1</v>
      </c>
      <c r="K7491" s="111">
        <v>1</v>
      </c>
      <c r="L7491" s="111">
        <v>0</v>
      </c>
      <c r="M7491" s="111">
        <v>1</v>
      </c>
      <c r="N7491" s="111">
        <v>0</v>
      </c>
      <c r="O7491" s="111">
        <v>0</v>
      </c>
      <c r="P7491" s="111">
        <v>0</v>
      </c>
      <c r="Q7491" s="111">
        <v>0</v>
      </c>
      <c r="R7491" s="111">
        <v>0</v>
      </c>
      <c r="S7491" s="111">
        <v>0</v>
      </c>
      <c r="T7491" s="111">
        <v>0</v>
      </c>
      <c r="U7491" s="145"/>
      <c r="V7491" s="145"/>
      <c r="W7491" s="145"/>
      <c r="X7491" s="145"/>
      <c r="Y7491" s="145"/>
      <c r="Z7491" s="145"/>
      <c r="AA7491" s="145"/>
      <c r="AB7491" s="145"/>
      <c r="AC7491" s="145"/>
      <c r="AD7491" s="145"/>
      <c r="AE7491" s="145"/>
      <c r="AF7491" s="145"/>
      <c r="AG7491" s="145"/>
      <c r="AH7491" s="145"/>
      <c r="AI7491" s="145"/>
      <c r="AJ7491" s="145"/>
      <c r="AK7491" s="145"/>
      <c r="AL7491" s="145"/>
      <c r="AM7491" s="145"/>
      <c r="AN7491" s="145"/>
      <c r="AO7491" s="145"/>
      <c r="AP7491" s="145"/>
      <c r="AQ7491" s="145"/>
      <c r="AR7491" s="145"/>
      <c r="AS7491" s="145"/>
      <c r="AT7491" s="145"/>
      <c r="AU7491" s="145"/>
      <c r="AV7491" s="145"/>
      <c r="AW7491" s="145"/>
      <c r="AX7491" s="146"/>
      <c r="AY7491" s="146"/>
      <c r="AZ7491" s="146"/>
      <c r="BA7491" s="146"/>
      <c r="BB7491" s="107">
        <v>45447</v>
      </c>
    </row>
    <row r="7492" spans="1:54" s="8" customFormat="1" ht="13.95" customHeight="1" x14ac:dyDescent="0.25">
      <c r="A7492" s="14" t="s">
        <v>19602</v>
      </c>
      <c r="B7492" s="109" t="s">
        <v>20561</v>
      </c>
      <c r="C7492" s="93" t="s">
        <v>19603</v>
      </c>
      <c r="D7492" s="93" t="s">
        <v>19604</v>
      </c>
      <c r="E7492" s="93" t="s">
        <v>174</v>
      </c>
      <c r="F7492" s="93">
        <v>916</v>
      </c>
      <c r="G7492" s="93" t="s">
        <v>12</v>
      </c>
      <c r="H7492" s="111">
        <v>0</v>
      </c>
      <c r="I7492" s="111">
        <v>0</v>
      </c>
      <c r="J7492" s="111">
        <v>0</v>
      </c>
      <c r="K7492" s="111">
        <v>1</v>
      </c>
      <c r="L7492" s="111">
        <v>1</v>
      </c>
      <c r="M7492" s="111">
        <v>0</v>
      </c>
      <c r="N7492" s="111">
        <v>0</v>
      </c>
      <c r="O7492" s="111">
        <v>0</v>
      </c>
      <c r="P7492" s="111">
        <v>1</v>
      </c>
      <c r="Q7492" s="111">
        <v>0</v>
      </c>
      <c r="R7492" s="111">
        <v>0</v>
      </c>
      <c r="S7492" s="111">
        <v>0</v>
      </c>
      <c r="T7492" s="111">
        <v>0</v>
      </c>
      <c r="U7492" s="145"/>
      <c r="V7492" s="145"/>
      <c r="W7492" s="145"/>
      <c r="X7492" s="145"/>
      <c r="Y7492" s="145"/>
      <c r="Z7492" s="145"/>
      <c r="AA7492" s="145"/>
      <c r="AB7492" s="145"/>
      <c r="AC7492" s="145"/>
      <c r="AD7492" s="145"/>
      <c r="AE7492" s="145"/>
      <c r="AF7492" s="145"/>
      <c r="AG7492" s="145"/>
      <c r="AH7492" s="145"/>
      <c r="AI7492" s="145"/>
      <c r="AJ7492" s="145"/>
      <c r="AK7492" s="145"/>
      <c r="AL7492" s="145"/>
      <c r="AM7492" s="145"/>
      <c r="AN7492" s="145"/>
      <c r="AO7492" s="145"/>
      <c r="AP7492" s="145"/>
      <c r="AQ7492" s="145"/>
      <c r="AR7492" s="145"/>
      <c r="AS7492" s="145"/>
      <c r="AT7492" s="111">
        <v>1</v>
      </c>
      <c r="AU7492" s="145"/>
      <c r="AV7492" s="145"/>
      <c r="AW7492" s="145"/>
      <c r="AX7492" s="146"/>
      <c r="AY7492" s="146"/>
      <c r="AZ7492" s="146"/>
      <c r="BA7492" s="146"/>
      <c r="BB7492" s="107">
        <v>45447</v>
      </c>
    </row>
    <row r="7493" spans="1:54" s="8" customFormat="1" ht="13.95" customHeight="1" x14ac:dyDescent="0.25">
      <c r="A7493" s="14" t="s">
        <v>19605</v>
      </c>
      <c r="B7493" s="109" t="s">
        <v>20561</v>
      </c>
      <c r="C7493" s="93" t="s">
        <v>19606</v>
      </c>
      <c r="D7493" s="93" t="s">
        <v>19607</v>
      </c>
      <c r="E7493" s="93" t="s">
        <v>174</v>
      </c>
      <c r="F7493" s="93">
        <v>318</v>
      </c>
      <c r="G7493" s="93" t="s">
        <v>12</v>
      </c>
      <c r="H7493" s="111">
        <v>0</v>
      </c>
      <c r="I7493" s="111">
        <v>0</v>
      </c>
      <c r="J7493" s="111">
        <v>1</v>
      </c>
      <c r="K7493" s="111">
        <v>1</v>
      </c>
      <c r="L7493" s="111">
        <v>1</v>
      </c>
      <c r="M7493" s="111">
        <v>0</v>
      </c>
      <c r="N7493" s="111">
        <v>0</v>
      </c>
      <c r="O7493" s="111">
        <v>0</v>
      </c>
      <c r="P7493" s="111">
        <v>0</v>
      </c>
      <c r="Q7493" s="111">
        <v>0</v>
      </c>
      <c r="R7493" s="111">
        <v>0</v>
      </c>
      <c r="S7493" s="111">
        <v>0</v>
      </c>
      <c r="T7493" s="111">
        <v>0</v>
      </c>
      <c r="U7493" s="145"/>
      <c r="V7493" s="145"/>
      <c r="W7493" s="145"/>
      <c r="X7493" s="145"/>
      <c r="Y7493" s="145"/>
      <c r="Z7493" s="145"/>
      <c r="AA7493" s="145"/>
      <c r="AB7493" s="145"/>
      <c r="AC7493" s="145"/>
      <c r="AD7493" s="145"/>
      <c r="AE7493" s="145"/>
      <c r="AF7493" s="145"/>
      <c r="AG7493" s="145"/>
      <c r="AH7493" s="145"/>
      <c r="AI7493" s="145"/>
      <c r="AJ7493" s="145"/>
      <c r="AK7493" s="145"/>
      <c r="AL7493" s="145"/>
      <c r="AM7493" s="145"/>
      <c r="AN7493" s="145"/>
      <c r="AO7493" s="145"/>
      <c r="AP7493" s="145"/>
      <c r="AQ7493" s="145"/>
      <c r="AR7493" s="145"/>
      <c r="AS7493" s="145"/>
      <c r="AT7493" s="111">
        <v>1</v>
      </c>
      <c r="AU7493" s="145"/>
      <c r="AV7493" s="145"/>
      <c r="AW7493" s="145"/>
      <c r="AX7493" s="146"/>
      <c r="AY7493" s="146"/>
      <c r="AZ7493" s="146"/>
      <c r="BA7493" s="146"/>
      <c r="BB7493" s="107">
        <v>45447</v>
      </c>
    </row>
    <row r="7494" spans="1:54" s="8" customFormat="1" ht="13.95" customHeight="1" x14ac:dyDescent="0.25">
      <c r="A7494" s="14" t="s">
        <v>19608</v>
      </c>
      <c r="B7494" s="109" t="s">
        <v>20561</v>
      </c>
      <c r="C7494" s="93" t="s">
        <v>19609</v>
      </c>
      <c r="D7494" s="93" t="s">
        <v>19610</v>
      </c>
      <c r="E7494" s="93" t="s">
        <v>174</v>
      </c>
      <c r="F7494" s="93">
        <v>257</v>
      </c>
      <c r="G7494" s="93" t="s">
        <v>12</v>
      </c>
      <c r="H7494" s="111">
        <v>0</v>
      </c>
      <c r="I7494" s="111">
        <v>0</v>
      </c>
      <c r="J7494" s="111">
        <v>0</v>
      </c>
      <c r="K7494" s="111">
        <v>1</v>
      </c>
      <c r="L7494" s="111">
        <v>1</v>
      </c>
      <c r="M7494" s="111">
        <v>0</v>
      </c>
      <c r="N7494" s="111">
        <v>0</v>
      </c>
      <c r="O7494" s="111">
        <v>0</v>
      </c>
      <c r="P7494" s="111">
        <v>0</v>
      </c>
      <c r="Q7494" s="111">
        <v>0</v>
      </c>
      <c r="R7494" s="111">
        <v>0</v>
      </c>
      <c r="S7494" s="111">
        <v>0</v>
      </c>
      <c r="T7494" s="111">
        <v>0</v>
      </c>
      <c r="U7494" s="145"/>
      <c r="V7494" s="145"/>
      <c r="W7494" s="145"/>
      <c r="X7494" s="145"/>
      <c r="Y7494" s="145"/>
      <c r="Z7494" s="145"/>
      <c r="AA7494" s="145"/>
      <c r="AB7494" s="145"/>
      <c r="AC7494" s="145"/>
      <c r="AD7494" s="145"/>
      <c r="AE7494" s="145"/>
      <c r="AF7494" s="145"/>
      <c r="AG7494" s="145"/>
      <c r="AH7494" s="145"/>
      <c r="AI7494" s="145"/>
      <c r="AJ7494" s="145"/>
      <c r="AK7494" s="145"/>
      <c r="AL7494" s="145"/>
      <c r="AM7494" s="145"/>
      <c r="AN7494" s="145"/>
      <c r="AO7494" s="145"/>
      <c r="AP7494" s="145"/>
      <c r="AQ7494" s="145"/>
      <c r="AR7494" s="145"/>
      <c r="AS7494" s="145"/>
      <c r="AT7494" s="111">
        <v>1</v>
      </c>
      <c r="AU7494" s="145"/>
      <c r="AV7494" s="145"/>
      <c r="AW7494" s="145"/>
      <c r="AX7494" s="146"/>
      <c r="AY7494" s="146"/>
      <c r="AZ7494" s="146"/>
      <c r="BA7494" s="146"/>
      <c r="BB7494" s="107">
        <v>45447</v>
      </c>
    </row>
    <row r="7495" spans="1:54" s="8" customFormat="1" ht="13.95" customHeight="1" x14ac:dyDescent="0.25">
      <c r="A7495" s="14" t="s">
        <v>19611</v>
      </c>
      <c r="B7495" s="109" t="s">
        <v>20561</v>
      </c>
      <c r="C7495" s="93" t="s">
        <v>19612</v>
      </c>
      <c r="D7495" s="93" t="s">
        <v>19613</v>
      </c>
      <c r="E7495" s="93" t="s">
        <v>174</v>
      </c>
      <c r="F7495" s="93">
        <v>645</v>
      </c>
      <c r="G7495" s="93" t="s">
        <v>12</v>
      </c>
      <c r="H7495" s="111">
        <v>0</v>
      </c>
      <c r="I7495" s="111">
        <v>0</v>
      </c>
      <c r="J7495" s="111">
        <v>1</v>
      </c>
      <c r="K7495" s="111">
        <v>0</v>
      </c>
      <c r="L7495" s="111">
        <v>0</v>
      </c>
      <c r="M7495" s="111">
        <v>1</v>
      </c>
      <c r="N7495" s="111">
        <v>0</v>
      </c>
      <c r="O7495" s="111">
        <v>0</v>
      </c>
      <c r="P7495" s="111">
        <v>0</v>
      </c>
      <c r="Q7495" s="111">
        <v>0</v>
      </c>
      <c r="R7495" s="111">
        <v>0</v>
      </c>
      <c r="S7495" s="111">
        <v>0</v>
      </c>
      <c r="T7495" s="111">
        <v>0</v>
      </c>
      <c r="U7495" s="145"/>
      <c r="V7495" s="145"/>
      <c r="W7495" s="145"/>
      <c r="X7495" s="145"/>
      <c r="Y7495" s="145"/>
      <c r="Z7495" s="145"/>
      <c r="AA7495" s="145"/>
      <c r="AB7495" s="145"/>
      <c r="AC7495" s="145"/>
      <c r="AD7495" s="145"/>
      <c r="AE7495" s="145"/>
      <c r="AF7495" s="145"/>
      <c r="AG7495" s="145"/>
      <c r="AH7495" s="145"/>
      <c r="AI7495" s="145"/>
      <c r="AJ7495" s="145"/>
      <c r="AK7495" s="145"/>
      <c r="AL7495" s="145"/>
      <c r="AM7495" s="145"/>
      <c r="AN7495" s="145"/>
      <c r="AO7495" s="145"/>
      <c r="AP7495" s="145"/>
      <c r="AQ7495" s="145"/>
      <c r="AR7495" s="145"/>
      <c r="AS7495" s="145"/>
      <c r="AT7495" s="111">
        <v>1</v>
      </c>
      <c r="AU7495" s="145"/>
      <c r="AV7495" s="145"/>
      <c r="AW7495" s="145"/>
      <c r="AX7495" s="146"/>
      <c r="AY7495" s="146"/>
      <c r="AZ7495" s="146"/>
      <c r="BA7495" s="146"/>
      <c r="BB7495" s="107">
        <v>45447</v>
      </c>
    </row>
    <row r="7496" spans="1:54" s="8" customFormat="1" ht="13.95" customHeight="1" x14ac:dyDescent="0.25">
      <c r="A7496" s="14" t="s">
        <v>19614</v>
      </c>
      <c r="B7496" s="109" t="s">
        <v>20561</v>
      </c>
      <c r="C7496" s="93" t="s">
        <v>19615</v>
      </c>
      <c r="D7496" s="93" t="s">
        <v>19616</v>
      </c>
      <c r="E7496" s="93" t="s">
        <v>174</v>
      </c>
      <c r="F7496" s="93">
        <v>381</v>
      </c>
      <c r="G7496" s="93" t="s">
        <v>12</v>
      </c>
      <c r="H7496" s="111">
        <v>0</v>
      </c>
      <c r="I7496" s="111">
        <v>0</v>
      </c>
      <c r="J7496" s="111">
        <v>1</v>
      </c>
      <c r="K7496" s="111">
        <v>1</v>
      </c>
      <c r="L7496" s="111">
        <v>1</v>
      </c>
      <c r="M7496" s="111">
        <v>0</v>
      </c>
      <c r="N7496" s="111">
        <v>0</v>
      </c>
      <c r="O7496" s="111">
        <v>1</v>
      </c>
      <c r="P7496" s="111">
        <v>1</v>
      </c>
      <c r="Q7496" s="111">
        <v>0</v>
      </c>
      <c r="R7496" s="111">
        <v>1</v>
      </c>
      <c r="S7496" s="111">
        <v>1</v>
      </c>
      <c r="T7496" s="111">
        <v>0</v>
      </c>
      <c r="U7496" s="145"/>
      <c r="V7496" s="145"/>
      <c r="W7496" s="145"/>
      <c r="X7496" s="145"/>
      <c r="Y7496" s="145"/>
      <c r="Z7496" s="145"/>
      <c r="AA7496" s="145"/>
      <c r="AB7496" s="145"/>
      <c r="AC7496" s="145"/>
      <c r="AD7496" s="145"/>
      <c r="AE7496" s="145"/>
      <c r="AF7496" s="145"/>
      <c r="AG7496" s="145"/>
      <c r="AH7496" s="145"/>
      <c r="AI7496" s="145"/>
      <c r="AJ7496" s="145"/>
      <c r="AK7496" s="145"/>
      <c r="AL7496" s="145"/>
      <c r="AM7496" s="145"/>
      <c r="AN7496" s="145"/>
      <c r="AO7496" s="145"/>
      <c r="AP7496" s="145"/>
      <c r="AQ7496" s="145"/>
      <c r="AR7496" s="145"/>
      <c r="AS7496" s="145"/>
      <c r="AT7496" s="111">
        <v>1</v>
      </c>
      <c r="AU7496" s="145"/>
      <c r="AV7496" s="145"/>
      <c r="AW7496" s="145"/>
      <c r="AX7496" s="146"/>
      <c r="AY7496" s="146"/>
      <c r="AZ7496" s="146"/>
      <c r="BA7496" s="112" t="s">
        <v>19522</v>
      </c>
      <c r="BB7496" s="107">
        <v>45447</v>
      </c>
    </row>
    <row r="7497" spans="1:54" s="8" customFormat="1" ht="13.95" customHeight="1" x14ac:dyDescent="0.25">
      <c r="A7497" s="14" t="s">
        <v>19617</v>
      </c>
      <c r="B7497" s="109" t="s">
        <v>20561</v>
      </c>
      <c r="C7497" s="93" t="s">
        <v>19618</v>
      </c>
      <c r="D7497" s="93" t="s">
        <v>19619</v>
      </c>
      <c r="E7497" s="93" t="s">
        <v>174</v>
      </c>
      <c r="F7497" s="93">
        <v>254</v>
      </c>
      <c r="G7497" s="93" t="s">
        <v>12</v>
      </c>
      <c r="H7497" s="111">
        <v>0</v>
      </c>
      <c r="I7497" s="111">
        <v>0</v>
      </c>
      <c r="J7497" s="111">
        <v>0</v>
      </c>
      <c r="K7497" s="111">
        <v>0</v>
      </c>
      <c r="L7497" s="111">
        <v>0</v>
      </c>
      <c r="M7497" s="111">
        <v>0</v>
      </c>
      <c r="N7497" s="111">
        <v>0</v>
      </c>
      <c r="O7497" s="111">
        <v>1</v>
      </c>
      <c r="P7497" s="111">
        <v>1</v>
      </c>
      <c r="Q7497" s="111">
        <v>0</v>
      </c>
      <c r="R7497" s="111">
        <v>1</v>
      </c>
      <c r="S7497" s="111">
        <v>0</v>
      </c>
      <c r="T7497" s="111">
        <v>0</v>
      </c>
      <c r="U7497" s="145"/>
      <c r="V7497" s="145"/>
      <c r="W7497" s="145"/>
      <c r="X7497" s="145"/>
      <c r="Y7497" s="145"/>
      <c r="Z7497" s="145"/>
      <c r="AA7497" s="145"/>
      <c r="AB7497" s="145"/>
      <c r="AC7497" s="145"/>
      <c r="AD7497" s="145"/>
      <c r="AE7497" s="145"/>
      <c r="AF7497" s="145"/>
      <c r="AG7497" s="145"/>
      <c r="AH7497" s="145"/>
      <c r="AI7497" s="145"/>
      <c r="AJ7497" s="145"/>
      <c r="AK7497" s="145"/>
      <c r="AL7497" s="145"/>
      <c r="AM7497" s="145"/>
      <c r="AN7497" s="145"/>
      <c r="AO7497" s="145"/>
      <c r="AP7497" s="145"/>
      <c r="AQ7497" s="145"/>
      <c r="AR7497" s="145"/>
      <c r="AS7497" s="145"/>
      <c r="AT7497" s="145"/>
      <c r="AU7497" s="145"/>
      <c r="AV7497" s="145"/>
      <c r="AW7497" s="145"/>
      <c r="AX7497" s="146"/>
      <c r="AY7497" s="146"/>
      <c r="AZ7497" s="146"/>
      <c r="BA7497" s="146"/>
      <c r="BB7497" s="107">
        <v>45447</v>
      </c>
    </row>
    <row r="7498" spans="1:54" s="8" customFormat="1" ht="13.95" customHeight="1" x14ac:dyDescent="0.25">
      <c r="A7498" s="14" t="s">
        <v>19620</v>
      </c>
      <c r="B7498" s="109" t="s">
        <v>20561</v>
      </c>
      <c r="C7498" s="93" t="s">
        <v>19621</v>
      </c>
      <c r="D7498" s="93" t="s">
        <v>19622</v>
      </c>
      <c r="E7498" s="93" t="s">
        <v>174</v>
      </c>
      <c r="F7498" s="93">
        <v>194</v>
      </c>
      <c r="G7498" s="93" t="s">
        <v>12</v>
      </c>
      <c r="H7498" s="111">
        <v>0</v>
      </c>
      <c r="I7498" s="111">
        <v>0</v>
      </c>
      <c r="J7498" s="111">
        <v>0</v>
      </c>
      <c r="K7498" s="111">
        <v>0</v>
      </c>
      <c r="L7498" s="111">
        <v>1</v>
      </c>
      <c r="M7498" s="111">
        <v>0</v>
      </c>
      <c r="N7498" s="111">
        <v>0</v>
      </c>
      <c r="O7498" s="111">
        <v>1</v>
      </c>
      <c r="P7498" s="111">
        <v>0</v>
      </c>
      <c r="Q7498" s="111">
        <v>0</v>
      </c>
      <c r="R7498" s="111">
        <v>1</v>
      </c>
      <c r="S7498" s="111">
        <v>0</v>
      </c>
      <c r="T7498" s="111">
        <v>0</v>
      </c>
      <c r="U7498" s="145"/>
      <c r="V7498" s="145"/>
      <c r="W7498" s="145"/>
      <c r="X7498" s="145"/>
      <c r="Y7498" s="145"/>
      <c r="Z7498" s="145"/>
      <c r="AA7498" s="145"/>
      <c r="AB7498" s="145"/>
      <c r="AC7498" s="145"/>
      <c r="AD7498" s="145"/>
      <c r="AE7498" s="145"/>
      <c r="AF7498" s="145"/>
      <c r="AG7498" s="145"/>
      <c r="AH7498" s="145"/>
      <c r="AI7498" s="145"/>
      <c r="AJ7498" s="145"/>
      <c r="AK7498" s="145"/>
      <c r="AL7498" s="145"/>
      <c r="AM7498" s="145"/>
      <c r="AN7498" s="145"/>
      <c r="AO7498" s="145"/>
      <c r="AP7498" s="145"/>
      <c r="AQ7498" s="145"/>
      <c r="AR7498" s="145"/>
      <c r="AS7498" s="145"/>
      <c r="AT7498" s="111">
        <v>1</v>
      </c>
      <c r="AU7498" s="145"/>
      <c r="AV7498" s="145"/>
      <c r="AW7498" s="145"/>
      <c r="AX7498" s="146"/>
      <c r="AY7498" s="146"/>
      <c r="AZ7498" s="146"/>
      <c r="BA7498" s="112" t="s">
        <v>19522</v>
      </c>
      <c r="BB7498" s="107">
        <v>45447</v>
      </c>
    </row>
    <row r="7499" spans="1:54" s="8" customFormat="1" ht="13.95" customHeight="1" x14ac:dyDescent="0.25">
      <c r="A7499" s="14" t="s">
        <v>19623</v>
      </c>
      <c r="B7499" s="109" t="s">
        <v>20561</v>
      </c>
      <c r="C7499" s="93" t="s">
        <v>19624</v>
      </c>
      <c r="D7499" s="93" t="s">
        <v>19625</v>
      </c>
      <c r="E7499" s="93" t="s">
        <v>174</v>
      </c>
      <c r="F7499" s="93">
        <v>501</v>
      </c>
      <c r="G7499" s="93" t="s">
        <v>12</v>
      </c>
      <c r="H7499" s="111">
        <v>0</v>
      </c>
      <c r="I7499" s="111">
        <v>0</v>
      </c>
      <c r="J7499" s="111">
        <v>1</v>
      </c>
      <c r="K7499" s="111">
        <v>1</v>
      </c>
      <c r="L7499" s="111">
        <v>1</v>
      </c>
      <c r="M7499" s="111">
        <v>0</v>
      </c>
      <c r="N7499" s="111">
        <v>0</v>
      </c>
      <c r="O7499" s="111">
        <v>0</v>
      </c>
      <c r="P7499" s="111">
        <v>0</v>
      </c>
      <c r="Q7499" s="111">
        <v>0</v>
      </c>
      <c r="R7499" s="111">
        <v>1</v>
      </c>
      <c r="S7499" s="111">
        <v>0</v>
      </c>
      <c r="T7499" s="111">
        <v>0</v>
      </c>
      <c r="U7499" s="145"/>
      <c r="V7499" s="145"/>
      <c r="W7499" s="145"/>
      <c r="X7499" s="145"/>
      <c r="Y7499" s="145"/>
      <c r="Z7499" s="145"/>
      <c r="AA7499" s="145"/>
      <c r="AB7499" s="145"/>
      <c r="AC7499" s="145"/>
      <c r="AD7499" s="145"/>
      <c r="AE7499" s="145"/>
      <c r="AF7499" s="145"/>
      <c r="AG7499" s="145"/>
      <c r="AH7499" s="145"/>
      <c r="AI7499" s="145"/>
      <c r="AJ7499" s="145"/>
      <c r="AK7499" s="145"/>
      <c r="AL7499" s="145"/>
      <c r="AM7499" s="145"/>
      <c r="AN7499" s="145"/>
      <c r="AO7499" s="145"/>
      <c r="AP7499" s="145"/>
      <c r="AQ7499" s="145"/>
      <c r="AR7499" s="145"/>
      <c r="AS7499" s="145"/>
      <c r="AT7499" s="111">
        <v>1</v>
      </c>
      <c r="AU7499" s="145"/>
      <c r="AV7499" s="145"/>
      <c r="AW7499" s="145"/>
      <c r="AX7499" s="146"/>
      <c r="AY7499" s="146"/>
      <c r="AZ7499" s="146"/>
      <c r="BA7499" s="112" t="s">
        <v>19522</v>
      </c>
      <c r="BB7499" s="107">
        <v>45447</v>
      </c>
    </row>
    <row r="7500" spans="1:54" s="8" customFormat="1" ht="13.95" customHeight="1" x14ac:dyDescent="0.25">
      <c r="A7500" s="14" t="s">
        <v>19626</v>
      </c>
      <c r="B7500" s="109" t="s">
        <v>20561</v>
      </c>
      <c r="C7500" s="93" t="s">
        <v>19771</v>
      </c>
      <c r="D7500" s="93" t="s">
        <v>19627</v>
      </c>
      <c r="E7500" s="93" t="s">
        <v>174</v>
      </c>
      <c r="F7500" s="93">
        <v>446</v>
      </c>
      <c r="G7500" s="93" t="s">
        <v>12</v>
      </c>
      <c r="H7500" s="111">
        <v>0</v>
      </c>
      <c r="I7500" s="111">
        <v>0</v>
      </c>
      <c r="J7500" s="111">
        <v>1</v>
      </c>
      <c r="K7500" s="111">
        <v>1</v>
      </c>
      <c r="L7500" s="111">
        <v>0</v>
      </c>
      <c r="M7500" s="111">
        <v>1</v>
      </c>
      <c r="N7500" s="111">
        <v>0</v>
      </c>
      <c r="O7500" s="111">
        <v>0</v>
      </c>
      <c r="P7500" s="111">
        <v>0</v>
      </c>
      <c r="Q7500" s="111">
        <v>0</v>
      </c>
      <c r="R7500" s="111">
        <v>0</v>
      </c>
      <c r="S7500" s="111">
        <v>0</v>
      </c>
      <c r="T7500" s="111">
        <v>0</v>
      </c>
      <c r="U7500" s="145"/>
      <c r="V7500" s="145"/>
      <c r="W7500" s="145"/>
      <c r="X7500" s="145"/>
      <c r="Y7500" s="145"/>
      <c r="Z7500" s="145"/>
      <c r="AA7500" s="145"/>
      <c r="AB7500" s="145"/>
      <c r="AC7500" s="145"/>
      <c r="AD7500" s="145"/>
      <c r="AE7500" s="145"/>
      <c r="AF7500" s="145"/>
      <c r="AG7500" s="145"/>
      <c r="AH7500" s="145"/>
      <c r="AI7500" s="145"/>
      <c r="AJ7500" s="145"/>
      <c r="AK7500" s="145"/>
      <c r="AL7500" s="145"/>
      <c r="AM7500" s="145"/>
      <c r="AN7500" s="145"/>
      <c r="AO7500" s="145"/>
      <c r="AP7500" s="145"/>
      <c r="AQ7500" s="145"/>
      <c r="AR7500" s="145"/>
      <c r="AS7500" s="145"/>
      <c r="AT7500" s="145"/>
      <c r="AU7500" s="145"/>
      <c r="AV7500" s="145"/>
      <c r="AW7500" s="145"/>
      <c r="AX7500" s="146"/>
      <c r="AY7500" s="146"/>
      <c r="AZ7500" s="146"/>
      <c r="BA7500" s="146"/>
      <c r="BB7500" s="107">
        <v>45447</v>
      </c>
    </row>
    <row r="7501" spans="1:54" s="8" customFormat="1" ht="13.95" customHeight="1" x14ac:dyDescent="0.25">
      <c r="A7501" s="14" t="s">
        <v>19628</v>
      </c>
      <c r="B7501" s="109" t="s">
        <v>20561</v>
      </c>
      <c r="C7501" s="93" t="s">
        <v>19772</v>
      </c>
      <c r="D7501" s="93" t="s">
        <v>19629</v>
      </c>
      <c r="E7501" s="93" t="s">
        <v>174</v>
      </c>
      <c r="F7501" s="93">
        <v>220</v>
      </c>
      <c r="G7501" s="93" t="s">
        <v>12</v>
      </c>
      <c r="H7501" s="111">
        <v>0</v>
      </c>
      <c r="I7501" s="111">
        <v>0</v>
      </c>
      <c r="J7501" s="111">
        <v>1</v>
      </c>
      <c r="K7501" s="111">
        <v>1</v>
      </c>
      <c r="L7501" s="111">
        <v>0</v>
      </c>
      <c r="M7501" s="111">
        <v>0</v>
      </c>
      <c r="N7501" s="111">
        <v>0</v>
      </c>
      <c r="O7501" s="111">
        <v>0</v>
      </c>
      <c r="P7501" s="111">
        <v>0</v>
      </c>
      <c r="Q7501" s="111">
        <v>0</v>
      </c>
      <c r="R7501" s="111">
        <v>1</v>
      </c>
      <c r="S7501" s="111">
        <v>0</v>
      </c>
      <c r="T7501" s="111">
        <v>0</v>
      </c>
      <c r="U7501" s="145"/>
      <c r="V7501" s="145"/>
      <c r="W7501" s="145"/>
      <c r="X7501" s="145"/>
      <c r="Y7501" s="145"/>
      <c r="Z7501" s="145"/>
      <c r="AA7501" s="145"/>
      <c r="AB7501" s="145"/>
      <c r="AC7501" s="145"/>
      <c r="AD7501" s="145"/>
      <c r="AE7501" s="145"/>
      <c r="AF7501" s="145"/>
      <c r="AG7501" s="145"/>
      <c r="AH7501" s="145"/>
      <c r="AI7501" s="145"/>
      <c r="AJ7501" s="145"/>
      <c r="AK7501" s="145"/>
      <c r="AL7501" s="145"/>
      <c r="AM7501" s="145"/>
      <c r="AN7501" s="145"/>
      <c r="AO7501" s="145"/>
      <c r="AP7501" s="145"/>
      <c r="AQ7501" s="145"/>
      <c r="AR7501" s="145"/>
      <c r="AS7501" s="145"/>
      <c r="AT7501" s="145"/>
      <c r="AU7501" s="145"/>
      <c r="AV7501" s="145"/>
      <c r="AW7501" s="145"/>
      <c r="AX7501" s="146"/>
      <c r="AY7501" s="146"/>
      <c r="AZ7501" s="146"/>
      <c r="BA7501" s="112" t="s">
        <v>19522</v>
      </c>
      <c r="BB7501" s="107">
        <v>45447</v>
      </c>
    </row>
    <row r="7502" spans="1:54" s="8" customFormat="1" ht="13.95" customHeight="1" x14ac:dyDescent="0.25">
      <c r="A7502" s="14" t="s">
        <v>19630</v>
      </c>
      <c r="B7502" s="109" t="s">
        <v>20561</v>
      </c>
      <c r="C7502" s="93" t="s">
        <v>19773</v>
      </c>
      <c r="D7502" s="93" t="s">
        <v>19631</v>
      </c>
      <c r="E7502" s="93" t="s">
        <v>174</v>
      </c>
      <c r="F7502" s="93">
        <v>393</v>
      </c>
      <c r="G7502" s="93" t="s">
        <v>12</v>
      </c>
      <c r="H7502" s="111">
        <v>0</v>
      </c>
      <c r="I7502" s="111">
        <v>0</v>
      </c>
      <c r="J7502" s="111">
        <v>1</v>
      </c>
      <c r="K7502" s="111">
        <v>1</v>
      </c>
      <c r="L7502" s="111">
        <v>0</v>
      </c>
      <c r="M7502" s="111">
        <v>0</v>
      </c>
      <c r="N7502" s="111">
        <v>0</v>
      </c>
      <c r="O7502" s="111">
        <v>0</v>
      </c>
      <c r="P7502" s="111">
        <v>1</v>
      </c>
      <c r="Q7502" s="111">
        <v>0</v>
      </c>
      <c r="R7502" s="111">
        <v>1</v>
      </c>
      <c r="S7502" s="111">
        <v>0</v>
      </c>
      <c r="T7502" s="111">
        <v>0</v>
      </c>
      <c r="U7502" s="145"/>
      <c r="V7502" s="145"/>
      <c r="W7502" s="145"/>
      <c r="X7502" s="145"/>
      <c r="Y7502" s="145"/>
      <c r="Z7502" s="145"/>
      <c r="AA7502" s="145"/>
      <c r="AB7502" s="145"/>
      <c r="AC7502" s="145"/>
      <c r="AD7502" s="145"/>
      <c r="AE7502" s="145"/>
      <c r="AF7502" s="145"/>
      <c r="AG7502" s="145"/>
      <c r="AH7502" s="145"/>
      <c r="AI7502" s="145"/>
      <c r="AJ7502" s="145"/>
      <c r="AK7502" s="145"/>
      <c r="AL7502" s="145"/>
      <c r="AM7502" s="145"/>
      <c r="AN7502" s="145"/>
      <c r="AO7502" s="145"/>
      <c r="AP7502" s="145"/>
      <c r="AQ7502" s="145"/>
      <c r="AR7502" s="145"/>
      <c r="AS7502" s="145"/>
      <c r="AT7502" s="145"/>
      <c r="AU7502" s="145"/>
      <c r="AV7502" s="145"/>
      <c r="AW7502" s="145"/>
      <c r="AX7502" s="146"/>
      <c r="AY7502" s="146"/>
      <c r="AZ7502" s="146"/>
      <c r="BA7502" s="146"/>
      <c r="BB7502" s="107">
        <v>45447</v>
      </c>
    </row>
    <row r="7503" spans="1:54" s="8" customFormat="1" ht="13.95" customHeight="1" x14ac:dyDescent="0.25">
      <c r="A7503" s="14" t="s">
        <v>19632</v>
      </c>
      <c r="B7503" s="109" t="s">
        <v>20561</v>
      </c>
      <c r="C7503" s="93" t="s">
        <v>19774</v>
      </c>
      <c r="D7503" s="93" t="s">
        <v>19633</v>
      </c>
      <c r="E7503" s="93" t="s">
        <v>174</v>
      </c>
      <c r="F7503" s="93">
        <v>334</v>
      </c>
      <c r="G7503" s="93" t="s">
        <v>12</v>
      </c>
      <c r="H7503" s="111">
        <v>0</v>
      </c>
      <c r="I7503" s="111">
        <v>0</v>
      </c>
      <c r="J7503" s="111">
        <v>0</v>
      </c>
      <c r="K7503" s="111">
        <v>0</v>
      </c>
      <c r="L7503" s="111">
        <v>1</v>
      </c>
      <c r="M7503" s="111">
        <v>0</v>
      </c>
      <c r="N7503" s="111">
        <v>0</v>
      </c>
      <c r="O7503" s="111">
        <v>1</v>
      </c>
      <c r="P7503" s="111">
        <v>1</v>
      </c>
      <c r="Q7503" s="111">
        <v>0</v>
      </c>
      <c r="R7503" s="111">
        <v>1</v>
      </c>
      <c r="S7503" s="111">
        <v>0</v>
      </c>
      <c r="T7503" s="111">
        <v>0</v>
      </c>
      <c r="U7503" s="145"/>
      <c r="V7503" s="145"/>
      <c r="W7503" s="145"/>
      <c r="X7503" s="145"/>
      <c r="Y7503" s="145"/>
      <c r="Z7503" s="145"/>
      <c r="AA7503" s="145"/>
      <c r="AB7503" s="145"/>
      <c r="AC7503" s="145"/>
      <c r="AD7503" s="145"/>
      <c r="AE7503" s="145"/>
      <c r="AF7503" s="145"/>
      <c r="AG7503" s="145"/>
      <c r="AH7503" s="145"/>
      <c r="AI7503" s="145"/>
      <c r="AJ7503" s="145"/>
      <c r="AK7503" s="145"/>
      <c r="AL7503" s="145"/>
      <c r="AM7503" s="145"/>
      <c r="AN7503" s="145"/>
      <c r="AO7503" s="145"/>
      <c r="AP7503" s="145"/>
      <c r="AQ7503" s="145"/>
      <c r="AR7503" s="145"/>
      <c r="AS7503" s="145"/>
      <c r="AT7503" s="145"/>
      <c r="AU7503" s="145"/>
      <c r="AV7503" s="145"/>
      <c r="AW7503" s="145"/>
      <c r="AX7503" s="146"/>
      <c r="AY7503" s="146"/>
      <c r="AZ7503" s="146"/>
      <c r="BA7503" s="146"/>
      <c r="BB7503" s="107">
        <v>45447</v>
      </c>
    </row>
    <row r="7504" spans="1:54" s="8" customFormat="1" ht="13.95" customHeight="1" x14ac:dyDescent="0.25">
      <c r="A7504" s="14" t="s">
        <v>19634</v>
      </c>
      <c r="B7504" s="109" t="s">
        <v>20561</v>
      </c>
      <c r="C7504" s="93" t="s">
        <v>19635</v>
      </c>
      <c r="D7504" s="93" t="s">
        <v>19636</v>
      </c>
      <c r="E7504" s="93" t="s">
        <v>174</v>
      </c>
      <c r="F7504" s="93">
        <v>830</v>
      </c>
      <c r="G7504" s="93" t="s">
        <v>12</v>
      </c>
      <c r="H7504" s="111">
        <v>0</v>
      </c>
      <c r="I7504" s="111">
        <v>0</v>
      </c>
      <c r="J7504" s="111">
        <v>0</v>
      </c>
      <c r="K7504" s="111">
        <v>0</v>
      </c>
      <c r="L7504" s="111">
        <v>1</v>
      </c>
      <c r="M7504" s="111">
        <v>1</v>
      </c>
      <c r="N7504" s="111">
        <v>0</v>
      </c>
      <c r="O7504" s="111">
        <v>0</v>
      </c>
      <c r="P7504" s="111">
        <v>0</v>
      </c>
      <c r="Q7504" s="111">
        <v>0</v>
      </c>
      <c r="R7504" s="111">
        <v>0</v>
      </c>
      <c r="S7504" s="111">
        <v>0</v>
      </c>
      <c r="T7504" s="111">
        <v>0</v>
      </c>
      <c r="U7504" s="145"/>
      <c r="V7504" s="145"/>
      <c r="W7504" s="145"/>
      <c r="X7504" s="145"/>
      <c r="Y7504" s="145"/>
      <c r="Z7504" s="145"/>
      <c r="AA7504" s="145"/>
      <c r="AB7504" s="145"/>
      <c r="AC7504" s="145"/>
      <c r="AD7504" s="145"/>
      <c r="AE7504" s="145"/>
      <c r="AF7504" s="145"/>
      <c r="AG7504" s="145"/>
      <c r="AH7504" s="145"/>
      <c r="AI7504" s="145"/>
      <c r="AJ7504" s="145"/>
      <c r="AK7504" s="145"/>
      <c r="AL7504" s="145"/>
      <c r="AM7504" s="145"/>
      <c r="AN7504" s="145"/>
      <c r="AO7504" s="145"/>
      <c r="AP7504" s="145"/>
      <c r="AQ7504" s="145"/>
      <c r="AR7504" s="145"/>
      <c r="AS7504" s="145"/>
      <c r="AT7504" s="111">
        <v>1</v>
      </c>
      <c r="AU7504" s="145"/>
      <c r="AV7504" s="145"/>
      <c r="AW7504" s="145"/>
      <c r="AX7504" s="146"/>
      <c r="AY7504" s="146"/>
      <c r="AZ7504" s="146"/>
      <c r="BA7504" s="146"/>
      <c r="BB7504" s="107">
        <v>45447</v>
      </c>
    </row>
    <row r="7505" spans="1:54" s="8" customFormat="1" ht="13.95" customHeight="1" x14ac:dyDescent="0.25">
      <c r="A7505" s="14" t="s">
        <v>19637</v>
      </c>
      <c r="B7505" s="109" t="s">
        <v>20561</v>
      </c>
      <c r="C7505" s="93" t="s">
        <v>20336</v>
      </c>
      <c r="D7505" s="93" t="s">
        <v>19638</v>
      </c>
      <c r="E7505" s="93" t="s">
        <v>174</v>
      </c>
      <c r="F7505" s="93">
        <v>963</v>
      </c>
      <c r="G7505" s="93" t="s">
        <v>12</v>
      </c>
      <c r="H7505" s="111">
        <v>0</v>
      </c>
      <c r="I7505" s="111">
        <v>0</v>
      </c>
      <c r="J7505" s="111">
        <v>1</v>
      </c>
      <c r="K7505" s="111">
        <v>1</v>
      </c>
      <c r="L7505" s="111">
        <v>0</v>
      </c>
      <c r="M7505" s="111">
        <v>0</v>
      </c>
      <c r="N7505" s="111">
        <v>0</v>
      </c>
      <c r="O7505" s="111">
        <v>0</v>
      </c>
      <c r="P7505" s="111">
        <v>1</v>
      </c>
      <c r="Q7505" s="111">
        <v>0</v>
      </c>
      <c r="R7505" s="111">
        <v>1</v>
      </c>
      <c r="S7505" s="111">
        <v>0</v>
      </c>
      <c r="T7505" s="111">
        <v>0</v>
      </c>
      <c r="U7505" s="145"/>
      <c r="V7505" s="145"/>
      <c r="W7505" s="145"/>
      <c r="X7505" s="145"/>
      <c r="Y7505" s="145"/>
      <c r="Z7505" s="145"/>
      <c r="AA7505" s="145"/>
      <c r="AB7505" s="145"/>
      <c r="AC7505" s="145"/>
      <c r="AD7505" s="145"/>
      <c r="AE7505" s="145"/>
      <c r="AF7505" s="145"/>
      <c r="AG7505" s="145"/>
      <c r="AH7505" s="145"/>
      <c r="AI7505" s="145"/>
      <c r="AJ7505" s="145"/>
      <c r="AK7505" s="145"/>
      <c r="AL7505" s="145"/>
      <c r="AM7505" s="145"/>
      <c r="AN7505" s="145"/>
      <c r="AO7505" s="145"/>
      <c r="AP7505" s="145"/>
      <c r="AQ7505" s="145"/>
      <c r="AR7505" s="145"/>
      <c r="AS7505" s="145"/>
      <c r="AT7505" s="145"/>
      <c r="AU7505" s="145"/>
      <c r="AV7505" s="145"/>
      <c r="AW7505" s="145"/>
      <c r="AX7505" s="146"/>
      <c r="AY7505" s="146"/>
      <c r="AZ7505" s="146"/>
      <c r="BA7505" s="146"/>
      <c r="BB7505" s="107">
        <v>45447</v>
      </c>
    </row>
    <row r="7506" spans="1:54" s="8" customFormat="1" ht="13.95" customHeight="1" x14ac:dyDescent="0.25">
      <c r="A7506" s="14" t="s">
        <v>19639</v>
      </c>
      <c r="B7506" s="109" t="s">
        <v>20561</v>
      </c>
      <c r="C7506" s="93" t="s">
        <v>20337</v>
      </c>
      <c r="D7506" s="93" t="s">
        <v>19640</v>
      </c>
      <c r="E7506" s="93" t="s">
        <v>174</v>
      </c>
      <c r="F7506" s="93">
        <v>392</v>
      </c>
      <c r="G7506" s="93" t="s">
        <v>12</v>
      </c>
      <c r="H7506" s="111">
        <v>0</v>
      </c>
      <c r="I7506" s="111">
        <v>0</v>
      </c>
      <c r="J7506" s="111">
        <v>1</v>
      </c>
      <c r="K7506" s="111">
        <v>1</v>
      </c>
      <c r="L7506" s="111">
        <v>1</v>
      </c>
      <c r="M7506" s="111">
        <v>0</v>
      </c>
      <c r="N7506" s="111">
        <v>0</v>
      </c>
      <c r="O7506" s="111">
        <v>0</v>
      </c>
      <c r="P7506" s="111">
        <v>0</v>
      </c>
      <c r="Q7506" s="111">
        <v>0</v>
      </c>
      <c r="R7506" s="111">
        <v>1</v>
      </c>
      <c r="S7506" s="111">
        <v>0</v>
      </c>
      <c r="T7506" s="111">
        <v>0</v>
      </c>
      <c r="U7506" s="145"/>
      <c r="V7506" s="145"/>
      <c r="W7506" s="145"/>
      <c r="X7506" s="145"/>
      <c r="Y7506" s="145"/>
      <c r="Z7506" s="145"/>
      <c r="AA7506" s="145"/>
      <c r="AB7506" s="145"/>
      <c r="AC7506" s="145"/>
      <c r="AD7506" s="145"/>
      <c r="AE7506" s="145"/>
      <c r="AF7506" s="145"/>
      <c r="AG7506" s="145"/>
      <c r="AH7506" s="145"/>
      <c r="AI7506" s="145"/>
      <c r="AJ7506" s="145"/>
      <c r="AK7506" s="145"/>
      <c r="AL7506" s="145"/>
      <c r="AM7506" s="145"/>
      <c r="AN7506" s="145"/>
      <c r="AO7506" s="145"/>
      <c r="AP7506" s="145"/>
      <c r="AQ7506" s="145"/>
      <c r="AR7506" s="145"/>
      <c r="AS7506" s="145"/>
      <c r="AT7506" s="145"/>
      <c r="AU7506" s="145"/>
      <c r="AV7506" s="145"/>
      <c r="AW7506" s="145"/>
      <c r="AX7506" s="146"/>
      <c r="AY7506" s="146"/>
      <c r="AZ7506" s="146"/>
      <c r="BA7506" s="146"/>
      <c r="BB7506" s="107">
        <v>45447</v>
      </c>
    </row>
    <row r="7507" spans="1:54" s="8" customFormat="1" ht="13.95" customHeight="1" x14ac:dyDescent="0.25">
      <c r="A7507" s="14" t="s">
        <v>19641</v>
      </c>
      <c r="B7507" s="109" t="s">
        <v>20561</v>
      </c>
      <c r="C7507" s="93" t="s">
        <v>20338</v>
      </c>
      <c r="D7507" s="93" t="s">
        <v>19642</v>
      </c>
      <c r="E7507" s="93" t="s">
        <v>174</v>
      </c>
      <c r="F7507" s="93">
        <v>322</v>
      </c>
      <c r="G7507" s="93" t="s">
        <v>12</v>
      </c>
      <c r="H7507" s="111">
        <v>0</v>
      </c>
      <c r="I7507" s="111">
        <v>0</v>
      </c>
      <c r="J7507" s="111">
        <v>1</v>
      </c>
      <c r="K7507" s="111">
        <v>1</v>
      </c>
      <c r="L7507" s="111">
        <v>0</v>
      </c>
      <c r="M7507" s="111">
        <v>0</v>
      </c>
      <c r="N7507" s="111">
        <v>0</v>
      </c>
      <c r="O7507" s="111">
        <v>0</v>
      </c>
      <c r="P7507" s="111">
        <v>0</v>
      </c>
      <c r="Q7507" s="111">
        <v>0</v>
      </c>
      <c r="R7507" s="111">
        <v>1</v>
      </c>
      <c r="S7507" s="111">
        <v>0</v>
      </c>
      <c r="T7507" s="111">
        <v>0</v>
      </c>
      <c r="U7507" s="145"/>
      <c r="V7507" s="145"/>
      <c r="W7507" s="145"/>
      <c r="X7507" s="145"/>
      <c r="Y7507" s="145"/>
      <c r="Z7507" s="145"/>
      <c r="AA7507" s="145"/>
      <c r="AB7507" s="145"/>
      <c r="AC7507" s="145"/>
      <c r="AD7507" s="145"/>
      <c r="AE7507" s="145"/>
      <c r="AF7507" s="145"/>
      <c r="AG7507" s="145"/>
      <c r="AH7507" s="145"/>
      <c r="AI7507" s="145"/>
      <c r="AJ7507" s="145"/>
      <c r="AK7507" s="145"/>
      <c r="AL7507" s="145"/>
      <c r="AM7507" s="145"/>
      <c r="AN7507" s="145"/>
      <c r="AO7507" s="145"/>
      <c r="AP7507" s="145"/>
      <c r="AQ7507" s="145"/>
      <c r="AR7507" s="145"/>
      <c r="AS7507" s="145"/>
      <c r="AT7507" s="145"/>
      <c r="AU7507" s="145"/>
      <c r="AV7507" s="145"/>
      <c r="AW7507" s="145"/>
      <c r="AX7507" s="146"/>
      <c r="AY7507" s="146"/>
      <c r="AZ7507" s="146"/>
      <c r="BA7507" s="146"/>
      <c r="BB7507" s="107">
        <v>45447</v>
      </c>
    </row>
    <row r="7508" spans="1:54" s="8" customFormat="1" ht="13.95" customHeight="1" x14ac:dyDescent="0.25">
      <c r="A7508" s="14" t="s">
        <v>19643</v>
      </c>
      <c r="B7508" s="109" t="s">
        <v>20561</v>
      </c>
      <c r="C7508" s="93" t="s">
        <v>22127</v>
      </c>
      <c r="D7508" s="93" t="s">
        <v>19644</v>
      </c>
      <c r="E7508" s="93" t="s">
        <v>174</v>
      </c>
      <c r="F7508" s="93">
        <v>207</v>
      </c>
      <c r="G7508" s="93" t="s">
        <v>12</v>
      </c>
      <c r="H7508" s="111">
        <v>0</v>
      </c>
      <c r="I7508" s="111">
        <v>0</v>
      </c>
      <c r="J7508" s="111">
        <v>0</v>
      </c>
      <c r="K7508" s="111">
        <v>1</v>
      </c>
      <c r="L7508" s="111">
        <v>1</v>
      </c>
      <c r="M7508" s="111">
        <v>0</v>
      </c>
      <c r="N7508" s="111">
        <v>0</v>
      </c>
      <c r="O7508" s="111">
        <v>0</v>
      </c>
      <c r="P7508" s="111">
        <v>1</v>
      </c>
      <c r="Q7508" s="111">
        <v>0</v>
      </c>
      <c r="R7508" s="111">
        <v>0</v>
      </c>
      <c r="S7508" s="111">
        <v>0</v>
      </c>
      <c r="T7508" s="111">
        <v>0</v>
      </c>
      <c r="U7508" s="145"/>
      <c r="V7508" s="145"/>
      <c r="W7508" s="145"/>
      <c r="X7508" s="145"/>
      <c r="Y7508" s="145"/>
      <c r="Z7508" s="145"/>
      <c r="AA7508" s="145"/>
      <c r="AB7508" s="145"/>
      <c r="AC7508" s="145"/>
      <c r="AD7508" s="145"/>
      <c r="AE7508" s="145"/>
      <c r="AF7508" s="145"/>
      <c r="AG7508" s="145"/>
      <c r="AH7508" s="145"/>
      <c r="AI7508" s="145"/>
      <c r="AJ7508" s="145"/>
      <c r="AK7508" s="145"/>
      <c r="AL7508" s="145"/>
      <c r="AM7508" s="145"/>
      <c r="AN7508" s="145"/>
      <c r="AO7508" s="145"/>
      <c r="AP7508" s="145"/>
      <c r="AQ7508" s="145"/>
      <c r="AR7508" s="145"/>
      <c r="AS7508" s="145"/>
      <c r="AT7508" s="145"/>
      <c r="AU7508" s="145"/>
      <c r="AV7508" s="145"/>
      <c r="AW7508" s="145"/>
      <c r="AX7508" s="146"/>
      <c r="AY7508" s="146"/>
      <c r="AZ7508" s="146"/>
      <c r="BA7508" s="146"/>
      <c r="BB7508" s="107">
        <v>45447</v>
      </c>
    </row>
    <row r="7509" spans="1:54" s="8" customFormat="1" ht="13.95" customHeight="1" x14ac:dyDescent="0.25">
      <c r="A7509" s="14" t="s">
        <v>19645</v>
      </c>
      <c r="B7509" s="109" t="s">
        <v>20561</v>
      </c>
      <c r="C7509" s="93" t="s">
        <v>19646</v>
      </c>
      <c r="D7509" s="93" t="s">
        <v>19647</v>
      </c>
      <c r="E7509" s="93" t="s">
        <v>174</v>
      </c>
      <c r="F7509" s="93">
        <v>222</v>
      </c>
      <c r="G7509" s="93" t="s">
        <v>12</v>
      </c>
      <c r="H7509" s="111">
        <v>0</v>
      </c>
      <c r="I7509" s="111">
        <v>0</v>
      </c>
      <c r="J7509" s="111">
        <v>1</v>
      </c>
      <c r="K7509" s="111">
        <v>1</v>
      </c>
      <c r="L7509" s="111">
        <v>0</v>
      </c>
      <c r="M7509" s="111">
        <v>0</v>
      </c>
      <c r="N7509" s="111">
        <v>0</v>
      </c>
      <c r="O7509" s="111">
        <v>0</v>
      </c>
      <c r="P7509" s="111">
        <v>1</v>
      </c>
      <c r="Q7509" s="111">
        <v>0</v>
      </c>
      <c r="R7509" s="111">
        <v>0</v>
      </c>
      <c r="S7509" s="111">
        <v>0</v>
      </c>
      <c r="T7509" s="111">
        <v>0</v>
      </c>
      <c r="U7509" s="145"/>
      <c r="V7509" s="145"/>
      <c r="W7509" s="145"/>
      <c r="X7509" s="145"/>
      <c r="Y7509" s="145"/>
      <c r="Z7509" s="145"/>
      <c r="AA7509" s="145"/>
      <c r="AB7509" s="145"/>
      <c r="AC7509" s="145"/>
      <c r="AD7509" s="145"/>
      <c r="AE7509" s="145"/>
      <c r="AF7509" s="145"/>
      <c r="AG7509" s="145"/>
      <c r="AH7509" s="145"/>
      <c r="AI7509" s="145"/>
      <c r="AJ7509" s="145"/>
      <c r="AK7509" s="145"/>
      <c r="AL7509" s="145"/>
      <c r="AM7509" s="145"/>
      <c r="AN7509" s="145"/>
      <c r="AO7509" s="145"/>
      <c r="AP7509" s="145"/>
      <c r="AQ7509" s="145"/>
      <c r="AR7509" s="145"/>
      <c r="AS7509" s="145"/>
      <c r="AT7509" s="145"/>
      <c r="AU7509" s="145"/>
      <c r="AV7509" s="145"/>
      <c r="AW7509" s="145"/>
      <c r="AX7509" s="146"/>
      <c r="AY7509" s="146"/>
      <c r="AZ7509" s="146"/>
      <c r="BA7509" s="146"/>
      <c r="BB7509" s="107">
        <v>45447</v>
      </c>
    </row>
    <row r="7510" spans="1:54" s="8" customFormat="1" ht="13.95" customHeight="1" x14ac:dyDescent="0.25">
      <c r="A7510" s="14" t="s">
        <v>19648</v>
      </c>
      <c r="B7510" s="109" t="s">
        <v>20561</v>
      </c>
      <c r="C7510" s="93" t="s">
        <v>19775</v>
      </c>
      <c r="D7510" s="93" t="s">
        <v>21905</v>
      </c>
      <c r="E7510" s="93" t="s">
        <v>174</v>
      </c>
      <c r="F7510" s="93">
        <v>234</v>
      </c>
      <c r="G7510" s="93" t="s">
        <v>12</v>
      </c>
      <c r="H7510" s="111">
        <v>0</v>
      </c>
      <c r="I7510" s="111">
        <v>0</v>
      </c>
      <c r="J7510" s="111">
        <v>0</v>
      </c>
      <c r="K7510" s="111">
        <v>1</v>
      </c>
      <c r="L7510" s="111">
        <v>1</v>
      </c>
      <c r="M7510" s="111">
        <v>0</v>
      </c>
      <c r="N7510" s="111">
        <v>0</v>
      </c>
      <c r="O7510" s="111">
        <v>1</v>
      </c>
      <c r="P7510" s="111">
        <v>1</v>
      </c>
      <c r="Q7510" s="111">
        <v>0</v>
      </c>
      <c r="R7510" s="111">
        <v>0</v>
      </c>
      <c r="S7510" s="111">
        <v>0</v>
      </c>
      <c r="T7510" s="111">
        <v>0</v>
      </c>
      <c r="U7510" s="145"/>
      <c r="V7510" s="145"/>
      <c r="W7510" s="145"/>
      <c r="X7510" s="145"/>
      <c r="Y7510" s="145"/>
      <c r="Z7510" s="145"/>
      <c r="AA7510" s="145"/>
      <c r="AB7510" s="145"/>
      <c r="AC7510" s="145"/>
      <c r="AD7510" s="145"/>
      <c r="AE7510" s="145"/>
      <c r="AF7510" s="145"/>
      <c r="AG7510" s="145"/>
      <c r="AH7510" s="145"/>
      <c r="AI7510" s="145"/>
      <c r="AJ7510" s="145"/>
      <c r="AK7510" s="145"/>
      <c r="AL7510" s="145"/>
      <c r="AM7510" s="145"/>
      <c r="AN7510" s="145"/>
      <c r="AO7510" s="145"/>
      <c r="AP7510" s="145"/>
      <c r="AQ7510" s="145"/>
      <c r="AR7510" s="145"/>
      <c r="AS7510" s="145"/>
      <c r="AT7510" s="145"/>
      <c r="AU7510" s="145"/>
      <c r="AV7510" s="145"/>
      <c r="AW7510" s="145"/>
      <c r="AX7510" s="146"/>
      <c r="AY7510" s="146"/>
      <c r="AZ7510" s="146"/>
      <c r="BA7510" s="146"/>
      <c r="BB7510" s="107">
        <v>45447</v>
      </c>
    </row>
    <row r="7511" spans="1:54" s="8" customFormat="1" ht="13.95" customHeight="1" x14ac:dyDescent="0.25">
      <c r="A7511" s="14" t="s">
        <v>19649</v>
      </c>
      <c r="B7511" s="109" t="s">
        <v>20561</v>
      </c>
      <c r="C7511" s="93" t="s">
        <v>19776</v>
      </c>
      <c r="D7511" s="93" t="s">
        <v>21906</v>
      </c>
      <c r="E7511" s="93" t="s">
        <v>174</v>
      </c>
      <c r="F7511" s="93">
        <v>200</v>
      </c>
      <c r="G7511" s="93" t="s">
        <v>12</v>
      </c>
      <c r="H7511" s="111">
        <v>0</v>
      </c>
      <c r="I7511" s="111">
        <v>0</v>
      </c>
      <c r="J7511" s="111">
        <v>0</v>
      </c>
      <c r="K7511" s="111">
        <v>0</v>
      </c>
      <c r="L7511" s="111">
        <v>1</v>
      </c>
      <c r="M7511" s="111">
        <v>0</v>
      </c>
      <c r="N7511" s="111">
        <v>0</v>
      </c>
      <c r="O7511" s="111">
        <v>1</v>
      </c>
      <c r="P7511" s="111">
        <v>0</v>
      </c>
      <c r="Q7511" s="111">
        <v>0</v>
      </c>
      <c r="R7511" s="111">
        <v>0</v>
      </c>
      <c r="S7511" s="111">
        <v>0</v>
      </c>
      <c r="T7511" s="111">
        <v>0</v>
      </c>
      <c r="U7511" s="145"/>
      <c r="V7511" s="145"/>
      <c r="W7511" s="145"/>
      <c r="X7511" s="145"/>
      <c r="Y7511" s="145"/>
      <c r="Z7511" s="145"/>
      <c r="AA7511" s="145"/>
      <c r="AB7511" s="145"/>
      <c r="AC7511" s="145"/>
      <c r="AD7511" s="145"/>
      <c r="AE7511" s="145"/>
      <c r="AF7511" s="145"/>
      <c r="AG7511" s="145"/>
      <c r="AH7511" s="145"/>
      <c r="AI7511" s="145"/>
      <c r="AJ7511" s="145"/>
      <c r="AK7511" s="145"/>
      <c r="AL7511" s="145"/>
      <c r="AM7511" s="145"/>
      <c r="AN7511" s="145"/>
      <c r="AO7511" s="145"/>
      <c r="AP7511" s="145"/>
      <c r="AQ7511" s="145"/>
      <c r="AR7511" s="145"/>
      <c r="AS7511" s="145"/>
      <c r="AT7511" s="145"/>
      <c r="AU7511" s="145"/>
      <c r="AV7511" s="145"/>
      <c r="AW7511" s="145"/>
      <c r="AX7511" s="146"/>
      <c r="AY7511" s="146"/>
      <c r="AZ7511" s="146"/>
      <c r="BA7511" s="146"/>
      <c r="BB7511" s="107">
        <v>45447</v>
      </c>
    </row>
    <row r="7512" spans="1:54" s="8" customFormat="1" ht="13.95" customHeight="1" x14ac:dyDescent="0.25">
      <c r="A7512" s="14" t="s">
        <v>19650</v>
      </c>
      <c r="B7512" s="109" t="s">
        <v>20561</v>
      </c>
      <c r="C7512" s="93" t="s">
        <v>19651</v>
      </c>
      <c r="D7512" s="93" t="s">
        <v>21907</v>
      </c>
      <c r="E7512" s="93" t="s">
        <v>174</v>
      </c>
      <c r="F7512" s="93">
        <v>845</v>
      </c>
      <c r="G7512" s="93" t="s">
        <v>12</v>
      </c>
      <c r="H7512" s="111">
        <v>0</v>
      </c>
      <c r="I7512" s="111">
        <v>0</v>
      </c>
      <c r="J7512" s="111">
        <v>1</v>
      </c>
      <c r="K7512" s="111">
        <v>0</v>
      </c>
      <c r="L7512" s="111">
        <v>1</v>
      </c>
      <c r="M7512" s="111">
        <v>0</v>
      </c>
      <c r="N7512" s="111">
        <v>0</v>
      </c>
      <c r="O7512" s="111">
        <v>1</v>
      </c>
      <c r="P7512" s="111">
        <v>1</v>
      </c>
      <c r="Q7512" s="111">
        <v>0</v>
      </c>
      <c r="R7512" s="111">
        <v>0</v>
      </c>
      <c r="S7512" s="111">
        <v>0</v>
      </c>
      <c r="T7512" s="111">
        <v>0</v>
      </c>
      <c r="U7512" s="145"/>
      <c r="V7512" s="145"/>
      <c r="W7512" s="145"/>
      <c r="X7512" s="145"/>
      <c r="Y7512" s="145"/>
      <c r="Z7512" s="145"/>
      <c r="AA7512" s="145"/>
      <c r="AB7512" s="145"/>
      <c r="AC7512" s="145"/>
      <c r="AD7512" s="145"/>
      <c r="AE7512" s="145"/>
      <c r="AF7512" s="145"/>
      <c r="AG7512" s="145"/>
      <c r="AH7512" s="145"/>
      <c r="AI7512" s="145"/>
      <c r="AJ7512" s="145"/>
      <c r="AK7512" s="145"/>
      <c r="AL7512" s="145"/>
      <c r="AM7512" s="145"/>
      <c r="AN7512" s="145"/>
      <c r="AO7512" s="145"/>
      <c r="AP7512" s="145"/>
      <c r="AQ7512" s="145"/>
      <c r="AR7512" s="145"/>
      <c r="AS7512" s="145"/>
      <c r="AT7512" s="111">
        <v>1</v>
      </c>
      <c r="AU7512" s="145"/>
      <c r="AV7512" s="145"/>
      <c r="AW7512" s="145"/>
      <c r="AX7512" s="146"/>
      <c r="AY7512" s="146"/>
      <c r="AZ7512" s="146"/>
      <c r="BA7512" s="146"/>
      <c r="BB7512" s="107">
        <v>45447</v>
      </c>
    </row>
    <row r="7513" spans="1:54" s="8" customFormat="1" ht="13.95" customHeight="1" x14ac:dyDescent="0.25">
      <c r="A7513" s="14" t="s">
        <v>19652</v>
      </c>
      <c r="B7513" s="109" t="s">
        <v>20561</v>
      </c>
      <c r="C7513" s="93" t="s">
        <v>19653</v>
      </c>
      <c r="D7513" s="93" t="s">
        <v>21529</v>
      </c>
      <c r="E7513" s="93" t="s">
        <v>174</v>
      </c>
      <c r="F7513" s="93">
        <v>247</v>
      </c>
      <c r="G7513" s="93" t="s">
        <v>12</v>
      </c>
      <c r="H7513" s="111">
        <v>0</v>
      </c>
      <c r="I7513" s="111">
        <v>0</v>
      </c>
      <c r="J7513" s="111">
        <v>1</v>
      </c>
      <c r="K7513" s="111">
        <v>1</v>
      </c>
      <c r="L7513" s="111">
        <v>1</v>
      </c>
      <c r="M7513" s="111">
        <v>0</v>
      </c>
      <c r="N7513" s="111">
        <v>0</v>
      </c>
      <c r="O7513" s="111">
        <v>0</v>
      </c>
      <c r="P7513" s="111">
        <v>0</v>
      </c>
      <c r="Q7513" s="111">
        <v>0</v>
      </c>
      <c r="R7513" s="111">
        <v>1</v>
      </c>
      <c r="S7513" s="111">
        <v>0</v>
      </c>
      <c r="T7513" s="111">
        <v>0</v>
      </c>
      <c r="U7513" s="145"/>
      <c r="V7513" s="145"/>
      <c r="W7513" s="145"/>
      <c r="X7513" s="145"/>
      <c r="Y7513" s="145"/>
      <c r="Z7513" s="145"/>
      <c r="AA7513" s="145"/>
      <c r="AB7513" s="145"/>
      <c r="AC7513" s="145"/>
      <c r="AD7513" s="145"/>
      <c r="AE7513" s="145"/>
      <c r="AF7513" s="145"/>
      <c r="AG7513" s="145"/>
      <c r="AH7513" s="145"/>
      <c r="AI7513" s="145"/>
      <c r="AJ7513" s="145"/>
      <c r="AK7513" s="145"/>
      <c r="AL7513" s="145"/>
      <c r="AM7513" s="145"/>
      <c r="AN7513" s="145"/>
      <c r="AO7513" s="145"/>
      <c r="AP7513" s="145"/>
      <c r="AQ7513" s="145"/>
      <c r="AR7513" s="145"/>
      <c r="AS7513" s="145"/>
      <c r="AT7513" s="145"/>
      <c r="AU7513" s="145"/>
      <c r="AV7513" s="145"/>
      <c r="AW7513" s="145"/>
      <c r="AX7513" s="146"/>
      <c r="AY7513" s="146"/>
      <c r="AZ7513" s="146"/>
      <c r="BA7513" s="146"/>
      <c r="BB7513" s="107">
        <v>45447</v>
      </c>
    </row>
    <row r="7514" spans="1:54" s="8" customFormat="1" ht="13.95" customHeight="1" x14ac:dyDescent="0.25">
      <c r="A7514" s="14" t="s">
        <v>19654</v>
      </c>
      <c r="B7514" s="109" t="s">
        <v>20561</v>
      </c>
      <c r="C7514" s="93" t="s">
        <v>19655</v>
      </c>
      <c r="D7514" s="93" t="s">
        <v>19656</v>
      </c>
      <c r="E7514" s="93" t="s">
        <v>174</v>
      </c>
      <c r="F7514" s="93">
        <v>583</v>
      </c>
      <c r="G7514" s="93" t="s">
        <v>12</v>
      </c>
      <c r="H7514" s="111">
        <v>0</v>
      </c>
      <c r="I7514" s="111">
        <v>0</v>
      </c>
      <c r="J7514" s="111">
        <v>1</v>
      </c>
      <c r="K7514" s="111">
        <v>1</v>
      </c>
      <c r="L7514" s="111">
        <v>1</v>
      </c>
      <c r="M7514" s="111">
        <v>1</v>
      </c>
      <c r="N7514" s="111">
        <v>0</v>
      </c>
      <c r="O7514" s="111">
        <v>1</v>
      </c>
      <c r="P7514" s="111">
        <v>0</v>
      </c>
      <c r="Q7514" s="111">
        <v>0</v>
      </c>
      <c r="R7514" s="111">
        <v>1</v>
      </c>
      <c r="S7514" s="111">
        <v>0</v>
      </c>
      <c r="T7514" s="111">
        <v>0</v>
      </c>
      <c r="U7514" s="145"/>
      <c r="V7514" s="145"/>
      <c r="W7514" s="145"/>
      <c r="X7514" s="145"/>
      <c r="Y7514" s="145"/>
      <c r="Z7514" s="145"/>
      <c r="AA7514" s="145"/>
      <c r="AB7514" s="145"/>
      <c r="AC7514" s="145"/>
      <c r="AD7514" s="145"/>
      <c r="AE7514" s="145"/>
      <c r="AF7514" s="145"/>
      <c r="AG7514" s="145"/>
      <c r="AH7514" s="145"/>
      <c r="AI7514" s="145"/>
      <c r="AJ7514" s="145"/>
      <c r="AK7514" s="145"/>
      <c r="AL7514" s="145"/>
      <c r="AM7514" s="145"/>
      <c r="AN7514" s="145"/>
      <c r="AO7514" s="145"/>
      <c r="AP7514" s="145"/>
      <c r="AQ7514" s="145"/>
      <c r="AR7514" s="145"/>
      <c r="AS7514" s="145"/>
      <c r="AT7514" s="111">
        <v>1</v>
      </c>
      <c r="AU7514" s="145"/>
      <c r="AV7514" s="145"/>
      <c r="AW7514" s="145"/>
      <c r="AX7514" s="146"/>
      <c r="AY7514" s="146"/>
      <c r="AZ7514" s="146"/>
      <c r="BA7514" s="146"/>
      <c r="BB7514" s="107">
        <v>45447</v>
      </c>
    </row>
    <row r="7515" spans="1:54" s="8" customFormat="1" ht="13.95" customHeight="1" x14ac:dyDescent="0.25">
      <c r="A7515" s="14" t="s">
        <v>19657</v>
      </c>
      <c r="B7515" s="109" t="s">
        <v>20561</v>
      </c>
      <c r="C7515" s="93" t="s">
        <v>19658</v>
      </c>
      <c r="D7515" s="93" t="s">
        <v>19659</v>
      </c>
      <c r="E7515" s="93" t="s">
        <v>174</v>
      </c>
      <c r="F7515" s="93">
        <v>180</v>
      </c>
      <c r="G7515" s="93" t="s">
        <v>12</v>
      </c>
      <c r="H7515" s="111">
        <v>0</v>
      </c>
      <c r="I7515" s="111">
        <v>0</v>
      </c>
      <c r="J7515" s="111">
        <v>0</v>
      </c>
      <c r="K7515" s="111">
        <v>0</v>
      </c>
      <c r="L7515" s="111">
        <v>0</v>
      </c>
      <c r="M7515" s="111">
        <v>0</v>
      </c>
      <c r="N7515" s="111">
        <v>0</v>
      </c>
      <c r="O7515" s="111">
        <v>1</v>
      </c>
      <c r="P7515" s="111">
        <v>0</v>
      </c>
      <c r="Q7515" s="111">
        <v>0</v>
      </c>
      <c r="R7515" s="111">
        <v>1</v>
      </c>
      <c r="S7515" s="111">
        <v>0</v>
      </c>
      <c r="T7515" s="111">
        <v>0</v>
      </c>
      <c r="U7515" s="145"/>
      <c r="V7515" s="145"/>
      <c r="W7515" s="145"/>
      <c r="X7515" s="145"/>
      <c r="Y7515" s="145"/>
      <c r="Z7515" s="145"/>
      <c r="AA7515" s="145"/>
      <c r="AB7515" s="145"/>
      <c r="AC7515" s="145"/>
      <c r="AD7515" s="145"/>
      <c r="AE7515" s="145"/>
      <c r="AF7515" s="145"/>
      <c r="AG7515" s="145"/>
      <c r="AH7515" s="145"/>
      <c r="AI7515" s="145"/>
      <c r="AJ7515" s="145"/>
      <c r="AK7515" s="145"/>
      <c r="AL7515" s="145"/>
      <c r="AM7515" s="145"/>
      <c r="AN7515" s="145"/>
      <c r="AO7515" s="145"/>
      <c r="AP7515" s="145"/>
      <c r="AQ7515" s="145"/>
      <c r="AR7515" s="145"/>
      <c r="AS7515" s="145"/>
      <c r="AT7515" s="145"/>
      <c r="AU7515" s="145"/>
      <c r="AV7515" s="145"/>
      <c r="AW7515" s="145"/>
      <c r="AX7515" s="146"/>
      <c r="AY7515" s="146"/>
      <c r="AZ7515" s="146"/>
      <c r="BA7515" s="146"/>
      <c r="BB7515" s="107">
        <v>45447</v>
      </c>
    </row>
    <row r="7516" spans="1:54" s="8" customFormat="1" ht="13.95" customHeight="1" x14ac:dyDescent="0.25">
      <c r="A7516" s="14" t="s">
        <v>19660</v>
      </c>
      <c r="B7516" s="109" t="s">
        <v>20561</v>
      </c>
      <c r="C7516" s="93" t="s">
        <v>19661</v>
      </c>
      <c r="D7516" s="93" t="s">
        <v>19662</v>
      </c>
      <c r="E7516" s="93" t="s">
        <v>174</v>
      </c>
      <c r="F7516" s="93">
        <v>251</v>
      </c>
      <c r="G7516" s="93" t="s">
        <v>12</v>
      </c>
      <c r="H7516" s="111">
        <v>0</v>
      </c>
      <c r="I7516" s="111">
        <v>0</v>
      </c>
      <c r="J7516" s="111">
        <v>0</v>
      </c>
      <c r="K7516" s="111">
        <v>1</v>
      </c>
      <c r="L7516" s="111">
        <v>1</v>
      </c>
      <c r="M7516" s="111">
        <v>0</v>
      </c>
      <c r="N7516" s="111">
        <v>0</v>
      </c>
      <c r="O7516" s="111">
        <v>0</v>
      </c>
      <c r="P7516" s="111">
        <v>1</v>
      </c>
      <c r="Q7516" s="111">
        <v>0</v>
      </c>
      <c r="R7516" s="111">
        <v>1</v>
      </c>
      <c r="S7516" s="111">
        <v>0</v>
      </c>
      <c r="T7516" s="111">
        <v>0</v>
      </c>
      <c r="U7516" s="145"/>
      <c r="V7516" s="145"/>
      <c r="W7516" s="145"/>
      <c r="X7516" s="145"/>
      <c r="Y7516" s="145"/>
      <c r="Z7516" s="145"/>
      <c r="AA7516" s="145"/>
      <c r="AB7516" s="145"/>
      <c r="AC7516" s="145"/>
      <c r="AD7516" s="145"/>
      <c r="AE7516" s="145"/>
      <c r="AF7516" s="145"/>
      <c r="AG7516" s="145"/>
      <c r="AH7516" s="145"/>
      <c r="AI7516" s="145"/>
      <c r="AJ7516" s="145"/>
      <c r="AK7516" s="145"/>
      <c r="AL7516" s="145"/>
      <c r="AM7516" s="145"/>
      <c r="AN7516" s="145"/>
      <c r="AO7516" s="145"/>
      <c r="AP7516" s="145"/>
      <c r="AQ7516" s="145"/>
      <c r="AR7516" s="145"/>
      <c r="AS7516" s="145"/>
      <c r="AT7516" s="145"/>
      <c r="AU7516" s="145"/>
      <c r="AV7516" s="145"/>
      <c r="AW7516" s="145"/>
      <c r="AX7516" s="146"/>
      <c r="AY7516" s="146"/>
      <c r="AZ7516" s="146"/>
      <c r="BA7516" s="146"/>
      <c r="BB7516" s="107">
        <v>45447</v>
      </c>
    </row>
    <row r="7517" spans="1:54" s="8" customFormat="1" ht="13.95" customHeight="1" x14ac:dyDescent="0.25">
      <c r="A7517" s="14" t="s">
        <v>19663</v>
      </c>
      <c r="B7517" s="109" t="s">
        <v>20561</v>
      </c>
      <c r="C7517" s="93" t="s">
        <v>19664</v>
      </c>
      <c r="D7517" s="93" t="s">
        <v>19665</v>
      </c>
      <c r="E7517" s="93" t="s">
        <v>174</v>
      </c>
      <c r="F7517" s="93">
        <v>515</v>
      </c>
      <c r="G7517" s="93" t="s">
        <v>12</v>
      </c>
      <c r="H7517" s="111">
        <v>0</v>
      </c>
      <c r="I7517" s="111">
        <v>0</v>
      </c>
      <c r="J7517" s="111">
        <v>1</v>
      </c>
      <c r="K7517" s="111">
        <v>0</v>
      </c>
      <c r="L7517" s="111">
        <v>1</v>
      </c>
      <c r="M7517" s="111">
        <v>0</v>
      </c>
      <c r="N7517" s="111">
        <v>0</v>
      </c>
      <c r="O7517" s="111">
        <v>1</v>
      </c>
      <c r="P7517" s="111">
        <v>1</v>
      </c>
      <c r="Q7517" s="111">
        <v>0</v>
      </c>
      <c r="R7517" s="111">
        <v>1</v>
      </c>
      <c r="S7517" s="111">
        <v>0</v>
      </c>
      <c r="T7517" s="111">
        <v>0</v>
      </c>
      <c r="U7517" s="145"/>
      <c r="V7517" s="145"/>
      <c r="W7517" s="145"/>
      <c r="X7517" s="145"/>
      <c r="Y7517" s="145"/>
      <c r="Z7517" s="145"/>
      <c r="AA7517" s="145"/>
      <c r="AB7517" s="145"/>
      <c r="AC7517" s="145"/>
      <c r="AD7517" s="145"/>
      <c r="AE7517" s="145"/>
      <c r="AF7517" s="145"/>
      <c r="AG7517" s="145"/>
      <c r="AH7517" s="145"/>
      <c r="AI7517" s="145"/>
      <c r="AJ7517" s="145"/>
      <c r="AK7517" s="145"/>
      <c r="AL7517" s="145"/>
      <c r="AM7517" s="145"/>
      <c r="AN7517" s="145"/>
      <c r="AO7517" s="145"/>
      <c r="AP7517" s="145"/>
      <c r="AQ7517" s="145"/>
      <c r="AR7517" s="145"/>
      <c r="AS7517" s="145"/>
      <c r="AT7517" s="111">
        <v>1</v>
      </c>
      <c r="AU7517" s="145"/>
      <c r="AV7517" s="145"/>
      <c r="AW7517" s="145"/>
      <c r="AX7517" s="146"/>
      <c r="AY7517" s="146"/>
      <c r="AZ7517" s="146"/>
      <c r="BA7517" s="146"/>
      <c r="BB7517" s="107">
        <v>45447</v>
      </c>
    </row>
    <row r="7518" spans="1:54" s="8" customFormat="1" ht="13.95" customHeight="1" x14ac:dyDescent="0.25">
      <c r="A7518" s="14" t="s">
        <v>19666</v>
      </c>
      <c r="B7518" s="109" t="s">
        <v>20561</v>
      </c>
      <c r="C7518" s="93" t="s">
        <v>19667</v>
      </c>
      <c r="D7518" s="93" t="s">
        <v>19668</v>
      </c>
      <c r="E7518" s="93" t="s">
        <v>174</v>
      </c>
      <c r="F7518" s="93">
        <v>258</v>
      </c>
      <c r="G7518" s="93" t="s">
        <v>12</v>
      </c>
      <c r="H7518" s="111">
        <v>0</v>
      </c>
      <c r="I7518" s="111">
        <v>0</v>
      </c>
      <c r="J7518" s="111">
        <v>0</v>
      </c>
      <c r="K7518" s="111">
        <v>1</v>
      </c>
      <c r="L7518" s="111">
        <v>1</v>
      </c>
      <c r="M7518" s="111">
        <v>0</v>
      </c>
      <c r="N7518" s="111">
        <v>0</v>
      </c>
      <c r="O7518" s="111">
        <v>1</v>
      </c>
      <c r="P7518" s="111">
        <v>0</v>
      </c>
      <c r="Q7518" s="111">
        <v>0</v>
      </c>
      <c r="R7518" s="111">
        <v>1</v>
      </c>
      <c r="S7518" s="111">
        <v>0</v>
      </c>
      <c r="T7518" s="111">
        <v>0</v>
      </c>
      <c r="U7518" s="145"/>
      <c r="V7518" s="145"/>
      <c r="W7518" s="145"/>
      <c r="X7518" s="145"/>
      <c r="Y7518" s="145"/>
      <c r="Z7518" s="145"/>
      <c r="AA7518" s="145"/>
      <c r="AB7518" s="145"/>
      <c r="AC7518" s="145"/>
      <c r="AD7518" s="145"/>
      <c r="AE7518" s="145"/>
      <c r="AF7518" s="145"/>
      <c r="AG7518" s="145"/>
      <c r="AH7518" s="145"/>
      <c r="AI7518" s="145"/>
      <c r="AJ7518" s="145"/>
      <c r="AK7518" s="145"/>
      <c r="AL7518" s="145"/>
      <c r="AM7518" s="145"/>
      <c r="AN7518" s="145"/>
      <c r="AO7518" s="145"/>
      <c r="AP7518" s="145"/>
      <c r="AQ7518" s="145"/>
      <c r="AR7518" s="145"/>
      <c r="AS7518" s="145"/>
      <c r="AT7518" s="145"/>
      <c r="AU7518" s="145"/>
      <c r="AV7518" s="145"/>
      <c r="AW7518" s="145"/>
      <c r="AX7518" s="146"/>
      <c r="AY7518" s="146"/>
      <c r="AZ7518" s="146"/>
      <c r="BA7518" s="146"/>
      <c r="BB7518" s="107">
        <v>45447</v>
      </c>
    </row>
    <row r="7519" spans="1:54" s="8" customFormat="1" ht="13.95" customHeight="1" x14ac:dyDescent="0.25">
      <c r="A7519" s="14" t="s">
        <v>19669</v>
      </c>
      <c r="B7519" s="109" t="s">
        <v>20561</v>
      </c>
      <c r="C7519" s="93" t="s">
        <v>19670</v>
      </c>
      <c r="D7519" s="93" t="s">
        <v>19671</v>
      </c>
      <c r="E7519" s="93" t="s">
        <v>174</v>
      </c>
      <c r="F7519" s="93">
        <v>228</v>
      </c>
      <c r="G7519" s="93" t="s">
        <v>12</v>
      </c>
      <c r="H7519" s="111">
        <v>0</v>
      </c>
      <c r="I7519" s="111">
        <v>0</v>
      </c>
      <c r="J7519" s="111">
        <v>1</v>
      </c>
      <c r="K7519" s="111">
        <v>1</v>
      </c>
      <c r="L7519" s="111">
        <v>1</v>
      </c>
      <c r="M7519" s="111">
        <v>0</v>
      </c>
      <c r="N7519" s="111">
        <v>0</v>
      </c>
      <c r="O7519" s="111">
        <v>1</v>
      </c>
      <c r="P7519" s="111">
        <v>0</v>
      </c>
      <c r="Q7519" s="111">
        <v>0</v>
      </c>
      <c r="R7519" s="111">
        <v>0</v>
      </c>
      <c r="S7519" s="111">
        <v>0</v>
      </c>
      <c r="T7519" s="111">
        <v>0</v>
      </c>
      <c r="U7519" s="145"/>
      <c r="V7519" s="145"/>
      <c r="W7519" s="145"/>
      <c r="X7519" s="145"/>
      <c r="Y7519" s="145"/>
      <c r="Z7519" s="145"/>
      <c r="AA7519" s="145"/>
      <c r="AB7519" s="145"/>
      <c r="AC7519" s="145"/>
      <c r="AD7519" s="145"/>
      <c r="AE7519" s="145"/>
      <c r="AF7519" s="145"/>
      <c r="AG7519" s="145"/>
      <c r="AH7519" s="145"/>
      <c r="AI7519" s="145"/>
      <c r="AJ7519" s="145"/>
      <c r="AK7519" s="145"/>
      <c r="AL7519" s="145"/>
      <c r="AM7519" s="145"/>
      <c r="AN7519" s="145"/>
      <c r="AO7519" s="145"/>
      <c r="AP7519" s="145"/>
      <c r="AQ7519" s="145"/>
      <c r="AR7519" s="145"/>
      <c r="AS7519" s="145"/>
      <c r="AT7519" s="145"/>
      <c r="AU7519" s="145"/>
      <c r="AV7519" s="145"/>
      <c r="AW7519" s="145"/>
      <c r="AX7519" s="146"/>
      <c r="AY7519" s="146"/>
      <c r="AZ7519" s="146"/>
      <c r="BA7519" s="146"/>
      <c r="BB7519" s="107">
        <v>45447</v>
      </c>
    </row>
    <row r="7520" spans="1:54" s="8" customFormat="1" ht="13.95" customHeight="1" x14ac:dyDescent="0.25">
      <c r="A7520" s="14" t="s">
        <v>19672</v>
      </c>
      <c r="B7520" s="109" t="s">
        <v>20561</v>
      </c>
      <c r="C7520" s="93" t="s">
        <v>19673</v>
      </c>
      <c r="D7520" s="93" t="s">
        <v>19674</v>
      </c>
      <c r="E7520" s="93" t="s">
        <v>174</v>
      </c>
      <c r="F7520" s="93">
        <v>60</v>
      </c>
      <c r="G7520" s="93" t="s">
        <v>12</v>
      </c>
      <c r="H7520" s="111">
        <v>0</v>
      </c>
      <c r="I7520" s="111">
        <v>0</v>
      </c>
      <c r="J7520" s="111">
        <v>0</v>
      </c>
      <c r="K7520" s="111">
        <v>0</v>
      </c>
      <c r="L7520" s="111">
        <v>0</v>
      </c>
      <c r="M7520" s="111">
        <v>0</v>
      </c>
      <c r="N7520" s="111">
        <v>0</v>
      </c>
      <c r="O7520" s="111">
        <v>0</v>
      </c>
      <c r="P7520" s="111">
        <v>0</v>
      </c>
      <c r="Q7520" s="111">
        <v>0</v>
      </c>
      <c r="R7520" s="111">
        <v>0</v>
      </c>
      <c r="S7520" s="111">
        <v>0</v>
      </c>
      <c r="T7520" s="111">
        <v>0</v>
      </c>
      <c r="U7520" s="145"/>
      <c r="V7520" s="145"/>
      <c r="W7520" s="145"/>
      <c r="X7520" s="145"/>
      <c r="Y7520" s="145"/>
      <c r="Z7520" s="145"/>
      <c r="AA7520" s="145"/>
      <c r="AB7520" s="145"/>
      <c r="AC7520" s="145"/>
      <c r="AD7520" s="145"/>
      <c r="AE7520" s="145"/>
      <c r="AF7520" s="145"/>
      <c r="AG7520" s="145"/>
      <c r="AH7520" s="145"/>
      <c r="AI7520" s="145"/>
      <c r="AJ7520" s="145"/>
      <c r="AK7520" s="145"/>
      <c r="AL7520" s="145"/>
      <c r="AM7520" s="145"/>
      <c r="AN7520" s="145"/>
      <c r="AO7520" s="145"/>
      <c r="AP7520" s="145"/>
      <c r="AQ7520" s="145"/>
      <c r="AR7520" s="145"/>
      <c r="AS7520" s="145"/>
      <c r="AT7520" s="145"/>
      <c r="AU7520" s="145"/>
      <c r="AV7520" s="145"/>
      <c r="AW7520" s="145"/>
      <c r="AX7520" s="146"/>
      <c r="AY7520" s="146"/>
      <c r="AZ7520" s="146"/>
      <c r="BA7520" s="146"/>
      <c r="BB7520" s="107">
        <v>45447</v>
      </c>
    </row>
    <row r="7521" spans="1:54" s="8" customFormat="1" ht="13.95" customHeight="1" x14ac:dyDescent="0.25">
      <c r="A7521" s="14" t="s">
        <v>19675</v>
      </c>
      <c r="B7521" s="109" t="s">
        <v>20561</v>
      </c>
      <c r="C7521" s="93" t="s">
        <v>19676</v>
      </c>
      <c r="D7521" s="93" t="s">
        <v>19677</v>
      </c>
      <c r="E7521" s="93" t="s">
        <v>174</v>
      </c>
      <c r="F7521" s="93">
        <v>207</v>
      </c>
      <c r="G7521" s="93" t="s">
        <v>12</v>
      </c>
      <c r="H7521" s="111">
        <v>0</v>
      </c>
      <c r="I7521" s="111">
        <v>0</v>
      </c>
      <c r="J7521" s="111">
        <v>0</v>
      </c>
      <c r="K7521" s="111">
        <v>0</v>
      </c>
      <c r="L7521" s="111">
        <v>0</v>
      </c>
      <c r="M7521" s="111">
        <v>0</v>
      </c>
      <c r="N7521" s="111">
        <v>0</v>
      </c>
      <c r="O7521" s="111">
        <v>1</v>
      </c>
      <c r="P7521" s="111">
        <v>1</v>
      </c>
      <c r="Q7521" s="111">
        <v>0</v>
      </c>
      <c r="R7521" s="111">
        <v>1</v>
      </c>
      <c r="S7521" s="111">
        <v>0</v>
      </c>
      <c r="T7521" s="111">
        <v>0</v>
      </c>
      <c r="U7521" s="145"/>
      <c r="V7521" s="145"/>
      <c r="W7521" s="145"/>
      <c r="X7521" s="145"/>
      <c r="Y7521" s="145"/>
      <c r="Z7521" s="145"/>
      <c r="AA7521" s="145"/>
      <c r="AB7521" s="145"/>
      <c r="AC7521" s="145"/>
      <c r="AD7521" s="145"/>
      <c r="AE7521" s="145"/>
      <c r="AF7521" s="145"/>
      <c r="AG7521" s="145"/>
      <c r="AH7521" s="145"/>
      <c r="AI7521" s="145"/>
      <c r="AJ7521" s="145"/>
      <c r="AK7521" s="145"/>
      <c r="AL7521" s="145"/>
      <c r="AM7521" s="145"/>
      <c r="AN7521" s="145"/>
      <c r="AO7521" s="145"/>
      <c r="AP7521" s="145"/>
      <c r="AQ7521" s="145"/>
      <c r="AR7521" s="145"/>
      <c r="AS7521" s="145"/>
      <c r="AT7521" s="111">
        <v>1</v>
      </c>
      <c r="AU7521" s="145"/>
      <c r="AV7521" s="145"/>
      <c r="AW7521" s="145"/>
      <c r="AX7521" s="146"/>
      <c r="AY7521" s="146"/>
      <c r="AZ7521" s="146"/>
      <c r="BA7521" s="146"/>
      <c r="BB7521" s="107">
        <v>45447</v>
      </c>
    </row>
    <row r="7522" spans="1:54" s="8" customFormat="1" ht="13.95" customHeight="1" x14ac:dyDescent="0.25">
      <c r="A7522" s="14" t="s">
        <v>19678</v>
      </c>
      <c r="B7522" s="109" t="s">
        <v>20561</v>
      </c>
      <c r="C7522" s="93" t="s">
        <v>19679</v>
      </c>
      <c r="D7522" s="93" t="s">
        <v>19680</v>
      </c>
      <c r="E7522" s="93" t="s">
        <v>174</v>
      </c>
      <c r="F7522" s="93">
        <v>885</v>
      </c>
      <c r="G7522" s="93" t="s">
        <v>12</v>
      </c>
      <c r="H7522" s="111">
        <v>0</v>
      </c>
      <c r="I7522" s="111">
        <v>0</v>
      </c>
      <c r="J7522" s="111">
        <v>0</v>
      </c>
      <c r="K7522" s="111">
        <v>0</v>
      </c>
      <c r="L7522" s="111">
        <v>0</v>
      </c>
      <c r="M7522" s="111">
        <v>0</v>
      </c>
      <c r="N7522" s="111">
        <v>0</v>
      </c>
      <c r="O7522" s="111">
        <v>0</v>
      </c>
      <c r="P7522" s="111">
        <v>1</v>
      </c>
      <c r="Q7522" s="111">
        <v>1</v>
      </c>
      <c r="R7522" s="111">
        <v>1</v>
      </c>
      <c r="S7522" s="111">
        <v>0</v>
      </c>
      <c r="T7522" s="111">
        <v>0</v>
      </c>
      <c r="U7522" s="145"/>
      <c r="V7522" s="145"/>
      <c r="W7522" s="145"/>
      <c r="X7522" s="145"/>
      <c r="Y7522" s="145"/>
      <c r="Z7522" s="145"/>
      <c r="AA7522" s="145"/>
      <c r="AB7522" s="145"/>
      <c r="AC7522" s="145"/>
      <c r="AD7522" s="145"/>
      <c r="AE7522" s="145"/>
      <c r="AF7522" s="145"/>
      <c r="AG7522" s="145"/>
      <c r="AH7522" s="145"/>
      <c r="AI7522" s="145"/>
      <c r="AJ7522" s="145"/>
      <c r="AK7522" s="145"/>
      <c r="AL7522" s="145"/>
      <c r="AM7522" s="145"/>
      <c r="AN7522" s="145"/>
      <c r="AO7522" s="145"/>
      <c r="AP7522" s="145"/>
      <c r="AQ7522" s="145"/>
      <c r="AR7522" s="145"/>
      <c r="AS7522" s="145"/>
      <c r="AT7522" s="145"/>
      <c r="AU7522" s="145"/>
      <c r="AV7522" s="145"/>
      <c r="AW7522" s="145"/>
      <c r="AX7522" s="146"/>
      <c r="AY7522" s="146"/>
      <c r="AZ7522" s="146"/>
      <c r="BA7522" s="146"/>
      <c r="BB7522" s="107">
        <v>45447</v>
      </c>
    </row>
    <row r="7523" spans="1:54" s="8" customFormat="1" ht="13.95" customHeight="1" x14ac:dyDescent="0.25">
      <c r="A7523" s="14" t="s">
        <v>19681</v>
      </c>
      <c r="B7523" s="109" t="s">
        <v>20561</v>
      </c>
      <c r="C7523" s="93" t="s">
        <v>19682</v>
      </c>
      <c r="D7523" s="93" t="s">
        <v>19683</v>
      </c>
      <c r="E7523" s="93" t="s">
        <v>174</v>
      </c>
      <c r="F7523" s="93">
        <v>262</v>
      </c>
      <c r="G7523" s="93" t="s">
        <v>12</v>
      </c>
      <c r="H7523" s="111">
        <v>0</v>
      </c>
      <c r="I7523" s="111">
        <v>0</v>
      </c>
      <c r="J7523" s="111">
        <v>1</v>
      </c>
      <c r="K7523" s="111">
        <v>1</v>
      </c>
      <c r="L7523" s="111">
        <v>1</v>
      </c>
      <c r="M7523" s="111">
        <v>0</v>
      </c>
      <c r="N7523" s="111">
        <v>0</v>
      </c>
      <c r="O7523" s="111">
        <v>1</v>
      </c>
      <c r="P7523" s="111">
        <v>1</v>
      </c>
      <c r="Q7523" s="111">
        <v>0</v>
      </c>
      <c r="R7523" s="111">
        <v>1</v>
      </c>
      <c r="S7523" s="111">
        <v>0</v>
      </c>
      <c r="T7523" s="111">
        <v>0</v>
      </c>
      <c r="U7523" s="145"/>
      <c r="V7523" s="145"/>
      <c r="W7523" s="145"/>
      <c r="X7523" s="145"/>
      <c r="Y7523" s="145"/>
      <c r="Z7523" s="145"/>
      <c r="AA7523" s="145"/>
      <c r="AB7523" s="145"/>
      <c r="AC7523" s="145"/>
      <c r="AD7523" s="145"/>
      <c r="AE7523" s="145"/>
      <c r="AF7523" s="145"/>
      <c r="AG7523" s="145"/>
      <c r="AH7523" s="145"/>
      <c r="AI7523" s="145"/>
      <c r="AJ7523" s="145"/>
      <c r="AK7523" s="145"/>
      <c r="AL7523" s="145"/>
      <c r="AM7523" s="145"/>
      <c r="AN7523" s="145"/>
      <c r="AO7523" s="145"/>
      <c r="AP7523" s="145"/>
      <c r="AQ7523" s="145"/>
      <c r="AR7523" s="145"/>
      <c r="AS7523" s="145"/>
      <c r="AT7523" s="111">
        <v>1</v>
      </c>
      <c r="AU7523" s="145"/>
      <c r="AV7523" s="145"/>
      <c r="AW7523" s="145"/>
      <c r="AX7523" s="146"/>
      <c r="AY7523" s="146"/>
      <c r="AZ7523" s="146"/>
      <c r="BA7523" s="146"/>
      <c r="BB7523" s="107">
        <v>45447</v>
      </c>
    </row>
    <row r="7524" spans="1:54" s="8" customFormat="1" ht="13.95" customHeight="1" x14ac:dyDescent="0.25">
      <c r="A7524" s="14" t="s">
        <v>19684</v>
      </c>
      <c r="B7524" s="109" t="s">
        <v>20561</v>
      </c>
      <c r="C7524" s="93" t="s">
        <v>19685</v>
      </c>
      <c r="D7524" s="93" t="s">
        <v>19686</v>
      </c>
      <c r="E7524" s="93" t="s">
        <v>174</v>
      </c>
      <c r="F7524" s="93">
        <v>117</v>
      </c>
      <c r="G7524" s="93" t="s">
        <v>12</v>
      </c>
      <c r="H7524" s="111">
        <v>0</v>
      </c>
      <c r="I7524" s="111">
        <v>0</v>
      </c>
      <c r="J7524" s="111">
        <v>0</v>
      </c>
      <c r="K7524" s="111">
        <v>0</v>
      </c>
      <c r="L7524" s="111">
        <v>0</v>
      </c>
      <c r="M7524" s="111">
        <v>0</v>
      </c>
      <c r="N7524" s="111">
        <v>0</v>
      </c>
      <c r="O7524" s="111">
        <v>0</v>
      </c>
      <c r="P7524" s="111">
        <v>0</v>
      </c>
      <c r="Q7524" s="111">
        <v>0</v>
      </c>
      <c r="R7524" s="111">
        <v>0</v>
      </c>
      <c r="S7524" s="111">
        <v>0</v>
      </c>
      <c r="T7524" s="111">
        <v>0</v>
      </c>
      <c r="U7524" s="145"/>
      <c r="V7524" s="145"/>
      <c r="W7524" s="145"/>
      <c r="X7524" s="145"/>
      <c r="Y7524" s="145"/>
      <c r="Z7524" s="145"/>
      <c r="AA7524" s="145"/>
      <c r="AB7524" s="145"/>
      <c r="AC7524" s="145"/>
      <c r="AD7524" s="145"/>
      <c r="AE7524" s="145"/>
      <c r="AF7524" s="145"/>
      <c r="AG7524" s="145"/>
      <c r="AH7524" s="145"/>
      <c r="AI7524" s="145"/>
      <c r="AJ7524" s="145"/>
      <c r="AK7524" s="145"/>
      <c r="AL7524" s="145"/>
      <c r="AM7524" s="145"/>
      <c r="AN7524" s="145"/>
      <c r="AO7524" s="145"/>
      <c r="AP7524" s="145"/>
      <c r="AQ7524" s="145"/>
      <c r="AR7524" s="145"/>
      <c r="AS7524" s="145"/>
      <c r="AT7524" s="145"/>
      <c r="AU7524" s="145"/>
      <c r="AV7524" s="145"/>
      <c r="AW7524" s="145"/>
      <c r="AX7524" s="146"/>
      <c r="AY7524" s="146"/>
      <c r="AZ7524" s="146"/>
      <c r="BA7524" s="146"/>
      <c r="BB7524" s="107">
        <v>45447</v>
      </c>
    </row>
    <row r="7525" spans="1:54" s="8" customFormat="1" ht="13.95" customHeight="1" x14ac:dyDescent="0.25">
      <c r="A7525" s="14" t="s">
        <v>19687</v>
      </c>
      <c r="B7525" s="109" t="s">
        <v>20561</v>
      </c>
      <c r="C7525" s="93" t="s">
        <v>19777</v>
      </c>
      <c r="D7525" s="93" t="s">
        <v>19688</v>
      </c>
      <c r="E7525" s="93" t="s">
        <v>174</v>
      </c>
      <c r="F7525" s="93">
        <v>322</v>
      </c>
      <c r="G7525" s="93" t="s">
        <v>12</v>
      </c>
      <c r="H7525" s="111">
        <v>0</v>
      </c>
      <c r="I7525" s="111">
        <v>0</v>
      </c>
      <c r="J7525" s="111">
        <v>1</v>
      </c>
      <c r="K7525" s="111">
        <v>1</v>
      </c>
      <c r="L7525" s="111">
        <v>0</v>
      </c>
      <c r="M7525" s="111">
        <v>0</v>
      </c>
      <c r="N7525" s="111">
        <v>0</v>
      </c>
      <c r="O7525" s="111">
        <v>0</v>
      </c>
      <c r="P7525" s="111">
        <v>1</v>
      </c>
      <c r="Q7525" s="111">
        <v>0</v>
      </c>
      <c r="R7525" s="111">
        <v>1</v>
      </c>
      <c r="S7525" s="111">
        <v>0</v>
      </c>
      <c r="T7525" s="111">
        <v>0</v>
      </c>
      <c r="U7525" s="145"/>
      <c r="V7525" s="145"/>
      <c r="W7525" s="145"/>
      <c r="X7525" s="145"/>
      <c r="Y7525" s="145"/>
      <c r="Z7525" s="145"/>
      <c r="AA7525" s="145"/>
      <c r="AB7525" s="145"/>
      <c r="AC7525" s="145"/>
      <c r="AD7525" s="145"/>
      <c r="AE7525" s="145"/>
      <c r="AF7525" s="145"/>
      <c r="AG7525" s="145"/>
      <c r="AH7525" s="145"/>
      <c r="AI7525" s="145"/>
      <c r="AJ7525" s="145"/>
      <c r="AK7525" s="145"/>
      <c r="AL7525" s="145"/>
      <c r="AM7525" s="145"/>
      <c r="AN7525" s="145"/>
      <c r="AO7525" s="145"/>
      <c r="AP7525" s="145"/>
      <c r="AQ7525" s="145"/>
      <c r="AR7525" s="145"/>
      <c r="AS7525" s="145"/>
      <c r="AT7525" s="145"/>
      <c r="AU7525" s="145"/>
      <c r="AV7525" s="145"/>
      <c r="AW7525" s="145"/>
      <c r="AX7525" s="146"/>
      <c r="AY7525" s="146"/>
      <c r="AZ7525" s="146"/>
      <c r="BA7525" s="146"/>
      <c r="BB7525" s="107">
        <v>45447</v>
      </c>
    </row>
    <row r="7526" spans="1:54" s="8" customFormat="1" ht="13.95" customHeight="1" x14ac:dyDescent="0.25">
      <c r="A7526" s="14" t="s">
        <v>19689</v>
      </c>
      <c r="B7526" s="109" t="s">
        <v>20561</v>
      </c>
      <c r="C7526" s="93" t="s">
        <v>19690</v>
      </c>
      <c r="D7526" s="93" t="s">
        <v>20339</v>
      </c>
      <c r="E7526" s="93" t="s">
        <v>174</v>
      </c>
      <c r="F7526" s="93">
        <v>533</v>
      </c>
      <c r="G7526" s="93" t="s">
        <v>12</v>
      </c>
      <c r="H7526" s="111">
        <v>0</v>
      </c>
      <c r="I7526" s="111">
        <v>0</v>
      </c>
      <c r="J7526" s="111">
        <v>1</v>
      </c>
      <c r="K7526" s="111">
        <v>1</v>
      </c>
      <c r="L7526" s="111">
        <v>0</v>
      </c>
      <c r="M7526" s="111">
        <v>0</v>
      </c>
      <c r="N7526" s="111">
        <v>0</v>
      </c>
      <c r="O7526" s="111">
        <v>0</v>
      </c>
      <c r="P7526" s="111">
        <v>0</v>
      </c>
      <c r="Q7526" s="111">
        <v>0</v>
      </c>
      <c r="R7526" s="111">
        <v>0</v>
      </c>
      <c r="S7526" s="111">
        <v>0</v>
      </c>
      <c r="T7526" s="111">
        <v>0</v>
      </c>
      <c r="U7526" s="145"/>
      <c r="V7526" s="145"/>
      <c r="W7526" s="145"/>
      <c r="X7526" s="145"/>
      <c r="Y7526" s="145"/>
      <c r="Z7526" s="145"/>
      <c r="AA7526" s="145"/>
      <c r="AB7526" s="145"/>
      <c r="AC7526" s="145"/>
      <c r="AD7526" s="145"/>
      <c r="AE7526" s="145"/>
      <c r="AF7526" s="145"/>
      <c r="AG7526" s="145"/>
      <c r="AH7526" s="145"/>
      <c r="AI7526" s="145"/>
      <c r="AJ7526" s="145"/>
      <c r="AK7526" s="145"/>
      <c r="AL7526" s="145"/>
      <c r="AM7526" s="145"/>
      <c r="AN7526" s="145"/>
      <c r="AO7526" s="145"/>
      <c r="AP7526" s="145"/>
      <c r="AQ7526" s="145"/>
      <c r="AR7526" s="145"/>
      <c r="AS7526" s="145"/>
      <c r="AT7526" s="145"/>
      <c r="AU7526" s="145"/>
      <c r="AV7526" s="145"/>
      <c r="AW7526" s="145"/>
      <c r="AX7526" s="146"/>
      <c r="AY7526" s="146"/>
      <c r="AZ7526" s="146"/>
      <c r="BA7526" s="146"/>
      <c r="BB7526" s="107">
        <v>45447</v>
      </c>
    </row>
    <row r="7527" spans="1:54" s="8" customFormat="1" ht="13.95" customHeight="1" x14ac:dyDescent="0.25">
      <c r="A7527" s="14" t="s">
        <v>19691</v>
      </c>
      <c r="B7527" s="109" t="s">
        <v>20561</v>
      </c>
      <c r="C7527" s="93" t="s">
        <v>19692</v>
      </c>
      <c r="D7527" s="93" t="s">
        <v>21908</v>
      </c>
      <c r="E7527" s="93" t="s">
        <v>174</v>
      </c>
      <c r="F7527" s="93">
        <v>235</v>
      </c>
      <c r="G7527" s="93" t="s">
        <v>12</v>
      </c>
      <c r="H7527" s="111">
        <v>0</v>
      </c>
      <c r="I7527" s="111">
        <v>0</v>
      </c>
      <c r="J7527" s="111">
        <v>0</v>
      </c>
      <c r="K7527" s="111">
        <v>1</v>
      </c>
      <c r="L7527" s="111">
        <v>0</v>
      </c>
      <c r="M7527" s="111">
        <v>0</v>
      </c>
      <c r="N7527" s="111">
        <v>0</v>
      </c>
      <c r="O7527" s="111">
        <v>0</v>
      </c>
      <c r="P7527" s="111">
        <v>0</v>
      </c>
      <c r="Q7527" s="111">
        <v>0</v>
      </c>
      <c r="R7527" s="111">
        <v>1</v>
      </c>
      <c r="S7527" s="111">
        <v>0</v>
      </c>
      <c r="T7527" s="111">
        <v>0</v>
      </c>
      <c r="U7527" s="145"/>
      <c r="V7527" s="145"/>
      <c r="W7527" s="145"/>
      <c r="X7527" s="145"/>
      <c r="Y7527" s="145"/>
      <c r="Z7527" s="145"/>
      <c r="AA7527" s="145"/>
      <c r="AB7527" s="145"/>
      <c r="AC7527" s="145"/>
      <c r="AD7527" s="145"/>
      <c r="AE7527" s="145"/>
      <c r="AF7527" s="145"/>
      <c r="AG7527" s="145"/>
      <c r="AH7527" s="145"/>
      <c r="AI7527" s="145"/>
      <c r="AJ7527" s="145"/>
      <c r="AK7527" s="145"/>
      <c r="AL7527" s="145"/>
      <c r="AM7527" s="145"/>
      <c r="AN7527" s="145"/>
      <c r="AO7527" s="145"/>
      <c r="AP7527" s="145"/>
      <c r="AQ7527" s="145"/>
      <c r="AR7527" s="145"/>
      <c r="AS7527" s="145"/>
      <c r="AT7527" s="145"/>
      <c r="AU7527" s="145"/>
      <c r="AV7527" s="145"/>
      <c r="AW7527" s="145"/>
      <c r="AX7527" s="146"/>
      <c r="AY7527" s="146"/>
      <c r="AZ7527" s="146"/>
      <c r="BA7527" s="146"/>
      <c r="BB7527" s="107">
        <v>45447</v>
      </c>
    </row>
    <row r="7528" spans="1:54" s="8" customFormat="1" ht="13.95" customHeight="1" x14ac:dyDescent="0.25">
      <c r="A7528" s="14" t="s">
        <v>19693</v>
      </c>
      <c r="B7528" s="109" t="s">
        <v>20561</v>
      </c>
      <c r="C7528" s="93" t="s">
        <v>19694</v>
      </c>
      <c r="D7528" s="93" t="s">
        <v>19695</v>
      </c>
      <c r="E7528" s="93" t="s">
        <v>174</v>
      </c>
      <c r="F7528" s="93">
        <v>388</v>
      </c>
      <c r="G7528" s="93" t="s">
        <v>12</v>
      </c>
      <c r="H7528" s="111">
        <v>0</v>
      </c>
      <c r="I7528" s="111">
        <v>0</v>
      </c>
      <c r="J7528" s="111">
        <v>1</v>
      </c>
      <c r="K7528" s="111">
        <v>1</v>
      </c>
      <c r="L7528" s="111">
        <v>0</v>
      </c>
      <c r="M7528" s="111">
        <v>0</v>
      </c>
      <c r="N7528" s="111">
        <v>0</v>
      </c>
      <c r="O7528" s="111">
        <v>1</v>
      </c>
      <c r="P7528" s="111">
        <v>1</v>
      </c>
      <c r="Q7528" s="111">
        <v>0</v>
      </c>
      <c r="R7528" s="111">
        <v>0</v>
      </c>
      <c r="S7528" s="111">
        <v>0</v>
      </c>
      <c r="T7528" s="111">
        <v>0</v>
      </c>
      <c r="U7528" s="145"/>
      <c r="V7528" s="145"/>
      <c r="W7528" s="145"/>
      <c r="X7528" s="145"/>
      <c r="Y7528" s="145"/>
      <c r="Z7528" s="145"/>
      <c r="AA7528" s="145"/>
      <c r="AB7528" s="145"/>
      <c r="AC7528" s="145"/>
      <c r="AD7528" s="145"/>
      <c r="AE7528" s="145"/>
      <c r="AF7528" s="145"/>
      <c r="AG7528" s="145"/>
      <c r="AH7528" s="145"/>
      <c r="AI7528" s="145"/>
      <c r="AJ7528" s="145"/>
      <c r="AK7528" s="145"/>
      <c r="AL7528" s="145"/>
      <c r="AM7528" s="145"/>
      <c r="AN7528" s="145"/>
      <c r="AO7528" s="145"/>
      <c r="AP7528" s="145"/>
      <c r="AQ7528" s="145"/>
      <c r="AR7528" s="145"/>
      <c r="AS7528" s="145"/>
      <c r="AT7528" s="145"/>
      <c r="AU7528" s="145"/>
      <c r="AV7528" s="145"/>
      <c r="AW7528" s="145"/>
      <c r="AX7528" s="146"/>
      <c r="AY7528" s="146"/>
      <c r="AZ7528" s="146"/>
      <c r="BA7528" s="146"/>
      <c r="BB7528" s="107">
        <v>45447</v>
      </c>
    </row>
    <row r="7529" spans="1:54" s="8" customFormat="1" ht="13.95" customHeight="1" x14ac:dyDescent="0.25">
      <c r="A7529" s="14" t="s">
        <v>19696</v>
      </c>
      <c r="B7529" s="109" t="s">
        <v>20561</v>
      </c>
      <c r="C7529" s="93" t="s">
        <v>19778</v>
      </c>
      <c r="D7529" s="93" t="s">
        <v>19697</v>
      </c>
      <c r="E7529" s="93" t="s">
        <v>174</v>
      </c>
      <c r="F7529" s="93">
        <v>100</v>
      </c>
      <c r="G7529" s="93" t="s">
        <v>12</v>
      </c>
      <c r="H7529" s="111">
        <v>0</v>
      </c>
      <c r="I7529" s="111">
        <v>0</v>
      </c>
      <c r="J7529" s="111">
        <v>0</v>
      </c>
      <c r="K7529" s="111">
        <v>0</v>
      </c>
      <c r="L7529" s="111">
        <v>0</v>
      </c>
      <c r="M7529" s="111">
        <v>0</v>
      </c>
      <c r="N7529" s="111">
        <v>0</v>
      </c>
      <c r="O7529" s="111">
        <v>0</v>
      </c>
      <c r="P7529" s="111">
        <v>0</v>
      </c>
      <c r="Q7529" s="111">
        <v>0</v>
      </c>
      <c r="R7529" s="111">
        <v>0</v>
      </c>
      <c r="S7529" s="111">
        <v>0</v>
      </c>
      <c r="T7529" s="111">
        <v>0</v>
      </c>
      <c r="U7529" s="145"/>
      <c r="V7529" s="145"/>
      <c r="W7529" s="145"/>
      <c r="X7529" s="145"/>
      <c r="Y7529" s="145"/>
      <c r="Z7529" s="145"/>
      <c r="AA7529" s="145"/>
      <c r="AB7529" s="145"/>
      <c r="AC7529" s="145"/>
      <c r="AD7529" s="145"/>
      <c r="AE7529" s="145"/>
      <c r="AF7529" s="145"/>
      <c r="AG7529" s="145"/>
      <c r="AH7529" s="145"/>
      <c r="AI7529" s="145"/>
      <c r="AJ7529" s="145"/>
      <c r="AK7529" s="145"/>
      <c r="AL7529" s="145"/>
      <c r="AM7529" s="145"/>
      <c r="AN7529" s="145"/>
      <c r="AO7529" s="145"/>
      <c r="AP7529" s="145"/>
      <c r="AQ7529" s="145"/>
      <c r="AR7529" s="145"/>
      <c r="AS7529" s="145"/>
      <c r="AT7529" s="145"/>
      <c r="AU7529" s="145"/>
      <c r="AV7529" s="145"/>
      <c r="AW7529" s="145"/>
      <c r="AX7529" s="146"/>
      <c r="AY7529" s="146"/>
      <c r="AZ7529" s="146"/>
      <c r="BA7529" s="146"/>
      <c r="BB7529" s="107">
        <v>45447</v>
      </c>
    </row>
    <row r="7530" spans="1:54" s="8" customFormat="1" ht="13.95" customHeight="1" x14ac:dyDescent="0.25">
      <c r="A7530" s="14" t="s">
        <v>19698</v>
      </c>
      <c r="B7530" s="109" t="s">
        <v>20561</v>
      </c>
      <c r="C7530" s="93" t="s">
        <v>19779</v>
      </c>
      <c r="D7530" s="93" t="s">
        <v>19699</v>
      </c>
      <c r="E7530" s="93" t="s">
        <v>174</v>
      </c>
      <c r="F7530" s="93">
        <v>190</v>
      </c>
      <c r="G7530" s="93" t="s">
        <v>12</v>
      </c>
      <c r="H7530" s="111">
        <v>0</v>
      </c>
      <c r="I7530" s="111">
        <v>0</v>
      </c>
      <c r="J7530" s="111">
        <v>1</v>
      </c>
      <c r="K7530" s="111">
        <v>1</v>
      </c>
      <c r="L7530" s="111">
        <v>0</v>
      </c>
      <c r="M7530" s="111">
        <v>0</v>
      </c>
      <c r="N7530" s="111">
        <v>0</v>
      </c>
      <c r="O7530" s="111">
        <v>0</v>
      </c>
      <c r="P7530" s="111">
        <v>0</v>
      </c>
      <c r="Q7530" s="111">
        <v>0</v>
      </c>
      <c r="R7530" s="111">
        <v>0</v>
      </c>
      <c r="S7530" s="111">
        <v>0</v>
      </c>
      <c r="T7530" s="111">
        <v>0</v>
      </c>
      <c r="U7530" s="145"/>
      <c r="V7530" s="145"/>
      <c r="W7530" s="145"/>
      <c r="X7530" s="145"/>
      <c r="Y7530" s="145"/>
      <c r="Z7530" s="145"/>
      <c r="AA7530" s="145"/>
      <c r="AB7530" s="145"/>
      <c r="AC7530" s="145"/>
      <c r="AD7530" s="145"/>
      <c r="AE7530" s="145"/>
      <c r="AF7530" s="145"/>
      <c r="AG7530" s="145"/>
      <c r="AH7530" s="145"/>
      <c r="AI7530" s="145"/>
      <c r="AJ7530" s="145"/>
      <c r="AK7530" s="145"/>
      <c r="AL7530" s="145"/>
      <c r="AM7530" s="145"/>
      <c r="AN7530" s="145"/>
      <c r="AO7530" s="145"/>
      <c r="AP7530" s="145"/>
      <c r="AQ7530" s="145"/>
      <c r="AR7530" s="145"/>
      <c r="AS7530" s="145"/>
      <c r="AT7530" s="145"/>
      <c r="AU7530" s="145"/>
      <c r="AV7530" s="145"/>
      <c r="AW7530" s="145"/>
      <c r="AX7530" s="146"/>
      <c r="AY7530" s="146"/>
      <c r="AZ7530" s="146"/>
      <c r="BA7530" s="146"/>
      <c r="BB7530" s="107">
        <v>45447</v>
      </c>
    </row>
    <row r="7531" spans="1:54" s="8" customFormat="1" ht="13.95" customHeight="1" x14ac:dyDescent="0.25">
      <c r="A7531" s="14" t="s">
        <v>19700</v>
      </c>
      <c r="B7531" s="109" t="s">
        <v>20561</v>
      </c>
      <c r="C7531" s="93" t="s">
        <v>19701</v>
      </c>
      <c r="D7531" s="93" t="s">
        <v>19702</v>
      </c>
      <c r="E7531" s="93" t="s">
        <v>174</v>
      </c>
      <c r="F7531" s="93">
        <v>758</v>
      </c>
      <c r="G7531" s="93" t="s">
        <v>12</v>
      </c>
      <c r="H7531" s="111">
        <v>0</v>
      </c>
      <c r="I7531" s="111">
        <v>0</v>
      </c>
      <c r="J7531" s="111">
        <v>1</v>
      </c>
      <c r="K7531" s="111">
        <v>1</v>
      </c>
      <c r="L7531" s="111">
        <v>1</v>
      </c>
      <c r="M7531" s="111">
        <v>0</v>
      </c>
      <c r="N7531" s="111">
        <v>0</v>
      </c>
      <c r="O7531" s="111">
        <v>0</v>
      </c>
      <c r="P7531" s="111">
        <v>0</v>
      </c>
      <c r="Q7531" s="111">
        <v>0</v>
      </c>
      <c r="R7531" s="111">
        <v>1</v>
      </c>
      <c r="S7531" s="111">
        <v>0</v>
      </c>
      <c r="T7531" s="111">
        <v>0</v>
      </c>
      <c r="U7531" s="145"/>
      <c r="V7531" s="145"/>
      <c r="W7531" s="145"/>
      <c r="X7531" s="145"/>
      <c r="Y7531" s="145"/>
      <c r="Z7531" s="145"/>
      <c r="AA7531" s="145"/>
      <c r="AB7531" s="145"/>
      <c r="AC7531" s="145"/>
      <c r="AD7531" s="145"/>
      <c r="AE7531" s="145"/>
      <c r="AF7531" s="145"/>
      <c r="AG7531" s="145"/>
      <c r="AH7531" s="145"/>
      <c r="AI7531" s="145"/>
      <c r="AJ7531" s="145"/>
      <c r="AK7531" s="145"/>
      <c r="AL7531" s="145"/>
      <c r="AM7531" s="145"/>
      <c r="AN7531" s="145"/>
      <c r="AO7531" s="145"/>
      <c r="AP7531" s="145"/>
      <c r="AQ7531" s="145"/>
      <c r="AR7531" s="145"/>
      <c r="AS7531" s="145"/>
      <c r="AT7531" s="145"/>
      <c r="AU7531" s="145"/>
      <c r="AV7531" s="145"/>
      <c r="AW7531" s="145"/>
      <c r="AX7531" s="146"/>
      <c r="AY7531" s="146"/>
      <c r="AZ7531" s="146"/>
      <c r="BA7531" s="112" t="s">
        <v>19703</v>
      </c>
      <c r="BB7531" s="107">
        <v>45447</v>
      </c>
    </row>
    <row r="7532" spans="1:54" s="8" customFormat="1" ht="13.95" customHeight="1" x14ac:dyDescent="0.25">
      <c r="A7532" s="14" t="s">
        <v>19704</v>
      </c>
      <c r="B7532" s="109" t="s">
        <v>20561</v>
      </c>
      <c r="C7532" s="93" t="s">
        <v>19705</v>
      </c>
      <c r="D7532" s="93" t="s">
        <v>19706</v>
      </c>
      <c r="E7532" s="93" t="s">
        <v>174</v>
      </c>
      <c r="F7532" s="93">
        <v>232</v>
      </c>
      <c r="G7532" s="93" t="s">
        <v>12</v>
      </c>
      <c r="H7532" s="111">
        <v>0</v>
      </c>
      <c r="I7532" s="111">
        <v>0</v>
      </c>
      <c r="J7532" s="111">
        <v>1</v>
      </c>
      <c r="K7532" s="111">
        <v>0</v>
      </c>
      <c r="L7532" s="111">
        <v>0</v>
      </c>
      <c r="M7532" s="111">
        <v>0</v>
      </c>
      <c r="N7532" s="111">
        <v>0</v>
      </c>
      <c r="O7532" s="111">
        <v>0</v>
      </c>
      <c r="P7532" s="111">
        <v>0</v>
      </c>
      <c r="Q7532" s="111">
        <v>0</v>
      </c>
      <c r="R7532" s="111">
        <v>1</v>
      </c>
      <c r="S7532" s="111">
        <v>0</v>
      </c>
      <c r="T7532" s="111">
        <v>0</v>
      </c>
      <c r="U7532" s="145"/>
      <c r="V7532" s="145"/>
      <c r="W7532" s="145"/>
      <c r="X7532" s="145"/>
      <c r="Y7532" s="145"/>
      <c r="Z7532" s="145"/>
      <c r="AA7532" s="145"/>
      <c r="AB7532" s="145"/>
      <c r="AC7532" s="145"/>
      <c r="AD7532" s="145"/>
      <c r="AE7532" s="145"/>
      <c r="AF7532" s="145"/>
      <c r="AG7532" s="145"/>
      <c r="AH7532" s="145"/>
      <c r="AI7532" s="145"/>
      <c r="AJ7532" s="145"/>
      <c r="AK7532" s="145"/>
      <c r="AL7532" s="145"/>
      <c r="AM7532" s="145"/>
      <c r="AN7532" s="145"/>
      <c r="AO7532" s="145"/>
      <c r="AP7532" s="145"/>
      <c r="AQ7532" s="145"/>
      <c r="AR7532" s="145"/>
      <c r="AS7532" s="145"/>
      <c r="AT7532" s="145"/>
      <c r="AU7532" s="145"/>
      <c r="AV7532" s="145"/>
      <c r="AW7532" s="145"/>
      <c r="AX7532" s="146"/>
      <c r="AY7532" s="146"/>
      <c r="AZ7532" s="146"/>
      <c r="BA7532" s="146"/>
      <c r="BB7532" s="107">
        <v>45447</v>
      </c>
    </row>
    <row r="7533" spans="1:54" s="8" customFormat="1" ht="13.95" customHeight="1" x14ac:dyDescent="0.25">
      <c r="A7533" s="14" t="s">
        <v>19707</v>
      </c>
      <c r="B7533" s="109" t="s">
        <v>20561</v>
      </c>
      <c r="C7533" s="93" t="s">
        <v>19780</v>
      </c>
      <c r="D7533" s="93" t="s">
        <v>19708</v>
      </c>
      <c r="E7533" s="93" t="s">
        <v>174</v>
      </c>
      <c r="F7533" s="93">
        <v>199</v>
      </c>
      <c r="G7533" s="93" t="s">
        <v>12</v>
      </c>
      <c r="H7533" s="111">
        <v>0</v>
      </c>
      <c r="I7533" s="111">
        <v>0</v>
      </c>
      <c r="J7533" s="111">
        <v>1</v>
      </c>
      <c r="K7533" s="111">
        <v>0</v>
      </c>
      <c r="L7533" s="111">
        <v>0</v>
      </c>
      <c r="M7533" s="111">
        <v>0</v>
      </c>
      <c r="N7533" s="111">
        <v>0</v>
      </c>
      <c r="O7533" s="111">
        <v>0</v>
      </c>
      <c r="P7533" s="111">
        <v>0</v>
      </c>
      <c r="Q7533" s="111">
        <v>0</v>
      </c>
      <c r="R7533" s="111">
        <v>1</v>
      </c>
      <c r="S7533" s="111">
        <v>1</v>
      </c>
      <c r="T7533" s="111">
        <v>0</v>
      </c>
      <c r="U7533" s="145"/>
      <c r="V7533" s="145"/>
      <c r="W7533" s="145"/>
      <c r="X7533" s="145"/>
      <c r="Y7533" s="145"/>
      <c r="Z7533" s="145"/>
      <c r="AA7533" s="145"/>
      <c r="AB7533" s="145"/>
      <c r="AC7533" s="145"/>
      <c r="AD7533" s="145"/>
      <c r="AE7533" s="145"/>
      <c r="AF7533" s="145"/>
      <c r="AG7533" s="145"/>
      <c r="AH7533" s="145"/>
      <c r="AI7533" s="145"/>
      <c r="AJ7533" s="145"/>
      <c r="AK7533" s="145"/>
      <c r="AL7533" s="145"/>
      <c r="AM7533" s="145"/>
      <c r="AN7533" s="145"/>
      <c r="AO7533" s="145"/>
      <c r="AP7533" s="145"/>
      <c r="AQ7533" s="145"/>
      <c r="AR7533" s="145"/>
      <c r="AS7533" s="145"/>
      <c r="AT7533" s="145"/>
      <c r="AU7533" s="145"/>
      <c r="AV7533" s="145"/>
      <c r="AW7533" s="145"/>
      <c r="AX7533" s="146"/>
      <c r="AY7533" s="146"/>
      <c r="AZ7533" s="146"/>
      <c r="BA7533" s="146"/>
      <c r="BB7533" s="107">
        <v>45447</v>
      </c>
    </row>
    <row r="7534" spans="1:54" s="8" customFormat="1" ht="13.95" customHeight="1" x14ac:dyDescent="0.25">
      <c r="A7534" s="14" t="s">
        <v>19709</v>
      </c>
      <c r="B7534" s="109" t="s">
        <v>20561</v>
      </c>
      <c r="C7534" s="93" t="s">
        <v>19781</v>
      </c>
      <c r="D7534" s="93" t="s">
        <v>19710</v>
      </c>
      <c r="E7534" s="93" t="s">
        <v>174</v>
      </c>
      <c r="F7534" s="93">
        <v>135</v>
      </c>
      <c r="G7534" s="93" t="s">
        <v>12</v>
      </c>
      <c r="H7534" s="111">
        <v>0</v>
      </c>
      <c r="I7534" s="111">
        <v>0</v>
      </c>
      <c r="J7534" s="111">
        <v>1</v>
      </c>
      <c r="K7534" s="111">
        <v>0</v>
      </c>
      <c r="L7534" s="111">
        <v>1</v>
      </c>
      <c r="M7534" s="111">
        <v>0</v>
      </c>
      <c r="N7534" s="111">
        <v>0</v>
      </c>
      <c r="O7534" s="111">
        <v>0</v>
      </c>
      <c r="P7534" s="111">
        <v>1</v>
      </c>
      <c r="Q7534" s="111">
        <v>0</v>
      </c>
      <c r="R7534" s="111">
        <v>0</v>
      </c>
      <c r="S7534" s="111">
        <v>0</v>
      </c>
      <c r="T7534" s="111">
        <v>0</v>
      </c>
      <c r="U7534" s="145"/>
      <c r="V7534" s="145"/>
      <c r="W7534" s="145"/>
      <c r="X7534" s="145"/>
      <c r="Y7534" s="145"/>
      <c r="Z7534" s="145"/>
      <c r="AA7534" s="145"/>
      <c r="AB7534" s="145"/>
      <c r="AC7534" s="145"/>
      <c r="AD7534" s="145"/>
      <c r="AE7534" s="145"/>
      <c r="AF7534" s="145"/>
      <c r="AG7534" s="145"/>
      <c r="AH7534" s="145"/>
      <c r="AI7534" s="145"/>
      <c r="AJ7534" s="145"/>
      <c r="AK7534" s="145"/>
      <c r="AL7534" s="145"/>
      <c r="AM7534" s="145"/>
      <c r="AN7534" s="145"/>
      <c r="AO7534" s="145"/>
      <c r="AP7534" s="145"/>
      <c r="AQ7534" s="145"/>
      <c r="AR7534" s="145"/>
      <c r="AS7534" s="145"/>
      <c r="AT7534" s="145"/>
      <c r="AU7534" s="145"/>
      <c r="AV7534" s="145"/>
      <c r="AW7534" s="145"/>
      <c r="AX7534" s="146"/>
      <c r="AY7534" s="146"/>
      <c r="AZ7534" s="146"/>
      <c r="BA7534" s="146"/>
      <c r="BB7534" s="107">
        <v>45447</v>
      </c>
    </row>
    <row r="7535" spans="1:54" s="8" customFormat="1" ht="13.95" customHeight="1" x14ac:dyDescent="0.25">
      <c r="A7535" s="14" t="s">
        <v>19711</v>
      </c>
      <c r="B7535" s="109" t="s">
        <v>20561</v>
      </c>
      <c r="C7535" s="93" t="s">
        <v>19782</v>
      </c>
      <c r="D7535" s="93" t="s">
        <v>22116</v>
      </c>
      <c r="E7535" s="93" t="s">
        <v>174</v>
      </c>
      <c r="F7535" s="93">
        <v>134</v>
      </c>
      <c r="G7535" s="93" t="s">
        <v>12</v>
      </c>
      <c r="H7535" s="111">
        <v>0</v>
      </c>
      <c r="I7535" s="111">
        <v>0</v>
      </c>
      <c r="J7535" s="111">
        <v>1</v>
      </c>
      <c r="K7535" s="111">
        <v>0</v>
      </c>
      <c r="L7535" s="111">
        <v>1</v>
      </c>
      <c r="M7535" s="111">
        <v>0</v>
      </c>
      <c r="N7535" s="111">
        <v>0</v>
      </c>
      <c r="O7535" s="111">
        <v>0</v>
      </c>
      <c r="P7535" s="111">
        <v>0</v>
      </c>
      <c r="Q7535" s="111">
        <v>0</v>
      </c>
      <c r="R7535" s="111">
        <v>0</v>
      </c>
      <c r="S7535" s="111">
        <v>0</v>
      </c>
      <c r="T7535" s="111">
        <v>0</v>
      </c>
      <c r="U7535" s="145"/>
      <c r="V7535" s="145"/>
      <c r="W7535" s="145"/>
      <c r="X7535" s="145"/>
      <c r="Y7535" s="145"/>
      <c r="Z7535" s="145"/>
      <c r="AA7535" s="145"/>
      <c r="AB7535" s="145"/>
      <c r="AC7535" s="145"/>
      <c r="AD7535" s="145"/>
      <c r="AE7535" s="145"/>
      <c r="AF7535" s="145"/>
      <c r="AG7535" s="145"/>
      <c r="AH7535" s="145"/>
      <c r="AI7535" s="145"/>
      <c r="AJ7535" s="145"/>
      <c r="AK7535" s="145"/>
      <c r="AL7535" s="145"/>
      <c r="AM7535" s="145"/>
      <c r="AN7535" s="145"/>
      <c r="AO7535" s="145"/>
      <c r="AP7535" s="145"/>
      <c r="AQ7535" s="145"/>
      <c r="AR7535" s="145"/>
      <c r="AS7535" s="145"/>
      <c r="AT7535" s="145"/>
      <c r="AU7535" s="145"/>
      <c r="AV7535" s="145"/>
      <c r="AW7535" s="145"/>
      <c r="AX7535" s="146"/>
      <c r="AY7535" s="146"/>
      <c r="AZ7535" s="146"/>
      <c r="BA7535" s="146"/>
      <c r="BB7535" s="107">
        <v>45447</v>
      </c>
    </row>
    <row r="7536" spans="1:54" s="8" customFormat="1" ht="13.95" customHeight="1" x14ac:dyDescent="0.25">
      <c r="A7536" s="14" t="s">
        <v>19712</v>
      </c>
      <c r="B7536" s="109" t="s">
        <v>20561</v>
      </c>
      <c r="C7536" s="93" t="s">
        <v>19713</v>
      </c>
      <c r="D7536" s="93" t="s">
        <v>19714</v>
      </c>
      <c r="E7536" s="93" t="s">
        <v>174</v>
      </c>
      <c r="F7536" s="93">
        <v>304</v>
      </c>
      <c r="G7536" s="93" t="s">
        <v>12</v>
      </c>
      <c r="H7536" s="111">
        <v>0</v>
      </c>
      <c r="I7536" s="111">
        <v>0</v>
      </c>
      <c r="J7536" s="111">
        <v>1</v>
      </c>
      <c r="K7536" s="111">
        <v>0</v>
      </c>
      <c r="L7536" s="111">
        <v>1</v>
      </c>
      <c r="M7536" s="111">
        <v>0</v>
      </c>
      <c r="N7536" s="111">
        <v>0</v>
      </c>
      <c r="O7536" s="111">
        <v>1</v>
      </c>
      <c r="P7536" s="111">
        <v>0</v>
      </c>
      <c r="Q7536" s="111">
        <v>0</v>
      </c>
      <c r="R7536" s="111">
        <v>0</v>
      </c>
      <c r="S7536" s="111">
        <v>0</v>
      </c>
      <c r="T7536" s="111">
        <v>0</v>
      </c>
      <c r="U7536" s="145"/>
      <c r="V7536" s="145"/>
      <c r="W7536" s="145"/>
      <c r="X7536" s="145"/>
      <c r="Y7536" s="145"/>
      <c r="Z7536" s="145"/>
      <c r="AA7536" s="145"/>
      <c r="AB7536" s="145"/>
      <c r="AC7536" s="145"/>
      <c r="AD7536" s="145"/>
      <c r="AE7536" s="145"/>
      <c r="AF7536" s="145"/>
      <c r="AG7536" s="145"/>
      <c r="AH7536" s="145"/>
      <c r="AI7536" s="145"/>
      <c r="AJ7536" s="145"/>
      <c r="AK7536" s="145"/>
      <c r="AL7536" s="145"/>
      <c r="AM7536" s="145"/>
      <c r="AN7536" s="145"/>
      <c r="AO7536" s="145"/>
      <c r="AP7536" s="145"/>
      <c r="AQ7536" s="145"/>
      <c r="AR7536" s="145"/>
      <c r="AS7536" s="145"/>
      <c r="AT7536" s="145"/>
      <c r="AU7536" s="145"/>
      <c r="AV7536" s="145"/>
      <c r="AW7536" s="145"/>
      <c r="AX7536" s="146"/>
      <c r="AY7536" s="146"/>
      <c r="AZ7536" s="146"/>
      <c r="BA7536" s="146"/>
      <c r="BB7536" s="107">
        <v>45447</v>
      </c>
    </row>
    <row r="7537" spans="1:54" s="8" customFormat="1" ht="13.95" customHeight="1" x14ac:dyDescent="0.25">
      <c r="A7537" s="14" t="s">
        <v>19715</v>
      </c>
      <c r="B7537" s="109" t="s">
        <v>20561</v>
      </c>
      <c r="C7537" s="93" t="s">
        <v>19716</v>
      </c>
      <c r="D7537" s="93" t="s">
        <v>19717</v>
      </c>
      <c r="E7537" s="93" t="s">
        <v>174</v>
      </c>
      <c r="F7537" s="93">
        <v>200</v>
      </c>
      <c r="G7537" s="93" t="s">
        <v>12</v>
      </c>
      <c r="H7537" s="111">
        <v>0</v>
      </c>
      <c r="I7537" s="111">
        <v>0</v>
      </c>
      <c r="J7537" s="111">
        <v>0</v>
      </c>
      <c r="K7537" s="111">
        <v>0</v>
      </c>
      <c r="L7537" s="111">
        <v>0</v>
      </c>
      <c r="M7537" s="111">
        <v>0</v>
      </c>
      <c r="N7537" s="111">
        <v>0</v>
      </c>
      <c r="O7537" s="111">
        <v>1</v>
      </c>
      <c r="P7537" s="111">
        <v>0</v>
      </c>
      <c r="Q7537" s="111">
        <v>0</v>
      </c>
      <c r="R7537" s="111">
        <v>1</v>
      </c>
      <c r="S7537" s="111">
        <v>0</v>
      </c>
      <c r="T7537" s="111">
        <v>0</v>
      </c>
      <c r="U7537" s="145"/>
      <c r="V7537" s="145"/>
      <c r="W7537" s="145"/>
      <c r="X7537" s="145"/>
      <c r="Y7537" s="145"/>
      <c r="Z7537" s="145"/>
      <c r="AA7537" s="145"/>
      <c r="AB7537" s="145"/>
      <c r="AC7537" s="145"/>
      <c r="AD7537" s="145"/>
      <c r="AE7537" s="145"/>
      <c r="AF7537" s="145"/>
      <c r="AG7537" s="145"/>
      <c r="AH7537" s="145"/>
      <c r="AI7537" s="145"/>
      <c r="AJ7537" s="145"/>
      <c r="AK7537" s="145"/>
      <c r="AL7537" s="145"/>
      <c r="AM7537" s="145"/>
      <c r="AN7537" s="145"/>
      <c r="AO7537" s="145"/>
      <c r="AP7537" s="145"/>
      <c r="AQ7537" s="145"/>
      <c r="AR7537" s="145"/>
      <c r="AS7537" s="145"/>
      <c r="AT7537" s="145"/>
      <c r="AU7537" s="145"/>
      <c r="AV7537" s="145"/>
      <c r="AW7537" s="145"/>
      <c r="AX7537" s="146"/>
      <c r="AY7537" s="146"/>
      <c r="AZ7537" s="146"/>
      <c r="BA7537" s="146"/>
      <c r="BB7537" s="107">
        <v>45447</v>
      </c>
    </row>
    <row r="7538" spans="1:54" s="8" customFormat="1" ht="13.95" customHeight="1" x14ac:dyDescent="0.25">
      <c r="A7538" s="14" t="s">
        <v>19718</v>
      </c>
      <c r="B7538" s="109" t="s">
        <v>20561</v>
      </c>
      <c r="C7538" s="93" t="s">
        <v>19719</v>
      </c>
      <c r="D7538" s="93" t="s">
        <v>19720</v>
      </c>
      <c r="E7538" s="93" t="s">
        <v>174</v>
      </c>
      <c r="F7538" s="93">
        <v>396</v>
      </c>
      <c r="G7538" s="93" t="s">
        <v>12</v>
      </c>
      <c r="H7538" s="111">
        <v>0</v>
      </c>
      <c r="I7538" s="111">
        <v>0</v>
      </c>
      <c r="J7538" s="111">
        <v>0</v>
      </c>
      <c r="K7538" s="111">
        <v>0</v>
      </c>
      <c r="L7538" s="111">
        <v>1</v>
      </c>
      <c r="M7538" s="111">
        <v>0</v>
      </c>
      <c r="N7538" s="111">
        <v>0</v>
      </c>
      <c r="O7538" s="111">
        <v>0</v>
      </c>
      <c r="P7538" s="111">
        <v>0</v>
      </c>
      <c r="Q7538" s="111">
        <v>0</v>
      </c>
      <c r="R7538" s="111">
        <v>1</v>
      </c>
      <c r="S7538" s="111">
        <v>0</v>
      </c>
      <c r="T7538" s="111">
        <v>0</v>
      </c>
      <c r="U7538" s="145"/>
      <c r="V7538" s="145"/>
      <c r="W7538" s="145"/>
      <c r="X7538" s="145"/>
      <c r="Y7538" s="145"/>
      <c r="Z7538" s="145"/>
      <c r="AA7538" s="145"/>
      <c r="AB7538" s="145"/>
      <c r="AC7538" s="145"/>
      <c r="AD7538" s="145"/>
      <c r="AE7538" s="145"/>
      <c r="AF7538" s="145"/>
      <c r="AG7538" s="145"/>
      <c r="AH7538" s="145"/>
      <c r="AI7538" s="145"/>
      <c r="AJ7538" s="145"/>
      <c r="AK7538" s="145"/>
      <c r="AL7538" s="145"/>
      <c r="AM7538" s="145"/>
      <c r="AN7538" s="145"/>
      <c r="AO7538" s="145"/>
      <c r="AP7538" s="145"/>
      <c r="AQ7538" s="145"/>
      <c r="AR7538" s="145"/>
      <c r="AS7538" s="145"/>
      <c r="AT7538" s="111">
        <v>1</v>
      </c>
      <c r="AU7538" s="145"/>
      <c r="AV7538" s="145"/>
      <c r="AW7538" s="145"/>
      <c r="AX7538" s="146"/>
      <c r="AY7538" s="146"/>
      <c r="AZ7538" s="146"/>
      <c r="BA7538" s="146"/>
      <c r="BB7538" s="107">
        <v>45447</v>
      </c>
    </row>
    <row r="7539" spans="1:54" s="8" customFormat="1" ht="13.95" customHeight="1" x14ac:dyDescent="0.25">
      <c r="A7539" s="14" t="s">
        <v>19721</v>
      </c>
      <c r="B7539" s="109" t="s">
        <v>20561</v>
      </c>
      <c r="C7539" s="93" t="s">
        <v>19722</v>
      </c>
      <c r="D7539" s="93" t="s">
        <v>19723</v>
      </c>
      <c r="E7539" s="93" t="s">
        <v>174</v>
      </c>
      <c r="F7539" s="93">
        <v>530</v>
      </c>
      <c r="G7539" s="93" t="s">
        <v>12</v>
      </c>
      <c r="H7539" s="111">
        <v>0</v>
      </c>
      <c r="I7539" s="111">
        <v>0</v>
      </c>
      <c r="J7539" s="111">
        <v>0</v>
      </c>
      <c r="K7539" s="111">
        <v>0</v>
      </c>
      <c r="L7539" s="111">
        <v>0</v>
      </c>
      <c r="M7539" s="111">
        <v>0</v>
      </c>
      <c r="N7539" s="111">
        <v>0</v>
      </c>
      <c r="O7539" s="111">
        <v>0</v>
      </c>
      <c r="P7539" s="111">
        <v>1</v>
      </c>
      <c r="Q7539" s="111">
        <v>1</v>
      </c>
      <c r="R7539" s="111">
        <v>1</v>
      </c>
      <c r="S7539" s="111">
        <v>0</v>
      </c>
      <c r="T7539" s="111">
        <v>0</v>
      </c>
      <c r="U7539" s="145"/>
      <c r="V7539" s="145"/>
      <c r="W7539" s="145"/>
      <c r="X7539" s="145"/>
      <c r="Y7539" s="145"/>
      <c r="Z7539" s="145"/>
      <c r="AA7539" s="145"/>
      <c r="AB7539" s="145"/>
      <c r="AC7539" s="145"/>
      <c r="AD7539" s="145"/>
      <c r="AE7539" s="145"/>
      <c r="AF7539" s="145"/>
      <c r="AG7539" s="145"/>
      <c r="AH7539" s="145"/>
      <c r="AI7539" s="145"/>
      <c r="AJ7539" s="145"/>
      <c r="AK7539" s="145"/>
      <c r="AL7539" s="145"/>
      <c r="AM7539" s="145"/>
      <c r="AN7539" s="145"/>
      <c r="AO7539" s="145"/>
      <c r="AP7539" s="145"/>
      <c r="AQ7539" s="145"/>
      <c r="AR7539" s="145"/>
      <c r="AS7539" s="145"/>
      <c r="AT7539" s="111">
        <v>1</v>
      </c>
      <c r="AU7539" s="145"/>
      <c r="AV7539" s="145"/>
      <c r="AW7539" s="145"/>
      <c r="AX7539" s="146"/>
      <c r="AY7539" s="146"/>
      <c r="AZ7539" s="146"/>
      <c r="BA7539" s="146"/>
      <c r="BB7539" s="107">
        <v>45447</v>
      </c>
    </row>
    <row r="7540" spans="1:54" s="8" customFormat="1" ht="13.95" customHeight="1" x14ac:dyDescent="0.25">
      <c r="A7540" s="14" t="s">
        <v>19724</v>
      </c>
      <c r="B7540" s="109" t="s">
        <v>20561</v>
      </c>
      <c r="C7540" s="93" t="s">
        <v>19725</v>
      </c>
      <c r="D7540" s="93" t="s">
        <v>19726</v>
      </c>
      <c r="E7540" s="93" t="s">
        <v>174</v>
      </c>
      <c r="F7540" s="93">
        <v>330</v>
      </c>
      <c r="G7540" s="93" t="s">
        <v>12</v>
      </c>
      <c r="H7540" s="111">
        <v>0</v>
      </c>
      <c r="I7540" s="111">
        <v>0</v>
      </c>
      <c r="J7540" s="111">
        <v>0</v>
      </c>
      <c r="K7540" s="111">
        <v>0</v>
      </c>
      <c r="L7540" s="111">
        <v>0</v>
      </c>
      <c r="M7540" s="111">
        <v>0</v>
      </c>
      <c r="N7540" s="111">
        <v>0</v>
      </c>
      <c r="O7540" s="111">
        <v>1</v>
      </c>
      <c r="P7540" s="111">
        <v>0</v>
      </c>
      <c r="Q7540" s="111">
        <v>0</v>
      </c>
      <c r="R7540" s="111">
        <v>1</v>
      </c>
      <c r="S7540" s="111">
        <v>1</v>
      </c>
      <c r="T7540" s="111">
        <v>0</v>
      </c>
      <c r="U7540" s="145"/>
      <c r="V7540" s="145"/>
      <c r="W7540" s="145"/>
      <c r="X7540" s="145"/>
      <c r="Y7540" s="145"/>
      <c r="Z7540" s="145"/>
      <c r="AA7540" s="145"/>
      <c r="AB7540" s="145"/>
      <c r="AC7540" s="145"/>
      <c r="AD7540" s="145"/>
      <c r="AE7540" s="145"/>
      <c r="AF7540" s="145"/>
      <c r="AG7540" s="145"/>
      <c r="AH7540" s="145"/>
      <c r="AI7540" s="145"/>
      <c r="AJ7540" s="145"/>
      <c r="AK7540" s="145"/>
      <c r="AL7540" s="145"/>
      <c r="AM7540" s="145"/>
      <c r="AN7540" s="145"/>
      <c r="AO7540" s="145"/>
      <c r="AP7540" s="145"/>
      <c r="AQ7540" s="145"/>
      <c r="AR7540" s="145"/>
      <c r="AS7540" s="145"/>
      <c r="AT7540" s="111">
        <v>1</v>
      </c>
      <c r="AU7540" s="145"/>
      <c r="AV7540" s="145"/>
      <c r="AW7540" s="145"/>
      <c r="AX7540" s="146"/>
      <c r="AY7540" s="146"/>
      <c r="AZ7540" s="146"/>
      <c r="BA7540" s="146"/>
      <c r="BB7540" s="107">
        <v>45447</v>
      </c>
    </row>
    <row r="7541" spans="1:54" s="8" customFormat="1" ht="13.95" customHeight="1" x14ac:dyDescent="0.25">
      <c r="A7541" s="14" t="s">
        <v>19727</v>
      </c>
      <c r="B7541" s="109" t="s">
        <v>20561</v>
      </c>
      <c r="C7541" s="93" t="s">
        <v>19728</v>
      </c>
      <c r="D7541" s="93" t="s">
        <v>19729</v>
      </c>
      <c r="E7541" s="93" t="s">
        <v>174</v>
      </c>
      <c r="F7541" s="93">
        <v>1614</v>
      </c>
      <c r="G7541" s="93" t="s">
        <v>12</v>
      </c>
      <c r="H7541" s="111">
        <v>0</v>
      </c>
      <c r="I7541" s="111">
        <v>0</v>
      </c>
      <c r="J7541" s="111">
        <v>0</v>
      </c>
      <c r="K7541" s="111">
        <v>0</v>
      </c>
      <c r="L7541" s="111">
        <v>0</v>
      </c>
      <c r="M7541" s="111">
        <v>0</v>
      </c>
      <c r="N7541" s="111">
        <v>0</v>
      </c>
      <c r="O7541" s="111">
        <v>0</v>
      </c>
      <c r="P7541" s="111">
        <v>1</v>
      </c>
      <c r="Q7541" s="111">
        <v>0</v>
      </c>
      <c r="R7541" s="111">
        <v>1</v>
      </c>
      <c r="S7541" s="111">
        <v>1</v>
      </c>
      <c r="T7541" s="111">
        <v>0</v>
      </c>
      <c r="U7541" s="145"/>
      <c r="V7541" s="145"/>
      <c r="W7541" s="145"/>
      <c r="X7541" s="145"/>
      <c r="Y7541" s="145"/>
      <c r="Z7541" s="145"/>
      <c r="AA7541" s="145"/>
      <c r="AB7541" s="145"/>
      <c r="AC7541" s="145"/>
      <c r="AD7541" s="145"/>
      <c r="AE7541" s="145"/>
      <c r="AF7541" s="145"/>
      <c r="AG7541" s="145"/>
      <c r="AH7541" s="145"/>
      <c r="AI7541" s="145"/>
      <c r="AJ7541" s="145"/>
      <c r="AK7541" s="145"/>
      <c r="AL7541" s="145"/>
      <c r="AM7541" s="145"/>
      <c r="AN7541" s="145"/>
      <c r="AO7541" s="145"/>
      <c r="AP7541" s="145"/>
      <c r="AQ7541" s="145"/>
      <c r="AR7541" s="145"/>
      <c r="AS7541" s="145"/>
      <c r="AT7541" s="111">
        <v>1</v>
      </c>
      <c r="AU7541" s="145"/>
      <c r="AV7541" s="145"/>
      <c r="AW7541" s="145"/>
      <c r="AX7541" s="146"/>
      <c r="AY7541" s="146"/>
      <c r="AZ7541" s="146"/>
      <c r="BA7541" s="146"/>
      <c r="BB7541" s="107">
        <v>45447</v>
      </c>
    </row>
    <row r="7542" spans="1:54" s="8" customFormat="1" ht="13.95" customHeight="1" x14ac:dyDescent="0.25">
      <c r="A7542" s="14" t="s">
        <v>19730</v>
      </c>
      <c r="B7542" s="109" t="s">
        <v>20561</v>
      </c>
      <c r="C7542" s="93" t="s">
        <v>19731</v>
      </c>
      <c r="D7542" s="93" t="s">
        <v>21909</v>
      </c>
      <c r="E7542" s="93" t="s">
        <v>174</v>
      </c>
      <c r="F7542" s="93">
        <v>902</v>
      </c>
      <c r="G7542" s="93" t="s">
        <v>12</v>
      </c>
      <c r="H7542" s="111">
        <v>0</v>
      </c>
      <c r="I7542" s="111">
        <v>0</v>
      </c>
      <c r="J7542" s="111">
        <v>0</v>
      </c>
      <c r="K7542" s="111">
        <v>0</v>
      </c>
      <c r="L7542" s="111">
        <v>0</v>
      </c>
      <c r="M7542" s="111">
        <v>0</v>
      </c>
      <c r="N7542" s="111">
        <v>0</v>
      </c>
      <c r="O7542" s="111">
        <v>0</v>
      </c>
      <c r="P7542" s="111">
        <v>0</v>
      </c>
      <c r="Q7542" s="111">
        <v>0</v>
      </c>
      <c r="R7542" s="111">
        <v>1</v>
      </c>
      <c r="S7542" s="111">
        <v>0</v>
      </c>
      <c r="T7542" s="111">
        <v>0</v>
      </c>
      <c r="U7542" s="145"/>
      <c r="V7542" s="145"/>
      <c r="W7542" s="145"/>
      <c r="X7542" s="145"/>
      <c r="Y7542" s="145"/>
      <c r="Z7542" s="145"/>
      <c r="AA7542" s="145"/>
      <c r="AB7542" s="145"/>
      <c r="AC7542" s="145"/>
      <c r="AD7542" s="145"/>
      <c r="AE7542" s="145"/>
      <c r="AF7542" s="145"/>
      <c r="AG7542" s="145"/>
      <c r="AH7542" s="145"/>
      <c r="AI7542" s="145"/>
      <c r="AJ7542" s="145"/>
      <c r="AK7542" s="145"/>
      <c r="AL7542" s="145"/>
      <c r="AM7542" s="145"/>
      <c r="AN7542" s="145"/>
      <c r="AO7542" s="145"/>
      <c r="AP7542" s="145"/>
      <c r="AQ7542" s="145"/>
      <c r="AR7542" s="145"/>
      <c r="AS7542" s="145"/>
      <c r="AT7542" s="111">
        <v>1</v>
      </c>
      <c r="AU7542" s="145"/>
      <c r="AV7542" s="145"/>
      <c r="AW7542" s="145"/>
      <c r="AX7542" s="146"/>
      <c r="AY7542" s="146"/>
      <c r="AZ7542" s="146"/>
      <c r="BA7542" s="112" t="s">
        <v>9820</v>
      </c>
      <c r="BB7542" s="107">
        <v>45447</v>
      </c>
    </row>
    <row r="7543" spans="1:54" s="8" customFormat="1" ht="13.95" customHeight="1" x14ac:dyDescent="0.25">
      <c r="A7543" s="14" t="s">
        <v>21910</v>
      </c>
      <c r="B7543" s="109" t="s">
        <v>20561</v>
      </c>
      <c r="C7543" s="93" t="s">
        <v>19770</v>
      </c>
      <c r="D7543" s="93" t="s">
        <v>21485</v>
      </c>
      <c r="E7543" s="93" t="s">
        <v>174</v>
      </c>
      <c r="F7543" s="93">
        <v>411</v>
      </c>
      <c r="G7543" s="93" t="s">
        <v>12</v>
      </c>
      <c r="H7543" s="111">
        <v>0</v>
      </c>
      <c r="I7543" s="111">
        <v>0</v>
      </c>
      <c r="J7543" s="111">
        <v>1</v>
      </c>
      <c r="K7543" s="111">
        <v>1</v>
      </c>
      <c r="L7543" s="111">
        <v>0</v>
      </c>
      <c r="M7543" s="111">
        <v>0</v>
      </c>
      <c r="N7543" s="111">
        <v>0</v>
      </c>
      <c r="O7543" s="111">
        <v>0</v>
      </c>
      <c r="P7543" s="111">
        <v>1</v>
      </c>
      <c r="Q7543" s="111">
        <v>0</v>
      </c>
      <c r="R7543" s="111">
        <v>0</v>
      </c>
      <c r="S7543" s="111">
        <v>0</v>
      </c>
      <c r="T7543" s="111">
        <v>0</v>
      </c>
      <c r="U7543" s="145"/>
      <c r="V7543" s="145"/>
      <c r="W7543" s="145"/>
      <c r="X7543" s="145"/>
      <c r="Y7543" s="145"/>
      <c r="Z7543" s="145"/>
      <c r="AA7543" s="145"/>
      <c r="AB7543" s="145"/>
      <c r="AC7543" s="145"/>
      <c r="AD7543" s="145"/>
      <c r="AE7543" s="145"/>
      <c r="AF7543" s="145"/>
      <c r="AG7543" s="145"/>
      <c r="AH7543" s="145"/>
      <c r="AI7543" s="145"/>
      <c r="AJ7543" s="145"/>
      <c r="AK7543" s="145"/>
      <c r="AL7543" s="145"/>
      <c r="AM7543" s="145"/>
      <c r="AN7543" s="145"/>
      <c r="AO7543" s="145"/>
      <c r="AP7543" s="145"/>
      <c r="AQ7543" s="145"/>
      <c r="AR7543" s="145"/>
      <c r="AS7543" s="145"/>
      <c r="AT7543" s="145"/>
      <c r="AU7543" s="145"/>
      <c r="AV7543" s="145"/>
      <c r="AW7543" s="145"/>
      <c r="AX7543" s="146"/>
      <c r="AY7543" s="146"/>
      <c r="AZ7543" s="146"/>
      <c r="BA7543" s="146"/>
      <c r="BB7543" s="107">
        <v>45447</v>
      </c>
    </row>
    <row r="7544" spans="1:54" s="8" customFormat="1" ht="13.95" customHeight="1" x14ac:dyDescent="0.25">
      <c r="A7544" s="14" t="s">
        <v>20565</v>
      </c>
      <c r="B7544" s="109" t="s">
        <v>20561</v>
      </c>
      <c r="C7544" s="93" t="s">
        <v>20563</v>
      </c>
      <c r="D7544" s="93" t="s">
        <v>20564</v>
      </c>
      <c r="E7544" s="93" t="s">
        <v>174</v>
      </c>
      <c r="F7544" s="93">
        <v>235</v>
      </c>
      <c r="G7544" s="93" t="s">
        <v>12</v>
      </c>
      <c r="H7544" s="111">
        <v>0</v>
      </c>
      <c r="I7544" s="111">
        <v>0</v>
      </c>
      <c r="J7544" s="111">
        <v>1</v>
      </c>
      <c r="K7544" s="111">
        <v>1</v>
      </c>
      <c r="L7544" s="111">
        <v>1</v>
      </c>
      <c r="M7544" s="111">
        <v>0</v>
      </c>
      <c r="N7544" s="111">
        <v>0</v>
      </c>
      <c r="O7544" s="111">
        <v>0</v>
      </c>
      <c r="P7544" s="111">
        <v>0</v>
      </c>
      <c r="Q7544" s="111">
        <v>0</v>
      </c>
      <c r="R7544" s="111">
        <v>0</v>
      </c>
      <c r="S7544" s="111">
        <v>0</v>
      </c>
      <c r="T7544" s="111">
        <v>0</v>
      </c>
      <c r="U7544" s="145"/>
      <c r="V7544" s="145"/>
      <c r="W7544" s="145"/>
      <c r="X7544" s="145"/>
      <c r="Y7544" s="145"/>
      <c r="Z7544" s="145"/>
      <c r="AA7544" s="145"/>
      <c r="AB7544" s="145"/>
      <c r="AC7544" s="145"/>
      <c r="AD7544" s="145"/>
      <c r="AE7544" s="145"/>
      <c r="AF7544" s="145"/>
      <c r="AG7544" s="145"/>
      <c r="AH7544" s="145"/>
      <c r="AI7544" s="145"/>
      <c r="AJ7544" s="145"/>
      <c r="AK7544" s="145"/>
      <c r="AL7544" s="145"/>
      <c r="AM7544" s="145"/>
      <c r="AN7544" s="145"/>
      <c r="AO7544" s="145"/>
      <c r="AP7544" s="145"/>
      <c r="AQ7544" s="145"/>
      <c r="AR7544" s="145"/>
      <c r="AS7544" s="145"/>
      <c r="AT7544" s="145"/>
      <c r="AU7544" s="145"/>
      <c r="AV7544" s="145"/>
      <c r="AW7544" s="145"/>
      <c r="AX7544" s="146"/>
      <c r="AY7544" s="146"/>
      <c r="AZ7544" s="146"/>
      <c r="BA7544" s="146"/>
      <c r="BB7544" s="107">
        <v>45447</v>
      </c>
    </row>
    <row r="7545" spans="1:54" s="8" customFormat="1" ht="13.95" customHeight="1" x14ac:dyDescent="0.25">
      <c r="A7545" s="14" t="s">
        <v>21534</v>
      </c>
      <c r="B7545" s="109" t="s">
        <v>20561</v>
      </c>
      <c r="C7545" s="93" t="s">
        <v>21530</v>
      </c>
      <c r="D7545" s="93" t="s">
        <v>21531</v>
      </c>
      <c r="E7545" s="93" t="s">
        <v>174</v>
      </c>
      <c r="F7545" s="93">
        <v>3272</v>
      </c>
      <c r="G7545" s="93" t="s">
        <v>1</v>
      </c>
      <c r="H7545" s="111">
        <v>0</v>
      </c>
      <c r="I7545" s="111">
        <v>0</v>
      </c>
      <c r="J7545" s="111">
        <v>1</v>
      </c>
      <c r="K7545" s="111">
        <v>0</v>
      </c>
      <c r="L7545" s="111">
        <v>0</v>
      </c>
      <c r="M7545" s="111">
        <v>0</v>
      </c>
      <c r="N7545" s="111">
        <v>1</v>
      </c>
      <c r="O7545" s="111">
        <v>0</v>
      </c>
      <c r="P7545" s="111">
        <v>0</v>
      </c>
      <c r="Q7545" s="111">
        <v>0</v>
      </c>
      <c r="R7545" s="111">
        <v>0</v>
      </c>
      <c r="S7545" s="111">
        <v>0</v>
      </c>
      <c r="T7545" s="111">
        <v>0</v>
      </c>
      <c r="U7545" s="145"/>
      <c r="V7545" s="145"/>
      <c r="W7545" s="145"/>
      <c r="X7545" s="145"/>
      <c r="Y7545" s="145"/>
      <c r="Z7545" s="145"/>
      <c r="AA7545" s="145"/>
      <c r="AB7545" s="145"/>
      <c r="AC7545" s="145"/>
      <c r="AD7545" s="145"/>
      <c r="AE7545" s="145"/>
      <c r="AF7545" s="145"/>
      <c r="AG7545" s="145"/>
      <c r="AH7545" s="145"/>
      <c r="AI7545" s="145"/>
      <c r="AJ7545" s="145"/>
      <c r="AK7545" s="145"/>
      <c r="AL7545" s="145"/>
      <c r="AM7545" s="145"/>
      <c r="AN7545" s="145"/>
      <c r="AO7545" s="145"/>
      <c r="AP7545" s="145"/>
      <c r="AQ7545" s="145"/>
      <c r="AR7545" s="145"/>
      <c r="AS7545" s="145"/>
      <c r="AT7545" s="145"/>
      <c r="AU7545" s="145"/>
      <c r="AV7545" s="145"/>
      <c r="AW7545" s="145"/>
      <c r="AX7545" s="146"/>
      <c r="AY7545" s="146"/>
      <c r="AZ7545" s="146"/>
      <c r="BA7545" s="146"/>
      <c r="BB7545" s="107">
        <v>45447</v>
      </c>
    </row>
    <row r="7546" spans="1:54" s="8" customFormat="1" ht="13.95" customHeight="1" x14ac:dyDescent="0.25">
      <c r="A7546" s="14" t="s">
        <v>21535</v>
      </c>
      <c r="B7546" s="109" t="s">
        <v>20561</v>
      </c>
      <c r="C7546" s="93" t="s">
        <v>21532</v>
      </c>
      <c r="D7546" s="93" t="s">
        <v>21533</v>
      </c>
      <c r="E7546" s="93" t="s">
        <v>174</v>
      </c>
      <c r="F7546" s="93">
        <v>300</v>
      </c>
      <c r="G7546" s="93" t="s">
        <v>12</v>
      </c>
      <c r="H7546" s="111">
        <v>0</v>
      </c>
      <c r="I7546" s="111">
        <v>0</v>
      </c>
      <c r="J7546" s="111">
        <v>1</v>
      </c>
      <c r="K7546" s="111">
        <v>1</v>
      </c>
      <c r="L7546" s="111">
        <v>0</v>
      </c>
      <c r="M7546" s="111">
        <v>0</v>
      </c>
      <c r="N7546" s="111">
        <v>0</v>
      </c>
      <c r="O7546" s="111">
        <v>0</v>
      </c>
      <c r="P7546" s="111">
        <v>1</v>
      </c>
      <c r="Q7546" s="111">
        <v>0</v>
      </c>
      <c r="R7546" s="111">
        <v>1</v>
      </c>
      <c r="S7546" s="111">
        <v>0</v>
      </c>
      <c r="T7546" s="111">
        <v>0</v>
      </c>
      <c r="U7546" s="145"/>
      <c r="V7546" s="145"/>
      <c r="W7546" s="145"/>
      <c r="X7546" s="145"/>
      <c r="Y7546" s="145"/>
      <c r="Z7546" s="145"/>
      <c r="AA7546" s="145"/>
      <c r="AB7546" s="145"/>
      <c r="AC7546" s="145"/>
      <c r="AD7546" s="145"/>
      <c r="AE7546" s="145"/>
      <c r="AF7546" s="145"/>
      <c r="AG7546" s="145"/>
      <c r="AH7546" s="145"/>
      <c r="AI7546" s="145"/>
      <c r="AJ7546" s="145"/>
      <c r="AK7546" s="145"/>
      <c r="AL7546" s="145"/>
      <c r="AM7546" s="145"/>
      <c r="AN7546" s="145"/>
      <c r="AO7546" s="145"/>
      <c r="AP7546" s="145"/>
      <c r="AQ7546" s="145"/>
      <c r="AR7546" s="145"/>
      <c r="AS7546" s="145"/>
      <c r="AT7546" s="145"/>
      <c r="AU7546" s="145"/>
      <c r="AV7546" s="145"/>
      <c r="AW7546" s="145"/>
      <c r="AX7546" s="146"/>
      <c r="AY7546" s="146"/>
      <c r="AZ7546" s="146"/>
      <c r="BA7546" s="146"/>
      <c r="BB7546" s="107">
        <v>45447</v>
      </c>
    </row>
    <row r="7547" spans="1:54" s="8" customFormat="1" ht="13.95" customHeight="1" x14ac:dyDescent="0.25">
      <c r="A7547" s="14" t="s">
        <v>21913</v>
      </c>
      <c r="B7547" s="109" t="s">
        <v>20561</v>
      </c>
      <c r="C7547" s="93" t="s">
        <v>21911</v>
      </c>
      <c r="D7547" s="93" t="s">
        <v>21912</v>
      </c>
      <c r="E7547" s="93" t="s">
        <v>174</v>
      </c>
      <c r="F7547" s="93">
        <v>2984</v>
      </c>
      <c r="G7547" s="93" t="s">
        <v>20277</v>
      </c>
      <c r="H7547" s="111">
        <v>0</v>
      </c>
      <c r="I7547" s="111">
        <v>0</v>
      </c>
      <c r="J7547" s="111">
        <v>1</v>
      </c>
      <c r="K7547" s="111">
        <v>1</v>
      </c>
      <c r="L7547" s="111">
        <v>1</v>
      </c>
      <c r="M7547" s="111">
        <v>0</v>
      </c>
      <c r="N7547" s="111">
        <v>0</v>
      </c>
      <c r="O7547" s="111">
        <v>0</v>
      </c>
      <c r="P7547" s="111">
        <v>1</v>
      </c>
      <c r="Q7547" s="111">
        <v>0</v>
      </c>
      <c r="R7547" s="111">
        <v>0</v>
      </c>
      <c r="S7547" s="111">
        <v>0</v>
      </c>
      <c r="T7547" s="111">
        <v>0</v>
      </c>
      <c r="U7547" s="145"/>
      <c r="V7547" s="145"/>
      <c r="W7547" s="145"/>
      <c r="X7547" s="145"/>
      <c r="Y7547" s="145"/>
      <c r="Z7547" s="145"/>
      <c r="AA7547" s="145"/>
      <c r="AB7547" s="145"/>
      <c r="AC7547" s="145"/>
      <c r="AD7547" s="145"/>
      <c r="AE7547" s="145"/>
      <c r="AF7547" s="145"/>
      <c r="AG7547" s="145"/>
      <c r="AH7547" s="145"/>
      <c r="AI7547" s="145"/>
      <c r="AJ7547" s="145"/>
      <c r="AK7547" s="145"/>
      <c r="AL7547" s="145"/>
      <c r="AM7547" s="145"/>
      <c r="AN7547" s="145"/>
      <c r="AO7547" s="145"/>
      <c r="AP7547" s="145"/>
      <c r="AQ7547" s="145"/>
      <c r="AR7547" s="145"/>
      <c r="AS7547" s="145"/>
      <c r="AT7547" s="145"/>
      <c r="AU7547" s="145"/>
      <c r="AV7547" s="145"/>
      <c r="AW7547" s="145"/>
      <c r="AX7547" s="146"/>
      <c r="AY7547" s="146"/>
      <c r="AZ7547" s="146"/>
      <c r="BA7547" s="112" t="s">
        <v>19738</v>
      </c>
      <c r="BB7547" s="107">
        <v>45447</v>
      </c>
    </row>
    <row r="7548" spans="1:54" s="8" customFormat="1" ht="13.95" customHeight="1" x14ac:dyDescent="0.25">
      <c r="A7548" s="14" t="s">
        <v>22236</v>
      </c>
      <c r="B7548" s="109" t="s">
        <v>22233</v>
      </c>
      <c r="C7548" s="93" t="s">
        <v>22231</v>
      </c>
      <c r="D7548" s="93" t="s">
        <v>22232</v>
      </c>
      <c r="E7548" s="93" t="s">
        <v>400</v>
      </c>
      <c r="F7548" s="93">
        <v>10992</v>
      </c>
      <c r="G7548" s="93" t="s">
        <v>22234</v>
      </c>
      <c r="H7548" s="111">
        <v>1</v>
      </c>
      <c r="I7548" s="111">
        <v>1</v>
      </c>
      <c r="J7548" s="111">
        <v>1</v>
      </c>
      <c r="K7548" s="111">
        <v>0</v>
      </c>
      <c r="L7548" s="111">
        <v>0</v>
      </c>
      <c r="M7548" s="111">
        <v>1</v>
      </c>
      <c r="N7548" s="111">
        <v>3</v>
      </c>
      <c r="O7548" s="111">
        <v>0</v>
      </c>
      <c r="P7548" s="111">
        <v>0</v>
      </c>
      <c r="Q7548" s="111">
        <v>0</v>
      </c>
      <c r="R7548" s="111">
        <v>0</v>
      </c>
      <c r="S7548" s="111">
        <v>0</v>
      </c>
      <c r="T7548" s="111">
        <v>0</v>
      </c>
      <c r="U7548" s="111">
        <v>0</v>
      </c>
      <c r="V7548" s="111">
        <v>0</v>
      </c>
      <c r="W7548" s="111">
        <v>1</v>
      </c>
      <c r="X7548" s="111">
        <v>0</v>
      </c>
      <c r="Y7548" s="111">
        <v>0</v>
      </c>
      <c r="Z7548" s="111">
        <v>0</v>
      </c>
      <c r="AA7548" s="111">
        <v>0</v>
      </c>
      <c r="AB7548" s="111">
        <v>0</v>
      </c>
      <c r="AC7548" s="111">
        <v>0</v>
      </c>
      <c r="AD7548" s="111">
        <v>0</v>
      </c>
      <c r="AE7548" s="111">
        <v>0</v>
      </c>
      <c r="AF7548" s="111">
        <v>0</v>
      </c>
      <c r="AG7548" s="111">
        <v>0</v>
      </c>
      <c r="AH7548" s="111">
        <v>0</v>
      </c>
      <c r="AI7548" s="111">
        <v>0</v>
      </c>
      <c r="AJ7548" s="111">
        <v>0</v>
      </c>
      <c r="AK7548" s="111">
        <v>0</v>
      </c>
      <c r="AL7548" s="111">
        <v>0</v>
      </c>
      <c r="AM7548" s="111">
        <v>0</v>
      </c>
      <c r="AN7548" s="111">
        <v>0</v>
      </c>
      <c r="AO7548" s="111">
        <v>1</v>
      </c>
      <c r="AP7548" s="111">
        <v>0</v>
      </c>
      <c r="AQ7548" s="111">
        <v>0</v>
      </c>
      <c r="AR7548" s="111">
        <v>0</v>
      </c>
      <c r="AS7548" s="111">
        <v>0</v>
      </c>
      <c r="AT7548" s="111">
        <v>0</v>
      </c>
      <c r="AU7548" s="111">
        <v>1</v>
      </c>
      <c r="AV7548" s="111">
        <v>0</v>
      </c>
      <c r="AW7548" s="111">
        <v>1</v>
      </c>
      <c r="AX7548" s="112" t="s">
        <v>22235</v>
      </c>
      <c r="AY7548" s="112"/>
      <c r="AZ7548" s="112"/>
      <c r="BA7548" s="112"/>
      <c r="BB7548" s="107">
        <v>45447</v>
      </c>
    </row>
    <row r="7549" spans="1:54" s="278" customFormat="1" ht="12" customHeight="1" x14ac:dyDescent="0.25">
      <c r="A7549" s="276" t="s">
        <v>18110</v>
      </c>
      <c r="B7549" s="277" t="s">
        <v>19788</v>
      </c>
      <c r="C7549" s="93" t="s">
        <v>18111</v>
      </c>
      <c r="D7549" s="93" t="s">
        <v>18112</v>
      </c>
      <c r="E7549" s="111">
        <v>2003</v>
      </c>
      <c r="F7549" s="111">
        <v>515</v>
      </c>
      <c r="G7549" s="93" t="s">
        <v>1</v>
      </c>
      <c r="H7549" s="111">
        <v>0</v>
      </c>
      <c r="I7549" s="111">
        <v>0</v>
      </c>
      <c r="J7549" s="111">
        <v>1</v>
      </c>
      <c r="K7549" s="111">
        <v>0</v>
      </c>
      <c r="L7549" s="111">
        <v>1</v>
      </c>
      <c r="M7549" s="111">
        <v>1</v>
      </c>
      <c r="N7549" s="111">
        <v>0</v>
      </c>
      <c r="O7549" s="111">
        <v>0</v>
      </c>
      <c r="P7549" s="111">
        <v>1</v>
      </c>
      <c r="Q7549" s="111">
        <v>0</v>
      </c>
      <c r="R7549" s="111">
        <v>0</v>
      </c>
      <c r="S7549" s="111">
        <v>0</v>
      </c>
      <c r="T7549" s="111">
        <v>0</v>
      </c>
      <c r="U7549" s="145"/>
      <c r="V7549" s="145"/>
      <c r="W7549" s="145"/>
      <c r="X7549" s="145"/>
      <c r="Y7549" s="145"/>
      <c r="Z7549" s="145"/>
      <c r="AA7549" s="145"/>
      <c r="AB7549" s="145"/>
      <c r="AC7549" s="145"/>
      <c r="AD7549" s="145"/>
      <c r="AE7549" s="145"/>
      <c r="AF7549" s="145"/>
      <c r="AG7549" s="145"/>
      <c r="AH7549" s="145"/>
      <c r="AI7549" s="145"/>
      <c r="AJ7549" s="145"/>
      <c r="AK7549" s="145"/>
      <c r="AL7549" s="145"/>
      <c r="AM7549" s="145"/>
      <c r="AN7549" s="145"/>
      <c r="AO7549" s="145"/>
      <c r="AP7549" s="145"/>
      <c r="AQ7549" s="145"/>
      <c r="AR7549" s="145"/>
      <c r="AS7549" s="145"/>
      <c r="AT7549" s="145"/>
      <c r="AU7549" s="145"/>
      <c r="AV7549" s="145"/>
      <c r="AW7549" s="145"/>
      <c r="AX7549" s="146"/>
      <c r="AY7549" s="146"/>
      <c r="AZ7549" s="146"/>
      <c r="BA7549" s="146"/>
      <c r="BB7549" s="221">
        <v>45884</v>
      </c>
    </row>
    <row r="7550" spans="1:54" s="278" customFormat="1" ht="12" customHeight="1" x14ac:dyDescent="0.25">
      <c r="A7550" s="276" t="s">
        <v>18113</v>
      </c>
      <c r="B7550" s="277" t="s">
        <v>19788</v>
      </c>
      <c r="C7550" s="93" t="s">
        <v>18114</v>
      </c>
      <c r="D7550" s="93" t="s">
        <v>21536</v>
      </c>
      <c r="E7550" s="111">
        <v>1977</v>
      </c>
      <c r="F7550" s="111">
        <v>528</v>
      </c>
      <c r="G7550" s="93" t="s">
        <v>1</v>
      </c>
      <c r="H7550" s="111">
        <v>0</v>
      </c>
      <c r="I7550" s="111">
        <v>0</v>
      </c>
      <c r="J7550" s="111">
        <v>1</v>
      </c>
      <c r="K7550" s="111">
        <v>0</v>
      </c>
      <c r="L7550" s="111">
        <v>1</v>
      </c>
      <c r="M7550" s="111">
        <v>0</v>
      </c>
      <c r="N7550" s="111">
        <v>0</v>
      </c>
      <c r="O7550" s="111">
        <v>1</v>
      </c>
      <c r="P7550" s="111">
        <v>0</v>
      </c>
      <c r="Q7550" s="111">
        <v>0</v>
      </c>
      <c r="R7550" s="111">
        <v>0</v>
      </c>
      <c r="S7550" s="111">
        <v>0</v>
      </c>
      <c r="T7550" s="111">
        <v>0</v>
      </c>
      <c r="U7550" s="145"/>
      <c r="V7550" s="145"/>
      <c r="W7550" s="145"/>
      <c r="X7550" s="145"/>
      <c r="Y7550" s="145"/>
      <c r="Z7550" s="145"/>
      <c r="AA7550" s="145"/>
      <c r="AB7550" s="145"/>
      <c r="AC7550" s="145"/>
      <c r="AD7550" s="145"/>
      <c r="AE7550" s="145"/>
      <c r="AF7550" s="145"/>
      <c r="AG7550" s="145"/>
      <c r="AH7550" s="145"/>
      <c r="AI7550" s="145"/>
      <c r="AJ7550" s="145"/>
      <c r="AK7550" s="145"/>
      <c r="AL7550" s="145"/>
      <c r="AM7550" s="145"/>
      <c r="AN7550" s="145"/>
      <c r="AO7550" s="145"/>
      <c r="AP7550" s="145"/>
      <c r="AQ7550" s="145"/>
      <c r="AR7550" s="145"/>
      <c r="AS7550" s="145"/>
      <c r="AT7550" s="145"/>
      <c r="AU7550" s="145"/>
      <c r="AV7550" s="145"/>
      <c r="AW7550" s="145"/>
      <c r="AX7550" s="146"/>
      <c r="AY7550" s="146"/>
      <c r="AZ7550" s="146"/>
      <c r="BA7550" s="146"/>
      <c r="BB7550" s="221">
        <v>45884</v>
      </c>
    </row>
    <row r="7551" spans="1:54" s="278" customFormat="1" ht="12" customHeight="1" x14ac:dyDescent="0.25">
      <c r="A7551" s="276" t="s">
        <v>18115</v>
      </c>
      <c r="B7551" s="277" t="s">
        <v>19788</v>
      </c>
      <c r="C7551" s="93" t="s">
        <v>18116</v>
      </c>
      <c r="D7551" s="93" t="s">
        <v>21537</v>
      </c>
      <c r="E7551" s="111">
        <v>1973</v>
      </c>
      <c r="F7551" s="111">
        <v>538</v>
      </c>
      <c r="G7551" s="93" t="s">
        <v>1</v>
      </c>
      <c r="H7551" s="111">
        <v>0</v>
      </c>
      <c r="I7551" s="111">
        <v>0</v>
      </c>
      <c r="J7551" s="111">
        <v>0</v>
      </c>
      <c r="K7551" s="111">
        <v>0</v>
      </c>
      <c r="L7551" s="111">
        <v>0</v>
      </c>
      <c r="M7551" s="111">
        <v>0</v>
      </c>
      <c r="N7551" s="111">
        <v>0</v>
      </c>
      <c r="O7551" s="111">
        <v>1</v>
      </c>
      <c r="P7551" s="111">
        <v>1</v>
      </c>
      <c r="Q7551" s="111">
        <v>0</v>
      </c>
      <c r="R7551" s="111">
        <v>1</v>
      </c>
      <c r="S7551" s="111">
        <v>0</v>
      </c>
      <c r="T7551" s="111">
        <v>0</v>
      </c>
      <c r="U7551" s="145"/>
      <c r="V7551" s="145"/>
      <c r="W7551" s="145"/>
      <c r="X7551" s="145"/>
      <c r="Y7551" s="145"/>
      <c r="Z7551" s="145"/>
      <c r="AA7551" s="145"/>
      <c r="AB7551" s="145"/>
      <c r="AC7551" s="145"/>
      <c r="AD7551" s="145"/>
      <c r="AE7551" s="145"/>
      <c r="AF7551" s="145"/>
      <c r="AG7551" s="145"/>
      <c r="AH7551" s="145"/>
      <c r="AI7551" s="145"/>
      <c r="AJ7551" s="145"/>
      <c r="AK7551" s="145"/>
      <c r="AL7551" s="145"/>
      <c r="AM7551" s="145"/>
      <c r="AN7551" s="145"/>
      <c r="AO7551" s="145"/>
      <c r="AP7551" s="145"/>
      <c r="AQ7551" s="145"/>
      <c r="AR7551" s="145"/>
      <c r="AS7551" s="145"/>
      <c r="AT7551" s="145"/>
      <c r="AU7551" s="145"/>
      <c r="AV7551" s="145"/>
      <c r="AW7551" s="145"/>
      <c r="AX7551" s="146"/>
      <c r="AY7551" s="146"/>
      <c r="AZ7551" s="146"/>
      <c r="BA7551" s="146"/>
      <c r="BB7551" s="221">
        <v>45884</v>
      </c>
    </row>
    <row r="7552" spans="1:54" s="278" customFormat="1" ht="12" customHeight="1" x14ac:dyDescent="0.25">
      <c r="A7552" s="276" t="s">
        <v>18117</v>
      </c>
      <c r="B7552" s="277" t="s">
        <v>19788</v>
      </c>
      <c r="C7552" s="93" t="s">
        <v>18118</v>
      </c>
      <c r="D7552" s="93" t="s">
        <v>21538</v>
      </c>
      <c r="E7552" s="111">
        <v>1970</v>
      </c>
      <c r="F7552" s="111">
        <v>596</v>
      </c>
      <c r="G7552" s="93" t="s">
        <v>1</v>
      </c>
      <c r="H7552" s="111">
        <v>0</v>
      </c>
      <c r="I7552" s="111">
        <v>0</v>
      </c>
      <c r="J7552" s="111">
        <v>1</v>
      </c>
      <c r="K7552" s="111">
        <v>0</v>
      </c>
      <c r="L7552" s="111">
        <v>1</v>
      </c>
      <c r="M7552" s="111">
        <v>1</v>
      </c>
      <c r="N7552" s="111">
        <v>0</v>
      </c>
      <c r="O7552" s="111">
        <v>0</v>
      </c>
      <c r="P7552" s="111">
        <v>1</v>
      </c>
      <c r="Q7552" s="111">
        <v>0</v>
      </c>
      <c r="R7552" s="111">
        <v>0</v>
      </c>
      <c r="S7552" s="111">
        <v>0</v>
      </c>
      <c r="T7552" s="111">
        <v>0</v>
      </c>
      <c r="U7552" s="145"/>
      <c r="V7552" s="145"/>
      <c r="W7552" s="145"/>
      <c r="X7552" s="145"/>
      <c r="Y7552" s="145"/>
      <c r="Z7552" s="145"/>
      <c r="AA7552" s="145"/>
      <c r="AB7552" s="145"/>
      <c r="AC7552" s="145"/>
      <c r="AD7552" s="145"/>
      <c r="AE7552" s="145"/>
      <c r="AF7552" s="145"/>
      <c r="AG7552" s="145"/>
      <c r="AH7552" s="145"/>
      <c r="AI7552" s="145"/>
      <c r="AJ7552" s="145"/>
      <c r="AK7552" s="145"/>
      <c r="AL7552" s="145"/>
      <c r="AM7552" s="145"/>
      <c r="AN7552" s="145"/>
      <c r="AO7552" s="145"/>
      <c r="AP7552" s="145"/>
      <c r="AQ7552" s="145"/>
      <c r="AR7552" s="145"/>
      <c r="AS7552" s="145"/>
      <c r="AT7552" s="145"/>
      <c r="AU7552" s="145"/>
      <c r="AV7552" s="145"/>
      <c r="AW7552" s="145"/>
      <c r="AX7552" s="146"/>
      <c r="AY7552" s="146"/>
      <c r="AZ7552" s="146"/>
      <c r="BA7552" s="146"/>
      <c r="BB7552" s="221">
        <v>45884</v>
      </c>
    </row>
    <row r="7553" spans="1:54" s="278" customFormat="1" ht="12" customHeight="1" x14ac:dyDescent="0.25">
      <c r="A7553" s="276" t="s">
        <v>18119</v>
      </c>
      <c r="B7553" s="277" t="s">
        <v>19788</v>
      </c>
      <c r="C7553" s="93" t="s">
        <v>18120</v>
      </c>
      <c r="D7553" s="93" t="s">
        <v>18121</v>
      </c>
      <c r="E7553" s="111">
        <v>1978</v>
      </c>
      <c r="F7553" s="111">
        <v>635</v>
      </c>
      <c r="G7553" s="93" t="s">
        <v>1</v>
      </c>
      <c r="H7553" s="111">
        <v>0</v>
      </c>
      <c r="I7553" s="111">
        <v>0</v>
      </c>
      <c r="J7553" s="111">
        <v>1</v>
      </c>
      <c r="K7553" s="111">
        <v>1</v>
      </c>
      <c r="L7553" s="111">
        <v>1</v>
      </c>
      <c r="M7553" s="111">
        <v>0</v>
      </c>
      <c r="N7553" s="111">
        <v>0</v>
      </c>
      <c r="O7553" s="111">
        <v>1</v>
      </c>
      <c r="P7553" s="111">
        <v>1</v>
      </c>
      <c r="Q7553" s="111">
        <v>1</v>
      </c>
      <c r="R7553" s="111">
        <v>1</v>
      </c>
      <c r="S7553" s="111">
        <v>0</v>
      </c>
      <c r="T7553" s="111">
        <v>0</v>
      </c>
      <c r="U7553" s="145"/>
      <c r="V7553" s="145"/>
      <c r="W7553" s="145"/>
      <c r="X7553" s="145"/>
      <c r="Y7553" s="145"/>
      <c r="Z7553" s="145"/>
      <c r="AA7553" s="145"/>
      <c r="AB7553" s="145"/>
      <c r="AC7553" s="145"/>
      <c r="AD7553" s="145"/>
      <c r="AE7553" s="145"/>
      <c r="AF7553" s="145"/>
      <c r="AG7553" s="145"/>
      <c r="AH7553" s="145"/>
      <c r="AI7553" s="145"/>
      <c r="AJ7553" s="145"/>
      <c r="AK7553" s="145"/>
      <c r="AL7553" s="145"/>
      <c r="AM7553" s="145"/>
      <c r="AN7553" s="145"/>
      <c r="AO7553" s="145"/>
      <c r="AP7553" s="145"/>
      <c r="AQ7553" s="145"/>
      <c r="AR7553" s="145"/>
      <c r="AS7553" s="145"/>
      <c r="AT7553" s="145"/>
      <c r="AU7553" s="145"/>
      <c r="AV7553" s="145"/>
      <c r="AW7553" s="145"/>
      <c r="AX7553" s="146"/>
      <c r="AY7553" s="146"/>
      <c r="AZ7553" s="146"/>
      <c r="BA7553" s="146"/>
      <c r="BB7553" s="221">
        <v>45884</v>
      </c>
    </row>
    <row r="7554" spans="1:54" s="278" customFormat="1" ht="12" customHeight="1" x14ac:dyDescent="0.25">
      <c r="A7554" s="276" t="s">
        <v>18122</v>
      </c>
      <c r="B7554" s="277" t="s">
        <v>19788</v>
      </c>
      <c r="C7554" s="93" t="s">
        <v>18123</v>
      </c>
      <c r="D7554" s="93" t="s">
        <v>21539</v>
      </c>
      <c r="E7554" s="111">
        <v>1973</v>
      </c>
      <c r="F7554" s="111">
        <v>633</v>
      </c>
      <c r="G7554" s="93" t="s">
        <v>1</v>
      </c>
      <c r="H7554" s="111">
        <v>0</v>
      </c>
      <c r="I7554" s="111">
        <v>0</v>
      </c>
      <c r="J7554" s="111">
        <v>0</v>
      </c>
      <c r="K7554" s="111">
        <v>0</v>
      </c>
      <c r="L7554" s="111">
        <v>0</v>
      </c>
      <c r="M7554" s="111">
        <v>0</v>
      </c>
      <c r="N7554" s="111">
        <v>0</v>
      </c>
      <c r="O7554" s="111">
        <v>1</v>
      </c>
      <c r="P7554" s="111">
        <v>1</v>
      </c>
      <c r="Q7554" s="111">
        <v>0</v>
      </c>
      <c r="R7554" s="111">
        <v>1</v>
      </c>
      <c r="S7554" s="111">
        <v>0</v>
      </c>
      <c r="T7554" s="111">
        <v>0</v>
      </c>
      <c r="U7554" s="145"/>
      <c r="V7554" s="145"/>
      <c r="W7554" s="145"/>
      <c r="X7554" s="145"/>
      <c r="Y7554" s="145"/>
      <c r="Z7554" s="145"/>
      <c r="AA7554" s="145"/>
      <c r="AB7554" s="145"/>
      <c r="AC7554" s="145"/>
      <c r="AD7554" s="145"/>
      <c r="AE7554" s="145"/>
      <c r="AF7554" s="145"/>
      <c r="AG7554" s="145"/>
      <c r="AH7554" s="145"/>
      <c r="AI7554" s="145"/>
      <c r="AJ7554" s="145"/>
      <c r="AK7554" s="145"/>
      <c r="AL7554" s="145"/>
      <c r="AM7554" s="145"/>
      <c r="AN7554" s="145"/>
      <c r="AO7554" s="145"/>
      <c r="AP7554" s="145"/>
      <c r="AQ7554" s="145"/>
      <c r="AR7554" s="145"/>
      <c r="AS7554" s="145"/>
      <c r="AT7554" s="145"/>
      <c r="AU7554" s="145"/>
      <c r="AV7554" s="145"/>
      <c r="AW7554" s="145"/>
      <c r="AX7554" s="146"/>
      <c r="AY7554" s="146"/>
      <c r="AZ7554" s="146"/>
      <c r="BA7554" s="146"/>
      <c r="BB7554" s="221">
        <v>45884</v>
      </c>
    </row>
    <row r="7555" spans="1:54" s="278" customFormat="1" ht="12" customHeight="1" x14ac:dyDescent="0.25">
      <c r="A7555" s="276" t="s">
        <v>18124</v>
      </c>
      <c r="B7555" s="277" t="s">
        <v>19788</v>
      </c>
      <c r="C7555" s="93" t="s">
        <v>18125</v>
      </c>
      <c r="D7555" s="93" t="s">
        <v>21540</v>
      </c>
      <c r="E7555" s="111">
        <v>1963</v>
      </c>
      <c r="F7555" s="111">
        <v>676</v>
      </c>
      <c r="G7555" s="93" t="s">
        <v>1</v>
      </c>
      <c r="H7555" s="111">
        <v>0</v>
      </c>
      <c r="I7555" s="111">
        <v>0</v>
      </c>
      <c r="J7555" s="111">
        <v>0</v>
      </c>
      <c r="K7555" s="111">
        <v>0</v>
      </c>
      <c r="L7555" s="111">
        <v>1</v>
      </c>
      <c r="M7555" s="111">
        <v>0</v>
      </c>
      <c r="N7555" s="111">
        <v>0</v>
      </c>
      <c r="O7555" s="111">
        <v>1</v>
      </c>
      <c r="P7555" s="111">
        <v>1</v>
      </c>
      <c r="Q7555" s="111">
        <v>1</v>
      </c>
      <c r="R7555" s="111">
        <v>1</v>
      </c>
      <c r="S7555" s="111">
        <v>0</v>
      </c>
      <c r="T7555" s="111">
        <v>0</v>
      </c>
      <c r="U7555" s="145"/>
      <c r="V7555" s="145"/>
      <c r="W7555" s="145"/>
      <c r="X7555" s="145"/>
      <c r="Y7555" s="145"/>
      <c r="Z7555" s="145"/>
      <c r="AA7555" s="145"/>
      <c r="AB7555" s="145"/>
      <c r="AC7555" s="145"/>
      <c r="AD7555" s="145"/>
      <c r="AE7555" s="145"/>
      <c r="AF7555" s="145"/>
      <c r="AG7555" s="145"/>
      <c r="AH7555" s="145"/>
      <c r="AI7555" s="145"/>
      <c r="AJ7555" s="145"/>
      <c r="AK7555" s="145"/>
      <c r="AL7555" s="145"/>
      <c r="AM7555" s="145"/>
      <c r="AN7555" s="145"/>
      <c r="AO7555" s="145"/>
      <c r="AP7555" s="145"/>
      <c r="AQ7555" s="145"/>
      <c r="AR7555" s="145"/>
      <c r="AS7555" s="145"/>
      <c r="AT7555" s="145"/>
      <c r="AU7555" s="145"/>
      <c r="AV7555" s="145"/>
      <c r="AW7555" s="145"/>
      <c r="AX7555" s="146"/>
      <c r="AY7555" s="146"/>
      <c r="AZ7555" s="146"/>
      <c r="BA7555" s="146"/>
      <c r="BB7555" s="221">
        <v>45884</v>
      </c>
    </row>
    <row r="7556" spans="1:54" s="278" customFormat="1" ht="12" customHeight="1" x14ac:dyDescent="0.25">
      <c r="A7556" s="276" t="s">
        <v>18126</v>
      </c>
      <c r="B7556" s="277" t="s">
        <v>19788</v>
      </c>
      <c r="C7556" s="93" t="s">
        <v>18127</v>
      </c>
      <c r="D7556" s="93" t="s">
        <v>21541</v>
      </c>
      <c r="E7556" s="111">
        <v>1988</v>
      </c>
      <c r="F7556" s="111">
        <v>703</v>
      </c>
      <c r="G7556" s="93" t="s">
        <v>1</v>
      </c>
      <c r="H7556" s="111">
        <v>0</v>
      </c>
      <c r="I7556" s="111">
        <v>0</v>
      </c>
      <c r="J7556" s="111">
        <v>1</v>
      </c>
      <c r="K7556" s="111">
        <v>0</v>
      </c>
      <c r="L7556" s="111">
        <v>1</v>
      </c>
      <c r="M7556" s="111">
        <v>0</v>
      </c>
      <c r="N7556" s="111">
        <v>0</v>
      </c>
      <c r="O7556" s="111">
        <v>1</v>
      </c>
      <c r="P7556" s="111">
        <v>1</v>
      </c>
      <c r="Q7556" s="111">
        <v>0</v>
      </c>
      <c r="R7556" s="111">
        <v>1</v>
      </c>
      <c r="S7556" s="111">
        <v>1</v>
      </c>
      <c r="T7556" s="111">
        <v>0</v>
      </c>
      <c r="U7556" s="145"/>
      <c r="V7556" s="145"/>
      <c r="W7556" s="145"/>
      <c r="X7556" s="145"/>
      <c r="Y7556" s="145"/>
      <c r="Z7556" s="145"/>
      <c r="AA7556" s="145"/>
      <c r="AB7556" s="145"/>
      <c r="AC7556" s="145"/>
      <c r="AD7556" s="145"/>
      <c r="AE7556" s="145"/>
      <c r="AF7556" s="145"/>
      <c r="AG7556" s="145"/>
      <c r="AH7556" s="145"/>
      <c r="AI7556" s="145"/>
      <c r="AJ7556" s="145"/>
      <c r="AK7556" s="145"/>
      <c r="AL7556" s="145"/>
      <c r="AM7556" s="145"/>
      <c r="AN7556" s="145"/>
      <c r="AO7556" s="145"/>
      <c r="AP7556" s="145"/>
      <c r="AQ7556" s="145"/>
      <c r="AR7556" s="145"/>
      <c r="AS7556" s="145"/>
      <c r="AT7556" s="145"/>
      <c r="AU7556" s="145"/>
      <c r="AV7556" s="145"/>
      <c r="AW7556" s="145"/>
      <c r="AX7556" s="146"/>
      <c r="AY7556" s="146"/>
      <c r="AZ7556" s="146"/>
      <c r="BA7556" s="146"/>
      <c r="BB7556" s="221">
        <v>45884</v>
      </c>
    </row>
    <row r="7557" spans="1:54" s="278" customFormat="1" ht="12" customHeight="1" x14ac:dyDescent="0.25">
      <c r="A7557" s="276" t="s">
        <v>18128</v>
      </c>
      <c r="B7557" s="277" t="s">
        <v>19788</v>
      </c>
      <c r="C7557" s="93" t="s">
        <v>18129</v>
      </c>
      <c r="D7557" s="93" t="s">
        <v>18130</v>
      </c>
      <c r="E7557" s="111">
        <v>2001</v>
      </c>
      <c r="F7557" s="111">
        <v>747</v>
      </c>
      <c r="G7557" s="93" t="s">
        <v>1</v>
      </c>
      <c r="H7557" s="111">
        <v>0</v>
      </c>
      <c r="I7557" s="111">
        <v>0</v>
      </c>
      <c r="J7557" s="111">
        <v>0</v>
      </c>
      <c r="K7557" s="111">
        <v>0</v>
      </c>
      <c r="L7557" s="111">
        <v>1</v>
      </c>
      <c r="M7557" s="111">
        <v>0</v>
      </c>
      <c r="N7557" s="111">
        <v>0</v>
      </c>
      <c r="O7557" s="111">
        <v>0</v>
      </c>
      <c r="P7557" s="111">
        <v>0</v>
      </c>
      <c r="Q7557" s="111">
        <v>0</v>
      </c>
      <c r="R7557" s="111">
        <v>0</v>
      </c>
      <c r="S7557" s="111">
        <v>0</v>
      </c>
      <c r="T7557" s="111">
        <v>0</v>
      </c>
      <c r="U7557" s="145"/>
      <c r="V7557" s="145"/>
      <c r="W7557" s="145"/>
      <c r="X7557" s="145"/>
      <c r="Y7557" s="145"/>
      <c r="Z7557" s="145"/>
      <c r="AA7557" s="145"/>
      <c r="AB7557" s="145"/>
      <c r="AC7557" s="145"/>
      <c r="AD7557" s="145"/>
      <c r="AE7557" s="145"/>
      <c r="AF7557" s="145"/>
      <c r="AG7557" s="145"/>
      <c r="AH7557" s="145"/>
      <c r="AI7557" s="145"/>
      <c r="AJ7557" s="145"/>
      <c r="AK7557" s="145"/>
      <c r="AL7557" s="145"/>
      <c r="AM7557" s="145"/>
      <c r="AN7557" s="145"/>
      <c r="AO7557" s="145"/>
      <c r="AP7557" s="145"/>
      <c r="AQ7557" s="145"/>
      <c r="AR7557" s="145"/>
      <c r="AS7557" s="145"/>
      <c r="AT7557" s="145"/>
      <c r="AU7557" s="145"/>
      <c r="AV7557" s="145"/>
      <c r="AW7557" s="145"/>
      <c r="AX7557" s="146"/>
      <c r="AY7557" s="146"/>
      <c r="AZ7557" s="146"/>
      <c r="BA7557" s="146"/>
      <c r="BB7557" s="221">
        <v>45884</v>
      </c>
    </row>
    <row r="7558" spans="1:54" s="278" customFormat="1" ht="12" customHeight="1" x14ac:dyDescent="0.25">
      <c r="A7558" s="276" t="s">
        <v>18131</v>
      </c>
      <c r="B7558" s="277" t="s">
        <v>19788</v>
      </c>
      <c r="C7558" s="93" t="s">
        <v>18132</v>
      </c>
      <c r="D7558" s="93" t="s">
        <v>18133</v>
      </c>
      <c r="E7558" s="111">
        <v>1970</v>
      </c>
      <c r="F7558" s="111">
        <v>768</v>
      </c>
      <c r="G7558" s="93" t="s">
        <v>1</v>
      </c>
      <c r="H7558" s="111">
        <v>0</v>
      </c>
      <c r="I7558" s="111">
        <v>0</v>
      </c>
      <c r="J7558" s="111">
        <v>1</v>
      </c>
      <c r="K7558" s="111">
        <v>0</v>
      </c>
      <c r="L7558" s="111">
        <v>1</v>
      </c>
      <c r="M7558" s="111">
        <v>0</v>
      </c>
      <c r="N7558" s="111">
        <v>0</v>
      </c>
      <c r="O7558" s="111">
        <v>1</v>
      </c>
      <c r="P7558" s="111">
        <v>1</v>
      </c>
      <c r="Q7558" s="111">
        <v>0</v>
      </c>
      <c r="R7558" s="111">
        <v>1</v>
      </c>
      <c r="S7558" s="111">
        <v>0</v>
      </c>
      <c r="T7558" s="111">
        <v>0</v>
      </c>
      <c r="U7558" s="145"/>
      <c r="V7558" s="145"/>
      <c r="W7558" s="145"/>
      <c r="X7558" s="145"/>
      <c r="Y7558" s="145"/>
      <c r="Z7558" s="145"/>
      <c r="AA7558" s="145"/>
      <c r="AB7558" s="145"/>
      <c r="AC7558" s="145"/>
      <c r="AD7558" s="145"/>
      <c r="AE7558" s="145"/>
      <c r="AF7558" s="145"/>
      <c r="AG7558" s="145"/>
      <c r="AH7558" s="145"/>
      <c r="AI7558" s="145"/>
      <c r="AJ7558" s="145"/>
      <c r="AK7558" s="145"/>
      <c r="AL7558" s="145"/>
      <c r="AM7558" s="145"/>
      <c r="AN7558" s="145"/>
      <c r="AO7558" s="145"/>
      <c r="AP7558" s="145"/>
      <c r="AQ7558" s="145"/>
      <c r="AR7558" s="145"/>
      <c r="AS7558" s="145"/>
      <c r="AT7558" s="145"/>
      <c r="AU7558" s="145"/>
      <c r="AV7558" s="145"/>
      <c r="AW7558" s="145"/>
      <c r="AX7558" s="146"/>
      <c r="AY7558" s="146"/>
      <c r="AZ7558" s="146"/>
      <c r="BA7558" s="146"/>
      <c r="BB7558" s="221">
        <v>45884</v>
      </c>
    </row>
    <row r="7559" spans="1:54" s="278" customFormat="1" ht="12" customHeight="1" x14ac:dyDescent="0.25">
      <c r="A7559" s="276" t="s">
        <v>18134</v>
      </c>
      <c r="B7559" s="277" t="s">
        <v>19788</v>
      </c>
      <c r="C7559" s="93" t="s">
        <v>18135</v>
      </c>
      <c r="D7559" s="93" t="s">
        <v>21542</v>
      </c>
      <c r="E7559" s="111">
        <v>1977</v>
      </c>
      <c r="F7559" s="111">
        <v>799</v>
      </c>
      <c r="G7559" s="93" t="s">
        <v>1</v>
      </c>
      <c r="H7559" s="111">
        <v>0</v>
      </c>
      <c r="I7559" s="111">
        <v>0</v>
      </c>
      <c r="J7559" s="111">
        <v>0</v>
      </c>
      <c r="K7559" s="111">
        <v>1</v>
      </c>
      <c r="L7559" s="111">
        <v>1</v>
      </c>
      <c r="M7559" s="111">
        <v>0</v>
      </c>
      <c r="N7559" s="111">
        <v>0</v>
      </c>
      <c r="O7559" s="111">
        <v>1</v>
      </c>
      <c r="P7559" s="111">
        <v>1</v>
      </c>
      <c r="Q7559" s="111">
        <v>0</v>
      </c>
      <c r="R7559" s="111">
        <v>1</v>
      </c>
      <c r="S7559" s="111">
        <v>0</v>
      </c>
      <c r="T7559" s="111">
        <v>0</v>
      </c>
      <c r="U7559" s="145"/>
      <c r="V7559" s="145"/>
      <c r="W7559" s="145"/>
      <c r="X7559" s="145"/>
      <c r="Y7559" s="145"/>
      <c r="Z7559" s="145"/>
      <c r="AA7559" s="145"/>
      <c r="AB7559" s="145"/>
      <c r="AC7559" s="145"/>
      <c r="AD7559" s="145"/>
      <c r="AE7559" s="145"/>
      <c r="AF7559" s="145"/>
      <c r="AG7559" s="145"/>
      <c r="AH7559" s="145"/>
      <c r="AI7559" s="145"/>
      <c r="AJ7559" s="145"/>
      <c r="AK7559" s="145"/>
      <c r="AL7559" s="145"/>
      <c r="AM7559" s="145"/>
      <c r="AN7559" s="145"/>
      <c r="AO7559" s="145"/>
      <c r="AP7559" s="145"/>
      <c r="AQ7559" s="145"/>
      <c r="AR7559" s="145"/>
      <c r="AS7559" s="145"/>
      <c r="AT7559" s="145"/>
      <c r="AU7559" s="145"/>
      <c r="AV7559" s="145"/>
      <c r="AW7559" s="145"/>
      <c r="AX7559" s="146"/>
      <c r="AY7559" s="146"/>
      <c r="AZ7559" s="146"/>
      <c r="BA7559" s="146"/>
      <c r="BB7559" s="221">
        <v>45884</v>
      </c>
    </row>
    <row r="7560" spans="1:54" s="278" customFormat="1" ht="12" customHeight="1" x14ac:dyDescent="0.25">
      <c r="A7560" s="276" t="s">
        <v>18136</v>
      </c>
      <c r="B7560" s="277" t="s">
        <v>19788</v>
      </c>
      <c r="C7560" s="93" t="s">
        <v>18137</v>
      </c>
      <c r="D7560" s="93" t="s">
        <v>21543</v>
      </c>
      <c r="E7560" s="111">
        <v>1963</v>
      </c>
      <c r="F7560" s="111">
        <v>780</v>
      </c>
      <c r="G7560" s="93" t="s">
        <v>1</v>
      </c>
      <c r="H7560" s="111">
        <v>0</v>
      </c>
      <c r="I7560" s="111">
        <v>0</v>
      </c>
      <c r="J7560" s="111">
        <v>1</v>
      </c>
      <c r="K7560" s="111">
        <v>0</v>
      </c>
      <c r="L7560" s="111">
        <v>0</v>
      </c>
      <c r="M7560" s="111">
        <v>0</v>
      </c>
      <c r="N7560" s="111">
        <v>0</v>
      </c>
      <c r="O7560" s="111">
        <v>1</v>
      </c>
      <c r="P7560" s="111">
        <v>1</v>
      </c>
      <c r="Q7560" s="111">
        <v>0</v>
      </c>
      <c r="R7560" s="111">
        <v>1</v>
      </c>
      <c r="S7560" s="111">
        <v>0</v>
      </c>
      <c r="T7560" s="111">
        <v>0</v>
      </c>
      <c r="U7560" s="145"/>
      <c r="V7560" s="145"/>
      <c r="W7560" s="145"/>
      <c r="X7560" s="145"/>
      <c r="Y7560" s="145"/>
      <c r="Z7560" s="145"/>
      <c r="AA7560" s="145"/>
      <c r="AB7560" s="145"/>
      <c r="AC7560" s="145"/>
      <c r="AD7560" s="145"/>
      <c r="AE7560" s="145"/>
      <c r="AF7560" s="145"/>
      <c r="AG7560" s="145"/>
      <c r="AH7560" s="145"/>
      <c r="AI7560" s="145"/>
      <c r="AJ7560" s="145"/>
      <c r="AK7560" s="145"/>
      <c r="AL7560" s="145"/>
      <c r="AM7560" s="145"/>
      <c r="AN7560" s="145"/>
      <c r="AO7560" s="145"/>
      <c r="AP7560" s="145"/>
      <c r="AQ7560" s="145"/>
      <c r="AR7560" s="145"/>
      <c r="AS7560" s="145"/>
      <c r="AT7560" s="145"/>
      <c r="AU7560" s="145"/>
      <c r="AV7560" s="145"/>
      <c r="AW7560" s="145"/>
      <c r="AX7560" s="146"/>
      <c r="AY7560" s="146"/>
      <c r="AZ7560" s="146"/>
      <c r="BA7560" s="146"/>
      <c r="BB7560" s="221">
        <v>45884</v>
      </c>
    </row>
    <row r="7561" spans="1:54" s="278" customFormat="1" ht="12" customHeight="1" x14ac:dyDescent="0.25">
      <c r="A7561" s="276" t="s">
        <v>18138</v>
      </c>
      <c r="B7561" s="277" t="s">
        <v>19788</v>
      </c>
      <c r="C7561" s="93" t="s">
        <v>18139</v>
      </c>
      <c r="D7561" s="93" t="s">
        <v>18140</v>
      </c>
      <c r="E7561" s="111">
        <v>1978</v>
      </c>
      <c r="F7561" s="111">
        <v>795</v>
      </c>
      <c r="G7561" s="93" t="s">
        <v>1</v>
      </c>
      <c r="H7561" s="111">
        <v>0</v>
      </c>
      <c r="I7561" s="111">
        <v>0</v>
      </c>
      <c r="J7561" s="111">
        <v>0</v>
      </c>
      <c r="K7561" s="111">
        <v>1</v>
      </c>
      <c r="L7561" s="111">
        <v>1</v>
      </c>
      <c r="M7561" s="111">
        <v>0</v>
      </c>
      <c r="N7561" s="111">
        <v>0</v>
      </c>
      <c r="O7561" s="111">
        <v>1</v>
      </c>
      <c r="P7561" s="111">
        <v>1</v>
      </c>
      <c r="Q7561" s="111">
        <v>0</v>
      </c>
      <c r="R7561" s="111">
        <v>0</v>
      </c>
      <c r="S7561" s="111">
        <v>0</v>
      </c>
      <c r="T7561" s="111">
        <v>0</v>
      </c>
      <c r="U7561" s="145"/>
      <c r="V7561" s="145"/>
      <c r="W7561" s="145"/>
      <c r="X7561" s="145"/>
      <c r="Y7561" s="145"/>
      <c r="Z7561" s="145"/>
      <c r="AA7561" s="145"/>
      <c r="AB7561" s="145"/>
      <c r="AC7561" s="145"/>
      <c r="AD7561" s="145"/>
      <c r="AE7561" s="145"/>
      <c r="AF7561" s="145"/>
      <c r="AG7561" s="145"/>
      <c r="AH7561" s="145"/>
      <c r="AI7561" s="145"/>
      <c r="AJ7561" s="145"/>
      <c r="AK7561" s="145"/>
      <c r="AL7561" s="145"/>
      <c r="AM7561" s="145"/>
      <c r="AN7561" s="145"/>
      <c r="AO7561" s="145"/>
      <c r="AP7561" s="145"/>
      <c r="AQ7561" s="145"/>
      <c r="AR7561" s="145"/>
      <c r="AS7561" s="145"/>
      <c r="AT7561" s="145"/>
      <c r="AU7561" s="145"/>
      <c r="AV7561" s="145"/>
      <c r="AW7561" s="145"/>
      <c r="AX7561" s="146"/>
      <c r="AY7561" s="146"/>
      <c r="AZ7561" s="146"/>
      <c r="BA7561" s="146"/>
      <c r="BB7561" s="221">
        <v>45884</v>
      </c>
    </row>
    <row r="7562" spans="1:54" s="278" customFormat="1" ht="12" customHeight="1" x14ac:dyDescent="0.25">
      <c r="A7562" s="276" t="s">
        <v>18141</v>
      </c>
      <c r="B7562" s="277" t="s">
        <v>19788</v>
      </c>
      <c r="C7562" s="93" t="s">
        <v>18142</v>
      </c>
      <c r="D7562" s="93" t="s">
        <v>18143</v>
      </c>
      <c r="E7562" s="111">
        <v>1971</v>
      </c>
      <c r="F7562" s="111">
        <v>848</v>
      </c>
      <c r="G7562" s="93" t="s">
        <v>1</v>
      </c>
      <c r="H7562" s="111">
        <v>0</v>
      </c>
      <c r="I7562" s="111">
        <v>0</v>
      </c>
      <c r="J7562" s="111">
        <v>1</v>
      </c>
      <c r="K7562" s="111">
        <v>1</v>
      </c>
      <c r="L7562" s="111">
        <v>0</v>
      </c>
      <c r="M7562" s="111">
        <v>0</v>
      </c>
      <c r="N7562" s="111">
        <v>0</v>
      </c>
      <c r="O7562" s="111">
        <v>1</v>
      </c>
      <c r="P7562" s="111">
        <v>1</v>
      </c>
      <c r="Q7562" s="111">
        <v>1</v>
      </c>
      <c r="R7562" s="111">
        <v>1</v>
      </c>
      <c r="S7562" s="111">
        <v>0</v>
      </c>
      <c r="T7562" s="111">
        <v>0</v>
      </c>
      <c r="U7562" s="145"/>
      <c r="V7562" s="145"/>
      <c r="W7562" s="145"/>
      <c r="X7562" s="145"/>
      <c r="Y7562" s="145"/>
      <c r="Z7562" s="145"/>
      <c r="AA7562" s="145"/>
      <c r="AB7562" s="145"/>
      <c r="AC7562" s="145"/>
      <c r="AD7562" s="145"/>
      <c r="AE7562" s="145"/>
      <c r="AF7562" s="145"/>
      <c r="AG7562" s="145"/>
      <c r="AH7562" s="145"/>
      <c r="AI7562" s="145"/>
      <c r="AJ7562" s="145"/>
      <c r="AK7562" s="145"/>
      <c r="AL7562" s="145"/>
      <c r="AM7562" s="145"/>
      <c r="AN7562" s="145"/>
      <c r="AO7562" s="145"/>
      <c r="AP7562" s="145"/>
      <c r="AQ7562" s="145"/>
      <c r="AR7562" s="145"/>
      <c r="AS7562" s="145"/>
      <c r="AT7562" s="145"/>
      <c r="AU7562" s="145"/>
      <c r="AV7562" s="145"/>
      <c r="AW7562" s="145"/>
      <c r="AX7562" s="146"/>
      <c r="AY7562" s="146"/>
      <c r="AZ7562" s="146"/>
      <c r="BA7562" s="146"/>
      <c r="BB7562" s="221">
        <v>45884</v>
      </c>
    </row>
    <row r="7563" spans="1:54" s="278" customFormat="1" ht="12" customHeight="1" x14ac:dyDescent="0.25">
      <c r="A7563" s="276" t="s">
        <v>18144</v>
      </c>
      <c r="B7563" s="277" t="s">
        <v>19788</v>
      </c>
      <c r="C7563" s="93" t="s">
        <v>18145</v>
      </c>
      <c r="D7563" s="93" t="s">
        <v>18146</v>
      </c>
      <c r="E7563" s="111">
        <v>1957</v>
      </c>
      <c r="F7563" s="111">
        <v>854</v>
      </c>
      <c r="G7563" s="93" t="s">
        <v>1</v>
      </c>
      <c r="H7563" s="111">
        <v>0</v>
      </c>
      <c r="I7563" s="111">
        <v>0</v>
      </c>
      <c r="J7563" s="111">
        <v>1</v>
      </c>
      <c r="K7563" s="111">
        <v>0</v>
      </c>
      <c r="L7563" s="111">
        <v>1</v>
      </c>
      <c r="M7563" s="111">
        <v>0</v>
      </c>
      <c r="N7563" s="111">
        <v>0</v>
      </c>
      <c r="O7563" s="111">
        <v>1</v>
      </c>
      <c r="P7563" s="111">
        <v>1</v>
      </c>
      <c r="Q7563" s="111">
        <v>0</v>
      </c>
      <c r="R7563" s="111">
        <v>1</v>
      </c>
      <c r="S7563" s="111">
        <v>0</v>
      </c>
      <c r="T7563" s="111">
        <v>0</v>
      </c>
      <c r="U7563" s="145"/>
      <c r="V7563" s="145"/>
      <c r="W7563" s="145"/>
      <c r="X7563" s="145"/>
      <c r="Y7563" s="145"/>
      <c r="Z7563" s="145"/>
      <c r="AA7563" s="145"/>
      <c r="AB7563" s="145"/>
      <c r="AC7563" s="145"/>
      <c r="AD7563" s="145"/>
      <c r="AE7563" s="145"/>
      <c r="AF7563" s="145"/>
      <c r="AG7563" s="145"/>
      <c r="AH7563" s="145"/>
      <c r="AI7563" s="145"/>
      <c r="AJ7563" s="145"/>
      <c r="AK7563" s="145"/>
      <c r="AL7563" s="145"/>
      <c r="AM7563" s="145"/>
      <c r="AN7563" s="145"/>
      <c r="AO7563" s="145"/>
      <c r="AP7563" s="145"/>
      <c r="AQ7563" s="145"/>
      <c r="AR7563" s="145"/>
      <c r="AS7563" s="145"/>
      <c r="AT7563" s="145"/>
      <c r="AU7563" s="145"/>
      <c r="AV7563" s="145"/>
      <c r="AW7563" s="145"/>
      <c r="AX7563" s="146"/>
      <c r="AY7563" s="146"/>
      <c r="AZ7563" s="146"/>
      <c r="BA7563" s="146"/>
      <c r="BB7563" s="221">
        <v>45884</v>
      </c>
    </row>
    <row r="7564" spans="1:54" s="278" customFormat="1" ht="12" customHeight="1" x14ac:dyDescent="0.25">
      <c r="A7564" s="276" t="s">
        <v>18147</v>
      </c>
      <c r="B7564" s="277" t="s">
        <v>19788</v>
      </c>
      <c r="C7564" s="93" t="s">
        <v>18148</v>
      </c>
      <c r="D7564" s="93" t="s">
        <v>18149</v>
      </c>
      <c r="E7564" s="111">
        <v>1976</v>
      </c>
      <c r="F7564" s="111">
        <v>855</v>
      </c>
      <c r="G7564" s="93" t="s">
        <v>1</v>
      </c>
      <c r="H7564" s="111">
        <v>0</v>
      </c>
      <c r="I7564" s="111">
        <v>0</v>
      </c>
      <c r="J7564" s="111">
        <v>1</v>
      </c>
      <c r="K7564" s="111">
        <v>0</v>
      </c>
      <c r="L7564" s="111">
        <v>1</v>
      </c>
      <c r="M7564" s="111">
        <v>1</v>
      </c>
      <c r="N7564" s="111">
        <v>0</v>
      </c>
      <c r="O7564" s="111">
        <v>0</v>
      </c>
      <c r="P7564" s="111">
        <v>1</v>
      </c>
      <c r="Q7564" s="111">
        <v>0</v>
      </c>
      <c r="R7564" s="111">
        <v>0</v>
      </c>
      <c r="S7564" s="111">
        <v>0</v>
      </c>
      <c r="T7564" s="111">
        <v>0</v>
      </c>
      <c r="U7564" s="145"/>
      <c r="V7564" s="145"/>
      <c r="W7564" s="145"/>
      <c r="X7564" s="145"/>
      <c r="Y7564" s="145"/>
      <c r="Z7564" s="145"/>
      <c r="AA7564" s="145"/>
      <c r="AB7564" s="145"/>
      <c r="AC7564" s="145"/>
      <c r="AD7564" s="145"/>
      <c r="AE7564" s="145"/>
      <c r="AF7564" s="145"/>
      <c r="AG7564" s="145"/>
      <c r="AH7564" s="145"/>
      <c r="AI7564" s="145"/>
      <c r="AJ7564" s="145"/>
      <c r="AK7564" s="145"/>
      <c r="AL7564" s="145"/>
      <c r="AM7564" s="145"/>
      <c r="AN7564" s="145"/>
      <c r="AO7564" s="145"/>
      <c r="AP7564" s="145"/>
      <c r="AQ7564" s="145"/>
      <c r="AR7564" s="145"/>
      <c r="AS7564" s="145"/>
      <c r="AT7564" s="145"/>
      <c r="AU7564" s="145"/>
      <c r="AV7564" s="145"/>
      <c r="AW7564" s="145"/>
      <c r="AX7564" s="146"/>
      <c r="AY7564" s="146"/>
      <c r="AZ7564" s="146"/>
      <c r="BA7564" s="146"/>
      <c r="BB7564" s="221">
        <v>45884</v>
      </c>
    </row>
    <row r="7565" spans="1:54" s="278" customFormat="1" ht="12" customHeight="1" x14ac:dyDescent="0.25">
      <c r="A7565" s="276" t="s">
        <v>18150</v>
      </c>
      <c r="B7565" s="277" t="s">
        <v>19788</v>
      </c>
      <c r="C7565" s="93" t="s">
        <v>18151</v>
      </c>
      <c r="D7565" s="93" t="s">
        <v>18152</v>
      </c>
      <c r="E7565" s="111">
        <v>1956</v>
      </c>
      <c r="F7565" s="111">
        <v>891</v>
      </c>
      <c r="G7565" s="93" t="s">
        <v>1</v>
      </c>
      <c r="H7565" s="111">
        <v>0</v>
      </c>
      <c r="I7565" s="111">
        <v>0</v>
      </c>
      <c r="J7565" s="111">
        <v>1</v>
      </c>
      <c r="K7565" s="111">
        <v>0</v>
      </c>
      <c r="L7565" s="111">
        <v>0</v>
      </c>
      <c r="M7565" s="111">
        <v>0</v>
      </c>
      <c r="N7565" s="111">
        <v>0</v>
      </c>
      <c r="O7565" s="111">
        <v>1</v>
      </c>
      <c r="P7565" s="111">
        <v>1</v>
      </c>
      <c r="Q7565" s="111">
        <v>0</v>
      </c>
      <c r="R7565" s="111">
        <v>1</v>
      </c>
      <c r="S7565" s="111">
        <v>0</v>
      </c>
      <c r="T7565" s="111">
        <v>0</v>
      </c>
      <c r="U7565" s="145"/>
      <c r="V7565" s="145"/>
      <c r="W7565" s="145"/>
      <c r="X7565" s="145"/>
      <c r="Y7565" s="145"/>
      <c r="Z7565" s="145"/>
      <c r="AA7565" s="145"/>
      <c r="AB7565" s="145"/>
      <c r="AC7565" s="145"/>
      <c r="AD7565" s="145"/>
      <c r="AE7565" s="145"/>
      <c r="AF7565" s="145"/>
      <c r="AG7565" s="145"/>
      <c r="AH7565" s="145"/>
      <c r="AI7565" s="145"/>
      <c r="AJ7565" s="145"/>
      <c r="AK7565" s="145"/>
      <c r="AL7565" s="145"/>
      <c r="AM7565" s="145"/>
      <c r="AN7565" s="145"/>
      <c r="AO7565" s="145"/>
      <c r="AP7565" s="145"/>
      <c r="AQ7565" s="145"/>
      <c r="AR7565" s="145"/>
      <c r="AS7565" s="145"/>
      <c r="AT7565" s="145"/>
      <c r="AU7565" s="145"/>
      <c r="AV7565" s="145"/>
      <c r="AW7565" s="145"/>
      <c r="AX7565" s="146"/>
      <c r="AY7565" s="146"/>
      <c r="AZ7565" s="146"/>
      <c r="BA7565" s="146"/>
      <c r="BB7565" s="221">
        <v>45884</v>
      </c>
    </row>
    <row r="7566" spans="1:54" s="278" customFormat="1" ht="12" customHeight="1" x14ac:dyDescent="0.25">
      <c r="A7566" s="276" t="s">
        <v>18153</v>
      </c>
      <c r="B7566" s="277" t="s">
        <v>19788</v>
      </c>
      <c r="C7566" s="93" t="s">
        <v>18154</v>
      </c>
      <c r="D7566" s="93" t="s">
        <v>18155</v>
      </c>
      <c r="E7566" s="111">
        <v>1956</v>
      </c>
      <c r="F7566" s="111">
        <v>1025</v>
      </c>
      <c r="G7566" s="93" t="s">
        <v>1</v>
      </c>
      <c r="H7566" s="111">
        <v>0</v>
      </c>
      <c r="I7566" s="111">
        <v>0</v>
      </c>
      <c r="J7566" s="111">
        <v>1</v>
      </c>
      <c r="K7566" s="111">
        <v>0</v>
      </c>
      <c r="L7566" s="111">
        <v>0</v>
      </c>
      <c r="M7566" s="111">
        <v>0</v>
      </c>
      <c r="N7566" s="111">
        <v>0</v>
      </c>
      <c r="O7566" s="111">
        <v>1</v>
      </c>
      <c r="P7566" s="111">
        <v>1</v>
      </c>
      <c r="Q7566" s="111">
        <v>0</v>
      </c>
      <c r="R7566" s="111">
        <v>1</v>
      </c>
      <c r="S7566" s="111">
        <v>0</v>
      </c>
      <c r="T7566" s="111">
        <v>0</v>
      </c>
      <c r="U7566" s="145"/>
      <c r="V7566" s="145"/>
      <c r="W7566" s="145"/>
      <c r="X7566" s="145"/>
      <c r="Y7566" s="145"/>
      <c r="Z7566" s="145"/>
      <c r="AA7566" s="145"/>
      <c r="AB7566" s="145"/>
      <c r="AC7566" s="145"/>
      <c r="AD7566" s="145"/>
      <c r="AE7566" s="145"/>
      <c r="AF7566" s="145"/>
      <c r="AG7566" s="145"/>
      <c r="AH7566" s="145"/>
      <c r="AI7566" s="145"/>
      <c r="AJ7566" s="145"/>
      <c r="AK7566" s="145"/>
      <c r="AL7566" s="145"/>
      <c r="AM7566" s="145"/>
      <c r="AN7566" s="145"/>
      <c r="AO7566" s="145"/>
      <c r="AP7566" s="145"/>
      <c r="AQ7566" s="145"/>
      <c r="AR7566" s="145"/>
      <c r="AS7566" s="145"/>
      <c r="AT7566" s="145"/>
      <c r="AU7566" s="145"/>
      <c r="AV7566" s="145"/>
      <c r="AW7566" s="145"/>
      <c r="AX7566" s="146"/>
      <c r="AY7566" s="146"/>
      <c r="AZ7566" s="146"/>
      <c r="BA7566" s="146"/>
      <c r="BB7566" s="221">
        <v>45884</v>
      </c>
    </row>
    <row r="7567" spans="1:54" s="278" customFormat="1" ht="12" customHeight="1" x14ac:dyDescent="0.25">
      <c r="A7567" s="276" t="s">
        <v>18156</v>
      </c>
      <c r="B7567" s="277" t="s">
        <v>19788</v>
      </c>
      <c r="C7567" s="93" t="s">
        <v>18157</v>
      </c>
      <c r="D7567" s="93" t="s">
        <v>18158</v>
      </c>
      <c r="E7567" s="111">
        <v>1974</v>
      </c>
      <c r="F7567" s="111">
        <v>990</v>
      </c>
      <c r="G7567" s="93" t="s">
        <v>1</v>
      </c>
      <c r="H7567" s="111">
        <v>1</v>
      </c>
      <c r="I7567" s="111">
        <v>1</v>
      </c>
      <c r="J7567" s="111">
        <v>1</v>
      </c>
      <c r="K7567" s="111">
        <v>1</v>
      </c>
      <c r="L7567" s="111">
        <v>0</v>
      </c>
      <c r="M7567" s="111">
        <v>0</v>
      </c>
      <c r="N7567" s="111">
        <v>0</v>
      </c>
      <c r="O7567" s="111">
        <v>1</v>
      </c>
      <c r="P7567" s="111">
        <v>1</v>
      </c>
      <c r="Q7567" s="111">
        <v>0</v>
      </c>
      <c r="R7567" s="111">
        <v>1</v>
      </c>
      <c r="S7567" s="111">
        <v>0</v>
      </c>
      <c r="T7567" s="111">
        <v>0</v>
      </c>
      <c r="U7567" s="145"/>
      <c r="V7567" s="145"/>
      <c r="W7567" s="145"/>
      <c r="X7567" s="145"/>
      <c r="Y7567" s="145"/>
      <c r="Z7567" s="145"/>
      <c r="AA7567" s="145"/>
      <c r="AB7567" s="145"/>
      <c r="AC7567" s="145"/>
      <c r="AD7567" s="145"/>
      <c r="AE7567" s="145"/>
      <c r="AF7567" s="145"/>
      <c r="AG7567" s="145"/>
      <c r="AH7567" s="145"/>
      <c r="AI7567" s="145"/>
      <c r="AJ7567" s="145"/>
      <c r="AK7567" s="145"/>
      <c r="AL7567" s="145"/>
      <c r="AM7567" s="145"/>
      <c r="AN7567" s="145"/>
      <c r="AO7567" s="145"/>
      <c r="AP7567" s="145"/>
      <c r="AQ7567" s="145"/>
      <c r="AR7567" s="145"/>
      <c r="AS7567" s="145"/>
      <c r="AT7567" s="145"/>
      <c r="AU7567" s="145"/>
      <c r="AV7567" s="145"/>
      <c r="AW7567" s="145"/>
      <c r="AX7567" s="146"/>
      <c r="AY7567" s="146"/>
      <c r="AZ7567" s="146"/>
      <c r="BA7567" s="146"/>
      <c r="BB7567" s="221">
        <v>45884</v>
      </c>
    </row>
    <row r="7568" spans="1:54" s="278" customFormat="1" ht="12" customHeight="1" x14ac:dyDescent="0.25">
      <c r="A7568" s="276" t="s">
        <v>18159</v>
      </c>
      <c r="B7568" s="277" t="s">
        <v>19788</v>
      </c>
      <c r="C7568" s="93" t="s">
        <v>18160</v>
      </c>
      <c r="D7568" s="93" t="s">
        <v>18161</v>
      </c>
      <c r="E7568" s="111">
        <v>1982</v>
      </c>
      <c r="F7568" s="111">
        <v>1042</v>
      </c>
      <c r="G7568" s="93" t="s">
        <v>1</v>
      </c>
      <c r="H7568" s="111">
        <v>1</v>
      </c>
      <c r="I7568" s="111">
        <v>1</v>
      </c>
      <c r="J7568" s="111">
        <v>1</v>
      </c>
      <c r="K7568" s="111">
        <v>0</v>
      </c>
      <c r="L7568" s="111">
        <v>0</v>
      </c>
      <c r="M7568" s="111">
        <v>0</v>
      </c>
      <c r="N7568" s="111">
        <v>0</v>
      </c>
      <c r="O7568" s="111">
        <v>1</v>
      </c>
      <c r="P7568" s="111">
        <v>1</v>
      </c>
      <c r="Q7568" s="111">
        <v>0</v>
      </c>
      <c r="R7568" s="111">
        <v>1</v>
      </c>
      <c r="S7568" s="111">
        <v>0</v>
      </c>
      <c r="T7568" s="111">
        <v>0</v>
      </c>
      <c r="U7568" s="145"/>
      <c r="V7568" s="145"/>
      <c r="W7568" s="145"/>
      <c r="X7568" s="145"/>
      <c r="Y7568" s="145"/>
      <c r="Z7568" s="145"/>
      <c r="AA7568" s="145"/>
      <c r="AB7568" s="145"/>
      <c r="AC7568" s="145"/>
      <c r="AD7568" s="145"/>
      <c r="AE7568" s="145"/>
      <c r="AF7568" s="145"/>
      <c r="AG7568" s="145"/>
      <c r="AH7568" s="145"/>
      <c r="AI7568" s="145"/>
      <c r="AJ7568" s="145"/>
      <c r="AK7568" s="145"/>
      <c r="AL7568" s="145"/>
      <c r="AM7568" s="145"/>
      <c r="AN7568" s="145"/>
      <c r="AO7568" s="145"/>
      <c r="AP7568" s="145"/>
      <c r="AQ7568" s="145"/>
      <c r="AR7568" s="145"/>
      <c r="AS7568" s="145"/>
      <c r="AT7568" s="145"/>
      <c r="AU7568" s="145"/>
      <c r="AV7568" s="145"/>
      <c r="AW7568" s="145"/>
      <c r="AX7568" s="146"/>
      <c r="AY7568" s="146"/>
      <c r="AZ7568" s="146"/>
      <c r="BA7568" s="146"/>
      <c r="BB7568" s="221">
        <v>45884</v>
      </c>
    </row>
    <row r="7569" spans="1:54" s="278" customFormat="1" ht="12" customHeight="1" x14ac:dyDescent="0.25">
      <c r="A7569" s="276" t="s">
        <v>18162</v>
      </c>
      <c r="B7569" s="277" t="s">
        <v>19788</v>
      </c>
      <c r="C7569" s="93" t="s">
        <v>18163</v>
      </c>
      <c r="D7569" s="93" t="s">
        <v>18164</v>
      </c>
      <c r="E7569" s="111">
        <v>1997</v>
      </c>
      <c r="F7569" s="111">
        <v>1073</v>
      </c>
      <c r="G7569" s="93" t="s">
        <v>1</v>
      </c>
      <c r="H7569" s="111">
        <v>0</v>
      </c>
      <c r="I7569" s="111">
        <v>0</v>
      </c>
      <c r="J7569" s="111">
        <v>0</v>
      </c>
      <c r="K7569" s="111">
        <v>0</v>
      </c>
      <c r="L7569" s="111">
        <v>0</v>
      </c>
      <c r="M7569" s="111">
        <v>0</v>
      </c>
      <c r="N7569" s="111">
        <v>0</v>
      </c>
      <c r="O7569" s="111">
        <v>0</v>
      </c>
      <c r="P7569" s="111">
        <v>0</v>
      </c>
      <c r="Q7569" s="111">
        <v>0</v>
      </c>
      <c r="R7569" s="111">
        <v>0</v>
      </c>
      <c r="S7569" s="111">
        <v>0</v>
      </c>
      <c r="T7569" s="111">
        <v>0</v>
      </c>
      <c r="U7569" s="145"/>
      <c r="V7569" s="145"/>
      <c r="W7569" s="145"/>
      <c r="X7569" s="145"/>
      <c r="Y7569" s="145"/>
      <c r="Z7569" s="145"/>
      <c r="AA7569" s="145"/>
      <c r="AB7569" s="145"/>
      <c r="AC7569" s="145"/>
      <c r="AD7569" s="145"/>
      <c r="AE7569" s="145"/>
      <c r="AF7569" s="145"/>
      <c r="AG7569" s="145"/>
      <c r="AH7569" s="145"/>
      <c r="AI7569" s="145"/>
      <c r="AJ7569" s="145"/>
      <c r="AK7569" s="145"/>
      <c r="AL7569" s="145"/>
      <c r="AM7569" s="145"/>
      <c r="AN7569" s="145"/>
      <c r="AO7569" s="145">
        <v>1</v>
      </c>
      <c r="AP7569" s="145"/>
      <c r="AQ7569" s="145"/>
      <c r="AR7569" s="145"/>
      <c r="AS7569" s="145"/>
      <c r="AT7569" s="145"/>
      <c r="AU7569" s="145"/>
      <c r="AV7569" s="145"/>
      <c r="AW7569" s="145"/>
      <c r="AX7569" s="146"/>
      <c r="AY7569" s="146"/>
      <c r="AZ7569" s="146"/>
      <c r="BA7569" s="146"/>
      <c r="BB7569" s="221">
        <v>45884</v>
      </c>
    </row>
    <row r="7570" spans="1:54" s="278" customFormat="1" ht="12" customHeight="1" x14ac:dyDescent="0.25">
      <c r="A7570" s="276" t="s">
        <v>18165</v>
      </c>
      <c r="B7570" s="277" t="s">
        <v>19788</v>
      </c>
      <c r="C7570" s="93" t="s">
        <v>18166</v>
      </c>
      <c r="D7570" s="93" t="s">
        <v>18167</v>
      </c>
      <c r="E7570" s="111">
        <v>1980</v>
      </c>
      <c r="F7570" s="111">
        <v>1071</v>
      </c>
      <c r="G7570" s="93" t="s">
        <v>1</v>
      </c>
      <c r="H7570" s="111">
        <v>0</v>
      </c>
      <c r="I7570" s="111">
        <v>0</v>
      </c>
      <c r="J7570" s="111">
        <v>0</v>
      </c>
      <c r="K7570" s="111">
        <v>1</v>
      </c>
      <c r="L7570" s="111">
        <v>0</v>
      </c>
      <c r="M7570" s="111">
        <v>0</v>
      </c>
      <c r="N7570" s="111">
        <v>0</v>
      </c>
      <c r="O7570" s="111">
        <v>1</v>
      </c>
      <c r="P7570" s="111">
        <v>1</v>
      </c>
      <c r="Q7570" s="111">
        <v>0</v>
      </c>
      <c r="R7570" s="111">
        <v>1</v>
      </c>
      <c r="S7570" s="111">
        <v>0</v>
      </c>
      <c r="T7570" s="111">
        <v>0</v>
      </c>
      <c r="U7570" s="145"/>
      <c r="V7570" s="145"/>
      <c r="W7570" s="145"/>
      <c r="X7570" s="145"/>
      <c r="Y7570" s="145"/>
      <c r="Z7570" s="145"/>
      <c r="AA7570" s="145"/>
      <c r="AB7570" s="145"/>
      <c r="AC7570" s="145"/>
      <c r="AD7570" s="145"/>
      <c r="AE7570" s="145"/>
      <c r="AF7570" s="145"/>
      <c r="AG7570" s="145"/>
      <c r="AH7570" s="145"/>
      <c r="AI7570" s="145"/>
      <c r="AJ7570" s="145"/>
      <c r="AK7570" s="145"/>
      <c r="AL7570" s="145"/>
      <c r="AM7570" s="145"/>
      <c r="AN7570" s="145"/>
      <c r="AO7570" s="145"/>
      <c r="AP7570" s="145"/>
      <c r="AQ7570" s="145"/>
      <c r="AR7570" s="145"/>
      <c r="AS7570" s="145"/>
      <c r="AT7570" s="145"/>
      <c r="AU7570" s="145"/>
      <c r="AV7570" s="145"/>
      <c r="AW7570" s="145"/>
      <c r="AX7570" s="146"/>
      <c r="AY7570" s="146"/>
      <c r="AZ7570" s="146"/>
      <c r="BA7570" s="146"/>
      <c r="BB7570" s="221">
        <v>45884</v>
      </c>
    </row>
    <row r="7571" spans="1:54" s="278" customFormat="1" ht="12" customHeight="1" x14ac:dyDescent="0.25">
      <c r="A7571" s="276" t="s">
        <v>18168</v>
      </c>
      <c r="B7571" s="277" t="s">
        <v>19788</v>
      </c>
      <c r="C7571" s="93" t="s">
        <v>18169</v>
      </c>
      <c r="D7571" s="93" t="s">
        <v>21544</v>
      </c>
      <c r="E7571" s="111">
        <v>1970</v>
      </c>
      <c r="F7571" s="111">
        <v>1048</v>
      </c>
      <c r="G7571" s="93" t="s">
        <v>1</v>
      </c>
      <c r="H7571" s="111">
        <v>0</v>
      </c>
      <c r="I7571" s="111">
        <v>0</v>
      </c>
      <c r="J7571" s="111">
        <v>0</v>
      </c>
      <c r="K7571" s="111">
        <v>0</v>
      </c>
      <c r="L7571" s="111">
        <v>1</v>
      </c>
      <c r="M7571" s="111">
        <v>0</v>
      </c>
      <c r="N7571" s="111">
        <v>0</v>
      </c>
      <c r="O7571" s="111">
        <v>1</v>
      </c>
      <c r="P7571" s="111">
        <v>1</v>
      </c>
      <c r="Q7571" s="111">
        <v>1</v>
      </c>
      <c r="R7571" s="111">
        <v>1</v>
      </c>
      <c r="S7571" s="111">
        <v>0</v>
      </c>
      <c r="T7571" s="111">
        <v>0</v>
      </c>
      <c r="U7571" s="145"/>
      <c r="V7571" s="145"/>
      <c r="W7571" s="145"/>
      <c r="X7571" s="145"/>
      <c r="Y7571" s="145"/>
      <c r="Z7571" s="145"/>
      <c r="AA7571" s="145"/>
      <c r="AB7571" s="145"/>
      <c r="AC7571" s="145"/>
      <c r="AD7571" s="145"/>
      <c r="AE7571" s="145"/>
      <c r="AF7571" s="145"/>
      <c r="AG7571" s="145"/>
      <c r="AH7571" s="145"/>
      <c r="AI7571" s="145"/>
      <c r="AJ7571" s="145"/>
      <c r="AK7571" s="145"/>
      <c r="AL7571" s="145"/>
      <c r="AM7571" s="145"/>
      <c r="AN7571" s="145"/>
      <c r="AO7571" s="145"/>
      <c r="AP7571" s="145"/>
      <c r="AQ7571" s="145"/>
      <c r="AR7571" s="145"/>
      <c r="AS7571" s="145"/>
      <c r="AT7571" s="145"/>
      <c r="AU7571" s="145"/>
      <c r="AV7571" s="145"/>
      <c r="AW7571" s="145"/>
      <c r="AX7571" s="146"/>
      <c r="AY7571" s="146"/>
      <c r="AZ7571" s="146"/>
      <c r="BA7571" s="146"/>
      <c r="BB7571" s="221">
        <v>45884</v>
      </c>
    </row>
    <row r="7572" spans="1:54" s="278" customFormat="1" ht="12" customHeight="1" x14ac:dyDescent="0.25">
      <c r="A7572" s="276" t="s">
        <v>18170</v>
      </c>
      <c r="B7572" s="277" t="s">
        <v>19788</v>
      </c>
      <c r="C7572" s="93" t="s">
        <v>18171</v>
      </c>
      <c r="D7572" s="93" t="s">
        <v>18172</v>
      </c>
      <c r="E7572" s="111">
        <v>1995</v>
      </c>
      <c r="F7572" s="111">
        <v>1645</v>
      </c>
      <c r="G7572" s="93" t="s">
        <v>1</v>
      </c>
      <c r="H7572" s="111">
        <v>1</v>
      </c>
      <c r="I7572" s="111">
        <v>0</v>
      </c>
      <c r="J7572" s="111">
        <v>1</v>
      </c>
      <c r="K7572" s="111">
        <v>0</v>
      </c>
      <c r="L7572" s="111">
        <v>1</v>
      </c>
      <c r="M7572" s="111">
        <v>1</v>
      </c>
      <c r="N7572" s="111">
        <v>0</v>
      </c>
      <c r="O7572" s="111">
        <v>0</v>
      </c>
      <c r="P7572" s="111">
        <v>1</v>
      </c>
      <c r="Q7572" s="111">
        <v>0</v>
      </c>
      <c r="R7572" s="111">
        <v>0</v>
      </c>
      <c r="S7572" s="111">
        <v>0</v>
      </c>
      <c r="T7572" s="111">
        <v>0</v>
      </c>
      <c r="U7572" s="145"/>
      <c r="V7572" s="145"/>
      <c r="W7572" s="145"/>
      <c r="X7572" s="145"/>
      <c r="Y7572" s="145"/>
      <c r="Z7572" s="145"/>
      <c r="AA7572" s="145"/>
      <c r="AB7572" s="145"/>
      <c r="AC7572" s="145"/>
      <c r="AD7572" s="145"/>
      <c r="AE7572" s="145"/>
      <c r="AF7572" s="145"/>
      <c r="AG7572" s="145"/>
      <c r="AH7572" s="145"/>
      <c r="AI7572" s="145"/>
      <c r="AJ7572" s="145"/>
      <c r="AK7572" s="145"/>
      <c r="AL7572" s="145"/>
      <c r="AM7572" s="145"/>
      <c r="AN7572" s="145"/>
      <c r="AO7572" s="145"/>
      <c r="AP7572" s="145"/>
      <c r="AQ7572" s="145"/>
      <c r="AR7572" s="145"/>
      <c r="AS7572" s="145"/>
      <c r="AT7572" s="145"/>
      <c r="AU7572" s="145"/>
      <c r="AV7572" s="145"/>
      <c r="AW7572" s="145"/>
      <c r="AX7572" s="146"/>
      <c r="AY7572" s="146"/>
      <c r="AZ7572" s="146"/>
      <c r="BA7572" s="146"/>
      <c r="BB7572" s="221">
        <v>45884</v>
      </c>
    </row>
    <row r="7573" spans="1:54" s="278" customFormat="1" ht="12" customHeight="1" x14ac:dyDescent="0.25">
      <c r="A7573" s="276" t="s">
        <v>18173</v>
      </c>
      <c r="B7573" s="277" t="s">
        <v>19788</v>
      </c>
      <c r="C7573" s="93" t="s">
        <v>18174</v>
      </c>
      <c r="D7573" s="93" t="s">
        <v>18175</v>
      </c>
      <c r="E7573" s="111">
        <v>1988</v>
      </c>
      <c r="F7573" s="111">
        <v>1334</v>
      </c>
      <c r="G7573" s="93" t="s">
        <v>1</v>
      </c>
      <c r="H7573" s="111">
        <v>0</v>
      </c>
      <c r="I7573" s="111">
        <v>0</v>
      </c>
      <c r="J7573" s="111">
        <v>1</v>
      </c>
      <c r="K7573" s="111">
        <v>1</v>
      </c>
      <c r="L7573" s="111">
        <v>1</v>
      </c>
      <c r="M7573" s="111">
        <v>1</v>
      </c>
      <c r="N7573" s="111">
        <v>0</v>
      </c>
      <c r="O7573" s="111">
        <v>1</v>
      </c>
      <c r="P7573" s="111">
        <v>1</v>
      </c>
      <c r="Q7573" s="111">
        <v>0</v>
      </c>
      <c r="R7573" s="111">
        <v>1</v>
      </c>
      <c r="S7573" s="111">
        <v>0</v>
      </c>
      <c r="T7573" s="111">
        <v>0</v>
      </c>
      <c r="U7573" s="145"/>
      <c r="V7573" s="145"/>
      <c r="W7573" s="145"/>
      <c r="X7573" s="145"/>
      <c r="Y7573" s="145"/>
      <c r="Z7573" s="145"/>
      <c r="AA7573" s="145"/>
      <c r="AB7573" s="145"/>
      <c r="AC7573" s="145"/>
      <c r="AD7573" s="145"/>
      <c r="AE7573" s="145"/>
      <c r="AF7573" s="145"/>
      <c r="AG7573" s="145"/>
      <c r="AH7573" s="145"/>
      <c r="AI7573" s="145"/>
      <c r="AJ7573" s="145"/>
      <c r="AK7573" s="145"/>
      <c r="AL7573" s="145"/>
      <c r="AM7573" s="145"/>
      <c r="AN7573" s="145"/>
      <c r="AO7573" s="145">
        <v>1</v>
      </c>
      <c r="AP7573" s="145"/>
      <c r="AQ7573" s="145"/>
      <c r="AR7573" s="145"/>
      <c r="AS7573" s="145"/>
      <c r="AT7573" s="145"/>
      <c r="AU7573" s="145"/>
      <c r="AV7573" s="145"/>
      <c r="AW7573" s="145"/>
      <c r="AX7573" s="146"/>
      <c r="AY7573" s="146"/>
      <c r="AZ7573" s="146"/>
      <c r="BA7573" s="146"/>
      <c r="BB7573" s="221">
        <v>45884</v>
      </c>
    </row>
    <row r="7574" spans="1:54" s="278" customFormat="1" ht="12" customHeight="1" x14ac:dyDescent="0.25">
      <c r="A7574" s="276" t="s">
        <v>18176</v>
      </c>
      <c r="B7574" s="277" t="s">
        <v>19788</v>
      </c>
      <c r="C7574" s="93" t="s">
        <v>18177</v>
      </c>
      <c r="D7574" s="93" t="s">
        <v>18178</v>
      </c>
      <c r="E7574" s="111">
        <v>1970</v>
      </c>
      <c r="F7574" s="111">
        <v>1480</v>
      </c>
      <c r="G7574" s="93" t="s">
        <v>1</v>
      </c>
      <c r="H7574" s="111">
        <v>1</v>
      </c>
      <c r="I7574" s="111">
        <v>1</v>
      </c>
      <c r="J7574" s="111">
        <v>1</v>
      </c>
      <c r="K7574" s="111">
        <v>0</v>
      </c>
      <c r="L7574" s="111">
        <v>0</v>
      </c>
      <c r="M7574" s="111">
        <v>0</v>
      </c>
      <c r="N7574" s="111">
        <v>0</v>
      </c>
      <c r="O7574" s="111">
        <v>0</v>
      </c>
      <c r="P7574" s="111">
        <v>0</v>
      </c>
      <c r="Q7574" s="111">
        <v>0</v>
      </c>
      <c r="R7574" s="111">
        <v>0</v>
      </c>
      <c r="S7574" s="111">
        <v>0</v>
      </c>
      <c r="T7574" s="111">
        <v>0</v>
      </c>
      <c r="U7574" s="145"/>
      <c r="V7574" s="145"/>
      <c r="W7574" s="145"/>
      <c r="X7574" s="145"/>
      <c r="Y7574" s="145"/>
      <c r="Z7574" s="145"/>
      <c r="AA7574" s="145"/>
      <c r="AB7574" s="145"/>
      <c r="AC7574" s="145"/>
      <c r="AD7574" s="145"/>
      <c r="AE7574" s="145"/>
      <c r="AF7574" s="145"/>
      <c r="AG7574" s="145"/>
      <c r="AH7574" s="145"/>
      <c r="AI7574" s="145"/>
      <c r="AJ7574" s="145"/>
      <c r="AK7574" s="145"/>
      <c r="AL7574" s="145"/>
      <c r="AM7574" s="145"/>
      <c r="AN7574" s="145"/>
      <c r="AO7574" s="145"/>
      <c r="AP7574" s="145"/>
      <c r="AQ7574" s="145"/>
      <c r="AR7574" s="145"/>
      <c r="AS7574" s="145"/>
      <c r="AT7574" s="145"/>
      <c r="AU7574" s="145"/>
      <c r="AV7574" s="145"/>
      <c r="AW7574" s="145"/>
      <c r="AX7574" s="146"/>
      <c r="AY7574" s="146"/>
      <c r="AZ7574" s="146"/>
      <c r="BA7574" s="146"/>
      <c r="BB7574" s="221">
        <v>45884</v>
      </c>
    </row>
    <row r="7575" spans="1:54" s="278" customFormat="1" ht="12" customHeight="1" x14ac:dyDescent="0.25">
      <c r="A7575" s="276" t="s">
        <v>18179</v>
      </c>
      <c r="B7575" s="277" t="s">
        <v>19788</v>
      </c>
      <c r="C7575" s="93" t="s">
        <v>18180</v>
      </c>
      <c r="D7575" s="93" t="s">
        <v>18181</v>
      </c>
      <c r="E7575" s="111">
        <v>1998</v>
      </c>
      <c r="F7575" s="111">
        <v>1498</v>
      </c>
      <c r="G7575" s="93" t="s">
        <v>1</v>
      </c>
      <c r="H7575" s="111">
        <v>0</v>
      </c>
      <c r="I7575" s="111">
        <v>0</v>
      </c>
      <c r="J7575" s="111">
        <v>0</v>
      </c>
      <c r="K7575" s="111">
        <v>0</v>
      </c>
      <c r="L7575" s="111">
        <v>0</v>
      </c>
      <c r="M7575" s="111">
        <v>1</v>
      </c>
      <c r="N7575" s="111">
        <v>0</v>
      </c>
      <c r="O7575" s="111">
        <v>0</v>
      </c>
      <c r="P7575" s="111">
        <v>1</v>
      </c>
      <c r="Q7575" s="111">
        <v>0</v>
      </c>
      <c r="R7575" s="111">
        <v>0</v>
      </c>
      <c r="S7575" s="111">
        <v>0</v>
      </c>
      <c r="T7575" s="111">
        <v>0</v>
      </c>
      <c r="U7575" s="145"/>
      <c r="V7575" s="145"/>
      <c r="W7575" s="145"/>
      <c r="X7575" s="145"/>
      <c r="Y7575" s="145"/>
      <c r="Z7575" s="145"/>
      <c r="AA7575" s="145"/>
      <c r="AB7575" s="145"/>
      <c r="AC7575" s="145"/>
      <c r="AD7575" s="145"/>
      <c r="AE7575" s="145"/>
      <c r="AF7575" s="145"/>
      <c r="AG7575" s="145"/>
      <c r="AH7575" s="145"/>
      <c r="AI7575" s="145"/>
      <c r="AJ7575" s="145"/>
      <c r="AK7575" s="145"/>
      <c r="AL7575" s="145"/>
      <c r="AM7575" s="145"/>
      <c r="AN7575" s="145"/>
      <c r="AO7575" s="145"/>
      <c r="AP7575" s="145"/>
      <c r="AQ7575" s="145"/>
      <c r="AR7575" s="145"/>
      <c r="AS7575" s="145"/>
      <c r="AT7575" s="145"/>
      <c r="AU7575" s="145"/>
      <c r="AV7575" s="145"/>
      <c r="AW7575" s="145"/>
      <c r="AX7575" s="146"/>
      <c r="AY7575" s="146"/>
      <c r="AZ7575" s="146"/>
      <c r="BA7575" s="146"/>
      <c r="BB7575" s="221">
        <v>45884</v>
      </c>
    </row>
    <row r="7576" spans="1:54" s="278" customFormat="1" ht="12" customHeight="1" x14ac:dyDescent="0.25">
      <c r="A7576" s="276" t="s">
        <v>18182</v>
      </c>
      <c r="B7576" s="277" t="s">
        <v>19788</v>
      </c>
      <c r="C7576" s="93" t="s">
        <v>18183</v>
      </c>
      <c r="D7576" s="93" t="s">
        <v>21545</v>
      </c>
      <c r="E7576" s="111">
        <v>1974</v>
      </c>
      <c r="F7576" s="111">
        <v>1624</v>
      </c>
      <c r="G7576" s="93" t="s">
        <v>1</v>
      </c>
      <c r="H7576" s="111">
        <v>0</v>
      </c>
      <c r="I7576" s="111">
        <v>0</v>
      </c>
      <c r="J7576" s="111">
        <v>0</v>
      </c>
      <c r="K7576" s="111">
        <v>1</v>
      </c>
      <c r="L7576" s="111">
        <v>1</v>
      </c>
      <c r="M7576" s="111">
        <v>0</v>
      </c>
      <c r="N7576" s="111">
        <v>0</v>
      </c>
      <c r="O7576" s="111">
        <v>1</v>
      </c>
      <c r="P7576" s="111">
        <v>1</v>
      </c>
      <c r="Q7576" s="111">
        <v>1</v>
      </c>
      <c r="R7576" s="111">
        <v>1</v>
      </c>
      <c r="S7576" s="111">
        <v>0</v>
      </c>
      <c r="T7576" s="111">
        <v>0</v>
      </c>
      <c r="U7576" s="145"/>
      <c r="V7576" s="145"/>
      <c r="W7576" s="145"/>
      <c r="X7576" s="145"/>
      <c r="Y7576" s="145"/>
      <c r="Z7576" s="145"/>
      <c r="AA7576" s="145"/>
      <c r="AB7576" s="145"/>
      <c r="AC7576" s="145"/>
      <c r="AD7576" s="145"/>
      <c r="AE7576" s="145"/>
      <c r="AF7576" s="145"/>
      <c r="AG7576" s="145"/>
      <c r="AH7576" s="145"/>
      <c r="AI7576" s="145"/>
      <c r="AJ7576" s="145"/>
      <c r="AK7576" s="145"/>
      <c r="AL7576" s="145"/>
      <c r="AM7576" s="145"/>
      <c r="AN7576" s="145"/>
      <c r="AO7576" s="145"/>
      <c r="AP7576" s="145"/>
      <c r="AQ7576" s="145"/>
      <c r="AR7576" s="145"/>
      <c r="AS7576" s="145"/>
      <c r="AT7576" s="145"/>
      <c r="AU7576" s="145"/>
      <c r="AV7576" s="145"/>
      <c r="AW7576" s="145"/>
      <c r="AX7576" s="146"/>
      <c r="AY7576" s="146"/>
      <c r="AZ7576" s="146"/>
      <c r="BA7576" s="146"/>
      <c r="BB7576" s="221">
        <v>45884</v>
      </c>
    </row>
    <row r="7577" spans="1:54" s="278" customFormat="1" ht="12" customHeight="1" x14ac:dyDescent="0.25">
      <c r="A7577" s="276" t="s">
        <v>18184</v>
      </c>
      <c r="B7577" s="277" t="s">
        <v>19788</v>
      </c>
      <c r="C7577" s="93" t="s">
        <v>18185</v>
      </c>
      <c r="D7577" s="93" t="s">
        <v>18186</v>
      </c>
      <c r="E7577" s="111">
        <v>1978</v>
      </c>
      <c r="F7577" s="111">
        <v>2505</v>
      </c>
      <c r="G7577" s="93" t="s">
        <v>1</v>
      </c>
      <c r="H7577" s="111">
        <v>1</v>
      </c>
      <c r="I7577" s="111">
        <v>1</v>
      </c>
      <c r="J7577" s="111">
        <v>1</v>
      </c>
      <c r="K7577" s="111">
        <v>1</v>
      </c>
      <c r="L7577" s="111">
        <v>1</v>
      </c>
      <c r="M7577" s="111">
        <v>0</v>
      </c>
      <c r="N7577" s="111">
        <v>0</v>
      </c>
      <c r="O7577" s="111">
        <v>1</v>
      </c>
      <c r="P7577" s="111">
        <v>1</v>
      </c>
      <c r="Q7577" s="111">
        <v>0</v>
      </c>
      <c r="R7577" s="111">
        <v>1</v>
      </c>
      <c r="S7577" s="111">
        <v>0</v>
      </c>
      <c r="T7577" s="111">
        <v>0</v>
      </c>
      <c r="U7577" s="145"/>
      <c r="V7577" s="145"/>
      <c r="W7577" s="145"/>
      <c r="X7577" s="145"/>
      <c r="Y7577" s="145"/>
      <c r="Z7577" s="145"/>
      <c r="AA7577" s="145"/>
      <c r="AB7577" s="145"/>
      <c r="AC7577" s="145"/>
      <c r="AD7577" s="145"/>
      <c r="AE7577" s="145"/>
      <c r="AF7577" s="145"/>
      <c r="AG7577" s="145"/>
      <c r="AH7577" s="145"/>
      <c r="AI7577" s="145"/>
      <c r="AJ7577" s="145"/>
      <c r="AK7577" s="145"/>
      <c r="AL7577" s="145"/>
      <c r="AM7577" s="145"/>
      <c r="AN7577" s="145"/>
      <c r="AO7577" s="145">
        <v>1</v>
      </c>
      <c r="AP7577" s="145"/>
      <c r="AQ7577" s="145"/>
      <c r="AR7577" s="145"/>
      <c r="AS7577" s="145"/>
      <c r="AT7577" s="145"/>
      <c r="AU7577" s="145"/>
      <c r="AV7577" s="145"/>
      <c r="AW7577" s="145"/>
      <c r="AX7577" s="146"/>
      <c r="AY7577" s="146"/>
      <c r="AZ7577" s="146"/>
      <c r="BA7577" s="146"/>
      <c r="BB7577" s="221">
        <v>45884</v>
      </c>
    </row>
    <row r="7578" spans="1:54" s="278" customFormat="1" ht="12" customHeight="1" x14ac:dyDescent="0.25">
      <c r="A7578" s="276" t="s">
        <v>18187</v>
      </c>
      <c r="B7578" s="277" t="s">
        <v>19788</v>
      </c>
      <c r="C7578" s="93" t="s">
        <v>18188</v>
      </c>
      <c r="D7578" s="93" t="s">
        <v>21546</v>
      </c>
      <c r="E7578" s="111">
        <v>1985</v>
      </c>
      <c r="F7578" s="111">
        <v>3138</v>
      </c>
      <c r="G7578" s="93" t="s">
        <v>1</v>
      </c>
      <c r="H7578" s="111">
        <v>1</v>
      </c>
      <c r="I7578" s="111">
        <v>0</v>
      </c>
      <c r="J7578" s="111">
        <v>1</v>
      </c>
      <c r="K7578" s="111">
        <v>1</v>
      </c>
      <c r="L7578" s="111">
        <v>1</v>
      </c>
      <c r="M7578" s="111">
        <v>1</v>
      </c>
      <c r="N7578" s="111">
        <v>0</v>
      </c>
      <c r="O7578" s="111">
        <v>1</v>
      </c>
      <c r="P7578" s="111">
        <v>0</v>
      </c>
      <c r="Q7578" s="111">
        <v>0</v>
      </c>
      <c r="R7578" s="111">
        <v>1</v>
      </c>
      <c r="S7578" s="111">
        <v>1</v>
      </c>
      <c r="T7578" s="111">
        <v>0</v>
      </c>
      <c r="U7578" s="145"/>
      <c r="V7578" s="145"/>
      <c r="W7578" s="145"/>
      <c r="X7578" s="145"/>
      <c r="Y7578" s="145"/>
      <c r="Z7578" s="145"/>
      <c r="AA7578" s="145"/>
      <c r="AB7578" s="145"/>
      <c r="AC7578" s="145"/>
      <c r="AD7578" s="145"/>
      <c r="AE7578" s="145"/>
      <c r="AF7578" s="145"/>
      <c r="AG7578" s="145"/>
      <c r="AH7578" s="145"/>
      <c r="AI7578" s="145"/>
      <c r="AJ7578" s="145"/>
      <c r="AK7578" s="145"/>
      <c r="AL7578" s="145"/>
      <c r="AM7578" s="145"/>
      <c r="AN7578" s="145"/>
      <c r="AO7578" s="145"/>
      <c r="AP7578" s="145"/>
      <c r="AQ7578" s="145"/>
      <c r="AR7578" s="145"/>
      <c r="AS7578" s="145"/>
      <c r="AT7578" s="145"/>
      <c r="AU7578" s="145"/>
      <c r="AV7578" s="145"/>
      <c r="AW7578" s="145"/>
      <c r="AX7578" s="146"/>
      <c r="AY7578" s="146"/>
      <c r="AZ7578" s="146"/>
      <c r="BA7578" s="146"/>
      <c r="BB7578" s="221">
        <v>45884</v>
      </c>
    </row>
    <row r="7579" spans="1:54" s="278" customFormat="1" ht="12" customHeight="1" x14ac:dyDescent="0.25">
      <c r="A7579" s="276" t="s">
        <v>18189</v>
      </c>
      <c r="B7579" s="277" t="s">
        <v>19788</v>
      </c>
      <c r="C7579" s="93" t="s">
        <v>18190</v>
      </c>
      <c r="D7579" s="93" t="s">
        <v>21547</v>
      </c>
      <c r="E7579" s="111">
        <v>1993</v>
      </c>
      <c r="F7579" s="111">
        <v>5588</v>
      </c>
      <c r="G7579" s="93" t="s">
        <v>1</v>
      </c>
      <c r="H7579" s="111">
        <v>1</v>
      </c>
      <c r="I7579" s="111">
        <v>0</v>
      </c>
      <c r="J7579" s="111">
        <v>1</v>
      </c>
      <c r="K7579" s="111">
        <v>0</v>
      </c>
      <c r="L7579" s="111">
        <v>1</v>
      </c>
      <c r="M7579" s="111">
        <v>0</v>
      </c>
      <c r="N7579" s="111">
        <v>0</v>
      </c>
      <c r="O7579" s="111">
        <v>1</v>
      </c>
      <c r="P7579" s="111">
        <v>1</v>
      </c>
      <c r="Q7579" s="111">
        <v>0</v>
      </c>
      <c r="R7579" s="111">
        <v>0</v>
      </c>
      <c r="S7579" s="111">
        <v>0</v>
      </c>
      <c r="T7579" s="111">
        <v>0</v>
      </c>
      <c r="U7579" s="145"/>
      <c r="V7579" s="145"/>
      <c r="W7579" s="145"/>
      <c r="X7579" s="145"/>
      <c r="Y7579" s="145"/>
      <c r="Z7579" s="145"/>
      <c r="AA7579" s="145"/>
      <c r="AB7579" s="145"/>
      <c r="AC7579" s="145"/>
      <c r="AD7579" s="145"/>
      <c r="AE7579" s="145"/>
      <c r="AF7579" s="145"/>
      <c r="AG7579" s="145"/>
      <c r="AH7579" s="145"/>
      <c r="AI7579" s="145"/>
      <c r="AJ7579" s="145"/>
      <c r="AK7579" s="145"/>
      <c r="AL7579" s="145"/>
      <c r="AM7579" s="145"/>
      <c r="AN7579" s="145"/>
      <c r="AO7579" s="145"/>
      <c r="AP7579" s="145"/>
      <c r="AQ7579" s="145"/>
      <c r="AR7579" s="145"/>
      <c r="AS7579" s="145"/>
      <c r="AT7579" s="145"/>
      <c r="AU7579" s="145"/>
      <c r="AV7579" s="145"/>
      <c r="AW7579" s="145"/>
      <c r="AX7579" s="146"/>
      <c r="AY7579" s="146"/>
      <c r="AZ7579" s="146"/>
      <c r="BA7579" s="146"/>
      <c r="BB7579" s="221">
        <v>45884</v>
      </c>
    </row>
    <row r="7580" spans="1:54" s="278" customFormat="1" ht="12" customHeight="1" x14ac:dyDescent="0.25">
      <c r="A7580" s="276" t="s">
        <v>18191</v>
      </c>
      <c r="B7580" s="277" t="s">
        <v>19788</v>
      </c>
      <c r="C7580" s="93" t="s">
        <v>18192</v>
      </c>
      <c r="D7580" s="93" t="s">
        <v>18193</v>
      </c>
      <c r="E7580" s="111">
        <v>1988</v>
      </c>
      <c r="F7580" s="111">
        <v>7100</v>
      </c>
      <c r="G7580" s="93" t="s">
        <v>1</v>
      </c>
      <c r="H7580" s="111">
        <v>1</v>
      </c>
      <c r="I7580" s="111">
        <v>0</v>
      </c>
      <c r="J7580" s="111">
        <v>1</v>
      </c>
      <c r="K7580" s="111">
        <v>1</v>
      </c>
      <c r="L7580" s="111">
        <v>1</v>
      </c>
      <c r="M7580" s="111">
        <v>1</v>
      </c>
      <c r="N7580" s="111">
        <v>0</v>
      </c>
      <c r="O7580" s="111">
        <v>1</v>
      </c>
      <c r="P7580" s="111">
        <v>1</v>
      </c>
      <c r="Q7580" s="111">
        <v>1</v>
      </c>
      <c r="R7580" s="111">
        <v>1</v>
      </c>
      <c r="S7580" s="111">
        <v>0</v>
      </c>
      <c r="T7580" s="111">
        <v>0</v>
      </c>
      <c r="U7580" s="145"/>
      <c r="V7580" s="145"/>
      <c r="W7580" s="145"/>
      <c r="X7580" s="145"/>
      <c r="Y7580" s="145"/>
      <c r="Z7580" s="145"/>
      <c r="AA7580" s="145"/>
      <c r="AB7580" s="145"/>
      <c r="AC7580" s="145"/>
      <c r="AD7580" s="145"/>
      <c r="AE7580" s="145"/>
      <c r="AF7580" s="145"/>
      <c r="AG7580" s="145"/>
      <c r="AH7580" s="145"/>
      <c r="AI7580" s="145"/>
      <c r="AJ7580" s="145"/>
      <c r="AK7580" s="145"/>
      <c r="AL7580" s="145"/>
      <c r="AM7580" s="145"/>
      <c r="AN7580" s="145"/>
      <c r="AO7580" s="145">
        <v>1</v>
      </c>
      <c r="AP7580" s="145"/>
      <c r="AQ7580" s="145"/>
      <c r="AR7580" s="145"/>
      <c r="AS7580" s="145"/>
      <c r="AT7580" s="145"/>
      <c r="AU7580" s="145"/>
      <c r="AV7580" s="145"/>
      <c r="AW7580" s="145"/>
      <c r="AX7580" s="146"/>
      <c r="AY7580" s="146"/>
      <c r="AZ7580" s="146"/>
      <c r="BA7580" s="146"/>
      <c r="BB7580" s="221">
        <v>45884</v>
      </c>
    </row>
    <row r="7581" spans="1:54" s="278" customFormat="1" ht="12" customHeight="1" x14ac:dyDescent="0.25">
      <c r="A7581" s="276" t="s">
        <v>18194</v>
      </c>
      <c r="B7581" s="277" t="s">
        <v>19788</v>
      </c>
      <c r="C7581" s="93" t="s">
        <v>18195</v>
      </c>
      <c r="D7581" s="93" t="s">
        <v>21548</v>
      </c>
      <c r="E7581" s="111">
        <v>1978</v>
      </c>
      <c r="F7581" s="111">
        <v>9019</v>
      </c>
      <c r="G7581" s="93" t="s">
        <v>1</v>
      </c>
      <c r="H7581" s="111">
        <v>0</v>
      </c>
      <c r="I7581" s="111">
        <v>0</v>
      </c>
      <c r="J7581" s="111">
        <v>0</v>
      </c>
      <c r="K7581" s="111">
        <v>0</v>
      </c>
      <c r="L7581" s="111">
        <v>0</v>
      </c>
      <c r="M7581" s="111">
        <v>1</v>
      </c>
      <c r="N7581" s="111">
        <v>0</v>
      </c>
      <c r="O7581" s="111">
        <v>0</v>
      </c>
      <c r="P7581" s="111">
        <v>1</v>
      </c>
      <c r="Q7581" s="111">
        <v>0</v>
      </c>
      <c r="R7581" s="111">
        <v>0</v>
      </c>
      <c r="S7581" s="111">
        <v>0</v>
      </c>
      <c r="T7581" s="111">
        <v>0</v>
      </c>
      <c r="U7581" s="145"/>
      <c r="V7581" s="145"/>
      <c r="W7581" s="145"/>
      <c r="X7581" s="145"/>
      <c r="Y7581" s="145"/>
      <c r="Z7581" s="145"/>
      <c r="AA7581" s="145"/>
      <c r="AB7581" s="145"/>
      <c r="AC7581" s="145"/>
      <c r="AD7581" s="145"/>
      <c r="AE7581" s="145"/>
      <c r="AF7581" s="145"/>
      <c r="AG7581" s="145"/>
      <c r="AH7581" s="145"/>
      <c r="AI7581" s="145"/>
      <c r="AJ7581" s="145"/>
      <c r="AK7581" s="145"/>
      <c r="AL7581" s="145"/>
      <c r="AM7581" s="145"/>
      <c r="AN7581" s="145"/>
      <c r="AO7581" s="145"/>
      <c r="AP7581" s="145"/>
      <c r="AQ7581" s="145"/>
      <c r="AR7581" s="145"/>
      <c r="AS7581" s="145"/>
      <c r="AT7581" s="145"/>
      <c r="AU7581" s="145"/>
      <c r="AV7581" s="145"/>
      <c r="AW7581" s="145"/>
      <c r="AX7581" s="146"/>
      <c r="AY7581" s="146"/>
      <c r="AZ7581" s="146"/>
      <c r="BA7581" s="146"/>
      <c r="BB7581" s="221">
        <v>45884</v>
      </c>
    </row>
    <row r="7582" spans="1:54" s="278" customFormat="1" ht="12" customHeight="1" x14ac:dyDescent="0.25">
      <c r="A7582" s="276" t="s">
        <v>18196</v>
      </c>
      <c r="B7582" s="277" t="s">
        <v>19788</v>
      </c>
      <c r="C7582" s="93" t="s">
        <v>18197</v>
      </c>
      <c r="D7582" s="93" t="s">
        <v>18198</v>
      </c>
      <c r="E7582" s="111">
        <v>1959</v>
      </c>
      <c r="F7582" s="111">
        <v>9325</v>
      </c>
      <c r="G7582" s="93" t="s">
        <v>1</v>
      </c>
      <c r="H7582" s="111">
        <v>1</v>
      </c>
      <c r="I7582" s="111">
        <v>0</v>
      </c>
      <c r="J7582" s="111">
        <v>1</v>
      </c>
      <c r="K7582" s="111">
        <v>1</v>
      </c>
      <c r="L7582" s="111">
        <v>1</v>
      </c>
      <c r="M7582" s="111">
        <v>1</v>
      </c>
      <c r="N7582" s="111">
        <v>0</v>
      </c>
      <c r="O7582" s="111">
        <v>0</v>
      </c>
      <c r="P7582" s="111">
        <v>1</v>
      </c>
      <c r="Q7582" s="111">
        <v>0</v>
      </c>
      <c r="R7582" s="111">
        <v>0</v>
      </c>
      <c r="S7582" s="111">
        <v>1</v>
      </c>
      <c r="T7582" s="111">
        <v>0</v>
      </c>
      <c r="U7582" s="145"/>
      <c r="V7582" s="145"/>
      <c r="W7582" s="145"/>
      <c r="X7582" s="145"/>
      <c r="Y7582" s="145"/>
      <c r="Z7582" s="145"/>
      <c r="AA7582" s="145"/>
      <c r="AB7582" s="145"/>
      <c r="AC7582" s="145"/>
      <c r="AD7582" s="145"/>
      <c r="AE7582" s="145"/>
      <c r="AF7582" s="145"/>
      <c r="AG7582" s="145"/>
      <c r="AH7582" s="145"/>
      <c r="AI7582" s="145"/>
      <c r="AJ7582" s="145"/>
      <c r="AK7582" s="145"/>
      <c r="AL7582" s="145"/>
      <c r="AM7582" s="145"/>
      <c r="AN7582" s="145"/>
      <c r="AO7582" s="145">
        <v>1</v>
      </c>
      <c r="AP7582" s="145"/>
      <c r="AQ7582" s="145"/>
      <c r="AR7582" s="145"/>
      <c r="AS7582" s="145"/>
      <c r="AT7582" s="145"/>
      <c r="AU7582" s="145"/>
      <c r="AV7582" s="145"/>
      <c r="AW7582" s="145"/>
      <c r="AX7582" s="146"/>
      <c r="AY7582" s="146"/>
      <c r="AZ7582" s="146"/>
      <c r="BA7582" s="146"/>
      <c r="BB7582" s="221">
        <v>45884</v>
      </c>
    </row>
    <row r="7583" spans="1:54" s="278" customFormat="1" ht="12" customHeight="1" x14ac:dyDescent="0.25">
      <c r="A7583" s="276" t="s">
        <v>18199</v>
      </c>
      <c r="B7583" s="277" t="s">
        <v>19788</v>
      </c>
      <c r="C7583" s="93" t="s">
        <v>18200</v>
      </c>
      <c r="D7583" s="93" t="s">
        <v>18201</v>
      </c>
      <c r="E7583" s="111">
        <v>2011</v>
      </c>
      <c r="F7583" s="111">
        <v>2115</v>
      </c>
      <c r="G7583" s="93" t="s">
        <v>1</v>
      </c>
      <c r="H7583" s="111">
        <v>1</v>
      </c>
      <c r="I7583" s="111">
        <v>1</v>
      </c>
      <c r="J7583" s="111">
        <v>1</v>
      </c>
      <c r="K7583" s="111">
        <v>0</v>
      </c>
      <c r="L7583" s="111">
        <v>0</v>
      </c>
      <c r="M7583" s="111">
        <v>0</v>
      </c>
      <c r="N7583" s="111">
        <v>0</v>
      </c>
      <c r="O7583" s="111">
        <v>1</v>
      </c>
      <c r="P7583" s="111">
        <v>1</v>
      </c>
      <c r="Q7583" s="111">
        <v>0</v>
      </c>
      <c r="R7583" s="111">
        <v>1</v>
      </c>
      <c r="S7583" s="111">
        <v>0</v>
      </c>
      <c r="T7583" s="111">
        <v>0</v>
      </c>
      <c r="U7583" s="145"/>
      <c r="V7583" s="145"/>
      <c r="W7583" s="145"/>
      <c r="X7583" s="145"/>
      <c r="Y7583" s="145"/>
      <c r="Z7583" s="145"/>
      <c r="AA7583" s="145"/>
      <c r="AB7583" s="145"/>
      <c r="AC7583" s="145"/>
      <c r="AD7583" s="145"/>
      <c r="AE7583" s="145"/>
      <c r="AF7583" s="145"/>
      <c r="AG7583" s="145"/>
      <c r="AH7583" s="145"/>
      <c r="AI7583" s="145"/>
      <c r="AJ7583" s="145"/>
      <c r="AK7583" s="145"/>
      <c r="AL7583" s="145"/>
      <c r="AM7583" s="145"/>
      <c r="AN7583" s="145"/>
      <c r="AO7583" s="145"/>
      <c r="AP7583" s="145"/>
      <c r="AQ7583" s="145"/>
      <c r="AR7583" s="145"/>
      <c r="AS7583" s="145"/>
      <c r="AT7583" s="145"/>
      <c r="AU7583" s="145"/>
      <c r="AV7583" s="145"/>
      <c r="AW7583" s="145"/>
      <c r="AX7583" s="146"/>
      <c r="AY7583" s="146"/>
      <c r="AZ7583" s="146"/>
      <c r="BA7583" s="146"/>
      <c r="BB7583" s="221">
        <v>45884</v>
      </c>
    </row>
    <row r="7584" spans="1:54" s="278" customFormat="1" ht="12" customHeight="1" x14ac:dyDescent="0.25">
      <c r="A7584" s="276" t="s">
        <v>18202</v>
      </c>
      <c r="B7584" s="277" t="s">
        <v>19788</v>
      </c>
      <c r="C7584" s="93" t="s">
        <v>18203</v>
      </c>
      <c r="D7584" s="93" t="s">
        <v>18204</v>
      </c>
      <c r="E7584" s="111">
        <v>1994</v>
      </c>
      <c r="F7584" s="111">
        <v>16210</v>
      </c>
      <c r="G7584" s="93" t="s">
        <v>3</v>
      </c>
      <c r="H7584" s="111">
        <v>1</v>
      </c>
      <c r="I7584" s="111">
        <v>1</v>
      </c>
      <c r="J7584" s="111">
        <v>1</v>
      </c>
      <c r="K7584" s="111">
        <v>0</v>
      </c>
      <c r="L7584" s="111">
        <v>0</v>
      </c>
      <c r="M7584" s="111">
        <v>1</v>
      </c>
      <c r="N7584" s="111">
        <v>0</v>
      </c>
      <c r="O7584" s="111">
        <v>1</v>
      </c>
      <c r="P7584" s="111">
        <v>1</v>
      </c>
      <c r="Q7584" s="111">
        <v>0</v>
      </c>
      <c r="R7584" s="111">
        <v>0</v>
      </c>
      <c r="S7584" s="111">
        <v>0</v>
      </c>
      <c r="T7584" s="111">
        <v>0</v>
      </c>
      <c r="U7584" s="111">
        <v>0</v>
      </c>
      <c r="V7584" s="111">
        <v>0</v>
      </c>
      <c r="W7584" s="111">
        <v>0</v>
      </c>
      <c r="X7584" s="111">
        <v>0</v>
      </c>
      <c r="Y7584" s="111">
        <v>0</v>
      </c>
      <c r="Z7584" s="111">
        <v>0</v>
      </c>
      <c r="AA7584" s="111">
        <v>0</v>
      </c>
      <c r="AB7584" s="111">
        <v>0</v>
      </c>
      <c r="AC7584" s="111">
        <v>0</v>
      </c>
      <c r="AD7584" s="111">
        <v>0</v>
      </c>
      <c r="AE7584" s="111">
        <v>0</v>
      </c>
      <c r="AF7584" s="111">
        <v>0</v>
      </c>
      <c r="AG7584" s="111">
        <v>0</v>
      </c>
      <c r="AH7584" s="111">
        <v>0</v>
      </c>
      <c r="AI7584" s="111">
        <v>0</v>
      </c>
      <c r="AJ7584" s="111">
        <v>0</v>
      </c>
      <c r="AK7584" s="111">
        <v>0</v>
      </c>
      <c r="AL7584" s="111">
        <v>0</v>
      </c>
      <c r="AM7584" s="111">
        <v>0</v>
      </c>
      <c r="AN7584" s="111">
        <v>0</v>
      </c>
      <c r="AO7584" s="111">
        <v>2</v>
      </c>
      <c r="AP7584" s="111">
        <v>0</v>
      </c>
      <c r="AQ7584" s="111">
        <v>0</v>
      </c>
      <c r="AR7584" s="111">
        <v>0</v>
      </c>
      <c r="AS7584" s="111">
        <v>1</v>
      </c>
      <c r="AT7584" s="111" t="s">
        <v>400</v>
      </c>
      <c r="AU7584" s="111">
        <v>0</v>
      </c>
      <c r="AV7584" s="111">
        <v>1</v>
      </c>
      <c r="AW7584" s="111">
        <v>1</v>
      </c>
      <c r="AX7584" s="112" t="s">
        <v>22101</v>
      </c>
      <c r="AY7584" s="112" t="s">
        <v>24210</v>
      </c>
      <c r="AZ7584" s="112"/>
      <c r="BA7584" s="112" t="s">
        <v>22102</v>
      </c>
      <c r="BB7584" s="221">
        <v>45884</v>
      </c>
    </row>
    <row r="7585" spans="1:54" s="278" customFormat="1" ht="12" customHeight="1" x14ac:dyDescent="0.25">
      <c r="A7585" s="276" t="s">
        <v>18205</v>
      </c>
      <c r="B7585" s="277" t="s">
        <v>19788</v>
      </c>
      <c r="C7585" s="93" t="s">
        <v>18206</v>
      </c>
      <c r="D7585" s="93" t="s">
        <v>18207</v>
      </c>
      <c r="E7585" s="111">
        <v>1963</v>
      </c>
      <c r="F7585" s="111">
        <v>24988</v>
      </c>
      <c r="G7585" s="93" t="s">
        <v>3</v>
      </c>
      <c r="H7585" s="111">
        <v>1</v>
      </c>
      <c r="I7585" s="111">
        <v>1</v>
      </c>
      <c r="J7585" s="111">
        <v>1</v>
      </c>
      <c r="K7585" s="111">
        <v>1</v>
      </c>
      <c r="L7585" s="111">
        <v>1</v>
      </c>
      <c r="M7585" s="111">
        <v>0</v>
      </c>
      <c r="N7585" s="111">
        <v>0</v>
      </c>
      <c r="O7585" s="111">
        <v>1</v>
      </c>
      <c r="P7585" s="111">
        <v>1</v>
      </c>
      <c r="Q7585" s="111">
        <v>0</v>
      </c>
      <c r="R7585" s="111">
        <v>1</v>
      </c>
      <c r="S7585" s="111">
        <v>1</v>
      </c>
      <c r="T7585" s="111">
        <v>0</v>
      </c>
      <c r="U7585" s="111">
        <v>0</v>
      </c>
      <c r="V7585" s="111">
        <v>0</v>
      </c>
      <c r="W7585" s="111">
        <v>0</v>
      </c>
      <c r="X7585" s="111">
        <v>0</v>
      </c>
      <c r="Y7585" s="111">
        <v>0</v>
      </c>
      <c r="Z7585" s="111">
        <v>0</v>
      </c>
      <c r="AA7585" s="111">
        <v>0</v>
      </c>
      <c r="AB7585" s="111">
        <v>0</v>
      </c>
      <c r="AC7585" s="111">
        <v>0</v>
      </c>
      <c r="AD7585" s="111">
        <v>0</v>
      </c>
      <c r="AE7585" s="111">
        <v>0</v>
      </c>
      <c r="AF7585" s="111">
        <v>0</v>
      </c>
      <c r="AG7585" s="111">
        <v>0</v>
      </c>
      <c r="AH7585" s="111">
        <v>0</v>
      </c>
      <c r="AI7585" s="111">
        <v>0</v>
      </c>
      <c r="AJ7585" s="111">
        <v>0</v>
      </c>
      <c r="AK7585" s="111">
        <v>0</v>
      </c>
      <c r="AL7585" s="111">
        <v>0</v>
      </c>
      <c r="AM7585" s="111">
        <v>0</v>
      </c>
      <c r="AN7585" s="111">
        <v>0</v>
      </c>
      <c r="AO7585" s="111">
        <v>0</v>
      </c>
      <c r="AP7585" s="111">
        <v>0</v>
      </c>
      <c r="AQ7585" s="111">
        <v>0</v>
      </c>
      <c r="AR7585" s="111">
        <v>0</v>
      </c>
      <c r="AS7585" s="111">
        <v>0</v>
      </c>
      <c r="AT7585" s="111" t="s">
        <v>400</v>
      </c>
      <c r="AU7585" s="111">
        <v>0</v>
      </c>
      <c r="AV7585" s="111">
        <v>0</v>
      </c>
      <c r="AW7585" s="111">
        <v>0</v>
      </c>
      <c r="AX7585" s="112"/>
      <c r="AY7585" s="112"/>
      <c r="AZ7585" s="112"/>
      <c r="BA7585" s="112"/>
      <c r="BB7585" s="221">
        <v>45884</v>
      </c>
    </row>
    <row r="7586" spans="1:54" s="278" customFormat="1" ht="12" customHeight="1" x14ac:dyDescent="0.25">
      <c r="A7586" s="276" t="s">
        <v>18208</v>
      </c>
      <c r="B7586" s="277" t="s">
        <v>19788</v>
      </c>
      <c r="C7586" s="93" t="s">
        <v>18209</v>
      </c>
      <c r="D7586" s="93" t="s">
        <v>18210</v>
      </c>
      <c r="E7586" s="111">
        <v>1972</v>
      </c>
      <c r="F7586" s="111">
        <v>26572</v>
      </c>
      <c r="G7586" s="93" t="s">
        <v>3</v>
      </c>
      <c r="H7586" s="111">
        <v>1</v>
      </c>
      <c r="I7586" s="111">
        <v>1</v>
      </c>
      <c r="J7586" s="111">
        <v>1</v>
      </c>
      <c r="K7586" s="111">
        <v>1</v>
      </c>
      <c r="L7586" s="111">
        <v>0</v>
      </c>
      <c r="M7586" s="111">
        <v>0</v>
      </c>
      <c r="N7586" s="111">
        <v>0</v>
      </c>
      <c r="O7586" s="111">
        <v>0</v>
      </c>
      <c r="P7586" s="111">
        <v>0</v>
      </c>
      <c r="Q7586" s="111">
        <v>0</v>
      </c>
      <c r="R7586" s="111">
        <v>0</v>
      </c>
      <c r="S7586" s="111">
        <v>0</v>
      </c>
      <c r="T7586" s="111">
        <v>0</v>
      </c>
      <c r="U7586" s="111">
        <v>0</v>
      </c>
      <c r="V7586" s="111">
        <v>0</v>
      </c>
      <c r="W7586" s="111">
        <v>0</v>
      </c>
      <c r="X7586" s="111">
        <v>0</v>
      </c>
      <c r="Y7586" s="111">
        <v>0</v>
      </c>
      <c r="Z7586" s="111">
        <v>0</v>
      </c>
      <c r="AA7586" s="111">
        <v>0</v>
      </c>
      <c r="AB7586" s="111">
        <v>0</v>
      </c>
      <c r="AC7586" s="111">
        <v>0</v>
      </c>
      <c r="AD7586" s="111">
        <v>0</v>
      </c>
      <c r="AE7586" s="111">
        <v>0</v>
      </c>
      <c r="AF7586" s="111">
        <v>0</v>
      </c>
      <c r="AG7586" s="111">
        <v>0</v>
      </c>
      <c r="AH7586" s="111">
        <v>0</v>
      </c>
      <c r="AI7586" s="111">
        <v>0</v>
      </c>
      <c r="AJ7586" s="111">
        <v>0</v>
      </c>
      <c r="AK7586" s="111">
        <v>0</v>
      </c>
      <c r="AL7586" s="111">
        <v>0</v>
      </c>
      <c r="AM7586" s="111">
        <v>0</v>
      </c>
      <c r="AN7586" s="111">
        <v>0</v>
      </c>
      <c r="AO7586" s="111">
        <v>0</v>
      </c>
      <c r="AP7586" s="111">
        <v>0</v>
      </c>
      <c r="AQ7586" s="111">
        <v>0</v>
      </c>
      <c r="AR7586" s="111">
        <v>0</v>
      </c>
      <c r="AS7586" s="111">
        <v>0</v>
      </c>
      <c r="AT7586" s="111">
        <v>1</v>
      </c>
      <c r="AU7586" s="111">
        <v>1</v>
      </c>
      <c r="AV7586" s="111">
        <v>0</v>
      </c>
      <c r="AW7586" s="111">
        <v>1</v>
      </c>
      <c r="AX7586" s="112"/>
      <c r="AY7586" s="112"/>
      <c r="AZ7586" s="112"/>
      <c r="BA7586" s="112"/>
      <c r="BB7586" s="221">
        <v>45884</v>
      </c>
    </row>
    <row r="7587" spans="1:54" s="278" customFormat="1" ht="12" customHeight="1" x14ac:dyDescent="0.25">
      <c r="A7587" s="276" t="s">
        <v>18211</v>
      </c>
      <c r="B7587" s="277" t="s">
        <v>19788</v>
      </c>
      <c r="C7587" s="93" t="s">
        <v>18212</v>
      </c>
      <c r="D7587" s="93" t="s">
        <v>21549</v>
      </c>
      <c r="E7587" s="111">
        <v>1986</v>
      </c>
      <c r="F7587" s="111">
        <v>43869</v>
      </c>
      <c r="G7587" s="93" t="s">
        <v>7</v>
      </c>
      <c r="H7587" s="111">
        <v>1</v>
      </c>
      <c r="I7587" s="185">
        <v>1</v>
      </c>
      <c r="J7587" s="139">
        <v>1</v>
      </c>
      <c r="K7587" s="111">
        <v>1</v>
      </c>
      <c r="L7587" s="111">
        <v>1</v>
      </c>
      <c r="M7587" s="111">
        <v>1</v>
      </c>
      <c r="N7587" s="111">
        <v>0</v>
      </c>
      <c r="O7587" s="111">
        <v>1</v>
      </c>
      <c r="P7587" s="111">
        <v>1</v>
      </c>
      <c r="Q7587" s="111">
        <v>0</v>
      </c>
      <c r="R7587" s="111">
        <v>0</v>
      </c>
      <c r="S7587" s="111">
        <v>0</v>
      </c>
      <c r="T7587" s="111">
        <v>0</v>
      </c>
      <c r="U7587" s="111">
        <v>0</v>
      </c>
      <c r="V7587" s="111">
        <v>0</v>
      </c>
      <c r="W7587" s="111">
        <v>0</v>
      </c>
      <c r="X7587" s="111">
        <v>0</v>
      </c>
      <c r="Y7587" s="111">
        <v>0</v>
      </c>
      <c r="Z7587" s="111">
        <v>0</v>
      </c>
      <c r="AA7587" s="111">
        <v>0</v>
      </c>
      <c r="AB7587" s="111">
        <v>0</v>
      </c>
      <c r="AC7587" s="111">
        <v>0</v>
      </c>
      <c r="AD7587" s="111">
        <v>0</v>
      </c>
      <c r="AE7587" s="111">
        <v>0</v>
      </c>
      <c r="AF7587" s="111">
        <v>0</v>
      </c>
      <c r="AG7587" s="111">
        <v>0</v>
      </c>
      <c r="AH7587" s="111">
        <v>0</v>
      </c>
      <c r="AI7587" s="111">
        <v>0</v>
      </c>
      <c r="AJ7587" s="111">
        <v>0</v>
      </c>
      <c r="AK7587" s="111">
        <v>0</v>
      </c>
      <c r="AL7587" s="111">
        <v>0</v>
      </c>
      <c r="AM7587" s="111">
        <v>0</v>
      </c>
      <c r="AN7587" s="111">
        <v>0</v>
      </c>
      <c r="AO7587" s="139">
        <v>2</v>
      </c>
      <c r="AP7587" s="111">
        <v>0</v>
      </c>
      <c r="AQ7587" s="111">
        <v>0</v>
      </c>
      <c r="AR7587" s="111">
        <v>0</v>
      </c>
      <c r="AS7587" s="111">
        <v>0</v>
      </c>
      <c r="AT7587" s="111" t="s">
        <v>400</v>
      </c>
      <c r="AU7587" s="111">
        <v>1</v>
      </c>
      <c r="AV7587" s="111">
        <v>0</v>
      </c>
      <c r="AW7587" s="186">
        <v>1</v>
      </c>
      <c r="AX7587" s="112" t="s">
        <v>24414</v>
      </c>
      <c r="AY7587" s="112"/>
      <c r="AZ7587" s="112"/>
      <c r="BA7587" s="112"/>
      <c r="BB7587" s="221">
        <v>45884</v>
      </c>
    </row>
    <row r="7588" spans="1:54" s="278" customFormat="1" ht="12" customHeight="1" x14ac:dyDescent="0.25">
      <c r="A7588" s="276" t="s">
        <v>18213</v>
      </c>
      <c r="B7588" s="277" t="s">
        <v>19788</v>
      </c>
      <c r="C7588" s="93" t="s">
        <v>18214</v>
      </c>
      <c r="D7588" s="93" t="s">
        <v>18215</v>
      </c>
      <c r="E7588" s="111">
        <v>1981</v>
      </c>
      <c r="F7588" s="111">
        <v>158350</v>
      </c>
      <c r="G7588" s="93" t="s">
        <v>6</v>
      </c>
      <c r="H7588" s="111">
        <v>1</v>
      </c>
      <c r="I7588" s="187">
        <v>1</v>
      </c>
      <c r="J7588" s="139">
        <v>1</v>
      </c>
      <c r="K7588" s="111">
        <v>1</v>
      </c>
      <c r="L7588" s="111">
        <v>1</v>
      </c>
      <c r="M7588" s="111">
        <v>1</v>
      </c>
      <c r="N7588" s="111">
        <v>0</v>
      </c>
      <c r="O7588" s="111">
        <v>1</v>
      </c>
      <c r="P7588" s="111">
        <v>1</v>
      </c>
      <c r="Q7588" s="111">
        <v>1</v>
      </c>
      <c r="R7588" s="111">
        <v>1</v>
      </c>
      <c r="S7588" s="111">
        <v>1</v>
      </c>
      <c r="T7588" s="111">
        <v>0</v>
      </c>
      <c r="U7588" s="111">
        <v>1</v>
      </c>
      <c r="V7588" s="111">
        <v>0</v>
      </c>
      <c r="W7588" s="111">
        <v>1</v>
      </c>
      <c r="X7588" s="111">
        <v>1</v>
      </c>
      <c r="Y7588" s="111">
        <v>1</v>
      </c>
      <c r="Z7588" s="111">
        <v>0</v>
      </c>
      <c r="AA7588" s="111">
        <v>0</v>
      </c>
      <c r="AB7588" s="111">
        <v>0</v>
      </c>
      <c r="AC7588" s="111">
        <v>0</v>
      </c>
      <c r="AD7588" s="111">
        <v>0</v>
      </c>
      <c r="AE7588" s="111">
        <v>0</v>
      </c>
      <c r="AF7588" s="111">
        <v>0</v>
      </c>
      <c r="AG7588" s="111">
        <v>0</v>
      </c>
      <c r="AH7588" s="111">
        <v>0</v>
      </c>
      <c r="AI7588" s="111">
        <v>0</v>
      </c>
      <c r="AJ7588" s="111">
        <v>0</v>
      </c>
      <c r="AK7588" s="111">
        <v>0</v>
      </c>
      <c r="AL7588" s="111">
        <v>0</v>
      </c>
      <c r="AM7588" s="111">
        <v>0</v>
      </c>
      <c r="AN7588" s="111">
        <v>0</v>
      </c>
      <c r="AO7588" s="139">
        <v>8</v>
      </c>
      <c r="AP7588" s="111">
        <v>0</v>
      </c>
      <c r="AQ7588" s="111">
        <v>0</v>
      </c>
      <c r="AR7588" s="111">
        <v>0</v>
      </c>
      <c r="AS7588" s="111">
        <v>0</v>
      </c>
      <c r="AT7588" s="111">
        <v>1</v>
      </c>
      <c r="AU7588" s="139">
        <v>1</v>
      </c>
      <c r="AV7588" s="139">
        <v>0</v>
      </c>
      <c r="AW7588" s="187">
        <v>1</v>
      </c>
      <c r="AX7588" s="112" t="s">
        <v>24414</v>
      </c>
      <c r="AY7588" s="112"/>
      <c r="AZ7588" s="112"/>
      <c r="BA7588" s="112"/>
      <c r="BB7588" s="221">
        <v>45884</v>
      </c>
    </row>
    <row r="7589" spans="1:54" s="278" customFormat="1" ht="12" customHeight="1" x14ac:dyDescent="0.25">
      <c r="A7589" s="276" t="s">
        <v>21550</v>
      </c>
      <c r="B7589" s="277" t="s">
        <v>19788</v>
      </c>
      <c r="C7589" s="93" t="s">
        <v>20340</v>
      </c>
      <c r="D7589" s="93" t="s">
        <v>20341</v>
      </c>
      <c r="E7589" s="111">
        <v>2015</v>
      </c>
      <c r="F7589" s="111">
        <v>1846</v>
      </c>
      <c r="G7589" s="93" t="s">
        <v>1</v>
      </c>
      <c r="H7589" s="111">
        <v>1</v>
      </c>
      <c r="I7589" s="111">
        <v>0</v>
      </c>
      <c r="J7589" s="111">
        <v>1</v>
      </c>
      <c r="K7589" s="111">
        <v>1</v>
      </c>
      <c r="L7589" s="111">
        <v>1</v>
      </c>
      <c r="M7589" s="111">
        <v>1</v>
      </c>
      <c r="N7589" s="111">
        <v>0</v>
      </c>
      <c r="O7589" s="111">
        <v>1</v>
      </c>
      <c r="P7589" s="111">
        <v>0</v>
      </c>
      <c r="Q7589" s="111">
        <v>0</v>
      </c>
      <c r="R7589" s="111">
        <v>1</v>
      </c>
      <c r="S7589" s="111">
        <v>1</v>
      </c>
      <c r="T7589" s="111">
        <v>0</v>
      </c>
      <c r="U7589" s="111">
        <v>0</v>
      </c>
      <c r="V7589" s="111">
        <v>0</v>
      </c>
      <c r="W7589" s="111">
        <v>0</v>
      </c>
      <c r="X7589" s="111">
        <v>0</v>
      </c>
      <c r="Y7589" s="111">
        <v>0</v>
      </c>
      <c r="Z7589" s="111">
        <v>0</v>
      </c>
      <c r="AA7589" s="111">
        <v>0</v>
      </c>
      <c r="AB7589" s="111">
        <v>0</v>
      </c>
      <c r="AC7589" s="111">
        <v>0</v>
      </c>
      <c r="AD7589" s="111">
        <v>0</v>
      </c>
      <c r="AE7589" s="111">
        <v>0</v>
      </c>
      <c r="AF7589" s="111">
        <v>0</v>
      </c>
      <c r="AG7589" s="111">
        <v>0</v>
      </c>
      <c r="AH7589" s="111">
        <v>0</v>
      </c>
      <c r="AI7589" s="111">
        <v>0</v>
      </c>
      <c r="AJ7589" s="111">
        <v>0</v>
      </c>
      <c r="AK7589" s="111">
        <v>0</v>
      </c>
      <c r="AL7589" s="111">
        <v>0</v>
      </c>
      <c r="AM7589" s="111">
        <v>0</v>
      </c>
      <c r="AN7589" s="111">
        <v>0</v>
      </c>
      <c r="AO7589" s="111">
        <v>0</v>
      </c>
      <c r="AP7589" s="111">
        <v>0</v>
      </c>
      <c r="AQ7589" s="111">
        <v>0</v>
      </c>
      <c r="AR7589" s="111">
        <v>0</v>
      </c>
      <c r="AS7589" s="111">
        <v>0</v>
      </c>
      <c r="AT7589" s="111" t="s">
        <v>400</v>
      </c>
      <c r="AU7589" s="111">
        <v>0</v>
      </c>
      <c r="AV7589" s="111">
        <v>0</v>
      </c>
      <c r="AW7589" s="186">
        <v>1</v>
      </c>
      <c r="AX7589" s="112"/>
      <c r="AY7589" s="112"/>
      <c r="AZ7589" s="112"/>
      <c r="BA7589" s="112"/>
      <c r="BB7589" s="221">
        <v>45884</v>
      </c>
    </row>
    <row r="7590" spans="1:54" s="278" customFormat="1" ht="12" customHeight="1" x14ac:dyDescent="0.25">
      <c r="A7590" s="276" t="s">
        <v>21551</v>
      </c>
      <c r="B7590" s="277" t="s">
        <v>19788</v>
      </c>
      <c r="C7590" s="93" t="s">
        <v>20342</v>
      </c>
      <c r="D7590" s="93" t="s">
        <v>21552</v>
      </c>
      <c r="E7590" s="111">
        <v>2017</v>
      </c>
      <c r="F7590" s="111">
        <v>2150</v>
      </c>
      <c r="G7590" s="93" t="s">
        <v>20277</v>
      </c>
      <c r="H7590" s="111">
        <v>0</v>
      </c>
      <c r="I7590" s="111">
        <v>1</v>
      </c>
      <c r="J7590" s="111">
        <v>1</v>
      </c>
      <c r="K7590" s="111">
        <v>0</v>
      </c>
      <c r="L7590" s="111">
        <v>0</v>
      </c>
      <c r="M7590" s="111">
        <v>1</v>
      </c>
      <c r="N7590" s="111">
        <v>1</v>
      </c>
      <c r="O7590" s="111">
        <v>1</v>
      </c>
      <c r="P7590" s="111">
        <v>1</v>
      </c>
      <c r="Q7590" s="111">
        <v>0</v>
      </c>
      <c r="R7590" s="111">
        <v>1</v>
      </c>
      <c r="S7590" s="111">
        <v>1</v>
      </c>
      <c r="T7590" s="111">
        <v>0</v>
      </c>
      <c r="U7590" s="111">
        <v>0</v>
      </c>
      <c r="V7590" s="111">
        <v>0</v>
      </c>
      <c r="W7590" s="111">
        <v>0</v>
      </c>
      <c r="X7590" s="111">
        <v>0</v>
      </c>
      <c r="Y7590" s="111">
        <v>0</v>
      </c>
      <c r="Z7590" s="111">
        <v>0</v>
      </c>
      <c r="AA7590" s="111">
        <v>0</v>
      </c>
      <c r="AB7590" s="111">
        <v>0</v>
      </c>
      <c r="AC7590" s="111">
        <v>0</v>
      </c>
      <c r="AD7590" s="111">
        <v>0</v>
      </c>
      <c r="AE7590" s="111">
        <v>0</v>
      </c>
      <c r="AF7590" s="111">
        <v>0</v>
      </c>
      <c r="AG7590" s="111">
        <v>0</v>
      </c>
      <c r="AH7590" s="111">
        <v>0</v>
      </c>
      <c r="AI7590" s="111">
        <v>0</v>
      </c>
      <c r="AJ7590" s="111">
        <v>0</v>
      </c>
      <c r="AK7590" s="111">
        <v>0</v>
      </c>
      <c r="AL7590" s="111">
        <v>0</v>
      </c>
      <c r="AM7590" s="111">
        <v>0</v>
      </c>
      <c r="AN7590" s="111">
        <v>0</v>
      </c>
      <c r="AO7590" s="111">
        <v>2</v>
      </c>
      <c r="AP7590" s="111">
        <v>0</v>
      </c>
      <c r="AQ7590" s="111">
        <v>0</v>
      </c>
      <c r="AR7590" s="111">
        <v>0</v>
      </c>
      <c r="AS7590" s="111">
        <v>0</v>
      </c>
      <c r="AT7590" s="111" t="s">
        <v>400</v>
      </c>
      <c r="AU7590" s="111">
        <v>0</v>
      </c>
      <c r="AV7590" s="111">
        <v>0</v>
      </c>
      <c r="AW7590" s="111">
        <v>1</v>
      </c>
      <c r="AX7590" s="112"/>
      <c r="AY7590" s="112"/>
      <c r="AZ7590" s="112"/>
      <c r="BA7590" s="112"/>
      <c r="BB7590" s="221">
        <v>45884</v>
      </c>
    </row>
    <row r="7591" spans="1:54" s="278" customFormat="1" ht="12" customHeight="1" x14ac:dyDescent="0.25">
      <c r="A7591" s="276" t="s">
        <v>21921</v>
      </c>
      <c r="B7591" s="277" t="s">
        <v>19788</v>
      </c>
      <c r="C7591" s="93" t="s">
        <v>21914</v>
      </c>
      <c r="D7591" s="93" t="s">
        <v>21915</v>
      </c>
      <c r="E7591" s="111">
        <v>2022</v>
      </c>
      <c r="F7591" s="111">
        <v>13829</v>
      </c>
      <c r="G7591" s="93" t="s">
        <v>21916</v>
      </c>
      <c r="H7591" s="111">
        <v>1</v>
      </c>
      <c r="I7591" s="111">
        <v>1</v>
      </c>
      <c r="J7591" s="111">
        <v>2</v>
      </c>
      <c r="K7591" s="111">
        <v>0</v>
      </c>
      <c r="L7591" s="111">
        <v>0</v>
      </c>
      <c r="M7591" s="111">
        <v>0</v>
      </c>
      <c r="N7591" s="111">
        <v>0</v>
      </c>
      <c r="O7591" s="111">
        <v>0</v>
      </c>
      <c r="P7591" s="111">
        <v>0</v>
      </c>
      <c r="Q7591" s="111">
        <v>0</v>
      </c>
      <c r="R7591" s="111">
        <v>0</v>
      </c>
      <c r="S7591" s="111">
        <v>0</v>
      </c>
      <c r="T7591" s="111">
        <v>0</v>
      </c>
      <c r="U7591" s="111">
        <v>0</v>
      </c>
      <c r="V7591" s="111">
        <v>0</v>
      </c>
      <c r="W7591" s="111">
        <v>0</v>
      </c>
      <c r="X7591" s="111">
        <v>0</v>
      </c>
      <c r="Y7591" s="111">
        <v>0</v>
      </c>
      <c r="Z7591" s="111">
        <v>0</v>
      </c>
      <c r="AA7591" s="111">
        <v>0</v>
      </c>
      <c r="AB7591" s="111">
        <v>0</v>
      </c>
      <c r="AC7591" s="111">
        <v>0</v>
      </c>
      <c r="AD7591" s="111">
        <v>0</v>
      </c>
      <c r="AE7591" s="111">
        <v>0</v>
      </c>
      <c r="AF7591" s="111">
        <v>0</v>
      </c>
      <c r="AG7591" s="111">
        <v>0</v>
      </c>
      <c r="AH7591" s="111">
        <v>0</v>
      </c>
      <c r="AI7591" s="111">
        <v>0</v>
      </c>
      <c r="AJ7591" s="111">
        <v>0</v>
      </c>
      <c r="AK7591" s="111">
        <v>0</v>
      </c>
      <c r="AL7591" s="111">
        <v>0</v>
      </c>
      <c r="AM7591" s="111">
        <v>0</v>
      </c>
      <c r="AN7591" s="111">
        <v>0</v>
      </c>
      <c r="AO7591" s="111">
        <v>1</v>
      </c>
      <c r="AP7591" s="111">
        <v>0</v>
      </c>
      <c r="AQ7591" s="111">
        <v>0</v>
      </c>
      <c r="AR7591" s="111">
        <v>0</v>
      </c>
      <c r="AS7591" s="111">
        <v>0</v>
      </c>
      <c r="AT7591" s="111" t="s">
        <v>174</v>
      </c>
      <c r="AU7591" s="111">
        <v>0</v>
      </c>
      <c r="AV7591" s="111">
        <v>0</v>
      </c>
      <c r="AW7591" s="186">
        <v>0</v>
      </c>
      <c r="AX7591" s="112"/>
      <c r="AY7591" s="112"/>
      <c r="AZ7591" s="112"/>
      <c r="BA7591" s="112"/>
      <c r="BB7591" s="221">
        <v>45884</v>
      </c>
    </row>
    <row r="7592" spans="1:54" s="278" customFormat="1" ht="12" customHeight="1" x14ac:dyDescent="0.25">
      <c r="A7592" s="276" t="s">
        <v>21922</v>
      </c>
      <c r="B7592" s="277" t="s">
        <v>19788</v>
      </c>
      <c r="C7592" s="93" t="s">
        <v>21917</v>
      </c>
      <c r="D7592" s="93" t="s">
        <v>21918</v>
      </c>
      <c r="E7592" s="111">
        <v>2022</v>
      </c>
      <c r="F7592" s="111">
        <v>3600</v>
      </c>
      <c r="G7592" s="93" t="s">
        <v>20277</v>
      </c>
      <c r="H7592" s="111">
        <v>1</v>
      </c>
      <c r="I7592" s="111">
        <v>0</v>
      </c>
      <c r="J7592" s="111">
        <v>2</v>
      </c>
      <c r="K7592" s="111">
        <v>0</v>
      </c>
      <c r="L7592" s="111">
        <v>0</v>
      </c>
      <c r="M7592" s="111">
        <v>0</v>
      </c>
      <c r="N7592" s="111">
        <v>0</v>
      </c>
      <c r="O7592" s="111">
        <v>0</v>
      </c>
      <c r="P7592" s="111">
        <v>0</v>
      </c>
      <c r="Q7592" s="111">
        <v>0</v>
      </c>
      <c r="R7592" s="111">
        <v>0</v>
      </c>
      <c r="S7592" s="111">
        <v>0</v>
      </c>
      <c r="T7592" s="111">
        <v>0</v>
      </c>
      <c r="U7592" s="111">
        <v>0</v>
      </c>
      <c r="V7592" s="111">
        <v>0</v>
      </c>
      <c r="W7592" s="111">
        <v>0</v>
      </c>
      <c r="X7592" s="111">
        <v>0</v>
      </c>
      <c r="Y7592" s="111">
        <v>0</v>
      </c>
      <c r="Z7592" s="111">
        <v>0</v>
      </c>
      <c r="AA7592" s="111">
        <v>0</v>
      </c>
      <c r="AB7592" s="111">
        <v>0</v>
      </c>
      <c r="AC7592" s="111">
        <v>0</v>
      </c>
      <c r="AD7592" s="111">
        <v>0</v>
      </c>
      <c r="AE7592" s="111">
        <v>0</v>
      </c>
      <c r="AF7592" s="111">
        <v>0</v>
      </c>
      <c r="AG7592" s="111">
        <v>0</v>
      </c>
      <c r="AH7592" s="111">
        <v>0</v>
      </c>
      <c r="AI7592" s="111">
        <v>0</v>
      </c>
      <c r="AJ7592" s="111">
        <v>0</v>
      </c>
      <c r="AK7592" s="111">
        <v>0</v>
      </c>
      <c r="AL7592" s="111">
        <v>0</v>
      </c>
      <c r="AM7592" s="111">
        <v>0</v>
      </c>
      <c r="AN7592" s="111">
        <v>0</v>
      </c>
      <c r="AO7592" s="111">
        <v>0</v>
      </c>
      <c r="AP7592" s="111">
        <v>0</v>
      </c>
      <c r="AQ7592" s="111">
        <v>0</v>
      </c>
      <c r="AR7592" s="111">
        <v>0</v>
      </c>
      <c r="AS7592" s="111">
        <v>0</v>
      </c>
      <c r="AT7592" s="111" t="s">
        <v>174</v>
      </c>
      <c r="AU7592" s="111">
        <v>0</v>
      </c>
      <c r="AV7592" s="111">
        <v>0</v>
      </c>
      <c r="AW7592" s="186">
        <v>0</v>
      </c>
      <c r="AX7592" s="112"/>
      <c r="AY7592" s="112"/>
      <c r="AZ7592" s="112"/>
      <c r="BA7592" s="112"/>
      <c r="BB7592" s="221">
        <v>45884</v>
      </c>
    </row>
    <row r="7593" spans="1:54" s="278" customFormat="1" ht="12" customHeight="1" x14ac:dyDescent="0.25">
      <c r="A7593" s="276" t="s">
        <v>21923</v>
      </c>
      <c r="B7593" s="277" t="s">
        <v>19788</v>
      </c>
      <c r="C7593" s="93" t="s">
        <v>21919</v>
      </c>
      <c r="D7593" s="93" t="s">
        <v>21920</v>
      </c>
      <c r="E7593" s="111">
        <v>2022</v>
      </c>
      <c r="F7593" s="111">
        <v>8262</v>
      </c>
      <c r="G7593" s="93" t="s">
        <v>20277</v>
      </c>
      <c r="H7593" s="111">
        <v>1</v>
      </c>
      <c r="I7593" s="111">
        <v>1</v>
      </c>
      <c r="J7593" s="111">
        <v>1</v>
      </c>
      <c r="K7593" s="111">
        <v>0</v>
      </c>
      <c r="L7593" s="111">
        <v>0</v>
      </c>
      <c r="M7593" s="111">
        <v>0</v>
      </c>
      <c r="N7593" s="111">
        <v>0</v>
      </c>
      <c r="O7593" s="111">
        <v>0</v>
      </c>
      <c r="P7593" s="111">
        <v>0</v>
      </c>
      <c r="Q7593" s="111">
        <v>0</v>
      </c>
      <c r="R7593" s="111">
        <v>0</v>
      </c>
      <c r="S7593" s="111">
        <v>0</v>
      </c>
      <c r="T7593" s="111">
        <v>0</v>
      </c>
      <c r="U7593" s="111">
        <v>0</v>
      </c>
      <c r="V7593" s="111">
        <v>0</v>
      </c>
      <c r="W7593" s="111">
        <v>0</v>
      </c>
      <c r="X7593" s="111">
        <v>0</v>
      </c>
      <c r="Y7593" s="111">
        <v>0</v>
      </c>
      <c r="Z7593" s="111">
        <v>0</v>
      </c>
      <c r="AA7593" s="111">
        <v>0</v>
      </c>
      <c r="AB7593" s="111">
        <v>0</v>
      </c>
      <c r="AC7593" s="111">
        <v>0</v>
      </c>
      <c r="AD7593" s="111">
        <v>0</v>
      </c>
      <c r="AE7593" s="111">
        <v>0</v>
      </c>
      <c r="AF7593" s="111">
        <v>0</v>
      </c>
      <c r="AG7593" s="111">
        <v>0</v>
      </c>
      <c r="AH7593" s="111">
        <v>0</v>
      </c>
      <c r="AI7593" s="111">
        <v>0</v>
      </c>
      <c r="AJ7593" s="111">
        <v>0</v>
      </c>
      <c r="AK7593" s="111">
        <v>0</v>
      </c>
      <c r="AL7593" s="111">
        <v>0</v>
      </c>
      <c r="AM7593" s="111">
        <v>0</v>
      </c>
      <c r="AN7593" s="111">
        <v>0</v>
      </c>
      <c r="AO7593" s="111">
        <v>2</v>
      </c>
      <c r="AP7593" s="111">
        <v>0</v>
      </c>
      <c r="AQ7593" s="111">
        <v>0</v>
      </c>
      <c r="AR7593" s="111">
        <v>0</v>
      </c>
      <c r="AS7593" s="111">
        <v>0</v>
      </c>
      <c r="AT7593" s="111" t="s">
        <v>174</v>
      </c>
      <c r="AU7593" s="111">
        <v>0</v>
      </c>
      <c r="AV7593" s="111">
        <v>1</v>
      </c>
      <c r="AW7593" s="111">
        <v>0</v>
      </c>
      <c r="AX7593" s="112"/>
      <c r="AY7593" s="112" t="s">
        <v>22117</v>
      </c>
      <c r="AZ7593" s="112"/>
      <c r="BA7593" s="112" t="s">
        <v>22103</v>
      </c>
      <c r="BB7593" s="221">
        <v>45884</v>
      </c>
    </row>
    <row r="7594" spans="1:54" s="8" customFormat="1" ht="15.75" customHeight="1" x14ac:dyDescent="0.25">
      <c r="A7594" s="279" t="s">
        <v>24660</v>
      </c>
      <c r="B7594" s="280" t="s">
        <v>19788</v>
      </c>
      <c r="C7594" s="233" t="s">
        <v>24661</v>
      </c>
      <c r="D7594" s="233" t="s">
        <v>24662</v>
      </c>
      <c r="E7594" s="234">
        <v>2025</v>
      </c>
      <c r="F7594" s="234">
        <v>642.54</v>
      </c>
      <c r="G7594" s="233" t="s">
        <v>1</v>
      </c>
      <c r="H7594" s="233">
        <v>0</v>
      </c>
      <c r="I7594" s="233">
        <v>0</v>
      </c>
      <c r="J7594" s="233">
        <v>1</v>
      </c>
      <c r="K7594" s="233">
        <v>0</v>
      </c>
      <c r="L7594" s="233">
        <v>0</v>
      </c>
      <c r="M7594" s="233">
        <v>0</v>
      </c>
      <c r="N7594" s="233">
        <v>1</v>
      </c>
      <c r="O7594" s="233">
        <v>1</v>
      </c>
      <c r="P7594" s="233">
        <v>0</v>
      </c>
      <c r="Q7594" s="233">
        <v>0</v>
      </c>
      <c r="R7594" s="233">
        <v>0</v>
      </c>
      <c r="S7594" s="233">
        <v>0</v>
      </c>
      <c r="T7594" s="233">
        <v>0</v>
      </c>
      <c r="U7594" s="233">
        <v>0</v>
      </c>
      <c r="V7594" s="233">
        <v>0</v>
      </c>
      <c r="W7594" s="233">
        <v>0</v>
      </c>
      <c r="X7594" s="233">
        <v>0</v>
      </c>
      <c r="Y7594" s="233">
        <v>0</v>
      </c>
      <c r="Z7594" s="233">
        <v>0</v>
      </c>
      <c r="AA7594" s="233">
        <v>0</v>
      </c>
      <c r="AB7594" s="233">
        <v>0</v>
      </c>
      <c r="AC7594" s="233">
        <v>0</v>
      </c>
      <c r="AD7594" s="233">
        <v>0</v>
      </c>
      <c r="AE7594" s="233">
        <v>0</v>
      </c>
      <c r="AF7594" s="233">
        <v>0</v>
      </c>
      <c r="AG7594" s="233">
        <v>0</v>
      </c>
      <c r="AH7594" s="233">
        <v>0</v>
      </c>
      <c r="AI7594" s="233">
        <v>0</v>
      </c>
      <c r="AJ7594" s="233">
        <v>0</v>
      </c>
      <c r="AK7594" s="233">
        <v>0</v>
      </c>
      <c r="AL7594" s="233">
        <v>0</v>
      </c>
      <c r="AM7594" s="233">
        <v>0</v>
      </c>
      <c r="AN7594" s="233">
        <v>0</v>
      </c>
      <c r="AO7594" s="233">
        <v>0</v>
      </c>
      <c r="AP7594" s="233">
        <v>0</v>
      </c>
      <c r="AQ7594" s="233">
        <v>0</v>
      </c>
      <c r="AR7594" s="233">
        <v>0</v>
      </c>
      <c r="AS7594" s="233">
        <v>0</v>
      </c>
      <c r="AT7594" s="234" t="s">
        <v>400</v>
      </c>
      <c r="AU7594" s="233">
        <v>0</v>
      </c>
      <c r="AV7594" s="233">
        <v>0</v>
      </c>
      <c r="AW7594" s="233">
        <v>0</v>
      </c>
      <c r="AX7594" s="281"/>
      <c r="AY7594" s="281"/>
      <c r="AZ7594" s="281"/>
      <c r="BA7594" s="281"/>
      <c r="BB7594" s="221">
        <v>45884</v>
      </c>
    </row>
    <row r="7595" spans="1:54" s="8" customFormat="1" ht="13.95" customHeight="1" x14ac:dyDescent="0.25">
      <c r="A7595" s="229" t="s">
        <v>18216</v>
      </c>
      <c r="B7595" s="96" t="s">
        <v>18217</v>
      </c>
      <c r="C7595" s="93" t="s">
        <v>18218</v>
      </c>
      <c r="D7595" s="93" t="s">
        <v>18219</v>
      </c>
      <c r="E7595" s="111">
        <v>1997</v>
      </c>
      <c r="F7595" s="111">
        <v>122</v>
      </c>
      <c r="G7595" s="93" t="s">
        <v>1</v>
      </c>
      <c r="H7595" s="111">
        <v>0</v>
      </c>
      <c r="I7595" s="111">
        <v>0</v>
      </c>
      <c r="J7595" s="111">
        <v>1</v>
      </c>
      <c r="K7595" s="111">
        <v>0</v>
      </c>
      <c r="L7595" s="111">
        <v>0</v>
      </c>
      <c r="M7595" s="111">
        <v>0</v>
      </c>
      <c r="N7595" s="111">
        <v>0</v>
      </c>
      <c r="O7595" s="111">
        <v>0</v>
      </c>
      <c r="P7595" s="111">
        <v>0</v>
      </c>
      <c r="Q7595" s="111">
        <v>0</v>
      </c>
      <c r="R7595" s="111">
        <v>0</v>
      </c>
      <c r="S7595" s="111">
        <v>0</v>
      </c>
      <c r="T7595" s="111">
        <v>0</v>
      </c>
      <c r="U7595" s="145"/>
      <c r="V7595" s="145"/>
      <c r="W7595" s="145"/>
      <c r="X7595" s="145"/>
      <c r="Y7595" s="145"/>
      <c r="Z7595" s="145"/>
      <c r="AA7595" s="145"/>
      <c r="AB7595" s="145"/>
      <c r="AC7595" s="145"/>
      <c r="AD7595" s="145"/>
      <c r="AE7595" s="145"/>
      <c r="AF7595" s="145"/>
      <c r="AG7595" s="145"/>
      <c r="AH7595" s="145"/>
      <c r="AI7595" s="145"/>
      <c r="AJ7595" s="145"/>
      <c r="AK7595" s="145"/>
      <c r="AL7595" s="145"/>
      <c r="AM7595" s="145"/>
      <c r="AN7595" s="145"/>
      <c r="AO7595" s="145"/>
      <c r="AP7595" s="145"/>
      <c r="AQ7595" s="145"/>
      <c r="AR7595" s="145"/>
      <c r="AS7595" s="145"/>
      <c r="AT7595" s="145"/>
      <c r="AU7595" s="145"/>
      <c r="AV7595" s="145"/>
      <c r="AW7595" s="145"/>
      <c r="AX7595" s="146"/>
      <c r="AY7595" s="146"/>
      <c r="AZ7595" s="146"/>
      <c r="BA7595" s="146"/>
      <c r="BB7595" s="221">
        <v>45884</v>
      </c>
    </row>
    <row r="7596" spans="1:54" s="8" customFormat="1" ht="13.95" customHeight="1" x14ac:dyDescent="0.25">
      <c r="A7596" s="229" t="s">
        <v>18220</v>
      </c>
      <c r="B7596" s="96" t="s">
        <v>18217</v>
      </c>
      <c r="C7596" s="93" t="s">
        <v>16407</v>
      </c>
      <c r="D7596" s="93" t="s">
        <v>18221</v>
      </c>
      <c r="E7596" s="111">
        <v>1999</v>
      </c>
      <c r="F7596" s="111">
        <v>345</v>
      </c>
      <c r="G7596" s="93" t="s">
        <v>1</v>
      </c>
      <c r="H7596" s="111">
        <v>1</v>
      </c>
      <c r="I7596" s="111">
        <v>1</v>
      </c>
      <c r="J7596" s="111">
        <v>1</v>
      </c>
      <c r="K7596" s="111">
        <v>0</v>
      </c>
      <c r="L7596" s="111">
        <v>0</v>
      </c>
      <c r="M7596" s="111">
        <v>1</v>
      </c>
      <c r="N7596" s="111">
        <v>0</v>
      </c>
      <c r="O7596" s="111">
        <v>0</v>
      </c>
      <c r="P7596" s="111">
        <v>1</v>
      </c>
      <c r="Q7596" s="111">
        <v>0</v>
      </c>
      <c r="R7596" s="111">
        <v>0</v>
      </c>
      <c r="S7596" s="111">
        <v>0</v>
      </c>
      <c r="T7596" s="111">
        <v>0</v>
      </c>
      <c r="U7596" s="145"/>
      <c r="V7596" s="145"/>
      <c r="W7596" s="145"/>
      <c r="X7596" s="145"/>
      <c r="Y7596" s="145"/>
      <c r="Z7596" s="145"/>
      <c r="AA7596" s="145"/>
      <c r="AB7596" s="145"/>
      <c r="AC7596" s="145"/>
      <c r="AD7596" s="145"/>
      <c r="AE7596" s="145"/>
      <c r="AF7596" s="145"/>
      <c r="AG7596" s="145"/>
      <c r="AH7596" s="145"/>
      <c r="AI7596" s="145"/>
      <c r="AJ7596" s="145"/>
      <c r="AK7596" s="145"/>
      <c r="AL7596" s="145"/>
      <c r="AM7596" s="145"/>
      <c r="AN7596" s="145"/>
      <c r="AO7596" s="145"/>
      <c r="AP7596" s="145"/>
      <c r="AQ7596" s="145"/>
      <c r="AR7596" s="145"/>
      <c r="AS7596" s="145"/>
      <c r="AT7596" s="145"/>
      <c r="AU7596" s="145"/>
      <c r="AV7596" s="145"/>
      <c r="AW7596" s="145"/>
      <c r="AX7596" s="146"/>
      <c r="AY7596" s="146"/>
      <c r="AZ7596" s="146"/>
      <c r="BA7596" s="146"/>
      <c r="BB7596" s="221">
        <v>45884</v>
      </c>
    </row>
    <row r="7597" spans="1:54" s="8" customFormat="1" ht="13.95" customHeight="1" x14ac:dyDescent="0.25">
      <c r="A7597" s="229" t="s">
        <v>18222</v>
      </c>
      <c r="B7597" s="96" t="s">
        <v>18217</v>
      </c>
      <c r="C7597" s="93" t="s">
        <v>4504</v>
      </c>
      <c r="D7597" s="93" t="s">
        <v>18223</v>
      </c>
      <c r="E7597" s="111">
        <v>1990</v>
      </c>
      <c r="F7597" s="111">
        <v>485</v>
      </c>
      <c r="G7597" s="93" t="s">
        <v>1</v>
      </c>
      <c r="H7597" s="111">
        <v>1</v>
      </c>
      <c r="I7597" s="111">
        <v>0</v>
      </c>
      <c r="J7597" s="111">
        <v>1</v>
      </c>
      <c r="K7597" s="111">
        <v>0</v>
      </c>
      <c r="L7597" s="111">
        <v>1</v>
      </c>
      <c r="M7597" s="111">
        <v>1</v>
      </c>
      <c r="N7597" s="111">
        <v>0</v>
      </c>
      <c r="O7597" s="111">
        <v>0</v>
      </c>
      <c r="P7597" s="111">
        <v>1</v>
      </c>
      <c r="Q7597" s="111">
        <v>0</v>
      </c>
      <c r="R7597" s="111">
        <v>0</v>
      </c>
      <c r="S7597" s="111">
        <v>0</v>
      </c>
      <c r="T7597" s="111">
        <v>0</v>
      </c>
      <c r="U7597" s="145"/>
      <c r="V7597" s="145"/>
      <c r="W7597" s="145"/>
      <c r="X7597" s="145"/>
      <c r="Y7597" s="145"/>
      <c r="Z7597" s="145"/>
      <c r="AA7597" s="145"/>
      <c r="AB7597" s="145"/>
      <c r="AC7597" s="145"/>
      <c r="AD7597" s="145"/>
      <c r="AE7597" s="145"/>
      <c r="AF7597" s="145"/>
      <c r="AG7597" s="145"/>
      <c r="AH7597" s="145"/>
      <c r="AI7597" s="145"/>
      <c r="AJ7597" s="145"/>
      <c r="AK7597" s="145"/>
      <c r="AL7597" s="145"/>
      <c r="AM7597" s="145"/>
      <c r="AN7597" s="145"/>
      <c r="AO7597" s="145"/>
      <c r="AP7597" s="145"/>
      <c r="AQ7597" s="145"/>
      <c r="AR7597" s="145"/>
      <c r="AS7597" s="145"/>
      <c r="AT7597" s="111">
        <v>1</v>
      </c>
      <c r="AU7597" s="145"/>
      <c r="AV7597" s="145"/>
      <c r="AW7597" s="111">
        <v>1</v>
      </c>
      <c r="AX7597" s="146"/>
      <c r="AY7597" s="146"/>
      <c r="AZ7597" s="112" t="s">
        <v>18224</v>
      </c>
      <c r="BA7597" s="112"/>
      <c r="BB7597" s="221">
        <v>45884</v>
      </c>
    </row>
    <row r="7598" spans="1:54" s="8" customFormat="1" ht="13.95" customHeight="1" x14ac:dyDescent="0.25">
      <c r="A7598" s="229" t="s">
        <v>18225</v>
      </c>
      <c r="B7598" s="96" t="s">
        <v>18217</v>
      </c>
      <c r="C7598" s="93" t="s">
        <v>18226</v>
      </c>
      <c r="D7598" s="93" t="s">
        <v>18227</v>
      </c>
      <c r="E7598" s="111">
        <v>1988</v>
      </c>
      <c r="F7598" s="111">
        <v>485</v>
      </c>
      <c r="G7598" s="93" t="s">
        <v>1</v>
      </c>
      <c r="H7598" s="111">
        <v>1</v>
      </c>
      <c r="I7598" s="111">
        <v>0</v>
      </c>
      <c r="J7598" s="111">
        <v>1</v>
      </c>
      <c r="K7598" s="111">
        <v>0</v>
      </c>
      <c r="L7598" s="111">
        <v>1</v>
      </c>
      <c r="M7598" s="111">
        <v>0</v>
      </c>
      <c r="N7598" s="111">
        <v>0</v>
      </c>
      <c r="O7598" s="111">
        <v>0</v>
      </c>
      <c r="P7598" s="111">
        <v>1</v>
      </c>
      <c r="Q7598" s="111">
        <v>0</v>
      </c>
      <c r="R7598" s="111">
        <v>1</v>
      </c>
      <c r="S7598" s="111">
        <v>0</v>
      </c>
      <c r="T7598" s="111">
        <v>0</v>
      </c>
      <c r="U7598" s="145"/>
      <c r="V7598" s="145"/>
      <c r="W7598" s="145"/>
      <c r="X7598" s="145"/>
      <c r="Y7598" s="145"/>
      <c r="Z7598" s="145"/>
      <c r="AA7598" s="145"/>
      <c r="AB7598" s="145"/>
      <c r="AC7598" s="145"/>
      <c r="AD7598" s="145"/>
      <c r="AE7598" s="145"/>
      <c r="AF7598" s="145"/>
      <c r="AG7598" s="145"/>
      <c r="AH7598" s="145"/>
      <c r="AI7598" s="145"/>
      <c r="AJ7598" s="145"/>
      <c r="AK7598" s="145"/>
      <c r="AL7598" s="145"/>
      <c r="AM7598" s="145"/>
      <c r="AN7598" s="145"/>
      <c r="AO7598" s="145"/>
      <c r="AP7598" s="145"/>
      <c r="AQ7598" s="145"/>
      <c r="AR7598" s="145"/>
      <c r="AS7598" s="145"/>
      <c r="AT7598" s="111">
        <v>1</v>
      </c>
      <c r="AU7598" s="145"/>
      <c r="AV7598" s="145"/>
      <c r="AW7598" s="145"/>
      <c r="AX7598" s="146"/>
      <c r="AY7598" s="146"/>
      <c r="AZ7598" s="146"/>
      <c r="BA7598" s="146"/>
      <c r="BB7598" s="221">
        <v>45884</v>
      </c>
    </row>
    <row r="7599" spans="1:54" s="8" customFormat="1" ht="13.95" customHeight="1" x14ac:dyDescent="0.25">
      <c r="A7599" s="229" t="s">
        <v>18228</v>
      </c>
      <c r="B7599" s="96" t="s">
        <v>18217</v>
      </c>
      <c r="C7599" s="93" t="s">
        <v>18229</v>
      </c>
      <c r="D7599" s="93" t="s">
        <v>18230</v>
      </c>
      <c r="E7599" s="111">
        <v>1990</v>
      </c>
      <c r="F7599" s="111">
        <v>538</v>
      </c>
      <c r="G7599" s="93" t="s">
        <v>1</v>
      </c>
      <c r="H7599" s="111">
        <v>0</v>
      </c>
      <c r="I7599" s="111">
        <v>0</v>
      </c>
      <c r="J7599" s="111">
        <v>0</v>
      </c>
      <c r="K7599" s="111">
        <v>0</v>
      </c>
      <c r="L7599" s="111">
        <v>0</v>
      </c>
      <c r="M7599" s="111">
        <v>0</v>
      </c>
      <c r="N7599" s="111">
        <v>0</v>
      </c>
      <c r="O7599" s="111">
        <v>0</v>
      </c>
      <c r="P7599" s="111">
        <v>0</v>
      </c>
      <c r="Q7599" s="111">
        <v>0</v>
      </c>
      <c r="R7599" s="111">
        <v>0</v>
      </c>
      <c r="S7599" s="111">
        <v>0</v>
      </c>
      <c r="T7599" s="111">
        <v>0</v>
      </c>
      <c r="U7599" s="145"/>
      <c r="V7599" s="145"/>
      <c r="W7599" s="145"/>
      <c r="X7599" s="145"/>
      <c r="Y7599" s="145"/>
      <c r="Z7599" s="145"/>
      <c r="AA7599" s="145"/>
      <c r="AB7599" s="145"/>
      <c r="AC7599" s="145"/>
      <c r="AD7599" s="145"/>
      <c r="AE7599" s="145"/>
      <c r="AF7599" s="145"/>
      <c r="AG7599" s="145"/>
      <c r="AH7599" s="145"/>
      <c r="AI7599" s="145"/>
      <c r="AJ7599" s="145"/>
      <c r="AK7599" s="145"/>
      <c r="AL7599" s="145"/>
      <c r="AM7599" s="145"/>
      <c r="AN7599" s="145"/>
      <c r="AO7599" s="145"/>
      <c r="AP7599" s="145"/>
      <c r="AQ7599" s="145"/>
      <c r="AR7599" s="145"/>
      <c r="AS7599" s="145"/>
      <c r="AT7599" s="145"/>
      <c r="AU7599" s="145"/>
      <c r="AV7599" s="145"/>
      <c r="AW7599" s="145"/>
      <c r="AX7599" s="146"/>
      <c r="AY7599" s="146"/>
      <c r="AZ7599" s="146"/>
      <c r="BA7599" s="146"/>
      <c r="BB7599" s="221">
        <v>45884</v>
      </c>
    </row>
    <row r="7600" spans="1:54" s="8" customFormat="1" ht="13.95" customHeight="1" x14ac:dyDescent="0.25">
      <c r="A7600" s="229" t="s">
        <v>18231</v>
      </c>
      <c r="B7600" s="96" t="s">
        <v>18217</v>
      </c>
      <c r="C7600" s="93" t="s">
        <v>18232</v>
      </c>
      <c r="D7600" s="93" t="s">
        <v>18233</v>
      </c>
      <c r="E7600" s="111">
        <v>1990</v>
      </c>
      <c r="F7600" s="111">
        <v>604</v>
      </c>
      <c r="G7600" s="93" t="s">
        <v>1</v>
      </c>
      <c r="H7600" s="111">
        <v>0</v>
      </c>
      <c r="I7600" s="111">
        <v>0</v>
      </c>
      <c r="J7600" s="111">
        <v>0</v>
      </c>
      <c r="K7600" s="111">
        <v>0</v>
      </c>
      <c r="L7600" s="111">
        <v>1</v>
      </c>
      <c r="M7600" s="111">
        <v>0</v>
      </c>
      <c r="N7600" s="111">
        <v>0</v>
      </c>
      <c r="O7600" s="111">
        <v>0</v>
      </c>
      <c r="P7600" s="111">
        <v>0</v>
      </c>
      <c r="Q7600" s="111">
        <v>0</v>
      </c>
      <c r="R7600" s="111">
        <v>0</v>
      </c>
      <c r="S7600" s="111">
        <v>0</v>
      </c>
      <c r="T7600" s="111">
        <v>0</v>
      </c>
      <c r="U7600" s="145"/>
      <c r="V7600" s="145"/>
      <c r="W7600" s="145"/>
      <c r="X7600" s="145"/>
      <c r="Y7600" s="145"/>
      <c r="Z7600" s="145"/>
      <c r="AA7600" s="145"/>
      <c r="AB7600" s="145"/>
      <c r="AC7600" s="145"/>
      <c r="AD7600" s="145"/>
      <c r="AE7600" s="145"/>
      <c r="AF7600" s="145"/>
      <c r="AG7600" s="145"/>
      <c r="AH7600" s="145"/>
      <c r="AI7600" s="145"/>
      <c r="AJ7600" s="145"/>
      <c r="AK7600" s="145"/>
      <c r="AL7600" s="145"/>
      <c r="AM7600" s="145"/>
      <c r="AN7600" s="145"/>
      <c r="AO7600" s="145"/>
      <c r="AP7600" s="145"/>
      <c r="AQ7600" s="145"/>
      <c r="AR7600" s="145"/>
      <c r="AS7600" s="145"/>
      <c r="AT7600" s="111">
        <v>1</v>
      </c>
      <c r="AU7600" s="145"/>
      <c r="AV7600" s="145"/>
      <c r="AW7600" s="145"/>
      <c r="AX7600" s="146"/>
      <c r="AY7600" s="146"/>
      <c r="AZ7600" s="146"/>
      <c r="BA7600" s="146"/>
      <c r="BB7600" s="221">
        <v>45884</v>
      </c>
    </row>
    <row r="7601" spans="1:54" s="8" customFormat="1" ht="13.95" customHeight="1" x14ac:dyDescent="0.25">
      <c r="A7601" s="229" t="s">
        <v>18234</v>
      </c>
      <c r="B7601" s="96" t="s">
        <v>18217</v>
      </c>
      <c r="C7601" s="93" t="s">
        <v>18235</v>
      </c>
      <c r="D7601" s="93" t="s">
        <v>18236</v>
      </c>
      <c r="E7601" s="111">
        <v>1998</v>
      </c>
      <c r="F7601" s="111">
        <v>1001</v>
      </c>
      <c r="G7601" s="93" t="s">
        <v>1</v>
      </c>
      <c r="H7601" s="111">
        <v>1</v>
      </c>
      <c r="I7601" s="111">
        <v>0</v>
      </c>
      <c r="J7601" s="111">
        <v>1</v>
      </c>
      <c r="K7601" s="111">
        <v>0</v>
      </c>
      <c r="L7601" s="111">
        <v>0</v>
      </c>
      <c r="M7601" s="111">
        <v>0</v>
      </c>
      <c r="N7601" s="111">
        <v>0</v>
      </c>
      <c r="O7601" s="111">
        <v>0</v>
      </c>
      <c r="P7601" s="111">
        <v>0</v>
      </c>
      <c r="Q7601" s="111">
        <v>0</v>
      </c>
      <c r="R7601" s="111">
        <v>0</v>
      </c>
      <c r="S7601" s="111">
        <v>0</v>
      </c>
      <c r="T7601" s="111">
        <v>0</v>
      </c>
      <c r="U7601" s="145"/>
      <c r="V7601" s="145"/>
      <c r="W7601" s="145"/>
      <c r="X7601" s="145"/>
      <c r="Y7601" s="145"/>
      <c r="Z7601" s="145"/>
      <c r="AA7601" s="145"/>
      <c r="AB7601" s="145"/>
      <c r="AC7601" s="145"/>
      <c r="AD7601" s="145"/>
      <c r="AE7601" s="145"/>
      <c r="AF7601" s="145"/>
      <c r="AG7601" s="145"/>
      <c r="AH7601" s="145"/>
      <c r="AI7601" s="145"/>
      <c r="AJ7601" s="145"/>
      <c r="AK7601" s="145"/>
      <c r="AL7601" s="145"/>
      <c r="AM7601" s="145"/>
      <c r="AN7601" s="145"/>
      <c r="AO7601" s="145"/>
      <c r="AP7601" s="145"/>
      <c r="AQ7601" s="145"/>
      <c r="AR7601" s="145"/>
      <c r="AS7601" s="145"/>
      <c r="AT7601" s="145"/>
      <c r="AU7601" s="145"/>
      <c r="AV7601" s="145"/>
      <c r="AW7601" s="145"/>
      <c r="AX7601" s="146"/>
      <c r="AY7601" s="146"/>
      <c r="AZ7601" s="146"/>
      <c r="BA7601" s="146"/>
      <c r="BB7601" s="221">
        <v>45884</v>
      </c>
    </row>
    <row r="7602" spans="1:54" s="8" customFormat="1" ht="13.95" customHeight="1" x14ac:dyDescent="0.25">
      <c r="A7602" s="229" t="s">
        <v>18237</v>
      </c>
      <c r="B7602" s="96" t="s">
        <v>18217</v>
      </c>
      <c r="C7602" s="93" t="s">
        <v>18238</v>
      </c>
      <c r="D7602" s="93" t="s">
        <v>18239</v>
      </c>
      <c r="E7602" s="111">
        <v>1992</v>
      </c>
      <c r="F7602" s="111">
        <v>1170</v>
      </c>
      <c r="G7602" s="93" t="s">
        <v>1</v>
      </c>
      <c r="H7602" s="111">
        <v>1</v>
      </c>
      <c r="I7602" s="111">
        <v>0</v>
      </c>
      <c r="J7602" s="111">
        <v>1</v>
      </c>
      <c r="K7602" s="111">
        <v>0</v>
      </c>
      <c r="L7602" s="111">
        <v>1</v>
      </c>
      <c r="M7602" s="111">
        <v>0</v>
      </c>
      <c r="N7602" s="111">
        <v>0</v>
      </c>
      <c r="O7602" s="111">
        <v>1</v>
      </c>
      <c r="P7602" s="111">
        <v>1</v>
      </c>
      <c r="Q7602" s="111">
        <v>0</v>
      </c>
      <c r="R7602" s="111">
        <v>1</v>
      </c>
      <c r="S7602" s="111">
        <v>0</v>
      </c>
      <c r="T7602" s="111">
        <v>0</v>
      </c>
      <c r="U7602" s="145"/>
      <c r="V7602" s="145"/>
      <c r="W7602" s="145"/>
      <c r="X7602" s="145"/>
      <c r="Y7602" s="145"/>
      <c r="Z7602" s="145"/>
      <c r="AA7602" s="145"/>
      <c r="AB7602" s="145"/>
      <c r="AC7602" s="145"/>
      <c r="AD7602" s="145"/>
      <c r="AE7602" s="145"/>
      <c r="AF7602" s="145"/>
      <c r="AG7602" s="145"/>
      <c r="AH7602" s="145"/>
      <c r="AI7602" s="145"/>
      <c r="AJ7602" s="145"/>
      <c r="AK7602" s="145"/>
      <c r="AL7602" s="145"/>
      <c r="AM7602" s="145"/>
      <c r="AN7602" s="145"/>
      <c r="AO7602" s="145"/>
      <c r="AP7602" s="145"/>
      <c r="AQ7602" s="145"/>
      <c r="AR7602" s="145"/>
      <c r="AS7602" s="145"/>
      <c r="AT7602" s="111">
        <v>1</v>
      </c>
      <c r="AU7602" s="145"/>
      <c r="AV7602" s="145"/>
      <c r="AW7602" s="111">
        <v>1</v>
      </c>
      <c r="AX7602" s="146"/>
      <c r="AY7602" s="146"/>
      <c r="AZ7602" s="146"/>
      <c r="BA7602" s="146"/>
      <c r="BB7602" s="221">
        <v>45884</v>
      </c>
    </row>
    <row r="7603" spans="1:54" s="8" customFormat="1" ht="13.95" customHeight="1" x14ac:dyDescent="0.25">
      <c r="A7603" s="229" t="s">
        <v>18240</v>
      </c>
      <c r="B7603" s="96" t="s">
        <v>18217</v>
      </c>
      <c r="C7603" s="93" t="s">
        <v>18241</v>
      </c>
      <c r="D7603" s="93" t="s">
        <v>18242</v>
      </c>
      <c r="E7603" s="111">
        <v>1990</v>
      </c>
      <c r="F7603" s="111">
        <v>1279</v>
      </c>
      <c r="G7603" s="93" t="s">
        <v>1</v>
      </c>
      <c r="H7603" s="111">
        <v>0</v>
      </c>
      <c r="I7603" s="111">
        <v>0</v>
      </c>
      <c r="J7603" s="111">
        <v>0</v>
      </c>
      <c r="K7603" s="111">
        <v>0</v>
      </c>
      <c r="L7603" s="111">
        <v>0</v>
      </c>
      <c r="M7603" s="111">
        <v>0</v>
      </c>
      <c r="N7603" s="111">
        <v>0</v>
      </c>
      <c r="O7603" s="111">
        <v>0</v>
      </c>
      <c r="P7603" s="111">
        <v>0</v>
      </c>
      <c r="Q7603" s="111">
        <v>0</v>
      </c>
      <c r="R7603" s="111">
        <v>0</v>
      </c>
      <c r="S7603" s="111">
        <v>0</v>
      </c>
      <c r="T7603" s="111">
        <v>0</v>
      </c>
      <c r="U7603" s="145"/>
      <c r="V7603" s="145"/>
      <c r="W7603" s="145"/>
      <c r="X7603" s="145"/>
      <c r="Y7603" s="145"/>
      <c r="Z7603" s="145"/>
      <c r="AA7603" s="145"/>
      <c r="AB7603" s="145"/>
      <c r="AC7603" s="145"/>
      <c r="AD7603" s="145"/>
      <c r="AE7603" s="145"/>
      <c r="AF7603" s="145"/>
      <c r="AG7603" s="145"/>
      <c r="AH7603" s="145"/>
      <c r="AI7603" s="145"/>
      <c r="AJ7603" s="145"/>
      <c r="AK7603" s="145"/>
      <c r="AL7603" s="145"/>
      <c r="AM7603" s="145"/>
      <c r="AN7603" s="145"/>
      <c r="AO7603" s="145"/>
      <c r="AP7603" s="145"/>
      <c r="AQ7603" s="145"/>
      <c r="AR7603" s="145"/>
      <c r="AS7603" s="145"/>
      <c r="AT7603" s="111">
        <v>1</v>
      </c>
      <c r="AU7603" s="145"/>
      <c r="AV7603" s="145"/>
      <c r="AW7603" s="145"/>
      <c r="AX7603" s="146"/>
      <c r="AY7603" s="146"/>
      <c r="AZ7603" s="146"/>
      <c r="BA7603" s="146"/>
      <c r="BB7603" s="221">
        <v>45884</v>
      </c>
    </row>
    <row r="7604" spans="1:54" s="8" customFormat="1" ht="13.95" customHeight="1" x14ac:dyDescent="0.25">
      <c r="A7604" s="229" t="s">
        <v>18243</v>
      </c>
      <c r="B7604" s="96" t="s">
        <v>18217</v>
      </c>
      <c r="C7604" s="93" t="s">
        <v>18244</v>
      </c>
      <c r="D7604" s="93" t="s">
        <v>18245</v>
      </c>
      <c r="E7604" s="111">
        <v>1990</v>
      </c>
      <c r="F7604" s="111">
        <v>1280</v>
      </c>
      <c r="G7604" s="93" t="s">
        <v>1</v>
      </c>
      <c r="H7604" s="111">
        <v>0</v>
      </c>
      <c r="I7604" s="111">
        <v>0</v>
      </c>
      <c r="J7604" s="111">
        <v>0</v>
      </c>
      <c r="K7604" s="111">
        <v>0</v>
      </c>
      <c r="L7604" s="111">
        <v>0</v>
      </c>
      <c r="M7604" s="111">
        <v>0</v>
      </c>
      <c r="N7604" s="111">
        <v>0</v>
      </c>
      <c r="O7604" s="111">
        <v>0</v>
      </c>
      <c r="P7604" s="111">
        <v>0</v>
      </c>
      <c r="Q7604" s="111">
        <v>0</v>
      </c>
      <c r="R7604" s="111">
        <v>0</v>
      </c>
      <c r="S7604" s="111">
        <v>0</v>
      </c>
      <c r="T7604" s="111">
        <v>0</v>
      </c>
      <c r="U7604" s="145"/>
      <c r="V7604" s="145"/>
      <c r="W7604" s="145"/>
      <c r="X7604" s="145"/>
      <c r="Y7604" s="145"/>
      <c r="Z7604" s="145"/>
      <c r="AA7604" s="145"/>
      <c r="AB7604" s="145"/>
      <c r="AC7604" s="145"/>
      <c r="AD7604" s="145"/>
      <c r="AE7604" s="145"/>
      <c r="AF7604" s="145"/>
      <c r="AG7604" s="145"/>
      <c r="AH7604" s="145"/>
      <c r="AI7604" s="145"/>
      <c r="AJ7604" s="145"/>
      <c r="AK7604" s="145"/>
      <c r="AL7604" s="145"/>
      <c r="AM7604" s="145"/>
      <c r="AN7604" s="145"/>
      <c r="AO7604" s="145"/>
      <c r="AP7604" s="145"/>
      <c r="AQ7604" s="145"/>
      <c r="AR7604" s="145"/>
      <c r="AS7604" s="145"/>
      <c r="AT7604" s="145"/>
      <c r="AU7604" s="145"/>
      <c r="AV7604" s="145"/>
      <c r="AW7604" s="145"/>
      <c r="AX7604" s="146"/>
      <c r="AY7604" s="146"/>
      <c r="AZ7604" s="146"/>
      <c r="BA7604" s="146"/>
      <c r="BB7604" s="221">
        <v>45884</v>
      </c>
    </row>
    <row r="7605" spans="1:54" s="8" customFormat="1" ht="13.95" customHeight="1" x14ac:dyDescent="0.25">
      <c r="A7605" s="229" t="s">
        <v>18246</v>
      </c>
      <c r="B7605" s="96" t="s">
        <v>18217</v>
      </c>
      <c r="C7605" s="93" t="s">
        <v>18247</v>
      </c>
      <c r="D7605" s="93" t="s">
        <v>18248</v>
      </c>
      <c r="E7605" s="111">
        <v>1990</v>
      </c>
      <c r="F7605" s="111">
        <v>1287</v>
      </c>
      <c r="G7605" s="93" t="s">
        <v>1</v>
      </c>
      <c r="H7605" s="111">
        <v>0</v>
      </c>
      <c r="I7605" s="111">
        <v>0</v>
      </c>
      <c r="J7605" s="111">
        <v>0</v>
      </c>
      <c r="K7605" s="111">
        <v>0</v>
      </c>
      <c r="L7605" s="111">
        <v>1</v>
      </c>
      <c r="M7605" s="111">
        <v>0</v>
      </c>
      <c r="N7605" s="111">
        <v>0</v>
      </c>
      <c r="O7605" s="111">
        <v>0</v>
      </c>
      <c r="P7605" s="111">
        <v>0</v>
      </c>
      <c r="Q7605" s="111">
        <v>0</v>
      </c>
      <c r="R7605" s="111">
        <v>0</v>
      </c>
      <c r="S7605" s="111">
        <v>0</v>
      </c>
      <c r="T7605" s="111">
        <v>0</v>
      </c>
      <c r="U7605" s="145"/>
      <c r="V7605" s="145"/>
      <c r="W7605" s="145"/>
      <c r="X7605" s="145"/>
      <c r="Y7605" s="145"/>
      <c r="Z7605" s="145"/>
      <c r="AA7605" s="145"/>
      <c r="AB7605" s="145"/>
      <c r="AC7605" s="145"/>
      <c r="AD7605" s="145"/>
      <c r="AE7605" s="145"/>
      <c r="AF7605" s="145"/>
      <c r="AG7605" s="145"/>
      <c r="AH7605" s="145"/>
      <c r="AI7605" s="145"/>
      <c r="AJ7605" s="145"/>
      <c r="AK7605" s="145"/>
      <c r="AL7605" s="145"/>
      <c r="AM7605" s="145"/>
      <c r="AN7605" s="145"/>
      <c r="AO7605" s="145"/>
      <c r="AP7605" s="145"/>
      <c r="AQ7605" s="145"/>
      <c r="AR7605" s="145"/>
      <c r="AS7605" s="145"/>
      <c r="AT7605" s="111">
        <v>1</v>
      </c>
      <c r="AU7605" s="145"/>
      <c r="AV7605" s="145"/>
      <c r="AW7605" s="145"/>
      <c r="AX7605" s="146"/>
      <c r="AY7605" s="146"/>
      <c r="AZ7605" s="146"/>
      <c r="BA7605" s="146"/>
      <c r="BB7605" s="221">
        <v>45884</v>
      </c>
    </row>
    <row r="7606" spans="1:54" s="8" customFormat="1" ht="13.95" customHeight="1" x14ac:dyDescent="0.25">
      <c r="A7606" s="229" t="s">
        <v>18249</v>
      </c>
      <c r="B7606" s="96" t="s">
        <v>18217</v>
      </c>
      <c r="C7606" s="93" t="s">
        <v>18250</v>
      </c>
      <c r="D7606" s="93" t="s">
        <v>18251</v>
      </c>
      <c r="E7606" s="111">
        <v>1990</v>
      </c>
      <c r="F7606" s="111">
        <v>1381</v>
      </c>
      <c r="G7606" s="93" t="s">
        <v>1</v>
      </c>
      <c r="H7606" s="111">
        <v>0</v>
      </c>
      <c r="I7606" s="111">
        <v>0</v>
      </c>
      <c r="J7606" s="111">
        <v>0</v>
      </c>
      <c r="K7606" s="111">
        <v>0</v>
      </c>
      <c r="L7606" s="111">
        <v>1</v>
      </c>
      <c r="M7606" s="111">
        <v>0</v>
      </c>
      <c r="N7606" s="111">
        <v>0</v>
      </c>
      <c r="O7606" s="111">
        <v>0</v>
      </c>
      <c r="P7606" s="111">
        <v>0</v>
      </c>
      <c r="Q7606" s="111">
        <v>0</v>
      </c>
      <c r="R7606" s="111">
        <v>0</v>
      </c>
      <c r="S7606" s="111">
        <v>0</v>
      </c>
      <c r="T7606" s="111">
        <v>0</v>
      </c>
      <c r="U7606" s="145"/>
      <c r="V7606" s="145"/>
      <c r="W7606" s="145"/>
      <c r="X7606" s="145"/>
      <c r="Y7606" s="145"/>
      <c r="Z7606" s="145"/>
      <c r="AA7606" s="145"/>
      <c r="AB7606" s="145"/>
      <c r="AC7606" s="145"/>
      <c r="AD7606" s="145"/>
      <c r="AE7606" s="145"/>
      <c r="AF7606" s="145"/>
      <c r="AG7606" s="145"/>
      <c r="AH7606" s="145"/>
      <c r="AI7606" s="145"/>
      <c r="AJ7606" s="145"/>
      <c r="AK7606" s="145"/>
      <c r="AL7606" s="145"/>
      <c r="AM7606" s="145"/>
      <c r="AN7606" s="145"/>
      <c r="AO7606" s="145"/>
      <c r="AP7606" s="145"/>
      <c r="AQ7606" s="145"/>
      <c r="AR7606" s="145"/>
      <c r="AS7606" s="145"/>
      <c r="AT7606" s="145"/>
      <c r="AU7606" s="145"/>
      <c r="AV7606" s="145"/>
      <c r="AW7606" s="145"/>
      <c r="AX7606" s="146"/>
      <c r="AY7606" s="146"/>
      <c r="AZ7606" s="146"/>
      <c r="BA7606" s="146"/>
      <c r="BB7606" s="221">
        <v>45884</v>
      </c>
    </row>
    <row r="7607" spans="1:54" s="8" customFormat="1" ht="13.95" customHeight="1" x14ac:dyDescent="0.25">
      <c r="A7607" s="229" t="s">
        <v>18252</v>
      </c>
      <c r="B7607" s="96" t="s">
        <v>18217</v>
      </c>
      <c r="C7607" s="93" t="s">
        <v>18253</v>
      </c>
      <c r="D7607" s="93" t="s">
        <v>18254</v>
      </c>
      <c r="E7607" s="111">
        <v>1990</v>
      </c>
      <c r="F7607" s="111">
        <v>1625</v>
      </c>
      <c r="G7607" s="93" t="s">
        <v>1</v>
      </c>
      <c r="H7607" s="111">
        <v>0</v>
      </c>
      <c r="I7607" s="111">
        <v>0</v>
      </c>
      <c r="J7607" s="111">
        <v>1</v>
      </c>
      <c r="K7607" s="111">
        <v>0</v>
      </c>
      <c r="L7607" s="111">
        <v>1</v>
      </c>
      <c r="M7607" s="111">
        <v>0</v>
      </c>
      <c r="N7607" s="111">
        <v>0</v>
      </c>
      <c r="O7607" s="111">
        <v>0</v>
      </c>
      <c r="P7607" s="111">
        <v>1</v>
      </c>
      <c r="Q7607" s="111">
        <v>0</v>
      </c>
      <c r="R7607" s="111">
        <v>0</v>
      </c>
      <c r="S7607" s="111">
        <v>0</v>
      </c>
      <c r="T7607" s="111">
        <v>0</v>
      </c>
      <c r="U7607" s="145"/>
      <c r="V7607" s="145"/>
      <c r="W7607" s="145"/>
      <c r="X7607" s="145"/>
      <c r="Y7607" s="145"/>
      <c r="Z7607" s="145"/>
      <c r="AA7607" s="145"/>
      <c r="AB7607" s="145"/>
      <c r="AC7607" s="145"/>
      <c r="AD7607" s="145"/>
      <c r="AE7607" s="145"/>
      <c r="AF7607" s="145"/>
      <c r="AG7607" s="145"/>
      <c r="AH7607" s="145"/>
      <c r="AI7607" s="145"/>
      <c r="AJ7607" s="145"/>
      <c r="AK7607" s="145"/>
      <c r="AL7607" s="145"/>
      <c r="AM7607" s="145"/>
      <c r="AN7607" s="145"/>
      <c r="AO7607" s="145"/>
      <c r="AP7607" s="145"/>
      <c r="AQ7607" s="145"/>
      <c r="AR7607" s="145"/>
      <c r="AS7607" s="145"/>
      <c r="AT7607" s="111">
        <v>1</v>
      </c>
      <c r="AU7607" s="145"/>
      <c r="AV7607" s="145"/>
      <c r="AW7607" s="145"/>
      <c r="AX7607" s="146"/>
      <c r="AY7607" s="146"/>
      <c r="AZ7607" s="146"/>
      <c r="BA7607" s="146"/>
      <c r="BB7607" s="221">
        <v>45884</v>
      </c>
    </row>
    <row r="7608" spans="1:54" s="8" customFormat="1" ht="13.95" customHeight="1" x14ac:dyDescent="0.25">
      <c r="A7608" s="229" t="s">
        <v>18255</v>
      </c>
      <c r="B7608" s="96" t="s">
        <v>18217</v>
      </c>
      <c r="C7608" s="93" t="s">
        <v>18256</v>
      </c>
      <c r="D7608" s="93" t="s">
        <v>18257</v>
      </c>
      <c r="E7608" s="111">
        <v>1985</v>
      </c>
      <c r="F7608" s="111">
        <v>1715</v>
      </c>
      <c r="G7608" s="93" t="s">
        <v>1</v>
      </c>
      <c r="H7608" s="111">
        <v>1</v>
      </c>
      <c r="I7608" s="111">
        <v>0</v>
      </c>
      <c r="J7608" s="111">
        <v>1</v>
      </c>
      <c r="K7608" s="111">
        <v>0</v>
      </c>
      <c r="L7608" s="111">
        <v>1</v>
      </c>
      <c r="M7608" s="111">
        <v>1</v>
      </c>
      <c r="N7608" s="111">
        <v>0</v>
      </c>
      <c r="O7608" s="111">
        <v>1</v>
      </c>
      <c r="P7608" s="111">
        <v>1</v>
      </c>
      <c r="Q7608" s="111">
        <v>0</v>
      </c>
      <c r="R7608" s="111">
        <v>1</v>
      </c>
      <c r="S7608" s="111">
        <v>0</v>
      </c>
      <c r="T7608" s="111">
        <v>0</v>
      </c>
      <c r="U7608" s="145"/>
      <c r="V7608" s="145"/>
      <c r="W7608" s="145"/>
      <c r="X7608" s="145"/>
      <c r="Y7608" s="145"/>
      <c r="Z7608" s="145"/>
      <c r="AA7608" s="145"/>
      <c r="AB7608" s="145"/>
      <c r="AC7608" s="145"/>
      <c r="AD7608" s="145"/>
      <c r="AE7608" s="145"/>
      <c r="AF7608" s="145"/>
      <c r="AG7608" s="145"/>
      <c r="AH7608" s="145"/>
      <c r="AI7608" s="145"/>
      <c r="AJ7608" s="145"/>
      <c r="AK7608" s="145"/>
      <c r="AL7608" s="145"/>
      <c r="AM7608" s="145"/>
      <c r="AN7608" s="145"/>
      <c r="AO7608" s="145"/>
      <c r="AP7608" s="145"/>
      <c r="AQ7608" s="145"/>
      <c r="AR7608" s="145"/>
      <c r="AS7608" s="145"/>
      <c r="AT7608" s="145"/>
      <c r="AU7608" s="145"/>
      <c r="AV7608" s="145"/>
      <c r="AW7608" s="145"/>
      <c r="AX7608" s="146"/>
      <c r="AY7608" s="146"/>
      <c r="AZ7608" s="112" t="s">
        <v>18258</v>
      </c>
      <c r="BA7608" s="112"/>
      <c r="BB7608" s="221">
        <v>45884</v>
      </c>
    </row>
    <row r="7609" spans="1:54" s="8" customFormat="1" ht="13.95" customHeight="1" x14ac:dyDescent="0.25">
      <c r="A7609" s="229" t="s">
        <v>18259</v>
      </c>
      <c r="B7609" s="96" t="s">
        <v>18217</v>
      </c>
      <c r="C7609" s="93" t="s">
        <v>18260</v>
      </c>
      <c r="D7609" s="93" t="s">
        <v>18261</v>
      </c>
      <c r="E7609" s="111">
        <v>1997</v>
      </c>
      <c r="F7609" s="111">
        <v>1726</v>
      </c>
      <c r="G7609" s="93" t="s">
        <v>1</v>
      </c>
      <c r="H7609" s="111">
        <v>1</v>
      </c>
      <c r="I7609" s="111">
        <v>0</v>
      </c>
      <c r="J7609" s="111">
        <v>1</v>
      </c>
      <c r="K7609" s="111">
        <v>1</v>
      </c>
      <c r="L7609" s="111">
        <v>0</v>
      </c>
      <c r="M7609" s="111">
        <v>1</v>
      </c>
      <c r="N7609" s="111">
        <v>0</v>
      </c>
      <c r="O7609" s="111">
        <v>0</v>
      </c>
      <c r="P7609" s="111">
        <v>1</v>
      </c>
      <c r="Q7609" s="111">
        <v>0</v>
      </c>
      <c r="R7609" s="111">
        <v>0</v>
      </c>
      <c r="S7609" s="111">
        <v>1</v>
      </c>
      <c r="T7609" s="111">
        <v>0</v>
      </c>
      <c r="U7609" s="145"/>
      <c r="V7609" s="145"/>
      <c r="W7609" s="145"/>
      <c r="X7609" s="145"/>
      <c r="Y7609" s="145"/>
      <c r="Z7609" s="145"/>
      <c r="AA7609" s="145"/>
      <c r="AB7609" s="145"/>
      <c r="AC7609" s="145"/>
      <c r="AD7609" s="145"/>
      <c r="AE7609" s="145"/>
      <c r="AF7609" s="145"/>
      <c r="AG7609" s="145"/>
      <c r="AH7609" s="145"/>
      <c r="AI7609" s="145"/>
      <c r="AJ7609" s="145"/>
      <c r="AK7609" s="145"/>
      <c r="AL7609" s="145"/>
      <c r="AM7609" s="145"/>
      <c r="AN7609" s="145"/>
      <c r="AO7609" s="145"/>
      <c r="AP7609" s="145"/>
      <c r="AQ7609" s="145"/>
      <c r="AR7609" s="145"/>
      <c r="AS7609" s="145"/>
      <c r="AT7609" s="145"/>
      <c r="AU7609" s="145"/>
      <c r="AV7609" s="145"/>
      <c r="AW7609" s="111">
        <v>1</v>
      </c>
      <c r="AX7609" s="146"/>
      <c r="AY7609" s="146"/>
      <c r="AZ7609" s="112" t="s">
        <v>18262</v>
      </c>
      <c r="BA7609" s="112"/>
      <c r="BB7609" s="221">
        <v>45884</v>
      </c>
    </row>
    <row r="7610" spans="1:54" s="8" customFormat="1" ht="13.95" customHeight="1" x14ac:dyDescent="0.25">
      <c r="A7610" s="229" t="s">
        <v>18263</v>
      </c>
      <c r="B7610" s="96" t="s">
        <v>18217</v>
      </c>
      <c r="C7610" s="93" t="s">
        <v>18264</v>
      </c>
      <c r="D7610" s="93" t="s">
        <v>18265</v>
      </c>
      <c r="E7610" s="111">
        <v>1990</v>
      </c>
      <c r="F7610" s="111">
        <v>1821</v>
      </c>
      <c r="G7610" s="93" t="s">
        <v>1</v>
      </c>
      <c r="H7610" s="111">
        <v>0</v>
      </c>
      <c r="I7610" s="111">
        <v>0</v>
      </c>
      <c r="J7610" s="111">
        <v>0</v>
      </c>
      <c r="K7610" s="111">
        <v>0</v>
      </c>
      <c r="L7610" s="111">
        <v>1</v>
      </c>
      <c r="M7610" s="111">
        <v>0</v>
      </c>
      <c r="N7610" s="111">
        <v>0</v>
      </c>
      <c r="O7610" s="111">
        <v>0</v>
      </c>
      <c r="P7610" s="111">
        <v>0</v>
      </c>
      <c r="Q7610" s="111">
        <v>0</v>
      </c>
      <c r="R7610" s="111">
        <v>0</v>
      </c>
      <c r="S7610" s="111">
        <v>0</v>
      </c>
      <c r="T7610" s="111">
        <v>0</v>
      </c>
      <c r="U7610" s="145"/>
      <c r="V7610" s="145"/>
      <c r="W7610" s="145"/>
      <c r="X7610" s="145"/>
      <c r="Y7610" s="145"/>
      <c r="Z7610" s="145"/>
      <c r="AA7610" s="145"/>
      <c r="AB7610" s="145"/>
      <c r="AC7610" s="145"/>
      <c r="AD7610" s="145"/>
      <c r="AE7610" s="145"/>
      <c r="AF7610" s="145"/>
      <c r="AG7610" s="145"/>
      <c r="AH7610" s="145"/>
      <c r="AI7610" s="145"/>
      <c r="AJ7610" s="145"/>
      <c r="AK7610" s="145"/>
      <c r="AL7610" s="145"/>
      <c r="AM7610" s="145"/>
      <c r="AN7610" s="145"/>
      <c r="AO7610" s="145"/>
      <c r="AP7610" s="145"/>
      <c r="AQ7610" s="145"/>
      <c r="AR7610" s="145"/>
      <c r="AS7610" s="145"/>
      <c r="AT7610" s="111">
        <v>1</v>
      </c>
      <c r="AU7610" s="145"/>
      <c r="AV7610" s="145"/>
      <c r="AW7610" s="145"/>
      <c r="AX7610" s="146"/>
      <c r="AY7610" s="146"/>
      <c r="AZ7610" s="146"/>
      <c r="BA7610" s="146"/>
      <c r="BB7610" s="221">
        <v>45884</v>
      </c>
    </row>
    <row r="7611" spans="1:54" s="8" customFormat="1" ht="13.95" customHeight="1" x14ac:dyDescent="0.25">
      <c r="A7611" s="229" t="s">
        <v>18266</v>
      </c>
      <c r="B7611" s="96" t="s">
        <v>18217</v>
      </c>
      <c r="C7611" s="93" t="s">
        <v>18267</v>
      </c>
      <c r="D7611" s="93" t="s">
        <v>18268</v>
      </c>
      <c r="E7611" s="111">
        <v>1988</v>
      </c>
      <c r="F7611" s="111">
        <v>1822</v>
      </c>
      <c r="G7611" s="93" t="s">
        <v>1</v>
      </c>
      <c r="H7611" s="111">
        <v>1</v>
      </c>
      <c r="I7611" s="111">
        <v>0</v>
      </c>
      <c r="J7611" s="111">
        <v>1</v>
      </c>
      <c r="K7611" s="111">
        <v>0</v>
      </c>
      <c r="L7611" s="111">
        <v>1</v>
      </c>
      <c r="M7611" s="111">
        <v>1</v>
      </c>
      <c r="N7611" s="111">
        <v>0</v>
      </c>
      <c r="O7611" s="111">
        <v>1</v>
      </c>
      <c r="P7611" s="111">
        <v>1</v>
      </c>
      <c r="Q7611" s="111">
        <v>0</v>
      </c>
      <c r="R7611" s="111">
        <v>1</v>
      </c>
      <c r="S7611" s="111">
        <v>0</v>
      </c>
      <c r="T7611" s="111">
        <v>0</v>
      </c>
      <c r="U7611" s="145"/>
      <c r="V7611" s="145"/>
      <c r="W7611" s="145"/>
      <c r="X7611" s="145"/>
      <c r="Y7611" s="145"/>
      <c r="Z7611" s="145"/>
      <c r="AA7611" s="145"/>
      <c r="AB7611" s="145"/>
      <c r="AC7611" s="145"/>
      <c r="AD7611" s="145"/>
      <c r="AE7611" s="145"/>
      <c r="AF7611" s="145"/>
      <c r="AG7611" s="145"/>
      <c r="AH7611" s="145"/>
      <c r="AI7611" s="145"/>
      <c r="AJ7611" s="145"/>
      <c r="AK7611" s="145"/>
      <c r="AL7611" s="145"/>
      <c r="AM7611" s="145"/>
      <c r="AN7611" s="145"/>
      <c r="AO7611" s="145"/>
      <c r="AP7611" s="145"/>
      <c r="AQ7611" s="145"/>
      <c r="AR7611" s="145"/>
      <c r="AS7611" s="145"/>
      <c r="AT7611" s="111">
        <v>1</v>
      </c>
      <c r="AU7611" s="145"/>
      <c r="AV7611" s="145"/>
      <c r="AW7611" s="111">
        <v>1</v>
      </c>
      <c r="AX7611" s="146"/>
      <c r="AY7611" s="146"/>
      <c r="AZ7611" s="112" t="s">
        <v>18269</v>
      </c>
      <c r="BA7611" s="112"/>
      <c r="BB7611" s="221">
        <v>45884</v>
      </c>
    </row>
    <row r="7612" spans="1:54" s="8" customFormat="1" ht="13.95" customHeight="1" x14ac:dyDescent="0.25">
      <c r="A7612" s="229" t="s">
        <v>18270</v>
      </c>
      <c r="B7612" s="96" t="s">
        <v>18217</v>
      </c>
      <c r="C7612" s="93" t="s">
        <v>18271</v>
      </c>
      <c r="D7612" s="93" t="s">
        <v>18272</v>
      </c>
      <c r="E7612" s="111">
        <v>1990</v>
      </c>
      <c r="F7612" s="111">
        <v>1860</v>
      </c>
      <c r="G7612" s="93" t="s">
        <v>1</v>
      </c>
      <c r="H7612" s="111">
        <v>0</v>
      </c>
      <c r="I7612" s="111">
        <v>0</v>
      </c>
      <c r="J7612" s="111">
        <v>0</v>
      </c>
      <c r="K7612" s="111">
        <v>0</v>
      </c>
      <c r="L7612" s="111">
        <v>0</v>
      </c>
      <c r="M7612" s="111">
        <v>0</v>
      </c>
      <c r="N7612" s="111">
        <v>0</v>
      </c>
      <c r="O7612" s="111">
        <v>0</v>
      </c>
      <c r="P7612" s="111">
        <v>0</v>
      </c>
      <c r="Q7612" s="111">
        <v>0</v>
      </c>
      <c r="R7612" s="111">
        <v>0</v>
      </c>
      <c r="S7612" s="111">
        <v>0</v>
      </c>
      <c r="T7612" s="111">
        <v>0</v>
      </c>
      <c r="U7612" s="145"/>
      <c r="V7612" s="145"/>
      <c r="W7612" s="145"/>
      <c r="X7612" s="145"/>
      <c r="Y7612" s="145"/>
      <c r="Z7612" s="145"/>
      <c r="AA7612" s="145"/>
      <c r="AB7612" s="145"/>
      <c r="AC7612" s="145"/>
      <c r="AD7612" s="145"/>
      <c r="AE7612" s="145"/>
      <c r="AF7612" s="145"/>
      <c r="AG7612" s="145"/>
      <c r="AH7612" s="145"/>
      <c r="AI7612" s="145"/>
      <c r="AJ7612" s="145"/>
      <c r="AK7612" s="145"/>
      <c r="AL7612" s="145"/>
      <c r="AM7612" s="145"/>
      <c r="AN7612" s="145"/>
      <c r="AO7612" s="145"/>
      <c r="AP7612" s="145"/>
      <c r="AQ7612" s="145"/>
      <c r="AR7612" s="145"/>
      <c r="AS7612" s="145"/>
      <c r="AT7612" s="145"/>
      <c r="AU7612" s="145"/>
      <c r="AV7612" s="145"/>
      <c r="AW7612" s="145"/>
      <c r="AX7612" s="146"/>
      <c r="AY7612" s="146"/>
      <c r="AZ7612" s="146"/>
      <c r="BA7612" s="146"/>
      <c r="BB7612" s="221">
        <v>45884</v>
      </c>
    </row>
    <row r="7613" spans="1:54" s="8" customFormat="1" ht="13.95" customHeight="1" x14ac:dyDescent="0.25">
      <c r="A7613" s="229" t="s">
        <v>18273</v>
      </c>
      <c r="B7613" s="96" t="s">
        <v>18217</v>
      </c>
      <c r="C7613" s="93" t="s">
        <v>18274</v>
      </c>
      <c r="D7613" s="93" t="s">
        <v>18275</v>
      </c>
      <c r="E7613" s="111">
        <v>1990</v>
      </c>
      <c r="F7613" s="111">
        <v>2451</v>
      </c>
      <c r="G7613" s="93" t="s">
        <v>1</v>
      </c>
      <c r="H7613" s="111">
        <v>0</v>
      </c>
      <c r="I7613" s="111">
        <v>0</v>
      </c>
      <c r="J7613" s="111">
        <v>0</v>
      </c>
      <c r="K7613" s="111">
        <v>0</v>
      </c>
      <c r="L7613" s="111">
        <v>0</v>
      </c>
      <c r="M7613" s="111">
        <v>0</v>
      </c>
      <c r="N7613" s="111">
        <v>0</v>
      </c>
      <c r="O7613" s="111">
        <v>0</v>
      </c>
      <c r="P7613" s="111">
        <v>0</v>
      </c>
      <c r="Q7613" s="111">
        <v>1</v>
      </c>
      <c r="R7613" s="111">
        <v>0</v>
      </c>
      <c r="S7613" s="111">
        <v>0</v>
      </c>
      <c r="T7613" s="111">
        <v>0</v>
      </c>
      <c r="U7613" s="145"/>
      <c r="V7613" s="145"/>
      <c r="W7613" s="145"/>
      <c r="X7613" s="145"/>
      <c r="Y7613" s="145"/>
      <c r="Z7613" s="145"/>
      <c r="AA7613" s="145"/>
      <c r="AB7613" s="145"/>
      <c r="AC7613" s="145"/>
      <c r="AD7613" s="145"/>
      <c r="AE7613" s="145"/>
      <c r="AF7613" s="145"/>
      <c r="AG7613" s="145"/>
      <c r="AH7613" s="145"/>
      <c r="AI7613" s="145"/>
      <c r="AJ7613" s="145"/>
      <c r="AK7613" s="145"/>
      <c r="AL7613" s="145"/>
      <c r="AM7613" s="145"/>
      <c r="AN7613" s="145"/>
      <c r="AO7613" s="145"/>
      <c r="AP7613" s="145"/>
      <c r="AQ7613" s="145"/>
      <c r="AR7613" s="145"/>
      <c r="AS7613" s="145"/>
      <c r="AT7613" s="111">
        <v>1</v>
      </c>
      <c r="AU7613" s="145"/>
      <c r="AV7613" s="145"/>
      <c r="AW7613" s="145"/>
      <c r="AX7613" s="146"/>
      <c r="AY7613" s="146"/>
      <c r="AZ7613" s="146"/>
      <c r="BA7613" s="146"/>
      <c r="BB7613" s="221">
        <v>45884</v>
      </c>
    </row>
    <row r="7614" spans="1:54" s="8" customFormat="1" ht="13.95" customHeight="1" x14ac:dyDescent="0.25">
      <c r="A7614" s="229" t="s">
        <v>18276</v>
      </c>
      <c r="B7614" s="96" t="s">
        <v>18217</v>
      </c>
      <c r="C7614" s="93" t="s">
        <v>18277</v>
      </c>
      <c r="D7614" s="93" t="s">
        <v>18278</v>
      </c>
      <c r="E7614" s="111">
        <v>1992</v>
      </c>
      <c r="F7614" s="111">
        <v>2549</v>
      </c>
      <c r="G7614" s="93" t="s">
        <v>1</v>
      </c>
      <c r="H7614" s="111">
        <v>1</v>
      </c>
      <c r="I7614" s="111">
        <v>0</v>
      </c>
      <c r="J7614" s="111">
        <v>1</v>
      </c>
      <c r="K7614" s="111">
        <v>0</v>
      </c>
      <c r="L7614" s="111">
        <v>1</v>
      </c>
      <c r="M7614" s="111">
        <v>0</v>
      </c>
      <c r="N7614" s="111">
        <v>0</v>
      </c>
      <c r="O7614" s="111">
        <v>0</v>
      </c>
      <c r="P7614" s="111">
        <v>1</v>
      </c>
      <c r="Q7614" s="111">
        <v>0</v>
      </c>
      <c r="R7614" s="111">
        <v>1</v>
      </c>
      <c r="S7614" s="111">
        <v>0</v>
      </c>
      <c r="T7614" s="111">
        <v>0</v>
      </c>
      <c r="U7614" s="145"/>
      <c r="V7614" s="145"/>
      <c r="W7614" s="145"/>
      <c r="X7614" s="145"/>
      <c r="Y7614" s="145"/>
      <c r="Z7614" s="145"/>
      <c r="AA7614" s="145"/>
      <c r="AB7614" s="145"/>
      <c r="AC7614" s="145"/>
      <c r="AD7614" s="145"/>
      <c r="AE7614" s="145"/>
      <c r="AF7614" s="145"/>
      <c r="AG7614" s="145"/>
      <c r="AH7614" s="145"/>
      <c r="AI7614" s="145"/>
      <c r="AJ7614" s="145"/>
      <c r="AK7614" s="145"/>
      <c r="AL7614" s="145"/>
      <c r="AM7614" s="145"/>
      <c r="AN7614" s="145"/>
      <c r="AO7614" s="145"/>
      <c r="AP7614" s="145"/>
      <c r="AQ7614" s="145"/>
      <c r="AR7614" s="145"/>
      <c r="AS7614" s="145"/>
      <c r="AT7614" s="145"/>
      <c r="AU7614" s="145"/>
      <c r="AV7614" s="145"/>
      <c r="AW7614" s="111">
        <v>1</v>
      </c>
      <c r="AX7614" s="146"/>
      <c r="AY7614" s="146"/>
      <c r="AZ7614" s="146"/>
      <c r="BA7614" s="146"/>
      <c r="BB7614" s="221">
        <v>45884</v>
      </c>
    </row>
    <row r="7615" spans="1:54" s="8" customFormat="1" ht="13.95" customHeight="1" x14ac:dyDescent="0.25">
      <c r="A7615" s="229" t="s">
        <v>18279</v>
      </c>
      <c r="B7615" s="96" t="s">
        <v>18217</v>
      </c>
      <c r="C7615" s="93" t="s">
        <v>13973</v>
      </c>
      <c r="D7615" s="93" t="s">
        <v>18280</v>
      </c>
      <c r="E7615" s="111">
        <v>1988</v>
      </c>
      <c r="F7615" s="111">
        <v>2822</v>
      </c>
      <c r="G7615" s="93" t="s">
        <v>1</v>
      </c>
      <c r="H7615" s="111">
        <v>1</v>
      </c>
      <c r="I7615" s="111">
        <v>0</v>
      </c>
      <c r="J7615" s="111">
        <v>1</v>
      </c>
      <c r="K7615" s="111">
        <v>0</v>
      </c>
      <c r="L7615" s="111">
        <v>1</v>
      </c>
      <c r="M7615" s="111">
        <v>1</v>
      </c>
      <c r="N7615" s="111">
        <v>0</v>
      </c>
      <c r="O7615" s="111">
        <v>1</v>
      </c>
      <c r="P7615" s="111">
        <v>1</v>
      </c>
      <c r="Q7615" s="111">
        <v>1</v>
      </c>
      <c r="R7615" s="111">
        <v>1</v>
      </c>
      <c r="S7615" s="111">
        <v>0</v>
      </c>
      <c r="T7615" s="111">
        <v>0</v>
      </c>
      <c r="U7615" s="145"/>
      <c r="V7615" s="145"/>
      <c r="W7615" s="145"/>
      <c r="X7615" s="145"/>
      <c r="Y7615" s="145"/>
      <c r="Z7615" s="145"/>
      <c r="AA7615" s="145"/>
      <c r="AB7615" s="145"/>
      <c r="AC7615" s="145"/>
      <c r="AD7615" s="145"/>
      <c r="AE7615" s="145"/>
      <c r="AF7615" s="145"/>
      <c r="AG7615" s="145"/>
      <c r="AH7615" s="145"/>
      <c r="AI7615" s="145"/>
      <c r="AJ7615" s="145"/>
      <c r="AK7615" s="145"/>
      <c r="AL7615" s="145"/>
      <c r="AM7615" s="145"/>
      <c r="AN7615" s="145"/>
      <c r="AO7615" s="145"/>
      <c r="AP7615" s="145"/>
      <c r="AQ7615" s="145"/>
      <c r="AR7615" s="145"/>
      <c r="AS7615" s="145"/>
      <c r="AT7615" s="145"/>
      <c r="AU7615" s="145"/>
      <c r="AV7615" s="145"/>
      <c r="AW7615" s="145"/>
      <c r="AX7615" s="146"/>
      <c r="AY7615" s="146"/>
      <c r="AZ7615" s="146"/>
      <c r="BA7615" s="146"/>
      <c r="BB7615" s="221">
        <v>45884</v>
      </c>
    </row>
    <row r="7616" spans="1:54" s="8" customFormat="1" ht="13.95" customHeight="1" x14ac:dyDescent="0.25">
      <c r="A7616" s="229" t="s">
        <v>18281</v>
      </c>
      <c r="B7616" s="96" t="s">
        <v>18217</v>
      </c>
      <c r="C7616" s="93" t="s">
        <v>18282</v>
      </c>
      <c r="D7616" s="93" t="s">
        <v>18283</v>
      </c>
      <c r="E7616" s="111">
        <v>1990</v>
      </c>
      <c r="F7616" s="111">
        <v>3242</v>
      </c>
      <c r="G7616" s="93" t="s">
        <v>1</v>
      </c>
      <c r="H7616" s="111">
        <v>0</v>
      </c>
      <c r="I7616" s="111">
        <v>0</v>
      </c>
      <c r="J7616" s="111">
        <v>0</v>
      </c>
      <c r="K7616" s="111">
        <v>0</v>
      </c>
      <c r="L7616" s="111">
        <v>0</v>
      </c>
      <c r="M7616" s="111">
        <v>0</v>
      </c>
      <c r="N7616" s="111">
        <v>0</v>
      </c>
      <c r="O7616" s="111">
        <v>0</v>
      </c>
      <c r="P7616" s="111">
        <v>0</v>
      </c>
      <c r="Q7616" s="111">
        <v>0</v>
      </c>
      <c r="R7616" s="111">
        <v>0</v>
      </c>
      <c r="S7616" s="111">
        <v>0</v>
      </c>
      <c r="T7616" s="111">
        <v>0</v>
      </c>
      <c r="U7616" s="145"/>
      <c r="V7616" s="145"/>
      <c r="W7616" s="145"/>
      <c r="X7616" s="145"/>
      <c r="Y7616" s="145"/>
      <c r="Z7616" s="145"/>
      <c r="AA7616" s="145"/>
      <c r="AB7616" s="145"/>
      <c r="AC7616" s="145"/>
      <c r="AD7616" s="145"/>
      <c r="AE7616" s="145"/>
      <c r="AF7616" s="145"/>
      <c r="AG7616" s="145"/>
      <c r="AH7616" s="145"/>
      <c r="AI7616" s="145"/>
      <c r="AJ7616" s="145"/>
      <c r="AK7616" s="145"/>
      <c r="AL7616" s="145"/>
      <c r="AM7616" s="145"/>
      <c r="AN7616" s="145"/>
      <c r="AO7616" s="145"/>
      <c r="AP7616" s="145"/>
      <c r="AQ7616" s="145"/>
      <c r="AR7616" s="145"/>
      <c r="AS7616" s="145"/>
      <c r="AT7616" s="145"/>
      <c r="AU7616" s="145"/>
      <c r="AV7616" s="145"/>
      <c r="AW7616" s="145"/>
      <c r="AX7616" s="146"/>
      <c r="AY7616" s="146"/>
      <c r="AZ7616" s="146"/>
      <c r="BA7616" s="146"/>
      <c r="BB7616" s="221">
        <v>45884</v>
      </c>
    </row>
    <row r="7617" spans="1:54" s="8" customFormat="1" ht="13.95" customHeight="1" x14ac:dyDescent="0.25">
      <c r="A7617" s="229" t="s">
        <v>18284</v>
      </c>
      <c r="B7617" s="96" t="s">
        <v>18217</v>
      </c>
      <c r="C7617" s="93" t="s">
        <v>18285</v>
      </c>
      <c r="D7617" s="93" t="s">
        <v>18286</v>
      </c>
      <c r="E7617" s="111">
        <v>1983</v>
      </c>
      <c r="F7617" s="111">
        <v>4051</v>
      </c>
      <c r="G7617" s="93" t="s">
        <v>1</v>
      </c>
      <c r="H7617" s="111">
        <v>1</v>
      </c>
      <c r="I7617" s="111">
        <v>1</v>
      </c>
      <c r="J7617" s="111">
        <v>1</v>
      </c>
      <c r="K7617" s="111">
        <v>0</v>
      </c>
      <c r="L7617" s="111">
        <v>1</v>
      </c>
      <c r="M7617" s="111">
        <v>1</v>
      </c>
      <c r="N7617" s="111">
        <v>0</v>
      </c>
      <c r="O7617" s="111">
        <v>1</v>
      </c>
      <c r="P7617" s="111">
        <v>1</v>
      </c>
      <c r="Q7617" s="111">
        <v>0</v>
      </c>
      <c r="R7617" s="111">
        <v>1</v>
      </c>
      <c r="S7617" s="111">
        <v>0</v>
      </c>
      <c r="T7617" s="111">
        <v>0</v>
      </c>
      <c r="U7617" s="145"/>
      <c r="V7617" s="145"/>
      <c r="W7617" s="145"/>
      <c r="X7617" s="145"/>
      <c r="Y7617" s="145"/>
      <c r="Z7617" s="111">
        <v>1</v>
      </c>
      <c r="AA7617" s="145"/>
      <c r="AB7617" s="145"/>
      <c r="AC7617" s="145"/>
      <c r="AD7617" s="145"/>
      <c r="AE7617" s="145"/>
      <c r="AF7617" s="145"/>
      <c r="AG7617" s="145"/>
      <c r="AH7617" s="145"/>
      <c r="AI7617" s="145"/>
      <c r="AJ7617" s="145"/>
      <c r="AK7617" s="145"/>
      <c r="AL7617" s="145"/>
      <c r="AM7617" s="145"/>
      <c r="AN7617" s="145"/>
      <c r="AO7617" s="145"/>
      <c r="AP7617" s="145"/>
      <c r="AQ7617" s="145"/>
      <c r="AR7617" s="145"/>
      <c r="AS7617" s="145"/>
      <c r="AT7617" s="111">
        <v>1</v>
      </c>
      <c r="AU7617" s="145"/>
      <c r="AV7617" s="145"/>
      <c r="AW7617" s="111">
        <v>1</v>
      </c>
      <c r="AX7617" s="146"/>
      <c r="AY7617" s="146"/>
      <c r="AZ7617" s="112" t="s">
        <v>18287</v>
      </c>
      <c r="BA7617" s="112" t="s">
        <v>18288</v>
      </c>
      <c r="BB7617" s="221">
        <v>45884</v>
      </c>
    </row>
    <row r="7618" spans="1:54" s="8" customFormat="1" ht="13.95" customHeight="1" x14ac:dyDescent="0.25">
      <c r="A7618" s="229" t="s">
        <v>18289</v>
      </c>
      <c r="B7618" s="96" t="s">
        <v>18217</v>
      </c>
      <c r="C7618" s="93" t="s">
        <v>18290</v>
      </c>
      <c r="D7618" s="93" t="s">
        <v>18291</v>
      </c>
      <c r="E7618" s="111">
        <v>1996</v>
      </c>
      <c r="F7618" s="111">
        <v>6508</v>
      </c>
      <c r="G7618" s="93" t="s">
        <v>3</v>
      </c>
      <c r="H7618" s="111">
        <v>1</v>
      </c>
      <c r="I7618" s="111">
        <v>1</v>
      </c>
      <c r="J7618" s="111">
        <v>1</v>
      </c>
      <c r="K7618" s="111">
        <v>0</v>
      </c>
      <c r="L7618" s="111">
        <v>0</v>
      </c>
      <c r="M7618" s="111">
        <v>0</v>
      </c>
      <c r="N7618" s="111">
        <v>0</v>
      </c>
      <c r="O7618" s="111">
        <v>0</v>
      </c>
      <c r="P7618" s="111">
        <v>0</v>
      </c>
      <c r="Q7618" s="111">
        <v>0</v>
      </c>
      <c r="R7618" s="111">
        <v>0</v>
      </c>
      <c r="S7618" s="111">
        <v>0</v>
      </c>
      <c r="T7618" s="111">
        <v>0</v>
      </c>
      <c r="U7618" s="111">
        <v>0</v>
      </c>
      <c r="V7618" s="111">
        <v>0</v>
      </c>
      <c r="W7618" s="111">
        <v>1</v>
      </c>
      <c r="X7618" s="111">
        <v>0</v>
      </c>
      <c r="Y7618" s="111">
        <v>0</v>
      </c>
      <c r="Z7618" s="111">
        <v>0</v>
      </c>
      <c r="AA7618" s="111">
        <v>0</v>
      </c>
      <c r="AB7618" s="111">
        <v>0</v>
      </c>
      <c r="AC7618" s="111">
        <v>0</v>
      </c>
      <c r="AD7618" s="111">
        <v>0</v>
      </c>
      <c r="AE7618" s="111">
        <v>0</v>
      </c>
      <c r="AF7618" s="111">
        <v>0</v>
      </c>
      <c r="AG7618" s="111">
        <v>0</v>
      </c>
      <c r="AH7618" s="111">
        <v>0</v>
      </c>
      <c r="AI7618" s="111">
        <v>0</v>
      </c>
      <c r="AJ7618" s="111">
        <v>0</v>
      </c>
      <c r="AK7618" s="111">
        <v>0</v>
      </c>
      <c r="AL7618" s="111">
        <v>0</v>
      </c>
      <c r="AM7618" s="111">
        <v>0</v>
      </c>
      <c r="AN7618" s="111">
        <v>0</v>
      </c>
      <c r="AO7618" s="111">
        <v>1</v>
      </c>
      <c r="AP7618" s="111">
        <v>0</v>
      </c>
      <c r="AQ7618" s="111">
        <v>0</v>
      </c>
      <c r="AR7618" s="111">
        <v>0</v>
      </c>
      <c r="AS7618" s="111">
        <v>0</v>
      </c>
      <c r="AT7618" s="111">
        <v>1</v>
      </c>
      <c r="AU7618" s="111">
        <v>1</v>
      </c>
      <c r="AV7618" s="111">
        <v>0</v>
      </c>
      <c r="AW7618" s="111">
        <v>0</v>
      </c>
      <c r="AX7618" s="112"/>
      <c r="AY7618" s="112"/>
      <c r="AZ7618" s="112"/>
      <c r="BA7618" s="112"/>
      <c r="BB7618" s="221">
        <v>45884</v>
      </c>
    </row>
    <row r="7619" spans="1:54" s="8" customFormat="1" ht="13.95" customHeight="1" x14ac:dyDescent="0.25">
      <c r="A7619" s="229" t="s">
        <v>18292</v>
      </c>
      <c r="B7619" s="96" t="s">
        <v>18217</v>
      </c>
      <c r="C7619" s="93" t="s">
        <v>18293</v>
      </c>
      <c r="D7619" s="93" t="s">
        <v>18294</v>
      </c>
      <c r="E7619" s="111">
        <v>1994</v>
      </c>
      <c r="F7619" s="111">
        <v>8678</v>
      </c>
      <c r="G7619" s="93" t="s">
        <v>1</v>
      </c>
      <c r="H7619" s="111">
        <v>1</v>
      </c>
      <c r="I7619" s="111">
        <v>1</v>
      </c>
      <c r="J7619" s="111">
        <v>1</v>
      </c>
      <c r="K7619" s="111">
        <v>1</v>
      </c>
      <c r="L7619" s="111">
        <v>0</v>
      </c>
      <c r="M7619" s="111">
        <v>2</v>
      </c>
      <c r="N7619" s="111">
        <v>0</v>
      </c>
      <c r="O7619" s="111">
        <v>0</v>
      </c>
      <c r="P7619" s="111">
        <v>1</v>
      </c>
      <c r="Q7619" s="111">
        <v>0</v>
      </c>
      <c r="R7619" s="111">
        <v>0</v>
      </c>
      <c r="S7619" s="111">
        <v>0</v>
      </c>
      <c r="T7619" s="111">
        <v>0</v>
      </c>
      <c r="U7619" s="145"/>
      <c r="V7619" s="145"/>
      <c r="W7619" s="111">
        <v>1</v>
      </c>
      <c r="X7619" s="145"/>
      <c r="Y7619" s="145"/>
      <c r="Z7619" s="145"/>
      <c r="AA7619" s="145"/>
      <c r="AB7619" s="145"/>
      <c r="AC7619" s="145"/>
      <c r="AD7619" s="145"/>
      <c r="AE7619" s="145"/>
      <c r="AF7619" s="145"/>
      <c r="AG7619" s="145"/>
      <c r="AH7619" s="145"/>
      <c r="AI7619" s="145"/>
      <c r="AJ7619" s="145"/>
      <c r="AK7619" s="145"/>
      <c r="AL7619" s="145"/>
      <c r="AM7619" s="145"/>
      <c r="AN7619" s="145"/>
      <c r="AO7619" s="111">
        <v>1</v>
      </c>
      <c r="AP7619" s="145"/>
      <c r="AQ7619" s="145"/>
      <c r="AR7619" s="145"/>
      <c r="AS7619" s="145"/>
      <c r="AT7619" s="145"/>
      <c r="AU7619" s="111">
        <v>1</v>
      </c>
      <c r="AV7619" s="145"/>
      <c r="AW7619" s="111">
        <v>1</v>
      </c>
      <c r="AX7619" s="146"/>
      <c r="AY7619" s="146"/>
      <c r="AZ7619" s="112" t="s">
        <v>18295</v>
      </c>
      <c r="BA7619" s="112"/>
      <c r="BB7619" s="221">
        <v>45884</v>
      </c>
    </row>
    <row r="7620" spans="1:54" s="8" customFormat="1" ht="72" customHeight="1" x14ac:dyDescent="0.25">
      <c r="A7620" s="229" t="s">
        <v>18296</v>
      </c>
      <c r="B7620" s="96" t="s">
        <v>18217</v>
      </c>
      <c r="C7620" s="93" t="s">
        <v>18297</v>
      </c>
      <c r="D7620" s="93" t="s">
        <v>18298</v>
      </c>
      <c r="E7620" s="111">
        <v>1995</v>
      </c>
      <c r="F7620" s="111">
        <v>140717</v>
      </c>
      <c r="G7620" s="93" t="s">
        <v>0</v>
      </c>
      <c r="H7620" s="111">
        <v>1</v>
      </c>
      <c r="I7620" s="111">
        <v>1</v>
      </c>
      <c r="J7620" s="111">
        <v>1</v>
      </c>
      <c r="K7620" s="252">
        <v>1</v>
      </c>
      <c r="L7620" s="111">
        <v>0</v>
      </c>
      <c r="M7620" s="111">
        <v>1</v>
      </c>
      <c r="N7620" s="111">
        <v>1</v>
      </c>
      <c r="O7620" s="111">
        <v>1</v>
      </c>
      <c r="P7620" s="111">
        <v>1</v>
      </c>
      <c r="Q7620" s="252">
        <v>1</v>
      </c>
      <c r="R7620" s="111">
        <v>0</v>
      </c>
      <c r="S7620" s="111">
        <v>0</v>
      </c>
      <c r="T7620" s="252">
        <v>1</v>
      </c>
      <c r="U7620" s="111">
        <v>0</v>
      </c>
      <c r="V7620" s="111">
        <v>0</v>
      </c>
      <c r="W7620" s="111">
        <v>1</v>
      </c>
      <c r="X7620" s="111">
        <v>0</v>
      </c>
      <c r="Y7620" s="111">
        <v>0</v>
      </c>
      <c r="Z7620" s="111">
        <v>1</v>
      </c>
      <c r="AA7620" s="111">
        <v>0</v>
      </c>
      <c r="AB7620" s="111">
        <v>1</v>
      </c>
      <c r="AC7620" s="111">
        <v>0</v>
      </c>
      <c r="AD7620" s="111">
        <v>1</v>
      </c>
      <c r="AE7620" s="111">
        <v>0</v>
      </c>
      <c r="AF7620" s="111">
        <v>0</v>
      </c>
      <c r="AG7620" s="111">
        <v>0</v>
      </c>
      <c r="AH7620" s="111">
        <v>0</v>
      </c>
      <c r="AI7620" s="111">
        <v>0</v>
      </c>
      <c r="AJ7620" s="111">
        <v>0</v>
      </c>
      <c r="AK7620" s="111">
        <v>0</v>
      </c>
      <c r="AL7620" s="111">
        <v>0</v>
      </c>
      <c r="AM7620" s="111">
        <v>0</v>
      </c>
      <c r="AN7620" s="111">
        <v>0</v>
      </c>
      <c r="AO7620" s="111">
        <v>1</v>
      </c>
      <c r="AP7620" s="111">
        <v>0</v>
      </c>
      <c r="AQ7620" s="111">
        <v>0</v>
      </c>
      <c r="AR7620" s="111">
        <v>0</v>
      </c>
      <c r="AS7620" s="111">
        <v>0</v>
      </c>
      <c r="AT7620" s="111" t="s">
        <v>174</v>
      </c>
      <c r="AU7620" s="111">
        <v>1</v>
      </c>
      <c r="AV7620" s="111">
        <v>0</v>
      </c>
      <c r="AW7620" s="111">
        <v>1</v>
      </c>
      <c r="AX7620" s="112" t="s">
        <v>22128</v>
      </c>
      <c r="AY7620" s="112" t="s">
        <v>22129</v>
      </c>
      <c r="AZ7620" s="112" t="s">
        <v>18299</v>
      </c>
      <c r="BA7620" s="282" t="s">
        <v>24663</v>
      </c>
      <c r="BB7620" s="221">
        <v>45884</v>
      </c>
    </row>
    <row r="7621" spans="1:54" s="8" customFormat="1" ht="13.95" customHeight="1" x14ac:dyDescent="0.25">
      <c r="A7621" s="229" t="s">
        <v>18300</v>
      </c>
      <c r="B7621" s="96" t="s">
        <v>18217</v>
      </c>
      <c r="C7621" s="93" t="s">
        <v>18301</v>
      </c>
      <c r="D7621" s="93" t="s">
        <v>18302</v>
      </c>
      <c r="E7621" s="111">
        <v>1990</v>
      </c>
      <c r="F7621" s="111">
        <v>2745</v>
      </c>
      <c r="G7621" s="93" t="s">
        <v>1</v>
      </c>
      <c r="H7621" s="111">
        <v>0</v>
      </c>
      <c r="I7621" s="111">
        <v>0</v>
      </c>
      <c r="J7621" s="111">
        <v>0</v>
      </c>
      <c r="K7621" s="111">
        <v>0</v>
      </c>
      <c r="L7621" s="111">
        <v>0</v>
      </c>
      <c r="M7621" s="111">
        <v>0</v>
      </c>
      <c r="N7621" s="111">
        <v>0</v>
      </c>
      <c r="O7621" s="111">
        <v>0</v>
      </c>
      <c r="P7621" s="111">
        <v>0</v>
      </c>
      <c r="Q7621" s="111">
        <v>0</v>
      </c>
      <c r="R7621" s="111">
        <v>0</v>
      </c>
      <c r="S7621" s="111">
        <v>0</v>
      </c>
      <c r="T7621" s="111">
        <v>0</v>
      </c>
      <c r="U7621" s="145"/>
      <c r="V7621" s="145"/>
      <c r="W7621" s="145"/>
      <c r="X7621" s="145"/>
      <c r="Y7621" s="145"/>
      <c r="Z7621" s="145"/>
      <c r="AA7621" s="145"/>
      <c r="AB7621" s="145"/>
      <c r="AC7621" s="145"/>
      <c r="AD7621" s="145"/>
      <c r="AE7621" s="145"/>
      <c r="AF7621" s="145"/>
      <c r="AG7621" s="145"/>
      <c r="AH7621" s="145"/>
      <c r="AI7621" s="145"/>
      <c r="AJ7621" s="145"/>
      <c r="AK7621" s="145"/>
      <c r="AL7621" s="145"/>
      <c r="AM7621" s="145"/>
      <c r="AN7621" s="145"/>
      <c r="AO7621" s="145"/>
      <c r="AP7621" s="145"/>
      <c r="AQ7621" s="145"/>
      <c r="AR7621" s="145"/>
      <c r="AS7621" s="145"/>
      <c r="AT7621" s="145"/>
      <c r="AU7621" s="145"/>
      <c r="AV7621" s="145"/>
      <c r="AW7621" s="145"/>
      <c r="AX7621" s="146"/>
      <c r="AY7621" s="146"/>
      <c r="AZ7621" s="146"/>
      <c r="BA7621" s="146"/>
      <c r="BB7621" s="221">
        <v>45884</v>
      </c>
    </row>
    <row r="7622" spans="1:54" s="8" customFormat="1" ht="13.95" customHeight="1" x14ac:dyDescent="0.25">
      <c r="A7622" s="229" t="s">
        <v>18303</v>
      </c>
      <c r="B7622" s="96" t="s">
        <v>18217</v>
      </c>
      <c r="C7622" s="93" t="s">
        <v>18304</v>
      </c>
      <c r="D7622" s="93" t="s">
        <v>18305</v>
      </c>
      <c r="E7622" s="111">
        <v>2016</v>
      </c>
      <c r="F7622" s="111">
        <v>10350</v>
      </c>
      <c r="G7622" s="93" t="s">
        <v>3</v>
      </c>
      <c r="H7622" s="111">
        <v>1</v>
      </c>
      <c r="I7622" s="111">
        <v>0</v>
      </c>
      <c r="J7622" s="111">
        <v>1</v>
      </c>
      <c r="K7622" s="111">
        <v>0</v>
      </c>
      <c r="L7622" s="111">
        <v>0</v>
      </c>
      <c r="M7622" s="111">
        <v>1</v>
      </c>
      <c r="N7622" s="111">
        <v>0</v>
      </c>
      <c r="O7622" s="111">
        <v>0</v>
      </c>
      <c r="P7622" s="111">
        <v>1</v>
      </c>
      <c r="Q7622" s="111">
        <v>0</v>
      </c>
      <c r="R7622" s="111">
        <v>0</v>
      </c>
      <c r="S7622" s="111">
        <v>0</v>
      </c>
      <c r="T7622" s="111">
        <v>0</v>
      </c>
      <c r="U7622" s="111">
        <v>0</v>
      </c>
      <c r="V7622" s="111">
        <v>0</v>
      </c>
      <c r="W7622" s="111">
        <v>0</v>
      </c>
      <c r="X7622" s="111">
        <v>0</v>
      </c>
      <c r="Y7622" s="111">
        <v>0</v>
      </c>
      <c r="Z7622" s="111">
        <v>0</v>
      </c>
      <c r="AA7622" s="111">
        <v>0</v>
      </c>
      <c r="AB7622" s="111">
        <v>0</v>
      </c>
      <c r="AC7622" s="111">
        <v>0</v>
      </c>
      <c r="AD7622" s="111">
        <v>0</v>
      </c>
      <c r="AE7622" s="111">
        <v>0</v>
      </c>
      <c r="AF7622" s="111">
        <v>0</v>
      </c>
      <c r="AG7622" s="111">
        <v>0</v>
      </c>
      <c r="AH7622" s="111">
        <v>0</v>
      </c>
      <c r="AI7622" s="111">
        <v>0</v>
      </c>
      <c r="AJ7622" s="111">
        <v>0</v>
      </c>
      <c r="AK7622" s="111">
        <v>0</v>
      </c>
      <c r="AL7622" s="111">
        <v>0</v>
      </c>
      <c r="AM7622" s="111">
        <v>0</v>
      </c>
      <c r="AN7622" s="111">
        <v>0</v>
      </c>
      <c r="AO7622" s="111">
        <v>0</v>
      </c>
      <c r="AP7622" s="111">
        <v>0</v>
      </c>
      <c r="AQ7622" s="111">
        <v>0</v>
      </c>
      <c r="AR7622" s="111">
        <v>0</v>
      </c>
      <c r="AS7622" s="111">
        <v>0</v>
      </c>
      <c r="AT7622" s="111" t="s">
        <v>174</v>
      </c>
      <c r="AU7622" s="111">
        <v>1</v>
      </c>
      <c r="AV7622" s="111">
        <v>0</v>
      </c>
      <c r="AW7622" s="111">
        <v>1</v>
      </c>
      <c r="AX7622" s="112"/>
      <c r="AY7622" s="112"/>
      <c r="AZ7622" s="112"/>
      <c r="BA7622" s="112"/>
      <c r="BB7622" s="221">
        <v>45884</v>
      </c>
    </row>
    <row r="7623" spans="1:54" s="8" customFormat="1" ht="13.95" customHeight="1" x14ac:dyDescent="0.25">
      <c r="A7623" s="229" t="s">
        <v>18306</v>
      </c>
      <c r="B7623" s="96" t="s">
        <v>18307</v>
      </c>
      <c r="C7623" s="93" t="s">
        <v>18308</v>
      </c>
      <c r="D7623" s="93" t="s">
        <v>24211</v>
      </c>
      <c r="E7623" s="111">
        <v>2012</v>
      </c>
      <c r="F7623" s="111">
        <v>375</v>
      </c>
      <c r="G7623" s="93" t="s">
        <v>1</v>
      </c>
      <c r="H7623" s="111">
        <v>0</v>
      </c>
      <c r="I7623" s="111">
        <v>0</v>
      </c>
      <c r="J7623" s="111">
        <v>1</v>
      </c>
      <c r="K7623" s="111">
        <v>0</v>
      </c>
      <c r="L7623" s="111">
        <v>1</v>
      </c>
      <c r="M7623" s="111">
        <v>0</v>
      </c>
      <c r="N7623" s="111">
        <v>0</v>
      </c>
      <c r="O7623" s="111">
        <v>1</v>
      </c>
      <c r="P7623" s="111">
        <v>1</v>
      </c>
      <c r="Q7623" s="111">
        <v>0</v>
      </c>
      <c r="R7623" s="111">
        <v>0</v>
      </c>
      <c r="S7623" s="111">
        <v>0</v>
      </c>
      <c r="T7623" s="111">
        <v>0</v>
      </c>
      <c r="U7623" s="111">
        <v>0</v>
      </c>
      <c r="V7623" s="111">
        <v>0</v>
      </c>
      <c r="W7623" s="111">
        <v>0</v>
      </c>
      <c r="X7623" s="111">
        <v>0</v>
      </c>
      <c r="Y7623" s="111">
        <v>0</v>
      </c>
      <c r="Z7623" s="111">
        <v>0</v>
      </c>
      <c r="AA7623" s="111">
        <v>0</v>
      </c>
      <c r="AB7623" s="111">
        <v>0</v>
      </c>
      <c r="AC7623" s="111">
        <v>0</v>
      </c>
      <c r="AD7623" s="111">
        <v>0</v>
      </c>
      <c r="AE7623" s="111">
        <v>0</v>
      </c>
      <c r="AF7623" s="111">
        <v>0</v>
      </c>
      <c r="AG7623" s="111">
        <v>0</v>
      </c>
      <c r="AH7623" s="111">
        <v>0</v>
      </c>
      <c r="AI7623" s="111">
        <v>0</v>
      </c>
      <c r="AJ7623" s="111">
        <v>0</v>
      </c>
      <c r="AK7623" s="111">
        <v>0</v>
      </c>
      <c r="AL7623" s="111">
        <v>0</v>
      </c>
      <c r="AM7623" s="111">
        <v>0</v>
      </c>
      <c r="AN7623" s="111">
        <v>0</v>
      </c>
      <c r="AO7623" s="111">
        <v>0</v>
      </c>
      <c r="AP7623" s="111">
        <v>0</v>
      </c>
      <c r="AQ7623" s="111">
        <v>0</v>
      </c>
      <c r="AR7623" s="111">
        <v>0</v>
      </c>
      <c r="AS7623" s="111">
        <v>0</v>
      </c>
      <c r="AT7623" s="111">
        <v>1</v>
      </c>
      <c r="AU7623" s="111">
        <v>0</v>
      </c>
      <c r="AV7623" s="111">
        <v>0</v>
      </c>
      <c r="AW7623" s="111">
        <v>0</v>
      </c>
      <c r="AX7623" s="112"/>
      <c r="AY7623" s="112"/>
      <c r="AZ7623" s="112"/>
      <c r="BA7623" s="112"/>
      <c r="BB7623" s="221">
        <v>45884</v>
      </c>
    </row>
    <row r="7624" spans="1:54" s="8" customFormat="1" ht="13.95" customHeight="1" x14ac:dyDescent="0.25">
      <c r="A7624" s="229" t="s">
        <v>18309</v>
      </c>
      <c r="B7624" s="96" t="s">
        <v>18307</v>
      </c>
      <c r="C7624" s="93" t="s">
        <v>18310</v>
      </c>
      <c r="D7624" s="93" t="s">
        <v>24212</v>
      </c>
      <c r="E7624" s="111">
        <v>1993</v>
      </c>
      <c r="F7624" s="111">
        <v>98</v>
      </c>
      <c r="G7624" s="93" t="s">
        <v>1</v>
      </c>
      <c r="H7624" s="111">
        <v>0</v>
      </c>
      <c r="I7624" s="111">
        <v>0</v>
      </c>
      <c r="J7624" s="111">
        <v>0</v>
      </c>
      <c r="K7624" s="111">
        <v>0</v>
      </c>
      <c r="L7624" s="111">
        <v>1</v>
      </c>
      <c r="M7624" s="111">
        <v>0</v>
      </c>
      <c r="N7624" s="111">
        <v>0</v>
      </c>
      <c r="O7624" s="111">
        <v>0</v>
      </c>
      <c r="P7624" s="111">
        <v>1</v>
      </c>
      <c r="Q7624" s="111">
        <v>0</v>
      </c>
      <c r="R7624" s="111">
        <v>0</v>
      </c>
      <c r="S7624" s="111">
        <v>0</v>
      </c>
      <c r="T7624" s="111">
        <v>0</v>
      </c>
      <c r="U7624" s="111">
        <v>0</v>
      </c>
      <c r="V7624" s="111">
        <v>0</v>
      </c>
      <c r="W7624" s="111">
        <v>0</v>
      </c>
      <c r="X7624" s="111">
        <v>0</v>
      </c>
      <c r="Y7624" s="111">
        <v>0</v>
      </c>
      <c r="Z7624" s="111">
        <v>0</v>
      </c>
      <c r="AA7624" s="111">
        <v>0</v>
      </c>
      <c r="AB7624" s="111">
        <v>0</v>
      </c>
      <c r="AC7624" s="111">
        <v>0</v>
      </c>
      <c r="AD7624" s="111">
        <v>0</v>
      </c>
      <c r="AE7624" s="111">
        <v>0</v>
      </c>
      <c r="AF7624" s="111">
        <v>0</v>
      </c>
      <c r="AG7624" s="111">
        <v>0</v>
      </c>
      <c r="AH7624" s="111">
        <v>0</v>
      </c>
      <c r="AI7624" s="111">
        <v>0</v>
      </c>
      <c r="AJ7624" s="111">
        <v>0</v>
      </c>
      <c r="AK7624" s="111">
        <v>0</v>
      </c>
      <c r="AL7624" s="111">
        <v>0</v>
      </c>
      <c r="AM7624" s="111">
        <v>0</v>
      </c>
      <c r="AN7624" s="111">
        <v>0</v>
      </c>
      <c r="AO7624" s="111">
        <v>0</v>
      </c>
      <c r="AP7624" s="111">
        <v>0</v>
      </c>
      <c r="AQ7624" s="111">
        <v>0</v>
      </c>
      <c r="AR7624" s="111">
        <v>0</v>
      </c>
      <c r="AS7624" s="111">
        <v>0</v>
      </c>
      <c r="AT7624" s="111">
        <v>1</v>
      </c>
      <c r="AU7624" s="111">
        <v>0</v>
      </c>
      <c r="AV7624" s="111">
        <v>0</v>
      </c>
      <c r="AW7624" s="111">
        <v>0</v>
      </c>
      <c r="AX7624" s="112"/>
      <c r="AY7624" s="112"/>
      <c r="AZ7624" s="112"/>
      <c r="BA7624" s="112"/>
      <c r="BB7624" s="221">
        <v>45884</v>
      </c>
    </row>
    <row r="7625" spans="1:54" s="8" customFormat="1" ht="13.95" customHeight="1" x14ac:dyDescent="0.25">
      <c r="A7625" s="229" t="s">
        <v>18311</v>
      </c>
      <c r="B7625" s="96" t="s">
        <v>18307</v>
      </c>
      <c r="C7625" s="93" t="s">
        <v>18312</v>
      </c>
      <c r="D7625" s="93" t="s">
        <v>24213</v>
      </c>
      <c r="E7625" s="111">
        <v>1987</v>
      </c>
      <c r="F7625" s="111">
        <v>117</v>
      </c>
      <c r="G7625" s="93" t="s">
        <v>1</v>
      </c>
      <c r="H7625" s="111">
        <v>0</v>
      </c>
      <c r="I7625" s="111">
        <v>0</v>
      </c>
      <c r="J7625" s="111">
        <v>0</v>
      </c>
      <c r="K7625" s="111">
        <v>0</v>
      </c>
      <c r="L7625" s="111">
        <v>0</v>
      </c>
      <c r="M7625" s="111">
        <v>0</v>
      </c>
      <c r="N7625" s="111">
        <v>0</v>
      </c>
      <c r="O7625" s="111">
        <v>1</v>
      </c>
      <c r="P7625" s="111">
        <v>0</v>
      </c>
      <c r="Q7625" s="111">
        <v>0</v>
      </c>
      <c r="R7625" s="111">
        <v>0</v>
      </c>
      <c r="S7625" s="111">
        <v>0</v>
      </c>
      <c r="T7625" s="111">
        <v>0</v>
      </c>
      <c r="U7625" s="111">
        <v>0</v>
      </c>
      <c r="V7625" s="111">
        <v>0</v>
      </c>
      <c r="W7625" s="111">
        <v>0</v>
      </c>
      <c r="X7625" s="111">
        <v>0</v>
      </c>
      <c r="Y7625" s="111">
        <v>0</v>
      </c>
      <c r="Z7625" s="111">
        <v>0</v>
      </c>
      <c r="AA7625" s="111">
        <v>0</v>
      </c>
      <c r="AB7625" s="111">
        <v>0</v>
      </c>
      <c r="AC7625" s="111">
        <v>0</v>
      </c>
      <c r="AD7625" s="111">
        <v>0</v>
      </c>
      <c r="AE7625" s="111">
        <v>0</v>
      </c>
      <c r="AF7625" s="111">
        <v>0</v>
      </c>
      <c r="AG7625" s="111">
        <v>0</v>
      </c>
      <c r="AH7625" s="111">
        <v>0</v>
      </c>
      <c r="AI7625" s="111">
        <v>0</v>
      </c>
      <c r="AJ7625" s="111">
        <v>0</v>
      </c>
      <c r="AK7625" s="111">
        <v>0</v>
      </c>
      <c r="AL7625" s="111">
        <v>0</v>
      </c>
      <c r="AM7625" s="111">
        <v>0</v>
      </c>
      <c r="AN7625" s="111">
        <v>0</v>
      </c>
      <c r="AO7625" s="111">
        <v>0</v>
      </c>
      <c r="AP7625" s="111">
        <v>0</v>
      </c>
      <c r="AQ7625" s="111">
        <v>0</v>
      </c>
      <c r="AR7625" s="111">
        <v>0</v>
      </c>
      <c r="AS7625" s="111">
        <v>0</v>
      </c>
      <c r="AT7625" s="111">
        <v>1</v>
      </c>
      <c r="AU7625" s="111">
        <v>0</v>
      </c>
      <c r="AV7625" s="111">
        <v>0</v>
      </c>
      <c r="AW7625" s="111">
        <v>0</v>
      </c>
      <c r="AX7625" s="112"/>
      <c r="AY7625" s="112"/>
      <c r="AZ7625" s="112"/>
      <c r="BA7625" s="112"/>
      <c r="BB7625" s="221">
        <v>45884</v>
      </c>
    </row>
    <row r="7626" spans="1:54" s="8" customFormat="1" ht="13.95" customHeight="1" x14ac:dyDescent="0.25">
      <c r="A7626" s="229" t="s">
        <v>18313</v>
      </c>
      <c r="B7626" s="96" t="s">
        <v>18307</v>
      </c>
      <c r="C7626" s="93" t="s">
        <v>18314</v>
      </c>
      <c r="D7626" s="93" t="s">
        <v>24214</v>
      </c>
      <c r="E7626" s="111">
        <v>1987</v>
      </c>
      <c r="F7626" s="111">
        <v>119</v>
      </c>
      <c r="G7626" s="93" t="s">
        <v>20344</v>
      </c>
      <c r="H7626" s="111">
        <v>0</v>
      </c>
      <c r="I7626" s="111">
        <v>0</v>
      </c>
      <c r="J7626" s="111">
        <v>0</v>
      </c>
      <c r="K7626" s="111">
        <v>0</v>
      </c>
      <c r="L7626" s="111">
        <v>0</v>
      </c>
      <c r="M7626" s="111">
        <v>0</v>
      </c>
      <c r="N7626" s="111">
        <v>0</v>
      </c>
      <c r="O7626" s="111">
        <v>0</v>
      </c>
      <c r="P7626" s="111">
        <v>0</v>
      </c>
      <c r="Q7626" s="111">
        <v>0</v>
      </c>
      <c r="R7626" s="111">
        <v>0</v>
      </c>
      <c r="S7626" s="111">
        <v>0</v>
      </c>
      <c r="T7626" s="111">
        <v>0</v>
      </c>
      <c r="U7626" s="111">
        <v>0</v>
      </c>
      <c r="V7626" s="111">
        <v>0</v>
      </c>
      <c r="W7626" s="111">
        <v>0</v>
      </c>
      <c r="X7626" s="111">
        <v>0</v>
      </c>
      <c r="Y7626" s="111">
        <v>0</v>
      </c>
      <c r="Z7626" s="111">
        <v>0</v>
      </c>
      <c r="AA7626" s="111">
        <v>0</v>
      </c>
      <c r="AB7626" s="111">
        <v>0</v>
      </c>
      <c r="AC7626" s="111">
        <v>0</v>
      </c>
      <c r="AD7626" s="111">
        <v>0</v>
      </c>
      <c r="AE7626" s="111">
        <v>0</v>
      </c>
      <c r="AF7626" s="111">
        <v>0</v>
      </c>
      <c r="AG7626" s="111">
        <v>0</v>
      </c>
      <c r="AH7626" s="111">
        <v>0</v>
      </c>
      <c r="AI7626" s="111">
        <v>0</v>
      </c>
      <c r="AJ7626" s="111">
        <v>0</v>
      </c>
      <c r="AK7626" s="111">
        <v>0</v>
      </c>
      <c r="AL7626" s="111">
        <v>0</v>
      </c>
      <c r="AM7626" s="111">
        <v>0</v>
      </c>
      <c r="AN7626" s="111">
        <v>0</v>
      </c>
      <c r="AO7626" s="111">
        <v>0</v>
      </c>
      <c r="AP7626" s="111">
        <v>0</v>
      </c>
      <c r="AQ7626" s="111">
        <v>0</v>
      </c>
      <c r="AR7626" s="111">
        <v>0</v>
      </c>
      <c r="AS7626" s="111">
        <v>0</v>
      </c>
      <c r="AT7626" s="111">
        <v>0</v>
      </c>
      <c r="AU7626" s="111">
        <v>0</v>
      </c>
      <c r="AV7626" s="111">
        <v>0</v>
      </c>
      <c r="AW7626" s="111">
        <v>0</v>
      </c>
      <c r="AX7626" s="112"/>
      <c r="AY7626" s="112"/>
      <c r="AZ7626" s="112"/>
      <c r="BA7626" s="112"/>
      <c r="BB7626" s="221">
        <v>45884</v>
      </c>
    </row>
    <row r="7627" spans="1:54" s="8" customFormat="1" ht="13.95" customHeight="1" x14ac:dyDescent="0.25">
      <c r="A7627" s="229" t="s">
        <v>18315</v>
      </c>
      <c r="B7627" s="96" t="s">
        <v>18307</v>
      </c>
      <c r="C7627" s="93" t="s">
        <v>18316</v>
      </c>
      <c r="D7627" s="93" t="s">
        <v>24215</v>
      </c>
      <c r="E7627" s="111">
        <v>1987</v>
      </c>
      <c r="F7627" s="111">
        <v>142</v>
      </c>
      <c r="G7627" s="93" t="s">
        <v>1</v>
      </c>
      <c r="H7627" s="111">
        <v>0</v>
      </c>
      <c r="I7627" s="111">
        <v>0</v>
      </c>
      <c r="J7627" s="111">
        <v>0</v>
      </c>
      <c r="K7627" s="111">
        <v>0</v>
      </c>
      <c r="L7627" s="111">
        <v>1</v>
      </c>
      <c r="M7627" s="111">
        <v>0</v>
      </c>
      <c r="N7627" s="111">
        <v>0</v>
      </c>
      <c r="O7627" s="111">
        <v>0</v>
      </c>
      <c r="P7627" s="111">
        <v>1</v>
      </c>
      <c r="Q7627" s="111">
        <v>0</v>
      </c>
      <c r="R7627" s="111">
        <v>0</v>
      </c>
      <c r="S7627" s="111">
        <v>0</v>
      </c>
      <c r="T7627" s="111">
        <v>0</v>
      </c>
      <c r="U7627" s="111">
        <v>0</v>
      </c>
      <c r="V7627" s="111">
        <v>0</v>
      </c>
      <c r="W7627" s="111">
        <v>0</v>
      </c>
      <c r="X7627" s="111">
        <v>0</v>
      </c>
      <c r="Y7627" s="111">
        <v>0</v>
      </c>
      <c r="Z7627" s="111">
        <v>0</v>
      </c>
      <c r="AA7627" s="111">
        <v>0</v>
      </c>
      <c r="AB7627" s="111">
        <v>0</v>
      </c>
      <c r="AC7627" s="111">
        <v>0</v>
      </c>
      <c r="AD7627" s="111">
        <v>0</v>
      </c>
      <c r="AE7627" s="111">
        <v>0</v>
      </c>
      <c r="AF7627" s="111">
        <v>0</v>
      </c>
      <c r="AG7627" s="111">
        <v>0</v>
      </c>
      <c r="AH7627" s="111">
        <v>0</v>
      </c>
      <c r="AI7627" s="111">
        <v>0</v>
      </c>
      <c r="AJ7627" s="111">
        <v>0</v>
      </c>
      <c r="AK7627" s="111">
        <v>0</v>
      </c>
      <c r="AL7627" s="111">
        <v>0</v>
      </c>
      <c r="AM7627" s="111">
        <v>0</v>
      </c>
      <c r="AN7627" s="111">
        <v>0</v>
      </c>
      <c r="AO7627" s="111">
        <v>0</v>
      </c>
      <c r="AP7627" s="111">
        <v>0</v>
      </c>
      <c r="AQ7627" s="111">
        <v>0</v>
      </c>
      <c r="AR7627" s="111">
        <v>0</v>
      </c>
      <c r="AS7627" s="111">
        <v>0</v>
      </c>
      <c r="AT7627" s="111">
        <v>1</v>
      </c>
      <c r="AU7627" s="111">
        <v>0</v>
      </c>
      <c r="AV7627" s="111">
        <v>0</v>
      </c>
      <c r="AW7627" s="111">
        <v>0</v>
      </c>
      <c r="AX7627" s="112"/>
      <c r="AY7627" s="112"/>
      <c r="AZ7627" s="112"/>
      <c r="BA7627" s="112"/>
      <c r="BB7627" s="221">
        <v>45884</v>
      </c>
    </row>
    <row r="7628" spans="1:54" s="8" customFormat="1" ht="13.95" customHeight="1" x14ac:dyDescent="0.25">
      <c r="A7628" s="229" t="s">
        <v>18317</v>
      </c>
      <c r="B7628" s="96" t="s">
        <v>18307</v>
      </c>
      <c r="C7628" s="93" t="s">
        <v>18318</v>
      </c>
      <c r="D7628" s="93" t="s">
        <v>24216</v>
      </c>
      <c r="E7628" s="111">
        <v>1996</v>
      </c>
      <c r="F7628" s="111">
        <v>142</v>
      </c>
      <c r="G7628" s="93" t="s">
        <v>1</v>
      </c>
      <c r="H7628" s="111">
        <v>0</v>
      </c>
      <c r="I7628" s="111">
        <v>0</v>
      </c>
      <c r="J7628" s="111">
        <v>1</v>
      </c>
      <c r="K7628" s="111">
        <v>0</v>
      </c>
      <c r="L7628" s="111">
        <v>1</v>
      </c>
      <c r="M7628" s="111">
        <v>0</v>
      </c>
      <c r="N7628" s="283">
        <v>0</v>
      </c>
      <c r="O7628" s="111">
        <v>0</v>
      </c>
      <c r="P7628" s="111">
        <v>1</v>
      </c>
      <c r="Q7628" s="111">
        <v>0</v>
      </c>
      <c r="R7628" s="111">
        <v>0</v>
      </c>
      <c r="S7628" s="111">
        <v>0</v>
      </c>
      <c r="T7628" s="111">
        <v>0</v>
      </c>
      <c r="U7628" s="111">
        <v>0</v>
      </c>
      <c r="V7628" s="111">
        <v>0</v>
      </c>
      <c r="W7628" s="111">
        <v>0</v>
      </c>
      <c r="X7628" s="111">
        <v>0</v>
      </c>
      <c r="Y7628" s="111">
        <v>0</v>
      </c>
      <c r="Z7628" s="111">
        <v>0</v>
      </c>
      <c r="AA7628" s="111">
        <v>0</v>
      </c>
      <c r="AB7628" s="111">
        <v>0</v>
      </c>
      <c r="AC7628" s="111">
        <v>0</v>
      </c>
      <c r="AD7628" s="111">
        <v>0</v>
      </c>
      <c r="AE7628" s="111">
        <v>0</v>
      </c>
      <c r="AF7628" s="111">
        <v>0</v>
      </c>
      <c r="AG7628" s="111">
        <v>0</v>
      </c>
      <c r="AH7628" s="111">
        <v>0</v>
      </c>
      <c r="AI7628" s="111">
        <v>0</v>
      </c>
      <c r="AJ7628" s="111">
        <v>0</v>
      </c>
      <c r="AK7628" s="111">
        <v>0</v>
      </c>
      <c r="AL7628" s="111">
        <v>0</v>
      </c>
      <c r="AM7628" s="111">
        <v>0</v>
      </c>
      <c r="AN7628" s="111">
        <v>0</v>
      </c>
      <c r="AO7628" s="111">
        <v>0</v>
      </c>
      <c r="AP7628" s="111">
        <v>0</v>
      </c>
      <c r="AQ7628" s="111">
        <v>0</v>
      </c>
      <c r="AR7628" s="111">
        <v>0</v>
      </c>
      <c r="AS7628" s="111">
        <v>0</v>
      </c>
      <c r="AT7628" s="111">
        <v>1</v>
      </c>
      <c r="AU7628" s="111">
        <v>0</v>
      </c>
      <c r="AV7628" s="111">
        <v>0</v>
      </c>
      <c r="AW7628" s="111">
        <v>0</v>
      </c>
      <c r="AX7628" s="112"/>
      <c r="AY7628" s="112"/>
      <c r="AZ7628" s="112"/>
      <c r="BA7628" s="112"/>
      <c r="BB7628" s="221">
        <v>45884</v>
      </c>
    </row>
    <row r="7629" spans="1:54" s="8" customFormat="1" ht="13.95" customHeight="1" x14ac:dyDescent="0.25">
      <c r="A7629" s="229" t="s">
        <v>18319</v>
      </c>
      <c r="B7629" s="96" t="s">
        <v>18307</v>
      </c>
      <c r="C7629" s="93" t="s">
        <v>18320</v>
      </c>
      <c r="D7629" s="93" t="s">
        <v>24217</v>
      </c>
      <c r="E7629" s="111">
        <v>1987</v>
      </c>
      <c r="F7629" s="111">
        <v>147</v>
      </c>
      <c r="G7629" s="93" t="s">
        <v>1</v>
      </c>
      <c r="H7629" s="111">
        <v>0</v>
      </c>
      <c r="I7629" s="111">
        <v>0</v>
      </c>
      <c r="J7629" s="111">
        <v>0</v>
      </c>
      <c r="K7629" s="111">
        <v>0</v>
      </c>
      <c r="L7629" s="111">
        <v>1</v>
      </c>
      <c r="M7629" s="111">
        <v>0</v>
      </c>
      <c r="N7629" s="111">
        <v>0</v>
      </c>
      <c r="O7629" s="111">
        <v>0</v>
      </c>
      <c r="P7629" s="111">
        <v>1</v>
      </c>
      <c r="Q7629" s="111">
        <v>0</v>
      </c>
      <c r="R7629" s="111">
        <v>0</v>
      </c>
      <c r="S7629" s="111">
        <v>0</v>
      </c>
      <c r="T7629" s="111">
        <v>0</v>
      </c>
      <c r="U7629" s="111">
        <v>0</v>
      </c>
      <c r="V7629" s="111">
        <v>0</v>
      </c>
      <c r="W7629" s="111">
        <v>0</v>
      </c>
      <c r="X7629" s="111">
        <v>0</v>
      </c>
      <c r="Y7629" s="111">
        <v>0</v>
      </c>
      <c r="Z7629" s="111">
        <v>0</v>
      </c>
      <c r="AA7629" s="111">
        <v>0</v>
      </c>
      <c r="AB7629" s="111">
        <v>0</v>
      </c>
      <c r="AC7629" s="111">
        <v>0</v>
      </c>
      <c r="AD7629" s="111">
        <v>0</v>
      </c>
      <c r="AE7629" s="111">
        <v>0</v>
      </c>
      <c r="AF7629" s="111">
        <v>0</v>
      </c>
      <c r="AG7629" s="111">
        <v>0</v>
      </c>
      <c r="AH7629" s="111">
        <v>0</v>
      </c>
      <c r="AI7629" s="111">
        <v>0</v>
      </c>
      <c r="AJ7629" s="111">
        <v>0</v>
      </c>
      <c r="AK7629" s="111">
        <v>0</v>
      </c>
      <c r="AL7629" s="111">
        <v>0</v>
      </c>
      <c r="AM7629" s="111">
        <v>0</v>
      </c>
      <c r="AN7629" s="111">
        <v>0</v>
      </c>
      <c r="AO7629" s="111">
        <v>0</v>
      </c>
      <c r="AP7629" s="111">
        <v>0</v>
      </c>
      <c r="AQ7629" s="111">
        <v>0</v>
      </c>
      <c r="AR7629" s="111">
        <v>0</v>
      </c>
      <c r="AS7629" s="111">
        <v>0</v>
      </c>
      <c r="AT7629" s="111">
        <v>1</v>
      </c>
      <c r="AU7629" s="111">
        <v>0</v>
      </c>
      <c r="AV7629" s="111">
        <v>0</v>
      </c>
      <c r="AW7629" s="111">
        <v>0</v>
      </c>
      <c r="AX7629" s="112"/>
      <c r="AY7629" s="112"/>
      <c r="AZ7629" s="112"/>
      <c r="BA7629" s="112"/>
      <c r="BB7629" s="221">
        <v>45884</v>
      </c>
    </row>
    <row r="7630" spans="1:54" s="8" customFormat="1" ht="13.95" customHeight="1" x14ac:dyDescent="0.25">
      <c r="A7630" s="229" t="s">
        <v>18321</v>
      </c>
      <c r="B7630" s="96" t="s">
        <v>18307</v>
      </c>
      <c r="C7630" s="93" t="s">
        <v>18322</v>
      </c>
      <c r="D7630" s="93" t="s">
        <v>24218</v>
      </c>
      <c r="E7630" s="111">
        <v>1987</v>
      </c>
      <c r="F7630" s="111">
        <v>153</v>
      </c>
      <c r="G7630" s="93" t="s">
        <v>1</v>
      </c>
      <c r="H7630" s="111">
        <v>0</v>
      </c>
      <c r="I7630" s="111">
        <v>0</v>
      </c>
      <c r="J7630" s="111">
        <v>0</v>
      </c>
      <c r="K7630" s="111">
        <v>0</v>
      </c>
      <c r="L7630" s="111">
        <v>0</v>
      </c>
      <c r="M7630" s="111">
        <v>0</v>
      </c>
      <c r="N7630" s="111">
        <v>0</v>
      </c>
      <c r="O7630" s="111">
        <v>0</v>
      </c>
      <c r="P7630" s="111">
        <v>1</v>
      </c>
      <c r="Q7630" s="111">
        <v>0</v>
      </c>
      <c r="R7630" s="111">
        <v>0</v>
      </c>
      <c r="S7630" s="111">
        <v>0</v>
      </c>
      <c r="T7630" s="111">
        <v>0</v>
      </c>
      <c r="U7630" s="111">
        <v>0</v>
      </c>
      <c r="V7630" s="111">
        <v>0</v>
      </c>
      <c r="W7630" s="111">
        <v>0</v>
      </c>
      <c r="X7630" s="111">
        <v>0</v>
      </c>
      <c r="Y7630" s="111">
        <v>0</v>
      </c>
      <c r="Z7630" s="111">
        <v>0</v>
      </c>
      <c r="AA7630" s="111">
        <v>0</v>
      </c>
      <c r="AB7630" s="111">
        <v>0</v>
      </c>
      <c r="AC7630" s="111">
        <v>0</v>
      </c>
      <c r="AD7630" s="111">
        <v>0</v>
      </c>
      <c r="AE7630" s="111">
        <v>0</v>
      </c>
      <c r="AF7630" s="111">
        <v>0</v>
      </c>
      <c r="AG7630" s="111">
        <v>0</v>
      </c>
      <c r="AH7630" s="111">
        <v>0</v>
      </c>
      <c r="AI7630" s="111">
        <v>0</v>
      </c>
      <c r="AJ7630" s="111">
        <v>0</v>
      </c>
      <c r="AK7630" s="111">
        <v>0</v>
      </c>
      <c r="AL7630" s="111">
        <v>0</v>
      </c>
      <c r="AM7630" s="111">
        <v>0</v>
      </c>
      <c r="AN7630" s="111">
        <v>0</v>
      </c>
      <c r="AO7630" s="111">
        <v>0</v>
      </c>
      <c r="AP7630" s="111">
        <v>0</v>
      </c>
      <c r="AQ7630" s="111">
        <v>0</v>
      </c>
      <c r="AR7630" s="111">
        <v>0</v>
      </c>
      <c r="AS7630" s="111">
        <v>0</v>
      </c>
      <c r="AT7630" s="111">
        <v>1</v>
      </c>
      <c r="AU7630" s="111">
        <v>0</v>
      </c>
      <c r="AV7630" s="111">
        <v>0</v>
      </c>
      <c r="AW7630" s="111">
        <v>0</v>
      </c>
      <c r="AX7630" s="112"/>
      <c r="AY7630" s="112"/>
      <c r="AZ7630" s="112"/>
      <c r="BA7630" s="112"/>
      <c r="BB7630" s="221">
        <v>45884</v>
      </c>
    </row>
    <row r="7631" spans="1:54" s="8" customFormat="1" ht="13.95" customHeight="1" x14ac:dyDescent="0.25">
      <c r="A7631" s="229" t="s">
        <v>18323</v>
      </c>
      <c r="B7631" s="96" t="s">
        <v>18307</v>
      </c>
      <c r="C7631" s="93" t="s">
        <v>18324</v>
      </c>
      <c r="D7631" s="93" t="s">
        <v>24219</v>
      </c>
      <c r="E7631" s="111">
        <v>1999</v>
      </c>
      <c r="F7631" s="111">
        <v>158</v>
      </c>
      <c r="G7631" s="93" t="s">
        <v>1</v>
      </c>
      <c r="H7631" s="111">
        <v>0</v>
      </c>
      <c r="I7631" s="111">
        <v>0</v>
      </c>
      <c r="J7631" s="111">
        <v>0</v>
      </c>
      <c r="K7631" s="111">
        <v>1</v>
      </c>
      <c r="L7631" s="111">
        <v>0</v>
      </c>
      <c r="M7631" s="111">
        <v>0</v>
      </c>
      <c r="N7631" s="111">
        <v>0</v>
      </c>
      <c r="O7631" s="111">
        <v>0</v>
      </c>
      <c r="P7631" s="111">
        <v>1</v>
      </c>
      <c r="Q7631" s="111">
        <v>0</v>
      </c>
      <c r="R7631" s="111">
        <v>0</v>
      </c>
      <c r="S7631" s="111">
        <v>0</v>
      </c>
      <c r="T7631" s="111">
        <v>0</v>
      </c>
      <c r="U7631" s="111">
        <v>0</v>
      </c>
      <c r="V7631" s="111">
        <v>0</v>
      </c>
      <c r="W7631" s="111">
        <v>0</v>
      </c>
      <c r="X7631" s="111">
        <v>0</v>
      </c>
      <c r="Y7631" s="111">
        <v>0</v>
      </c>
      <c r="Z7631" s="111">
        <v>0</v>
      </c>
      <c r="AA7631" s="111">
        <v>0</v>
      </c>
      <c r="AB7631" s="111">
        <v>0</v>
      </c>
      <c r="AC7631" s="111">
        <v>0</v>
      </c>
      <c r="AD7631" s="111">
        <v>0</v>
      </c>
      <c r="AE7631" s="111">
        <v>0</v>
      </c>
      <c r="AF7631" s="111">
        <v>0</v>
      </c>
      <c r="AG7631" s="111">
        <v>0</v>
      </c>
      <c r="AH7631" s="111">
        <v>0</v>
      </c>
      <c r="AI7631" s="111">
        <v>0</v>
      </c>
      <c r="AJ7631" s="111">
        <v>0</v>
      </c>
      <c r="AK7631" s="111">
        <v>0</v>
      </c>
      <c r="AL7631" s="111">
        <v>0</v>
      </c>
      <c r="AM7631" s="111">
        <v>0</v>
      </c>
      <c r="AN7631" s="111">
        <v>0</v>
      </c>
      <c r="AO7631" s="111">
        <v>0</v>
      </c>
      <c r="AP7631" s="111">
        <v>0</v>
      </c>
      <c r="AQ7631" s="111">
        <v>0</v>
      </c>
      <c r="AR7631" s="111">
        <v>0</v>
      </c>
      <c r="AS7631" s="111">
        <v>0</v>
      </c>
      <c r="AT7631" s="111">
        <v>1</v>
      </c>
      <c r="AU7631" s="111">
        <v>0</v>
      </c>
      <c r="AV7631" s="111">
        <v>0</v>
      </c>
      <c r="AW7631" s="111">
        <v>0</v>
      </c>
      <c r="AX7631" s="112"/>
      <c r="AY7631" s="112"/>
      <c r="AZ7631" s="112"/>
      <c r="BA7631" s="112"/>
      <c r="BB7631" s="221">
        <v>45884</v>
      </c>
    </row>
    <row r="7632" spans="1:54" s="8" customFormat="1" ht="13.95" customHeight="1" x14ac:dyDescent="0.25">
      <c r="A7632" s="229" t="s">
        <v>18325</v>
      </c>
      <c r="B7632" s="96" t="s">
        <v>18307</v>
      </c>
      <c r="C7632" s="93" t="s">
        <v>18326</v>
      </c>
      <c r="D7632" s="93" t="s">
        <v>24220</v>
      </c>
      <c r="E7632" s="111">
        <v>1987</v>
      </c>
      <c r="F7632" s="111">
        <v>171</v>
      </c>
      <c r="G7632" s="93" t="s">
        <v>1</v>
      </c>
      <c r="H7632" s="111">
        <v>0</v>
      </c>
      <c r="I7632" s="111">
        <v>0</v>
      </c>
      <c r="J7632" s="111">
        <v>0</v>
      </c>
      <c r="K7632" s="111">
        <v>1</v>
      </c>
      <c r="L7632" s="111">
        <v>0</v>
      </c>
      <c r="M7632" s="111">
        <v>0</v>
      </c>
      <c r="N7632" s="111">
        <v>0</v>
      </c>
      <c r="O7632" s="111">
        <v>0</v>
      </c>
      <c r="P7632" s="111">
        <v>1</v>
      </c>
      <c r="Q7632" s="111">
        <v>0</v>
      </c>
      <c r="R7632" s="111">
        <v>0</v>
      </c>
      <c r="S7632" s="111">
        <v>0</v>
      </c>
      <c r="T7632" s="111">
        <v>0</v>
      </c>
      <c r="U7632" s="111">
        <v>0</v>
      </c>
      <c r="V7632" s="111">
        <v>0</v>
      </c>
      <c r="W7632" s="111">
        <v>0</v>
      </c>
      <c r="X7632" s="111">
        <v>0</v>
      </c>
      <c r="Y7632" s="111">
        <v>0</v>
      </c>
      <c r="Z7632" s="111">
        <v>0</v>
      </c>
      <c r="AA7632" s="111">
        <v>0</v>
      </c>
      <c r="AB7632" s="111">
        <v>0</v>
      </c>
      <c r="AC7632" s="111">
        <v>0</v>
      </c>
      <c r="AD7632" s="111">
        <v>0</v>
      </c>
      <c r="AE7632" s="111">
        <v>0</v>
      </c>
      <c r="AF7632" s="111">
        <v>0</v>
      </c>
      <c r="AG7632" s="111">
        <v>0</v>
      </c>
      <c r="AH7632" s="111">
        <v>0</v>
      </c>
      <c r="AI7632" s="111">
        <v>0</v>
      </c>
      <c r="AJ7632" s="111">
        <v>0</v>
      </c>
      <c r="AK7632" s="111">
        <v>0</v>
      </c>
      <c r="AL7632" s="111">
        <v>0</v>
      </c>
      <c r="AM7632" s="111">
        <v>0</v>
      </c>
      <c r="AN7632" s="111">
        <v>0</v>
      </c>
      <c r="AO7632" s="111">
        <v>0</v>
      </c>
      <c r="AP7632" s="111">
        <v>0</v>
      </c>
      <c r="AQ7632" s="111">
        <v>0</v>
      </c>
      <c r="AR7632" s="111">
        <v>0</v>
      </c>
      <c r="AS7632" s="111">
        <v>0</v>
      </c>
      <c r="AT7632" s="111">
        <v>1</v>
      </c>
      <c r="AU7632" s="111">
        <v>0</v>
      </c>
      <c r="AV7632" s="111">
        <v>0</v>
      </c>
      <c r="AW7632" s="111">
        <v>0</v>
      </c>
      <c r="AX7632" s="112"/>
      <c r="AY7632" s="112"/>
      <c r="AZ7632" s="112"/>
      <c r="BA7632" s="112"/>
      <c r="BB7632" s="221">
        <v>45884</v>
      </c>
    </row>
    <row r="7633" spans="1:54" s="8" customFormat="1" ht="13.95" customHeight="1" x14ac:dyDescent="0.25">
      <c r="A7633" s="229" t="s">
        <v>18327</v>
      </c>
      <c r="B7633" s="96" t="s">
        <v>18307</v>
      </c>
      <c r="C7633" s="93" t="s">
        <v>18328</v>
      </c>
      <c r="D7633" s="93" t="s">
        <v>24221</v>
      </c>
      <c r="E7633" s="111">
        <v>1993</v>
      </c>
      <c r="F7633" s="111">
        <v>177</v>
      </c>
      <c r="G7633" s="93" t="s">
        <v>1</v>
      </c>
      <c r="H7633" s="111">
        <v>0</v>
      </c>
      <c r="I7633" s="111">
        <v>0</v>
      </c>
      <c r="J7633" s="111">
        <v>0</v>
      </c>
      <c r="K7633" s="111">
        <v>0</v>
      </c>
      <c r="L7633" s="111">
        <v>1</v>
      </c>
      <c r="M7633" s="111">
        <v>0</v>
      </c>
      <c r="N7633" s="111">
        <v>0</v>
      </c>
      <c r="O7633" s="111">
        <v>0</v>
      </c>
      <c r="P7633" s="111">
        <v>0</v>
      </c>
      <c r="Q7633" s="111">
        <v>0</v>
      </c>
      <c r="R7633" s="111">
        <v>0</v>
      </c>
      <c r="S7633" s="111">
        <v>0</v>
      </c>
      <c r="T7633" s="111">
        <v>0</v>
      </c>
      <c r="U7633" s="111">
        <v>0</v>
      </c>
      <c r="V7633" s="111">
        <v>0</v>
      </c>
      <c r="W7633" s="111">
        <v>0</v>
      </c>
      <c r="X7633" s="111">
        <v>0</v>
      </c>
      <c r="Y7633" s="111">
        <v>0</v>
      </c>
      <c r="Z7633" s="111">
        <v>0</v>
      </c>
      <c r="AA7633" s="111">
        <v>0</v>
      </c>
      <c r="AB7633" s="111">
        <v>0</v>
      </c>
      <c r="AC7633" s="111">
        <v>0</v>
      </c>
      <c r="AD7633" s="111">
        <v>0</v>
      </c>
      <c r="AE7633" s="111">
        <v>0</v>
      </c>
      <c r="AF7633" s="111">
        <v>0</v>
      </c>
      <c r="AG7633" s="111">
        <v>0</v>
      </c>
      <c r="AH7633" s="111">
        <v>0</v>
      </c>
      <c r="AI7633" s="111">
        <v>0</v>
      </c>
      <c r="AJ7633" s="111">
        <v>0</v>
      </c>
      <c r="AK7633" s="111">
        <v>0</v>
      </c>
      <c r="AL7633" s="111">
        <v>0</v>
      </c>
      <c r="AM7633" s="111">
        <v>0</v>
      </c>
      <c r="AN7633" s="111">
        <v>0</v>
      </c>
      <c r="AO7633" s="111">
        <v>0</v>
      </c>
      <c r="AP7633" s="111">
        <v>0</v>
      </c>
      <c r="AQ7633" s="111">
        <v>0</v>
      </c>
      <c r="AR7633" s="111">
        <v>0</v>
      </c>
      <c r="AS7633" s="111">
        <v>0</v>
      </c>
      <c r="AT7633" s="111">
        <v>1</v>
      </c>
      <c r="AU7633" s="111">
        <v>0</v>
      </c>
      <c r="AV7633" s="111">
        <v>0</v>
      </c>
      <c r="AW7633" s="111">
        <v>0</v>
      </c>
      <c r="AX7633" s="112"/>
      <c r="AY7633" s="112"/>
      <c r="AZ7633" s="112"/>
      <c r="BA7633" s="112"/>
      <c r="BB7633" s="221">
        <v>45884</v>
      </c>
    </row>
    <row r="7634" spans="1:54" s="8" customFormat="1" ht="13.95" customHeight="1" x14ac:dyDescent="0.25">
      <c r="A7634" s="229" t="s">
        <v>18329</v>
      </c>
      <c r="B7634" s="96" t="s">
        <v>18307</v>
      </c>
      <c r="C7634" s="93" t="s">
        <v>18330</v>
      </c>
      <c r="D7634" s="93" t="s">
        <v>24222</v>
      </c>
      <c r="E7634" s="111">
        <v>2005</v>
      </c>
      <c r="F7634" s="111">
        <v>183</v>
      </c>
      <c r="G7634" s="93" t="s">
        <v>1</v>
      </c>
      <c r="H7634" s="111">
        <v>0</v>
      </c>
      <c r="I7634" s="111">
        <v>0</v>
      </c>
      <c r="J7634" s="111">
        <v>1</v>
      </c>
      <c r="K7634" s="111">
        <v>0</v>
      </c>
      <c r="L7634" s="111">
        <v>1</v>
      </c>
      <c r="M7634" s="111">
        <v>0</v>
      </c>
      <c r="N7634" s="111">
        <v>0</v>
      </c>
      <c r="O7634" s="111">
        <v>0</v>
      </c>
      <c r="P7634" s="111">
        <v>1</v>
      </c>
      <c r="Q7634" s="111">
        <v>0</v>
      </c>
      <c r="R7634" s="111">
        <v>0</v>
      </c>
      <c r="S7634" s="111">
        <v>0</v>
      </c>
      <c r="T7634" s="111">
        <v>0</v>
      </c>
      <c r="U7634" s="111">
        <v>0</v>
      </c>
      <c r="V7634" s="111">
        <v>0</v>
      </c>
      <c r="W7634" s="111">
        <v>0</v>
      </c>
      <c r="X7634" s="111">
        <v>0</v>
      </c>
      <c r="Y7634" s="111">
        <v>0</v>
      </c>
      <c r="Z7634" s="111">
        <v>0</v>
      </c>
      <c r="AA7634" s="111">
        <v>0</v>
      </c>
      <c r="AB7634" s="111">
        <v>0</v>
      </c>
      <c r="AC7634" s="111">
        <v>0</v>
      </c>
      <c r="AD7634" s="111">
        <v>0</v>
      </c>
      <c r="AE7634" s="111">
        <v>0</v>
      </c>
      <c r="AF7634" s="111">
        <v>0</v>
      </c>
      <c r="AG7634" s="111">
        <v>0</v>
      </c>
      <c r="AH7634" s="111">
        <v>0</v>
      </c>
      <c r="AI7634" s="111">
        <v>0</v>
      </c>
      <c r="AJ7634" s="111">
        <v>0</v>
      </c>
      <c r="AK7634" s="111">
        <v>0</v>
      </c>
      <c r="AL7634" s="111">
        <v>0</v>
      </c>
      <c r="AM7634" s="111">
        <v>0</v>
      </c>
      <c r="AN7634" s="111">
        <v>0</v>
      </c>
      <c r="AO7634" s="111">
        <v>0</v>
      </c>
      <c r="AP7634" s="111">
        <v>0</v>
      </c>
      <c r="AQ7634" s="111">
        <v>0</v>
      </c>
      <c r="AR7634" s="111">
        <v>0</v>
      </c>
      <c r="AS7634" s="111">
        <v>0</v>
      </c>
      <c r="AT7634" s="111">
        <v>1</v>
      </c>
      <c r="AU7634" s="111">
        <v>0</v>
      </c>
      <c r="AV7634" s="111">
        <v>0</v>
      </c>
      <c r="AW7634" s="111">
        <v>0</v>
      </c>
      <c r="AX7634" s="112"/>
      <c r="AY7634" s="112"/>
      <c r="AZ7634" s="112"/>
      <c r="BA7634" s="112"/>
      <c r="BB7634" s="221">
        <v>45884</v>
      </c>
    </row>
    <row r="7635" spans="1:54" s="8" customFormat="1" ht="13.95" customHeight="1" x14ac:dyDescent="0.25">
      <c r="A7635" s="229" t="s">
        <v>18331</v>
      </c>
      <c r="B7635" s="96" t="s">
        <v>18307</v>
      </c>
      <c r="C7635" s="93" t="s">
        <v>18332</v>
      </c>
      <c r="D7635" s="93" t="s">
        <v>24223</v>
      </c>
      <c r="E7635" s="111">
        <v>1991</v>
      </c>
      <c r="F7635" s="111">
        <v>195</v>
      </c>
      <c r="G7635" s="93" t="s">
        <v>1</v>
      </c>
      <c r="H7635" s="111">
        <v>0</v>
      </c>
      <c r="I7635" s="111">
        <v>0</v>
      </c>
      <c r="J7635" s="111">
        <v>0</v>
      </c>
      <c r="K7635" s="111">
        <v>1</v>
      </c>
      <c r="L7635" s="111">
        <v>1</v>
      </c>
      <c r="M7635" s="111">
        <v>0</v>
      </c>
      <c r="N7635" s="111">
        <v>0</v>
      </c>
      <c r="O7635" s="111">
        <v>0</v>
      </c>
      <c r="P7635" s="111">
        <v>1</v>
      </c>
      <c r="Q7635" s="111">
        <v>0</v>
      </c>
      <c r="R7635" s="111">
        <v>0</v>
      </c>
      <c r="S7635" s="111">
        <v>0</v>
      </c>
      <c r="T7635" s="111">
        <v>0</v>
      </c>
      <c r="U7635" s="111">
        <v>0</v>
      </c>
      <c r="V7635" s="111">
        <v>0</v>
      </c>
      <c r="W7635" s="111">
        <v>0</v>
      </c>
      <c r="X7635" s="111">
        <v>0</v>
      </c>
      <c r="Y7635" s="111">
        <v>0</v>
      </c>
      <c r="Z7635" s="111">
        <v>0</v>
      </c>
      <c r="AA7635" s="111">
        <v>0</v>
      </c>
      <c r="AB7635" s="111">
        <v>0</v>
      </c>
      <c r="AC7635" s="111">
        <v>0</v>
      </c>
      <c r="AD7635" s="111">
        <v>0</v>
      </c>
      <c r="AE7635" s="111">
        <v>0</v>
      </c>
      <c r="AF7635" s="111">
        <v>0</v>
      </c>
      <c r="AG7635" s="111">
        <v>0</v>
      </c>
      <c r="AH7635" s="111">
        <v>0</v>
      </c>
      <c r="AI7635" s="111">
        <v>0</v>
      </c>
      <c r="AJ7635" s="111">
        <v>0</v>
      </c>
      <c r="AK7635" s="111">
        <v>0</v>
      </c>
      <c r="AL7635" s="111">
        <v>0</v>
      </c>
      <c r="AM7635" s="111">
        <v>0</v>
      </c>
      <c r="AN7635" s="111">
        <v>0</v>
      </c>
      <c r="AO7635" s="111">
        <v>0</v>
      </c>
      <c r="AP7635" s="111">
        <v>0</v>
      </c>
      <c r="AQ7635" s="111">
        <v>0</v>
      </c>
      <c r="AR7635" s="111">
        <v>0</v>
      </c>
      <c r="AS7635" s="111">
        <v>0</v>
      </c>
      <c r="AT7635" s="111">
        <v>1</v>
      </c>
      <c r="AU7635" s="111">
        <v>0</v>
      </c>
      <c r="AV7635" s="111">
        <v>0</v>
      </c>
      <c r="AW7635" s="111">
        <v>0</v>
      </c>
      <c r="AX7635" s="112"/>
      <c r="AY7635" s="112"/>
      <c r="AZ7635" s="112"/>
      <c r="BA7635" s="112"/>
      <c r="BB7635" s="221">
        <v>45884</v>
      </c>
    </row>
    <row r="7636" spans="1:54" s="8" customFormat="1" ht="13.95" customHeight="1" x14ac:dyDescent="0.25">
      <c r="A7636" s="229" t="s">
        <v>18333</v>
      </c>
      <c r="B7636" s="96" t="s">
        <v>18307</v>
      </c>
      <c r="C7636" s="93" t="s">
        <v>18334</v>
      </c>
      <c r="D7636" s="93" t="s">
        <v>24224</v>
      </c>
      <c r="E7636" s="111">
        <v>1986</v>
      </c>
      <c r="F7636" s="111">
        <v>196</v>
      </c>
      <c r="G7636" s="93" t="s">
        <v>1</v>
      </c>
      <c r="H7636" s="111">
        <v>0</v>
      </c>
      <c r="I7636" s="111">
        <v>0</v>
      </c>
      <c r="J7636" s="111">
        <v>1</v>
      </c>
      <c r="K7636" s="111">
        <v>0</v>
      </c>
      <c r="L7636" s="111">
        <v>1</v>
      </c>
      <c r="M7636" s="111">
        <v>0</v>
      </c>
      <c r="N7636" s="111">
        <v>0</v>
      </c>
      <c r="O7636" s="111">
        <v>0</v>
      </c>
      <c r="P7636" s="111">
        <v>1</v>
      </c>
      <c r="Q7636" s="111">
        <v>0</v>
      </c>
      <c r="R7636" s="111">
        <v>0</v>
      </c>
      <c r="S7636" s="111">
        <v>0</v>
      </c>
      <c r="T7636" s="111">
        <v>0</v>
      </c>
      <c r="U7636" s="111">
        <v>0</v>
      </c>
      <c r="V7636" s="111">
        <v>0</v>
      </c>
      <c r="W7636" s="111">
        <v>0</v>
      </c>
      <c r="X7636" s="111">
        <v>0</v>
      </c>
      <c r="Y7636" s="111">
        <v>0</v>
      </c>
      <c r="Z7636" s="111">
        <v>0</v>
      </c>
      <c r="AA7636" s="111">
        <v>0</v>
      </c>
      <c r="AB7636" s="111">
        <v>0</v>
      </c>
      <c r="AC7636" s="111">
        <v>0</v>
      </c>
      <c r="AD7636" s="111">
        <v>0</v>
      </c>
      <c r="AE7636" s="111">
        <v>0</v>
      </c>
      <c r="AF7636" s="111">
        <v>0</v>
      </c>
      <c r="AG7636" s="111">
        <v>0</v>
      </c>
      <c r="AH7636" s="111">
        <v>0</v>
      </c>
      <c r="AI7636" s="111">
        <v>0</v>
      </c>
      <c r="AJ7636" s="111">
        <v>0</v>
      </c>
      <c r="AK7636" s="111">
        <v>0</v>
      </c>
      <c r="AL7636" s="111">
        <v>0</v>
      </c>
      <c r="AM7636" s="111">
        <v>0</v>
      </c>
      <c r="AN7636" s="111">
        <v>0</v>
      </c>
      <c r="AO7636" s="111">
        <v>0</v>
      </c>
      <c r="AP7636" s="111">
        <v>0</v>
      </c>
      <c r="AQ7636" s="111">
        <v>0</v>
      </c>
      <c r="AR7636" s="111">
        <v>0</v>
      </c>
      <c r="AS7636" s="111">
        <v>0</v>
      </c>
      <c r="AT7636" s="111">
        <v>1</v>
      </c>
      <c r="AU7636" s="111">
        <v>0</v>
      </c>
      <c r="AV7636" s="111">
        <v>0</v>
      </c>
      <c r="AW7636" s="111">
        <v>0</v>
      </c>
      <c r="AX7636" s="112"/>
      <c r="AY7636" s="112"/>
      <c r="AZ7636" s="112"/>
      <c r="BA7636" s="112"/>
      <c r="BB7636" s="221">
        <v>45884</v>
      </c>
    </row>
    <row r="7637" spans="1:54" s="8" customFormat="1" ht="13.95" customHeight="1" x14ac:dyDescent="0.25">
      <c r="A7637" s="229" t="s">
        <v>18335</v>
      </c>
      <c r="B7637" s="96" t="s">
        <v>18307</v>
      </c>
      <c r="C7637" s="93" t="s">
        <v>18336</v>
      </c>
      <c r="D7637" s="93" t="s">
        <v>24225</v>
      </c>
      <c r="E7637" s="111">
        <v>1992</v>
      </c>
      <c r="F7637" s="111">
        <v>204</v>
      </c>
      <c r="G7637" s="93" t="s">
        <v>1</v>
      </c>
      <c r="H7637" s="111">
        <v>0</v>
      </c>
      <c r="I7637" s="111">
        <v>0</v>
      </c>
      <c r="J7637" s="111">
        <v>0</v>
      </c>
      <c r="K7637" s="111">
        <v>0</v>
      </c>
      <c r="L7637" s="111">
        <v>1</v>
      </c>
      <c r="M7637" s="111">
        <v>0</v>
      </c>
      <c r="N7637" s="252">
        <v>1</v>
      </c>
      <c r="O7637" s="111">
        <v>0</v>
      </c>
      <c r="P7637" s="111">
        <v>0</v>
      </c>
      <c r="Q7637" s="111">
        <v>0</v>
      </c>
      <c r="R7637" s="111">
        <v>0</v>
      </c>
      <c r="S7637" s="111">
        <v>0</v>
      </c>
      <c r="T7637" s="111">
        <v>0</v>
      </c>
      <c r="U7637" s="111">
        <v>0</v>
      </c>
      <c r="V7637" s="111">
        <v>0</v>
      </c>
      <c r="W7637" s="111">
        <v>0</v>
      </c>
      <c r="X7637" s="111">
        <v>0</v>
      </c>
      <c r="Y7637" s="111">
        <v>0</v>
      </c>
      <c r="Z7637" s="111">
        <v>0</v>
      </c>
      <c r="AA7637" s="111">
        <v>0</v>
      </c>
      <c r="AB7637" s="111">
        <v>0</v>
      </c>
      <c r="AC7637" s="111">
        <v>0</v>
      </c>
      <c r="AD7637" s="111">
        <v>0</v>
      </c>
      <c r="AE7637" s="111">
        <v>0</v>
      </c>
      <c r="AF7637" s="111">
        <v>0</v>
      </c>
      <c r="AG7637" s="111">
        <v>0</v>
      </c>
      <c r="AH7637" s="111">
        <v>0</v>
      </c>
      <c r="AI7637" s="111">
        <v>0</v>
      </c>
      <c r="AJ7637" s="111">
        <v>0</v>
      </c>
      <c r="AK7637" s="111">
        <v>0</v>
      </c>
      <c r="AL7637" s="111">
        <v>0</v>
      </c>
      <c r="AM7637" s="111">
        <v>0</v>
      </c>
      <c r="AN7637" s="111">
        <v>0</v>
      </c>
      <c r="AO7637" s="111">
        <v>0</v>
      </c>
      <c r="AP7637" s="111">
        <v>0</v>
      </c>
      <c r="AQ7637" s="111">
        <v>0</v>
      </c>
      <c r="AR7637" s="111">
        <v>0</v>
      </c>
      <c r="AS7637" s="111">
        <v>0</v>
      </c>
      <c r="AT7637" s="111">
        <v>1</v>
      </c>
      <c r="AU7637" s="111">
        <v>0</v>
      </c>
      <c r="AV7637" s="111">
        <v>0</v>
      </c>
      <c r="AW7637" s="111">
        <v>0</v>
      </c>
      <c r="AX7637" s="112"/>
      <c r="AY7637" s="112"/>
      <c r="AZ7637" s="112"/>
      <c r="BA7637" s="112"/>
      <c r="BB7637" s="221">
        <v>45884</v>
      </c>
    </row>
    <row r="7638" spans="1:54" s="8" customFormat="1" ht="13.95" customHeight="1" x14ac:dyDescent="0.25">
      <c r="A7638" s="229" t="s">
        <v>18337</v>
      </c>
      <c r="B7638" s="96" t="s">
        <v>18307</v>
      </c>
      <c r="C7638" s="93" t="s">
        <v>18338</v>
      </c>
      <c r="D7638" s="93" t="s">
        <v>24226</v>
      </c>
      <c r="E7638" s="111">
        <v>1987</v>
      </c>
      <c r="F7638" s="111">
        <v>208</v>
      </c>
      <c r="G7638" s="93" t="s">
        <v>1</v>
      </c>
      <c r="H7638" s="111">
        <v>0</v>
      </c>
      <c r="I7638" s="111">
        <v>0</v>
      </c>
      <c r="J7638" s="111">
        <v>1</v>
      </c>
      <c r="K7638" s="111">
        <v>0</v>
      </c>
      <c r="L7638" s="111">
        <v>0</v>
      </c>
      <c r="M7638" s="111">
        <v>0</v>
      </c>
      <c r="N7638" s="111">
        <v>0</v>
      </c>
      <c r="O7638" s="111">
        <v>0</v>
      </c>
      <c r="P7638" s="111">
        <v>0</v>
      </c>
      <c r="Q7638" s="111">
        <v>0</v>
      </c>
      <c r="R7638" s="111">
        <v>0</v>
      </c>
      <c r="S7638" s="111">
        <v>0</v>
      </c>
      <c r="T7638" s="111">
        <v>0</v>
      </c>
      <c r="U7638" s="111">
        <v>0</v>
      </c>
      <c r="V7638" s="111">
        <v>0</v>
      </c>
      <c r="W7638" s="111">
        <v>0</v>
      </c>
      <c r="X7638" s="111">
        <v>0</v>
      </c>
      <c r="Y7638" s="111">
        <v>0</v>
      </c>
      <c r="Z7638" s="111">
        <v>0</v>
      </c>
      <c r="AA7638" s="111">
        <v>0</v>
      </c>
      <c r="AB7638" s="111">
        <v>0</v>
      </c>
      <c r="AC7638" s="111">
        <v>0</v>
      </c>
      <c r="AD7638" s="111">
        <v>0</v>
      </c>
      <c r="AE7638" s="111">
        <v>0</v>
      </c>
      <c r="AF7638" s="111">
        <v>0</v>
      </c>
      <c r="AG7638" s="111">
        <v>0</v>
      </c>
      <c r="AH7638" s="111">
        <v>0</v>
      </c>
      <c r="AI7638" s="111">
        <v>0</v>
      </c>
      <c r="AJ7638" s="111">
        <v>0</v>
      </c>
      <c r="AK7638" s="111">
        <v>0</v>
      </c>
      <c r="AL7638" s="111">
        <v>0</v>
      </c>
      <c r="AM7638" s="111">
        <v>0</v>
      </c>
      <c r="AN7638" s="111">
        <v>0</v>
      </c>
      <c r="AO7638" s="111">
        <v>0</v>
      </c>
      <c r="AP7638" s="111">
        <v>0</v>
      </c>
      <c r="AQ7638" s="111">
        <v>0</v>
      </c>
      <c r="AR7638" s="111">
        <v>0</v>
      </c>
      <c r="AS7638" s="111">
        <v>0</v>
      </c>
      <c r="AT7638" s="111">
        <v>1</v>
      </c>
      <c r="AU7638" s="111">
        <v>0</v>
      </c>
      <c r="AV7638" s="111">
        <v>0</v>
      </c>
      <c r="AW7638" s="111">
        <v>0</v>
      </c>
      <c r="AX7638" s="112"/>
      <c r="AY7638" s="112"/>
      <c r="AZ7638" s="112"/>
      <c r="BA7638" s="112"/>
      <c r="BB7638" s="221">
        <v>45884</v>
      </c>
    </row>
    <row r="7639" spans="1:54" s="8" customFormat="1" ht="13.95" customHeight="1" x14ac:dyDescent="0.25">
      <c r="A7639" s="229" t="s">
        <v>18339</v>
      </c>
      <c r="B7639" s="96" t="s">
        <v>18307</v>
      </c>
      <c r="C7639" s="93" t="s">
        <v>18340</v>
      </c>
      <c r="D7639" s="93" t="s">
        <v>24227</v>
      </c>
      <c r="E7639" s="111">
        <v>1988</v>
      </c>
      <c r="F7639" s="111">
        <v>210</v>
      </c>
      <c r="G7639" s="93" t="s">
        <v>1</v>
      </c>
      <c r="H7639" s="111">
        <v>0</v>
      </c>
      <c r="I7639" s="111">
        <v>0</v>
      </c>
      <c r="J7639" s="111">
        <v>0</v>
      </c>
      <c r="K7639" s="111">
        <v>0</v>
      </c>
      <c r="L7639" s="111">
        <v>1</v>
      </c>
      <c r="M7639" s="111">
        <v>0</v>
      </c>
      <c r="N7639" s="111">
        <v>0</v>
      </c>
      <c r="O7639" s="111">
        <v>1</v>
      </c>
      <c r="P7639" s="111">
        <v>1</v>
      </c>
      <c r="Q7639" s="111">
        <v>0</v>
      </c>
      <c r="R7639" s="111">
        <v>0</v>
      </c>
      <c r="S7639" s="111">
        <v>0</v>
      </c>
      <c r="T7639" s="111">
        <v>0</v>
      </c>
      <c r="U7639" s="111">
        <v>0</v>
      </c>
      <c r="V7639" s="111">
        <v>0</v>
      </c>
      <c r="W7639" s="111">
        <v>0</v>
      </c>
      <c r="X7639" s="111">
        <v>0</v>
      </c>
      <c r="Y7639" s="111">
        <v>0</v>
      </c>
      <c r="Z7639" s="111">
        <v>0</v>
      </c>
      <c r="AA7639" s="111">
        <v>0</v>
      </c>
      <c r="AB7639" s="111">
        <v>0</v>
      </c>
      <c r="AC7639" s="111">
        <v>0</v>
      </c>
      <c r="AD7639" s="111">
        <v>0</v>
      </c>
      <c r="AE7639" s="111">
        <v>0</v>
      </c>
      <c r="AF7639" s="111">
        <v>0</v>
      </c>
      <c r="AG7639" s="111">
        <v>0</v>
      </c>
      <c r="AH7639" s="111">
        <v>0</v>
      </c>
      <c r="AI7639" s="111">
        <v>0</v>
      </c>
      <c r="AJ7639" s="111">
        <v>0</v>
      </c>
      <c r="AK7639" s="111">
        <v>0</v>
      </c>
      <c r="AL7639" s="111">
        <v>0</v>
      </c>
      <c r="AM7639" s="111">
        <v>0</v>
      </c>
      <c r="AN7639" s="111">
        <v>0</v>
      </c>
      <c r="AO7639" s="111">
        <v>0</v>
      </c>
      <c r="AP7639" s="111">
        <v>0</v>
      </c>
      <c r="AQ7639" s="111">
        <v>0</v>
      </c>
      <c r="AR7639" s="111">
        <v>0</v>
      </c>
      <c r="AS7639" s="111">
        <v>0</v>
      </c>
      <c r="AT7639" s="111">
        <v>1</v>
      </c>
      <c r="AU7639" s="111">
        <v>0</v>
      </c>
      <c r="AV7639" s="111">
        <v>0</v>
      </c>
      <c r="AW7639" s="111">
        <v>0</v>
      </c>
      <c r="AX7639" s="112"/>
      <c r="AY7639" s="112"/>
      <c r="AZ7639" s="112"/>
      <c r="BA7639" s="112"/>
      <c r="BB7639" s="221">
        <v>45884</v>
      </c>
    </row>
    <row r="7640" spans="1:54" s="8" customFormat="1" ht="13.95" customHeight="1" x14ac:dyDescent="0.25">
      <c r="A7640" s="229" t="s">
        <v>18341</v>
      </c>
      <c r="B7640" s="96" t="s">
        <v>18307</v>
      </c>
      <c r="C7640" s="93" t="s">
        <v>18342</v>
      </c>
      <c r="D7640" s="93" t="s">
        <v>24228</v>
      </c>
      <c r="E7640" s="111">
        <v>1987</v>
      </c>
      <c r="F7640" s="111">
        <v>210</v>
      </c>
      <c r="G7640" s="93" t="s">
        <v>1</v>
      </c>
      <c r="H7640" s="111">
        <v>0</v>
      </c>
      <c r="I7640" s="111">
        <v>0</v>
      </c>
      <c r="J7640" s="111">
        <v>1</v>
      </c>
      <c r="K7640" s="111">
        <v>0</v>
      </c>
      <c r="L7640" s="111">
        <v>0</v>
      </c>
      <c r="M7640" s="111">
        <v>0</v>
      </c>
      <c r="N7640" s="111">
        <v>0</v>
      </c>
      <c r="O7640" s="111">
        <v>0</v>
      </c>
      <c r="P7640" s="111">
        <v>0</v>
      </c>
      <c r="Q7640" s="111">
        <v>0</v>
      </c>
      <c r="R7640" s="111">
        <v>1</v>
      </c>
      <c r="S7640" s="111">
        <v>0</v>
      </c>
      <c r="T7640" s="111">
        <v>0</v>
      </c>
      <c r="U7640" s="111">
        <v>0</v>
      </c>
      <c r="V7640" s="111">
        <v>0</v>
      </c>
      <c r="W7640" s="111">
        <v>0</v>
      </c>
      <c r="X7640" s="111">
        <v>0</v>
      </c>
      <c r="Y7640" s="111">
        <v>0</v>
      </c>
      <c r="Z7640" s="111">
        <v>0</v>
      </c>
      <c r="AA7640" s="111">
        <v>0</v>
      </c>
      <c r="AB7640" s="111">
        <v>0</v>
      </c>
      <c r="AC7640" s="111">
        <v>0</v>
      </c>
      <c r="AD7640" s="111">
        <v>0</v>
      </c>
      <c r="AE7640" s="111">
        <v>0</v>
      </c>
      <c r="AF7640" s="111">
        <v>0</v>
      </c>
      <c r="AG7640" s="111">
        <v>0</v>
      </c>
      <c r="AH7640" s="111">
        <v>0</v>
      </c>
      <c r="AI7640" s="111">
        <v>0</v>
      </c>
      <c r="AJ7640" s="111">
        <v>0</v>
      </c>
      <c r="AK7640" s="111">
        <v>0</v>
      </c>
      <c r="AL7640" s="111">
        <v>0</v>
      </c>
      <c r="AM7640" s="111">
        <v>0</v>
      </c>
      <c r="AN7640" s="111">
        <v>0</v>
      </c>
      <c r="AO7640" s="111">
        <v>0</v>
      </c>
      <c r="AP7640" s="111">
        <v>0</v>
      </c>
      <c r="AQ7640" s="111">
        <v>0</v>
      </c>
      <c r="AR7640" s="111">
        <v>0</v>
      </c>
      <c r="AS7640" s="111">
        <v>0</v>
      </c>
      <c r="AT7640" s="111">
        <v>1</v>
      </c>
      <c r="AU7640" s="111">
        <v>0</v>
      </c>
      <c r="AV7640" s="111">
        <v>0</v>
      </c>
      <c r="AW7640" s="111">
        <v>0</v>
      </c>
      <c r="AX7640" s="112"/>
      <c r="AY7640" s="112"/>
      <c r="AZ7640" s="112"/>
      <c r="BA7640" s="112"/>
      <c r="BB7640" s="221">
        <v>45884</v>
      </c>
    </row>
    <row r="7641" spans="1:54" s="8" customFormat="1" ht="13.95" customHeight="1" x14ac:dyDescent="0.25">
      <c r="A7641" s="229" t="s">
        <v>18343</v>
      </c>
      <c r="B7641" s="96" t="s">
        <v>18307</v>
      </c>
      <c r="C7641" s="93" t="s">
        <v>18344</v>
      </c>
      <c r="D7641" s="93" t="s">
        <v>24229</v>
      </c>
      <c r="E7641" s="111">
        <v>1987</v>
      </c>
      <c r="F7641" s="111">
        <v>224</v>
      </c>
      <c r="G7641" s="93" t="s">
        <v>1</v>
      </c>
      <c r="H7641" s="111">
        <v>0</v>
      </c>
      <c r="I7641" s="111">
        <v>0</v>
      </c>
      <c r="J7641" s="111">
        <v>0</v>
      </c>
      <c r="K7641" s="111">
        <v>1</v>
      </c>
      <c r="L7641" s="111">
        <v>0</v>
      </c>
      <c r="M7641" s="111">
        <v>0</v>
      </c>
      <c r="N7641" s="111">
        <v>0</v>
      </c>
      <c r="O7641" s="111">
        <v>1</v>
      </c>
      <c r="P7641" s="111">
        <v>0</v>
      </c>
      <c r="Q7641" s="111">
        <v>0</v>
      </c>
      <c r="R7641" s="111">
        <v>0</v>
      </c>
      <c r="S7641" s="111">
        <v>0</v>
      </c>
      <c r="T7641" s="111">
        <v>0</v>
      </c>
      <c r="U7641" s="111">
        <v>0</v>
      </c>
      <c r="V7641" s="111">
        <v>0</v>
      </c>
      <c r="W7641" s="111">
        <v>0</v>
      </c>
      <c r="X7641" s="111">
        <v>0</v>
      </c>
      <c r="Y7641" s="111">
        <v>0</v>
      </c>
      <c r="Z7641" s="111">
        <v>0</v>
      </c>
      <c r="AA7641" s="111">
        <v>0</v>
      </c>
      <c r="AB7641" s="111">
        <v>0</v>
      </c>
      <c r="AC7641" s="111">
        <v>0</v>
      </c>
      <c r="AD7641" s="111">
        <v>0</v>
      </c>
      <c r="AE7641" s="111">
        <v>0</v>
      </c>
      <c r="AF7641" s="111">
        <v>0</v>
      </c>
      <c r="AG7641" s="111">
        <v>0</v>
      </c>
      <c r="AH7641" s="111">
        <v>0</v>
      </c>
      <c r="AI7641" s="111">
        <v>0</v>
      </c>
      <c r="AJ7641" s="111">
        <v>0</v>
      </c>
      <c r="AK7641" s="111">
        <v>0</v>
      </c>
      <c r="AL7641" s="111">
        <v>0</v>
      </c>
      <c r="AM7641" s="111">
        <v>0</v>
      </c>
      <c r="AN7641" s="111">
        <v>0</v>
      </c>
      <c r="AO7641" s="111">
        <v>0</v>
      </c>
      <c r="AP7641" s="111">
        <v>0</v>
      </c>
      <c r="AQ7641" s="111">
        <v>0</v>
      </c>
      <c r="AR7641" s="111">
        <v>0</v>
      </c>
      <c r="AS7641" s="111">
        <v>0</v>
      </c>
      <c r="AT7641" s="111">
        <v>1</v>
      </c>
      <c r="AU7641" s="111">
        <v>0</v>
      </c>
      <c r="AV7641" s="111">
        <v>0</v>
      </c>
      <c r="AW7641" s="111">
        <v>0</v>
      </c>
      <c r="AX7641" s="112"/>
      <c r="AY7641" s="112"/>
      <c r="AZ7641" s="112"/>
      <c r="BA7641" s="112"/>
      <c r="BB7641" s="221">
        <v>45884</v>
      </c>
    </row>
    <row r="7642" spans="1:54" s="8" customFormat="1" ht="13.95" customHeight="1" x14ac:dyDescent="0.25">
      <c r="A7642" s="229" t="s">
        <v>18345</v>
      </c>
      <c r="B7642" s="96" t="s">
        <v>18307</v>
      </c>
      <c r="C7642" s="93" t="s">
        <v>18346</v>
      </c>
      <c r="D7642" s="93" t="s">
        <v>24230</v>
      </c>
      <c r="E7642" s="111">
        <v>1987</v>
      </c>
      <c r="F7642" s="111">
        <v>269</v>
      </c>
      <c r="G7642" s="93" t="s">
        <v>1</v>
      </c>
      <c r="H7642" s="111">
        <v>0</v>
      </c>
      <c r="I7642" s="111">
        <v>0</v>
      </c>
      <c r="J7642" s="111">
        <v>0</v>
      </c>
      <c r="K7642" s="111">
        <v>0</v>
      </c>
      <c r="L7642" s="111">
        <v>1</v>
      </c>
      <c r="M7642" s="111">
        <v>0</v>
      </c>
      <c r="N7642" s="111">
        <v>0</v>
      </c>
      <c r="O7642" s="111">
        <v>1</v>
      </c>
      <c r="P7642" s="111">
        <v>1</v>
      </c>
      <c r="Q7642" s="111">
        <v>0</v>
      </c>
      <c r="R7642" s="111">
        <v>0</v>
      </c>
      <c r="S7642" s="111">
        <v>0</v>
      </c>
      <c r="T7642" s="111">
        <v>0</v>
      </c>
      <c r="U7642" s="111">
        <v>0</v>
      </c>
      <c r="V7642" s="111">
        <v>0</v>
      </c>
      <c r="W7642" s="111">
        <v>0</v>
      </c>
      <c r="X7642" s="111">
        <v>0</v>
      </c>
      <c r="Y7642" s="111">
        <v>0</v>
      </c>
      <c r="Z7642" s="111">
        <v>0</v>
      </c>
      <c r="AA7642" s="111">
        <v>0</v>
      </c>
      <c r="AB7642" s="111">
        <v>0</v>
      </c>
      <c r="AC7642" s="111">
        <v>0</v>
      </c>
      <c r="AD7642" s="111">
        <v>0</v>
      </c>
      <c r="AE7642" s="111">
        <v>0</v>
      </c>
      <c r="AF7642" s="111">
        <v>0</v>
      </c>
      <c r="AG7642" s="111">
        <v>0</v>
      </c>
      <c r="AH7642" s="111">
        <v>0</v>
      </c>
      <c r="AI7642" s="111">
        <v>0</v>
      </c>
      <c r="AJ7642" s="111">
        <v>0</v>
      </c>
      <c r="AK7642" s="111">
        <v>0</v>
      </c>
      <c r="AL7642" s="111">
        <v>0</v>
      </c>
      <c r="AM7642" s="111">
        <v>0</v>
      </c>
      <c r="AN7642" s="111">
        <v>0</v>
      </c>
      <c r="AO7642" s="111">
        <v>0</v>
      </c>
      <c r="AP7642" s="111">
        <v>0</v>
      </c>
      <c r="AQ7642" s="111">
        <v>0</v>
      </c>
      <c r="AR7642" s="111">
        <v>0</v>
      </c>
      <c r="AS7642" s="111">
        <v>0</v>
      </c>
      <c r="AT7642" s="111">
        <v>1</v>
      </c>
      <c r="AU7642" s="111">
        <v>0</v>
      </c>
      <c r="AV7642" s="111">
        <v>0</v>
      </c>
      <c r="AW7642" s="111">
        <v>0</v>
      </c>
      <c r="AX7642" s="112"/>
      <c r="AY7642" s="112"/>
      <c r="AZ7642" s="112"/>
      <c r="BA7642" s="112"/>
      <c r="BB7642" s="221">
        <v>45884</v>
      </c>
    </row>
    <row r="7643" spans="1:54" s="8" customFormat="1" ht="13.95" customHeight="1" x14ac:dyDescent="0.25">
      <c r="A7643" s="229" t="s">
        <v>18347</v>
      </c>
      <c r="B7643" s="96" t="s">
        <v>18307</v>
      </c>
      <c r="C7643" s="93" t="s">
        <v>18348</v>
      </c>
      <c r="D7643" s="93" t="s">
        <v>24231</v>
      </c>
      <c r="E7643" s="111">
        <v>2002</v>
      </c>
      <c r="F7643" s="111">
        <v>274</v>
      </c>
      <c r="G7643" s="93" t="s">
        <v>1</v>
      </c>
      <c r="H7643" s="111">
        <v>0</v>
      </c>
      <c r="I7643" s="111">
        <v>0</v>
      </c>
      <c r="J7643" s="111">
        <v>1</v>
      </c>
      <c r="K7643" s="111">
        <v>0</v>
      </c>
      <c r="L7643" s="111">
        <v>1</v>
      </c>
      <c r="M7643" s="111">
        <v>0</v>
      </c>
      <c r="N7643" s="111">
        <v>0</v>
      </c>
      <c r="O7643" s="111">
        <v>1</v>
      </c>
      <c r="P7643" s="111">
        <v>1</v>
      </c>
      <c r="Q7643" s="111">
        <v>0</v>
      </c>
      <c r="R7643" s="111">
        <v>0</v>
      </c>
      <c r="S7643" s="111">
        <v>0</v>
      </c>
      <c r="T7643" s="111">
        <v>0</v>
      </c>
      <c r="U7643" s="111">
        <v>0</v>
      </c>
      <c r="V7643" s="111">
        <v>0</v>
      </c>
      <c r="W7643" s="111">
        <v>0</v>
      </c>
      <c r="X7643" s="111">
        <v>0</v>
      </c>
      <c r="Y7643" s="111">
        <v>0</v>
      </c>
      <c r="Z7643" s="111">
        <v>0</v>
      </c>
      <c r="AA7643" s="111">
        <v>0</v>
      </c>
      <c r="AB7643" s="111">
        <v>0</v>
      </c>
      <c r="AC7643" s="111">
        <v>0</v>
      </c>
      <c r="AD7643" s="111">
        <v>0</v>
      </c>
      <c r="AE7643" s="111">
        <v>0</v>
      </c>
      <c r="AF7643" s="111">
        <v>0</v>
      </c>
      <c r="AG7643" s="111">
        <v>0</v>
      </c>
      <c r="AH7643" s="111">
        <v>0</v>
      </c>
      <c r="AI7643" s="111">
        <v>0</v>
      </c>
      <c r="AJ7643" s="111">
        <v>0</v>
      </c>
      <c r="AK7643" s="111">
        <v>0</v>
      </c>
      <c r="AL7643" s="111">
        <v>0</v>
      </c>
      <c r="AM7643" s="111">
        <v>0</v>
      </c>
      <c r="AN7643" s="111">
        <v>0</v>
      </c>
      <c r="AO7643" s="111">
        <v>0</v>
      </c>
      <c r="AP7643" s="111">
        <v>0</v>
      </c>
      <c r="AQ7643" s="111">
        <v>0</v>
      </c>
      <c r="AR7643" s="111">
        <v>0</v>
      </c>
      <c r="AS7643" s="111">
        <v>0</v>
      </c>
      <c r="AT7643" s="111">
        <v>1</v>
      </c>
      <c r="AU7643" s="111">
        <v>0</v>
      </c>
      <c r="AV7643" s="111">
        <v>0</v>
      </c>
      <c r="AW7643" s="111">
        <v>0</v>
      </c>
      <c r="AX7643" s="112"/>
      <c r="AY7643" s="112"/>
      <c r="AZ7643" s="112"/>
      <c r="BA7643" s="112"/>
      <c r="BB7643" s="221">
        <v>45884</v>
      </c>
    </row>
    <row r="7644" spans="1:54" s="8" customFormat="1" ht="13.95" customHeight="1" x14ac:dyDescent="0.25">
      <c r="A7644" s="229" t="s">
        <v>18349</v>
      </c>
      <c r="B7644" s="96" t="s">
        <v>18307</v>
      </c>
      <c r="C7644" s="93" t="s">
        <v>18350</v>
      </c>
      <c r="D7644" s="93" t="s">
        <v>24232</v>
      </c>
      <c r="E7644" s="111">
        <v>1995</v>
      </c>
      <c r="F7644" s="111">
        <v>286</v>
      </c>
      <c r="G7644" s="93" t="s">
        <v>1</v>
      </c>
      <c r="H7644" s="111">
        <v>0</v>
      </c>
      <c r="I7644" s="111">
        <v>0</v>
      </c>
      <c r="J7644" s="111">
        <v>1</v>
      </c>
      <c r="K7644" s="111">
        <v>0</v>
      </c>
      <c r="L7644" s="111">
        <v>1</v>
      </c>
      <c r="M7644" s="111">
        <v>0</v>
      </c>
      <c r="N7644" s="111">
        <v>0</v>
      </c>
      <c r="O7644" s="111">
        <v>0</v>
      </c>
      <c r="P7644" s="111">
        <v>1</v>
      </c>
      <c r="Q7644" s="111">
        <v>0</v>
      </c>
      <c r="R7644" s="111">
        <v>0</v>
      </c>
      <c r="S7644" s="111">
        <v>0</v>
      </c>
      <c r="T7644" s="111">
        <v>0</v>
      </c>
      <c r="U7644" s="111">
        <v>0</v>
      </c>
      <c r="V7644" s="111">
        <v>0</v>
      </c>
      <c r="W7644" s="111">
        <v>0</v>
      </c>
      <c r="X7644" s="111">
        <v>0</v>
      </c>
      <c r="Y7644" s="111">
        <v>0</v>
      </c>
      <c r="Z7644" s="111">
        <v>0</v>
      </c>
      <c r="AA7644" s="111">
        <v>0</v>
      </c>
      <c r="AB7644" s="111">
        <v>0</v>
      </c>
      <c r="AC7644" s="111">
        <v>0</v>
      </c>
      <c r="AD7644" s="111">
        <v>0</v>
      </c>
      <c r="AE7644" s="111">
        <v>0</v>
      </c>
      <c r="AF7644" s="111">
        <v>0</v>
      </c>
      <c r="AG7644" s="111">
        <v>0</v>
      </c>
      <c r="AH7644" s="111">
        <v>0</v>
      </c>
      <c r="AI7644" s="111">
        <v>0</v>
      </c>
      <c r="AJ7644" s="111">
        <v>0</v>
      </c>
      <c r="AK7644" s="111">
        <v>0</v>
      </c>
      <c r="AL7644" s="111">
        <v>0</v>
      </c>
      <c r="AM7644" s="111">
        <v>0</v>
      </c>
      <c r="AN7644" s="111">
        <v>0</v>
      </c>
      <c r="AO7644" s="111">
        <v>0</v>
      </c>
      <c r="AP7644" s="111">
        <v>0</v>
      </c>
      <c r="AQ7644" s="111">
        <v>0</v>
      </c>
      <c r="AR7644" s="111">
        <v>0</v>
      </c>
      <c r="AS7644" s="111">
        <v>0</v>
      </c>
      <c r="AT7644" s="111">
        <v>1</v>
      </c>
      <c r="AU7644" s="111">
        <v>0</v>
      </c>
      <c r="AV7644" s="111">
        <v>0</v>
      </c>
      <c r="AW7644" s="111">
        <v>0</v>
      </c>
      <c r="AX7644" s="112"/>
      <c r="AY7644" s="112"/>
      <c r="AZ7644" s="112"/>
      <c r="BA7644" s="112"/>
      <c r="BB7644" s="221">
        <v>45884</v>
      </c>
    </row>
    <row r="7645" spans="1:54" s="8" customFormat="1" ht="13.95" customHeight="1" x14ac:dyDescent="0.25">
      <c r="A7645" s="229" t="s">
        <v>18351</v>
      </c>
      <c r="B7645" s="96" t="s">
        <v>18307</v>
      </c>
      <c r="C7645" s="93" t="s">
        <v>18352</v>
      </c>
      <c r="D7645" s="93" t="s">
        <v>24233</v>
      </c>
      <c r="E7645" s="111">
        <v>1987</v>
      </c>
      <c r="F7645" s="111">
        <v>292</v>
      </c>
      <c r="G7645" s="93" t="s">
        <v>1</v>
      </c>
      <c r="H7645" s="111">
        <v>0</v>
      </c>
      <c r="I7645" s="111">
        <v>0</v>
      </c>
      <c r="J7645" s="111">
        <v>0</v>
      </c>
      <c r="K7645" s="111">
        <v>0</v>
      </c>
      <c r="L7645" s="111">
        <v>0</v>
      </c>
      <c r="M7645" s="111">
        <v>0</v>
      </c>
      <c r="N7645" s="111">
        <v>0</v>
      </c>
      <c r="O7645" s="111">
        <v>0</v>
      </c>
      <c r="P7645" s="111">
        <v>1</v>
      </c>
      <c r="Q7645" s="111">
        <v>0</v>
      </c>
      <c r="R7645" s="111">
        <v>0</v>
      </c>
      <c r="S7645" s="111">
        <v>0</v>
      </c>
      <c r="T7645" s="111">
        <v>0</v>
      </c>
      <c r="U7645" s="111">
        <v>0</v>
      </c>
      <c r="V7645" s="111">
        <v>0</v>
      </c>
      <c r="W7645" s="111">
        <v>0</v>
      </c>
      <c r="X7645" s="111">
        <v>0</v>
      </c>
      <c r="Y7645" s="111">
        <v>0</v>
      </c>
      <c r="Z7645" s="111">
        <v>0</v>
      </c>
      <c r="AA7645" s="111">
        <v>0</v>
      </c>
      <c r="AB7645" s="111">
        <v>0</v>
      </c>
      <c r="AC7645" s="111">
        <v>0</v>
      </c>
      <c r="AD7645" s="111">
        <v>0</v>
      </c>
      <c r="AE7645" s="111">
        <v>0</v>
      </c>
      <c r="AF7645" s="111">
        <v>0</v>
      </c>
      <c r="AG7645" s="111">
        <v>0</v>
      </c>
      <c r="AH7645" s="111">
        <v>0</v>
      </c>
      <c r="AI7645" s="111">
        <v>0</v>
      </c>
      <c r="AJ7645" s="111">
        <v>0</v>
      </c>
      <c r="AK7645" s="111">
        <v>0</v>
      </c>
      <c r="AL7645" s="111">
        <v>0</v>
      </c>
      <c r="AM7645" s="111">
        <v>0</v>
      </c>
      <c r="AN7645" s="111">
        <v>0</v>
      </c>
      <c r="AO7645" s="111">
        <v>0</v>
      </c>
      <c r="AP7645" s="111">
        <v>0</v>
      </c>
      <c r="AQ7645" s="111">
        <v>0</v>
      </c>
      <c r="AR7645" s="111">
        <v>0</v>
      </c>
      <c r="AS7645" s="111">
        <v>0</v>
      </c>
      <c r="AT7645" s="111">
        <v>1</v>
      </c>
      <c r="AU7645" s="111">
        <v>0</v>
      </c>
      <c r="AV7645" s="111">
        <v>0</v>
      </c>
      <c r="AW7645" s="111">
        <v>0</v>
      </c>
      <c r="AX7645" s="112"/>
      <c r="AY7645" s="112"/>
      <c r="AZ7645" s="112"/>
      <c r="BA7645" s="112"/>
      <c r="BB7645" s="221">
        <v>45884</v>
      </c>
    </row>
    <row r="7646" spans="1:54" s="8" customFormat="1" ht="13.95" customHeight="1" x14ac:dyDescent="0.25">
      <c r="A7646" s="229" t="s">
        <v>18353</v>
      </c>
      <c r="B7646" s="96" t="s">
        <v>18307</v>
      </c>
      <c r="C7646" s="93" t="s">
        <v>18354</v>
      </c>
      <c r="D7646" s="93" t="s">
        <v>24234</v>
      </c>
      <c r="E7646" s="111">
        <v>1984</v>
      </c>
      <c r="F7646" s="111">
        <v>315</v>
      </c>
      <c r="G7646" s="93" t="s">
        <v>1</v>
      </c>
      <c r="H7646" s="111">
        <v>0</v>
      </c>
      <c r="I7646" s="111">
        <v>0</v>
      </c>
      <c r="J7646" s="111">
        <v>1</v>
      </c>
      <c r="K7646" s="111">
        <v>0</v>
      </c>
      <c r="L7646" s="252">
        <v>0</v>
      </c>
      <c r="M7646" s="111">
        <v>0</v>
      </c>
      <c r="N7646" s="252">
        <v>1</v>
      </c>
      <c r="O7646" s="111">
        <v>0</v>
      </c>
      <c r="P7646" s="252">
        <v>0</v>
      </c>
      <c r="Q7646" s="111">
        <v>0</v>
      </c>
      <c r="R7646" s="111">
        <v>0</v>
      </c>
      <c r="S7646" s="111">
        <v>0</v>
      </c>
      <c r="T7646" s="111">
        <v>0</v>
      </c>
      <c r="U7646" s="111">
        <v>0</v>
      </c>
      <c r="V7646" s="111">
        <v>0</v>
      </c>
      <c r="W7646" s="111">
        <v>0</v>
      </c>
      <c r="X7646" s="111">
        <v>0</v>
      </c>
      <c r="Y7646" s="111">
        <v>0</v>
      </c>
      <c r="Z7646" s="111">
        <v>0</v>
      </c>
      <c r="AA7646" s="111">
        <v>0</v>
      </c>
      <c r="AB7646" s="111">
        <v>0</v>
      </c>
      <c r="AC7646" s="111">
        <v>0</v>
      </c>
      <c r="AD7646" s="111">
        <v>0</v>
      </c>
      <c r="AE7646" s="111">
        <v>0</v>
      </c>
      <c r="AF7646" s="111">
        <v>0</v>
      </c>
      <c r="AG7646" s="111">
        <v>0</v>
      </c>
      <c r="AH7646" s="111">
        <v>0</v>
      </c>
      <c r="AI7646" s="111">
        <v>0</v>
      </c>
      <c r="AJ7646" s="111">
        <v>0</v>
      </c>
      <c r="AK7646" s="111">
        <v>0</v>
      </c>
      <c r="AL7646" s="111">
        <v>0</v>
      </c>
      <c r="AM7646" s="111">
        <v>0</v>
      </c>
      <c r="AN7646" s="111">
        <v>0</v>
      </c>
      <c r="AO7646" s="111">
        <v>0</v>
      </c>
      <c r="AP7646" s="111">
        <v>0</v>
      </c>
      <c r="AQ7646" s="111">
        <v>0</v>
      </c>
      <c r="AR7646" s="111">
        <v>0</v>
      </c>
      <c r="AS7646" s="111">
        <v>0</v>
      </c>
      <c r="AT7646" s="111">
        <v>1</v>
      </c>
      <c r="AU7646" s="111">
        <v>0</v>
      </c>
      <c r="AV7646" s="111">
        <v>0</v>
      </c>
      <c r="AW7646" s="111">
        <v>0</v>
      </c>
      <c r="AX7646" s="112"/>
      <c r="AY7646" s="112"/>
      <c r="AZ7646" s="112"/>
      <c r="BA7646" s="112"/>
      <c r="BB7646" s="221">
        <v>45884</v>
      </c>
    </row>
    <row r="7647" spans="1:54" s="8" customFormat="1" ht="13.95" customHeight="1" x14ac:dyDescent="0.25">
      <c r="A7647" s="229" t="s">
        <v>18355</v>
      </c>
      <c r="B7647" s="96" t="s">
        <v>18307</v>
      </c>
      <c r="C7647" s="93" t="s">
        <v>18356</v>
      </c>
      <c r="D7647" s="93" t="s">
        <v>24235</v>
      </c>
      <c r="E7647" s="111">
        <v>1987</v>
      </c>
      <c r="F7647" s="111">
        <v>324</v>
      </c>
      <c r="G7647" s="93" t="s">
        <v>1</v>
      </c>
      <c r="H7647" s="111">
        <v>0</v>
      </c>
      <c r="I7647" s="111">
        <v>0</v>
      </c>
      <c r="J7647" s="111">
        <v>0</v>
      </c>
      <c r="K7647" s="111">
        <v>0</v>
      </c>
      <c r="L7647" s="111">
        <v>1</v>
      </c>
      <c r="M7647" s="111">
        <v>0</v>
      </c>
      <c r="N7647" s="111">
        <v>0</v>
      </c>
      <c r="O7647" s="111">
        <v>1</v>
      </c>
      <c r="P7647" s="111">
        <v>1</v>
      </c>
      <c r="Q7647" s="111">
        <v>0</v>
      </c>
      <c r="R7647" s="111">
        <v>1</v>
      </c>
      <c r="S7647" s="111">
        <v>0</v>
      </c>
      <c r="T7647" s="111">
        <v>0</v>
      </c>
      <c r="U7647" s="111">
        <v>0</v>
      </c>
      <c r="V7647" s="111">
        <v>0</v>
      </c>
      <c r="W7647" s="111">
        <v>0</v>
      </c>
      <c r="X7647" s="111">
        <v>0</v>
      </c>
      <c r="Y7647" s="111">
        <v>0</v>
      </c>
      <c r="Z7647" s="111">
        <v>0</v>
      </c>
      <c r="AA7647" s="111">
        <v>0</v>
      </c>
      <c r="AB7647" s="111">
        <v>0</v>
      </c>
      <c r="AC7647" s="111">
        <v>0</v>
      </c>
      <c r="AD7647" s="111">
        <v>0</v>
      </c>
      <c r="AE7647" s="111">
        <v>0</v>
      </c>
      <c r="AF7647" s="111">
        <v>0</v>
      </c>
      <c r="AG7647" s="111">
        <v>0</v>
      </c>
      <c r="AH7647" s="111">
        <v>0</v>
      </c>
      <c r="AI7647" s="111">
        <v>0</v>
      </c>
      <c r="AJ7647" s="111">
        <v>0</v>
      </c>
      <c r="AK7647" s="111">
        <v>0</v>
      </c>
      <c r="AL7647" s="111">
        <v>0</v>
      </c>
      <c r="AM7647" s="111">
        <v>0</v>
      </c>
      <c r="AN7647" s="111">
        <v>0</v>
      </c>
      <c r="AO7647" s="111">
        <v>0</v>
      </c>
      <c r="AP7647" s="111">
        <v>0</v>
      </c>
      <c r="AQ7647" s="111">
        <v>0</v>
      </c>
      <c r="AR7647" s="111">
        <v>0</v>
      </c>
      <c r="AS7647" s="111">
        <v>0</v>
      </c>
      <c r="AT7647" s="111">
        <v>1</v>
      </c>
      <c r="AU7647" s="111">
        <v>0</v>
      </c>
      <c r="AV7647" s="111">
        <v>0</v>
      </c>
      <c r="AW7647" s="111">
        <v>0</v>
      </c>
      <c r="AX7647" s="112"/>
      <c r="AY7647" s="112"/>
      <c r="AZ7647" s="112"/>
      <c r="BA7647" s="112"/>
      <c r="BB7647" s="221">
        <v>45884</v>
      </c>
    </row>
    <row r="7648" spans="1:54" s="8" customFormat="1" ht="13.95" customHeight="1" x14ac:dyDescent="0.25">
      <c r="A7648" s="229" t="s">
        <v>18357</v>
      </c>
      <c r="B7648" s="96" t="s">
        <v>18307</v>
      </c>
      <c r="C7648" s="93" t="s">
        <v>2825</v>
      </c>
      <c r="D7648" s="93" t="s">
        <v>24236</v>
      </c>
      <c r="E7648" s="111">
        <v>1990</v>
      </c>
      <c r="F7648" s="111">
        <v>330</v>
      </c>
      <c r="G7648" s="93" t="s">
        <v>1</v>
      </c>
      <c r="H7648" s="111">
        <v>0</v>
      </c>
      <c r="I7648" s="111">
        <v>0</v>
      </c>
      <c r="J7648" s="111">
        <v>1</v>
      </c>
      <c r="K7648" s="111">
        <v>0</v>
      </c>
      <c r="L7648" s="111">
        <v>1</v>
      </c>
      <c r="M7648" s="111">
        <v>0</v>
      </c>
      <c r="N7648" s="111">
        <v>0</v>
      </c>
      <c r="O7648" s="111">
        <v>1</v>
      </c>
      <c r="P7648" s="111">
        <v>1</v>
      </c>
      <c r="Q7648" s="111">
        <v>0</v>
      </c>
      <c r="R7648" s="111">
        <v>0</v>
      </c>
      <c r="S7648" s="111">
        <v>0</v>
      </c>
      <c r="T7648" s="111">
        <v>0</v>
      </c>
      <c r="U7648" s="111">
        <v>0</v>
      </c>
      <c r="V7648" s="111">
        <v>0</v>
      </c>
      <c r="W7648" s="111">
        <v>0</v>
      </c>
      <c r="X7648" s="111">
        <v>0</v>
      </c>
      <c r="Y7648" s="111">
        <v>0</v>
      </c>
      <c r="Z7648" s="111">
        <v>0</v>
      </c>
      <c r="AA7648" s="111">
        <v>0</v>
      </c>
      <c r="AB7648" s="111">
        <v>0</v>
      </c>
      <c r="AC7648" s="111">
        <v>0</v>
      </c>
      <c r="AD7648" s="111">
        <v>0</v>
      </c>
      <c r="AE7648" s="111">
        <v>0</v>
      </c>
      <c r="AF7648" s="111">
        <v>0</v>
      </c>
      <c r="AG7648" s="111">
        <v>0</v>
      </c>
      <c r="AH7648" s="111">
        <v>0</v>
      </c>
      <c r="AI7648" s="111">
        <v>0</v>
      </c>
      <c r="AJ7648" s="111">
        <v>0</v>
      </c>
      <c r="AK7648" s="111">
        <v>0</v>
      </c>
      <c r="AL7648" s="111">
        <v>0</v>
      </c>
      <c r="AM7648" s="111">
        <v>0</v>
      </c>
      <c r="AN7648" s="111">
        <v>0</v>
      </c>
      <c r="AO7648" s="111">
        <v>0</v>
      </c>
      <c r="AP7648" s="111">
        <v>0</v>
      </c>
      <c r="AQ7648" s="111">
        <v>0</v>
      </c>
      <c r="AR7648" s="111">
        <v>0</v>
      </c>
      <c r="AS7648" s="111">
        <v>0</v>
      </c>
      <c r="AT7648" s="111">
        <v>1</v>
      </c>
      <c r="AU7648" s="111">
        <v>0</v>
      </c>
      <c r="AV7648" s="111">
        <v>0</v>
      </c>
      <c r="AW7648" s="111">
        <v>0</v>
      </c>
      <c r="AX7648" s="112"/>
      <c r="AY7648" s="112"/>
      <c r="AZ7648" s="112"/>
      <c r="BA7648" s="112"/>
      <c r="BB7648" s="221">
        <v>45884</v>
      </c>
    </row>
    <row r="7649" spans="1:54" s="8" customFormat="1" ht="13.95" customHeight="1" x14ac:dyDescent="0.25">
      <c r="A7649" s="229" t="s">
        <v>18358</v>
      </c>
      <c r="B7649" s="96" t="s">
        <v>18307</v>
      </c>
      <c r="C7649" s="93" t="s">
        <v>18359</v>
      </c>
      <c r="D7649" s="93" t="s">
        <v>24237</v>
      </c>
      <c r="E7649" s="111">
        <v>2002</v>
      </c>
      <c r="F7649" s="111">
        <v>338</v>
      </c>
      <c r="G7649" s="93" t="s">
        <v>20344</v>
      </c>
      <c r="H7649" s="111">
        <v>0</v>
      </c>
      <c r="I7649" s="111">
        <v>0</v>
      </c>
      <c r="J7649" s="111">
        <v>0</v>
      </c>
      <c r="K7649" s="111">
        <v>0</v>
      </c>
      <c r="L7649" s="111">
        <v>0</v>
      </c>
      <c r="M7649" s="111">
        <v>0</v>
      </c>
      <c r="N7649" s="111">
        <v>0</v>
      </c>
      <c r="O7649" s="111">
        <v>0</v>
      </c>
      <c r="P7649" s="111">
        <v>0</v>
      </c>
      <c r="Q7649" s="111">
        <v>0</v>
      </c>
      <c r="R7649" s="111">
        <v>0</v>
      </c>
      <c r="S7649" s="111">
        <v>0</v>
      </c>
      <c r="T7649" s="111">
        <v>0</v>
      </c>
      <c r="U7649" s="111">
        <v>0</v>
      </c>
      <c r="V7649" s="111">
        <v>0</v>
      </c>
      <c r="W7649" s="111">
        <v>0</v>
      </c>
      <c r="X7649" s="111">
        <v>0</v>
      </c>
      <c r="Y7649" s="111">
        <v>0</v>
      </c>
      <c r="Z7649" s="111">
        <v>0</v>
      </c>
      <c r="AA7649" s="111">
        <v>0</v>
      </c>
      <c r="AB7649" s="111">
        <v>0</v>
      </c>
      <c r="AC7649" s="111">
        <v>0</v>
      </c>
      <c r="AD7649" s="111">
        <v>0</v>
      </c>
      <c r="AE7649" s="111">
        <v>0</v>
      </c>
      <c r="AF7649" s="111">
        <v>0</v>
      </c>
      <c r="AG7649" s="111">
        <v>0</v>
      </c>
      <c r="AH7649" s="111">
        <v>0</v>
      </c>
      <c r="AI7649" s="111">
        <v>0</v>
      </c>
      <c r="AJ7649" s="111">
        <v>0</v>
      </c>
      <c r="AK7649" s="111">
        <v>0</v>
      </c>
      <c r="AL7649" s="111">
        <v>0</v>
      </c>
      <c r="AM7649" s="111">
        <v>0</v>
      </c>
      <c r="AN7649" s="111">
        <v>0</v>
      </c>
      <c r="AO7649" s="111">
        <v>0</v>
      </c>
      <c r="AP7649" s="111">
        <v>0</v>
      </c>
      <c r="AQ7649" s="111">
        <v>0</v>
      </c>
      <c r="AR7649" s="111">
        <v>0</v>
      </c>
      <c r="AS7649" s="111">
        <v>0</v>
      </c>
      <c r="AT7649" s="111">
        <v>0</v>
      </c>
      <c r="AU7649" s="111">
        <v>0</v>
      </c>
      <c r="AV7649" s="111">
        <v>0</v>
      </c>
      <c r="AW7649" s="111">
        <v>0</v>
      </c>
      <c r="AX7649" s="112"/>
      <c r="AY7649" s="112"/>
      <c r="AZ7649" s="112"/>
      <c r="BA7649" s="112"/>
      <c r="BB7649" s="221">
        <v>45884</v>
      </c>
    </row>
    <row r="7650" spans="1:54" s="8" customFormat="1" ht="13.95" customHeight="1" x14ac:dyDescent="0.25">
      <c r="A7650" s="229" t="s">
        <v>18360</v>
      </c>
      <c r="B7650" s="96" t="s">
        <v>18307</v>
      </c>
      <c r="C7650" s="93" t="s">
        <v>18361</v>
      </c>
      <c r="D7650" s="93" t="s">
        <v>24238</v>
      </c>
      <c r="E7650" s="111">
        <v>1987</v>
      </c>
      <c r="F7650" s="111">
        <v>342</v>
      </c>
      <c r="G7650" s="93" t="s">
        <v>1</v>
      </c>
      <c r="H7650" s="111">
        <v>0</v>
      </c>
      <c r="I7650" s="111">
        <v>0</v>
      </c>
      <c r="J7650" s="111">
        <v>0</v>
      </c>
      <c r="K7650" s="111">
        <v>1</v>
      </c>
      <c r="L7650" s="111">
        <v>0</v>
      </c>
      <c r="M7650" s="111">
        <v>0</v>
      </c>
      <c r="N7650" s="111">
        <v>0</v>
      </c>
      <c r="O7650" s="111">
        <v>0</v>
      </c>
      <c r="P7650" s="111">
        <v>0</v>
      </c>
      <c r="Q7650" s="111">
        <v>0</v>
      </c>
      <c r="R7650" s="111">
        <v>0</v>
      </c>
      <c r="S7650" s="111">
        <v>0</v>
      </c>
      <c r="T7650" s="111">
        <v>0</v>
      </c>
      <c r="U7650" s="111">
        <v>0</v>
      </c>
      <c r="V7650" s="111">
        <v>0</v>
      </c>
      <c r="W7650" s="111">
        <v>0</v>
      </c>
      <c r="X7650" s="111">
        <v>0</v>
      </c>
      <c r="Y7650" s="111">
        <v>0</v>
      </c>
      <c r="Z7650" s="111">
        <v>0</v>
      </c>
      <c r="AA7650" s="111">
        <v>0</v>
      </c>
      <c r="AB7650" s="111">
        <v>0</v>
      </c>
      <c r="AC7650" s="111">
        <v>0</v>
      </c>
      <c r="AD7650" s="111">
        <v>0</v>
      </c>
      <c r="AE7650" s="111">
        <v>0</v>
      </c>
      <c r="AF7650" s="111">
        <v>0</v>
      </c>
      <c r="AG7650" s="111">
        <v>0</v>
      </c>
      <c r="AH7650" s="111">
        <v>0</v>
      </c>
      <c r="AI7650" s="111">
        <v>0</v>
      </c>
      <c r="AJ7650" s="111">
        <v>0</v>
      </c>
      <c r="AK7650" s="111">
        <v>0</v>
      </c>
      <c r="AL7650" s="111">
        <v>0</v>
      </c>
      <c r="AM7650" s="111">
        <v>0</v>
      </c>
      <c r="AN7650" s="111">
        <v>0</v>
      </c>
      <c r="AO7650" s="111">
        <v>0</v>
      </c>
      <c r="AP7650" s="111">
        <v>0</v>
      </c>
      <c r="AQ7650" s="111">
        <v>0</v>
      </c>
      <c r="AR7650" s="111">
        <v>0</v>
      </c>
      <c r="AS7650" s="111">
        <v>0</v>
      </c>
      <c r="AT7650" s="111">
        <v>1</v>
      </c>
      <c r="AU7650" s="111">
        <v>0</v>
      </c>
      <c r="AV7650" s="111">
        <v>0</v>
      </c>
      <c r="AW7650" s="111">
        <v>0</v>
      </c>
      <c r="AX7650" s="112"/>
      <c r="AY7650" s="112"/>
      <c r="AZ7650" s="112"/>
      <c r="BA7650" s="112"/>
      <c r="BB7650" s="221">
        <v>45884</v>
      </c>
    </row>
    <row r="7651" spans="1:54" s="8" customFormat="1" ht="13.95" customHeight="1" x14ac:dyDescent="0.25">
      <c r="A7651" s="229" t="s">
        <v>18362</v>
      </c>
      <c r="B7651" s="96" t="s">
        <v>18307</v>
      </c>
      <c r="C7651" s="93" t="s">
        <v>2301</v>
      </c>
      <c r="D7651" s="93" t="s">
        <v>24239</v>
      </c>
      <c r="E7651" s="111">
        <v>1993</v>
      </c>
      <c r="F7651" s="111">
        <v>377</v>
      </c>
      <c r="G7651" s="93" t="s">
        <v>1</v>
      </c>
      <c r="H7651" s="111">
        <v>0</v>
      </c>
      <c r="I7651" s="111">
        <v>0</v>
      </c>
      <c r="J7651" s="111">
        <v>1</v>
      </c>
      <c r="K7651" s="111">
        <v>0</v>
      </c>
      <c r="L7651" s="111">
        <v>1</v>
      </c>
      <c r="M7651" s="111">
        <v>0</v>
      </c>
      <c r="N7651" s="111">
        <v>0</v>
      </c>
      <c r="O7651" s="111">
        <v>0</v>
      </c>
      <c r="P7651" s="111">
        <v>1</v>
      </c>
      <c r="Q7651" s="111">
        <v>0</v>
      </c>
      <c r="R7651" s="111">
        <v>0</v>
      </c>
      <c r="S7651" s="111">
        <v>0</v>
      </c>
      <c r="T7651" s="111">
        <v>0</v>
      </c>
      <c r="U7651" s="111">
        <v>0</v>
      </c>
      <c r="V7651" s="111">
        <v>0</v>
      </c>
      <c r="W7651" s="111">
        <v>0</v>
      </c>
      <c r="X7651" s="111">
        <v>0</v>
      </c>
      <c r="Y7651" s="111">
        <v>0</v>
      </c>
      <c r="Z7651" s="111">
        <v>0</v>
      </c>
      <c r="AA7651" s="111">
        <v>0</v>
      </c>
      <c r="AB7651" s="111">
        <v>0</v>
      </c>
      <c r="AC7651" s="111">
        <v>0</v>
      </c>
      <c r="AD7651" s="111">
        <v>0</v>
      </c>
      <c r="AE7651" s="111">
        <v>0</v>
      </c>
      <c r="AF7651" s="111">
        <v>0</v>
      </c>
      <c r="AG7651" s="111">
        <v>0</v>
      </c>
      <c r="AH7651" s="111">
        <v>0</v>
      </c>
      <c r="AI7651" s="111">
        <v>0</v>
      </c>
      <c r="AJ7651" s="111">
        <v>0</v>
      </c>
      <c r="AK7651" s="111">
        <v>0</v>
      </c>
      <c r="AL7651" s="111">
        <v>0</v>
      </c>
      <c r="AM7651" s="111">
        <v>0</v>
      </c>
      <c r="AN7651" s="111">
        <v>0</v>
      </c>
      <c r="AO7651" s="111">
        <v>0</v>
      </c>
      <c r="AP7651" s="111">
        <v>0</v>
      </c>
      <c r="AQ7651" s="111">
        <v>0</v>
      </c>
      <c r="AR7651" s="111">
        <v>0</v>
      </c>
      <c r="AS7651" s="111">
        <v>0</v>
      </c>
      <c r="AT7651" s="111">
        <v>1</v>
      </c>
      <c r="AU7651" s="111">
        <v>0</v>
      </c>
      <c r="AV7651" s="111">
        <v>0</v>
      </c>
      <c r="AW7651" s="111">
        <v>0</v>
      </c>
      <c r="AX7651" s="112"/>
      <c r="AY7651" s="112"/>
      <c r="AZ7651" s="112"/>
      <c r="BA7651" s="112"/>
      <c r="BB7651" s="221">
        <v>45884</v>
      </c>
    </row>
    <row r="7652" spans="1:54" s="8" customFormat="1" ht="13.95" customHeight="1" x14ac:dyDescent="0.25">
      <c r="A7652" s="229" t="s">
        <v>18363</v>
      </c>
      <c r="B7652" s="96" t="s">
        <v>18307</v>
      </c>
      <c r="C7652" s="93" t="s">
        <v>18364</v>
      </c>
      <c r="D7652" s="93" t="s">
        <v>24240</v>
      </c>
      <c r="E7652" s="111">
        <v>1996</v>
      </c>
      <c r="F7652" s="111">
        <v>389</v>
      </c>
      <c r="G7652" s="93" t="s">
        <v>1</v>
      </c>
      <c r="H7652" s="111">
        <v>0</v>
      </c>
      <c r="I7652" s="111">
        <v>0</v>
      </c>
      <c r="J7652" s="111">
        <v>1</v>
      </c>
      <c r="K7652" s="111">
        <v>1</v>
      </c>
      <c r="L7652" s="111">
        <v>0</v>
      </c>
      <c r="M7652" s="111">
        <v>0</v>
      </c>
      <c r="N7652" s="111">
        <v>0</v>
      </c>
      <c r="O7652" s="111">
        <v>0</v>
      </c>
      <c r="P7652" s="111">
        <v>0</v>
      </c>
      <c r="Q7652" s="111">
        <v>0</v>
      </c>
      <c r="R7652" s="111">
        <v>0</v>
      </c>
      <c r="S7652" s="111">
        <v>0</v>
      </c>
      <c r="T7652" s="111">
        <v>0</v>
      </c>
      <c r="U7652" s="111">
        <v>1</v>
      </c>
      <c r="V7652" s="111">
        <v>0</v>
      </c>
      <c r="W7652" s="111">
        <v>0</v>
      </c>
      <c r="X7652" s="111">
        <v>0</v>
      </c>
      <c r="Y7652" s="111">
        <v>0</v>
      </c>
      <c r="Z7652" s="111">
        <v>0</v>
      </c>
      <c r="AA7652" s="111">
        <v>0</v>
      </c>
      <c r="AB7652" s="111">
        <v>0</v>
      </c>
      <c r="AC7652" s="111">
        <v>0</v>
      </c>
      <c r="AD7652" s="111">
        <v>0</v>
      </c>
      <c r="AE7652" s="111">
        <v>0</v>
      </c>
      <c r="AF7652" s="111">
        <v>0</v>
      </c>
      <c r="AG7652" s="111">
        <v>0</v>
      </c>
      <c r="AH7652" s="111">
        <v>0</v>
      </c>
      <c r="AI7652" s="111">
        <v>0</v>
      </c>
      <c r="AJ7652" s="111">
        <v>0</v>
      </c>
      <c r="AK7652" s="111">
        <v>0</v>
      </c>
      <c r="AL7652" s="111">
        <v>0</v>
      </c>
      <c r="AM7652" s="111">
        <v>0</v>
      </c>
      <c r="AN7652" s="111">
        <v>0</v>
      </c>
      <c r="AO7652" s="111">
        <v>0</v>
      </c>
      <c r="AP7652" s="111">
        <v>0</v>
      </c>
      <c r="AQ7652" s="111">
        <v>0</v>
      </c>
      <c r="AR7652" s="111">
        <v>0</v>
      </c>
      <c r="AS7652" s="111">
        <v>0</v>
      </c>
      <c r="AT7652" s="111">
        <v>1</v>
      </c>
      <c r="AU7652" s="111">
        <v>0</v>
      </c>
      <c r="AV7652" s="111">
        <v>0</v>
      </c>
      <c r="AW7652" s="111">
        <v>0</v>
      </c>
      <c r="AX7652" s="112"/>
      <c r="AY7652" s="112"/>
      <c r="AZ7652" s="112"/>
      <c r="BA7652" s="112"/>
      <c r="BB7652" s="221">
        <v>45884</v>
      </c>
    </row>
    <row r="7653" spans="1:54" s="8" customFormat="1" ht="13.95" customHeight="1" x14ac:dyDescent="0.25">
      <c r="A7653" s="229" t="s">
        <v>18365</v>
      </c>
      <c r="B7653" s="96" t="s">
        <v>18307</v>
      </c>
      <c r="C7653" s="93" t="s">
        <v>18366</v>
      </c>
      <c r="D7653" s="93" t="s">
        <v>24241</v>
      </c>
      <c r="E7653" s="111">
        <v>1987</v>
      </c>
      <c r="F7653" s="111">
        <v>405</v>
      </c>
      <c r="G7653" s="93" t="s">
        <v>1</v>
      </c>
      <c r="H7653" s="111">
        <v>0</v>
      </c>
      <c r="I7653" s="111">
        <v>0</v>
      </c>
      <c r="J7653" s="111">
        <v>1</v>
      </c>
      <c r="K7653" s="111">
        <v>0</v>
      </c>
      <c r="L7653" s="111">
        <v>1</v>
      </c>
      <c r="M7653" s="111">
        <v>0</v>
      </c>
      <c r="N7653" s="111">
        <v>0</v>
      </c>
      <c r="O7653" s="111">
        <v>1</v>
      </c>
      <c r="P7653" s="111">
        <v>1</v>
      </c>
      <c r="Q7653" s="111">
        <v>0</v>
      </c>
      <c r="R7653" s="111">
        <v>1</v>
      </c>
      <c r="S7653" s="111">
        <v>0</v>
      </c>
      <c r="T7653" s="111">
        <v>0</v>
      </c>
      <c r="U7653" s="111">
        <v>0</v>
      </c>
      <c r="V7653" s="111">
        <v>0</v>
      </c>
      <c r="W7653" s="111">
        <v>0</v>
      </c>
      <c r="X7653" s="111">
        <v>0</v>
      </c>
      <c r="Y7653" s="111">
        <v>0</v>
      </c>
      <c r="Z7653" s="111">
        <v>0</v>
      </c>
      <c r="AA7653" s="111">
        <v>0</v>
      </c>
      <c r="AB7653" s="111">
        <v>0</v>
      </c>
      <c r="AC7653" s="111">
        <v>0</v>
      </c>
      <c r="AD7653" s="111">
        <v>0</v>
      </c>
      <c r="AE7653" s="111">
        <v>0</v>
      </c>
      <c r="AF7653" s="111">
        <v>0</v>
      </c>
      <c r="AG7653" s="111">
        <v>0</v>
      </c>
      <c r="AH7653" s="111">
        <v>0</v>
      </c>
      <c r="AI7653" s="111">
        <v>0</v>
      </c>
      <c r="AJ7653" s="111">
        <v>0</v>
      </c>
      <c r="AK7653" s="111">
        <v>0</v>
      </c>
      <c r="AL7653" s="111">
        <v>0</v>
      </c>
      <c r="AM7653" s="111">
        <v>0</v>
      </c>
      <c r="AN7653" s="111">
        <v>0</v>
      </c>
      <c r="AO7653" s="111">
        <v>0</v>
      </c>
      <c r="AP7653" s="111">
        <v>0</v>
      </c>
      <c r="AQ7653" s="111">
        <v>0</v>
      </c>
      <c r="AR7653" s="111">
        <v>0</v>
      </c>
      <c r="AS7653" s="111">
        <v>0</v>
      </c>
      <c r="AT7653" s="111">
        <v>1</v>
      </c>
      <c r="AU7653" s="111">
        <v>0</v>
      </c>
      <c r="AV7653" s="111">
        <v>0</v>
      </c>
      <c r="AW7653" s="111">
        <v>0</v>
      </c>
      <c r="AX7653" s="112"/>
      <c r="AY7653" s="112"/>
      <c r="AZ7653" s="112"/>
      <c r="BA7653" s="112"/>
      <c r="BB7653" s="221">
        <v>45884</v>
      </c>
    </row>
    <row r="7654" spans="1:54" s="8" customFormat="1" ht="13.95" customHeight="1" x14ac:dyDescent="0.25">
      <c r="A7654" s="229" t="s">
        <v>18367</v>
      </c>
      <c r="B7654" s="96" t="s">
        <v>18307</v>
      </c>
      <c r="C7654" s="93" t="s">
        <v>18368</v>
      </c>
      <c r="D7654" s="93" t="s">
        <v>24242</v>
      </c>
      <c r="E7654" s="111">
        <v>1982</v>
      </c>
      <c r="F7654" s="111">
        <v>405</v>
      </c>
      <c r="G7654" s="93" t="s">
        <v>1</v>
      </c>
      <c r="H7654" s="111">
        <v>0</v>
      </c>
      <c r="I7654" s="111">
        <v>0</v>
      </c>
      <c r="J7654" s="111">
        <v>0</v>
      </c>
      <c r="K7654" s="111">
        <v>0</v>
      </c>
      <c r="L7654" s="111">
        <v>0</v>
      </c>
      <c r="M7654" s="111">
        <v>0</v>
      </c>
      <c r="N7654" s="111">
        <v>0</v>
      </c>
      <c r="O7654" s="111">
        <v>1</v>
      </c>
      <c r="P7654" s="111">
        <v>1</v>
      </c>
      <c r="Q7654" s="111">
        <v>0</v>
      </c>
      <c r="R7654" s="111">
        <v>0</v>
      </c>
      <c r="S7654" s="111">
        <v>0</v>
      </c>
      <c r="T7654" s="111">
        <v>0</v>
      </c>
      <c r="U7654" s="111">
        <v>0</v>
      </c>
      <c r="V7654" s="111">
        <v>0</v>
      </c>
      <c r="W7654" s="111">
        <v>0</v>
      </c>
      <c r="X7654" s="111">
        <v>0</v>
      </c>
      <c r="Y7654" s="111">
        <v>0</v>
      </c>
      <c r="Z7654" s="111">
        <v>0</v>
      </c>
      <c r="AA7654" s="111">
        <v>0</v>
      </c>
      <c r="AB7654" s="111">
        <v>0</v>
      </c>
      <c r="AC7654" s="111">
        <v>0</v>
      </c>
      <c r="AD7654" s="111">
        <v>0</v>
      </c>
      <c r="AE7654" s="111">
        <v>0</v>
      </c>
      <c r="AF7654" s="111">
        <v>0</v>
      </c>
      <c r="AG7654" s="111">
        <v>0</v>
      </c>
      <c r="AH7654" s="111">
        <v>0</v>
      </c>
      <c r="AI7654" s="111">
        <v>0</v>
      </c>
      <c r="AJ7654" s="111">
        <v>0</v>
      </c>
      <c r="AK7654" s="111">
        <v>0</v>
      </c>
      <c r="AL7654" s="111">
        <v>0</v>
      </c>
      <c r="AM7654" s="111">
        <v>0</v>
      </c>
      <c r="AN7654" s="111">
        <v>0</v>
      </c>
      <c r="AO7654" s="111">
        <v>0</v>
      </c>
      <c r="AP7654" s="111">
        <v>0</v>
      </c>
      <c r="AQ7654" s="111">
        <v>0</v>
      </c>
      <c r="AR7654" s="111">
        <v>0</v>
      </c>
      <c r="AS7654" s="111">
        <v>0</v>
      </c>
      <c r="AT7654" s="111">
        <v>1</v>
      </c>
      <c r="AU7654" s="111">
        <v>0</v>
      </c>
      <c r="AV7654" s="111">
        <v>0</v>
      </c>
      <c r="AW7654" s="111">
        <v>0</v>
      </c>
      <c r="AX7654" s="112"/>
      <c r="AY7654" s="112"/>
      <c r="AZ7654" s="112"/>
      <c r="BA7654" s="112"/>
      <c r="BB7654" s="221">
        <v>45884</v>
      </c>
    </row>
    <row r="7655" spans="1:54" s="8" customFormat="1" ht="13.95" customHeight="1" x14ac:dyDescent="0.25">
      <c r="A7655" s="229" t="s">
        <v>18369</v>
      </c>
      <c r="B7655" s="96" t="s">
        <v>18307</v>
      </c>
      <c r="C7655" s="93" t="s">
        <v>18370</v>
      </c>
      <c r="D7655" s="93" t="s">
        <v>24243</v>
      </c>
      <c r="E7655" s="111">
        <v>1987</v>
      </c>
      <c r="F7655" s="111">
        <v>421</v>
      </c>
      <c r="G7655" s="93" t="s">
        <v>1</v>
      </c>
      <c r="H7655" s="111">
        <v>0</v>
      </c>
      <c r="I7655" s="111">
        <v>0</v>
      </c>
      <c r="J7655" s="111">
        <v>1</v>
      </c>
      <c r="K7655" s="111">
        <v>0</v>
      </c>
      <c r="L7655" s="111">
        <v>0</v>
      </c>
      <c r="M7655" s="111">
        <v>0</v>
      </c>
      <c r="N7655" s="111">
        <v>0</v>
      </c>
      <c r="O7655" s="111">
        <v>1</v>
      </c>
      <c r="P7655" s="111">
        <v>0</v>
      </c>
      <c r="Q7655" s="111">
        <v>0</v>
      </c>
      <c r="R7655" s="111">
        <v>0</v>
      </c>
      <c r="S7655" s="111">
        <v>0</v>
      </c>
      <c r="T7655" s="111">
        <v>0</v>
      </c>
      <c r="U7655" s="111">
        <v>0</v>
      </c>
      <c r="V7655" s="111">
        <v>0</v>
      </c>
      <c r="W7655" s="111">
        <v>0</v>
      </c>
      <c r="X7655" s="111">
        <v>0</v>
      </c>
      <c r="Y7655" s="111">
        <v>0</v>
      </c>
      <c r="Z7655" s="111">
        <v>0</v>
      </c>
      <c r="AA7655" s="111">
        <v>0</v>
      </c>
      <c r="AB7655" s="111">
        <v>0</v>
      </c>
      <c r="AC7655" s="111">
        <v>0</v>
      </c>
      <c r="AD7655" s="111">
        <v>0</v>
      </c>
      <c r="AE7655" s="111">
        <v>0</v>
      </c>
      <c r="AF7655" s="111">
        <v>0</v>
      </c>
      <c r="AG7655" s="111">
        <v>0</v>
      </c>
      <c r="AH7655" s="111">
        <v>0</v>
      </c>
      <c r="AI7655" s="111">
        <v>0</v>
      </c>
      <c r="AJ7655" s="111">
        <v>0</v>
      </c>
      <c r="AK7655" s="111">
        <v>0</v>
      </c>
      <c r="AL7655" s="111">
        <v>0</v>
      </c>
      <c r="AM7655" s="111">
        <v>0</v>
      </c>
      <c r="AN7655" s="111">
        <v>0</v>
      </c>
      <c r="AO7655" s="111">
        <v>0</v>
      </c>
      <c r="AP7655" s="111">
        <v>0</v>
      </c>
      <c r="AQ7655" s="111">
        <v>0</v>
      </c>
      <c r="AR7655" s="111">
        <v>0</v>
      </c>
      <c r="AS7655" s="111">
        <v>0</v>
      </c>
      <c r="AT7655" s="111">
        <v>1</v>
      </c>
      <c r="AU7655" s="111">
        <v>0</v>
      </c>
      <c r="AV7655" s="111">
        <v>0</v>
      </c>
      <c r="AW7655" s="111">
        <v>0</v>
      </c>
      <c r="AX7655" s="112"/>
      <c r="AY7655" s="112"/>
      <c r="AZ7655" s="112"/>
      <c r="BA7655" s="112"/>
      <c r="BB7655" s="221">
        <v>45884</v>
      </c>
    </row>
    <row r="7656" spans="1:54" s="8" customFormat="1" ht="13.95" customHeight="1" x14ac:dyDescent="0.25">
      <c r="A7656" s="229" t="s">
        <v>18371</v>
      </c>
      <c r="B7656" s="96" t="s">
        <v>18307</v>
      </c>
      <c r="C7656" s="93" t="s">
        <v>18372</v>
      </c>
      <c r="D7656" s="93" t="s">
        <v>24244</v>
      </c>
      <c r="E7656" s="111">
        <v>1987</v>
      </c>
      <c r="F7656" s="111">
        <v>476</v>
      </c>
      <c r="G7656" s="93" t="s">
        <v>1</v>
      </c>
      <c r="H7656" s="111">
        <v>0</v>
      </c>
      <c r="I7656" s="111">
        <v>0</v>
      </c>
      <c r="J7656" s="111">
        <v>1</v>
      </c>
      <c r="K7656" s="111">
        <v>0</v>
      </c>
      <c r="L7656" s="111">
        <v>0</v>
      </c>
      <c r="M7656" s="111">
        <v>0</v>
      </c>
      <c r="N7656" s="111">
        <v>0</v>
      </c>
      <c r="O7656" s="111">
        <v>0</v>
      </c>
      <c r="P7656" s="111">
        <v>0</v>
      </c>
      <c r="Q7656" s="111">
        <v>0</v>
      </c>
      <c r="R7656" s="111">
        <v>0</v>
      </c>
      <c r="S7656" s="111">
        <v>0</v>
      </c>
      <c r="T7656" s="111">
        <v>0</v>
      </c>
      <c r="U7656" s="111">
        <v>0</v>
      </c>
      <c r="V7656" s="111">
        <v>0</v>
      </c>
      <c r="W7656" s="111">
        <v>0</v>
      </c>
      <c r="X7656" s="111">
        <v>0</v>
      </c>
      <c r="Y7656" s="111">
        <v>0</v>
      </c>
      <c r="Z7656" s="111">
        <v>0</v>
      </c>
      <c r="AA7656" s="111">
        <v>0</v>
      </c>
      <c r="AB7656" s="111">
        <v>0</v>
      </c>
      <c r="AC7656" s="111">
        <v>0</v>
      </c>
      <c r="AD7656" s="111">
        <v>0</v>
      </c>
      <c r="AE7656" s="111">
        <v>0</v>
      </c>
      <c r="AF7656" s="111">
        <v>0</v>
      </c>
      <c r="AG7656" s="111">
        <v>0</v>
      </c>
      <c r="AH7656" s="111">
        <v>0</v>
      </c>
      <c r="AI7656" s="111">
        <v>0</v>
      </c>
      <c r="AJ7656" s="111">
        <v>0</v>
      </c>
      <c r="AK7656" s="111">
        <v>0</v>
      </c>
      <c r="AL7656" s="111">
        <v>0</v>
      </c>
      <c r="AM7656" s="111">
        <v>0</v>
      </c>
      <c r="AN7656" s="111">
        <v>0</v>
      </c>
      <c r="AO7656" s="111">
        <v>0</v>
      </c>
      <c r="AP7656" s="111">
        <v>0</v>
      </c>
      <c r="AQ7656" s="111">
        <v>0</v>
      </c>
      <c r="AR7656" s="111">
        <v>0</v>
      </c>
      <c r="AS7656" s="111">
        <v>0</v>
      </c>
      <c r="AT7656" s="111">
        <v>1</v>
      </c>
      <c r="AU7656" s="111">
        <v>0</v>
      </c>
      <c r="AV7656" s="111">
        <v>0</v>
      </c>
      <c r="AW7656" s="111">
        <v>0</v>
      </c>
      <c r="AX7656" s="112"/>
      <c r="AY7656" s="112"/>
      <c r="AZ7656" s="112"/>
      <c r="BA7656" s="112" t="s">
        <v>20345</v>
      </c>
      <c r="BB7656" s="221">
        <v>45884</v>
      </c>
    </row>
    <row r="7657" spans="1:54" s="8" customFormat="1" ht="13.95" customHeight="1" x14ac:dyDescent="0.25">
      <c r="A7657" s="229" t="s">
        <v>18373</v>
      </c>
      <c r="B7657" s="96" t="s">
        <v>18307</v>
      </c>
      <c r="C7657" s="93" t="s">
        <v>18374</v>
      </c>
      <c r="D7657" s="93" t="s">
        <v>24245</v>
      </c>
      <c r="E7657" s="111">
        <v>1980</v>
      </c>
      <c r="F7657" s="111">
        <v>500</v>
      </c>
      <c r="G7657" s="93" t="s">
        <v>1</v>
      </c>
      <c r="H7657" s="111">
        <v>0</v>
      </c>
      <c r="I7657" s="111">
        <v>0</v>
      </c>
      <c r="J7657" s="111">
        <v>1</v>
      </c>
      <c r="K7657" s="111">
        <v>1</v>
      </c>
      <c r="L7657" s="111">
        <v>1</v>
      </c>
      <c r="M7657" s="111">
        <v>0</v>
      </c>
      <c r="N7657" s="111">
        <v>0</v>
      </c>
      <c r="O7657" s="111">
        <v>1</v>
      </c>
      <c r="P7657" s="111">
        <v>1</v>
      </c>
      <c r="Q7657" s="111">
        <v>0</v>
      </c>
      <c r="R7657" s="111">
        <v>0</v>
      </c>
      <c r="S7657" s="111">
        <v>0</v>
      </c>
      <c r="T7657" s="111">
        <v>0</v>
      </c>
      <c r="U7657" s="111">
        <v>0</v>
      </c>
      <c r="V7657" s="111">
        <v>0</v>
      </c>
      <c r="W7657" s="111">
        <v>0</v>
      </c>
      <c r="X7657" s="111">
        <v>0</v>
      </c>
      <c r="Y7657" s="111">
        <v>0</v>
      </c>
      <c r="Z7657" s="111">
        <v>0</v>
      </c>
      <c r="AA7657" s="111">
        <v>0</v>
      </c>
      <c r="AB7657" s="111">
        <v>0</v>
      </c>
      <c r="AC7657" s="111">
        <v>0</v>
      </c>
      <c r="AD7657" s="111">
        <v>0</v>
      </c>
      <c r="AE7657" s="111">
        <v>0</v>
      </c>
      <c r="AF7657" s="111">
        <v>0</v>
      </c>
      <c r="AG7657" s="111">
        <v>0</v>
      </c>
      <c r="AH7657" s="111">
        <v>0</v>
      </c>
      <c r="AI7657" s="111">
        <v>0</v>
      </c>
      <c r="AJ7657" s="111">
        <v>0</v>
      </c>
      <c r="AK7657" s="111">
        <v>0</v>
      </c>
      <c r="AL7657" s="111">
        <v>0</v>
      </c>
      <c r="AM7657" s="111">
        <v>0</v>
      </c>
      <c r="AN7657" s="111">
        <v>0</v>
      </c>
      <c r="AO7657" s="111">
        <v>0</v>
      </c>
      <c r="AP7657" s="111">
        <v>0</v>
      </c>
      <c r="AQ7657" s="111">
        <v>0</v>
      </c>
      <c r="AR7657" s="111">
        <v>0</v>
      </c>
      <c r="AS7657" s="111">
        <v>0</v>
      </c>
      <c r="AT7657" s="111">
        <v>1</v>
      </c>
      <c r="AU7657" s="111">
        <v>0</v>
      </c>
      <c r="AV7657" s="111">
        <v>0</v>
      </c>
      <c r="AW7657" s="111">
        <v>0</v>
      </c>
      <c r="AX7657" s="112"/>
      <c r="AY7657" s="112"/>
      <c r="AZ7657" s="112"/>
      <c r="BA7657" s="112"/>
      <c r="BB7657" s="221">
        <v>45884</v>
      </c>
    </row>
    <row r="7658" spans="1:54" s="8" customFormat="1" ht="13.95" customHeight="1" x14ac:dyDescent="0.25">
      <c r="A7658" s="229" t="s">
        <v>18375</v>
      </c>
      <c r="B7658" s="96" t="s">
        <v>18307</v>
      </c>
      <c r="C7658" s="93" t="s">
        <v>18376</v>
      </c>
      <c r="D7658" s="93" t="s">
        <v>24246</v>
      </c>
      <c r="E7658" s="111">
        <v>1995</v>
      </c>
      <c r="F7658" s="111">
        <v>515</v>
      </c>
      <c r="G7658" s="93" t="s">
        <v>1</v>
      </c>
      <c r="H7658" s="111">
        <v>0</v>
      </c>
      <c r="I7658" s="111">
        <v>0</v>
      </c>
      <c r="J7658" s="111">
        <v>0</v>
      </c>
      <c r="K7658" s="111">
        <v>0</v>
      </c>
      <c r="L7658" s="111">
        <v>0</v>
      </c>
      <c r="M7658" s="111">
        <v>0</v>
      </c>
      <c r="N7658" s="111">
        <v>0</v>
      </c>
      <c r="O7658" s="111">
        <v>0</v>
      </c>
      <c r="P7658" s="111">
        <v>1</v>
      </c>
      <c r="Q7658" s="111">
        <v>0</v>
      </c>
      <c r="R7658" s="111">
        <v>0</v>
      </c>
      <c r="S7658" s="111">
        <v>0</v>
      </c>
      <c r="T7658" s="111">
        <v>0</v>
      </c>
      <c r="U7658" s="111">
        <v>0</v>
      </c>
      <c r="V7658" s="111">
        <v>0</v>
      </c>
      <c r="W7658" s="111">
        <v>0</v>
      </c>
      <c r="X7658" s="111">
        <v>0</v>
      </c>
      <c r="Y7658" s="111">
        <v>0</v>
      </c>
      <c r="Z7658" s="111">
        <v>0</v>
      </c>
      <c r="AA7658" s="111">
        <v>0</v>
      </c>
      <c r="AB7658" s="111">
        <v>0</v>
      </c>
      <c r="AC7658" s="111">
        <v>0</v>
      </c>
      <c r="AD7658" s="111">
        <v>0</v>
      </c>
      <c r="AE7658" s="111">
        <v>0</v>
      </c>
      <c r="AF7658" s="111">
        <v>0</v>
      </c>
      <c r="AG7658" s="111">
        <v>0</v>
      </c>
      <c r="AH7658" s="111">
        <v>0</v>
      </c>
      <c r="AI7658" s="111">
        <v>0</v>
      </c>
      <c r="AJ7658" s="111">
        <v>0</v>
      </c>
      <c r="AK7658" s="111">
        <v>0</v>
      </c>
      <c r="AL7658" s="111">
        <v>0</v>
      </c>
      <c r="AM7658" s="111">
        <v>0</v>
      </c>
      <c r="AN7658" s="111">
        <v>0</v>
      </c>
      <c r="AO7658" s="111">
        <v>0</v>
      </c>
      <c r="AP7658" s="111">
        <v>0</v>
      </c>
      <c r="AQ7658" s="111">
        <v>0</v>
      </c>
      <c r="AR7658" s="111">
        <v>0</v>
      </c>
      <c r="AS7658" s="111">
        <v>0</v>
      </c>
      <c r="AT7658" s="111">
        <v>1</v>
      </c>
      <c r="AU7658" s="111">
        <v>0</v>
      </c>
      <c r="AV7658" s="111">
        <v>0</v>
      </c>
      <c r="AW7658" s="111">
        <v>0</v>
      </c>
      <c r="AX7658" s="112"/>
      <c r="AY7658" s="112"/>
      <c r="AZ7658" s="112"/>
      <c r="BA7658" s="112"/>
      <c r="BB7658" s="221">
        <v>45884</v>
      </c>
    </row>
    <row r="7659" spans="1:54" s="8" customFormat="1" ht="13.95" customHeight="1" x14ac:dyDescent="0.25">
      <c r="A7659" s="229" t="s">
        <v>18377</v>
      </c>
      <c r="B7659" s="96" t="s">
        <v>18307</v>
      </c>
      <c r="C7659" s="93" t="s">
        <v>4921</v>
      </c>
      <c r="D7659" s="93" t="s">
        <v>24247</v>
      </c>
      <c r="E7659" s="111">
        <v>1980</v>
      </c>
      <c r="F7659" s="111">
        <v>536</v>
      </c>
      <c r="G7659" s="93" t="s">
        <v>1</v>
      </c>
      <c r="H7659" s="111">
        <v>0</v>
      </c>
      <c r="I7659" s="111">
        <v>0</v>
      </c>
      <c r="J7659" s="111">
        <v>1</v>
      </c>
      <c r="K7659" s="111">
        <v>1</v>
      </c>
      <c r="L7659" s="111">
        <v>1</v>
      </c>
      <c r="M7659" s="111">
        <v>0</v>
      </c>
      <c r="N7659" s="111">
        <v>0</v>
      </c>
      <c r="O7659" s="111">
        <v>1</v>
      </c>
      <c r="P7659" s="111">
        <v>1</v>
      </c>
      <c r="Q7659" s="111">
        <v>0</v>
      </c>
      <c r="R7659" s="111">
        <v>1</v>
      </c>
      <c r="S7659" s="111">
        <v>0</v>
      </c>
      <c r="T7659" s="111">
        <v>0</v>
      </c>
      <c r="U7659" s="111">
        <v>0</v>
      </c>
      <c r="V7659" s="111">
        <v>0</v>
      </c>
      <c r="W7659" s="111">
        <v>0</v>
      </c>
      <c r="X7659" s="111">
        <v>0</v>
      </c>
      <c r="Y7659" s="111">
        <v>0</v>
      </c>
      <c r="Z7659" s="111">
        <v>0</v>
      </c>
      <c r="AA7659" s="111">
        <v>0</v>
      </c>
      <c r="AB7659" s="111">
        <v>0</v>
      </c>
      <c r="AC7659" s="111">
        <v>0</v>
      </c>
      <c r="AD7659" s="111">
        <v>0</v>
      </c>
      <c r="AE7659" s="111">
        <v>0</v>
      </c>
      <c r="AF7659" s="111">
        <v>0</v>
      </c>
      <c r="AG7659" s="111">
        <v>0</v>
      </c>
      <c r="AH7659" s="111">
        <v>0</v>
      </c>
      <c r="AI7659" s="111">
        <v>0</v>
      </c>
      <c r="AJ7659" s="111">
        <v>0</v>
      </c>
      <c r="AK7659" s="111">
        <v>0</v>
      </c>
      <c r="AL7659" s="111">
        <v>0</v>
      </c>
      <c r="AM7659" s="111">
        <v>0</v>
      </c>
      <c r="AN7659" s="111">
        <v>0</v>
      </c>
      <c r="AO7659" s="111">
        <v>0</v>
      </c>
      <c r="AP7659" s="111">
        <v>0</v>
      </c>
      <c r="AQ7659" s="111">
        <v>0</v>
      </c>
      <c r="AR7659" s="111">
        <v>0</v>
      </c>
      <c r="AS7659" s="111">
        <v>0</v>
      </c>
      <c r="AT7659" s="111">
        <v>1</v>
      </c>
      <c r="AU7659" s="111">
        <v>0</v>
      </c>
      <c r="AV7659" s="111">
        <v>0</v>
      </c>
      <c r="AW7659" s="111">
        <v>0</v>
      </c>
      <c r="AX7659" s="112"/>
      <c r="AY7659" s="112"/>
      <c r="AZ7659" s="112"/>
      <c r="BA7659" s="112"/>
      <c r="BB7659" s="221">
        <v>45884</v>
      </c>
    </row>
    <row r="7660" spans="1:54" s="8" customFormat="1" ht="13.95" customHeight="1" x14ac:dyDescent="0.25">
      <c r="A7660" s="229" t="s">
        <v>18378</v>
      </c>
      <c r="B7660" s="96" t="s">
        <v>18307</v>
      </c>
      <c r="C7660" s="93" t="s">
        <v>18379</v>
      </c>
      <c r="D7660" s="93" t="s">
        <v>24248</v>
      </c>
      <c r="E7660" s="111">
        <v>1980</v>
      </c>
      <c r="F7660" s="111">
        <v>563</v>
      </c>
      <c r="G7660" s="93" t="s">
        <v>1</v>
      </c>
      <c r="H7660" s="111">
        <v>0</v>
      </c>
      <c r="I7660" s="111">
        <v>0</v>
      </c>
      <c r="J7660" s="111">
        <v>0</v>
      </c>
      <c r="K7660" s="111">
        <v>0</v>
      </c>
      <c r="L7660" s="111">
        <v>0</v>
      </c>
      <c r="M7660" s="111">
        <v>0</v>
      </c>
      <c r="N7660" s="111">
        <v>0</v>
      </c>
      <c r="O7660" s="111">
        <v>0</v>
      </c>
      <c r="P7660" s="111">
        <v>0</v>
      </c>
      <c r="Q7660" s="111">
        <v>0</v>
      </c>
      <c r="R7660" s="111">
        <v>0</v>
      </c>
      <c r="S7660" s="111">
        <v>0</v>
      </c>
      <c r="T7660" s="111">
        <v>0</v>
      </c>
      <c r="U7660" s="111">
        <v>0</v>
      </c>
      <c r="V7660" s="111">
        <v>0</v>
      </c>
      <c r="W7660" s="111">
        <v>0</v>
      </c>
      <c r="X7660" s="111">
        <v>0</v>
      </c>
      <c r="Y7660" s="111">
        <v>0</v>
      </c>
      <c r="Z7660" s="111">
        <v>0</v>
      </c>
      <c r="AA7660" s="111">
        <v>0</v>
      </c>
      <c r="AB7660" s="111">
        <v>0</v>
      </c>
      <c r="AC7660" s="111">
        <v>0</v>
      </c>
      <c r="AD7660" s="111">
        <v>0</v>
      </c>
      <c r="AE7660" s="111">
        <v>0</v>
      </c>
      <c r="AF7660" s="111">
        <v>0</v>
      </c>
      <c r="AG7660" s="111">
        <v>0</v>
      </c>
      <c r="AH7660" s="111">
        <v>0</v>
      </c>
      <c r="AI7660" s="111">
        <v>0</v>
      </c>
      <c r="AJ7660" s="111">
        <v>0</v>
      </c>
      <c r="AK7660" s="111">
        <v>0</v>
      </c>
      <c r="AL7660" s="111">
        <v>0</v>
      </c>
      <c r="AM7660" s="111">
        <v>0</v>
      </c>
      <c r="AN7660" s="111">
        <v>0</v>
      </c>
      <c r="AO7660" s="111">
        <v>0</v>
      </c>
      <c r="AP7660" s="111">
        <v>0</v>
      </c>
      <c r="AQ7660" s="111">
        <v>0</v>
      </c>
      <c r="AR7660" s="111">
        <v>0</v>
      </c>
      <c r="AS7660" s="111">
        <v>0</v>
      </c>
      <c r="AT7660" s="111">
        <v>1</v>
      </c>
      <c r="AU7660" s="111">
        <v>0</v>
      </c>
      <c r="AV7660" s="111">
        <v>0</v>
      </c>
      <c r="AW7660" s="111">
        <v>0</v>
      </c>
      <c r="AX7660" s="112"/>
      <c r="AY7660" s="112"/>
      <c r="AZ7660" s="112"/>
      <c r="BA7660" s="112"/>
      <c r="BB7660" s="221">
        <v>45884</v>
      </c>
    </row>
    <row r="7661" spans="1:54" s="8" customFormat="1" ht="13.95" customHeight="1" x14ac:dyDescent="0.25">
      <c r="A7661" s="229" t="s">
        <v>18380</v>
      </c>
      <c r="B7661" s="96" t="s">
        <v>18307</v>
      </c>
      <c r="C7661" s="93" t="s">
        <v>18381</v>
      </c>
      <c r="D7661" s="93" t="s">
        <v>24249</v>
      </c>
      <c r="E7661" s="111">
        <v>1980</v>
      </c>
      <c r="F7661" s="111">
        <v>589</v>
      </c>
      <c r="G7661" s="93" t="s">
        <v>1</v>
      </c>
      <c r="H7661" s="111">
        <v>0</v>
      </c>
      <c r="I7661" s="111">
        <v>0</v>
      </c>
      <c r="J7661" s="111">
        <v>1</v>
      </c>
      <c r="K7661" s="111">
        <v>0</v>
      </c>
      <c r="L7661" s="111">
        <v>1</v>
      </c>
      <c r="M7661" s="111">
        <v>0</v>
      </c>
      <c r="N7661" s="111">
        <v>0</v>
      </c>
      <c r="O7661" s="111">
        <v>1</v>
      </c>
      <c r="P7661" s="111">
        <v>1</v>
      </c>
      <c r="Q7661" s="111">
        <v>0</v>
      </c>
      <c r="R7661" s="111">
        <v>0</v>
      </c>
      <c r="S7661" s="111">
        <v>0</v>
      </c>
      <c r="T7661" s="111">
        <v>0</v>
      </c>
      <c r="U7661" s="111">
        <v>0</v>
      </c>
      <c r="V7661" s="111">
        <v>0</v>
      </c>
      <c r="W7661" s="111">
        <v>0</v>
      </c>
      <c r="X7661" s="111">
        <v>0</v>
      </c>
      <c r="Y7661" s="111">
        <v>0</v>
      </c>
      <c r="Z7661" s="111">
        <v>0</v>
      </c>
      <c r="AA7661" s="111">
        <v>0</v>
      </c>
      <c r="AB7661" s="111">
        <v>0</v>
      </c>
      <c r="AC7661" s="111">
        <v>0</v>
      </c>
      <c r="AD7661" s="111">
        <v>0</v>
      </c>
      <c r="AE7661" s="111">
        <v>0</v>
      </c>
      <c r="AF7661" s="111">
        <v>0</v>
      </c>
      <c r="AG7661" s="111">
        <v>0</v>
      </c>
      <c r="AH7661" s="111">
        <v>0</v>
      </c>
      <c r="AI7661" s="111">
        <v>0</v>
      </c>
      <c r="AJ7661" s="111">
        <v>0</v>
      </c>
      <c r="AK7661" s="111">
        <v>0</v>
      </c>
      <c r="AL7661" s="111">
        <v>0</v>
      </c>
      <c r="AM7661" s="111">
        <v>0</v>
      </c>
      <c r="AN7661" s="111">
        <v>0</v>
      </c>
      <c r="AO7661" s="111">
        <v>0</v>
      </c>
      <c r="AP7661" s="111">
        <v>0</v>
      </c>
      <c r="AQ7661" s="111">
        <v>0</v>
      </c>
      <c r="AR7661" s="111">
        <v>0</v>
      </c>
      <c r="AS7661" s="111">
        <v>0</v>
      </c>
      <c r="AT7661" s="111">
        <v>1</v>
      </c>
      <c r="AU7661" s="111">
        <v>0</v>
      </c>
      <c r="AV7661" s="111">
        <v>0</v>
      </c>
      <c r="AW7661" s="111">
        <v>0</v>
      </c>
      <c r="AX7661" s="112"/>
      <c r="AY7661" s="112"/>
      <c r="AZ7661" s="112"/>
      <c r="BA7661" s="112"/>
      <c r="BB7661" s="221">
        <v>45884</v>
      </c>
    </row>
    <row r="7662" spans="1:54" s="8" customFormat="1" ht="13.95" customHeight="1" x14ac:dyDescent="0.25">
      <c r="A7662" s="229" t="s">
        <v>18382</v>
      </c>
      <c r="B7662" s="96" t="s">
        <v>18307</v>
      </c>
      <c r="C7662" s="93" t="s">
        <v>18383</v>
      </c>
      <c r="D7662" s="93" t="s">
        <v>24250</v>
      </c>
      <c r="E7662" s="111">
        <v>1980</v>
      </c>
      <c r="F7662" s="111">
        <v>596</v>
      </c>
      <c r="G7662" s="93" t="s">
        <v>1</v>
      </c>
      <c r="H7662" s="111">
        <v>0</v>
      </c>
      <c r="I7662" s="111">
        <v>0</v>
      </c>
      <c r="J7662" s="111">
        <v>1</v>
      </c>
      <c r="K7662" s="111">
        <v>1</v>
      </c>
      <c r="L7662" s="111">
        <v>1</v>
      </c>
      <c r="M7662" s="111">
        <v>1</v>
      </c>
      <c r="N7662" s="111">
        <v>0</v>
      </c>
      <c r="O7662" s="111">
        <v>0</v>
      </c>
      <c r="P7662" s="111">
        <v>1</v>
      </c>
      <c r="Q7662" s="111">
        <v>0</v>
      </c>
      <c r="R7662" s="111">
        <v>0</v>
      </c>
      <c r="S7662" s="111">
        <v>0</v>
      </c>
      <c r="T7662" s="111">
        <v>0</v>
      </c>
      <c r="U7662" s="111">
        <v>0</v>
      </c>
      <c r="V7662" s="111">
        <v>0</v>
      </c>
      <c r="W7662" s="111">
        <v>0</v>
      </c>
      <c r="X7662" s="111">
        <v>0</v>
      </c>
      <c r="Y7662" s="111">
        <v>0</v>
      </c>
      <c r="Z7662" s="111">
        <v>0</v>
      </c>
      <c r="AA7662" s="111">
        <v>0</v>
      </c>
      <c r="AB7662" s="111">
        <v>0</v>
      </c>
      <c r="AC7662" s="111">
        <v>0</v>
      </c>
      <c r="AD7662" s="111">
        <v>0</v>
      </c>
      <c r="AE7662" s="111">
        <v>0</v>
      </c>
      <c r="AF7662" s="111">
        <v>0</v>
      </c>
      <c r="AG7662" s="111">
        <v>0</v>
      </c>
      <c r="AH7662" s="111">
        <v>0</v>
      </c>
      <c r="AI7662" s="111">
        <v>0</v>
      </c>
      <c r="AJ7662" s="111">
        <v>0</v>
      </c>
      <c r="AK7662" s="111">
        <v>0</v>
      </c>
      <c r="AL7662" s="111">
        <v>0</v>
      </c>
      <c r="AM7662" s="111">
        <v>0</v>
      </c>
      <c r="AN7662" s="111">
        <v>0</v>
      </c>
      <c r="AO7662" s="111">
        <v>0</v>
      </c>
      <c r="AP7662" s="111">
        <v>0</v>
      </c>
      <c r="AQ7662" s="111">
        <v>0</v>
      </c>
      <c r="AR7662" s="111">
        <v>0</v>
      </c>
      <c r="AS7662" s="111">
        <v>0</v>
      </c>
      <c r="AT7662" s="111">
        <v>1</v>
      </c>
      <c r="AU7662" s="111">
        <v>0</v>
      </c>
      <c r="AV7662" s="111">
        <v>0</v>
      </c>
      <c r="AW7662" s="111">
        <v>0</v>
      </c>
      <c r="AX7662" s="112"/>
      <c r="AY7662" s="112"/>
      <c r="AZ7662" s="112"/>
      <c r="BA7662" s="112"/>
      <c r="BB7662" s="221">
        <v>45884</v>
      </c>
    </row>
    <row r="7663" spans="1:54" s="8" customFormat="1" ht="13.95" customHeight="1" x14ac:dyDescent="0.25">
      <c r="A7663" s="229" t="s">
        <v>18384</v>
      </c>
      <c r="B7663" s="96" t="s">
        <v>18307</v>
      </c>
      <c r="C7663" s="93" t="s">
        <v>18385</v>
      </c>
      <c r="D7663" s="93" t="s">
        <v>24251</v>
      </c>
      <c r="E7663" s="111">
        <v>2012</v>
      </c>
      <c r="F7663" s="111">
        <v>558</v>
      </c>
      <c r="G7663" s="93" t="s">
        <v>20344</v>
      </c>
      <c r="H7663" s="111">
        <v>0</v>
      </c>
      <c r="I7663" s="111">
        <v>0</v>
      </c>
      <c r="J7663" s="111">
        <v>0</v>
      </c>
      <c r="K7663" s="111">
        <v>0</v>
      </c>
      <c r="L7663" s="111">
        <v>0</v>
      </c>
      <c r="M7663" s="111">
        <v>0</v>
      </c>
      <c r="N7663" s="111">
        <v>0</v>
      </c>
      <c r="O7663" s="111">
        <v>0</v>
      </c>
      <c r="P7663" s="111">
        <v>0</v>
      </c>
      <c r="Q7663" s="111">
        <v>0</v>
      </c>
      <c r="R7663" s="111">
        <v>0</v>
      </c>
      <c r="S7663" s="111">
        <v>0</v>
      </c>
      <c r="T7663" s="111">
        <v>0</v>
      </c>
      <c r="U7663" s="111">
        <v>0</v>
      </c>
      <c r="V7663" s="111">
        <v>0</v>
      </c>
      <c r="W7663" s="111">
        <v>0</v>
      </c>
      <c r="X7663" s="111">
        <v>0</v>
      </c>
      <c r="Y7663" s="111">
        <v>0</v>
      </c>
      <c r="Z7663" s="111">
        <v>0</v>
      </c>
      <c r="AA7663" s="111">
        <v>0</v>
      </c>
      <c r="AB7663" s="111">
        <v>0</v>
      </c>
      <c r="AC7663" s="111">
        <v>0</v>
      </c>
      <c r="AD7663" s="111">
        <v>0</v>
      </c>
      <c r="AE7663" s="111">
        <v>0</v>
      </c>
      <c r="AF7663" s="111">
        <v>0</v>
      </c>
      <c r="AG7663" s="111">
        <v>0</v>
      </c>
      <c r="AH7663" s="111">
        <v>0</v>
      </c>
      <c r="AI7663" s="111">
        <v>0</v>
      </c>
      <c r="AJ7663" s="111">
        <v>0</v>
      </c>
      <c r="AK7663" s="111">
        <v>0</v>
      </c>
      <c r="AL7663" s="111">
        <v>0</v>
      </c>
      <c r="AM7663" s="111">
        <v>0</v>
      </c>
      <c r="AN7663" s="111">
        <v>0</v>
      </c>
      <c r="AO7663" s="111">
        <v>0</v>
      </c>
      <c r="AP7663" s="111">
        <v>0</v>
      </c>
      <c r="AQ7663" s="111">
        <v>0</v>
      </c>
      <c r="AR7663" s="111">
        <v>0</v>
      </c>
      <c r="AS7663" s="111">
        <v>0</v>
      </c>
      <c r="AT7663" s="111">
        <v>0</v>
      </c>
      <c r="AU7663" s="111">
        <v>0</v>
      </c>
      <c r="AV7663" s="111">
        <v>0</v>
      </c>
      <c r="AW7663" s="111">
        <v>0</v>
      </c>
      <c r="AX7663" s="112"/>
      <c r="AY7663" s="112"/>
      <c r="AZ7663" s="112"/>
      <c r="BA7663" s="112"/>
      <c r="BB7663" s="221">
        <v>45884</v>
      </c>
    </row>
    <row r="7664" spans="1:54" s="8" customFormat="1" ht="13.95" customHeight="1" x14ac:dyDescent="0.25">
      <c r="A7664" s="229" t="s">
        <v>18386</v>
      </c>
      <c r="B7664" s="96" t="s">
        <v>18307</v>
      </c>
      <c r="C7664" s="93" t="s">
        <v>18387</v>
      </c>
      <c r="D7664" s="93" t="s">
        <v>24252</v>
      </c>
      <c r="E7664" s="111">
        <v>1986</v>
      </c>
      <c r="F7664" s="111">
        <v>610</v>
      </c>
      <c r="G7664" s="93" t="s">
        <v>1</v>
      </c>
      <c r="H7664" s="111">
        <v>0</v>
      </c>
      <c r="I7664" s="111">
        <v>0</v>
      </c>
      <c r="J7664" s="111">
        <v>0</v>
      </c>
      <c r="K7664" s="111">
        <v>0</v>
      </c>
      <c r="L7664" s="111">
        <v>1</v>
      </c>
      <c r="M7664" s="111">
        <v>0</v>
      </c>
      <c r="N7664" s="111">
        <v>0</v>
      </c>
      <c r="O7664" s="111">
        <v>1</v>
      </c>
      <c r="P7664" s="111">
        <v>1</v>
      </c>
      <c r="Q7664" s="111">
        <v>0</v>
      </c>
      <c r="R7664" s="111">
        <v>0</v>
      </c>
      <c r="S7664" s="111">
        <v>0</v>
      </c>
      <c r="T7664" s="111">
        <v>0</v>
      </c>
      <c r="U7664" s="111">
        <v>0</v>
      </c>
      <c r="V7664" s="111">
        <v>0</v>
      </c>
      <c r="W7664" s="111">
        <v>0</v>
      </c>
      <c r="X7664" s="111">
        <v>0</v>
      </c>
      <c r="Y7664" s="111">
        <v>0</v>
      </c>
      <c r="Z7664" s="111">
        <v>0</v>
      </c>
      <c r="AA7664" s="111">
        <v>0</v>
      </c>
      <c r="AB7664" s="111">
        <v>0</v>
      </c>
      <c r="AC7664" s="111">
        <v>0</v>
      </c>
      <c r="AD7664" s="111">
        <v>0</v>
      </c>
      <c r="AE7664" s="111">
        <v>0</v>
      </c>
      <c r="AF7664" s="111">
        <v>0</v>
      </c>
      <c r="AG7664" s="111">
        <v>0</v>
      </c>
      <c r="AH7664" s="111">
        <v>0</v>
      </c>
      <c r="AI7664" s="111">
        <v>0</v>
      </c>
      <c r="AJ7664" s="111">
        <v>0</v>
      </c>
      <c r="AK7664" s="111">
        <v>0</v>
      </c>
      <c r="AL7664" s="111">
        <v>0</v>
      </c>
      <c r="AM7664" s="111">
        <v>0</v>
      </c>
      <c r="AN7664" s="111">
        <v>0</v>
      </c>
      <c r="AO7664" s="111">
        <v>0</v>
      </c>
      <c r="AP7664" s="111">
        <v>0</v>
      </c>
      <c r="AQ7664" s="111">
        <v>0</v>
      </c>
      <c r="AR7664" s="111">
        <v>0</v>
      </c>
      <c r="AS7664" s="111">
        <v>0</v>
      </c>
      <c r="AT7664" s="111">
        <v>1</v>
      </c>
      <c r="AU7664" s="111">
        <v>0</v>
      </c>
      <c r="AV7664" s="111">
        <v>0</v>
      </c>
      <c r="AW7664" s="111">
        <v>0</v>
      </c>
      <c r="AX7664" s="112"/>
      <c r="AY7664" s="112"/>
      <c r="AZ7664" s="112"/>
      <c r="BA7664" s="112"/>
      <c r="BB7664" s="221">
        <v>45884</v>
      </c>
    </row>
    <row r="7665" spans="1:54" s="8" customFormat="1" ht="13.95" customHeight="1" x14ac:dyDescent="0.25">
      <c r="A7665" s="229" t="s">
        <v>18388</v>
      </c>
      <c r="B7665" s="96" t="s">
        <v>18307</v>
      </c>
      <c r="C7665" s="93" t="s">
        <v>4834</v>
      </c>
      <c r="D7665" s="93" t="s">
        <v>24253</v>
      </c>
      <c r="E7665" s="111">
        <v>2006</v>
      </c>
      <c r="F7665" s="111">
        <v>620</v>
      </c>
      <c r="G7665" s="93" t="s">
        <v>1</v>
      </c>
      <c r="H7665" s="111">
        <v>0</v>
      </c>
      <c r="I7665" s="111">
        <v>0</v>
      </c>
      <c r="J7665" s="111">
        <v>1</v>
      </c>
      <c r="K7665" s="111">
        <v>0</v>
      </c>
      <c r="L7665" s="111">
        <v>0</v>
      </c>
      <c r="M7665" s="111">
        <v>0</v>
      </c>
      <c r="N7665" s="111">
        <v>0</v>
      </c>
      <c r="O7665" s="111">
        <v>0</v>
      </c>
      <c r="P7665" s="111">
        <v>0</v>
      </c>
      <c r="Q7665" s="111">
        <v>0</v>
      </c>
      <c r="R7665" s="111">
        <v>0</v>
      </c>
      <c r="S7665" s="111">
        <v>0</v>
      </c>
      <c r="T7665" s="111">
        <v>0</v>
      </c>
      <c r="U7665" s="111">
        <v>0</v>
      </c>
      <c r="V7665" s="111">
        <v>0</v>
      </c>
      <c r="W7665" s="111">
        <v>0</v>
      </c>
      <c r="X7665" s="111">
        <v>0</v>
      </c>
      <c r="Y7665" s="111">
        <v>0</v>
      </c>
      <c r="Z7665" s="111">
        <v>0</v>
      </c>
      <c r="AA7665" s="111">
        <v>0</v>
      </c>
      <c r="AB7665" s="111">
        <v>0</v>
      </c>
      <c r="AC7665" s="111">
        <v>0</v>
      </c>
      <c r="AD7665" s="111">
        <v>0</v>
      </c>
      <c r="AE7665" s="111">
        <v>0</v>
      </c>
      <c r="AF7665" s="111">
        <v>0</v>
      </c>
      <c r="AG7665" s="111">
        <v>0</v>
      </c>
      <c r="AH7665" s="111">
        <v>0</v>
      </c>
      <c r="AI7665" s="111">
        <v>0</v>
      </c>
      <c r="AJ7665" s="111">
        <v>0</v>
      </c>
      <c r="AK7665" s="111">
        <v>0</v>
      </c>
      <c r="AL7665" s="111">
        <v>0</v>
      </c>
      <c r="AM7665" s="111">
        <v>0</v>
      </c>
      <c r="AN7665" s="111">
        <v>0</v>
      </c>
      <c r="AO7665" s="111">
        <v>0</v>
      </c>
      <c r="AP7665" s="111">
        <v>0</v>
      </c>
      <c r="AQ7665" s="111">
        <v>0</v>
      </c>
      <c r="AR7665" s="111">
        <v>0</v>
      </c>
      <c r="AS7665" s="111">
        <v>0</v>
      </c>
      <c r="AT7665" s="111">
        <v>1</v>
      </c>
      <c r="AU7665" s="111">
        <v>0</v>
      </c>
      <c r="AV7665" s="111">
        <v>0</v>
      </c>
      <c r="AW7665" s="111">
        <v>0</v>
      </c>
      <c r="AX7665" s="112"/>
      <c r="AY7665" s="112"/>
      <c r="AZ7665" s="112"/>
      <c r="BA7665" s="112"/>
      <c r="BB7665" s="221">
        <v>45884</v>
      </c>
    </row>
    <row r="7666" spans="1:54" s="8" customFormat="1" ht="13.95" customHeight="1" x14ac:dyDescent="0.25">
      <c r="A7666" s="229" t="s">
        <v>18389</v>
      </c>
      <c r="B7666" s="96" t="s">
        <v>18307</v>
      </c>
      <c r="C7666" s="93" t="s">
        <v>18390</v>
      </c>
      <c r="D7666" s="93" t="s">
        <v>24254</v>
      </c>
      <c r="E7666" s="111">
        <v>1989</v>
      </c>
      <c r="F7666" s="111">
        <v>622</v>
      </c>
      <c r="G7666" s="93" t="s">
        <v>1</v>
      </c>
      <c r="H7666" s="111">
        <v>0</v>
      </c>
      <c r="I7666" s="111">
        <v>0</v>
      </c>
      <c r="J7666" s="111">
        <v>1</v>
      </c>
      <c r="K7666" s="111">
        <v>1</v>
      </c>
      <c r="L7666" s="111">
        <v>1</v>
      </c>
      <c r="M7666" s="111">
        <v>0</v>
      </c>
      <c r="N7666" s="111">
        <v>0</v>
      </c>
      <c r="O7666" s="111">
        <v>1</v>
      </c>
      <c r="P7666" s="111">
        <v>1</v>
      </c>
      <c r="Q7666" s="111">
        <v>0</v>
      </c>
      <c r="R7666" s="111">
        <v>0</v>
      </c>
      <c r="S7666" s="111">
        <v>0</v>
      </c>
      <c r="T7666" s="111">
        <v>0</v>
      </c>
      <c r="U7666" s="111">
        <v>0</v>
      </c>
      <c r="V7666" s="111">
        <v>0</v>
      </c>
      <c r="W7666" s="111">
        <v>0</v>
      </c>
      <c r="X7666" s="111">
        <v>0</v>
      </c>
      <c r="Y7666" s="111">
        <v>0</v>
      </c>
      <c r="Z7666" s="111">
        <v>0</v>
      </c>
      <c r="AA7666" s="111">
        <v>0</v>
      </c>
      <c r="AB7666" s="111">
        <v>0</v>
      </c>
      <c r="AC7666" s="111">
        <v>0</v>
      </c>
      <c r="AD7666" s="111">
        <v>0</v>
      </c>
      <c r="AE7666" s="111">
        <v>0</v>
      </c>
      <c r="AF7666" s="111">
        <v>0</v>
      </c>
      <c r="AG7666" s="111">
        <v>0</v>
      </c>
      <c r="AH7666" s="111">
        <v>0</v>
      </c>
      <c r="AI7666" s="111">
        <v>0</v>
      </c>
      <c r="AJ7666" s="111">
        <v>0</v>
      </c>
      <c r="AK7666" s="111">
        <v>0</v>
      </c>
      <c r="AL7666" s="111">
        <v>0</v>
      </c>
      <c r="AM7666" s="111">
        <v>0</v>
      </c>
      <c r="AN7666" s="111">
        <v>0</v>
      </c>
      <c r="AO7666" s="111">
        <v>0</v>
      </c>
      <c r="AP7666" s="111">
        <v>0</v>
      </c>
      <c r="AQ7666" s="111">
        <v>0</v>
      </c>
      <c r="AR7666" s="111">
        <v>0</v>
      </c>
      <c r="AS7666" s="111">
        <v>0</v>
      </c>
      <c r="AT7666" s="111">
        <v>1</v>
      </c>
      <c r="AU7666" s="111">
        <v>0</v>
      </c>
      <c r="AV7666" s="111">
        <v>0</v>
      </c>
      <c r="AW7666" s="111">
        <v>0</v>
      </c>
      <c r="AX7666" s="112"/>
      <c r="AY7666" s="112"/>
      <c r="AZ7666" s="112"/>
      <c r="BA7666" s="112"/>
      <c r="BB7666" s="221">
        <v>45884</v>
      </c>
    </row>
    <row r="7667" spans="1:54" s="8" customFormat="1" ht="13.95" customHeight="1" x14ac:dyDescent="0.25">
      <c r="A7667" s="229" t="s">
        <v>18391</v>
      </c>
      <c r="B7667" s="96" t="s">
        <v>18307</v>
      </c>
      <c r="C7667" s="93" t="s">
        <v>18392</v>
      </c>
      <c r="D7667" s="93" t="s">
        <v>24255</v>
      </c>
      <c r="E7667" s="111">
        <v>2007</v>
      </c>
      <c r="F7667" s="111">
        <v>653</v>
      </c>
      <c r="G7667" s="93" t="s">
        <v>1</v>
      </c>
      <c r="H7667" s="111">
        <v>0</v>
      </c>
      <c r="I7667" s="111">
        <v>0</v>
      </c>
      <c r="J7667" s="111">
        <v>1</v>
      </c>
      <c r="K7667" s="111">
        <v>1</v>
      </c>
      <c r="L7667" s="111">
        <v>1</v>
      </c>
      <c r="M7667" s="111">
        <v>1</v>
      </c>
      <c r="N7667" s="111">
        <v>0</v>
      </c>
      <c r="O7667" s="111">
        <v>0</v>
      </c>
      <c r="P7667" s="111">
        <v>1</v>
      </c>
      <c r="Q7667" s="111">
        <v>0</v>
      </c>
      <c r="R7667" s="111">
        <v>0</v>
      </c>
      <c r="S7667" s="111">
        <v>0</v>
      </c>
      <c r="T7667" s="111">
        <v>0</v>
      </c>
      <c r="U7667" s="111">
        <v>0</v>
      </c>
      <c r="V7667" s="111">
        <v>0</v>
      </c>
      <c r="W7667" s="111">
        <v>0</v>
      </c>
      <c r="X7667" s="111">
        <v>0</v>
      </c>
      <c r="Y7667" s="111">
        <v>0</v>
      </c>
      <c r="Z7667" s="111">
        <v>0</v>
      </c>
      <c r="AA7667" s="111">
        <v>0</v>
      </c>
      <c r="AB7667" s="111">
        <v>0</v>
      </c>
      <c r="AC7667" s="111">
        <v>0</v>
      </c>
      <c r="AD7667" s="111">
        <v>0</v>
      </c>
      <c r="AE7667" s="111">
        <v>0</v>
      </c>
      <c r="AF7667" s="111">
        <v>0</v>
      </c>
      <c r="AG7667" s="111">
        <v>0</v>
      </c>
      <c r="AH7667" s="111">
        <v>0</v>
      </c>
      <c r="AI7667" s="111">
        <v>0</v>
      </c>
      <c r="AJ7667" s="111">
        <v>0</v>
      </c>
      <c r="AK7667" s="111">
        <v>0</v>
      </c>
      <c r="AL7667" s="111">
        <v>0</v>
      </c>
      <c r="AM7667" s="111">
        <v>0</v>
      </c>
      <c r="AN7667" s="111">
        <v>0</v>
      </c>
      <c r="AO7667" s="111">
        <v>0</v>
      </c>
      <c r="AP7667" s="111">
        <v>0</v>
      </c>
      <c r="AQ7667" s="111">
        <v>0</v>
      </c>
      <c r="AR7667" s="111">
        <v>0</v>
      </c>
      <c r="AS7667" s="111">
        <v>0</v>
      </c>
      <c r="AT7667" s="111">
        <v>1</v>
      </c>
      <c r="AU7667" s="111">
        <v>0</v>
      </c>
      <c r="AV7667" s="111">
        <v>0</v>
      </c>
      <c r="AW7667" s="111">
        <v>0</v>
      </c>
      <c r="AX7667" s="112"/>
      <c r="AY7667" s="112"/>
      <c r="AZ7667" s="112"/>
      <c r="BA7667" s="112"/>
      <c r="BB7667" s="221">
        <v>45884</v>
      </c>
    </row>
    <row r="7668" spans="1:54" s="8" customFormat="1" ht="13.95" customHeight="1" x14ac:dyDescent="0.25">
      <c r="A7668" s="229" t="s">
        <v>18393</v>
      </c>
      <c r="B7668" s="96" t="s">
        <v>18307</v>
      </c>
      <c r="C7668" s="93" t="s">
        <v>18394</v>
      </c>
      <c r="D7668" s="93" t="s">
        <v>24256</v>
      </c>
      <c r="E7668" s="111">
        <v>1986</v>
      </c>
      <c r="F7668" s="111">
        <v>695</v>
      </c>
      <c r="G7668" s="93" t="s">
        <v>1</v>
      </c>
      <c r="H7668" s="111">
        <v>0</v>
      </c>
      <c r="I7668" s="111">
        <v>0</v>
      </c>
      <c r="J7668" s="111">
        <v>1</v>
      </c>
      <c r="K7668" s="111">
        <v>0</v>
      </c>
      <c r="L7668" s="111">
        <v>0</v>
      </c>
      <c r="M7668" s="111">
        <v>0</v>
      </c>
      <c r="N7668" s="111">
        <v>0</v>
      </c>
      <c r="O7668" s="111">
        <v>1</v>
      </c>
      <c r="P7668" s="111">
        <v>0</v>
      </c>
      <c r="Q7668" s="111">
        <v>0</v>
      </c>
      <c r="R7668" s="111">
        <v>0</v>
      </c>
      <c r="S7668" s="111">
        <v>0</v>
      </c>
      <c r="T7668" s="111">
        <v>0</v>
      </c>
      <c r="U7668" s="111">
        <v>0</v>
      </c>
      <c r="V7668" s="111">
        <v>0</v>
      </c>
      <c r="W7668" s="111">
        <v>0</v>
      </c>
      <c r="X7668" s="111">
        <v>0</v>
      </c>
      <c r="Y7668" s="111">
        <v>0</v>
      </c>
      <c r="Z7668" s="111">
        <v>0</v>
      </c>
      <c r="AA7668" s="111">
        <v>0</v>
      </c>
      <c r="AB7668" s="111">
        <v>0</v>
      </c>
      <c r="AC7668" s="111">
        <v>0</v>
      </c>
      <c r="AD7668" s="111">
        <v>0</v>
      </c>
      <c r="AE7668" s="111">
        <v>0</v>
      </c>
      <c r="AF7668" s="111">
        <v>0</v>
      </c>
      <c r="AG7668" s="111">
        <v>0</v>
      </c>
      <c r="AH7668" s="111">
        <v>0</v>
      </c>
      <c r="AI7668" s="111">
        <v>0</v>
      </c>
      <c r="AJ7668" s="111">
        <v>0</v>
      </c>
      <c r="AK7668" s="111">
        <v>0</v>
      </c>
      <c r="AL7668" s="111">
        <v>0</v>
      </c>
      <c r="AM7668" s="111">
        <v>0</v>
      </c>
      <c r="AN7668" s="111">
        <v>0</v>
      </c>
      <c r="AO7668" s="111">
        <v>0</v>
      </c>
      <c r="AP7668" s="111">
        <v>0</v>
      </c>
      <c r="AQ7668" s="111">
        <v>0</v>
      </c>
      <c r="AR7668" s="111">
        <v>0</v>
      </c>
      <c r="AS7668" s="111">
        <v>0</v>
      </c>
      <c r="AT7668" s="111">
        <v>1</v>
      </c>
      <c r="AU7668" s="111">
        <v>0</v>
      </c>
      <c r="AV7668" s="111">
        <v>0</v>
      </c>
      <c r="AW7668" s="111">
        <v>0</v>
      </c>
      <c r="AX7668" s="112"/>
      <c r="AY7668" s="112"/>
      <c r="AZ7668" s="112"/>
      <c r="BA7668" s="112"/>
      <c r="BB7668" s="221">
        <v>45884</v>
      </c>
    </row>
    <row r="7669" spans="1:54" s="8" customFormat="1" ht="13.95" customHeight="1" x14ac:dyDescent="0.25">
      <c r="A7669" s="229" t="s">
        <v>18395</v>
      </c>
      <c r="B7669" s="96" t="s">
        <v>18307</v>
      </c>
      <c r="C7669" s="93" t="s">
        <v>18396</v>
      </c>
      <c r="D7669" s="93" t="s">
        <v>24257</v>
      </c>
      <c r="E7669" s="111">
        <v>1980</v>
      </c>
      <c r="F7669" s="111">
        <v>698</v>
      </c>
      <c r="G7669" s="93" t="s">
        <v>1</v>
      </c>
      <c r="H7669" s="111">
        <v>0</v>
      </c>
      <c r="I7669" s="111">
        <v>0</v>
      </c>
      <c r="J7669" s="111">
        <v>1</v>
      </c>
      <c r="K7669" s="111">
        <v>1</v>
      </c>
      <c r="L7669" s="111">
        <v>1</v>
      </c>
      <c r="M7669" s="111">
        <v>0</v>
      </c>
      <c r="N7669" s="111">
        <v>0</v>
      </c>
      <c r="O7669" s="111">
        <v>1</v>
      </c>
      <c r="P7669" s="111">
        <v>1</v>
      </c>
      <c r="Q7669" s="111">
        <v>0</v>
      </c>
      <c r="R7669" s="111">
        <v>0</v>
      </c>
      <c r="S7669" s="111">
        <v>0</v>
      </c>
      <c r="T7669" s="111">
        <v>0</v>
      </c>
      <c r="U7669" s="111">
        <v>0</v>
      </c>
      <c r="V7669" s="111">
        <v>0</v>
      </c>
      <c r="W7669" s="111">
        <v>0</v>
      </c>
      <c r="X7669" s="111">
        <v>0</v>
      </c>
      <c r="Y7669" s="111">
        <v>0</v>
      </c>
      <c r="Z7669" s="111">
        <v>0</v>
      </c>
      <c r="AA7669" s="111">
        <v>0</v>
      </c>
      <c r="AB7669" s="111">
        <v>0</v>
      </c>
      <c r="AC7669" s="111">
        <v>0</v>
      </c>
      <c r="AD7669" s="111">
        <v>0</v>
      </c>
      <c r="AE7669" s="111">
        <v>0</v>
      </c>
      <c r="AF7669" s="111">
        <v>0</v>
      </c>
      <c r="AG7669" s="111">
        <v>0</v>
      </c>
      <c r="AH7669" s="111">
        <v>0</v>
      </c>
      <c r="AI7669" s="111">
        <v>0</v>
      </c>
      <c r="AJ7669" s="111">
        <v>0</v>
      </c>
      <c r="AK7669" s="111">
        <v>0</v>
      </c>
      <c r="AL7669" s="111">
        <v>0</v>
      </c>
      <c r="AM7669" s="111">
        <v>0</v>
      </c>
      <c r="AN7669" s="111">
        <v>0</v>
      </c>
      <c r="AO7669" s="111">
        <v>0</v>
      </c>
      <c r="AP7669" s="111">
        <v>0</v>
      </c>
      <c r="AQ7669" s="111">
        <v>0</v>
      </c>
      <c r="AR7669" s="111">
        <v>0</v>
      </c>
      <c r="AS7669" s="111">
        <v>0</v>
      </c>
      <c r="AT7669" s="111">
        <v>1</v>
      </c>
      <c r="AU7669" s="111">
        <v>0</v>
      </c>
      <c r="AV7669" s="111">
        <v>0</v>
      </c>
      <c r="AW7669" s="111">
        <v>0</v>
      </c>
      <c r="AX7669" s="112"/>
      <c r="AY7669" s="112"/>
      <c r="AZ7669" s="112"/>
      <c r="BA7669" s="112"/>
      <c r="BB7669" s="221">
        <v>45884</v>
      </c>
    </row>
    <row r="7670" spans="1:54" s="8" customFormat="1" ht="13.95" customHeight="1" x14ac:dyDescent="0.25">
      <c r="A7670" s="229" t="s">
        <v>18397</v>
      </c>
      <c r="B7670" s="96" t="s">
        <v>18307</v>
      </c>
      <c r="C7670" s="93" t="s">
        <v>18398</v>
      </c>
      <c r="D7670" s="93" t="s">
        <v>24258</v>
      </c>
      <c r="E7670" s="111">
        <v>1987</v>
      </c>
      <c r="F7670" s="111">
        <v>706</v>
      </c>
      <c r="G7670" s="93" t="s">
        <v>1</v>
      </c>
      <c r="H7670" s="111">
        <v>0</v>
      </c>
      <c r="I7670" s="111">
        <v>0</v>
      </c>
      <c r="J7670" s="111">
        <v>0</v>
      </c>
      <c r="K7670" s="111">
        <v>1</v>
      </c>
      <c r="L7670" s="111">
        <v>0</v>
      </c>
      <c r="M7670" s="111">
        <v>1</v>
      </c>
      <c r="N7670" s="111">
        <v>0</v>
      </c>
      <c r="O7670" s="111">
        <v>0</v>
      </c>
      <c r="P7670" s="111">
        <v>1</v>
      </c>
      <c r="Q7670" s="111">
        <v>0</v>
      </c>
      <c r="R7670" s="111">
        <v>0</v>
      </c>
      <c r="S7670" s="111">
        <v>0</v>
      </c>
      <c r="T7670" s="111">
        <v>0</v>
      </c>
      <c r="U7670" s="111">
        <v>0</v>
      </c>
      <c r="V7670" s="111">
        <v>0</v>
      </c>
      <c r="W7670" s="111">
        <v>0</v>
      </c>
      <c r="X7670" s="111">
        <v>0</v>
      </c>
      <c r="Y7670" s="111">
        <v>0</v>
      </c>
      <c r="Z7670" s="111">
        <v>0</v>
      </c>
      <c r="AA7670" s="111">
        <v>0</v>
      </c>
      <c r="AB7670" s="111">
        <v>0</v>
      </c>
      <c r="AC7670" s="111">
        <v>0</v>
      </c>
      <c r="AD7670" s="111">
        <v>0</v>
      </c>
      <c r="AE7670" s="111">
        <v>0</v>
      </c>
      <c r="AF7670" s="111">
        <v>0</v>
      </c>
      <c r="AG7670" s="111">
        <v>0</v>
      </c>
      <c r="AH7670" s="111">
        <v>0</v>
      </c>
      <c r="AI7670" s="111">
        <v>0</v>
      </c>
      <c r="AJ7670" s="111">
        <v>0</v>
      </c>
      <c r="AK7670" s="111">
        <v>0</v>
      </c>
      <c r="AL7670" s="111">
        <v>0</v>
      </c>
      <c r="AM7670" s="111">
        <v>0</v>
      </c>
      <c r="AN7670" s="111">
        <v>0</v>
      </c>
      <c r="AO7670" s="111">
        <v>0</v>
      </c>
      <c r="AP7670" s="111">
        <v>0</v>
      </c>
      <c r="AQ7670" s="111">
        <v>0</v>
      </c>
      <c r="AR7670" s="111">
        <v>0</v>
      </c>
      <c r="AS7670" s="111">
        <v>0</v>
      </c>
      <c r="AT7670" s="111">
        <v>1</v>
      </c>
      <c r="AU7670" s="111">
        <v>0</v>
      </c>
      <c r="AV7670" s="111">
        <v>0</v>
      </c>
      <c r="AW7670" s="111">
        <v>0</v>
      </c>
      <c r="AX7670" s="112"/>
      <c r="AY7670" s="112"/>
      <c r="AZ7670" s="112"/>
      <c r="BA7670" s="112"/>
      <c r="BB7670" s="221">
        <v>45884</v>
      </c>
    </row>
    <row r="7671" spans="1:54" s="8" customFormat="1" ht="13.95" customHeight="1" x14ac:dyDescent="0.25">
      <c r="A7671" s="229" t="s">
        <v>18399</v>
      </c>
      <c r="B7671" s="96" t="s">
        <v>18307</v>
      </c>
      <c r="C7671" s="93" t="s">
        <v>18400</v>
      </c>
      <c r="D7671" s="93" t="s">
        <v>24259</v>
      </c>
      <c r="E7671" s="111">
        <v>2004</v>
      </c>
      <c r="F7671" s="111">
        <v>710</v>
      </c>
      <c r="G7671" s="93" t="s">
        <v>20344</v>
      </c>
      <c r="H7671" s="111">
        <v>0</v>
      </c>
      <c r="I7671" s="111">
        <v>0</v>
      </c>
      <c r="J7671" s="111">
        <v>0</v>
      </c>
      <c r="K7671" s="111">
        <v>0</v>
      </c>
      <c r="L7671" s="111">
        <v>0</v>
      </c>
      <c r="M7671" s="111">
        <v>0</v>
      </c>
      <c r="N7671" s="111">
        <v>0</v>
      </c>
      <c r="O7671" s="111">
        <v>0</v>
      </c>
      <c r="P7671" s="111">
        <v>0</v>
      </c>
      <c r="Q7671" s="111">
        <v>0</v>
      </c>
      <c r="R7671" s="111">
        <v>0</v>
      </c>
      <c r="S7671" s="111">
        <v>0</v>
      </c>
      <c r="T7671" s="111">
        <v>0</v>
      </c>
      <c r="U7671" s="111">
        <v>0</v>
      </c>
      <c r="V7671" s="111">
        <v>0</v>
      </c>
      <c r="W7671" s="111">
        <v>0</v>
      </c>
      <c r="X7671" s="111">
        <v>0</v>
      </c>
      <c r="Y7671" s="111">
        <v>0</v>
      </c>
      <c r="Z7671" s="111">
        <v>0</v>
      </c>
      <c r="AA7671" s="111">
        <v>0</v>
      </c>
      <c r="AB7671" s="111">
        <v>0</v>
      </c>
      <c r="AC7671" s="111">
        <v>0</v>
      </c>
      <c r="AD7671" s="111">
        <v>0</v>
      </c>
      <c r="AE7671" s="111">
        <v>0</v>
      </c>
      <c r="AF7671" s="111">
        <v>0</v>
      </c>
      <c r="AG7671" s="111">
        <v>0</v>
      </c>
      <c r="AH7671" s="111">
        <v>0</v>
      </c>
      <c r="AI7671" s="111">
        <v>0</v>
      </c>
      <c r="AJ7671" s="111">
        <v>0</v>
      </c>
      <c r="AK7671" s="111">
        <v>0</v>
      </c>
      <c r="AL7671" s="111">
        <v>0</v>
      </c>
      <c r="AM7671" s="111">
        <v>0</v>
      </c>
      <c r="AN7671" s="111">
        <v>0</v>
      </c>
      <c r="AO7671" s="111">
        <v>0</v>
      </c>
      <c r="AP7671" s="111">
        <v>0</v>
      </c>
      <c r="AQ7671" s="111">
        <v>0</v>
      </c>
      <c r="AR7671" s="111">
        <v>0</v>
      </c>
      <c r="AS7671" s="111">
        <v>0</v>
      </c>
      <c r="AT7671" s="111">
        <v>0</v>
      </c>
      <c r="AU7671" s="111">
        <v>0</v>
      </c>
      <c r="AV7671" s="111">
        <v>0</v>
      </c>
      <c r="AW7671" s="111">
        <v>0</v>
      </c>
      <c r="AX7671" s="112"/>
      <c r="AY7671" s="112"/>
      <c r="AZ7671" s="112"/>
      <c r="BA7671" s="112"/>
      <c r="BB7671" s="221">
        <v>45884</v>
      </c>
    </row>
    <row r="7672" spans="1:54" s="8" customFormat="1" ht="13.95" customHeight="1" x14ac:dyDescent="0.25">
      <c r="A7672" s="229" t="s">
        <v>18401</v>
      </c>
      <c r="B7672" s="96" t="s">
        <v>18307</v>
      </c>
      <c r="C7672" s="93" t="s">
        <v>16441</v>
      </c>
      <c r="D7672" s="93" t="s">
        <v>24260</v>
      </c>
      <c r="E7672" s="111">
        <v>1998</v>
      </c>
      <c r="F7672" s="111">
        <v>740</v>
      </c>
      <c r="G7672" s="93" t="s">
        <v>1</v>
      </c>
      <c r="H7672" s="111">
        <v>1</v>
      </c>
      <c r="I7672" s="111">
        <v>0</v>
      </c>
      <c r="J7672" s="111">
        <v>1</v>
      </c>
      <c r="K7672" s="111">
        <v>0</v>
      </c>
      <c r="L7672" s="111">
        <v>1</v>
      </c>
      <c r="M7672" s="111">
        <v>1</v>
      </c>
      <c r="N7672" s="111">
        <v>0</v>
      </c>
      <c r="O7672" s="111">
        <v>0</v>
      </c>
      <c r="P7672" s="111">
        <v>1</v>
      </c>
      <c r="Q7672" s="111">
        <v>0</v>
      </c>
      <c r="R7672" s="111">
        <v>0</v>
      </c>
      <c r="S7672" s="111">
        <v>0</v>
      </c>
      <c r="T7672" s="111">
        <v>0</v>
      </c>
      <c r="U7672" s="111">
        <v>0</v>
      </c>
      <c r="V7672" s="111">
        <v>0</v>
      </c>
      <c r="W7672" s="111">
        <v>0</v>
      </c>
      <c r="X7672" s="111">
        <v>0</v>
      </c>
      <c r="Y7672" s="111">
        <v>0</v>
      </c>
      <c r="Z7672" s="111">
        <v>0</v>
      </c>
      <c r="AA7672" s="111">
        <v>0</v>
      </c>
      <c r="AB7672" s="111">
        <v>0</v>
      </c>
      <c r="AC7672" s="111">
        <v>0</v>
      </c>
      <c r="AD7672" s="111">
        <v>0</v>
      </c>
      <c r="AE7672" s="111">
        <v>0</v>
      </c>
      <c r="AF7672" s="111">
        <v>0</v>
      </c>
      <c r="AG7672" s="111">
        <v>0</v>
      </c>
      <c r="AH7672" s="111">
        <v>0</v>
      </c>
      <c r="AI7672" s="111">
        <v>0</v>
      </c>
      <c r="AJ7672" s="111">
        <v>0</v>
      </c>
      <c r="AK7672" s="111">
        <v>0</v>
      </c>
      <c r="AL7672" s="111">
        <v>0</v>
      </c>
      <c r="AM7672" s="111">
        <v>0</v>
      </c>
      <c r="AN7672" s="111">
        <v>0</v>
      </c>
      <c r="AO7672" s="111">
        <v>0</v>
      </c>
      <c r="AP7672" s="111">
        <v>0</v>
      </c>
      <c r="AQ7672" s="111">
        <v>0</v>
      </c>
      <c r="AR7672" s="111">
        <v>0</v>
      </c>
      <c r="AS7672" s="111">
        <v>0</v>
      </c>
      <c r="AT7672" s="111">
        <v>1</v>
      </c>
      <c r="AU7672" s="111">
        <v>0</v>
      </c>
      <c r="AV7672" s="111">
        <v>0</v>
      </c>
      <c r="AW7672" s="111">
        <v>0</v>
      </c>
      <c r="AX7672" s="112"/>
      <c r="AY7672" s="112"/>
      <c r="AZ7672" s="112"/>
      <c r="BA7672" s="112"/>
      <c r="BB7672" s="221">
        <v>45884</v>
      </c>
    </row>
    <row r="7673" spans="1:54" s="8" customFormat="1" ht="13.95" customHeight="1" x14ac:dyDescent="0.25">
      <c r="A7673" s="229" t="s">
        <v>18402</v>
      </c>
      <c r="B7673" s="96" t="s">
        <v>18307</v>
      </c>
      <c r="C7673" s="93" t="s">
        <v>18403</v>
      </c>
      <c r="D7673" s="93" t="s">
        <v>24261</v>
      </c>
      <c r="E7673" s="111">
        <v>1980</v>
      </c>
      <c r="F7673" s="111">
        <v>743</v>
      </c>
      <c r="G7673" s="93" t="s">
        <v>1</v>
      </c>
      <c r="H7673" s="111">
        <v>0</v>
      </c>
      <c r="I7673" s="111">
        <v>0</v>
      </c>
      <c r="J7673" s="111">
        <v>1</v>
      </c>
      <c r="K7673" s="111">
        <v>0</v>
      </c>
      <c r="L7673" s="111">
        <v>1</v>
      </c>
      <c r="M7673" s="111">
        <v>0</v>
      </c>
      <c r="N7673" s="111">
        <v>0</v>
      </c>
      <c r="O7673" s="111">
        <v>1</v>
      </c>
      <c r="P7673" s="111">
        <v>1</v>
      </c>
      <c r="Q7673" s="111">
        <v>0</v>
      </c>
      <c r="R7673" s="111">
        <v>0</v>
      </c>
      <c r="S7673" s="111">
        <v>0</v>
      </c>
      <c r="T7673" s="111">
        <v>0</v>
      </c>
      <c r="U7673" s="111">
        <v>0</v>
      </c>
      <c r="V7673" s="111">
        <v>0</v>
      </c>
      <c r="W7673" s="111">
        <v>0</v>
      </c>
      <c r="X7673" s="111">
        <v>0</v>
      </c>
      <c r="Y7673" s="111">
        <v>0</v>
      </c>
      <c r="Z7673" s="111">
        <v>0</v>
      </c>
      <c r="AA7673" s="111">
        <v>0</v>
      </c>
      <c r="AB7673" s="111">
        <v>0</v>
      </c>
      <c r="AC7673" s="111">
        <v>0</v>
      </c>
      <c r="AD7673" s="111">
        <v>0</v>
      </c>
      <c r="AE7673" s="111">
        <v>0</v>
      </c>
      <c r="AF7673" s="111">
        <v>0</v>
      </c>
      <c r="AG7673" s="111">
        <v>0</v>
      </c>
      <c r="AH7673" s="111">
        <v>0</v>
      </c>
      <c r="AI7673" s="111">
        <v>0</v>
      </c>
      <c r="AJ7673" s="111">
        <v>0</v>
      </c>
      <c r="AK7673" s="111">
        <v>0</v>
      </c>
      <c r="AL7673" s="111">
        <v>0</v>
      </c>
      <c r="AM7673" s="111">
        <v>0</v>
      </c>
      <c r="AN7673" s="111">
        <v>0</v>
      </c>
      <c r="AO7673" s="111">
        <v>0</v>
      </c>
      <c r="AP7673" s="111">
        <v>0</v>
      </c>
      <c r="AQ7673" s="111">
        <v>0</v>
      </c>
      <c r="AR7673" s="111">
        <v>0</v>
      </c>
      <c r="AS7673" s="111">
        <v>0</v>
      </c>
      <c r="AT7673" s="111">
        <v>1</v>
      </c>
      <c r="AU7673" s="111">
        <v>0</v>
      </c>
      <c r="AV7673" s="111">
        <v>0</v>
      </c>
      <c r="AW7673" s="111">
        <v>0</v>
      </c>
      <c r="AX7673" s="112"/>
      <c r="AY7673" s="112"/>
      <c r="AZ7673" s="112"/>
      <c r="BA7673" s="112"/>
      <c r="BB7673" s="221">
        <v>45884</v>
      </c>
    </row>
    <row r="7674" spans="1:54" s="8" customFormat="1" ht="13.95" customHeight="1" x14ac:dyDescent="0.25">
      <c r="A7674" s="229" t="s">
        <v>18404</v>
      </c>
      <c r="B7674" s="96" t="s">
        <v>18307</v>
      </c>
      <c r="C7674" s="93" t="s">
        <v>18405</v>
      </c>
      <c r="D7674" s="93" t="s">
        <v>24262</v>
      </c>
      <c r="E7674" s="111">
        <v>1980</v>
      </c>
      <c r="F7674" s="111">
        <v>797</v>
      </c>
      <c r="G7674" s="93" t="s">
        <v>1</v>
      </c>
      <c r="H7674" s="111">
        <v>0</v>
      </c>
      <c r="I7674" s="111">
        <v>0</v>
      </c>
      <c r="J7674" s="111">
        <v>1</v>
      </c>
      <c r="K7674" s="111">
        <v>0</v>
      </c>
      <c r="L7674" s="111">
        <v>0</v>
      </c>
      <c r="M7674" s="111">
        <v>1</v>
      </c>
      <c r="N7674" s="111">
        <v>1</v>
      </c>
      <c r="O7674" s="111">
        <v>1</v>
      </c>
      <c r="P7674" s="111">
        <v>1</v>
      </c>
      <c r="Q7674" s="111">
        <v>0</v>
      </c>
      <c r="R7674" s="111">
        <v>0</v>
      </c>
      <c r="S7674" s="111">
        <v>0</v>
      </c>
      <c r="T7674" s="111">
        <v>0</v>
      </c>
      <c r="U7674" s="111">
        <v>0</v>
      </c>
      <c r="V7674" s="111">
        <v>0</v>
      </c>
      <c r="W7674" s="111">
        <v>0</v>
      </c>
      <c r="X7674" s="111">
        <v>0</v>
      </c>
      <c r="Y7674" s="111">
        <v>0</v>
      </c>
      <c r="Z7674" s="111">
        <v>0</v>
      </c>
      <c r="AA7674" s="111">
        <v>0</v>
      </c>
      <c r="AB7674" s="111">
        <v>0</v>
      </c>
      <c r="AC7674" s="111">
        <v>0</v>
      </c>
      <c r="AD7674" s="111">
        <v>0</v>
      </c>
      <c r="AE7674" s="111">
        <v>0</v>
      </c>
      <c r="AF7674" s="111">
        <v>0</v>
      </c>
      <c r="AG7674" s="111">
        <v>0</v>
      </c>
      <c r="AH7674" s="111">
        <v>0</v>
      </c>
      <c r="AI7674" s="111">
        <v>0</v>
      </c>
      <c r="AJ7674" s="111">
        <v>0</v>
      </c>
      <c r="AK7674" s="111">
        <v>0</v>
      </c>
      <c r="AL7674" s="111">
        <v>0</v>
      </c>
      <c r="AM7674" s="111">
        <v>0</v>
      </c>
      <c r="AN7674" s="111">
        <v>0</v>
      </c>
      <c r="AO7674" s="111">
        <v>0</v>
      </c>
      <c r="AP7674" s="111">
        <v>0</v>
      </c>
      <c r="AQ7674" s="111">
        <v>0</v>
      </c>
      <c r="AR7674" s="111">
        <v>0</v>
      </c>
      <c r="AS7674" s="111">
        <v>0</v>
      </c>
      <c r="AT7674" s="111">
        <v>1</v>
      </c>
      <c r="AU7674" s="111">
        <v>0</v>
      </c>
      <c r="AV7674" s="111">
        <v>0</v>
      </c>
      <c r="AW7674" s="111">
        <v>0</v>
      </c>
      <c r="AX7674" s="112"/>
      <c r="AY7674" s="112"/>
      <c r="AZ7674" s="112"/>
      <c r="BA7674" s="112"/>
      <c r="BB7674" s="221">
        <v>45884</v>
      </c>
    </row>
    <row r="7675" spans="1:54" s="8" customFormat="1" ht="13.95" customHeight="1" x14ac:dyDescent="0.25">
      <c r="A7675" s="229" t="s">
        <v>18406</v>
      </c>
      <c r="B7675" s="96" t="s">
        <v>18307</v>
      </c>
      <c r="C7675" s="93" t="s">
        <v>2254</v>
      </c>
      <c r="D7675" s="93" t="s">
        <v>24263</v>
      </c>
      <c r="E7675" s="111">
        <v>1987</v>
      </c>
      <c r="F7675" s="111">
        <v>217</v>
      </c>
      <c r="G7675" s="93" t="s">
        <v>1</v>
      </c>
      <c r="H7675" s="111">
        <v>0</v>
      </c>
      <c r="I7675" s="111">
        <v>0</v>
      </c>
      <c r="J7675" s="111">
        <v>0</v>
      </c>
      <c r="K7675" s="111">
        <v>0</v>
      </c>
      <c r="L7675" s="111">
        <v>1</v>
      </c>
      <c r="M7675" s="111">
        <v>0</v>
      </c>
      <c r="N7675" s="111">
        <v>0</v>
      </c>
      <c r="O7675" s="111">
        <v>0</v>
      </c>
      <c r="P7675" s="111">
        <v>1</v>
      </c>
      <c r="Q7675" s="111">
        <v>0</v>
      </c>
      <c r="R7675" s="111">
        <v>0</v>
      </c>
      <c r="S7675" s="111">
        <v>0</v>
      </c>
      <c r="T7675" s="111">
        <v>0</v>
      </c>
      <c r="U7675" s="111">
        <v>0</v>
      </c>
      <c r="V7675" s="111">
        <v>0</v>
      </c>
      <c r="W7675" s="111">
        <v>0</v>
      </c>
      <c r="X7675" s="111">
        <v>0</v>
      </c>
      <c r="Y7675" s="111">
        <v>0</v>
      </c>
      <c r="Z7675" s="111">
        <v>0</v>
      </c>
      <c r="AA7675" s="111">
        <v>0</v>
      </c>
      <c r="AB7675" s="111">
        <v>0</v>
      </c>
      <c r="AC7675" s="111">
        <v>0</v>
      </c>
      <c r="AD7675" s="111">
        <v>0</v>
      </c>
      <c r="AE7675" s="111">
        <v>0</v>
      </c>
      <c r="AF7675" s="111">
        <v>0</v>
      </c>
      <c r="AG7675" s="111">
        <v>0</v>
      </c>
      <c r="AH7675" s="111">
        <v>0</v>
      </c>
      <c r="AI7675" s="111">
        <v>0</v>
      </c>
      <c r="AJ7675" s="111">
        <v>0</v>
      </c>
      <c r="AK7675" s="111">
        <v>0</v>
      </c>
      <c r="AL7675" s="111">
        <v>0</v>
      </c>
      <c r="AM7675" s="111">
        <v>0</v>
      </c>
      <c r="AN7675" s="111">
        <v>0</v>
      </c>
      <c r="AO7675" s="111">
        <v>0</v>
      </c>
      <c r="AP7675" s="111">
        <v>0</v>
      </c>
      <c r="AQ7675" s="111">
        <v>0</v>
      </c>
      <c r="AR7675" s="111">
        <v>0</v>
      </c>
      <c r="AS7675" s="111">
        <v>0</v>
      </c>
      <c r="AT7675" s="111">
        <v>1</v>
      </c>
      <c r="AU7675" s="111">
        <v>0</v>
      </c>
      <c r="AV7675" s="111">
        <v>0</v>
      </c>
      <c r="AW7675" s="111">
        <v>0</v>
      </c>
      <c r="AX7675" s="112"/>
      <c r="AY7675" s="112"/>
      <c r="AZ7675" s="112"/>
      <c r="BA7675" s="112"/>
      <c r="BB7675" s="221">
        <v>45884</v>
      </c>
    </row>
    <row r="7676" spans="1:54" s="8" customFormat="1" ht="13.95" customHeight="1" x14ac:dyDescent="0.25">
      <c r="A7676" s="229" t="s">
        <v>18407</v>
      </c>
      <c r="B7676" s="96" t="s">
        <v>18307</v>
      </c>
      <c r="C7676" s="93" t="s">
        <v>18408</v>
      </c>
      <c r="D7676" s="93" t="s">
        <v>24264</v>
      </c>
      <c r="E7676" s="111">
        <v>1980</v>
      </c>
      <c r="F7676" s="111">
        <v>814</v>
      </c>
      <c r="G7676" s="93" t="s">
        <v>1</v>
      </c>
      <c r="H7676" s="111">
        <v>1</v>
      </c>
      <c r="I7676" s="111">
        <v>0</v>
      </c>
      <c r="J7676" s="111">
        <v>1</v>
      </c>
      <c r="K7676" s="111">
        <v>1</v>
      </c>
      <c r="L7676" s="111">
        <v>1</v>
      </c>
      <c r="M7676" s="111">
        <v>0</v>
      </c>
      <c r="N7676" s="111">
        <v>0</v>
      </c>
      <c r="O7676" s="111">
        <v>1</v>
      </c>
      <c r="P7676" s="111">
        <v>1</v>
      </c>
      <c r="Q7676" s="111">
        <v>0</v>
      </c>
      <c r="R7676" s="111">
        <v>1</v>
      </c>
      <c r="S7676" s="111">
        <v>0</v>
      </c>
      <c r="T7676" s="111">
        <v>0</v>
      </c>
      <c r="U7676" s="111">
        <v>0</v>
      </c>
      <c r="V7676" s="111">
        <v>0</v>
      </c>
      <c r="W7676" s="111">
        <v>0</v>
      </c>
      <c r="X7676" s="111">
        <v>0</v>
      </c>
      <c r="Y7676" s="111">
        <v>0</v>
      </c>
      <c r="Z7676" s="111">
        <v>0</v>
      </c>
      <c r="AA7676" s="111">
        <v>0</v>
      </c>
      <c r="AB7676" s="111">
        <v>0</v>
      </c>
      <c r="AC7676" s="111">
        <v>0</v>
      </c>
      <c r="AD7676" s="111">
        <v>0</v>
      </c>
      <c r="AE7676" s="111">
        <v>0</v>
      </c>
      <c r="AF7676" s="111">
        <v>0</v>
      </c>
      <c r="AG7676" s="111">
        <v>0</v>
      </c>
      <c r="AH7676" s="111">
        <v>0</v>
      </c>
      <c r="AI7676" s="111">
        <v>0</v>
      </c>
      <c r="AJ7676" s="111">
        <v>0</v>
      </c>
      <c r="AK7676" s="111">
        <v>0</v>
      </c>
      <c r="AL7676" s="111">
        <v>0</v>
      </c>
      <c r="AM7676" s="111">
        <v>0</v>
      </c>
      <c r="AN7676" s="111">
        <v>0</v>
      </c>
      <c r="AO7676" s="111">
        <v>0</v>
      </c>
      <c r="AP7676" s="111">
        <v>0</v>
      </c>
      <c r="AQ7676" s="111">
        <v>0</v>
      </c>
      <c r="AR7676" s="111">
        <v>0</v>
      </c>
      <c r="AS7676" s="111">
        <v>0</v>
      </c>
      <c r="AT7676" s="111">
        <v>1</v>
      </c>
      <c r="AU7676" s="111">
        <v>0</v>
      </c>
      <c r="AV7676" s="111">
        <v>0</v>
      </c>
      <c r="AW7676" s="111">
        <v>0</v>
      </c>
      <c r="AX7676" s="112"/>
      <c r="AY7676" s="112"/>
      <c r="AZ7676" s="112"/>
      <c r="BA7676" s="112"/>
      <c r="BB7676" s="221">
        <v>45884</v>
      </c>
    </row>
    <row r="7677" spans="1:54" s="8" customFormat="1" ht="13.95" customHeight="1" x14ac:dyDescent="0.25">
      <c r="A7677" s="229" t="s">
        <v>18409</v>
      </c>
      <c r="B7677" s="96" t="s">
        <v>18307</v>
      </c>
      <c r="C7677" s="93" t="s">
        <v>18410</v>
      </c>
      <c r="D7677" s="93" t="s">
        <v>24265</v>
      </c>
      <c r="E7677" s="111">
        <v>1988</v>
      </c>
      <c r="F7677" s="111">
        <v>874</v>
      </c>
      <c r="G7677" s="93" t="s">
        <v>1</v>
      </c>
      <c r="H7677" s="111">
        <v>0</v>
      </c>
      <c r="I7677" s="111">
        <v>0</v>
      </c>
      <c r="J7677" s="111">
        <v>0</v>
      </c>
      <c r="K7677" s="111">
        <v>0</v>
      </c>
      <c r="L7677" s="111">
        <v>1</v>
      </c>
      <c r="M7677" s="111">
        <v>0</v>
      </c>
      <c r="N7677" s="111">
        <v>0</v>
      </c>
      <c r="O7677" s="111">
        <v>1</v>
      </c>
      <c r="P7677" s="111">
        <v>1</v>
      </c>
      <c r="Q7677" s="111">
        <v>0</v>
      </c>
      <c r="R7677" s="111">
        <v>0</v>
      </c>
      <c r="S7677" s="111">
        <v>0</v>
      </c>
      <c r="T7677" s="111">
        <v>0</v>
      </c>
      <c r="U7677" s="111">
        <v>0</v>
      </c>
      <c r="V7677" s="111">
        <v>0</v>
      </c>
      <c r="W7677" s="111">
        <v>0</v>
      </c>
      <c r="X7677" s="111">
        <v>0</v>
      </c>
      <c r="Y7677" s="111">
        <v>0</v>
      </c>
      <c r="Z7677" s="111">
        <v>0</v>
      </c>
      <c r="AA7677" s="111">
        <v>0</v>
      </c>
      <c r="AB7677" s="111">
        <v>0</v>
      </c>
      <c r="AC7677" s="111">
        <v>0</v>
      </c>
      <c r="AD7677" s="111">
        <v>0</v>
      </c>
      <c r="AE7677" s="111">
        <v>0</v>
      </c>
      <c r="AF7677" s="111">
        <v>0</v>
      </c>
      <c r="AG7677" s="111">
        <v>0</v>
      </c>
      <c r="AH7677" s="111">
        <v>0</v>
      </c>
      <c r="AI7677" s="111">
        <v>0</v>
      </c>
      <c r="AJ7677" s="111">
        <v>0</v>
      </c>
      <c r="AK7677" s="111">
        <v>0</v>
      </c>
      <c r="AL7677" s="111">
        <v>0</v>
      </c>
      <c r="AM7677" s="111">
        <v>0</v>
      </c>
      <c r="AN7677" s="111">
        <v>0</v>
      </c>
      <c r="AO7677" s="111">
        <v>0</v>
      </c>
      <c r="AP7677" s="111">
        <v>0</v>
      </c>
      <c r="AQ7677" s="111">
        <v>0</v>
      </c>
      <c r="AR7677" s="111">
        <v>0</v>
      </c>
      <c r="AS7677" s="111">
        <v>0</v>
      </c>
      <c r="AT7677" s="111">
        <v>1</v>
      </c>
      <c r="AU7677" s="111">
        <v>0</v>
      </c>
      <c r="AV7677" s="111">
        <v>0</v>
      </c>
      <c r="AW7677" s="111">
        <v>0</v>
      </c>
      <c r="AX7677" s="112"/>
      <c r="AY7677" s="112"/>
      <c r="AZ7677" s="112"/>
      <c r="BA7677" s="112"/>
      <c r="BB7677" s="221">
        <v>45884</v>
      </c>
    </row>
    <row r="7678" spans="1:54" s="8" customFormat="1" ht="13.95" customHeight="1" x14ac:dyDescent="0.25">
      <c r="A7678" s="229" t="s">
        <v>18411</v>
      </c>
      <c r="B7678" s="96" t="s">
        <v>18307</v>
      </c>
      <c r="C7678" s="93" t="s">
        <v>18412</v>
      </c>
      <c r="D7678" s="93" t="s">
        <v>24266</v>
      </c>
      <c r="E7678" s="111">
        <v>1998</v>
      </c>
      <c r="F7678" s="111">
        <v>877</v>
      </c>
      <c r="G7678" s="93" t="s">
        <v>1</v>
      </c>
      <c r="H7678" s="111">
        <v>0</v>
      </c>
      <c r="I7678" s="111">
        <v>0</v>
      </c>
      <c r="J7678" s="111">
        <v>1</v>
      </c>
      <c r="K7678" s="111">
        <v>0</v>
      </c>
      <c r="L7678" s="111">
        <v>1</v>
      </c>
      <c r="M7678" s="111">
        <v>1</v>
      </c>
      <c r="N7678" s="111">
        <v>0</v>
      </c>
      <c r="O7678" s="111">
        <v>0</v>
      </c>
      <c r="P7678" s="111">
        <v>1</v>
      </c>
      <c r="Q7678" s="111">
        <v>0</v>
      </c>
      <c r="R7678" s="111">
        <v>0</v>
      </c>
      <c r="S7678" s="111">
        <v>0</v>
      </c>
      <c r="T7678" s="111">
        <v>0</v>
      </c>
      <c r="U7678" s="111">
        <v>0</v>
      </c>
      <c r="V7678" s="111">
        <v>0</v>
      </c>
      <c r="W7678" s="111">
        <v>0</v>
      </c>
      <c r="X7678" s="111">
        <v>0</v>
      </c>
      <c r="Y7678" s="111">
        <v>0</v>
      </c>
      <c r="Z7678" s="111">
        <v>0</v>
      </c>
      <c r="AA7678" s="111">
        <v>0</v>
      </c>
      <c r="AB7678" s="111">
        <v>0</v>
      </c>
      <c r="AC7678" s="111">
        <v>0</v>
      </c>
      <c r="AD7678" s="111">
        <v>0</v>
      </c>
      <c r="AE7678" s="111">
        <v>0</v>
      </c>
      <c r="AF7678" s="111">
        <v>0</v>
      </c>
      <c r="AG7678" s="111">
        <v>0</v>
      </c>
      <c r="AH7678" s="111">
        <v>0</v>
      </c>
      <c r="AI7678" s="111">
        <v>0</v>
      </c>
      <c r="AJ7678" s="111">
        <v>0</v>
      </c>
      <c r="AK7678" s="111">
        <v>0</v>
      </c>
      <c r="AL7678" s="111">
        <v>0</v>
      </c>
      <c r="AM7678" s="111">
        <v>0</v>
      </c>
      <c r="AN7678" s="111">
        <v>0</v>
      </c>
      <c r="AO7678" s="111">
        <v>0</v>
      </c>
      <c r="AP7678" s="111">
        <v>0</v>
      </c>
      <c r="AQ7678" s="111">
        <v>0</v>
      </c>
      <c r="AR7678" s="111">
        <v>0</v>
      </c>
      <c r="AS7678" s="111">
        <v>0</v>
      </c>
      <c r="AT7678" s="111">
        <v>1</v>
      </c>
      <c r="AU7678" s="111">
        <v>0</v>
      </c>
      <c r="AV7678" s="111">
        <v>0</v>
      </c>
      <c r="AW7678" s="111">
        <v>0</v>
      </c>
      <c r="AX7678" s="112"/>
      <c r="AY7678" s="112"/>
      <c r="AZ7678" s="112"/>
      <c r="BA7678" s="112"/>
      <c r="BB7678" s="221">
        <v>45884</v>
      </c>
    </row>
    <row r="7679" spans="1:54" s="8" customFormat="1" ht="13.95" customHeight="1" x14ac:dyDescent="0.25">
      <c r="A7679" s="229" t="s">
        <v>18413</v>
      </c>
      <c r="B7679" s="96" t="s">
        <v>18307</v>
      </c>
      <c r="C7679" s="93" t="s">
        <v>18414</v>
      </c>
      <c r="D7679" s="93" t="s">
        <v>24267</v>
      </c>
      <c r="E7679" s="111">
        <v>1980</v>
      </c>
      <c r="F7679" s="111">
        <v>906</v>
      </c>
      <c r="G7679" s="93" t="s">
        <v>1</v>
      </c>
      <c r="H7679" s="111">
        <v>0</v>
      </c>
      <c r="I7679" s="111">
        <v>0</v>
      </c>
      <c r="J7679" s="111">
        <v>1</v>
      </c>
      <c r="K7679" s="111">
        <v>1</v>
      </c>
      <c r="L7679" s="111">
        <v>1</v>
      </c>
      <c r="M7679" s="111">
        <v>0</v>
      </c>
      <c r="N7679" s="111">
        <v>0</v>
      </c>
      <c r="O7679" s="111">
        <v>1</v>
      </c>
      <c r="P7679" s="111">
        <v>1</v>
      </c>
      <c r="Q7679" s="111">
        <v>1</v>
      </c>
      <c r="R7679" s="111">
        <v>0</v>
      </c>
      <c r="S7679" s="111">
        <v>0</v>
      </c>
      <c r="T7679" s="111">
        <v>0</v>
      </c>
      <c r="U7679" s="111">
        <v>0</v>
      </c>
      <c r="V7679" s="111">
        <v>0</v>
      </c>
      <c r="W7679" s="111">
        <v>0</v>
      </c>
      <c r="X7679" s="111">
        <v>0</v>
      </c>
      <c r="Y7679" s="111">
        <v>0</v>
      </c>
      <c r="Z7679" s="111">
        <v>0</v>
      </c>
      <c r="AA7679" s="111">
        <v>0</v>
      </c>
      <c r="AB7679" s="111">
        <v>0</v>
      </c>
      <c r="AC7679" s="111">
        <v>0</v>
      </c>
      <c r="AD7679" s="111">
        <v>0</v>
      </c>
      <c r="AE7679" s="111">
        <v>0</v>
      </c>
      <c r="AF7679" s="111">
        <v>0</v>
      </c>
      <c r="AG7679" s="111">
        <v>0</v>
      </c>
      <c r="AH7679" s="111">
        <v>0</v>
      </c>
      <c r="AI7679" s="111">
        <v>0</v>
      </c>
      <c r="AJ7679" s="111">
        <v>0</v>
      </c>
      <c r="AK7679" s="111">
        <v>0</v>
      </c>
      <c r="AL7679" s="111">
        <v>0</v>
      </c>
      <c r="AM7679" s="111">
        <v>0</v>
      </c>
      <c r="AN7679" s="111">
        <v>0</v>
      </c>
      <c r="AO7679" s="111">
        <v>0</v>
      </c>
      <c r="AP7679" s="111">
        <v>0</v>
      </c>
      <c r="AQ7679" s="111">
        <v>0</v>
      </c>
      <c r="AR7679" s="111">
        <v>0</v>
      </c>
      <c r="AS7679" s="111">
        <v>0</v>
      </c>
      <c r="AT7679" s="111">
        <v>1</v>
      </c>
      <c r="AU7679" s="111">
        <v>0</v>
      </c>
      <c r="AV7679" s="111">
        <v>0</v>
      </c>
      <c r="AW7679" s="111">
        <v>0</v>
      </c>
      <c r="AX7679" s="112"/>
      <c r="AY7679" s="112"/>
      <c r="AZ7679" s="112"/>
      <c r="BA7679" s="112"/>
      <c r="BB7679" s="221">
        <v>45884</v>
      </c>
    </row>
    <row r="7680" spans="1:54" s="8" customFormat="1" ht="13.95" customHeight="1" x14ac:dyDescent="0.25">
      <c r="A7680" s="229" t="s">
        <v>18415</v>
      </c>
      <c r="B7680" s="96" t="s">
        <v>18307</v>
      </c>
      <c r="C7680" s="93" t="s">
        <v>18416</v>
      </c>
      <c r="D7680" s="93" t="s">
        <v>24268</v>
      </c>
      <c r="E7680" s="111">
        <v>1982</v>
      </c>
      <c r="F7680" s="111">
        <v>915</v>
      </c>
      <c r="G7680" s="93" t="s">
        <v>1</v>
      </c>
      <c r="H7680" s="111">
        <v>1</v>
      </c>
      <c r="I7680" s="111">
        <v>0</v>
      </c>
      <c r="J7680" s="111">
        <v>1</v>
      </c>
      <c r="K7680" s="111">
        <v>1</v>
      </c>
      <c r="L7680" s="111">
        <v>1</v>
      </c>
      <c r="M7680" s="111">
        <v>0</v>
      </c>
      <c r="N7680" s="111">
        <v>0</v>
      </c>
      <c r="O7680" s="111">
        <v>1</v>
      </c>
      <c r="P7680" s="111">
        <v>1</v>
      </c>
      <c r="Q7680" s="111">
        <v>1</v>
      </c>
      <c r="R7680" s="111">
        <v>0</v>
      </c>
      <c r="S7680" s="111">
        <v>0</v>
      </c>
      <c r="T7680" s="111">
        <v>0</v>
      </c>
      <c r="U7680" s="111">
        <v>0</v>
      </c>
      <c r="V7680" s="111">
        <v>0</v>
      </c>
      <c r="W7680" s="111">
        <v>0</v>
      </c>
      <c r="X7680" s="111">
        <v>0</v>
      </c>
      <c r="Y7680" s="111">
        <v>0</v>
      </c>
      <c r="Z7680" s="111">
        <v>0</v>
      </c>
      <c r="AA7680" s="111">
        <v>0</v>
      </c>
      <c r="AB7680" s="111">
        <v>0</v>
      </c>
      <c r="AC7680" s="111">
        <v>0</v>
      </c>
      <c r="AD7680" s="111">
        <v>0</v>
      </c>
      <c r="AE7680" s="111">
        <v>0</v>
      </c>
      <c r="AF7680" s="111">
        <v>0</v>
      </c>
      <c r="AG7680" s="111">
        <v>0</v>
      </c>
      <c r="AH7680" s="111">
        <v>0</v>
      </c>
      <c r="AI7680" s="111">
        <v>0</v>
      </c>
      <c r="AJ7680" s="111">
        <v>0</v>
      </c>
      <c r="AK7680" s="111">
        <v>0</v>
      </c>
      <c r="AL7680" s="111">
        <v>0</v>
      </c>
      <c r="AM7680" s="111">
        <v>0</v>
      </c>
      <c r="AN7680" s="111">
        <v>0</v>
      </c>
      <c r="AO7680" s="111">
        <v>0</v>
      </c>
      <c r="AP7680" s="111">
        <v>0</v>
      </c>
      <c r="AQ7680" s="111">
        <v>0</v>
      </c>
      <c r="AR7680" s="111">
        <v>0</v>
      </c>
      <c r="AS7680" s="111">
        <v>0</v>
      </c>
      <c r="AT7680" s="111">
        <v>1</v>
      </c>
      <c r="AU7680" s="111">
        <v>0</v>
      </c>
      <c r="AV7680" s="111">
        <v>0</v>
      </c>
      <c r="AW7680" s="111">
        <v>0</v>
      </c>
      <c r="AX7680" s="112"/>
      <c r="AY7680" s="112"/>
      <c r="AZ7680" s="112"/>
      <c r="BA7680" s="112" t="s">
        <v>8819</v>
      </c>
      <c r="BB7680" s="221">
        <v>45884</v>
      </c>
    </row>
    <row r="7681" spans="1:54" s="8" customFormat="1" ht="13.95" customHeight="1" x14ac:dyDescent="0.25">
      <c r="A7681" s="229" t="s">
        <v>18417</v>
      </c>
      <c r="B7681" s="96" t="s">
        <v>18307</v>
      </c>
      <c r="C7681" s="93" t="s">
        <v>18418</v>
      </c>
      <c r="D7681" s="93" t="s">
        <v>24269</v>
      </c>
      <c r="E7681" s="111">
        <v>1989</v>
      </c>
      <c r="F7681" s="111">
        <v>978</v>
      </c>
      <c r="G7681" s="93" t="s">
        <v>1</v>
      </c>
      <c r="H7681" s="111">
        <v>0</v>
      </c>
      <c r="I7681" s="111">
        <v>0</v>
      </c>
      <c r="J7681" s="111">
        <v>1</v>
      </c>
      <c r="K7681" s="111">
        <v>0</v>
      </c>
      <c r="L7681" s="111">
        <v>0</v>
      </c>
      <c r="M7681" s="111">
        <v>0</v>
      </c>
      <c r="N7681" s="111">
        <v>0</v>
      </c>
      <c r="O7681" s="111">
        <v>0</v>
      </c>
      <c r="P7681" s="111">
        <v>0</v>
      </c>
      <c r="Q7681" s="111">
        <v>0</v>
      </c>
      <c r="R7681" s="111">
        <v>0</v>
      </c>
      <c r="S7681" s="111">
        <v>0</v>
      </c>
      <c r="T7681" s="111">
        <v>0</v>
      </c>
      <c r="U7681" s="111">
        <v>0</v>
      </c>
      <c r="V7681" s="111">
        <v>0</v>
      </c>
      <c r="W7681" s="111">
        <v>0</v>
      </c>
      <c r="X7681" s="111">
        <v>0</v>
      </c>
      <c r="Y7681" s="111">
        <v>0</v>
      </c>
      <c r="Z7681" s="111">
        <v>0</v>
      </c>
      <c r="AA7681" s="111">
        <v>0</v>
      </c>
      <c r="AB7681" s="111">
        <v>0</v>
      </c>
      <c r="AC7681" s="111">
        <v>0</v>
      </c>
      <c r="AD7681" s="111">
        <v>0</v>
      </c>
      <c r="AE7681" s="111">
        <v>0</v>
      </c>
      <c r="AF7681" s="111">
        <v>0</v>
      </c>
      <c r="AG7681" s="111">
        <v>0</v>
      </c>
      <c r="AH7681" s="111">
        <v>0</v>
      </c>
      <c r="AI7681" s="111">
        <v>0</v>
      </c>
      <c r="AJ7681" s="111">
        <v>0</v>
      </c>
      <c r="AK7681" s="111">
        <v>0</v>
      </c>
      <c r="AL7681" s="111">
        <v>0</v>
      </c>
      <c r="AM7681" s="111">
        <v>0</v>
      </c>
      <c r="AN7681" s="111">
        <v>0</v>
      </c>
      <c r="AO7681" s="111">
        <v>0</v>
      </c>
      <c r="AP7681" s="111">
        <v>0</v>
      </c>
      <c r="AQ7681" s="111">
        <v>0</v>
      </c>
      <c r="AR7681" s="111">
        <v>0</v>
      </c>
      <c r="AS7681" s="111">
        <v>0</v>
      </c>
      <c r="AT7681" s="111">
        <v>1</v>
      </c>
      <c r="AU7681" s="111">
        <v>0</v>
      </c>
      <c r="AV7681" s="111">
        <v>0</v>
      </c>
      <c r="AW7681" s="111">
        <v>0</v>
      </c>
      <c r="AX7681" s="112"/>
      <c r="AY7681" s="112"/>
      <c r="AZ7681" s="112"/>
      <c r="BA7681" s="112"/>
      <c r="BB7681" s="221">
        <v>45884</v>
      </c>
    </row>
    <row r="7682" spans="1:54" s="8" customFormat="1" ht="13.95" customHeight="1" x14ac:dyDescent="0.25">
      <c r="A7682" s="229" t="s">
        <v>18419</v>
      </c>
      <c r="B7682" s="96" t="s">
        <v>18307</v>
      </c>
      <c r="C7682" s="93" t="s">
        <v>20566</v>
      </c>
      <c r="D7682" s="93" t="s">
        <v>24270</v>
      </c>
      <c r="E7682" s="111">
        <v>1988</v>
      </c>
      <c r="F7682" s="111">
        <v>997</v>
      </c>
      <c r="G7682" s="93" t="s">
        <v>1</v>
      </c>
      <c r="H7682" s="111">
        <v>0</v>
      </c>
      <c r="I7682" s="111">
        <v>0</v>
      </c>
      <c r="J7682" s="111">
        <v>0</v>
      </c>
      <c r="K7682" s="111">
        <v>0</v>
      </c>
      <c r="L7682" s="111">
        <v>1</v>
      </c>
      <c r="M7682" s="111">
        <v>0</v>
      </c>
      <c r="N7682" s="111">
        <v>0</v>
      </c>
      <c r="O7682" s="111">
        <v>1</v>
      </c>
      <c r="P7682" s="111">
        <v>1</v>
      </c>
      <c r="Q7682" s="111">
        <v>0</v>
      </c>
      <c r="R7682" s="111">
        <v>0</v>
      </c>
      <c r="S7682" s="111">
        <v>0</v>
      </c>
      <c r="T7682" s="111">
        <v>0</v>
      </c>
      <c r="U7682" s="111">
        <v>0</v>
      </c>
      <c r="V7682" s="111">
        <v>0</v>
      </c>
      <c r="W7682" s="111">
        <v>0</v>
      </c>
      <c r="X7682" s="111">
        <v>0</v>
      </c>
      <c r="Y7682" s="111">
        <v>0</v>
      </c>
      <c r="Z7682" s="111">
        <v>0</v>
      </c>
      <c r="AA7682" s="111">
        <v>0</v>
      </c>
      <c r="AB7682" s="111">
        <v>0</v>
      </c>
      <c r="AC7682" s="111">
        <v>0</v>
      </c>
      <c r="AD7682" s="111">
        <v>0</v>
      </c>
      <c r="AE7682" s="111">
        <v>0</v>
      </c>
      <c r="AF7682" s="111">
        <v>0</v>
      </c>
      <c r="AG7682" s="111">
        <v>0</v>
      </c>
      <c r="AH7682" s="111">
        <v>0</v>
      </c>
      <c r="AI7682" s="111">
        <v>0</v>
      </c>
      <c r="AJ7682" s="111">
        <v>0</v>
      </c>
      <c r="AK7682" s="111">
        <v>0</v>
      </c>
      <c r="AL7682" s="111">
        <v>0</v>
      </c>
      <c r="AM7682" s="111">
        <v>0</v>
      </c>
      <c r="AN7682" s="111">
        <v>0</v>
      </c>
      <c r="AO7682" s="111">
        <v>0</v>
      </c>
      <c r="AP7682" s="111">
        <v>0</v>
      </c>
      <c r="AQ7682" s="111">
        <v>0</v>
      </c>
      <c r="AR7682" s="111">
        <v>0</v>
      </c>
      <c r="AS7682" s="111">
        <v>0</v>
      </c>
      <c r="AT7682" s="111">
        <v>1</v>
      </c>
      <c r="AU7682" s="111">
        <v>0</v>
      </c>
      <c r="AV7682" s="111">
        <v>0</v>
      </c>
      <c r="AW7682" s="111">
        <v>0</v>
      </c>
      <c r="AX7682" s="112"/>
      <c r="AY7682" s="112"/>
      <c r="AZ7682" s="112"/>
      <c r="BA7682" s="112"/>
      <c r="BB7682" s="221">
        <v>45884</v>
      </c>
    </row>
    <row r="7683" spans="1:54" s="8" customFormat="1" ht="13.95" customHeight="1" x14ac:dyDescent="0.25">
      <c r="A7683" s="229" t="s">
        <v>18420</v>
      </c>
      <c r="B7683" s="96" t="s">
        <v>18307</v>
      </c>
      <c r="C7683" s="93" t="s">
        <v>18421</v>
      </c>
      <c r="D7683" s="93" t="s">
        <v>24271</v>
      </c>
      <c r="E7683" s="111">
        <v>1988</v>
      </c>
      <c r="F7683" s="111">
        <v>998</v>
      </c>
      <c r="G7683" s="93" t="s">
        <v>1</v>
      </c>
      <c r="H7683" s="111">
        <v>1</v>
      </c>
      <c r="I7683" s="111">
        <v>0</v>
      </c>
      <c r="J7683" s="111">
        <v>1</v>
      </c>
      <c r="K7683" s="111">
        <v>0</v>
      </c>
      <c r="L7683" s="111">
        <v>1</v>
      </c>
      <c r="M7683" s="111">
        <v>0</v>
      </c>
      <c r="N7683" s="111">
        <v>0</v>
      </c>
      <c r="O7683" s="111">
        <v>1</v>
      </c>
      <c r="P7683" s="111">
        <v>1</v>
      </c>
      <c r="Q7683" s="111">
        <v>0</v>
      </c>
      <c r="R7683" s="111">
        <v>0</v>
      </c>
      <c r="S7683" s="111">
        <v>0</v>
      </c>
      <c r="T7683" s="111">
        <v>0</v>
      </c>
      <c r="U7683" s="111">
        <v>0</v>
      </c>
      <c r="V7683" s="111">
        <v>0</v>
      </c>
      <c r="W7683" s="111">
        <v>0</v>
      </c>
      <c r="X7683" s="111">
        <v>0</v>
      </c>
      <c r="Y7683" s="111">
        <v>0</v>
      </c>
      <c r="Z7683" s="111">
        <v>0</v>
      </c>
      <c r="AA7683" s="111">
        <v>0</v>
      </c>
      <c r="AB7683" s="111">
        <v>0</v>
      </c>
      <c r="AC7683" s="111">
        <v>0</v>
      </c>
      <c r="AD7683" s="111">
        <v>0</v>
      </c>
      <c r="AE7683" s="111">
        <v>0</v>
      </c>
      <c r="AF7683" s="111">
        <v>0</v>
      </c>
      <c r="AG7683" s="111">
        <v>0</v>
      </c>
      <c r="AH7683" s="111">
        <v>0</v>
      </c>
      <c r="AI7683" s="111">
        <v>0</v>
      </c>
      <c r="AJ7683" s="111">
        <v>0</v>
      </c>
      <c r="AK7683" s="111">
        <v>0</v>
      </c>
      <c r="AL7683" s="111">
        <v>0</v>
      </c>
      <c r="AM7683" s="111">
        <v>0</v>
      </c>
      <c r="AN7683" s="111">
        <v>0</v>
      </c>
      <c r="AO7683" s="111">
        <v>0</v>
      </c>
      <c r="AP7683" s="111">
        <v>0</v>
      </c>
      <c r="AQ7683" s="111">
        <v>0</v>
      </c>
      <c r="AR7683" s="111">
        <v>0</v>
      </c>
      <c r="AS7683" s="111">
        <v>0</v>
      </c>
      <c r="AT7683" s="111">
        <v>1</v>
      </c>
      <c r="AU7683" s="111">
        <v>0</v>
      </c>
      <c r="AV7683" s="111">
        <v>0</v>
      </c>
      <c r="AW7683" s="111">
        <v>0</v>
      </c>
      <c r="AX7683" s="112"/>
      <c r="AY7683" s="112"/>
      <c r="AZ7683" s="112"/>
      <c r="BA7683" s="112"/>
      <c r="BB7683" s="221">
        <v>45884</v>
      </c>
    </row>
    <row r="7684" spans="1:54" s="8" customFormat="1" ht="13.95" customHeight="1" x14ac:dyDescent="0.25">
      <c r="A7684" s="229" t="s">
        <v>18422</v>
      </c>
      <c r="B7684" s="96" t="s">
        <v>18307</v>
      </c>
      <c r="C7684" s="93" t="s">
        <v>18423</v>
      </c>
      <c r="D7684" s="93" t="s">
        <v>24272</v>
      </c>
      <c r="E7684" s="111">
        <v>1980</v>
      </c>
      <c r="F7684" s="111">
        <v>1003</v>
      </c>
      <c r="G7684" s="93" t="s">
        <v>1</v>
      </c>
      <c r="H7684" s="111">
        <v>1</v>
      </c>
      <c r="I7684" s="111">
        <v>0</v>
      </c>
      <c r="J7684" s="111">
        <v>1</v>
      </c>
      <c r="K7684" s="111">
        <v>1</v>
      </c>
      <c r="L7684" s="111">
        <v>1</v>
      </c>
      <c r="M7684" s="111">
        <v>1</v>
      </c>
      <c r="N7684" s="111">
        <v>0</v>
      </c>
      <c r="O7684" s="111">
        <v>1</v>
      </c>
      <c r="P7684" s="111">
        <v>1</v>
      </c>
      <c r="Q7684" s="111">
        <v>0</v>
      </c>
      <c r="R7684" s="111">
        <v>0</v>
      </c>
      <c r="S7684" s="111">
        <v>0</v>
      </c>
      <c r="T7684" s="111">
        <v>0</v>
      </c>
      <c r="U7684" s="111">
        <v>0</v>
      </c>
      <c r="V7684" s="111">
        <v>0</v>
      </c>
      <c r="W7684" s="111">
        <v>0</v>
      </c>
      <c r="X7684" s="111">
        <v>0</v>
      </c>
      <c r="Y7684" s="111">
        <v>0</v>
      </c>
      <c r="Z7684" s="111">
        <v>0</v>
      </c>
      <c r="AA7684" s="111">
        <v>0</v>
      </c>
      <c r="AB7684" s="111">
        <v>0</v>
      </c>
      <c r="AC7684" s="111">
        <v>0</v>
      </c>
      <c r="AD7684" s="111">
        <v>0</v>
      </c>
      <c r="AE7684" s="111">
        <v>0</v>
      </c>
      <c r="AF7684" s="111">
        <v>0</v>
      </c>
      <c r="AG7684" s="111">
        <v>0</v>
      </c>
      <c r="AH7684" s="111">
        <v>0</v>
      </c>
      <c r="AI7684" s="111">
        <v>0</v>
      </c>
      <c r="AJ7684" s="111">
        <v>0</v>
      </c>
      <c r="AK7684" s="111">
        <v>0</v>
      </c>
      <c r="AL7684" s="111">
        <v>0</v>
      </c>
      <c r="AM7684" s="111">
        <v>0</v>
      </c>
      <c r="AN7684" s="111">
        <v>0</v>
      </c>
      <c r="AO7684" s="111">
        <v>0</v>
      </c>
      <c r="AP7684" s="111">
        <v>0</v>
      </c>
      <c r="AQ7684" s="111">
        <v>0</v>
      </c>
      <c r="AR7684" s="111">
        <v>0</v>
      </c>
      <c r="AS7684" s="111">
        <v>0</v>
      </c>
      <c r="AT7684" s="111">
        <v>1</v>
      </c>
      <c r="AU7684" s="111">
        <v>0</v>
      </c>
      <c r="AV7684" s="111">
        <v>0</v>
      </c>
      <c r="AW7684" s="111">
        <v>0</v>
      </c>
      <c r="AX7684" s="112"/>
      <c r="AY7684" s="112"/>
      <c r="AZ7684" s="112"/>
      <c r="BA7684" s="112"/>
      <c r="BB7684" s="221">
        <v>45884</v>
      </c>
    </row>
    <row r="7685" spans="1:54" s="8" customFormat="1" ht="13.95" customHeight="1" x14ac:dyDescent="0.25">
      <c r="A7685" s="229" t="s">
        <v>18424</v>
      </c>
      <c r="B7685" s="96" t="s">
        <v>18307</v>
      </c>
      <c r="C7685" s="93" t="s">
        <v>18425</v>
      </c>
      <c r="D7685" s="93" t="s">
        <v>24273</v>
      </c>
      <c r="E7685" s="111">
        <v>1999</v>
      </c>
      <c r="F7685" s="111">
        <v>1008</v>
      </c>
      <c r="G7685" s="93" t="s">
        <v>1</v>
      </c>
      <c r="H7685" s="111">
        <v>1</v>
      </c>
      <c r="I7685" s="111">
        <v>0</v>
      </c>
      <c r="J7685" s="111">
        <v>1</v>
      </c>
      <c r="K7685" s="111">
        <v>0</v>
      </c>
      <c r="L7685" s="111">
        <v>0</v>
      </c>
      <c r="M7685" s="111">
        <v>0</v>
      </c>
      <c r="N7685" s="111">
        <v>0</v>
      </c>
      <c r="O7685" s="111">
        <v>0</v>
      </c>
      <c r="P7685" s="111">
        <v>1</v>
      </c>
      <c r="Q7685" s="111">
        <v>0</v>
      </c>
      <c r="R7685" s="111">
        <v>0</v>
      </c>
      <c r="S7685" s="111">
        <v>0</v>
      </c>
      <c r="T7685" s="111">
        <v>0</v>
      </c>
      <c r="U7685" s="111">
        <v>0</v>
      </c>
      <c r="V7685" s="111">
        <v>0</v>
      </c>
      <c r="W7685" s="111">
        <v>0</v>
      </c>
      <c r="X7685" s="111">
        <v>0</v>
      </c>
      <c r="Y7685" s="111">
        <v>0</v>
      </c>
      <c r="Z7685" s="111">
        <v>0</v>
      </c>
      <c r="AA7685" s="111">
        <v>0</v>
      </c>
      <c r="AB7685" s="111">
        <v>0</v>
      </c>
      <c r="AC7685" s="111">
        <v>0</v>
      </c>
      <c r="AD7685" s="111">
        <v>0</v>
      </c>
      <c r="AE7685" s="111">
        <v>0</v>
      </c>
      <c r="AF7685" s="111">
        <v>0</v>
      </c>
      <c r="AG7685" s="111">
        <v>0</v>
      </c>
      <c r="AH7685" s="111">
        <v>0</v>
      </c>
      <c r="AI7685" s="111">
        <v>0</v>
      </c>
      <c r="AJ7685" s="111">
        <v>0</v>
      </c>
      <c r="AK7685" s="111">
        <v>0</v>
      </c>
      <c r="AL7685" s="111">
        <v>0</v>
      </c>
      <c r="AM7685" s="111">
        <v>0</v>
      </c>
      <c r="AN7685" s="111">
        <v>0</v>
      </c>
      <c r="AO7685" s="111">
        <v>0</v>
      </c>
      <c r="AP7685" s="111">
        <v>0</v>
      </c>
      <c r="AQ7685" s="111">
        <v>0</v>
      </c>
      <c r="AR7685" s="111">
        <v>0</v>
      </c>
      <c r="AS7685" s="111">
        <v>0</v>
      </c>
      <c r="AT7685" s="111">
        <v>1</v>
      </c>
      <c r="AU7685" s="111">
        <v>0</v>
      </c>
      <c r="AV7685" s="111">
        <v>0</v>
      </c>
      <c r="AW7685" s="111">
        <v>0</v>
      </c>
      <c r="AX7685" s="112"/>
      <c r="AY7685" s="112"/>
      <c r="AZ7685" s="112"/>
      <c r="BA7685" s="112"/>
      <c r="BB7685" s="221">
        <v>45884</v>
      </c>
    </row>
    <row r="7686" spans="1:54" s="8" customFormat="1" ht="13.95" customHeight="1" x14ac:dyDescent="0.25">
      <c r="A7686" s="229" t="s">
        <v>18426</v>
      </c>
      <c r="B7686" s="96" t="s">
        <v>18307</v>
      </c>
      <c r="C7686" s="93" t="s">
        <v>18427</v>
      </c>
      <c r="D7686" s="93" t="s">
        <v>24274</v>
      </c>
      <c r="E7686" s="111">
        <v>1980</v>
      </c>
      <c r="F7686" s="111">
        <v>1039</v>
      </c>
      <c r="G7686" s="93" t="s">
        <v>1</v>
      </c>
      <c r="H7686" s="111">
        <v>0</v>
      </c>
      <c r="I7686" s="111">
        <v>0</v>
      </c>
      <c r="J7686" s="111">
        <v>1</v>
      </c>
      <c r="K7686" s="111">
        <v>0</v>
      </c>
      <c r="L7686" s="252">
        <v>0</v>
      </c>
      <c r="M7686" s="111">
        <v>0</v>
      </c>
      <c r="N7686" s="252">
        <v>1</v>
      </c>
      <c r="O7686" s="111">
        <v>0</v>
      </c>
      <c r="P7686" s="252">
        <v>0</v>
      </c>
      <c r="Q7686" s="111">
        <v>0</v>
      </c>
      <c r="R7686" s="111">
        <v>0</v>
      </c>
      <c r="S7686" s="111">
        <v>0</v>
      </c>
      <c r="T7686" s="111">
        <v>0</v>
      </c>
      <c r="U7686" s="111">
        <v>0</v>
      </c>
      <c r="V7686" s="111">
        <v>0</v>
      </c>
      <c r="W7686" s="111">
        <v>0</v>
      </c>
      <c r="X7686" s="111">
        <v>0</v>
      </c>
      <c r="Y7686" s="111">
        <v>0</v>
      </c>
      <c r="Z7686" s="111">
        <v>0</v>
      </c>
      <c r="AA7686" s="111">
        <v>0</v>
      </c>
      <c r="AB7686" s="111">
        <v>0</v>
      </c>
      <c r="AC7686" s="111">
        <v>0</v>
      </c>
      <c r="AD7686" s="111">
        <v>0</v>
      </c>
      <c r="AE7686" s="111">
        <v>0</v>
      </c>
      <c r="AF7686" s="111">
        <v>0</v>
      </c>
      <c r="AG7686" s="111">
        <v>0</v>
      </c>
      <c r="AH7686" s="111">
        <v>0</v>
      </c>
      <c r="AI7686" s="111">
        <v>0</v>
      </c>
      <c r="AJ7686" s="111">
        <v>0</v>
      </c>
      <c r="AK7686" s="111">
        <v>0</v>
      </c>
      <c r="AL7686" s="111">
        <v>0</v>
      </c>
      <c r="AM7686" s="111">
        <v>0</v>
      </c>
      <c r="AN7686" s="111">
        <v>0</v>
      </c>
      <c r="AO7686" s="111">
        <v>0</v>
      </c>
      <c r="AP7686" s="111">
        <v>0</v>
      </c>
      <c r="AQ7686" s="111">
        <v>0</v>
      </c>
      <c r="AR7686" s="111">
        <v>0</v>
      </c>
      <c r="AS7686" s="111">
        <v>0</v>
      </c>
      <c r="AT7686" s="111">
        <v>1</v>
      </c>
      <c r="AU7686" s="111">
        <v>0</v>
      </c>
      <c r="AV7686" s="111">
        <v>0</v>
      </c>
      <c r="AW7686" s="111">
        <v>0</v>
      </c>
      <c r="AX7686" s="112"/>
      <c r="AY7686" s="112"/>
      <c r="AZ7686" s="112"/>
      <c r="BA7686" s="112" t="s">
        <v>21566</v>
      </c>
      <c r="BB7686" s="221">
        <v>45884</v>
      </c>
    </row>
    <row r="7687" spans="1:54" s="8" customFormat="1" ht="13.95" customHeight="1" x14ac:dyDescent="0.25">
      <c r="A7687" s="229" t="s">
        <v>18428</v>
      </c>
      <c r="B7687" s="96" t="s">
        <v>18307</v>
      </c>
      <c r="C7687" s="93" t="s">
        <v>18429</v>
      </c>
      <c r="D7687" s="93" t="s">
        <v>24275</v>
      </c>
      <c r="E7687" s="111">
        <v>1980</v>
      </c>
      <c r="F7687" s="111">
        <v>1040</v>
      </c>
      <c r="G7687" s="93" t="s">
        <v>1</v>
      </c>
      <c r="H7687" s="111">
        <v>0</v>
      </c>
      <c r="I7687" s="111">
        <v>0</v>
      </c>
      <c r="J7687" s="111">
        <v>1</v>
      </c>
      <c r="K7687" s="111">
        <v>1</v>
      </c>
      <c r="L7687" s="111">
        <v>1</v>
      </c>
      <c r="M7687" s="111">
        <v>0</v>
      </c>
      <c r="N7687" s="111">
        <v>0</v>
      </c>
      <c r="O7687" s="111">
        <v>1</v>
      </c>
      <c r="P7687" s="111">
        <v>1</v>
      </c>
      <c r="Q7687" s="111">
        <v>0</v>
      </c>
      <c r="R7687" s="111">
        <v>0</v>
      </c>
      <c r="S7687" s="111">
        <v>0</v>
      </c>
      <c r="T7687" s="111">
        <v>0</v>
      </c>
      <c r="U7687" s="111">
        <v>0</v>
      </c>
      <c r="V7687" s="111">
        <v>0</v>
      </c>
      <c r="W7687" s="111">
        <v>0</v>
      </c>
      <c r="X7687" s="111">
        <v>0</v>
      </c>
      <c r="Y7687" s="111">
        <v>0</v>
      </c>
      <c r="Z7687" s="111">
        <v>0</v>
      </c>
      <c r="AA7687" s="111">
        <v>0</v>
      </c>
      <c r="AB7687" s="111">
        <v>0</v>
      </c>
      <c r="AC7687" s="111">
        <v>0</v>
      </c>
      <c r="AD7687" s="111">
        <v>0</v>
      </c>
      <c r="AE7687" s="111">
        <v>0</v>
      </c>
      <c r="AF7687" s="111">
        <v>0</v>
      </c>
      <c r="AG7687" s="111">
        <v>0</v>
      </c>
      <c r="AH7687" s="111">
        <v>0</v>
      </c>
      <c r="AI7687" s="111">
        <v>0</v>
      </c>
      <c r="AJ7687" s="111">
        <v>0</v>
      </c>
      <c r="AK7687" s="111">
        <v>0</v>
      </c>
      <c r="AL7687" s="111">
        <v>0</v>
      </c>
      <c r="AM7687" s="111">
        <v>0</v>
      </c>
      <c r="AN7687" s="111">
        <v>0</v>
      </c>
      <c r="AO7687" s="111">
        <v>0</v>
      </c>
      <c r="AP7687" s="111">
        <v>0</v>
      </c>
      <c r="AQ7687" s="111">
        <v>0</v>
      </c>
      <c r="AR7687" s="111">
        <v>0</v>
      </c>
      <c r="AS7687" s="111">
        <v>0</v>
      </c>
      <c r="AT7687" s="111">
        <v>1</v>
      </c>
      <c r="AU7687" s="111">
        <v>0</v>
      </c>
      <c r="AV7687" s="111">
        <v>0</v>
      </c>
      <c r="AW7687" s="111">
        <v>0</v>
      </c>
      <c r="AX7687" s="112"/>
      <c r="AY7687" s="112"/>
      <c r="AZ7687" s="112"/>
      <c r="BA7687" s="112"/>
      <c r="BB7687" s="221">
        <v>45884</v>
      </c>
    </row>
    <row r="7688" spans="1:54" s="8" customFormat="1" ht="13.95" customHeight="1" x14ac:dyDescent="0.25">
      <c r="A7688" s="229" t="s">
        <v>18430</v>
      </c>
      <c r="B7688" s="96" t="s">
        <v>18307</v>
      </c>
      <c r="C7688" s="93" t="s">
        <v>18431</v>
      </c>
      <c r="D7688" s="93" t="s">
        <v>24276</v>
      </c>
      <c r="E7688" s="111">
        <v>1980</v>
      </c>
      <c r="F7688" s="111">
        <v>1050</v>
      </c>
      <c r="G7688" s="93" t="s">
        <v>1</v>
      </c>
      <c r="H7688" s="111">
        <v>0</v>
      </c>
      <c r="I7688" s="111">
        <v>0</v>
      </c>
      <c r="J7688" s="111">
        <v>1</v>
      </c>
      <c r="K7688" s="111">
        <v>0</v>
      </c>
      <c r="L7688" s="111">
        <v>0</v>
      </c>
      <c r="M7688" s="111">
        <v>0</v>
      </c>
      <c r="N7688" s="111">
        <v>0</v>
      </c>
      <c r="O7688" s="111">
        <v>0</v>
      </c>
      <c r="P7688" s="111">
        <v>0</v>
      </c>
      <c r="Q7688" s="111">
        <v>0</v>
      </c>
      <c r="R7688" s="111">
        <v>0</v>
      </c>
      <c r="S7688" s="111">
        <v>0</v>
      </c>
      <c r="T7688" s="111">
        <v>0</v>
      </c>
      <c r="U7688" s="111">
        <v>0</v>
      </c>
      <c r="V7688" s="111">
        <v>0</v>
      </c>
      <c r="W7688" s="111">
        <v>0</v>
      </c>
      <c r="X7688" s="111">
        <v>0</v>
      </c>
      <c r="Y7688" s="111">
        <v>0</v>
      </c>
      <c r="Z7688" s="111">
        <v>0</v>
      </c>
      <c r="AA7688" s="111">
        <v>0</v>
      </c>
      <c r="AB7688" s="111">
        <v>0</v>
      </c>
      <c r="AC7688" s="111">
        <v>0</v>
      </c>
      <c r="AD7688" s="111">
        <v>0</v>
      </c>
      <c r="AE7688" s="111">
        <v>0</v>
      </c>
      <c r="AF7688" s="111">
        <v>0</v>
      </c>
      <c r="AG7688" s="111">
        <v>0</v>
      </c>
      <c r="AH7688" s="111">
        <v>0</v>
      </c>
      <c r="AI7688" s="111">
        <v>0</v>
      </c>
      <c r="AJ7688" s="111">
        <v>0</v>
      </c>
      <c r="AK7688" s="111">
        <v>0</v>
      </c>
      <c r="AL7688" s="111">
        <v>0</v>
      </c>
      <c r="AM7688" s="111">
        <v>0</v>
      </c>
      <c r="AN7688" s="111">
        <v>0</v>
      </c>
      <c r="AO7688" s="111">
        <v>0</v>
      </c>
      <c r="AP7688" s="111">
        <v>0</v>
      </c>
      <c r="AQ7688" s="111">
        <v>0</v>
      </c>
      <c r="AR7688" s="111">
        <v>0</v>
      </c>
      <c r="AS7688" s="111">
        <v>0</v>
      </c>
      <c r="AT7688" s="111">
        <v>1</v>
      </c>
      <c r="AU7688" s="111">
        <v>0</v>
      </c>
      <c r="AV7688" s="111">
        <v>0</v>
      </c>
      <c r="AW7688" s="111">
        <v>0</v>
      </c>
      <c r="AX7688" s="112"/>
      <c r="AY7688" s="112"/>
      <c r="AZ7688" s="112"/>
      <c r="BA7688" s="112"/>
      <c r="BB7688" s="221">
        <v>45884</v>
      </c>
    </row>
    <row r="7689" spans="1:54" s="8" customFormat="1" ht="13.95" customHeight="1" x14ac:dyDescent="0.25">
      <c r="A7689" s="229" t="s">
        <v>18432</v>
      </c>
      <c r="B7689" s="96" t="s">
        <v>18307</v>
      </c>
      <c r="C7689" s="93" t="s">
        <v>18433</v>
      </c>
      <c r="D7689" s="93" t="s">
        <v>24277</v>
      </c>
      <c r="E7689" s="111">
        <v>1980</v>
      </c>
      <c r="F7689" s="111">
        <v>1078</v>
      </c>
      <c r="G7689" s="93" t="s">
        <v>1</v>
      </c>
      <c r="H7689" s="111">
        <v>0</v>
      </c>
      <c r="I7689" s="111">
        <v>0</v>
      </c>
      <c r="J7689" s="111">
        <v>1</v>
      </c>
      <c r="K7689" s="111">
        <v>1</v>
      </c>
      <c r="L7689" s="111">
        <v>1</v>
      </c>
      <c r="M7689" s="111">
        <v>0</v>
      </c>
      <c r="N7689" s="111">
        <v>0</v>
      </c>
      <c r="O7689" s="111">
        <v>1</v>
      </c>
      <c r="P7689" s="111">
        <v>1</v>
      </c>
      <c r="Q7689" s="111">
        <v>0</v>
      </c>
      <c r="R7689" s="111">
        <v>0</v>
      </c>
      <c r="S7689" s="111">
        <v>0</v>
      </c>
      <c r="T7689" s="111">
        <v>0</v>
      </c>
      <c r="U7689" s="111">
        <v>0</v>
      </c>
      <c r="V7689" s="111">
        <v>0</v>
      </c>
      <c r="W7689" s="111">
        <v>0</v>
      </c>
      <c r="X7689" s="111">
        <v>0</v>
      </c>
      <c r="Y7689" s="111">
        <v>0</v>
      </c>
      <c r="Z7689" s="111">
        <v>0</v>
      </c>
      <c r="AA7689" s="111">
        <v>0</v>
      </c>
      <c r="AB7689" s="111">
        <v>0</v>
      </c>
      <c r="AC7689" s="111">
        <v>0</v>
      </c>
      <c r="AD7689" s="111">
        <v>0</v>
      </c>
      <c r="AE7689" s="111">
        <v>0</v>
      </c>
      <c r="AF7689" s="111">
        <v>0</v>
      </c>
      <c r="AG7689" s="111">
        <v>0</v>
      </c>
      <c r="AH7689" s="111">
        <v>0</v>
      </c>
      <c r="AI7689" s="111">
        <v>0</v>
      </c>
      <c r="AJ7689" s="111">
        <v>0</v>
      </c>
      <c r="AK7689" s="111">
        <v>0</v>
      </c>
      <c r="AL7689" s="111">
        <v>0</v>
      </c>
      <c r="AM7689" s="111">
        <v>0</v>
      </c>
      <c r="AN7689" s="111">
        <v>0</v>
      </c>
      <c r="AO7689" s="111">
        <v>0</v>
      </c>
      <c r="AP7689" s="111">
        <v>0</v>
      </c>
      <c r="AQ7689" s="111">
        <v>0</v>
      </c>
      <c r="AR7689" s="111">
        <v>0</v>
      </c>
      <c r="AS7689" s="111">
        <v>0</v>
      </c>
      <c r="AT7689" s="111">
        <v>1</v>
      </c>
      <c r="AU7689" s="111">
        <v>0</v>
      </c>
      <c r="AV7689" s="111">
        <v>0</v>
      </c>
      <c r="AW7689" s="111">
        <v>0</v>
      </c>
      <c r="AX7689" s="112"/>
      <c r="AY7689" s="112"/>
      <c r="AZ7689" s="112"/>
      <c r="BA7689" s="112"/>
      <c r="BB7689" s="221">
        <v>45884</v>
      </c>
    </row>
    <row r="7690" spans="1:54" s="8" customFormat="1" ht="13.95" customHeight="1" x14ac:dyDescent="0.25">
      <c r="A7690" s="229" t="s">
        <v>18434</v>
      </c>
      <c r="B7690" s="96" t="s">
        <v>18307</v>
      </c>
      <c r="C7690" s="93" t="s">
        <v>18435</v>
      </c>
      <c r="D7690" s="93" t="s">
        <v>24278</v>
      </c>
      <c r="E7690" s="111">
        <v>2016</v>
      </c>
      <c r="F7690" s="111">
        <v>10317</v>
      </c>
      <c r="G7690" s="93" t="s">
        <v>10</v>
      </c>
      <c r="H7690" s="111">
        <v>1</v>
      </c>
      <c r="I7690" s="111">
        <v>1</v>
      </c>
      <c r="J7690" s="111">
        <v>1</v>
      </c>
      <c r="K7690" s="111">
        <v>0</v>
      </c>
      <c r="L7690" s="111">
        <v>0</v>
      </c>
      <c r="M7690" s="111">
        <v>0</v>
      </c>
      <c r="N7690" s="111">
        <v>0</v>
      </c>
      <c r="O7690" s="111">
        <v>0</v>
      </c>
      <c r="P7690" s="111">
        <v>0</v>
      </c>
      <c r="Q7690" s="111">
        <v>0</v>
      </c>
      <c r="R7690" s="111">
        <v>0</v>
      </c>
      <c r="S7690" s="111">
        <v>0</v>
      </c>
      <c r="T7690" s="111">
        <v>0</v>
      </c>
      <c r="U7690" s="111">
        <v>0</v>
      </c>
      <c r="V7690" s="111">
        <v>0</v>
      </c>
      <c r="W7690" s="111">
        <v>0</v>
      </c>
      <c r="X7690" s="111">
        <v>0</v>
      </c>
      <c r="Y7690" s="111">
        <v>0</v>
      </c>
      <c r="Z7690" s="111">
        <v>0</v>
      </c>
      <c r="AA7690" s="111">
        <v>0</v>
      </c>
      <c r="AB7690" s="111">
        <v>0</v>
      </c>
      <c r="AC7690" s="111">
        <v>0</v>
      </c>
      <c r="AD7690" s="111">
        <v>0</v>
      </c>
      <c r="AE7690" s="111">
        <v>0</v>
      </c>
      <c r="AF7690" s="111">
        <v>0</v>
      </c>
      <c r="AG7690" s="111">
        <v>0</v>
      </c>
      <c r="AH7690" s="111">
        <v>0</v>
      </c>
      <c r="AI7690" s="111">
        <v>0</v>
      </c>
      <c r="AJ7690" s="111">
        <v>0</v>
      </c>
      <c r="AK7690" s="111">
        <v>0</v>
      </c>
      <c r="AL7690" s="111">
        <v>0</v>
      </c>
      <c r="AM7690" s="111">
        <v>0</v>
      </c>
      <c r="AN7690" s="111">
        <v>0</v>
      </c>
      <c r="AO7690" s="111">
        <v>1</v>
      </c>
      <c r="AP7690" s="111">
        <v>0</v>
      </c>
      <c r="AQ7690" s="111">
        <v>0</v>
      </c>
      <c r="AR7690" s="111">
        <v>0</v>
      </c>
      <c r="AS7690" s="111">
        <v>0</v>
      </c>
      <c r="AT7690" s="111">
        <v>0</v>
      </c>
      <c r="AU7690" s="111">
        <v>1</v>
      </c>
      <c r="AV7690" s="111">
        <v>0</v>
      </c>
      <c r="AW7690" s="111">
        <v>1</v>
      </c>
      <c r="AX7690" s="112"/>
      <c r="AY7690" s="112"/>
      <c r="AZ7690" s="112"/>
      <c r="BA7690" s="112"/>
      <c r="BB7690" s="221">
        <v>45884</v>
      </c>
    </row>
    <row r="7691" spans="1:54" s="8" customFormat="1" ht="13.95" customHeight="1" x14ac:dyDescent="0.25">
      <c r="A7691" s="229" t="s">
        <v>18436</v>
      </c>
      <c r="B7691" s="96" t="s">
        <v>18307</v>
      </c>
      <c r="C7691" s="93" t="s">
        <v>18437</v>
      </c>
      <c r="D7691" s="93" t="s">
        <v>24279</v>
      </c>
      <c r="E7691" s="111">
        <v>1989</v>
      </c>
      <c r="F7691" s="111">
        <v>1110</v>
      </c>
      <c r="G7691" s="93" t="s">
        <v>20344</v>
      </c>
      <c r="H7691" s="111">
        <v>0</v>
      </c>
      <c r="I7691" s="111">
        <v>0</v>
      </c>
      <c r="J7691" s="111">
        <v>0</v>
      </c>
      <c r="K7691" s="111">
        <v>0</v>
      </c>
      <c r="L7691" s="111">
        <v>0</v>
      </c>
      <c r="M7691" s="111">
        <v>0</v>
      </c>
      <c r="N7691" s="111">
        <v>0</v>
      </c>
      <c r="O7691" s="111">
        <v>0</v>
      </c>
      <c r="P7691" s="111">
        <v>0</v>
      </c>
      <c r="Q7691" s="111">
        <v>0</v>
      </c>
      <c r="R7691" s="111">
        <v>0</v>
      </c>
      <c r="S7691" s="111">
        <v>0</v>
      </c>
      <c r="T7691" s="111">
        <v>0</v>
      </c>
      <c r="U7691" s="111">
        <v>0</v>
      </c>
      <c r="V7691" s="111">
        <v>0</v>
      </c>
      <c r="W7691" s="111">
        <v>0</v>
      </c>
      <c r="X7691" s="111">
        <v>0</v>
      </c>
      <c r="Y7691" s="111">
        <v>0</v>
      </c>
      <c r="Z7691" s="111">
        <v>0</v>
      </c>
      <c r="AA7691" s="111">
        <v>0</v>
      </c>
      <c r="AB7691" s="111">
        <v>0</v>
      </c>
      <c r="AC7691" s="111">
        <v>0</v>
      </c>
      <c r="AD7691" s="111">
        <v>0</v>
      </c>
      <c r="AE7691" s="111">
        <v>0</v>
      </c>
      <c r="AF7691" s="111">
        <v>0</v>
      </c>
      <c r="AG7691" s="111">
        <v>0</v>
      </c>
      <c r="AH7691" s="111">
        <v>0</v>
      </c>
      <c r="AI7691" s="111">
        <v>0</v>
      </c>
      <c r="AJ7691" s="111">
        <v>0</v>
      </c>
      <c r="AK7691" s="111">
        <v>0</v>
      </c>
      <c r="AL7691" s="111">
        <v>0</v>
      </c>
      <c r="AM7691" s="111">
        <v>0</v>
      </c>
      <c r="AN7691" s="111">
        <v>0</v>
      </c>
      <c r="AO7691" s="111">
        <v>0</v>
      </c>
      <c r="AP7691" s="111">
        <v>0</v>
      </c>
      <c r="AQ7691" s="111">
        <v>0</v>
      </c>
      <c r="AR7691" s="111">
        <v>0</v>
      </c>
      <c r="AS7691" s="111">
        <v>0</v>
      </c>
      <c r="AT7691" s="111">
        <v>0</v>
      </c>
      <c r="AU7691" s="111">
        <v>0</v>
      </c>
      <c r="AV7691" s="111">
        <v>0</v>
      </c>
      <c r="AW7691" s="111">
        <v>0</v>
      </c>
      <c r="AX7691" s="112"/>
      <c r="AY7691" s="112"/>
      <c r="AZ7691" s="112"/>
      <c r="BA7691" s="112"/>
      <c r="BB7691" s="221">
        <v>45884</v>
      </c>
    </row>
    <row r="7692" spans="1:54" s="8" customFormat="1" ht="13.95" customHeight="1" x14ac:dyDescent="0.25">
      <c r="A7692" s="229" t="s">
        <v>18438</v>
      </c>
      <c r="B7692" s="96" t="s">
        <v>18307</v>
      </c>
      <c r="C7692" s="93" t="s">
        <v>17638</v>
      </c>
      <c r="D7692" s="93" t="s">
        <v>24280</v>
      </c>
      <c r="E7692" s="111">
        <v>1989</v>
      </c>
      <c r="F7692" s="111">
        <v>1127</v>
      </c>
      <c r="G7692" s="93" t="s">
        <v>1</v>
      </c>
      <c r="H7692" s="111">
        <v>1</v>
      </c>
      <c r="I7692" s="111">
        <v>0</v>
      </c>
      <c r="J7692" s="111">
        <v>1</v>
      </c>
      <c r="K7692" s="111">
        <v>1</v>
      </c>
      <c r="L7692" s="111">
        <v>1</v>
      </c>
      <c r="M7692" s="111">
        <v>0</v>
      </c>
      <c r="N7692" s="111">
        <v>0</v>
      </c>
      <c r="O7692" s="111">
        <v>1</v>
      </c>
      <c r="P7692" s="111">
        <v>1</v>
      </c>
      <c r="Q7692" s="111">
        <v>0</v>
      </c>
      <c r="R7692" s="111">
        <v>0</v>
      </c>
      <c r="S7692" s="111">
        <v>0</v>
      </c>
      <c r="T7692" s="111">
        <v>0</v>
      </c>
      <c r="U7692" s="111">
        <v>0</v>
      </c>
      <c r="V7692" s="111">
        <v>0</v>
      </c>
      <c r="W7692" s="111">
        <v>0</v>
      </c>
      <c r="X7692" s="111">
        <v>0</v>
      </c>
      <c r="Y7692" s="111">
        <v>0</v>
      </c>
      <c r="Z7692" s="111">
        <v>0</v>
      </c>
      <c r="AA7692" s="111">
        <v>0</v>
      </c>
      <c r="AB7692" s="111">
        <v>0</v>
      </c>
      <c r="AC7692" s="111">
        <v>0</v>
      </c>
      <c r="AD7692" s="111">
        <v>0</v>
      </c>
      <c r="AE7692" s="111">
        <v>0</v>
      </c>
      <c r="AF7692" s="111">
        <v>0</v>
      </c>
      <c r="AG7692" s="111">
        <v>0</v>
      </c>
      <c r="AH7692" s="111">
        <v>0</v>
      </c>
      <c r="AI7692" s="111">
        <v>0</v>
      </c>
      <c r="AJ7692" s="111">
        <v>0</v>
      </c>
      <c r="AK7692" s="111">
        <v>0</v>
      </c>
      <c r="AL7692" s="111">
        <v>0</v>
      </c>
      <c r="AM7692" s="111">
        <v>0</v>
      </c>
      <c r="AN7692" s="111">
        <v>0</v>
      </c>
      <c r="AO7692" s="111">
        <v>0</v>
      </c>
      <c r="AP7692" s="111">
        <v>0</v>
      </c>
      <c r="AQ7692" s="111">
        <v>0</v>
      </c>
      <c r="AR7692" s="111">
        <v>0</v>
      </c>
      <c r="AS7692" s="111">
        <v>0</v>
      </c>
      <c r="AT7692" s="111">
        <v>1</v>
      </c>
      <c r="AU7692" s="111">
        <v>0</v>
      </c>
      <c r="AV7692" s="111">
        <v>0</v>
      </c>
      <c r="AW7692" s="111">
        <v>0</v>
      </c>
      <c r="AX7692" s="112"/>
      <c r="AY7692" s="112"/>
      <c r="AZ7692" s="112"/>
      <c r="BA7692" s="112"/>
      <c r="BB7692" s="221">
        <v>45884</v>
      </c>
    </row>
    <row r="7693" spans="1:54" s="8" customFormat="1" ht="13.95" customHeight="1" x14ac:dyDescent="0.25">
      <c r="A7693" s="229" t="s">
        <v>18439</v>
      </c>
      <c r="B7693" s="96" t="s">
        <v>18307</v>
      </c>
      <c r="C7693" s="93" t="s">
        <v>18440</v>
      </c>
      <c r="D7693" s="93" t="s">
        <v>24281</v>
      </c>
      <c r="E7693" s="111">
        <v>1980</v>
      </c>
      <c r="F7693" s="111">
        <v>1165</v>
      </c>
      <c r="G7693" s="93" t="s">
        <v>1</v>
      </c>
      <c r="H7693" s="111">
        <v>1</v>
      </c>
      <c r="I7693" s="111">
        <v>0</v>
      </c>
      <c r="J7693" s="111">
        <v>1</v>
      </c>
      <c r="K7693" s="111">
        <v>0</v>
      </c>
      <c r="L7693" s="111">
        <v>1</v>
      </c>
      <c r="M7693" s="111">
        <v>1</v>
      </c>
      <c r="N7693" s="111">
        <v>0</v>
      </c>
      <c r="O7693" s="111">
        <v>1</v>
      </c>
      <c r="P7693" s="111">
        <v>1</v>
      </c>
      <c r="Q7693" s="111">
        <v>0</v>
      </c>
      <c r="R7693" s="111">
        <v>0</v>
      </c>
      <c r="S7693" s="111">
        <v>0</v>
      </c>
      <c r="T7693" s="111">
        <v>0</v>
      </c>
      <c r="U7693" s="111">
        <v>0</v>
      </c>
      <c r="V7693" s="111">
        <v>0</v>
      </c>
      <c r="W7693" s="111">
        <v>0</v>
      </c>
      <c r="X7693" s="111">
        <v>0</v>
      </c>
      <c r="Y7693" s="111">
        <v>0</v>
      </c>
      <c r="Z7693" s="111">
        <v>0</v>
      </c>
      <c r="AA7693" s="111">
        <v>0</v>
      </c>
      <c r="AB7693" s="111">
        <v>0</v>
      </c>
      <c r="AC7693" s="111">
        <v>0</v>
      </c>
      <c r="AD7693" s="111">
        <v>0</v>
      </c>
      <c r="AE7693" s="111">
        <v>0</v>
      </c>
      <c r="AF7693" s="111">
        <v>0</v>
      </c>
      <c r="AG7693" s="111">
        <v>0</v>
      </c>
      <c r="AH7693" s="111">
        <v>0</v>
      </c>
      <c r="AI7693" s="111">
        <v>0</v>
      </c>
      <c r="AJ7693" s="111">
        <v>0</v>
      </c>
      <c r="AK7693" s="111">
        <v>0</v>
      </c>
      <c r="AL7693" s="111">
        <v>0</v>
      </c>
      <c r="AM7693" s="111">
        <v>0</v>
      </c>
      <c r="AN7693" s="111">
        <v>0</v>
      </c>
      <c r="AO7693" s="111">
        <v>0</v>
      </c>
      <c r="AP7693" s="111">
        <v>0</v>
      </c>
      <c r="AQ7693" s="111">
        <v>0</v>
      </c>
      <c r="AR7693" s="111">
        <v>0</v>
      </c>
      <c r="AS7693" s="111">
        <v>0</v>
      </c>
      <c r="AT7693" s="111">
        <v>1</v>
      </c>
      <c r="AU7693" s="111">
        <v>0</v>
      </c>
      <c r="AV7693" s="111">
        <v>0</v>
      </c>
      <c r="AW7693" s="111">
        <v>0</v>
      </c>
      <c r="AX7693" s="112"/>
      <c r="AY7693" s="112"/>
      <c r="AZ7693" s="112"/>
      <c r="BA7693" s="112"/>
      <c r="BB7693" s="221">
        <v>45884</v>
      </c>
    </row>
    <row r="7694" spans="1:54" s="8" customFormat="1" ht="13.95" customHeight="1" x14ac:dyDescent="0.25">
      <c r="A7694" s="229" t="s">
        <v>18441</v>
      </c>
      <c r="B7694" s="96" t="s">
        <v>18307</v>
      </c>
      <c r="C7694" s="93" t="s">
        <v>18442</v>
      </c>
      <c r="D7694" s="93" t="s">
        <v>24282</v>
      </c>
      <c r="E7694" s="111">
        <v>1980</v>
      </c>
      <c r="F7694" s="111">
        <v>1173</v>
      </c>
      <c r="G7694" s="93" t="s">
        <v>1</v>
      </c>
      <c r="H7694" s="111">
        <v>0</v>
      </c>
      <c r="I7694" s="111">
        <v>0</v>
      </c>
      <c r="J7694" s="111">
        <v>0</v>
      </c>
      <c r="K7694" s="111">
        <v>0</v>
      </c>
      <c r="L7694" s="111">
        <v>0</v>
      </c>
      <c r="M7694" s="111">
        <v>0</v>
      </c>
      <c r="N7694" s="111">
        <v>0</v>
      </c>
      <c r="O7694" s="111">
        <v>0</v>
      </c>
      <c r="P7694" s="111">
        <v>0</v>
      </c>
      <c r="Q7694" s="111">
        <v>0</v>
      </c>
      <c r="R7694" s="111">
        <v>0</v>
      </c>
      <c r="S7694" s="111">
        <v>0</v>
      </c>
      <c r="T7694" s="111">
        <v>0</v>
      </c>
      <c r="U7694" s="111">
        <v>0</v>
      </c>
      <c r="V7694" s="111">
        <v>0</v>
      </c>
      <c r="W7694" s="111">
        <v>0</v>
      </c>
      <c r="X7694" s="111">
        <v>0</v>
      </c>
      <c r="Y7694" s="111">
        <v>0</v>
      </c>
      <c r="Z7694" s="111">
        <v>0</v>
      </c>
      <c r="AA7694" s="111">
        <v>0</v>
      </c>
      <c r="AB7694" s="111">
        <v>0</v>
      </c>
      <c r="AC7694" s="111">
        <v>0</v>
      </c>
      <c r="AD7694" s="111">
        <v>0</v>
      </c>
      <c r="AE7694" s="111">
        <v>0</v>
      </c>
      <c r="AF7694" s="111">
        <v>0</v>
      </c>
      <c r="AG7694" s="111">
        <v>0</v>
      </c>
      <c r="AH7694" s="111">
        <v>0</v>
      </c>
      <c r="AI7694" s="111">
        <v>0</v>
      </c>
      <c r="AJ7694" s="111">
        <v>0</v>
      </c>
      <c r="AK7694" s="111">
        <v>0</v>
      </c>
      <c r="AL7694" s="111">
        <v>0</v>
      </c>
      <c r="AM7694" s="111">
        <v>0</v>
      </c>
      <c r="AN7694" s="111">
        <v>0</v>
      </c>
      <c r="AO7694" s="111">
        <v>0</v>
      </c>
      <c r="AP7694" s="111">
        <v>0</v>
      </c>
      <c r="AQ7694" s="111">
        <v>0</v>
      </c>
      <c r="AR7694" s="111">
        <v>0</v>
      </c>
      <c r="AS7694" s="111">
        <v>0</v>
      </c>
      <c r="AT7694" s="111">
        <v>1</v>
      </c>
      <c r="AU7694" s="111">
        <v>0</v>
      </c>
      <c r="AV7694" s="111">
        <v>0</v>
      </c>
      <c r="AW7694" s="111">
        <v>0</v>
      </c>
      <c r="AX7694" s="112"/>
      <c r="AY7694" s="112"/>
      <c r="AZ7694" s="112"/>
      <c r="BA7694" s="112"/>
      <c r="BB7694" s="221">
        <v>45884</v>
      </c>
    </row>
    <row r="7695" spans="1:54" s="8" customFormat="1" ht="13.95" customHeight="1" x14ac:dyDescent="0.25">
      <c r="A7695" s="229" t="s">
        <v>18443</v>
      </c>
      <c r="B7695" s="96" t="s">
        <v>18307</v>
      </c>
      <c r="C7695" s="93" t="s">
        <v>18444</v>
      </c>
      <c r="D7695" s="93" t="s">
        <v>24283</v>
      </c>
      <c r="E7695" s="111">
        <v>1980</v>
      </c>
      <c r="F7695" s="111">
        <v>1269</v>
      </c>
      <c r="G7695" s="93" t="s">
        <v>1</v>
      </c>
      <c r="H7695" s="111">
        <v>0</v>
      </c>
      <c r="I7695" s="111">
        <v>0</v>
      </c>
      <c r="J7695" s="111">
        <v>1</v>
      </c>
      <c r="K7695" s="111">
        <v>1</v>
      </c>
      <c r="L7695" s="111">
        <v>0</v>
      </c>
      <c r="M7695" s="111">
        <v>0</v>
      </c>
      <c r="N7695" s="111">
        <v>0</v>
      </c>
      <c r="O7695" s="111">
        <v>0</v>
      </c>
      <c r="P7695" s="111">
        <v>1</v>
      </c>
      <c r="Q7695" s="111">
        <v>0</v>
      </c>
      <c r="R7695" s="111">
        <v>0</v>
      </c>
      <c r="S7695" s="111">
        <v>0</v>
      </c>
      <c r="T7695" s="111">
        <v>0</v>
      </c>
      <c r="U7695" s="111">
        <v>0</v>
      </c>
      <c r="V7695" s="111">
        <v>0</v>
      </c>
      <c r="W7695" s="111">
        <v>0</v>
      </c>
      <c r="X7695" s="111">
        <v>0</v>
      </c>
      <c r="Y7695" s="111">
        <v>0</v>
      </c>
      <c r="Z7695" s="111">
        <v>0</v>
      </c>
      <c r="AA7695" s="111">
        <v>0</v>
      </c>
      <c r="AB7695" s="111">
        <v>0</v>
      </c>
      <c r="AC7695" s="111">
        <v>0</v>
      </c>
      <c r="AD7695" s="111">
        <v>0</v>
      </c>
      <c r="AE7695" s="111">
        <v>0</v>
      </c>
      <c r="AF7695" s="111">
        <v>0</v>
      </c>
      <c r="AG7695" s="111">
        <v>0</v>
      </c>
      <c r="AH7695" s="111">
        <v>0</v>
      </c>
      <c r="AI7695" s="111">
        <v>0</v>
      </c>
      <c r="AJ7695" s="111">
        <v>0</v>
      </c>
      <c r="AK7695" s="111">
        <v>0</v>
      </c>
      <c r="AL7695" s="111">
        <v>0</v>
      </c>
      <c r="AM7695" s="111">
        <v>0</v>
      </c>
      <c r="AN7695" s="111">
        <v>0</v>
      </c>
      <c r="AO7695" s="111">
        <v>0</v>
      </c>
      <c r="AP7695" s="111">
        <v>0</v>
      </c>
      <c r="AQ7695" s="111">
        <v>0</v>
      </c>
      <c r="AR7695" s="111">
        <v>0</v>
      </c>
      <c r="AS7695" s="111">
        <v>0</v>
      </c>
      <c r="AT7695" s="111">
        <v>1</v>
      </c>
      <c r="AU7695" s="111">
        <v>0</v>
      </c>
      <c r="AV7695" s="111">
        <v>0</v>
      </c>
      <c r="AW7695" s="111">
        <v>1</v>
      </c>
      <c r="AX7695" s="112"/>
      <c r="AY7695" s="112"/>
      <c r="AZ7695" s="112"/>
      <c r="BA7695" s="112"/>
      <c r="BB7695" s="221">
        <v>45884</v>
      </c>
    </row>
    <row r="7696" spans="1:54" s="8" customFormat="1" ht="13.95" customHeight="1" x14ac:dyDescent="0.25">
      <c r="A7696" s="229" t="s">
        <v>18445</v>
      </c>
      <c r="B7696" s="96" t="s">
        <v>18307</v>
      </c>
      <c r="C7696" s="93" t="s">
        <v>18446</v>
      </c>
      <c r="D7696" s="93" t="s">
        <v>24284</v>
      </c>
      <c r="E7696" s="111">
        <v>2005</v>
      </c>
      <c r="F7696" s="111">
        <v>1253</v>
      </c>
      <c r="G7696" s="93" t="s">
        <v>20344</v>
      </c>
      <c r="H7696" s="111">
        <v>0</v>
      </c>
      <c r="I7696" s="111">
        <v>0</v>
      </c>
      <c r="J7696" s="111">
        <v>0</v>
      </c>
      <c r="K7696" s="111">
        <v>0</v>
      </c>
      <c r="L7696" s="111">
        <v>0</v>
      </c>
      <c r="M7696" s="111">
        <v>0</v>
      </c>
      <c r="N7696" s="111">
        <v>0</v>
      </c>
      <c r="O7696" s="111">
        <v>0</v>
      </c>
      <c r="P7696" s="111">
        <v>0</v>
      </c>
      <c r="Q7696" s="111">
        <v>0</v>
      </c>
      <c r="R7696" s="111">
        <v>0</v>
      </c>
      <c r="S7696" s="111">
        <v>0</v>
      </c>
      <c r="T7696" s="111">
        <v>0</v>
      </c>
      <c r="U7696" s="111">
        <v>0</v>
      </c>
      <c r="V7696" s="111">
        <v>0</v>
      </c>
      <c r="W7696" s="111">
        <v>0</v>
      </c>
      <c r="X7696" s="111">
        <v>0</v>
      </c>
      <c r="Y7696" s="111">
        <v>0</v>
      </c>
      <c r="Z7696" s="111">
        <v>0</v>
      </c>
      <c r="AA7696" s="111">
        <v>0</v>
      </c>
      <c r="AB7696" s="111">
        <v>0</v>
      </c>
      <c r="AC7696" s="111">
        <v>0</v>
      </c>
      <c r="AD7696" s="111">
        <v>0</v>
      </c>
      <c r="AE7696" s="111">
        <v>0</v>
      </c>
      <c r="AF7696" s="111">
        <v>0</v>
      </c>
      <c r="AG7696" s="111">
        <v>0</v>
      </c>
      <c r="AH7696" s="111">
        <v>0</v>
      </c>
      <c r="AI7696" s="111">
        <v>0</v>
      </c>
      <c r="AJ7696" s="111">
        <v>0</v>
      </c>
      <c r="AK7696" s="111">
        <v>0</v>
      </c>
      <c r="AL7696" s="111">
        <v>0</v>
      </c>
      <c r="AM7696" s="111">
        <v>0</v>
      </c>
      <c r="AN7696" s="111">
        <v>0</v>
      </c>
      <c r="AO7696" s="111">
        <v>0</v>
      </c>
      <c r="AP7696" s="111">
        <v>0</v>
      </c>
      <c r="AQ7696" s="111">
        <v>0</v>
      </c>
      <c r="AR7696" s="111">
        <v>0</v>
      </c>
      <c r="AS7696" s="111">
        <v>0</v>
      </c>
      <c r="AT7696" s="111">
        <v>1</v>
      </c>
      <c r="AU7696" s="111">
        <v>0</v>
      </c>
      <c r="AV7696" s="111">
        <v>0</v>
      </c>
      <c r="AW7696" s="111">
        <v>0</v>
      </c>
      <c r="AX7696" s="112"/>
      <c r="AY7696" s="112"/>
      <c r="AZ7696" s="112"/>
      <c r="BA7696" s="112"/>
      <c r="BB7696" s="221">
        <v>45884</v>
      </c>
    </row>
    <row r="7697" spans="1:54" s="8" customFormat="1" ht="13.95" customHeight="1" x14ac:dyDescent="0.25">
      <c r="A7697" s="229" t="s">
        <v>18447</v>
      </c>
      <c r="B7697" s="96" t="s">
        <v>18307</v>
      </c>
      <c r="C7697" s="93" t="s">
        <v>18448</v>
      </c>
      <c r="D7697" s="93" t="s">
        <v>24285</v>
      </c>
      <c r="E7697" s="111">
        <v>1986</v>
      </c>
      <c r="F7697" s="111">
        <v>1346</v>
      </c>
      <c r="G7697" s="93" t="s">
        <v>1</v>
      </c>
      <c r="H7697" s="111">
        <v>0</v>
      </c>
      <c r="I7697" s="111">
        <v>0</v>
      </c>
      <c r="J7697" s="111">
        <v>1</v>
      </c>
      <c r="K7697" s="111">
        <v>0</v>
      </c>
      <c r="L7697" s="111">
        <v>1</v>
      </c>
      <c r="M7697" s="111">
        <v>0</v>
      </c>
      <c r="N7697" s="111">
        <v>0</v>
      </c>
      <c r="O7697" s="111">
        <v>1</v>
      </c>
      <c r="P7697" s="111">
        <v>1</v>
      </c>
      <c r="Q7697" s="111">
        <v>0</v>
      </c>
      <c r="R7697" s="111">
        <v>0</v>
      </c>
      <c r="S7697" s="111">
        <v>0</v>
      </c>
      <c r="T7697" s="111">
        <v>0</v>
      </c>
      <c r="U7697" s="111">
        <v>0</v>
      </c>
      <c r="V7697" s="111">
        <v>0</v>
      </c>
      <c r="W7697" s="111">
        <v>0</v>
      </c>
      <c r="X7697" s="111">
        <v>0</v>
      </c>
      <c r="Y7697" s="111">
        <v>0</v>
      </c>
      <c r="Z7697" s="111">
        <v>0</v>
      </c>
      <c r="AA7697" s="111">
        <v>0</v>
      </c>
      <c r="AB7697" s="111">
        <v>0</v>
      </c>
      <c r="AC7697" s="111">
        <v>0</v>
      </c>
      <c r="AD7697" s="111">
        <v>0</v>
      </c>
      <c r="AE7697" s="111">
        <v>0</v>
      </c>
      <c r="AF7697" s="111">
        <v>0</v>
      </c>
      <c r="AG7697" s="111">
        <v>0</v>
      </c>
      <c r="AH7697" s="111">
        <v>0</v>
      </c>
      <c r="AI7697" s="111">
        <v>0</v>
      </c>
      <c r="AJ7697" s="111">
        <v>0</v>
      </c>
      <c r="AK7697" s="111">
        <v>0</v>
      </c>
      <c r="AL7697" s="111">
        <v>0</v>
      </c>
      <c r="AM7697" s="111">
        <v>0</v>
      </c>
      <c r="AN7697" s="111">
        <v>0</v>
      </c>
      <c r="AO7697" s="111">
        <v>0</v>
      </c>
      <c r="AP7697" s="111">
        <v>0</v>
      </c>
      <c r="AQ7697" s="111">
        <v>0</v>
      </c>
      <c r="AR7697" s="111">
        <v>0</v>
      </c>
      <c r="AS7697" s="111">
        <v>0</v>
      </c>
      <c r="AT7697" s="111">
        <v>1</v>
      </c>
      <c r="AU7697" s="111">
        <v>0</v>
      </c>
      <c r="AV7697" s="111">
        <v>0</v>
      </c>
      <c r="AW7697" s="111">
        <v>0</v>
      </c>
      <c r="AX7697" s="112"/>
      <c r="AY7697" s="112"/>
      <c r="AZ7697" s="112"/>
      <c r="BA7697" s="112"/>
      <c r="BB7697" s="221">
        <v>45884</v>
      </c>
    </row>
    <row r="7698" spans="1:54" s="8" customFormat="1" ht="13.95" customHeight="1" x14ac:dyDescent="0.25">
      <c r="A7698" s="229" t="s">
        <v>18449</v>
      </c>
      <c r="B7698" s="96" t="s">
        <v>18307</v>
      </c>
      <c r="C7698" s="93" t="s">
        <v>18450</v>
      </c>
      <c r="D7698" s="93" t="s">
        <v>24286</v>
      </c>
      <c r="E7698" s="111">
        <v>2002</v>
      </c>
      <c r="F7698" s="111">
        <v>1346</v>
      </c>
      <c r="G7698" s="93" t="s">
        <v>20344</v>
      </c>
      <c r="H7698" s="111">
        <v>0</v>
      </c>
      <c r="I7698" s="111">
        <v>0</v>
      </c>
      <c r="J7698" s="111">
        <v>0</v>
      </c>
      <c r="K7698" s="111">
        <v>0</v>
      </c>
      <c r="L7698" s="111">
        <v>0</v>
      </c>
      <c r="M7698" s="111">
        <v>0</v>
      </c>
      <c r="N7698" s="111">
        <v>0</v>
      </c>
      <c r="O7698" s="111">
        <v>0</v>
      </c>
      <c r="P7698" s="111">
        <v>0</v>
      </c>
      <c r="Q7698" s="111">
        <v>0</v>
      </c>
      <c r="R7698" s="111">
        <v>0</v>
      </c>
      <c r="S7698" s="111">
        <v>0</v>
      </c>
      <c r="T7698" s="111">
        <v>0</v>
      </c>
      <c r="U7698" s="111">
        <v>0</v>
      </c>
      <c r="V7698" s="111">
        <v>0</v>
      </c>
      <c r="W7698" s="111">
        <v>0</v>
      </c>
      <c r="X7698" s="111">
        <v>0</v>
      </c>
      <c r="Y7698" s="111">
        <v>0</v>
      </c>
      <c r="Z7698" s="111">
        <v>0</v>
      </c>
      <c r="AA7698" s="111">
        <v>0</v>
      </c>
      <c r="AB7698" s="111">
        <v>0</v>
      </c>
      <c r="AC7698" s="111">
        <v>0</v>
      </c>
      <c r="AD7698" s="111">
        <v>0</v>
      </c>
      <c r="AE7698" s="111">
        <v>0</v>
      </c>
      <c r="AF7698" s="111">
        <v>0</v>
      </c>
      <c r="AG7698" s="111">
        <v>0</v>
      </c>
      <c r="AH7698" s="111">
        <v>0</v>
      </c>
      <c r="AI7698" s="111">
        <v>0</v>
      </c>
      <c r="AJ7698" s="111">
        <v>0</v>
      </c>
      <c r="AK7698" s="111">
        <v>0</v>
      </c>
      <c r="AL7698" s="111">
        <v>0</v>
      </c>
      <c r="AM7698" s="111">
        <v>0</v>
      </c>
      <c r="AN7698" s="111">
        <v>0</v>
      </c>
      <c r="AO7698" s="111">
        <v>0</v>
      </c>
      <c r="AP7698" s="111">
        <v>0</v>
      </c>
      <c r="AQ7698" s="111">
        <v>0</v>
      </c>
      <c r="AR7698" s="111">
        <v>0</v>
      </c>
      <c r="AS7698" s="111">
        <v>0</v>
      </c>
      <c r="AT7698" s="111">
        <v>0</v>
      </c>
      <c r="AU7698" s="111">
        <v>0</v>
      </c>
      <c r="AV7698" s="111">
        <v>0</v>
      </c>
      <c r="AW7698" s="111">
        <v>0</v>
      </c>
      <c r="AX7698" s="112"/>
      <c r="AY7698" s="112"/>
      <c r="AZ7698" s="112"/>
      <c r="BA7698" s="112"/>
      <c r="BB7698" s="221">
        <v>45884</v>
      </c>
    </row>
    <row r="7699" spans="1:54" s="8" customFormat="1" ht="13.95" customHeight="1" x14ac:dyDescent="0.25">
      <c r="A7699" s="229" t="s">
        <v>18451</v>
      </c>
      <c r="B7699" s="96" t="s">
        <v>18307</v>
      </c>
      <c r="C7699" s="93" t="s">
        <v>18452</v>
      </c>
      <c r="D7699" s="93" t="s">
        <v>24287</v>
      </c>
      <c r="E7699" s="111">
        <v>1987</v>
      </c>
      <c r="F7699" s="111">
        <v>1389</v>
      </c>
      <c r="G7699" s="93" t="s">
        <v>1</v>
      </c>
      <c r="H7699" s="111">
        <v>1</v>
      </c>
      <c r="I7699" s="111">
        <v>0</v>
      </c>
      <c r="J7699" s="111">
        <v>1</v>
      </c>
      <c r="K7699" s="111">
        <v>0</v>
      </c>
      <c r="L7699" s="111">
        <v>1</v>
      </c>
      <c r="M7699" s="111">
        <v>0</v>
      </c>
      <c r="N7699" s="111">
        <v>0</v>
      </c>
      <c r="O7699" s="111">
        <v>1</v>
      </c>
      <c r="P7699" s="111">
        <v>1</v>
      </c>
      <c r="Q7699" s="111">
        <v>0</v>
      </c>
      <c r="R7699" s="111">
        <v>0</v>
      </c>
      <c r="S7699" s="111">
        <v>0</v>
      </c>
      <c r="T7699" s="111">
        <v>0</v>
      </c>
      <c r="U7699" s="111">
        <v>0</v>
      </c>
      <c r="V7699" s="111">
        <v>0</v>
      </c>
      <c r="W7699" s="111">
        <v>0</v>
      </c>
      <c r="X7699" s="111">
        <v>0</v>
      </c>
      <c r="Y7699" s="111">
        <v>0</v>
      </c>
      <c r="Z7699" s="111">
        <v>0</v>
      </c>
      <c r="AA7699" s="111">
        <v>0</v>
      </c>
      <c r="AB7699" s="111">
        <v>0</v>
      </c>
      <c r="AC7699" s="111">
        <v>0</v>
      </c>
      <c r="AD7699" s="111">
        <v>0</v>
      </c>
      <c r="AE7699" s="111">
        <v>0</v>
      </c>
      <c r="AF7699" s="111">
        <v>0</v>
      </c>
      <c r="AG7699" s="111">
        <v>0</v>
      </c>
      <c r="AH7699" s="111">
        <v>0</v>
      </c>
      <c r="AI7699" s="111">
        <v>0</v>
      </c>
      <c r="AJ7699" s="111">
        <v>0</v>
      </c>
      <c r="AK7699" s="111">
        <v>0</v>
      </c>
      <c r="AL7699" s="111">
        <v>0</v>
      </c>
      <c r="AM7699" s="111">
        <v>0</v>
      </c>
      <c r="AN7699" s="111">
        <v>0</v>
      </c>
      <c r="AO7699" s="111">
        <v>0</v>
      </c>
      <c r="AP7699" s="111">
        <v>0</v>
      </c>
      <c r="AQ7699" s="111">
        <v>0</v>
      </c>
      <c r="AR7699" s="111">
        <v>0</v>
      </c>
      <c r="AS7699" s="111">
        <v>0</v>
      </c>
      <c r="AT7699" s="111">
        <v>1</v>
      </c>
      <c r="AU7699" s="111">
        <v>0</v>
      </c>
      <c r="AV7699" s="111">
        <v>0</v>
      </c>
      <c r="AW7699" s="111">
        <v>0</v>
      </c>
      <c r="AX7699" s="112"/>
      <c r="AY7699" s="112"/>
      <c r="AZ7699" s="112"/>
      <c r="BA7699" s="112"/>
      <c r="BB7699" s="221">
        <v>45884</v>
      </c>
    </row>
    <row r="7700" spans="1:54" s="8" customFormat="1" ht="13.95" customHeight="1" x14ac:dyDescent="0.25">
      <c r="A7700" s="229" t="s">
        <v>18453</v>
      </c>
      <c r="B7700" s="96" t="s">
        <v>18307</v>
      </c>
      <c r="C7700" s="93" t="s">
        <v>18454</v>
      </c>
      <c r="D7700" s="93" t="s">
        <v>24288</v>
      </c>
      <c r="E7700" s="111">
        <v>2004</v>
      </c>
      <c r="F7700" s="111">
        <v>1421</v>
      </c>
      <c r="G7700" s="93" t="s">
        <v>1</v>
      </c>
      <c r="H7700" s="111">
        <v>0</v>
      </c>
      <c r="I7700" s="111">
        <v>0</v>
      </c>
      <c r="J7700" s="111">
        <v>1</v>
      </c>
      <c r="K7700" s="111">
        <v>0</v>
      </c>
      <c r="L7700" s="111">
        <v>1</v>
      </c>
      <c r="M7700" s="111">
        <v>0</v>
      </c>
      <c r="N7700" s="111">
        <v>0</v>
      </c>
      <c r="O7700" s="111">
        <v>0</v>
      </c>
      <c r="P7700" s="111">
        <v>0</v>
      </c>
      <c r="Q7700" s="111">
        <v>0</v>
      </c>
      <c r="R7700" s="111">
        <v>0</v>
      </c>
      <c r="S7700" s="111">
        <v>0</v>
      </c>
      <c r="T7700" s="111">
        <v>0</v>
      </c>
      <c r="U7700" s="111">
        <v>0</v>
      </c>
      <c r="V7700" s="111">
        <v>0</v>
      </c>
      <c r="W7700" s="111">
        <v>0</v>
      </c>
      <c r="X7700" s="111">
        <v>0</v>
      </c>
      <c r="Y7700" s="111">
        <v>0</v>
      </c>
      <c r="Z7700" s="111">
        <v>0</v>
      </c>
      <c r="AA7700" s="111">
        <v>0</v>
      </c>
      <c r="AB7700" s="111">
        <v>0</v>
      </c>
      <c r="AC7700" s="111">
        <v>0</v>
      </c>
      <c r="AD7700" s="111">
        <v>0</v>
      </c>
      <c r="AE7700" s="111">
        <v>0</v>
      </c>
      <c r="AF7700" s="111">
        <v>0</v>
      </c>
      <c r="AG7700" s="111">
        <v>0</v>
      </c>
      <c r="AH7700" s="111">
        <v>0</v>
      </c>
      <c r="AI7700" s="111">
        <v>0</v>
      </c>
      <c r="AJ7700" s="111">
        <v>0</v>
      </c>
      <c r="AK7700" s="111">
        <v>0</v>
      </c>
      <c r="AL7700" s="111">
        <v>0</v>
      </c>
      <c r="AM7700" s="111">
        <v>0</v>
      </c>
      <c r="AN7700" s="111">
        <v>0</v>
      </c>
      <c r="AO7700" s="111">
        <v>0</v>
      </c>
      <c r="AP7700" s="111">
        <v>0</v>
      </c>
      <c r="AQ7700" s="111">
        <v>0</v>
      </c>
      <c r="AR7700" s="111">
        <v>0</v>
      </c>
      <c r="AS7700" s="111">
        <v>0</v>
      </c>
      <c r="AT7700" s="111">
        <v>1</v>
      </c>
      <c r="AU7700" s="111">
        <v>0</v>
      </c>
      <c r="AV7700" s="111">
        <v>0</v>
      </c>
      <c r="AW7700" s="111">
        <v>0</v>
      </c>
      <c r="AX7700" s="112"/>
      <c r="AY7700" s="112"/>
      <c r="AZ7700" s="112"/>
      <c r="BA7700" s="112"/>
      <c r="BB7700" s="221">
        <v>45884</v>
      </c>
    </row>
    <row r="7701" spans="1:54" s="8" customFormat="1" ht="13.95" customHeight="1" x14ac:dyDescent="0.25">
      <c r="A7701" s="229" t="s">
        <v>18455</v>
      </c>
      <c r="B7701" s="96" t="s">
        <v>18307</v>
      </c>
      <c r="C7701" s="93" t="s">
        <v>18456</v>
      </c>
      <c r="D7701" s="93" t="s">
        <v>24289</v>
      </c>
      <c r="E7701" s="111">
        <v>2007</v>
      </c>
      <c r="F7701" s="111">
        <v>1400</v>
      </c>
      <c r="G7701" s="93" t="s">
        <v>11</v>
      </c>
      <c r="H7701" s="111">
        <v>0</v>
      </c>
      <c r="I7701" s="111">
        <v>0</v>
      </c>
      <c r="J7701" s="111">
        <v>0</v>
      </c>
      <c r="K7701" s="111">
        <v>0</v>
      </c>
      <c r="L7701" s="111">
        <v>0</v>
      </c>
      <c r="M7701" s="111">
        <v>0</v>
      </c>
      <c r="N7701" s="111">
        <v>0</v>
      </c>
      <c r="O7701" s="111">
        <v>0</v>
      </c>
      <c r="P7701" s="111">
        <v>0</v>
      </c>
      <c r="Q7701" s="111">
        <v>0</v>
      </c>
      <c r="R7701" s="111">
        <v>0</v>
      </c>
      <c r="S7701" s="111">
        <v>0</v>
      </c>
      <c r="T7701" s="111">
        <v>0</v>
      </c>
      <c r="U7701" s="111">
        <v>0</v>
      </c>
      <c r="V7701" s="111">
        <v>0</v>
      </c>
      <c r="W7701" s="111">
        <v>0</v>
      </c>
      <c r="X7701" s="111">
        <v>0</v>
      </c>
      <c r="Y7701" s="111">
        <v>0</v>
      </c>
      <c r="Z7701" s="111">
        <v>0</v>
      </c>
      <c r="AA7701" s="111">
        <v>0</v>
      </c>
      <c r="AB7701" s="111">
        <v>0</v>
      </c>
      <c r="AC7701" s="111">
        <v>0</v>
      </c>
      <c r="AD7701" s="111">
        <v>0</v>
      </c>
      <c r="AE7701" s="111">
        <v>0</v>
      </c>
      <c r="AF7701" s="111">
        <v>0</v>
      </c>
      <c r="AG7701" s="111">
        <v>0</v>
      </c>
      <c r="AH7701" s="111">
        <v>0</v>
      </c>
      <c r="AI7701" s="111">
        <v>0</v>
      </c>
      <c r="AJ7701" s="111">
        <v>0</v>
      </c>
      <c r="AK7701" s="111">
        <v>0</v>
      </c>
      <c r="AL7701" s="111">
        <v>0</v>
      </c>
      <c r="AM7701" s="111">
        <v>0</v>
      </c>
      <c r="AN7701" s="111">
        <v>0</v>
      </c>
      <c r="AO7701" s="111">
        <v>0</v>
      </c>
      <c r="AP7701" s="111">
        <v>0</v>
      </c>
      <c r="AQ7701" s="111">
        <v>0</v>
      </c>
      <c r="AR7701" s="111">
        <v>0</v>
      </c>
      <c r="AS7701" s="111">
        <v>0</v>
      </c>
      <c r="AT7701" s="111">
        <v>0</v>
      </c>
      <c r="AU7701" s="111">
        <v>0</v>
      </c>
      <c r="AV7701" s="111">
        <v>0</v>
      </c>
      <c r="AW7701" s="111">
        <v>0</v>
      </c>
      <c r="AX7701" s="112"/>
      <c r="AY7701" s="112"/>
      <c r="AZ7701" s="112"/>
      <c r="BA7701" s="112"/>
      <c r="BB7701" s="221">
        <v>45884</v>
      </c>
    </row>
    <row r="7702" spans="1:54" s="8" customFormat="1" ht="13.95" customHeight="1" x14ac:dyDescent="0.25">
      <c r="A7702" s="229" t="s">
        <v>18457</v>
      </c>
      <c r="B7702" s="96" t="s">
        <v>18307</v>
      </c>
      <c r="C7702" s="93" t="s">
        <v>18458</v>
      </c>
      <c r="D7702" s="93" t="s">
        <v>24290</v>
      </c>
      <c r="E7702" s="111">
        <v>2000</v>
      </c>
      <c r="F7702" s="111">
        <v>1488</v>
      </c>
      <c r="G7702" s="93" t="s">
        <v>1</v>
      </c>
      <c r="H7702" s="111">
        <v>1</v>
      </c>
      <c r="I7702" s="111">
        <v>0</v>
      </c>
      <c r="J7702" s="111">
        <v>1</v>
      </c>
      <c r="K7702" s="111">
        <v>1</v>
      </c>
      <c r="L7702" s="111">
        <v>1</v>
      </c>
      <c r="M7702" s="111">
        <v>0</v>
      </c>
      <c r="N7702" s="111">
        <v>0</v>
      </c>
      <c r="O7702" s="111">
        <v>1</v>
      </c>
      <c r="P7702" s="111">
        <v>0</v>
      </c>
      <c r="Q7702" s="111">
        <v>0</v>
      </c>
      <c r="R7702" s="111">
        <v>0</v>
      </c>
      <c r="S7702" s="111">
        <v>0</v>
      </c>
      <c r="T7702" s="111">
        <v>0</v>
      </c>
      <c r="U7702" s="111">
        <v>0</v>
      </c>
      <c r="V7702" s="111">
        <v>0</v>
      </c>
      <c r="W7702" s="111">
        <v>0</v>
      </c>
      <c r="X7702" s="111">
        <v>0</v>
      </c>
      <c r="Y7702" s="111">
        <v>0</v>
      </c>
      <c r="Z7702" s="111">
        <v>0</v>
      </c>
      <c r="AA7702" s="111">
        <v>0</v>
      </c>
      <c r="AB7702" s="111">
        <v>0</v>
      </c>
      <c r="AC7702" s="111">
        <v>0</v>
      </c>
      <c r="AD7702" s="111">
        <v>0</v>
      </c>
      <c r="AE7702" s="111">
        <v>0</v>
      </c>
      <c r="AF7702" s="111">
        <v>0</v>
      </c>
      <c r="AG7702" s="111">
        <v>0</v>
      </c>
      <c r="AH7702" s="111">
        <v>0</v>
      </c>
      <c r="AI7702" s="111">
        <v>0</v>
      </c>
      <c r="AJ7702" s="111">
        <v>0</v>
      </c>
      <c r="AK7702" s="111">
        <v>0</v>
      </c>
      <c r="AL7702" s="111">
        <v>0</v>
      </c>
      <c r="AM7702" s="111">
        <v>0</v>
      </c>
      <c r="AN7702" s="111">
        <v>0</v>
      </c>
      <c r="AO7702" s="111">
        <v>0</v>
      </c>
      <c r="AP7702" s="111">
        <v>0</v>
      </c>
      <c r="AQ7702" s="111">
        <v>0</v>
      </c>
      <c r="AR7702" s="111">
        <v>0</v>
      </c>
      <c r="AS7702" s="111">
        <v>0</v>
      </c>
      <c r="AT7702" s="111">
        <v>1</v>
      </c>
      <c r="AU7702" s="111">
        <v>0</v>
      </c>
      <c r="AV7702" s="111">
        <v>0</v>
      </c>
      <c r="AW7702" s="111">
        <v>0</v>
      </c>
      <c r="AX7702" s="112"/>
      <c r="AY7702" s="112"/>
      <c r="AZ7702" s="112"/>
      <c r="BA7702" s="112"/>
      <c r="BB7702" s="221">
        <v>45884</v>
      </c>
    </row>
    <row r="7703" spans="1:54" s="8" customFormat="1" ht="13.95" customHeight="1" x14ac:dyDescent="0.25">
      <c r="A7703" s="229" t="s">
        <v>18459</v>
      </c>
      <c r="B7703" s="96" t="s">
        <v>18307</v>
      </c>
      <c r="C7703" s="93" t="s">
        <v>14947</v>
      </c>
      <c r="D7703" s="93" t="s">
        <v>24291</v>
      </c>
      <c r="E7703" s="111">
        <v>1995</v>
      </c>
      <c r="F7703" s="111">
        <v>1554</v>
      </c>
      <c r="G7703" s="93" t="s">
        <v>1</v>
      </c>
      <c r="H7703" s="111">
        <v>1</v>
      </c>
      <c r="I7703" s="111">
        <v>0</v>
      </c>
      <c r="J7703" s="111">
        <v>1</v>
      </c>
      <c r="K7703" s="111">
        <v>1</v>
      </c>
      <c r="L7703" s="111">
        <v>0</v>
      </c>
      <c r="M7703" s="111">
        <v>1</v>
      </c>
      <c r="N7703" s="111">
        <v>0</v>
      </c>
      <c r="O7703" s="111">
        <v>0</v>
      </c>
      <c r="P7703" s="111">
        <v>1</v>
      </c>
      <c r="Q7703" s="111">
        <v>0</v>
      </c>
      <c r="R7703" s="111">
        <v>0</v>
      </c>
      <c r="S7703" s="111">
        <v>0</v>
      </c>
      <c r="T7703" s="111">
        <v>0</v>
      </c>
      <c r="U7703" s="111">
        <v>0</v>
      </c>
      <c r="V7703" s="111">
        <v>0</v>
      </c>
      <c r="W7703" s="111">
        <v>0</v>
      </c>
      <c r="X7703" s="111">
        <v>0</v>
      </c>
      <c r="Y7703" s="111">
        <v>0</v>
      </c>
      <c r="Z7703" s="111">
        <v>0</v>
      </c>
      <c r="AA7703" s="111">
        <v>0</v>
      </c>
      <c r="AB7703" s="111">
        <v>0</v>
      </c>
      <c r="AC7703" s="111">
        <v>0</v>
      </c>
      <c r="AD7703" s="111">
        <v>0</v>
      </c>
      <c r="AE7703" s="111">
        <v>0</v>
      </c>
      <c r="AF7703" s="111">
        <v>0</v>
      </c>
      <c r="AG7703" s="111">
        <v>0</v>
      </c>
      <c r="AH7703" s="111">
        <v>0</v>
      </c>
      <c r="AI7703" s="111">
        <v>0</v>
      </c>
      <c r="AJ7703" s="111">
        <v>0</v>
      </c>
      <c r="AK7703" s="111">
        <v>0</v>
      </c>
      <c r="AL7703" s="111">
        <v>0</v>
      </c>
      <c r="AM7703" s="111">
        <v>0</v>
      </c>
      <c r="AN7703" s="111">
        <v>0</v>
      </c>
      <c r="AO7703" s="111">
        <v>0</v>
      </c>
      <c r="AP7703" s="111">
        <v>0</v>
      </c>
      <c r="AQ7703" s="111">
        <v>0</v>
      </c>
      <c r="AR7703" s="111">
        <v>0</v>
      </c>
      <c r="AS7703" s="111">
        <v>0</v>
      </c>
      <c r="AT7703" s="111">
        <v>1</v>
      </c>
      <c r="AU7703" s="111">
        <v>0</v>
      </c>
      <c r="AV7703" s="111">
        <v>0</v>
      </c>
      <c r="AW7703" s="111">
        <v>0</v>
      </c>
      <c r="AX7703" s="112"/>
      <c r="AY7703" s="112"/>
      <c r="AZ7703" s="112"/>
      <c r="BA7703" s="112"/>
      <c r="BB7703" s="221">
        <v>45884</v>
      </c>
    </row>
    <row r="7704" spans="1:54" s="8" customFormat="1" ht="13.95" customHeight="1" x14ac:dyDescent="0.25">
      <c r="A7704" s="229" t="s">
        <v>18460</v>
      </c>
      <c r="B7704" s="96" t="s">
        <v>18307</v>
      </c>
      <c r="C7704" s="93" t="s">
        <v>18461</v>
      </c>
      <c r="D7704" s="93" t="s">
        <v>24292</v>
      </c>
      <c r="E7704" s="111">
        <v>2007</v>
      </c>
      <c r="F7704" s="111">
        <v>1600</v>
      </c>
      <c r="G7704" s="93" t="s">
        <v>1</v>
      </c>
      <c r="H7704" s="111">
        <v>0</v>
      </c>
      <c r="I7704" s="111">
        <v>0</v>
      </c>
      <c r="J7704" s="111">
        <v>1</v>
      </c>
      <c r="K7704" s="111">
        <v>0</v>
      </c>
      <c r="L7704" s="111">
        <v>0</v>
      </c>
      <c r="M7704" s="111">
        <v>0</v>
      </c>
      <c r="N7704" s="111">
        <v>0</v>
      </c>
      <c r="O7704" s="111">
        <v>0</v>
      </c>
      <c r="P7704" s="111">
        <v>1</v>
      </c>
      <c r="Q7704" s="111">
        <v>0</v>
      </c>
      <c r="R7704" s="111">
        <v>0</v>
      </c>
      <c r="S7704" s="111">
        <v>0</v>
      </c>
      <c r="T7704" s="111">
        <v>0</v>
      </c>
      <c r="U7704" s="111">
        <v>0</v>
      </c>
      <c r="V7704" s="111">
        <v>0</v>
      </c>
      <c r="W7704" s="111">
        <v>0</v>
      </c>
      <c r="X7704" s="111">
        <v>0</v>
      </c>
      <c r="Y7704" s="111">
        <v>0</v>
      </c>
      <c r="Z7704" s="111">
        <v>0</v>
      </c>
      <c r="AA7704" s="111">
        <v>0</v>
      </c>
      <c r="AB7704" s="111">
        <v>0</v>
      </c>
      <c r="AC7704" s="111">
        <v>0</v>
      </c>
      <c r="AD7704" s="111">
        <v>0</v>
      </c>
      <c r="AE7704" s="111">
        <v>0</v>
      </c>
      <c r="AF7704" s="111">
        <v>0</v>
      </c>
      <c r="AG7704" s="111">
        <v>0</v>
      </c>
      <c r="AH7704" s="111">
        <v>0</v>
      </c>
      <c r="AI7704" s="111">
        <v>0</v>
      </c>
      <c r="AJ7704" s="111">
        <v>0</v>
      </c>
      <c r="AK7704" s="111">
        <v>0</v>
      </c>
      <c r="AL7704" s="111">
        <v>0</v>
      </c>
      <c r="AM7704" s="111">
        <v>0</v>
      </c>
      <c r="AN7704" s="111">
        <v>0</v>
      </c>
      <c r="AO7704" s="111">
        <v>0</v>
      </c>
      <c r="AP7704" s="111">
        <v>0</v>
      </c>
      <c r="AQ7704" s="111">
        <v>0</v>
      </c>
      <c r="AR7704" s="111">
        <v>0</v>
      </c>
      <c r="AS7704" s="111">
        <v>0</v>
      </c>
      <c r="AT7704" s="111">
        <v>1</v>
      </c>
      <c r="AU7704" s="111">
        <v>0</v>
      </c>
      <c r="AV7704" s="111">
        <v>0</v>
      </c>
      <c r="AW7704" s="111">
        <v>0</v>
      </c>
      <c r="AX7704" s="112"/>
      <c r="AY7704" s="112"/>
      <c r="AZ7704" s="112"/>
      <c r="BA7704" s="112"/>
      <c r="BB7704" s="221">
        <v>45884</v>
      </c>
    </row>
    <row r="7705" spans="1:54" s="8" customFormat="1" ht="13.95" customHeight="1" x14ac:dyDescent="0.25">
      <c r="A7705" s="229" t="s">
        <v>18462</v>
      </c>
      <c r="B7705" s="96" t="s">
        <v>18307</v>
      </c>
      <c r="C7705" s="93" t="s">
        <v>18463</v>
      </c>
      <c r="D7705" s="93" t="s">
        <v>24293</v>
      </c>
      <c r="E7705" s="111">
        <v>1980</v>
      </c>
      <c r="F7705" s="111">
        <v>1643</v>
      </c>
      <c r="G7705" s="93" t="s">
        <v>1</v>
      </c>
      <c r="H7705" s="111">
        <v>0</v>
      </c>
      <c r="I7705" s="111">
        <v>0</v>
      </c>
      <c r="J7705" s="111">
        <v>1</v>
      </c>
      <c r="K7705" s="111">
        <v>1</v>
      </c>
      <c r="L7705" s="111">
        <v>1</v>
      </c>
      <c r="M7705" s="111">
        <v>0</v>
      </c>
      <c r="N7705" s="111">
        <v>0</v>
      </c>
      <c r="O7705" s="111">
        <v>1</v>
      </c>
      <c r="P7705" s="111">
        <v>1</v>
      </c>
      <c r="Q7705" s="111">
        <v>0</v>
      </c>
      <c r="R7705" s="111">
        <v>0</v>
      </c>
      <c r="S7705" s="111">
        <v>1</v>
      </c>
      <c r="T7705" s="111">
        <v>0</v>
      </c>
      <c r="U7705" s="111">
        <v>0</v>
      </c>
      <c r="V7705" s="111">
        <v>0</v>
      </c>
      <c r="W7705" s="111">
        <v>0</v>
      </c>
      <c r="X7705" s="111">
        <v>0</v>
      </c>
      <c r="Y7705" s="111">
        <v>0</v>
      </c>
      <c r="Z7705" s="111">
        <v>0</v>
      </c>
      <c r="AA7705" s="111">
        <v>0</v>
      </c>
      <c r="AB7705" s="111">
        <v>0</v>
      </c>
      <c r="AC7705" s="111">
        <v>0</v>
      </c>
      <c r="AD7705" s="111">
        <v>0</v>
      </c>
      <c r="AE7705" s="111">
        <v>0</v>
      </c>
      <c r="AF7705" s="111">
        <v>0</v>
      </c>
      <c r="AG7705" s="111">
        <v>0</v>
      </c>
      <c r="AH7705" s="111">
        <v>0</v>
      </c>
      <c r="AI7705" s="111">
        <v>0</v>
      </c>
      <c r="AJ7705" s="111">
        <v>0</v>
      </c>
      <c r="AK7705" s="111">
        <v>0</v>
      </c>
      <c r="AL7705" s="111">
        <v>0</v>
      </c>
      <c r="AM7705" s="111">
        <v>0</v>
      </c>
      <c r="AN7705" s="111">
        <v>0</v>
      </c>
      <c r="AO7705" s="111">
        <v>0</v>
      </c>
      <c r="AP7705" s="111">
        <v>0</v>
      </c>
      <c r="AQ7705" s="111">
        <v>0</v>
      </c>
      <c r="AR7705" s="111">
        <v>0</v>
      </c>
      <c r="AS7705" s="111">
        <v>0</v>
      </c>
      <c r="AT7705" s="111">
        <v>1</v>
      </c>
      <c r="AU7705" s="111">
        <v>0</v>
      </c>
      <c r="AV7705" s="111">
        <v>0</v>
      </c>
      <c r="AW7705" s="111">
        <v>0</v>
      </c>
      <c r="AX7705" s="112"/>
      <c r="AY7705" s="112"/>
      <c r="AZ7705" s="112"/>
      <c r="BA7705" s="112" t="s">
        <v>18464</v>
      </c>
      <c r="BB7705" s="221">
        <v>45884</v>
      </c>
    </row>
    <row r="7706" spans="1:54" s="8" customFormat="1" ht="13.95" customHeight="1" x14ac:dyDescent="0.25">
      <c r="A7706" s="229" t="s">
        <v>18465</v>
      </c>
      <c r="B7706" s="96" t="s">
        <v>18307</v>
      </c>
      <c r="C7706" s="93" t="s">
        <v>18466</v>
      </c>
      <c r="D7706" s="93" t="s">
        <v>24294</v>
      </c>
      <c r="E7706" s="111">
        <v>1987</v>
      </c>
      <c r="F7706" s="111">
        <v>1669</v>
      </c>
      <c r="G7706" s="93" t="s">
        <v>1</v>
      </c>
      <c r="H7706" s="111">
        <v>0</v>
      </c>
      <c r="I7706" s="111">
        <v>0</v>
      </c>
      <c r="J7706" s="111">
        <v>1</v>
      </c>
      <c r="K7706" s="111">
        <v>0</v>
      </c>
      <c r="L7706" s="111">
        <v>1</v>
      </c>
      <c r="M7706" s="111">
        <v>0</v>
      </c>
      <c r="N7706" s="111">
        <v>0</v>
      </c>
      <c r="O7706" s="111">
        <v>0</v>
      </c>
      <c r="P7706" s="111">
        <v>1</v>
      </c>
      <c r="Q7706" s="111">
        <v>0</v>
      </c>
      <c r="R7706" s="111">
        <v>0</v>
      </c>
      <c r="S7706" s="111">
        <v>0</v>
      </c>
      <c r="T7706" s="111">
        <v>0</v>
      </c>
      <c r="U7706" s="111">
        <v>0</v>
      </c>
      <c r="V7706" s="111">
        <v>0</v>
      </c>
      <c r="W7706" s="111">
        <v>0</v>
      </c>
      <c r="X7706" s="111">
        <v>0</v>
      </c>
      <c r="Y7706" s="111">
        <v>0</v>
      </c>
      <c r="Z7706" s="111">
        <v>0</v>
      </c>
      <c r="AA7706" s="111">
        <v>0</v>
      </c>
      <c r="AB7706" s="111">
        <v>0</v>
      </c>
      <c r="AC7706" s="111">
        <v>0</v>
      </c>
      <c r="AD7706" s="111">
        <v>0</v>
      </c>
      <c r="AE7706" s="111">
        <v>0</v>
      </c>
      <c r="AF7706" s="111">
        <v>0</v>
      </c>
      <c r="AG7706" s="111">
        <v>0</v>
      </c>
      <c r="AH7706" s="111">
        <v>0</v>
      </c>
      <c r="AI7706" s="111">
        <v>0</v>
      </c>
      <c r="AJ7706" s="111">
        <v>0</v>
      </c>
      <c r="AK7706" s="111">
        <v>0</v>
      </c>
      <c r="AL7706" s="111">
        <v>0</v>
      </c>
      <c r="AM7706" s="111">
        <v>0</v>
      </c>
      <c r="AN7706" s="111">
        <v>0</v>
      </c>
      <c r="AO7706" s="111">
        <v>0</v>
      </c>
      <c r="AP7706" s="111">
        <v>0</v>
      </c>
      <c r="AQ7706" s="111">
        <v>0</v>
      </c>
      <c r="AR7706" s="111">
        <v>0</v>
      </c>
      <c r="AS7706" s="111">
        <v>0</v>
      </c>
      <c r="AT7706" s="111">
        <v>1</v>
      </c>
      <c r="AU7706" s="111">
        <v>0</v>
      </c>
      <c r="AV7706" s="111">
        <v>0</v>
      </c>
      <c r="AW7706" s="111">
        <v>0</v>
      </c>
      <c r="AX7706" s="112"/>
      <c r="AY7706" s="112"/>
      <c r="AZ7706" s="112"/>
      <c r="BA7706" s="112"/>
      <c r="BB7706" s="221">
        <v>45884</v>
      </c>
    </row>
    <row r="7707" spans="1:54" s="8" customFormat="1" ht="13.95" customHeight="1" x14ac:dyDescent="0.25">
      <c r="A7707" s="229" t="s">
        <v>18467</v>
      </c>
      <c r="B7707" s="96" t="s">
        <v>18307</v>
      </c>
      <c r="C7707" s="93" t="s">
        <v>18468</v>
      </c>
      <c r="D7707" s="93" t="s">
        <v>24295</v>
      </c>
      <c r="E7707" s="111">
        <v>1988</v>
      </c>
      <c r="F7707" s="111">
        <v>1689</v>
      </c>
      <c r="G7707" s="93" t="s">
        <v>1</v>
      </c>
      <c r="H7707" s="111">
        <v>1</v>
      </c>
      <c r="I7707" s="111">
        <v>0</v>
      </c>
      <c r="J7707" s="111">
        <v>1</v>
      </c>
      <c r="K7707" s="111">
        <v>1</v>
      </c>
      <c r="L7707" s="111">
        <v>1</v>
      </c>
      <c r="M7707" s="111">
        <v>1</v>
      </c>
      <c r="N7707" s="111">
        <v>0</v>
      </c>
      <c r="O7707" s="111">
        <v>0</v>
      </c>
      <c r="P7707" s="111">
        <v>1</v>
      </c>
      <c r="Q7707" s="111">
        <v>0</v>
      </c>
      <c r="R7707" s="111">
        <v>0</v>
      </c>
      <c r="S7707" s="111">
        <v>0</v>
      </c>
      <c r="T7707" s="111">
        <v>0</v>
      </c>
      <c r="U7707" s="111">
        <v>0</v>
      </c>
      <c r="V7707" s="111">
        <v>0</v>
      </c>
      <c r="W7707" s="111">
        <v>0</v>
      </c>
      <c r="X7707" s="111">
        <v>0</v>
      </c>
      <c r="Y7707" s="111">
        <v>0</v>
      </c>
      <c r="Z7707" s="111">
        <v>0</v>
      </c>
      <c r="AA7707" s="111">
        <v>0</v>
      </c>
      <c r="AB7707" s="111">
        <v>0</v>
      </c>
      <c r="AC7707" s="111">
        <v>0</v>
      </c>
      <c r="AD7707" s="111">
        <v>0</v>
      </c>
      <c r="AE7707" s="111">
        <v>0</v>
      </c>
      <c r="AF7707" s="111">
        <v>0</v>
      </c>
      <c r="AG7707" s="111">
        <v>0</v>
      </c>
      <c r="AH7707" s="111">
        <v>0</v>
      </c>
      <c r="AI7707" s="111">
        <v>0</v>
      </c>
      <c r="AJ7707" s="111">
        <v>0</v>
      </c>
      <c r="AK7707" s="111">
        <v>0</v>
      </c>
      <c r="AL7707" s="111">
        <v>0</v>
      </c>
      <c r="AM7707" s="111">
        <v>0</v>
      </c>
      <c r="AN7707" s="111">
        <v>0</v>
      </c>
      <c r="AO7707" s="111">
        <v>0</v>
      </c>
      <c r="AP7707" s="111">
        <v>0</v>
      </c>
      <c r="AQ7707" s="111">
        <v>0</v>
      </c>
      <c r="AR7707" s="111">
        <v>0</v>
      </c>
      <c r="AS7707" s="111">
        <v>0</v>
      </c>
      <c r="AT7707" s="111">
        <v>1</v>
      </c>
      <c r="AU7707" s="111">
        <v>0</v>
      </c>
      <c r="AV7707" s="111">
        <v>0</v>
      </c>
      <c r="AW7707" s="111">
        <v>0</v>
      </c>
      <c r="AX7707" s="112"/>
      <c r="AY7707" s="112"/>
      <c r="AZ7707" s="112"/>
      <c r="BA7707" s="112"/>
      <c r="BB7707" s="221">
        <v>45884</v>
      </c>
    </row>
    <row r="7708" spans="1:54" s="8" customFormat="1" ht="13.95" customHeight="1" x14ac:dyDescent="0.25">
      <c r="A7708" s="229" t="s">
        <v>18469</v>
      </c>
      <c r="B7708" s="96" t="s">
        <v>18307</v>
      </c>
      <c r="C7708" s="93" t="s">
        <v>18470</v>
      </c>
      <c r="D7708" s="93" t="s">
        <v>24296</v>
      </c>
      <c r="E7708" s="111">
        <v>1986</v>
      </c>
      <c r="F7708" s="111">
        <v>1848</v>
      </c>
      <c r="G7708" s="93" t="s">
        <v>1</v>
      </c>
      <c r="H7708" s="111">
        <v>1</v>
      </c>
      <c r="I7708" s="111">
        <v>0</v>
      </c>
      <c r="J7708" s="111">
        <v>1</v>
      </c>
      <c r="K7708" s="111">
        <v>1</v>
      </c>
      <c r="L7708" s="111">
        <v>1</v>
      </c>
      <c r="M7708" s="111">
        <v>1</v>
      </c>
      <c r="N7708" s="111">
        <v>0</v>
      </c>
      <c r="O7708" s="111">
        <v>1</v>
      </c>
      <c r="P7708" s="111">
        <v>1</v>
      </c>
      <c r="Q7708" s="111">
        <v>0</v>
      </c>
      <c r="R7708" s="111">
        <v>0</v>
      </c>
      <c r="S7708" s="111">
        <v>0</v>
      </c>
      <c r="T7708" s="111">
        <v>0</v>
      </c>
      <c r="U7708" s="111">
        <v>0</v>
      </c>
      <c r="V7708" s="111">
        <v>0</v>
      </c>
      <c r="W7708" s="111">
        <v>0</v>
      </c>
      <c r="X7708" s="111">
        <v>0</v>
      </c>
      <c r="Y7708" s="111">
        <v>0</v>
      </c>
      <c r="Z7708" s="111">
        <v>0</v>
      </c>
      <c r="AA7708" s="111">
        <v>0</v>
      </c>
      <c r="AB7708" s="111">
        <v>0</v>
      </c>
      <c r="AC7708" s="111">
        <v>0</v>
      </c>
      <c r="AD7708" s="111">
        <v>0</v>
      </c>
      <c r="AE7708" s="111">
        <v>0</v>
      </c>
      <c r="AF7708" s="111">
        <v>0</v>
      </c>
      <c r="AG7708" s="111">
        <v>0</v>
      </c>
      <c r="AH7708" s="111">
        <v>0</v>
      </c>
      <c r="AI7708" s="111">
        <v>0</v>
      </c>
      <c r="AJ7708" s="111">
        <v>0</v>
      </c>
      <c r="AK7708" s="111">
        <v>0</v>
      </c>
      <c r="AL7708" s="111">
        <v>0</v>
      </c>
      <c r="AM7708" s="111">
        <v>0</v>
      </c>
      <c r="AN7708" s="111">
        <v>0</v>
      </c>
      <c r="AO7708" s="111">
        <v>0</v>
      </c>
      <c r="AP7708" s="111">
        <v>0</v>
      </c>
      <c r="AQ7708" s="111">
        <v>0</v>
      </c>
      <c r="AR7708" s="111">
        <v>0</v>
      </c>
      <c r="AS7708" s="111">
        <v>0</v>
      </c>
      <c r="AT7708" s="111">
        <v>1</v>
      </c>
      <c r="AU7708" s="111">
        <v>0</v>
      </c>
      <c r="AV7708" s="111">
        <v>0</v>
      </c>
      <c r="AW7708" s="111">
        <v>0</v>
      </c>
      <c r="AX7708" s="112"/>
      <c r="AY7708" s="112"/>
      <c r="AZ7708" s="112"/>
      <c r="BA7708" s="112"/>
      <c r="BB7708" s="221">
        <v>45884</v>
      </c>
    </row>
    <row r="7709" spans="1:54" s="8" customFormat="1" ht="13.95" customHeight="1" x14ac:dyDescent="0.25">
      <c r="A7709" s="229" t="s">
        <v>18471</v>
      </c>
      <c r="B7709" s="96" t="s">
        <v>18307</v>
      </c>
      <c r="C7709" s="93" t="s">
        <v>18472</v>
      </c>
      <c r="D7709" s="93" t="s">
        <v>24297</v>
      </c>
      <c r="E7709" s="111">
        <v>1986</v>
      </c>
      <c r="F7709" s="111">
        <v>1924</v>
      </c>
      <c r="G7709" s="93" t="s">
        <v>20344</v>
      </c>
      <c r="H7709" s="111">
        <v>0</v>
      </c>
      <c r="I7709" s="111">
        <v>0</v>
      </c>
      <c r="J7709" s="111">
        <v>0</v>
      </c>
      <c r="K7709" s="111">
        <v>0</v>
      </c>
      <c r="L7709" s="111">
        <v>0</v>
      </c>
      <c r="M7709" s="111">
        <v>0</v>
      </c>
      <c r="N7709" s="111">
        <v>0</v>
      </c>
      <c r="O7709" s="111">
        <v>0</v>
      </c>
      <c r="P7709" s="111">
        <v>0</v>
      </c>
      <c r="Q7709" s="111">
        <v>0</v>
      </c>
      <c r="R7709" s="111">
        <v>0</v>
      </c>
      <c r="S7709" s="111">
        <v>0</v>
      </c>
      <c r="T7709" s="111">
        <v>0</v>
      </c>
      <c r="U7709" s="111">
        <v>0</v>
      </c>
      <c r="V7709" s="111">
        <v>0</v>
      </c>
      <c r="W7709" s="111">
        <v>0</v>
      </c>
      <c r="X7709" s="111">
        <v>0</v>
      </c>
      <c r="Y7709" s="111">
        <v>0</v>
      </c>
      <c r="Z7709" s="111">
        <v>0</v>
      </c>
      <c r="AA7709" s="111">
        <v>0</v>
      </c>
      <c r="AB7709" s="111">
        <v>0</v>
      </c>
      <c r="AC7709" s="111">
        <v>0</v>
      </c>
      <c r="AD7709" s="111">
        <v>0</v>
      </c>
      <c r="AE7709" s="111">
        <v>0</v>
      </c>
      <c r="AF7709" s="111">
        <v>0</v>
      </c>
      <c r="AG7709" s="111">
        <v>0</v>
      </c>
      <c r="AH7709" s="111">
        <v>0</v>
      </c>
      <c r="AI7709" s="111">
        <v>0</v>
      </c>
      <c r="AJ7709" s="111">
        <v>0</v>
      </c>
      <c r="AK7709" s="111">
        <v>0</v>
      </c>
      <c r="AL7709" s="111">
        <v>0</v>
      </c>
      <c r="AM7709" s="111">
        <v>0</v>
      </c>
      <c r="AN7709" s="111">
        <v>0</v>
      </c>
      <c r="AO7709" s="111">
        <v>0</v>
      </c>
      <c r="AP7709" s="111">
        <v>0</v>
      </c>
      <c r="AQ7709" s="111">
        <v>0</v>
      </c>
      <c r="AR7709" s="111">
        <v>0</v>
      </c>
      <c r="AS7709" s="111">
        <v>0</v>
      </c>
      <c r="AT7709" s="111">
        <v>1</v>
      </c>
      <c r="AU7709" s="111">
        <v>0</v>
      </c>
      <c r="AV7709" s="111">
        <v>0</v>
      </c>
      <c r="AW7709" s="111">
        <v>0</v>
      </c>
      <c r="AX7709" s="112"/>
      <c r="AY7709" s="112"/>
      <c r="AZ7709" s="112"/>
      <c r="BA7709" s="112"/>
      <c r="BB7709" s="221">
        <v>45884</v>
      </c>
    </row>
    <row r="7710" spans="1:54" s="8" customFormat="1" ht="13.95" customHeight="1" x14ac:dyDescent="0.25">
      <c r="A7710" s="229" t="s">
        <v>18473</v>
      </c>
      <c r="B7710" s="96" t="s">
        <v>18307</v>
      </c>
      <c r="C7710" s="93" t="s">
        <v>13541</v>
      </c>
      <c r="D7710" s="93" t="s">
        <v>24298</v>
      </c>
      <c r="E7710" s="111">
        <v>1984</v>
      </c>
      <c r="F7710" s="111">
        <v>1942</v>
      </c>
      <c r="G7710" s="93" t="s">
        <v>1</v>
      </c>
      <c r="H7710" s="111">
        <v>1</v>
      </c>
      <c r="I7710" s="111">
        <v>0</v>
      </c>
      <c r="J7710" s="111">
        <v>1</v>
      </c>
      <c r="K7710" s="111">
        <v>1</v>
      </c>
      <c r="L7710" s="111">
        <v>1</v>
      </c>
      <c r="M7710" s="111">
        <v>1</v>
      </c>
      <c r="N7710" s="111">
        <v>0</v>
      </c>
      <c r="O7710" s="111">
        <v>1</v>
      </c>
      <c r="P7710" s="111">
        <v>1</v>
      </c>
      <c r="Q7710" s="111">
        <v>0</v>
      </c>
      <c r="R7710" s="111">
        <v>0</v>
      </c>
      <c r="S7710" s="111">
        <v>0</v>
      </c>
      <c r="T7710" s="111">
        <v>0</v>
      </c>
      <c r="U7710" s="111">
        <v>0</v>
      </c>
      <c r="V7710" s="111">
        <v>0</v>
      </c>
      <c r="W7710" s="111">
        <v>0</v>
      </c>
      <c r="X7710" s="111">
        <v>0</v>
      </c>
      <c r="Y7710" s="111">
        <v>0</v>
      </c>
      <c r="Z7710" s="111">
        <v>0</v>
      </c>
      <c r="AA7710" s="111">
        <v>0</v>
      </c>
      <c r="AB7710" s="111">
        <v>0</v>
      </c>
      <c r="AC7710" s="111">
        <v>0</v>
      </c>
      <c r="AD7710" s="111">
        <v>0</v>
      </c>
      <c r="AE7710" s="111">
        <v>0</v>
      </c>
      <c r="AF7710" s="111">
        <v>0</v>
      </c>
      <c r="AG7710" s="111">
        <v>0</v>
      </c>
      <c r="AH7710" s="111">
        <v>0</v>
      </c>
      <c r="AI7710" s="111">
        <v>0</v>
      </c>
      <c r="AJ7710" s="111">
        <v>0</v>
      </c>
      <c r="AK7710" s="111">
        <v>0</v>
      </c>
      <c r="AL7710" s="111">
        <v>0</v>
      </c>
      <c r="AM7710" s="111">
        <v>0</v>
      </c>
      <c r="AN7710" s="111">
        <v>0</v>
      </c>
      <c r="AO7710" s="111">
        <v>0</v>
      </c>
      <c r="AP7710" s="111">
        <v>0</v>
      </c>
      <c r="AQ7710" s="111">
        <v>0</v>
      </c>
      <c r="AR7710" s="111">
        <v>0</v>
      </c>
      <c r="AS7710" s="111">
        <v>0</v>
      </c>
      <c r="AT7710" s="111">
        <v>1</v>
      </c>
      <c r="AU7710" s="111">
        <v>0</v>
      </c>
      <c r="AV7710" s="111">
        <v>0</v>
      </c>
      <c r="AW7710" s="111">
        <v>0</v>
      </c>
      <c r="AX7710" s="112"/>
      <c r="AY7710" s="112"/>
      <c r="AZ7710" s="112"/>
      <c r="BA7710" s="112"/>
      <c r="BB7710" s="221">
        <v>45884</v>
      </c>
    </row>
    <row r="7711" spans="1:54" s="8" customFormat="1" ht="13.95" customHeight="1" x14ac:dyDescent="0.25">
      <c r="A7711" s="229" t="s">
        <v>18474</v>
      </c>
      <c r="B7711" s="96" t="s">
        <v>18307</v>
      </c>
      <c r="C7711" s="93" t="s">
        <v>18475</v>
      </c>
      <c r="D7711" s="93" t="s">
        <v>24299</v>
      </c>
      <c r="E7711" s="111">
        <v>1980</v>
      </c>
      <c r="F7711" s="111">
        <v>1963</v>
      </c>
      <c r="G7711" s="93" t="s">
        <v>1</v>
      </c>
      <c r="H7711" s="111">
        <v>0</v>
      </c>
      <c r="I7711" s="111">
        <v>0</v>
      </c>
      <c r="J7711" s="111">
        <v>1</v>
      </c>
      <c r="K7711" s="111">
        <v>0</v>
      </c>
      <c r="L7711" s="111">
        <v>0</v>
      </c>
      <c r="M7711" s="111">
        <v>0</v>
      </c>
      <c r="N7711" s="111">
        <v>0</v>
      </c>
      <c r="O7711" s="111">
        <v>0</v>
      </c>
      <c r="P7711" s="111">
        <v>0</v>
      </c>
      <c r="Q7711" s="111">
        <v>0</v>
      </c>
      <c r="R7711" s="111">
        <v>0</v>
      </c>
      <c r="S7711" s="111">
        <v>0</v>
      </c>
      <c r="T7711" s="111">
        <v>0</v>
      </c>
      <c r="U7711" s="111">
        <v>0</v>
      </c>
      <c r="V7711" s="111">
        <v>0</v>
      </c>
      <c r="W7711" s="111">
        <v>0</v>
      </c>
      <c r="X7711" s="111">
        <v>0</v>
      </c>
      <c r="Y7711" s="111">
        <v>0</v>
      </c>
      <c r="Z7711" s="111">
        <v>0</v>
      </c>
      <c r="AA7711" s="111">
        <v>0</v>
      </c>
      <c r="AB7711" s="111">
        <v>0</v>
      </c>
      <c r="AC7711" s="111">
        <v>0</v>
      </c>
      <c r="AD7711" s="111">
        <v>0</v>
      </c>
      <c r="AE7711" s="111">
        <v>0</v>
      </c>
      <c r="AF7711" s="111">
        <v>0</v>
      </c>
      <c r="AG7711" s="111">
        <v>0</v>
      </c>
      <c r="AH7711" s="111">
        <v>0</v>
      </c>
      <c r="AI7711" s="111">
        <v>0</v>
      </c>
      <c r="AJ7711" s="111">
        <v>0</v>
      </c>
      <c r="AK7711" s="111">
        <v>0</v>
      </c>
      <c r="AL7711" s="111">
        <v>0</v>
      </c>
      <c r="AM7711" s="111">
        <v>0</v>
      </c>
      <c r="AN7711" s="111">
        <v>0</v>
      </c>
      <c r="AO7711" s="111">
        <v>0</v>
      </c>
      <c r="AP7711" s="111">
        <v>0</v>
      </c>
      <c r="AQ7711" s="111">
        <v>0</v>
      </c>
      <c r="AR7711" s="111">
        <v>0</v>
      </c>
      <c r="AS7711" s="111">
        <v>0</v>
      </c>
      <c r="AT7711" s="111">
        <v>1</v>
      </c>
      <c r="AU7711" s="111">
        <v>0</v>
      </c>
      <c r="AV7711" s="111">
        <v>0</v>
      </c>
      <c r="AW7711" s="111">
        <v>0</v>
      </c>
      <c r="AX7711" s="112"/>
      <c r="AY7711" s="112"/>
      <c r="AZ7711" s="112"/>
      <c r="BA7711" s="112"/>
      <c r="BB7711" s="221">
        <v>45884</v>
      </c>
    </row>
    <row r="7712" spans="1:54" s="8" customFormat="1" ht="13.95" customHeight="1" x14ac:dyDescent="0.25">
      <c r="A7712" s="229" t="s">
        <v>18476</v>
      </c>
      <c r="B7712" s="96" t="s">
        <v>18307</v>
      </c>
      <c r="C7712" s="93" t="s">
        <v>18477</v>
      </c>
      <c r="D7712" s="93" t="s">
        <v>24300</v>
      </c>
      <c r="E7712" s="111">
        <v>2005</v>
      </c>
      <c r="F7712" s="111">
        <v>1967</v>
      </c>
      <c r="G7712" s="93" t="s">
        <v>11</v>
      </c>
      <c r="H7712" s="111">
        <v>0</v>
      </c>
      <c r="I7712" s="111">
        <v>0</v>
      </c>
      <c r="J7712" s="111">
        <v>0</v>
      </c>
      <c r="K7712" s="111">
        <v>0</v>
      </c>
      <c r="L7712" s="111">
        <v>0</v>
      </c>
      <c r="M7712" s="111">
        <v>0</v>
      </c>
      <c r="N7712" s="111">
        <v>0</v>
      </c>
      <c r="O7712" s="111">
        <v>0</v>
      </c>
      <c r="P7712" s="111">
        <v>0</v>
      </c>
      <c r="Q7712" s="111">
        <v>0</v>
      </c>
      <c r="R7712" s="111">
        <v>0</v>
      </c>
      <c r="S7712" s="111">
        <v>0</v>
      </c>
      <c r="T7712" s="111">
        <v>0</v>
      </c>
      <c r="U7712" s="111">
        <v>0</v>
      </c>
      <c r="V7712" s="111">
        <v>0</v>
      </c>
      <c r="W7712" s="111">
        <v>0</v>
      </c>
      <c r="X7712" s="111">
        <v>0</v>
      </c>
      <c r="Y7712" s="111">
        <v>0</v>
      </c>
      <c r="Z7712" s="111">
        <v>0</v>
      </c>
      <c r="AA7712" s="111">
        <v>0</v>
      </c>
      <c r="AB7712" s="111">
        <v>0</v>
      </c>
      <c r="AC7712" s="111">
        <v>0</v>
      </c>
      <c r="AD7712" s="111">
        <v>0</v>
      </c>
      <c r="AE7712" s="111">
        <v>0</v>
      </c>
      <c r="AF7712" s="111">
        <v>0</v>
      </c>
      <c r="AG7712" s="111">
        <v>0</v>
      </c>
      <c r="AH7712" s="111">
        <v>0</v>
      </c>
      <c r="AI7712" s="111">
        <v>0</v>
      </c>
      <c r="AJ7712" s="111">
        <v>0</v>
      </c>
      <c r="AK7712" s="111">
        <v>0</v>
      </c>
      <c r="AL7712" s="111">
        <v>0</v>
      </c>
      <c r="AM7712" s="111">
        <v>0</v>
      </c>
      <c r="AN7712" s="111">
        <v>0</v>
      </c>
      <c r="AO7712" s="111">
        <v>0</v>
      </c>
      <c r="AP7712" s="111">
        <v>0</v>
      </c>
      <c r="AQ7712" s="111">
        <v>0</v>
      </c>
      <c r="AR7712" s="111">
        <v>0</v>
      </c>
      <c r="AS7712" s="111">
        <v>0</v>
      </c>
      <c r="AT7712" s="111">
        <v>0</v>
      </c>
      <c r="AU7712" s="111">
        <v>0</v>
      </c>
      <c r="AV7712" s="111">
        <v>0</v>
      </c>
      <c r="AW7712" s="111">
        <v>0</v>
      </c>
      <c r="AX7712" s="112"/>
      <c r="AY7712" s="112"/>
      <c r="AZ7712" s="112"/>
      <c r="BA7712" s="112"/>
      <c r="BB7712" s="221">
        <v>45884</v>
      </c>
    </row>
    <row r="7713" spans="1:54" s="8" customFormat="1" ht="13.95" customHeight="1" x14ac:dyDescent="0.25">
      <c r="A7713" s="229" t="s">
        <v>18478</v>
      </c>
      <c r="B7713" s="96" t="s">
        <v>18307</v>
      </c>
      <c r="C7713" s="93" t="s">
        <v>18479</v>
      </c>
      <c r="D7713" s="93" t="s">
        <v>24301</v>
      </c>
      <c r="E7713" s="111">
        <v>2016</v>
      </c>
      <c r="F7713" s="111">
        <v>2037</v>
      </c>
      <c r="G7713" s="93" t="s">
        <v>1</v>
      </c>
      <c r="H7713" s="111">
        <v>0</v>
      </c>
      <c r="I7713" s="111">
        <v>0</v>
      </c>
      <c r="J7713" s="111">
        <v>1</v>
      </c>
      <c r="K7713" s="111">
        <v>0</v>
      </c>
      <c r="L7713" s="111">
        <v>0</v>
      </c>
      <c r="M7713" s="111">
        <v>0</v>
      </c>
      <c r="N7713" s="111">
        <v>0</v>
      </c>
      <c r="O7713" s="111">
        <v>0</v>
      </c>
      <c r="P7713" s="111">
        <v>0</v>
      </c>
      <c r="Q7713" s="111">
        <v>0</v>
      </c>
      <c r="R7713" s="111">
        <v>0</v>
      </c>
      <c r="S7713" s="111">
        <v>0</v>
      </c>
      <c r="T7713" s="111">
        <v>0</v>
      </c>
      <c r="U7713" s="111">
        <v>0</v>
      </c>
      <c r="V7713" s="111">
        <v>0</v>
      </c>
      <c r="W7713" s="111">
        <v>0</v>
      </c>
      <c r="X7713" s="111">
        <v>0</v>
      </c>
      <c r="Y7713" s="111">
        <v>0</v>
      </c>
      <c r="Z7713" s="111">
        <v>0</v>
      </c>
      <c r="AA7713" s="111">
        <v>0</v>
      </c>
      <c r="AB7713" s="111">
        <v>0</v>
      </c>
      <c r="AC7713" s="111">
        <v>0</v>
      </c>
      <c r="AD7713" s="111">
        <v>0</v>
      </c>
      <c r="AE7713" s="111">
        <v>0</v>
      </c>
      <c r="AF7713" s="111">
        <v>0</v>
      </c>
      <c r="AG7713" s="111">
        <v>0</v>
      </c>
      <c r="AH7713" s="111">
        <v>0</v>
      </c>
      <c r="AI7713" s="111">
        <v>0</v>
      </c>
      <c r="AJ7713" s="111">
        <v>0</v>
      </c>
      <c r="AK7713" s="111">
        <v>0</v>
      </c>
      <c r="AL7713" s="111">
        <v>0</v>
      </c>
      <c r="AM7713" s="111">
        <v>0</v>
      </c>
      <c r="AN7713" s="111">
        <v>0</v>
      </c>
      <c r="AO7713" s="111">
        <v>0</v>
      </c>
      <c r="AP7713" s="111">
        <v>0</v>
      </c>
      <c r="AQ7713" s="111">
        <v>0</v>
      </c>
      <c r="AR7713" s="111">
        <v>0</v>
      </c>
      <c r="AS7713" s="111">
        <v>0</v>
      </c>
      <c r="AT7713" s="111">
        <v>0</v>
      </c>
      <c r="AU7713" s="111">
        <v>0</v>
      </c>
      <c r="AV7713" s="111">
        <v>0</v>
      </c>
      <c r="AW7713" s="111">
        <v>0</v>
      </c>
      <c r="AX7713" s="112"/>
      <c r="AY7713" s="112"/>
      <c r="AZ7713" s="112"/>
      <c r="BA7713" s="112"/>
      <c r="BB7713" s="221">
        <v>45884</v>
      </c>
    </row>
    <row r="7714" spans="1:54" s="8" customFormat="1" ht="13.95" customHeight="1" x14ac:dyDescent="0.25">
      <c r="A7714" s="229" t="s">
        <v>18480</v>
      </c>
      <c r="B7714" s="96" t="s">
        <v>18307</v>
      </c>
      <c r="C7714" s="93" t="s">
        <v>18481</v>
      </c>
      <c r="D7714" s="93" t="s">
        <v>24302</v>
      </c>
      <c r="E7714" s="111">
        <v>1987</v>
      </c>
      <c r="F7714" s="111">
        <v>2037</v>
      </c>
      <c r="G7714" s="93" t="s">
        <v>20344</v>
      </c>
      <c r="H7714" s="111">
        <v>0</v>
      </c>
      <c r="I7714" s="111">
        <v>0</v>
      </c>
      <c r="J7714" s="111">
        <v>0</v>
      </c>
      <c r="K7714" s="111">
        <v>0</v>
      </c>
      <c r="L7714" s="111">
        <v>0</v>
      </c>
      <c r="M7714" s="111">
        <v>0</v>
      </c>
      <c r="N7714" s="111">
        <v>0</v>
      </c>
      <c r="O7714" s="111">
        <v>0</v>
      </c>
      <c r="P7714" s="111">
        <v>0</v>
      </c>
      <c r="Q7714" s="111">
        <v>0</v>
      </c>
      <c r="R7714" s="111">
        <v>0</v>
      </c>
      <c r="S7714" s="111">
        <v>0</v>
      </c>
      <c r="T7714" s="111">
        <v>0</v>
      </c>
      <c r="U7714" s="111">
        <v>0</v>
      </c>
      <c r="V7714" s="111">
        <v>0</v>
      </c>
      <c r="W7714" s="111">
        <v>0</v>
      </c>
      <c r="X7714" s="111">
        <v>0</v>
      </c>
      <c r="Y7714" s="111">
        <v>0</v>
      </c>
      <c r="Z7714" s="111">
        <v>0</v>
      </c>
      <c r="AA7714" s="111">
        <v>0</v>
      </c>
      <c r="AB7714" s="111">
        <v>0</v>
      </c>
      <c r="AC7714" s="111">
        <v>0</v>
      </c>
      <c r="AD7714" s="111">
        <v>0</v>
      </c>
      <c r="AE7714" s="111">
        <v>0</v>
      </c>
      <c r="AF7714" s="111">
        <v>0</v>
      </c>
      <c r="AG7714" s="111">
        <v>0</v>
      </c>
      <c r="AH7714" s="111">
        <v>0</v>
      </c>
      <c r="AI7714" s="111">
        <v>0</v>
      </c>
      <c r="AJ7714" s="111">
        <v>0</v>
      </c>
      <c r="AK7714" s="111">
        <v>0</v>
      </c>
      <c r="AL7714" s="111">
        <v>0</v>
      </c>
      <c r="AM7714" s="111">
        <v>0</v>
      </c>
      <c r="AN7714" s="111">
        <v>0</v>
      </c>
      <c r="AO7714" s="111">
        <v>0</v>
      </c>
      <c r="AP7714" s="111">
        <v>0</v>
      </c>
      <c r="AQ7714" s="111">
        <v>0</v>
      </c>
      <c r="AR7714" s="111">
        <v>0</v>
      </c>
      <c r="AS7714" s="111">
        <v>0</v>
      </c>
      <c r="AT7714" s="111">
        <v>0</v>
      </c>
      <c r="AU7714" s="111">
        <v>0</v>
      </c>
      <c r="AV7714" s="111">
        <v>0</v>
      </c>
      <c r="AW7714" s="111">
        <v>0</v>
      </c>
      <c r="AX7714" s="112"/>
      <c r="AY7714" s="112"/>
      <c r="AZ7714" s="112"/>
      <c r="BA7714" s="112"/>
      <c r="BB7714" s="221">
        <v>45884</v>
      </c>
    </row>
    <row r="7715" spans="1:54" s="8" customFormat="1" ht="13.95" customHeight="1" x14ac:dyDescent="0.25">
      <c r="A7715" s="229" t="s">
        <v>18482</v>
      </c>
      <c r="B7715" s="96" t="s">
        <v>18307</v>
      </c>
      <c r="C7715" s="93" t="s">
        <v>18483</v>
      </c>
      <c r="D7715" s="93" t="s">
        <v>24303</v>
      </c>
      <c r="E7715" s="111">
        <v>1986</v>
      </c>
      <c r="F7715" s="111">
        <v>2053</v>
      </c>
      <c r="G7715" s="93" t="s">
        <v>1</v>
      </c>
      <c r="H7715" s="111">
        <v>0</v>
      </c>
      <c r="I7715" s="111">
        <v>0</v>
      </c>
      <c r="J7715" s="111">
        <v>0</v>
      </c>
      <c r="K7715" s="111">
        <v>0</v>
      </c>
      <c r="L7715" s="111">
        <v>0</v>
      </c>
      <c r="M7715" s="111">
        <v>0</v>
      </c>
      <c r="N7715" s="111">
        <v>0</v>
      </c>
      <c r="O7715" s="111">
        <v>1</v>
      </c>
      <c r="P7715" s="111">
        <v>1</v>
      </c>
      <c r="Q7715" s="111">
        <v>0</v>
      </c>
      <c r="R7715" s="111">
        <v>0</v>
      </c>
      <c r="S7715" s="111">
        <v>0</v>
      </c>
      <c r="T7715" s="111">
        <v>0</v>
      </c>
      <c r="U7715" s="111">
        <v>0</v>
      </c>
      <c r="V7715" s="111">
        <v>0</v>
      </c>
      <c r="W7715" s="111">
        <v>0</v>
      </c>
      <c r="X7715" s="111">
        <v>0</v>
      </c>
      <c r="Y7715" s="111">
        <v>0</v>
      </c>
      <c r="Z7715" s="111">
        <v>0</v>
      </c>
      <c r="AA7715" s="111">
        <v>0</v>
      </c>
      <c r="AB7715" s="111">
        <v>0</v>
      </c>
      <c r="AC7715" s="111">
        <v>0</v>
      </c>
      <c r="AD7715" s="111">
        <v>0</v>
      </c>
      <c r="AE7715" s="111">
        <v>0</v>
      </c>
      <c r="AF7715" s="111">
        <v>0</v>
      </c>
      <c r="AG7715" s="111">
        <v>0</v>
      </c>
      <c r="AH7715" s="111">
        <v>0</v>
      </c>
      <c r="AI7715" s="111">
        <v>0</v>
      </c>
      <c r="AJ7715" s="111">
        <v>0</v>
      </c>
      <c r="AK7715" s="111">
        <v>0</v>
      </c>
      <c r="AL7715" s="111">
        <v>0</v>
      </c>
      <c r="AM7715" s="111">
        <v>0</v>
      </c>
      <c r="AN7715" s="111">
        <v>0</v>
      </c>
      <c r="AO7715" s="111">
        <v>0</v>
      </c>
      <c r="AP7715" s="111">
        <v>0</v>
      </c>
      <c r="AQ7715" s="111">
        <v>0</v>
      </c>
      <c r="AR7715" s="111">
        <v>0</v>
      </c>
      <c r="AS7715" s="111">
        <v>0</v>
      </c>
      <c r="AT7715" s="111">
        <v>1</v>
      </c>
      <c r="AU7715" s="111">
        <v>0</v>
      </c>
      <c r="AV7715" s="111">
        <v>0</v>
      </c>
      <c r="AW7715" s="111">
        <v>0</v>
      </c>
      <c r="AX7715" s="112"/>
      <c r="AY7715" s="112"/>
      <c r="AZ7715" s="112"/>
      <c r="BA7715" s="112"/>
      <c r="BB7715" s="221">
        <v>45884</v>
      </c>
    </row>
    <row r="7716" spans="1:54" s="8" customFormat="1" ht="13.95" customHeight="1" x14ac:dyDescent="0.25">
      <c r="A7716" s="229" t="s">
        <v>18484</v>
      </c>
      <c r="B7716" s="96" t="s">
        <v>18307</v>
      </c>
      <c r="C7716" s="93" t="s">
        <v>18485</v>
      </c>
      <c r="D7716" s="93" t="s">
        <v>24304</v>
      </c>
      <c r="E7716" s="111">
        <v>2005</v>
      </c>
      <c r="F7716" s="111">
        <v>2213</v>
      </c>
      <c r="G7716" s="93" t="s">
        <v>20344</v>
      </c>
      <c r="H7716" s="111">
        <v>0</v>
      </c>
      <c r="I7716" s="111">
        <v>0</v>
      </c>
      <c r="J7716" s="111">
        <v>0</v>
      </c>
      <c r="K7716" s="111">
        <v>0</v>
      </c>
      <c r="L7716" s="111">
        <v>0</v>
      </c>
      <c r="M7716" s="111">
        <v>0</v>
      </c>
      <c r="N7716" s="111">
        <v>0</v>
      </c>
      <c r="O7716" s="111">
        <v>0</v>
      </c>
      <c r="P7716" s="111">
        <v>0</v>
      </c>
      <c r="Q7716" s="111">
        <v>0</v>
      </c>
      <c r="R7716" s="111">
        <v>0</v>
      </c>
      <c r="S7716" s="111">
        <v>0</v>
      </c>
      <c r="T7716" s="111">
        <v>0</v>
      </c>
      <c r="U7716" s="111">
        <v>0</v>
      </c>
      <c r="V7716" s="111">
        <v>0</v>
      </c>
      <c r="W7716" s="111">
        <v>0</v>
      </c>
      <c r="X7716" s="111">
        <v>0</v>
      </c>
      <c r="Y7716" s="111">
        <v>0</v>
      </c>
      <c r="Z7716" s="111">
        <v>0</v>
      </c>
      <c r="AA7716" s="111">
        <v>0</v>
      </c>
      <c r="AB7716" s="111">
        <v>0</v>
      </c>
      <c r="AC7716" s="111">
        <v>0</v>
      </c>
      <c r="AD7716" s="111">
        <v>0</v>
      </c>
      <c r="AE7716" s="111">
        <v>0</v>
      </c>
      <c r="AF7716" s="111">
        <v>0</v>
      </c>
      <c r="AG7716" s="111">
        <v>0</v>
      </c>
      <c r="AH7716" s="111">
        <v>0</v>
      </c>
      <c r="AI7716" s="111">
        <v>0</v>
      </c>
      <c r="AJ7716" s="111">
        <v>0</v>
      </c>
      <c r="AK7716" s="111">
        <v>0</v>
      </c>
      <c r="AL7716" s="111">
        <v>0</v>
      </c>
      <c r="AM7716" s="111">
        <v>0</v>
      </c>
      <c r="AN7716" s="111">
        <v>0</v>
      </c>
      <c r="AO7716" s="111">
        <v>0</v>
      </c>
      <c r="AP7716" s="111">
        <v>0</v>
      </c>
      <c r="AQ7716" s="111">
        <v>0</v>
      </c>
      <c r="AR7716" s="111">
        <v>0</v>
      </c>
      <c r="AS7716" s="111">
        <v>0</v>
      </c>
      <c r="AT7716" s="111">
        <v>1</v>
      </c>
      <c r="AU7716" s="111">
        <v>0</v>
      </c>
      <c r="AV7716" s="111">
        <v>0</v>
      </c>
      <c r="AW7716" s="111">
        <v>0</v>
      </c>
      <c r="AX7716" s="112"/>
      <c r="AY7716" s="112"/>
      <c r="AZ7716" s="112"/>
      <c r="BA7716" s="112"/>
      <c r="BB7716" s="221">
        <v>45884</v>
      </c>
    </row>
    <row r="7717" spans="1:54" s="8" customFormat="1" ht="13.95" customHeight="1" x14ac:dyDescent="0.25">
      <c r="A7717" s="229" t="s">
        <v>18486</v>
      </c>
      <c r="B7717" s="96" t="s">
        <v>18307</v>
      </c>
      <c r="C7717" s="93" t="s">
        <v>18487</v>
      </c>
      <c r="D7717" s="93" t="s">
        <v>24305</v>
      </c>
      <c r="E7717" s="111">
        <v>1986</v>
      </c>
      <c r="F7717" s="111">
        <v>2394</v>
      </c>
      <c r="G7717" s="93" t="s">
        <v>1</v>
      </c>
      <c r="H7717" s="111">
        <v>1</v>
      </c>
      <c r="I7717" s="111">
        <v>0</v>
      </c>
      <c r="J7717" s="111">
        <v>1</v>
      </c>
      <c r="K7717" s="111">
        <v>0</v>
      </c>
      <c r="L7717" s="111">
        <v>1</v>
      </c>
      <c r="M7717" s="111">
        <v>0</v>
      </c>
      <c r="N7717" s="111">
        <v>0</v>
      </c>
      <c r="O7717" s="111">
        <v>1</v>
      </c>
      <c r="P7717" s="111">
        <v>1</v>
      </c>
      <c r="Q7717" s="111">
        <v>1</v>
      </c>
      <c r="R7717" s="111">
        <v>0</v>
      </c>
      <c r="S7717" s="111">
        <v>0</v>
      </c>
      <c r="T7717" s="111">
        <v>0</v>
      </c>
      <c r="U7717" s="111">
        <v>0</v>
      </c>
      <c r="V7717" s="111">
        <v>0</v>
      </c>
      <c r="W7717" s="111">
        <v>0</v>
      </c>
      <c r="X7717" s="111">
        <v>0</v>
      </c>
      <c r="Y7717" s="111">
        <v>0</v>
      </c>
      <c r="Z7717" s="111">
        <v>0</v>
      </c>
      <c r="AA7717" s="111">
        <v>0</v>
      </c>
      <c r="AB7717" s="111">
        <v>0</v>
      </c>
      <c r="AC7717" s="111">
        <v>0</v>
      </c>
      <c r="AD7717" s="111">
        <v>0</v>
      </c>
      <c r="AE7717" s="111">
        <v>0</v>
      </c>
      <c r="AF7717" s="111">
        <v>0</v>
      </c>
      <c r="AG7717" s="111">
        <v>0</v>
      </c>
      <c r="AH7717" s="111">
        <v>0</v>
      </c>
      <c r="AI7717" s="111">
        <v>0</v>
      </c>
      <c r="AJ7717" s="111">
        <v>0</v>
      </c>
      <c r="AK7717" s="111">
        <v>0</v>
      </c>
      <c r="AL7717" s="111">
        <v>0</v>
      </c>
      <c r="AM7717" s="111">
        <v>0</v>
      </c>
      <c r="AN7717" s="111">
        <v>0</v>
      </c>
      <c r="AO7717" s="111">
        <v>0</v>
      </c>
      <c r="AP7717" s="111">
        <v>0</v>
      </c>
      <c r="AQ7717" s="111">
        <v>0</v>
      </c>
      <c r="AR7717" s="111">
        <v>0</v>
      </c>
      <c r="AS7717" s="111">
        <v>0</v>
      </c>
      <c r="AT7717" s="111">
        <v>1</v>
      </c>
      <c r="AU7717" s="111">
        <v>0</v>
      </c>
      <c r="AV7717" s="111">
        <v>0</v>
      </c>
      <c r="AW7717" s="111">
        <v>0</v>
      </c>
      <c r="AX7717" s="112"/>
      <c r="AY7717" s="112"/>
      <c r="AZ7717" s="112"/>
      <c r="BA7717" s="112"/>
      <c r="BB7717" s="221">
        <v>45884</v>
      </c>
    </row>
    <row r="7718" spans="1:54" s="8" customFormat="1" ht="13.95" customHeight="1" x14ac:dyDescent="0.25">
      <c r="A7718" s="229" t="s">
        <v>18488</v>
      </c>
      <c r="B7718" s="96" t="s">
        <v>18307</v>
      </c>
      <c r="C7718" s="93" t="s">
        <v>18489</v>
      </c>
      <c r="D7718" s="93" t="s">
        <v>24306</v>
      </c>
      <c r="E7718" s="111">
        <v>2003</v>
      </c>
      <c r="F7718" s="111">
        <v>2495</v>
      </c>
      <c r="G7718" s="93" t="s">
        <v>1</v>
      </c>
      <c r="H7718" s="111">
        <v>0</v>
      </c>
      <c r="I7718" s="111">
        <v>0</v>
      </c>
      <c r="J7718" s="111">
        <v>1</v>
      </c>
      <c r="K7718" s="111">
        <v>1</v>
      </c>
      <c r="L7718" s="111">
        <v>0</v>
      </c>
      <c r="M7718" s="111">
        <v>0</v>
      </c>
      <c r="N7718" s="111">
        <v>0</v>
      </c>
      <c r="O7718" s="111">
        <v>1</v>
      </c>
      <c r="P7718" s="111">
        <v>1</v>
      </c>
      <c r="Q7718" s="111">
        <v>0</v>
      </c>
      <c r="R7718" s="111">
        <v>0</v>
      </c>
      <c r="S7718" s="111">
        <v>0</v>
      </c>
      <c r="T7718" s="111">
        <v>0</v>
      </c>
      <c r="U7718" s="111">
        <v>0</v>
      </c>
      <c r="V7718" s="111">
        <v>0</v>
      </c>
      <c r="W7718" s="111">
        <v>0</v>
      </c>
      <c r="X7718" s="111">
        <v>0</v>
      </c>
      <c r="Y7718" s="111">
        <v>0</v>
      </c>
      <c r="Z7718" s="111">
        <v>0</v>
      </c>
      <c r="AA7718" s="111">
        <v>0</v>
      </c>
      <c r="AB7718" s="111">
        <v>0</v>
      </c>
      <c r="AC7718" s="111">
        <v>0</v>
      </c>
      <c r="AD7718" s="111">
        <v>0</v>
      </c>
      <c r="AE7718" s="111">
        <v>0</v>
      </c>
      <c r="AF7718" s="111">
        <v>0</v>
      </c>
      <c r="AG7718" s="111">
        <v>0</v>
      </c>
      <c r="AH7718" s="111">
        <v>0</v>
      </c>
      <c r="AI7718" s="111">
        <v>0</v>
      </c>
      <c r="AJ7718" s="111">
        <v>0</v>
      </c>
      <c r="AK7718" s="111">
        <v>0</v>
      </c>
      <c r="AL7718" s="111">
        <v>0</v>
      </c>
      <c r="AM7718" s="111">
        <v>0</v>
      </c>
      <c r="AN7718" s="111">
        <v>0</v>
      </c>
      <c r="AO7718" s="111">
        <v>0</v>
      </c>
      <c r="AP7718" s="111">
        <v>0</v>
      </c>
      <c r="AQ7718" s="111">
        <v>0</v>
      </c>
      <c r="AR7718" s="111">
        <v>0</v>
      </c>
      <c r="AS7718" s="111">
        <v>0</v>
      </c>
      <c r="AT7718" s="111">
        <v>1</v>
      </c>
      <c r="AU7718" s="111">
        <v>0</v>
      </c>
      <c r="AV7718" s="111">
        <v>0</v>
      </c>
      <c r="AW7718" s="111">
        <v>0</v>
      </c>
      <c r="AX7718" s="112"/>
      <c r="AY7718" s="112"/>
      <c r="AZ7718" s="112"/>
      <c r="BA7718" s="112"/>
      <c r="BB7718" s="221">
        <v>45884</v>
      </c>
    </row>
    <row r="7719" spans="1:54" s="8" customFormat="1" ht="13.95" customHeight="1" x14ac:dyDescent="0.25">
      <c r="A7719" s="229" t="s">
        <v>18490</v>
      </c>
      <c r="B7719" s="96" t="s">
        <v>18307</v>
      </c>
      <c r="C7719" s="93" t="s">
        <v>18491</v>
      </c>
      <c r="D7719" s="93" t="s">
        <v>24307</v>
      </c>
      <c r="E7719" s="111">
        <v>1980</v>
      </c>
      <c r="F7719" s="111">
        <v>2588</v>
      </c>
      <c r="G7719" s="93" t="s">
        <v>1</v>
      </c>
      <c r="H7719" s="111">
        <v>0</v>
      </c>
      <c r="I7719" s="111">
        <v>0</v>
      </c>
      <c r="J7719" s="111">
        <v>1</v>
      </c>
      <c r="K7719" s="111">
        <v>1</v>
      </c>
      <c r="L7719" s="111">
        <v>1</v>
      </c>
      <c r="M7719" s="111">
        <v>0</v>
      </c>
      <c r="N7719" s="111">
        <v>0</v>
      </c>
      <c r="O7719" s="111">
        <v>1</v>
      </c>
      <c r="P7719" s="111">
        <v>1</v>
      </c>
      <c r="Q7719" s="111">
        <v>0</v>
      </c>
      <c r="R7719" s="111">
        <v>0</v>
      </c>
      <c r="S7719" s="111">
        <v>0</v>
      </c>
      <c r="T7719" s="111">
        <v>0</v>
      </c>
      <c r="U7719" s="111">
        <v>0</v>
      </c>
      <c r="V7719" s="111">
        <v>0</v>
      </c>
      <c r="W7719" s="111">
        <v>0</v>
      </c>
      <c r="X7719" s="111">
        <v>0</v>
      </c>
      <c r="Y7719" s="111">
        <v>0</v>
      </c>
      <c r="Z7719" s="111">
        <v>0</v>
      </c>
      <c r="AA7719" s="111">
        <v>0</v>
      </c>
      <c r="AB7719" s="111">
        <v>0</v>
      </c>
      <c r="AC7719" s="111">
        <v>0</v>
      </c>
      <c r="AD7719" s="111">
        <v>0</v>
      </c>
      <c r="AE7719" s="111">
        <v>0</v>
      </c>
      <c r="AF7719" s="111">
        <v>0</v>
      </c>
      <c r="AG7719" s="111">
        <v>0</v>
      </c>
      <c r="AH7719" s="111">
        <v>0</v>
      </c>
      <c r="AI7719" s="111">
        <v>0</v>
      </c>
      <c r="AJ7719" s="111">
        <v>0</v>
      </c>
      <c r="AK7719" s="111">
        <v>0</v>
      </c>
      <c r="AL7719" s="111">
        <v>0</v>
      </c>
      <c r="AM7719" s="111">
        <v>0</v>
      </c>
      <c r="AN7719" s="111">
        <v>0</v>
      </c>
      <c r="AO7719" s="111">
        <v>0</v>
      </c>
      <c r="AP7719" s="111">
        <v>0</v>
      </c>
      <c r="AQ7719" s="111">
        <v>0</v>
      </c>
      <c r="AR7719" s="111">
        <v>0</v>
      </c>
      <c r="AS7719" s="111">
        <v>0</v>
      </c>
      <c r="AT7719" s="111">
        <v>1</v>
      </c>
      <c r="AU7719" s="111">
        <v>0</v>
      </c>
      <c r="AV7719" s="111">
        <v>0</v>
      </c>
      <c r="AW7719" s="111">
        <v>0</v>
      </c>
      <c r="AX7719" s="112"/>
      <c r="AY7719" s="112"/>
      <c r="AZ7719" s="112"/>
      <c r="BA7719" s="112"/>
      <c r="BB7719" s="221">
        <v>45884</v>
      </c>
    </row>
    <row r="7720" spans="1:54" s="8" customFormat="1" ht="13.95" customHeight="1" x14ac:dyDescent="0.25">
      <c r="A7720" s="229" t="s">
        <v>18492</v>
      </c>
      <c r="B7720" s="96" t="s">
        <v>18307</v>
      </c>
      <c r="C7720" s="93" t="s">
        <v>18493</v>
      </c>
      <c r="D7720" s="93" t="s">
        <v>24308</v>
      </c>
      <c r="E7720" s="111">
        <v>2012</v>
      </c>
      <c r="F7720" s="111">
        <v>2681</v>
      </c>
      <c r="G7720" s="93" t="s">
        <v>1</v>
      </c>
      <c r="H7720" s="111">
        <v>0</v>
      </c>
      <c r="I7720" s="111">
        <v>0</v>
      </c>
      <c r="J7720" s="111">
        <v>1</v>
      </c>
      <c r="K7720" s="111">
        <v>0</v>
      </c>
      <c r="L7720" s="111">
        <v>0</v>
      </c>
      <c r="M7720" s="111">
        <v>0</v>
      </c>
      <c r="N7720" s="111">
        <v>0</v>
      </c>
      <c r="O7720" s="111">
        <v>0</v>
      </c>
      <c r="P7720" s="111">
        <v>0</v>
      </c>
      <c r="Q7720" s="111">
        <v>0</v>
      </c>
      <c r="R7720" s="111">
        <v>0</v>
      </c>
      <c r="S7720" s="111">
        <v>0</v>
      </c>
      <c r="T7720" s="111">
        <v>0</v>
      </c>
      <c r="U7720" s="111">
        <v>0</v>
      </c>
      <c r="V7720" s="111">
        <v>0</v>
      </c>
      <c r="W7720" s="111">
        <v>0</v>
      </c>
      <c r="X7720" s="111">
        <v>0</v>
      </c>
      <c r="Y7720" s="111">
        <v>0</v>
      </c>
      <c r="Z7720" s="111">
        <v>0</v>
      </c>
      <c r="AA7720" s="111">
        <v>0</v>
      </c>
      <c r="AB7720" s="111">
        <v>0</v>
      </c>
      <c r="AC7720" s="111">
        <v>0</v>
      </c>
      <c r="AD7720" s="111">
        <v>0</v>
      </c>
      <c r="AE7720" s="111">
        <v>0</v>
      </c>
      <c r="AF7720" s="111">
        <v>0</v>
      </c>
      <c r="AG7720" s="111">
        <v>0</v>
      </c>
      <c r="AH7720" s="111">
        <v>0</v>
      </c>
      <c r="AI7720" s="111">
        <v>0</v>
      </c>
      <c r="AJ7720" s="111">
        <v>0</v>
      </c>
      <c r="AK7720" s="111">
        <v>0</v>
      </c>
      <c r="AL7720" s="111">
        <v>0</v>
      </c>
      <c r="AM7720" s="111">
        <v>0</v>
      </c>
      <c r="AN7720" s="111">
        <v>0</v>
      </c>
      <c r="AO7720" s="111">
        <v>0</v>
      </c>
      <c r="AP7720" s="111">
        <v>0</v>
      </c>
      <c r="AQ7720" s="111">
        <v>0</v>
      </c>
      <c r="AR7720" s="111">
        <v>0</v>
      </c>
      <c r="AS7720" s="111">
        <v>0</v>
      </c>
      <c r="AT7720" s="111">
        <v>1</v>
      </c>
      <c r="AU7720" s="111">
        <v>0</v>
      </c>
      <c r="AV7720" s="111">
        <v>0</v>
      </c>
      <c r="AW7720" s="111">
        <v>0</v>
      </c>
      <c r="AX7720" s="112"/>
      <c r="AY7720" s="112"/>
      <c r="AZ7720" s="112"/>
      <c r="BA7720" s="112"/>
      <c r="BB7720" s="221">
        <v>45884</v>
      </c>
    </row>
    <row r="7721" spans="1:54" s="8" customFormat="1" ht="13.95" customHeight="1" x14ac:dyDescent="0.25">
      <c r="A7721" s="229" t="s">
        <v>18494</v>
      </c>
      <c r="B7721" s="96" t="s">
        <v>18307</v>
      </c>
      <c r="C7721" s="93" t="s">
        <v>18495</v>
      </c>
      <c r="D7721" s="93" t="s">
        <v>24309</v>
      </c>
      <c r="E7721" s="111">
        <v>2015</v>
      </c>
      <c r="F7721" s="111">
        <v>2676</v>
      </c>
      <c r="G7721" s="93" t="s">
        <v>20344</v>
      </c>
      <c r="H7721" s="111">
        <v>0</v>
      </c>
      <c r="I7721" s="111">
        <v>0</v>
      </c>
      <c r="J7721" s="111">
        <v>0</v>
      </c>
      <c r="K7721" s="111">
        <v>0</v>
      </c>
      <c r="L7721" s="111">
        <v>0</v>
      </c>
      <c r="M7721" s="111">
        <v>0</v>
      </c>
      <c r="N7721" s="111">
        <v>0</v>
      </c>
      <c r="O7721" s="111">
        <v>0</v>
      </c>
      <c r="P7721" s="111">
        <v>0</v>
      </c>
      <c r="Q7721" s="111">
        <v>0</v>
      </c>
      <c r="R7721" s="111">
        <v>0</v>
      </c>
      <c r="S7721" s="111">
        <v>0</v>
      </c>
      <c r="T7721" s="111">
        <v>0</v>
      </c>
      <c r="U7721" s="111">
        <v>0</v>
      </c>
      <c r="V7721" s="111">
        <v>0</v>
      </c>
      <c r="W7721" s="111">
        <v>0</v>
      </c>
      <c r="X7721" s="111">
        <v>0</v>
      </c>
      <c r="Y7721" s="111">
        <v>0</v>
      </c>
      <c r="Z7721" s="111">
        <v>0</v>
      </c>
      <c r="AA7721" s="111">
        <v>0</v>
      </c>
      <c r="AB7721" s="111">
        <v>0</v>
      </c>
      <c r="AC7721" s="111">
        <v>0</v>
      </c>
      <c r="AD7721" s="111">
        <v>0</v>
      </c>
      <c r="AE7721" s="111">
        <v>0</v>
      </c>
      <c r="AF7721" s="111">
        <v>0</v>
      </c>
      <c r="AG7721" s="111">
        <v>0</v>
      </c>
      <c r="AH7721" s="111">
        <v>0</v>
      </c>
      <c r="AI7721" s="111">
        <v>0</v>
      </c>
      <c r="AJ7721" s="111">
        <v>0</v>
      </c>
      <c r="AK7721" s="111">
        <v>0</v>
      </c>
      <c r="AL7721" s="111">
        <v>0</v>
      </c>
      <c r="AM7721" s="111">
        <v>0</v>
      </c>
      <c r="AN7721" s="111">
        <v>0</v>
      </c>
      <c r="AO7721" s="111">
        <v>0</v>
      </c>
      <c r="AP7721" s="111">
        <v>0</v>
      </c>
      <c r="AQ7721" s="111">
        <v>0</v>
      </c>
      <c r="AR7721" s="111">
        <v>0</v>
      </c>
      <c r="AS7721" s="111">
        <v>0</v>
      </c>
      <c r="AT7721" s="111">
        <v>0</v>
      </c>
      <c r="AU7721" s="111">
        <v>0</v>
      </c>
      <c r="AV7721" s="111">
        <v>0</v>
      </c>
      <c r="AW7721" s="111">
        <v>0</v>
      </c>
      <c r="AX7721" s="112"/>
      <c r="AY7721" s="112"/>
      <c r="AZ7721" s="112"/>
      <c r="BA7721" s="112"/>
      <c r="BB7721" s="221">
        <v>45884</v>
      </c>
    </row>
    <row r="7722" spans="1:54" s="8" customFormat="1" ht="13.95" customHeight="1" x14ac:dyDescent="0.25">
      <c r="A7722" s="229" t="s">
        <v>18496</v>
      </c>
      <c r="B7722" s="96" t="s">
        <v>18307</v>
      </c>
      <c r="C7722" s="93" t="s">
        <v>18497</v>
      </c>
      <c r="D7722" s="93" t="s">
        <v>24310</v>
      </c>
      <c r="E7722" s="111">
        <v>1980</v>
      </c>
      <c r="F7722" s="111">
        <v>2877</v>
      </c>
      <c r="G7722" s="93" t="s">
        <v>1</v>
      </c>
      <c r="H7722" s="111">
        <v>0</v>
      </c>
      <c r="I7722" s="111">
        <v>0</v>
      </c>
      <c r="J7722" s="111">
        <v>1</v>
      </c>
      <c r="K7722" s="111">
        <v>0</v>
      </c>
      <c r="L7722" s="111">
        <v>1</v>
      </c>
      <c r="M7722" s="111">
        <v>0</v>
      </c>
      <c r="N7722" s="111">
        <v>0</v>
      </c>
      <c r="O7722" s="111">
        <v>1</v>
      </c>
      <c r="P7722" s="111">
        <v>1</v>
      </c>
      <c r="Q7722" s="111">
        <v>0</v>
      </c>
      <c r="R7722" s="111">
        <v>0</v>
      </c>
      <c r="S7722" s="111">
        <v>0</v>
      </c>
      <c r="T7722" s="111">
        <v>0</v>
      </c>
      <c r="U7722" s="111">
        <v>0</v>
      </c>
      <c r="V7722" s="111">
        <v>0</v>
      </c>
      <c r="W7722" s="111">
        <v>0</v>
      </c>
      <c r="X7722" s="111">
        <v>0</v>
      </c>
      <c r="Y7722" s="111">
        <v>0</v>
      </c>
      <c r="Z7722" s="111">
        <v>0</v>
      </c>
      <c r="AA7722" s="111">
        <v>0</v>
      </c>
      <c r="AB7722" s="111">
        <v>0</v>
      </c>
      <c r="AC7722" s="111">
        <v>0</v>
      </c>
      <c r="AD7722" s="111">
        <v>0</v>
      </c>
      <c r="AE7722" s="111">
        <v>0</v>
      </c>
      <c r="AF7722" s="111">
        <v>0</v>
      </c>
      <c r="AG7722" s="111">
        <v>0</v>
      </c>
      <c r="AH7722" s="111">
        <v>0</v>
      </c>
      <c r="AI7722" s="111">
        <v>0</v>
      </c>
      <c r="AJ7722" s="111">
        <v>0</v>
      </c>
      <c r="AK7722" s="111">
        <v>0</v>
      </c>
      <c r="AL7722" s="111">
        <v>0</v>
      </c>
      <c r="AM7722" s="111">
        <v>0</v>
      </c>
      <c r="AN7722" s="111">
        <v>0</v>
      </c>
      <c r="AO7722" s="111">
        <v>0</v>
      </c>
      <c r="AP7722" s="111">
        <v>0</v>
      </c>
      <c r="AQ7722" s="111">
        <v>0</v>
      </c>
      <c r="AR7722" s="111">
        <v>0</v>
      </c>
      <c r="AS7722" s="111">
        <v>0</v>
      </c>
      <c r="AT7722" s="111">
        <v>1</v>
      </c>
      <c r="AU7722" s="111">
        <v>0</v>
      </c>
      <c r="AV7722" s="111">
        <v>0</v>
      </c>
      <c r="AW7722" s="111">
        <v>0</v>
      </c>
      <c r="AX7722" s="112"/>
      <c r="AY7722" s="112"/>
      <c r="AZ7722" s="112"/>
      <c r="BA7722" s="112" t="s">
        <v>18498</v>
      </c>
      <c r="BB7722" s="221">
        <v>45884</v>
      </c>
    </row>
    <row r="7723" spans="1:54" s="8" customFormat="1" ht="13.95" customHeight="1" x14ac:dyDescent="0.25">
      <c r="A7723" s="229" t="s">
        <v>18499</v>
      </c>
      <c r="B7723" s="96" t="s">
        <v>18307</v>
      </c>
      <c r="C7723" s="93" t="s">
        <v>18500</v>
      </c>
      <c r="D7723" s="93" t="s">
        <v>24311</v>
      </c>
      <c r="E7723" s="111">
        <v>2000</v>
      </c>
      <c r="F7723" s="111">
        <v>2893</v>
      </c>
      <c r="G7723" s="93" t="s">
        <v>1</v>
      </c>
      <c r="H7723" s="111">
        <v>1</v>
      </c>
      <c r="I7723" s="111">
        <v>0</v>
      </c>
      <c r="J7723" s="111">
        <v>1</v>
      </c>
      <c r="K7723" s="111">
        <v>0</v>
      </c>
      <c r="L7723" s="111">
        <v>1</v>
      </c>
      <c r="M7723" s="111">
        <v>0</v>
      </c>
      <c r="N7723" s="111">
        <v>0</v>
      </c>
      <c r="O7723" s="111">
        <v>0</v>
      </c>
      <c r="P7723" s="111">
        <v>1</v>
      </c>
      <c r="Q7723" s="111">
        <v>0</v>
      </c>
      <c r="R7723" s="111">
        <v>0</v>
      </c>
      <c r="S7723" s="111">
        <v>0</v>
      </c>
      <c r="T7723" s="111">
        <v>0</v>
      </c>
      <c r="U7723" s="111">
        <v>0</v>
      </c>
      <c r="V7723" s="111">
        <v>0</v>
      </c>
      <c r="W7723" s="111">
        <v>0</v>
      </c>
      <c r="X7723" s="111">
        <v>0</v>
      </c>
      <c r="Y7723" s="111">
        <v>0</v>
      </c>
      <c r="Z7723" s="111">
        <v>0</v>
      </c>
      <c r="AA7723" s="111">
        <v>0</v>
      </c>
      <c r="AB7723" s="111">
        <v>0</v>
      </c>
      <c r="AC7723" s="111">
        <v>0</v>
      </c>
      <c r="AD7723" s="111">
        <v>0</v>
      </c>
      <c r="AE7723" s="111">
        <v>0</v>
      </c>
      <c r="AF7723" s="111">
        <v>0</v>
      </c>
      <c r="AG7723" s="111">
        <v>0</v>
      </c>
      <c r="AH7723" s="111">
        <v>0</v>
      </c>
      <c r="AI7723" s="111">
        <v>0</v>
      </c>
      <c r="AJ7723" s="111">
        <v>0</v>
      </c>
      <c r="AK7723" s="111">
        <v>0</v>
      </c>
      <c r="AL7723" s="111">
        <v>0</v>
      </c>
      <c r="AM7723" s="111">
        <v>0</v>
      </c>
      <c r="AN7723" s="111">
        <v>0</v>
      </c>
      <c r="AO7723" s="111">
        <v>0</v>
      </c>
      <c r="AP7723" s="111">
        <v>0</v>
      </c>
      <c r="AQ7723" s="111">
        <v>0</v>
      </c>
      <c r="AR7723" s="111">
        <v>0</v>
      </c>
      <c r="AS7723" s="111">
        <v>0</v>
      </c>
      <c r="AT7723" s="111">
        <v>1</v>
      </c>
      <c r="AU7723" s="111">
        <v>0</v>
      </c>
      <c r="AV7723" s="111">
        <v>0</v>
      </c>
      <c r="AW7723" s="111">
        <v>0</v>
      </c>
      <c r="AX7723" s="112"/>
      <c r="AY7723" s="112"/>
      <c r="AZ7723" s="112"/>
      <c r="BA7723" s="112" t="s">
        <v>20346</v>
      </c>
      <c r="BB7723" s="221">
        <v>45884</v>
      </c>
    </row>
    <row r="7724" spans="1:54" s="8" customFormat="1" ht="13.95" customHeight="1" x14ac:dyDescent="0.25">
      <c r="A7724" s="229" t="s">
        <v>18501</v>
      </c>
      <c r="B7724" s="96" t="s">
        <v>18307</v>
      </c>
      <c r="C7724" s="93" t="s">
        <v>18502</v>
      </c>
      <c r="D7724" s="93" t="s">
        <v>24312</v>
      </c>
      <c r="E7724" s="111">
        <v>1980</v>
      </c>
      <c r="F7724" s="111">
        <v>2963</v>
      </c>
      <c r="G7724" s="93" t="s">
        <v>1</v>
      </c>
      <c r="H7724" s="111">
        <v>1</v>
      </c>
      <c r="I7724" s="111">
        <v>0</v>
      </c>
      <c r="J7724" s="111">
        <v>1</v>
      </c>
      <c r="K7724" s="111">
        <v>0</v>
      </c>
      <c r="L7724" s="111">
        <v>1</v>
      </c>
      <c r="M7724" s="111">
        <v>0</v>
      </c>
      <c r="N7724" s="111">
        <v>0</v>
      </c>
      <c r="O7724" s="111">
        <v>1</v>
      </c>
      <c r="P7724" s="111">
        <v>1</v>
      </c>
      <c r="Q7724" s="111">
        <v>0</v>
      </c>
      <c r="R7724" s="111">
        <v>0</v>
      </c>
      <c r="S7724" s="111">
        <v>0</v>
      </c>
      <c r="T7724" s="111">
        <v>0</v>
      </c>
      <c r="U7724" s="111">
        <v>0</v>
      </c>
      <c r="V7724" s="111">
        <v>0</v>
      </c>
      <c r="W7724" s="111">
        <v>0</v>
      </c>
      <c r="X7724" s="111">
        <v>0</v>
      </c>
      <c r="Y7724" s="111">
        <v>0</v>
      </c>
      <c r="Z7724" s="111">
        <v>0</v>
      </c>
      <c r="AA7724" s="111">
        <v>0</v>
      </c>
      <c r="AB7724" s="111">
        <v>0</v>
      </c>
      <c r="AC7724" s="111">
        <v>0</v>
      </c>
      <c r="AD7724" s="111">
        <v>0</v>
      </c>
      <c r="AE7724" s="111">
        <v>0</v>
      </c>
      <c r="AF7724" s="111">
        <v>0</v>
      </c>
      <c r="AG7724" s="111">
        <v>0</v>
      </c>
      <c r="AH7724" s="111">
        <v>0</v>
      </c>
      <c r="AI7724" s="111">
        <v>0</v>
      </c>
      <c r="AJ7724" s="111">
        <v>0</v>
      </c>
      <c r="AK7724" s="111">
        <v>0</v>
      </c>
      <c r="AL7724" s="111">
        <v>0</v>
      </c>
      <c r="AM7724" s="111">
        <v>0</v>
      </c>
      <c r="AN7724" s="111">
        <v>0</v>
      </c>
      <c r="AO7724" s="111">
        <v>0</v>
      </c>
      <c r="AP7724" s="111">
        <v>0</v>
      </c>
      <c r="AQ7724" s="111">
        <v>0</v>
      </c>
      <c r="AR7724" s="111">
        <v>0</v>
      </c>
      <c r="AS7724" s="111">
        <v>0</v>
      </c>
      <c r="AT7724" s="111">
        <v>1</v>
      </c>
      <c r="AU7724" s="111">
        <v>0</v>
      </c>
      <c r="AV7724" s="111">
        <v>0</v>
      </c>
      <c r="AW7724" s="111">
        <v>0</v>
      </c>
      <c r="AX7724" s="112"/>
      <c r="AY7724" s="112"/>
      <c r="AZ7724" s="112"/>
      <c r="BA7724" s="112"/>
      <c r="BB7724" s="221">
        <v>45884</v>
      </c>
    </row>
    <row r="7725" spans="1:54" s="8" customFormat="1" ht="13.95" customHeight="1" x14ac:dyDescent="0.25">
      <c r="A7725" s="229" t="s">
        <v>18503</v>
      </c>
      <c r="B7725" s="96" t="s">
        <v>18307</v>
      </c>
      <c r="C7725" s="93" t="s">
        <v>18504</v>
      </c>
      <c r="D7725" s="93" t="s">
        <v>24313</v>
      </c>
      <c r="E7725" s="111">
        <v>1988</v>
      </c>
      <c r="F7725" s="111">
        <v>3261</v>
      </c>
      <c r="G7725" s="93" t="s">
        <v>1</v>
      </c>
      <c r="H7725" s="111">
        <v>1</v>
      </c>
      <c r="I7725" s="111">
        <v>0</v>
      </c>
      <c r="J7725" s="111">
        <v>1</v>
      </c>
      <c r="K7725" s="111">
        <v>0</v>
      </c>
      <c r="L7725" s="111">
        <v>1</v>
      </c>
      <c r="M7725" s="111">
        <v>1</v>
      </c>
      <c r="N7725" s="111">
        <v>0</v>
      </c>
      <c r="O7725" s="111">
        <v>0</v>
      </c>
      <c r="P7725" s="111">
        <v>1</v>
      </c>
      <c r="Q7725" s="111">
        <v>0</v>
      </c>
      <c r="R7725" s="111">
        <v>0</v>
      </c>
      <c r="S7725" s="111">
        <v>0</v>
      </c>
      <c r="T7725" s="111">
        <v>0</v>
      </c>
      <c r="U7725" s="111">
        <v>0</v>
      </c>
      <c r="V7725" s="111">
        <v>0</v>
      </c>
      <c r="W7725" s="111">
        <v>0</v>
      </c>
      <c r="X7725" s="111">
        <v>0</v>
      </c>
      <c r="Y7725" s="111">
        <v>0</v>
      </c>
      <c r="Z7725" s="111">
        <v>0</v>
      </c>
      <c r="AA7725" s="111">
        <v>0</v>
      </c>
      <c r="AB7725" s="111">
        <v>0</v>
      </c>
      <c r="AC7725" s="111">
        <v>0</v>
      </c>
      <c r="AD7725" s="111">
        <v>0</v>
      </c>
      <c r="AE7725" s="111">
        <v>0</v>
      </c>
      <c r="AF7725" s="111">
        <v>0</v>
      </c>
      <c r="AG7725" s="111">
        <v>0</v>
      </c>
      <c r="AH7725" s="111">
        <v>0</v>
      </c>
      <c r="AI7725" s="111">
        <v>0</v>
      </c>
      <c r="AJ7725" s="111">
        <v>0</v>
      </c>
      <c r="AK7725" s="111">
        <v>0</v>
      </c>
      <c r="AL7725" s="111">
        <v>0</v>
      </c>
      <c r="AM7725" s="111">
        <v>0</v>
      </c>
      <c r="AN7725" s="111">
        <v>0</v>
      </c>
      <c r="AO7725" s="111">
        <v>0</v>
      </c>
      <c r="AP7725" s="111">
        <v>0</v>
      </c>
      <c r="AQ7725" s="111">
        <v>0</v>
      </c>
      <c r="AR7725" s="111">
        <v>0</v>
      </c>
      <c r="AS7725" s="111">
        <v>0</v>
      </c>
      <c r="AT7725" s="111">
        <v>1</v>
      </c>
      <c r="AU7725" s="111">
        <v>0</v>
      </c>
      <c r="AV7725" s="111">
        <v>0</v>
      </c>
      <c r="AW7725" s="111">
        <v>0</v>
      </c>
      <c r="AX7725" s="112"/>
      <c r="AY7725" s="112"/>
      <c r="AZ7725" s="112"/>
      <c r="BA7725" s="112"/>
      <c r="BB7725" s="221">
        <v>45884</v>
      </c>
    </row>
    <row r="7726" spans="1:54" s="8" customFormat="1" ht="13.95" customHeight="1" x14ac:dyDescent="0.25">
      <c r="A7726" s="229" t="s">
        <v>18505</v>
      </c>
      <c r="B7726" s="96" t="s">
        <v>18307</v>
      </c>
      <c r="C7726" s="93" t="s">
        <v>18506</v>
      </c>
      <c r="D7726" s="93" t="s">
        <v>24314</v>
      </c>
      <c r="E7726" s="111">
        <v>1982</v>
      </c>
      <c r="F7726" s="111">
        <v>3426</v>
      </c>
      <c r="G7726" s="93" t="s">
        <v>11</v>
      </c>
      <c r="H7726" s="111">
        <v>0</v>
      </c>
      <c r="I7726" s="111">
        <v>0</v>
      </c>
      <c r="J7726" s="111">
        <v>1</v>
      </c>
      <c r="K7726" s="111">
        <v>0</v>
      </c>
      <c r="L7726" s="111">
        <v>0</v>
      </c>
      <c r="M7726" s="111">
        <v>0</v>
      </c>
      <c r="N7726" s="111">
        <v>0</v>
      </c>
      <c r="O7726" s="111">
        <v>0</v>
      </c>
      <c r="P7726" s="111">
        <v>0</v>
      </c>
      <c r="Q7726" s="111">
        <v>0</v>
      </c>
      <c r="R7726" s="111">
        <v>0</v>
      </c>
      <c r="S7726" s="111">
        <v>0</v>
      </c>
      <c r="T7726" s="111">
        <v>0</v>
      </c>
      <c r="U7726" s="111">
        <v>0</v>
      </c>
      <c r="V7726" s="111">
        <v>0</v>
      </c>
      <c r="W7726" s="111">
        <v>0</v>
      </c>
      <c r="X7726" s="111">
        <v>0</v>
      </c>
      <c r="Y7726" s="111">
        <v>0</v>
      </c>
      <c r="Z7726" s="111">
        <v>0</v>
      </c>
      <c r="AA7726" s="111">
        <v>0</v>
      </c>
      <c r="AB7726" s="111">
        <v>0</v>
      </c>
      <c r="AC7726" s="111">
        <v>0</v>
      </c>
      <c r="AD7726" s="111">
        <v>0</v>
      </c>
      <c r="AE7726" s="111">
        <v>0</v>
      </c>
      <c r="AF7726" s="111">
        <v>0</v>
      </c>
      <c r="AG7726" s="111">
        <v>0</v>
      </c>
      <c r="AH7726" s="111">
        <v>0</v>
      </c>
      <c r="AI7726" s="111">
        <v>0</v>
      </c>
      <c r="AJ7726" s="111">
        <v>0</v>
      </c>
      <c r="AK7726" s="111">
        <v>0</v>
      </c>
      <c r="AL7726" s="111">
        <v>0</v>
      </c>
      <c r="AM7726" s="111">
        <v>0</v>
      </c>
      <c r="AN7726" s="111">
        <v>0</v>
      </c>
      <c r="AO7726" s="111">
        <v>0</v>
      </c>
      <c r="AP7726" s="111">
        <v>0</v>
      </c>
      <c r="AQ7726" s="111">
        <v>0</v>
      </c>
      <c r="AR7726" s="111">
        <v>0</v>
      </c>
      <c r="AS7726" s="111">
        <v>0</v>
      </c>
      <c r="AT7726" s="111">
        <v>0</v>
      </c>
      <c r="AU7726" s="111">
        <v>0</v>
      </c>
      <c r="AV7726" s="111">
        <v>0</v>
      </c>
      <c r="AW7726" s="111">
        <v>0</v>
      </c>
      <c r="AX7726" s="112"/>
      <c r="AY7726" s="112"/>
      <c r="AZ7726" s="112"/>
      <c r="BA7726" s="112"/>
      <c r="BB7726" s="221">
        <v>45884</v>
      </c>
    </row>
    <row r="7727" spans="1:54" s="8" customFormat="1" ht="13.95" customHeight="1" x14ac:dyDescent="0.25">
      <c r="A7727" s="229" t="s">
        <v>18507</v>
      </c>
      <c r="B7727" s="96" t="s">
        <v>18307</v>
      </c>
      <c r="C7727" s="93" t="s">
        <v>18508</v>
      </c>
      <c r="D7727" s="93" t="s">
        <v>24315</v>
      </c>
      <c r="E7727" s="111">
        <v>1989</v>
      </c>
      <c r="F7727" s="111">
        <v>3456</v>
      </c>
      <c r="G7727" s="93" t="s">
        <v>20344</v>
      </c>
      <c r="H7727" s="111">
        <v>0</v>
      </c>
      <c r="I7727" s="111">
        <v>0</v>
      </c>
      <c r="J7727" s="111">
        <v>0</v>
      </c>
      <c r="K7727" s="111">
        <v>0</v>
      </c>
      <c r="L7727" s="111">
        <v>0</v>
      </c>
      <c r="M7727" s="111">
        <v>0</v>
      </c>
      <c r="N7727" s="111">
        <v>0</v>
      </c>
      <c r="O7727" s="111">
        <v>0</v>
      </c>
      <c r="P7727" s="111">
        <v>0</v>
      </c>
      <c r="Q7727" s="111">
        <v>0</v>
      </c>
      <c r="R7727" s="111">
        <v>0</v>
      </c>
      <c r="S7727" s="111">
        <v>0</v>
      </c>
      <c r="T7727" s="111">
        <v>0</v>
      </c>
      <c r="U7727" s="111">
        <v>0</v>
      </c>
      <c r="V7727" s="111">
        <v>0</v>
      </c>
      <c r="W7727" s="111">
        <v>0</v>
      </c>
      <c r="X7727" s="111">
        <v>0</v>
      </c>
      <c r="Y7727" s="111">
        <v>0</v>
      </c>
      <c r="Z7727" s="111">
        <v>0</v>
      </c>
      <c r="AA7727" s="111">
        <v>0</v>
      </c>
      <c r="AB7727" s="111">
        <v>0</v>
      </c>
      <c r="AC7727" s="111">
        <v>0</v>
      </c>
      <c r="AD7727" s="111">
        <v>0</v>
      </c>
      <c r="AE7727" s="111">
        <v>0</v>
      </c>
      <c r="AF7727" s="111">
        <v>0</v>
      </c>
      <c r="AG7727" s="111">
        <v>0</v>
      </c>
      <c r="AH7727" s="111">
        <v>0</v>
      </c>
      <c r="AI7727" s="111">
        <v>0</v>
      </c>
      <c r="AJ7727" s="111">
        <v>0</v>
      </c>
      <c r="AK7727" s="111">
        <v>0</v>
      </c>
      <c r="AL7727" s="111">
        <v>0</v>
      </c>
      <c r="AM7727" s="111">
        <v>0</v>
      </c>
      <c r="AN7727" s="111">
        <v>0</v>
      </c>
      <c r="AO7727" s="111">
        <v>0</v>
      </c>
      <c r="AP7727" s="111">
        <v>0</v>
      </c>
      <c r="AQ7727" s="111">
        <v>0</v>
      </c>
      <c r="AR7727" s="111">
        <v>0</v>
      </c>
      <c r="AS7727" s="111">
        <v>0</v>
      </c>
      <c r="AT7727" s="111">
        <v>0</v>
      </c>
      <c r="AU7727" s="111">
        <v>0</v>
      </c>
      <c r="AV7727" s="111">
        <v>0</v>
      </c>
      <c r="AW7727" s="111">
        <v>0</v>
      </c>
      <c r="AX7727" s="112"/>
      <c r="AY7727" s="112"/>
      <c r="AZ7727" s="112"/>
      <c r="BA7727" s="112"/>
      <c r="BB7727" s="221">
        <v>45884</v>
      </c>
    </row>
    <row r="7728" spans="1:54" s="8" customFormat="1" ht="13.95" customHeight="1" x14ac:dyDescent="0.25">
      <c r="A7728" s="229" t="s">
        <v>18509</v>
      </c>
      <c r="B7728" s="96" t="s">
        <v>18307</v>
      </c>
      <c r="C7728" s="93" t="s">
        <v>10355</v>
      </c>
      <c r="D7728" s="93" t="s">
        <v>24316</v>
      </c>
      <c r="E7728" s="111">
        <v>1982</v>
      </c>
      <c r="F7728" s="111">
        <v>3478</v>
      </c>
      <c r="G7728" s="93" t="s">
        <v>11</v>
      </c>
      <c r="H7728" s="111">
        <v>0</v>
      </c>
      <c r="I7728" s="111">
        <v>0</v>
      </c>
      <c r="J7728" s="111">
        <v>0</v>
      </c>
      <c r="K7728" s="111">
        <v>0</v>
      </c>
      <c r="L7728" s="111">
        <v>0</v>
      </c>
      <c r="M7728" s="111">
        <v>0</v>
      </c>
      <c r="N7728" s="111">
        <v>0</v>
      </c>
      <c r="O7728" s="111">
        <v>1</v>
      </c>
      <c r="P7728" s="111">
        <v>0</v>
      </c>
      <c r="Q7728" s="111">
        <v>0</v>
      </c>
      <c r="R7728" s="111">
        <v>0</v>
      </c>
      <c r="S7728" s="111">
        <v>0</v>
      </c>
      <c r="T7728" s="111">
        <v>0</v>
      </c>
      <c r="U7728" s="111">
        <v>0</v>
      </c>
      <c r="V7728" s="111">
        <v>0</v>
      </c>
      <c r="W7728" s="111">
        <v>0</v>
      </c>
      <c r="X7728" s="111">
        <v>0</v>
      </c>
      <c r="Y7728" s="111">
        <v>0</v>
      </c>
      <c r="Z7728" s="111">
        <v>0</v>
      </c>
      <c r="AA7728" s="111">
        <v>0</v>
      </c>
      <c r="AB7728" s="111">
        <v>0</v>
      </c>
      <c r="AC7728" s="111">
        <v>0</v>
      </c>
      <c r="AD7728" s="111">
        <v>0</v>
      </c>
      <c r="AE7728" s="111">
        <v>0</v>
      </c>
      <c r="AF7728" s="111">
        <v>0</v>
      </c>
      <c r="AG7728" s="111">
        <v>0</v>
      </c>
      <c r="AH7728" s="111">
        <v>0</v>
      </c>
      <c r="AI7728" s="111">
        <v>0</v>
      </c>
      <c r="AJ7728" s="111">
        <v>0</v>
      </c>
      <c r="AK7728" s="111">
        <v>0</v>
      </c>
      <c r="AL7728" s="111">
        <v>0</v>
      </c>
      <c r="AM7728" s="111">
        <v>0</v>
      </c>
      <c r="AN7728" s="111">
        <v>0</v>
      </c>
      <c r="AO7728" s="111">
        <v>0</v>
      </c>
      <c r="AP7728" s="111">
        <v>0</v>
      </c>
      <c r="AQ7728" s="111">
        <v>0</v>
      </c>
      <c r="AR7728" s="111">
        <v>0</v>
      </c>
      <c r="AS7728" s="111">
        <v>0</v>
      </c>
      <c r="AT7728" s="111">
        <v>0</v>
      </c>
      <c r="AU7728" s="111">
        <v>0</v>
      </c>
      <c r="AV7728" s="111">
        <v>0</v>
      </c>
      <c r="AW7728" s="111">
        <v>0</v>
      </c>
      <c r="AX7728" s="112"/>
      <c r="AY7728" s="112"/>
      <c r="AZ7728" s="112"/>
      <c r="BA7728" s="112"/>
      <c r="BB7728" s="221">
        <v>45884</v>
      </c>
    </row>
    <row r="7729" spans="1:54" s="8" customFormat="1" ht="13.95" customHeight="1" x14ac:dyDescent="0.25">
      <c r="A7729" s="229" t="s">
        <v>18510</v>
      </c>
      <c r="B7729" s="96" t="s">
        <v>18307</v>
      </c>
      <c r="C7729" s="93" t="s">
        <v>18511</v>
      </c>
      <c r="D7729" s="93" t="s">
        <v>24317</v>
      </c>
      <c r="E7729" s="111">
        <v>1988</v>
      </c>
      <c r="F7729" s="111">
        <v>3612</v>
      </c>
      <c r="G7729" s="93" t="s">
        <v>1</v>
      </c>
      <c r="H7729" s="111">
        <v>1</v>
      </c>
      <c r="I7729" s="111">
        <v>0</v>
      </c>
      <c r="J7729" s="111">
        <v>1</v>
      </c>
      <c r="K7729" s="111">
        <v>0</v>
      </c>
      <c r="L7729" s="111">
        <v>1</v>
      </c>
      <c r="M7729" s="111">
        <v>0</v>
      </c>
      <c r="N7729" s="111">
        <v>1</v>
      </c>
      <c r="O7729" s="111">
        <v>0</v>
      </c>
      <c r="P7729" s="111">
        <v>0</v>
      </c>
      <c r="Q7729" s="111">
        <v>0</v>
      </c>
      <c r="R7729" s="111">
        <v>0</v>
      </c>
      <c r="S7729" s="111">
        <v>0</v>
      </c>
      <c r="T7729" s="111">
        <v>0</v>
      </c>
      <c r="U7729" s="111">
        <v>0</v>
      </c>
      <c r="V7729" s="111">
        <v>0</v>
      </c>
      <c r="W7729" s="111">
        <v>0</v>
      </c>
      <c r="X7729" s="111">
        <v>0</v>
      </c>
      <c r="Y7729" s="111">
        <v>0</v>
      </c>
      <c r="Z7729" s="111">
        <v>0</v>
      </c>
      <c r="AA7729" s="111">
        <v>0</v>
      </c>
      <c r="AB7729" s="111">
        <v>0</v>
      </c>
      <c r="AC7729" s="111">
        <v>0</v>
      </c>
      <c r="AD7729" s="111">
        <v>0</v>
      </c>
      <c r="AE7729" s="111">
        <v>0</v>
      </c>
      <c r="AF7729" s="111">
        <v>0</v>
      </c>
      <c r="AG7729" s="111">
        <v>0</v>
      </c>
      <c r="AH7729" s="111">
        <v>0</v>
      </c>
      <c r="AI7729" s="111">
        <v>0</v>
      </c>
      <c r="AJ7729" s="111">
        <v>0</v>
      </c>
      <c r="AK7729" s="111">
        <v>0</v>
      </c>
      <c r="AL7729" s="111">
        <v>0</v>
      </c>
      <c r="AM7729" s="111">
        <v>0</v>
      </c>
      <c r="AN7729" s="111">
        <v>0</v>
      </c>
      <c r="AO7729" s="111">
        <v>0</v>
      </c>
      <c r="AP7729" s="111">
        <v>0</v>
      </c>
      <c r="AQ7729" s="111">
        <v>0</v>
      </c>
      <c r="AR7729" s="111">
        <v>0</v>
      </c>
      <c r="AS7729" s="111">
        <v>0</v>
      </c>
      <c r="AT7729" s="111">
        <v>1</v>
      </c>
      <c r="AU7729" s="111">
        <v>0</v>
      </c>
      <c r="AV7729" s="111">
        <v>0</v>
      </c>
      <c r="AW7729" s="111">
        <v>0</v>
      </c>
      <c r="AX7729" s="112"/>
      <c r="AY7729" s="112"/>
      <c r="AZ7729" s="112"/>
      <c r="BA7729" s="112"/>
      <c r="BB7729" s="221">
        <v>45884</v>
      </c>
    </row>
    <row r="7730" spans="1:54" s="8" customFormat="1" ht="13.95" customHeight="1" x14ac:dyDescent="0.25">
      <c r="A7730" s="229" t="s">
        <v>18512</v>
      </c>
      <c r="B7730" s="96" t="s">
        <v>18307</v>
      </c>
      <c r="C7730" s="93" t="s">
        <v>18513</v>
      </c>
      <c r="D7730" s="93" t="s">
        <v>24318</v>
      </c>
      <c r="E7730" s="111">
        <v>1991</v>
      </c>
      <c r="F7730" s="111">
        <v>12224</v>
      </c>
      <c r="G7730" s="93" t="s">
        <v>20344</v>
      </c>
      <c r="H7730" s="111">
        <v>0</v>
      </c>
      <c r="I7730" s="111">
        <v>0</v>
      </c>
      <c r="J7730" s="111">
        <v>0</v>
      </c>
      <c r="K7730" s="111">
        <v>0</v>
      </c>
      <c r="L7730" s="111">
        <v>0</v>
      </c>
      <c r="M7730" s="111">
        <v>0</v>
      </c>
      <c r="N7730" s="111">
        <v>0</v>
      </c>
      <c r="O7730" s="111">
        <v>0</v>
      </c>
      <c r="P7730" s="111">
        <v>0</v>
      </c>
      <c r="Q7730" s="111">
        <v>0</v>
      </c>
      <c r="R7730" s="111">
        <v>0</v>
      </c>
      <c r="S7730" s="111">
        <v>0</v>
      </c>
      <c r="T7730" s="111">
        <v>0</v>
      </c>
      <c r="U7730" s="111">
        <v>0</v>
      </c>
      <c r="V7730" s="111">
        <v>0</v>
      </c>
      <c r="W7730" s="111">
        <v>0</v>
      </c>
      <c r="X7730" s="111">
        <v>0</v>
      </c>
      <c r="Y7730" s="111">
        <v>0</v>
      </c>
      <c r="Z7730" s="111">
        <v>0</v>
      </c>
      <c r="AA7730" s="111">
        <v>0</v>
      </c>
      <c r="AB7730" s="111">
        <v>0</v>
      </c>
      <c r="AC7730" s="111">
        <v>0</v>
      </c>
      <c r="AD7730" s="111">
        <v>0</v>
      </c>
      <c r="AE7730" s="111">
        <v>0</v>
      </c>
      <c r="AF7730" s="111">
        <v>0</v>
      </c>
      <c r="AG7730" s="111">
        <v>0</v>
      </c>
      <c r="AH7730" s="111">
        <v>0</v>
      </c>
      <c r="AI7730" s="111">
        <v>0</v>
      </c>
      <c r="AJ7730" s="111">
        <v>0</v>
      </c>
      <c r="AK7730" s="111">
        <v>0</v>
      </c>
      <c r="AL7730" s="111">
        <v>0</v>
      </c>
      <c r="AM7730" s="111">
        <v>0</v>
      </c>
      <c r="AN7730" s="111">
        <v>0</v>
      </c>
      <c r="AO7730" s="111">
        <v>0</v>
      </c>
      <c r="AP7730" s="111">
        <v>0</v>
      </c>
      <c r="AQ7730" s="111">
        <v>0</v>
      </c>
      <c r="AR7730" s="111">
        <v>0</v>
      </c>
      <c r="AS7730" s="111">
        <v>0</v>
      </c>
      <c r="AT7730" s="111">
        <v>0</v>
      </c>
      <c r="AU7730" s="111">
        <v>0</v>
      </c>
      <c r="AV7730" s="111">
        <v>0</v>
      </c>
      <c r="AW7730" s="111">
        <v>0</v>
      </c>
      <c r="AX7730" s="112"/>
      <c r="AY7730" s="112"/>
      <c r="AZ7730" s="112"/>
      <c r="BA7730" s="112"/>
      <c r="BB7730" s="221">
        <v>45884</v>
      </c>
    </row>
    <row r="7731" spans="1:54" s="8" customFormat="1" ht="13.95" customHeight="1" x14ac:dyDescent="0.25">
      <c r="A7731" s="229" t="s">
        <v>18514</v>
      </c>
      <c r="B7731" s="96" t="s">
        <v>18307</v>
      </c>
      <c r="C7731" s="93" t="s">
        <v>18515</v>
      </c>
      <c r="D7731" s="93" t="s">
        <v>24319</v>
      </c>
      <c r="E7731" s="111">
        <v>1997</v>
      </c>
      <c r="F7731" s="111">
        <v>4147</v>
      </c>
      <c r="G7731" s="93" t="s">
        <v>1</v>
      </c>
      <c r="H7731" s="111">
        <v>1</v>
      </c>
      <c r="I7731" s="111">
        <v>0</v>
      </c>
      <c r="J7731" s="111">
        <v>1</v>
      </c>
      <c r="K7731" s="111">
        <v>0</v>
      </c>
      <c r="L7731" s="111">
        <v>1</v>
      </c>
      <c r="M7731" s="111">
        <v>1</v>
      </c>
      <c r="N7731" s="111">
        <v>0</v>
      </c>
      <c r="O7731" s="111">
        <v>1</v>
      </c>
      <c r="P7731" s="111">
        <v>1</v>
      </c>
      <c r="Q7731" s="111">
        <v>0</v>
      </c>
      <c r="R7731" s="111">
        <v>0</v>
      </c>
      <c r="S7731" s="111">
        <v>0</v>
      </c>
      <c r="T7731" s="111">
        <v>0</v>
      </c>
      <c r="U7731" s="111">
        <v>0</v>
      </c>
      <c r="V7731" s="111">
        <v>0</v>
      </c>
      <c r="W7731" s="111">
        <v>0</v>
      </c>
      <c r="X7731" s="111">
        <v>0</v>
      </c>
      <c r="Y7731" s="111">
        <v>0</v>
      </c>
      <c r="Z7731" s="111">
        <v>0</v>
      </c>
      <c r="AA7731" s="111">
        <v>0</v>
      </c>
      <c r="AB7731" s="111">
        <v>0</v>
      </c>
      <c r="AC7731" s="111">
        <v>0</v>
      </c>
      <c r="AD7731" s="111">
        <v>0</v>
      </c>
      <c r="AE7731" s="111">
        <v>0</v>
      </c>
      <c r="AF7731" s="111">
        <v>0</v>
      </c>
      <c r="AG7731" s="111">
        <v>0</v>
      </c>
      <c r="AH7731" s="111">
        <v>0</v>
      </c>
      <c r="AI7731" s="111">
        <v>0</v>
      </c>
      <c r="AJ7731" s="111">
        <v>0</v>
      </c>
      <c r="AK7731" s="111">
        <v>0</v>
      </c>
      <c r="AL7731" s="111">
        <v>0</v>
      </c>
      <c r="AM7731" s="111">
        <v>0</v>
      </c>
      <c r="AN7731" s="111">
        <v>0</v>
      </c>
      <c r="AO7731" s="111">
        <v>0</v>
      </c>
      <c r="AP7731" s="111">
        <v>0</v>
      </c>
      <c r="AQ7731" s="111">
        <v>0</v>
      </c>
      <c r="AR7731" s="111">
        <v>0</v>
      </c>
      <c r="AS7731" s="111">
        <v>0</v>
      </c>
      <c r="AT7731" s="111">
        <v>1</v>
      </c>
      <c r="AU7731" s="111">
        <v>0</v>
      </c>
      <c r="AV7731" s="111">
        <v>0</v>
      </c>
      <c r="AW7731" s="111">
        <v>1</v>
      </c>
      <c r="AX7731" s="112"/>
      <c r="AY7731" s="112"/>
      <c r="AZ7731" s="112"/>
      <c r="BA7731" s="112"/>
      <c r="BB7731" s="221">
        <v>45884</v>
      </c>
    </row>
    <row r="7732" spans="1:54" s="8" customFormat="1" ht="13.95" customHeight="1" x14ac:dyDescent="0.25">
      <c r="A7732" s="229" t="s">
        <v>18516</v>
      </c>
      <c r="B7732" s="96" t="s">
        <v>18307</v>
      </c>
      <c r="C7732" s="93" t="s">
        <v>18517</v>
      </c>
      <c r="D7732" s="93" t="s">
        <v>24320</v>
      </c>
      <c r="E7732" s="111">
        <v>2008</v>
      </c>
      <c r="F7732" s="111">
        <v>4190</v>
      </c>
      <c r="G7732" s="93" t="s">
        <v>20344</v>
      </c>
      <c r="H7732" s="111">
        <v>0</v>
      </c>
      <c r="I7732" s="111">
        <v>0</v>
      </c>
      <c r="J7732" s="111">
        <v>0</v>
      </c>
      <c r="K7732" s="111">
        <v>0</v>
      </c>
      <c r="L7732" s="111">
        <v>0</v>
      </c>
      <c r="M7732" s="111">
        <v>0</v>
      </c>
      <c r="N7732" s="111">
        <v>0</v>
      </c>
      <c r="O7732" s="111">
        <v>0</v>
      </c>
      <c r="P7732" s="111">
        <v>0</v>
      </c>
      <c r="Q7732" s="111">
        <v>0</v>
      </c>
      <c r="R7732" s="111">
        <v>0</v>
      </c>
      <c r="S7732" s="111">
        <v>0</v>
      </c>
      <c r="T7732" s="111">
        <v>0</v>
      </c>
      <c r="U7732" s="111">
        <v>0</v>
      </c>
      <c r="V7732" s="111">
        <v>0</v>
      </c>
      <c r="W7732" s="111">
        <v>0</v>
      </c>
      <c r="X7732" s="111">
        <v>0</v>
      </c>
      <c r="Y7732" s="111">
        <v>0</v>
      </c>
      <c r="Z7732" s="111">
        <v>0</v>
      </c>
      <c r="AA7732" s="111">
        <v>0</v>
      </c>
      <c r="AB7732" s="111">
        <v>0</v>
      </c>
      <c r="AC7732" s="111">
        <v>0</v>
      </c>
      <c r="AD7732" s="111">
        <v>0</v>
      </c>
      <c r="AE7732" s="111">
        <v>0</v>
      </c>
      <c r="AF7732" s="111">
        <v>0</v>
      </c>
      <c r="AG7732" s="111">
        <v>0</v>
      </c>
      <c r="AH7732" s="111">
        <v>0</v>
      </c>
      <c r="AI7732" s="111">
        <v>0</v>
      </c>
      <c r="AJ7732" s="111">
        <v>0</v>
      </c>
      <c r="AK7732" s="111">
        <v>0</v>
      </c>
      <c r="AL7732" s="111">
        <v>0</v>
      </c>
      <c r="AM7732" s="111">
        <v>0</v>
      </c>
      <c r="AN7732" s="111">
        <v>0</v>
      </c>
      <c r="AO7732" s="111">
        <v>0</v>
      </c>
      <c r="AP7732" s="111">
        <v>0</v>
      </c>
      <c r="AQ7732" s="111">
        <v>0</v>
      </c>
      <c r="AR7732" s="111">
        <v>0</v>
      </c>
      <c r="AS7732" s="111">
        <v>0</v>
      </c>
      <c r="AT7732" s="111">
        <v>0</v>
      </c>
      <c r="AU7732" s="111">
        <v>0</v>
      </c>
      <c r="AV7732" s="111">
        <v>0</v>
      </c>
      <c r="AW7732" s="111">
        <v>0</v>
      </c>
      <c r="AX7732" s="112"/>
      <c r="AY7732" s="112"/>
      <c r="AZ7732" s="112"/>
      <c r="BA7732" s="112"/>
      <c r="BB7732" s="221">
        <v>45884</v>
      </c>
    </row>
    <row r="7733" spans="1:54" s="8" customFormat="1" ht="13.95" customHeight="1" x14ac:dyDescent="0.25">
      <c r="A7733" s="229" t="s">
        <v>18518</v>
      </c>
      <c r="B7733" s="96" t="s">
        <v>18307</v>
      </c>
      <c r="C7733" s="93" t="s">
        <v>1973</v>
      </c>
      <c r="D7733" s="93" t="s">
        <v>24321</v>
      </c>
      <c r="E7733" s="111">
        <v>1990</v>
      </c>
      <c r="F7733" s="111">
        <v>5223</v>
      </c>
      <c r="G7733" s="93" t="s">
        <v>1</v>
      </c>
      <c r="H7733" s="111">
        <v>1</v>
      </c>
      <c r="I7733" s="111">
        <v>0</v>
      </c>
      <c r="J7733" s="111">
        <v>1</v>
      </c>
      <c r="K7733" s="111">
        <v>1</v>
      </c>
      <c r="L7733" s="111">
        <v>1</v>
      </c>
      <c r="M7733" s="111">
        <v>1</v>
      </c>
      <c r="N7733" s="111">
        <v>0</v>
      </c>
      <c r="O7733" s="111">
        <v>1</v>
      </c>
      <c r="P7733" s="111">
        <v>1</v>
      </c>
      <c r="Q7733" s="111">
        <v>0</v>
      </c>
      <c r="R7733" s="111">
        <v>0</v>
      </c>
      <c r="S7733" s="111">
        <v>0</v>
      </c>
      <c r="T7733" s="111">
        <v>0</v>
      </c>
      <c r="U7733" s="111">
        <v>0</v>
      </c>
      <c r="V7733" s="111">
        <v>0</v>
      </c>
      <c r="W7733" s="111">
        <v>0</v>
      </c>
      <c r="X7733" s="111">
        <v>0</v>
      </c>
      <c r="Y7733" s="111">
        <v>0</v>
      </c>
      <c r="Z7733" s="111">
        <v>0</v>
      </c>
      <c r="AA7733" s="111">
        <v>0</v>
      </c>
      <c r="AB7733" s="111">
        <v>0</v>
      </c>
      <c r="AC7733" s="111">
        <v>0</v>
      </c>
      <c r="AD7733" s="111">
        <v>0</v>
      </c>
      <c r="AE7733" s="111">
        <v>0</v>
      </c>
      <c r="AF7733" s="111">
        <v>0</v>
      </c>
      <c r="AG7733" s="111">
        <v>0</v>
      </c>
      <c r="AH7733" s="111">
        <v>0</v>
      </c>
      <c r="AI7733" s="111">
        <v>0</v>
      </c>
      <c r="AJ7733" s="111">
        <v>0</v>
      </c>
      <c r="AK7733" s="111">
        <v>0</v>
      </c>
      <c r="AL7733" s="111">
        <v>0</v>
      </c>
      <c r="AM7733" s="111">
        <v>0</v>
      </c>
      <c r="AN7733" s="111">
        <v>0</v>
      </c>
      <c r="AO7733" s="111">
        <v>0</v>
      </c>
      <c r="AP7733" s="111">
        <v>0</v>
      </c>
      <c r="AQ7733" s="111">
        <v>0</v>
      </c>
      <c r="AR7733" s="111">
        <v>0</v>
      </c>
      <c r="AS7733" s="111">
        <v>0</v>
      </c>
      <c r="AT7733" s="111">
        <v>1</v>
      </c>
      <c r="AU7733" s="111">
        <v>0</v>
      </c>
      <c r="AV7733" s="111">
        <v>0</v>
      </c>
      <c r="AW7733" s="111">
        <v>0</v>
      </c>
      <c r="AX7733" s="112"/>
      <c r="AY7733" s="112"/>
      <c r="AZ7733" s="112"/>
      <c r="BA7733" s="112"/>
      <c r="BB7733" s="221">
        <v>45884</v>
      </c>
    </row>
    <row r="7734" spans="1:54" s="8" customFormat="1" ht="13.95" customHeight="1" x14ac:dyDescent="0.25">
      <c r="A7734" s="229" t="s">
        <v>18519</v>
      </c>
      <c r="B7734" s="96" t="s">
        <v>18307</v>
      </c>
      <c r="C7734" s="93" t="s">
        <v>18520</v>
      </c>
      <c r="D7734" s="93" t="s">
        <v>24322</v>
      </c>
      <c r="E7734" s="111">
        <v>2012</v>
      </c>
      <c r="F7734" s="111">
        <v>5645</v>
      </c>
      <c r="G7734" s="93" t="s">
        <v>20344</v>
      </c>
      <c r="H7734" s="111">
        <v>0</v>
      </c>
      <c r="I7734" s="111">
        <v>0</v>
      </c>
      <c r="J7734" s="111">
        <v>0</v>
      </c>
      <c r="K7734" s="111">
        <v>0</v>
      </c>
      <c r="L7734" s="111">
        <v>0</v>
      </c>
      <c r="M7734" s="111">
        <v>0</v>
      </c>
      <c r="N7734" s="111">
        <v>0</v>
      </c>
      <c r="O7734" s="111">
        <v>0</v>
      </c>
      <c r="P7734" s="111">
        <v>0</v>
      </c>
      <c r="Q7734" s="111">
        <v>0</v>
      </c>
      <c r="R7734" s="111">
        <v>0</v>
      </c>
      <c r="S7734" s="111">
        <v>0</v>
      </c>
      <c r="T7734" s="111">
        <v>0</v>
      </c>
      <c r="U7734" s="111">
        <v>0</v>
      </c>
      <c r="V7734" s="111">
        <v>0</v>
      </c>
      <c r="W7734" s="111">
        <v>0</v>
      </c>
      <c r="X7734" s="111">
        <v>0</v>
      </c>
      <c r="Y7734" s="111">
        <v>0</v>
      </c>
      <c r="Z7734" s="111">
        <v>0</v>
      </c>
      <c r="AA7734" s="111">
        <v>0</v>
      </c>
      <c r="AB7734" s="111">
        <v>0</v>
      </c>
      <c r="AC7734" s="111">
        <v>0</v>
      </c>
      <c r="AD7734" s="111">
        <v>0</v>
      </c>
      <c r="AE7734" s="111">
        <v>0</v>
      </c>
      <c r="AF7734" s="111">
        <v>0</v>
      </c>
      <c r="AG7734" s="111">
        <v>0</v>
      </c>
      <c r="AH7734" s="111">
        <v>0</v>
      </c>
      <c r="AI7734" s="111">
        <v>0</v>
      </c>
      <c r="AJ7734" s="111">
        <v>0</v>
      </c>
      <c r="AK7734" s="111">
        <v>0</v>
      </c>
      <c r="AL7734" s="111">
        <v>0</v>
      </c>
      <c r="AM7734" s="111">
        <v>0</v>
      </c>
      <c r="AN7734" s="111">
        <v>0</v>
      </c>
      <c r="AO7734" s="111">
        <v>0</v>
      </c>
      <c r="AP7734" s="111">
        <v>0</v>
      </c>
      <c r="AQ7734" s="111">
        <v>0</v>
      </c>
      <c r="AR7734" s="111">
        <v>0</v>
      </c>
      <c r="AS7734" s="111">
        <v>0</v>
      </c>
      <c r="AT7734" s="111">
        <v>0</v>
      </c>
      <c r="AU7734" s="111">
        <v>0</v>
      </c>
      <c r="AV7734" s="111">
        <v>0</v>
      </c>
      <c r="AW7734" s="111">
        <v>0</v>
      </c>
      <c r="AX7734" s="112"/>
      <c r="AY7734" s="112"/>
      <c r="AZ7734" s="112"/>
      <c r="BA7734" s="112"/>
      <c r="BB7734" s="221">
        <v>45884</v>
      </c>
    </row>
    <row r="7735" spans="1:54" s="8" customFormat="1" ht="13.95" customHeight="1" x14ac:dyDescent="0.25">
      <c r="A7735" s="229" t="s">
        <v>18521</v>
      </c>
      <c r="B7735" s="96" t="s">
        <v>18307</v>
      </c>
      <c r="C7735" s="93" t="s">
        <v>5498</v>
      </c>
      <c r="D7735" s="93" t="s">
        <v>24323</v>
      </c>
      <c r="E7735" s="111">
        <v>1986</v>
      </c>
      <c r="F7735" s="111">
        <v>6082</v>
      </c>
      <c r="G7735" s="93" t="s">
        <v>1</v>
      </c>
      <c r="H7735" s="111">
        <v>1</v>
      </c>
      <c r="I7735" s="111">
        <v>1</v>
      </c>
      <c r="J7735" s="111">
        <v>1</v>
      </c>
      <c r="K7735" s="111">
        <v>1</v>
      </c>
      <c r="L7735" s="111">
        <v>1</v>
      </c>
      <c r="M7735" s="111">
        <v>1</v>
      </c>
      <c r="N7735" s="111">
        <v>0</v>
      </c>
      <c r="O7735" s="111">
        <v>1</v>
      </c>
      <c r="P7735" s="111">
        <v>1</v>
      </c>
      <c r="Q7735" s="111">
        <v>0</v>
      </c>
      <c r="R7735" s="111">
        <v>0</v>
      </c>
      <c r="S7735" s="111">
        <v>0</v>
      </c>
      <c r="T7735" s="111">
        <v>1</v>
      </c>
      <c r="U7735" s="111">
        <v>1</v>
      </c>
      <c r="V7735" s="111">
        <v>0</v>
      </c>
      <c r="W7735" s="111">
        <v>0</v>
      </c>
      <c r="X7735" s="111">
        <v>0</v>
      </c>
      <c r="Y7735" s="111">
        <v>0</v>
      </c>
      <c r="Z7735" s="111">
        <v>0</v>
      </c>
      <c r="AA7735" s="111">
        <v>0</v>
      </c>
      <c r="AB7735" s="111">
        <v>0</v>
      </c>
      <c r="AC7735" s="111">
        <v>0</v>
      </c>
      <c r="AD7735" s="111">
        <v>0</v>
      </c>
      <c r="AE7735" s="111">
        <v>0</v>
      </c>
      <c r="AF7735" s="111">
        <v>0</v>
      </c>
      <c r="AG7735" s="111">
        <v>0</v>
      </c>
      <c r="AH7735" s="111">
        <v>0</v>
      </c>
      <c r="AI7735" s="111">
        <v>0</v>
      </c>
      <c r="AJ7735" s="111">
        <v>0</v>
      </c>
      <c r="AK7735" s="111">
        <v>0</v>
      </c>
      <c r="AL7735" s="111">
        <v>0</v>
      </c>
      <c r="AM7735" s="111">
        <v>0</v>
      </c>
      <c r="AN7735" s="111">
        <v>0</v>
      </c>
      <c r="AO7735" s="111">
        <v>0</v>
      </c>
      <c r="AP7735" s="111">
        <v>0</v>
      </c>
      <c r="AQ7735" s="111">
        <v>0</v>
      </c>
      <c r="AR7735" s="111">
        <v>0</v>
      </c>
      <c r="AS7735" s="111">
        <v>0</v>
      </c>
      <c r="AT7735" s="111">
        <v>1</v>
      </c>
      <c r="AU7735" s="111">
        <v>1</v>
      </c>
      <c r="AV7735" s="111">
        <v>0</v>
      </c>
      <c r="AW7735" s="111">
        <v>0</v>
      </c>
      <c r="AX7735" s="112"/>
      <c r="AY7735" s="112"/>
      <c r="AZ7735" s="112"/>
      <c r="BA7735" s="112" t="s">
        <v>8819</v>
      </c>
      <c r="BB7735" s="221">
        <v>45884</v>
      </c>
    </row>
    <row r="7736" spans="1:54" s="8" customFormat="1" ht="13.95" customHeight="1" x14ac:dyDescent="0.25">
      <c r="A7736" s="229" t="s">
        <v>18522</v>
      </c>
      <c r="B7736" s="96" t="s">
        <v>18307</v>
      </c>
      <c r="C7736" s="93" t="s">
        <v>18523</v>
      </c>
      <c r="D7736" s="93" t="s">
        <v>24324</v>
      </c>
      <c r="E7736" s="111">
        <v>2007</v>
      </c>
      <c r="F7736" s="111">
        <v>6550</v>
      </c>
      <c r="G7736" s="93" t="s">
        <v>1</v>
      </c>
      <c r="H7736" s="111">
        <v>1</v>
      </c>
      <c r="I7736" s="111">
        <v>1</v>
      </c>
      <c r="J7736" s="111">
        <v>1</v>
      </c>
      <c r="K7736" s="111">
        <v>0</v>
      </c>
      <c r="L7736" s="111">
        <v>0</v>
      </c>
      <c r="M7736" s="111">
        <v>0</v>
      </c>
      <c r="N7736" s="111">
        <v>0</v>
      </c>
      <c r="O7736" s="111">
        <v>0</v>
      </c>
      <c r="P7736" s="111">
        <v>0</v>
      </c>
      <c r="Q7736" s="111">
        <v>0</v>
      </c>
      <c r="R7736" s="111">
        <v>0</v>
      </c>
      <c r="S7736" s="111">
        <v>0</v>
      </c>
      <c r="T7736" s="111">
        <v>0</v>
      </c>
      <c r="U7736" s="111">
        <v>0</v>
      </c>
      <c r="V7736" s="111">
        <v>0</v>
      </c>
      <c r="W7736" s="111">
        <v>0</v>
      </c>
      <c r="X7736" s="111">
        <v>0</v>
      </c>
      <c r="Y7736" s="111">
        <v>0</v>
      </c>
      <c r="Z7736" s="111">
        <v>0</v>
      </c>
      <c r="AA7736" s="111">
        <v>0</v>
      </c>
      <c r="AB7736" s="111">
        <v>0</v>
      </c>
      <c r="AC7736" s="111">
        <v>0</v>
      </c>
      <c r="AD7736" s="111">
        <v>0</v>
      </c>
      <c r="AE7736" s="111">
        <v>0</v>
      </c>
      <c r="AF7736" s="111">
        <v>0</v>
      </c>
      <c r="AG7736" s="111">
        <v>0</v>
      </c>
      <c r="AH7736" s="111">
        <v>0</v>
      </c>
      <c r="AI7736" s="111">
        <v>0</v>
      </c>
      <c r="AJ7736" s="111">
        <v>0</v>
      </c>
      <c r="AK7736" s="111">
        <v>0</v>
      </c>
      <c r="AL7736" s="111">
        <v>0</v>
      </c>
      <c r="AM7736" s="111">
        <v>0</v>
      </c>
      <c r="AN7736" s="111">
        <v>0</v>
      </c>
      <c r="AO7736" s="111">
        <v>0</v>
      </c>
      <c r="AP7736" s="111">
        <v>0</v>
      </c>
      <c r="AQ7736" s="111">
        <v>0</v>
      </c>
      <c r="AR7736" s="111">
        <v>0</v>
      </c>
      <c r="AS7736" s="111">
        <v>0</v>
      </c>
      <c r="AT7736" s="111">
        <v>1</v>
      </c>
      <c r="AU7736" s="111">
        <v>0</v>
      </c>
      <c r="AV7736" s="111">
        <v>0</v>
      </c>
      <c r="AW7736" s="111">
        <v>0</v>
      </c>
      <c r="AX7736" s="112"/>
      <c r="AY7736" s="112"/>
      <c r="AZ7736" s="112"/>
      <c r="BA7736" s="112"/>
      <c r="BB7736" s="221">
        <v>45884</v>
      </c>
    </row>
    <row r="7737" spans="1:54" s="8" customFormat="1" ht="13.95" customHeight="1" x14ac:dyDescent="0.25">
      <c r="A7737" s="229" t="s">
        <v>18524</v>
      </c>
      <c r="B7737" s="96" t="s">
        <v>18307</v>
      </c>
      <c r="C7737" s="93" t="s">
        <v>18525</v>
      </c>
      <c r="D7737" s="93" t="s">
        <v>24325</v>
      </c>
      <c r="E7737" s="111">
        <v>2006</v>
      </c>
      <c r="F7737" s="111">
        <v>7441</v>
      </c>
      <c r="G7737" s="93" t="s">
        <v>1</v>
      </c>
      <c r="H7737" s="111">
        <v>1</v>
      </c>
      <c r="I7737" s="111">
        <v>1</v>
      </c>
      <c r="J7737" s="111">
        <v>1</v>
      </c>
      <c r="K7737" s="111">
        <v>1</v>
      </c>
      <c r="L7737" s="111">
        <v>0</v>
      </c>
      <c r="M7737" s="111">
        <v>0</v>
      </c>
      <c r="N7737" s="111">
        <v>0</v>
      </c>
      <c r="O7737" s="111">
        <v>1</v>
      </c>
      <c r="P7737" s="111">
        <v>1</v>
      </c>
      <c r="Q7737" s="111">
        <v>0</v>
      </c>
      <c r="R7737" s="111">
        <v>1</v>
      </c>
      <c r="S7737" s="111">
        <v>0</v>
      </c>
      <c r="T7737" s="111">
        <v>0</v>
      </c>
      <c r="U7737" s="111">
        <v>0</v>
      </c>
      <c r="V7737" s="111">
        <v>0</v>
      </c>
      <c r="W7737" s="111">
        <v>0</v>
      </c>
      <c r="X7737" s="111">
        <v>0</v>
      </c>
      <c r="Y7737" s="111">
        <v>0</v>
      </c>
      <c r="Z7737" s="111">
        <v>0</v>
      </c>
      <c r="AA7737" s="111">
        <v>0</v>
      </c>
      <c r="AB7737" s="111">
        <v>0</v>
      </c>
      <c r="AC7737" s="111">
        <v>0</v>
      </c>
      <c r="AD7737" s="111">
        <v>0</v>
      </c>
      <c r="AE7737" s="111">
        <v>0</v>
      </c>
      <c r="AF7737" s="111">
        <v>0</v>
      </c>
      <c r="AG7737" s="111">
        <v>0</v>
      </c>
      <c r="AH7737" s="111">
        <v>0</v>
      </c>
      <c r="AI7737" s="111">
        <v>0</v>
      </c>
      <c r="AJ7737" s="111">
        <v>0</v>
      </c>
      <c r="AK7737" s="111">
        <v>0</v>
      </c>
      <c r="AL7737" s="111">
        <v>0</v>
      </c>
      <c r="AM7737" s="111">
        <v>0</v>
      </c>
      <c r="AN7737" s="111">
        <v>0</v>
      </c>
      <c r="AO7737" s="111">
        <v>0</v>
      </c>
      <c r="AP7737" s="111">
        <v>0</v>
      </c>
      <c r="AQ7737" s="111">
        <v>0</v>
      </c>
      <c r="AR7737" s="111">
        <v>0</v>
      </c>
      <c r="AS7737" s="111">
        <v>0</v>
      </c>
      <c r="AT7737" s="111">
        <v>1</v>
      </c>
      <c r="AU7737" s="111">
        <v>0</v>
      </c>
      <c r="AV7737" s="111">
        <v>0</v>
      </c>
      <c r="AW7737" s="111">
        <v>0</v>
      </c>
      <c r="AX7737" s="112"/>
      <c r="AY7737" s="112"/>
      <c r="AZ7737" s="112"/>
      <c r="BA7737" s="112"/>
      <c r="BB7737" s="221">
        <v>45884</v>
      </c>
    </row>
    <row r="7738" spans="1:54" s="8" customFormat="1" ht="13.95" customHeight="1" x14ac:dyDescent="0.25">
      <c r="A7738" s="229" t="s">
        <v>18526</v>
      </c>
      <c r="B7738" s="96" t="s">
        <v>18307</v>
      </c>
      <c r="C7738" s="93" t="s">
        <v>18527</v>
      </c>
      <c r="D7738" s="93" t="s">
        <v>24326</v>
      </c>
      <c r="E7738" s="111">
        <v>1976</v>
      </c>
      <c r="F7738" s="111">
        <v>7901</v>
      </c>
      <c r="G7738" s="93" t="s">
        <v>1</v>
      </c>
      <c r="H7738" s="111">
        <v>1</v>
      </c>
      <c r="I7738" s="111">
        <v>0</v>
      </c>
      <c r="J7738" s="111">
        <v>1</v>
      </c>
      <c r="K7738" s="111">
        <v>1</v>
      </c>
      <c r="L7738" s="111">
        <v>1</v>
      </c>
      <c r="M7738" s="111">
        <v>1</v>
      </c>
      <c r="N7738" s="111">
        <v>0</v>
      </c>
      <c r="O7738" s="111">
        <v>1</v>
      </c>
      <c r="P7738" s="111">
        <v>1</v>
      </c>
      <c r="Q7738" s="111">
        <v>0</v>
      </c>
      <c r="R7738" s="111">
        <v>0</v>
      </c>
      <c r="S7738" s="111">
        <v>0</v>
      </c>
      <c r="T7738" s="111">
        <v>0</v>
      </c>
      <c r="U7738" s="111">
        <v>1</v>
      </c>
      <c r="V7738" s="111">
        <v>0</v>
      </c>
      <c r="W7738" s="111">
        <v>0</v>
      </c>
      <c r="X7738" s="111">
        <v>0</v>
      </c>
      <c r="Y7738" s="111">
        <v>0</v>
      </c>
      <c r="Z7738" s="111">
        <v>1</v>
      </c>
      <c r="AA7738" s="111">
        <v>0</v>
      </c>
      <c r="AB7738" s="111">
        <v>0</v>
      </c>
      <c r="AC7738" s="111">
        <v>0</v>
      </c>
      <c r="AD7738" s="111">
        <v>0</v>
      </c>
      <c r="AE7738" s="111">
        <v>0</v>
      </c>
      <c r="AF7738" s="111">
        <v>0</v>
      </c>
      <c r="AG7738" s="111">
        <v>0</v>
      </c>
      <c r="AH7738" s="111">
        <v>0</v>
      </c>
      <c r="AI7738" s="111">
        <v>0</v>
      </c>
      <c r="AJ7738" s="111">
        <v>0</v>
      </c>
      <c r="AK7738" s="111">
        <v>0</v>
      </c>
      <c r="AL7738" s="111">
        <v>0</v>
      </c>
      <c r="AM7738" s="111">
        <v>0</v>
      </c>
      <c r="AN7738" s="111">
        <v>0</v>
      </c>
      <c r="AO7738" s="111">
        <v>0</v>
      </c>
      <c r="AP7738" s="111">
        <v>0</v>
      </c>
      <c r="AQ7738" s="111">
        <v>0</v>
      </c>
      <c r="AR7738" s="111">
        <v>0</v>
      </c>
      <c r="AS7738" s="111">
        <v>0</v>
      </c>
      <c r="AT7738" s="111">
        <v>1</v>
      </c>
      <c r="AU7738" s="111">
        <v>1</v>
      </c>
      <c r="AV7738" s="111">
        <v>0</v>
      </c>
      <c r="AW7738" s="111">
        <v>0</v>
      </c>
      <c r="AX7738" s="112"/>
      <c r="AY7738" s="112"/>
      <c r="AZ7738" s="112"/>
      <c r="BA7738" s="112" t="s">
        <v>20343</v>
      </c>
      <c r="BB7738" s="221">
        <v>45884</v>
      </c>
    </row>
    <row r="7739" spans="1:54" s="8" customFormat="1" ht="13.95" customHeight="1" x14ac:dyDescent="0.25">
      <c r="A7739" s="229" t="s">
        <v>18528</v>
      </c>
      <c r="B7739" s="96" t="s">
        <v>18307</v>
      </c>
      <c r="C7739" s="93" t="s">
        <v>18529</v>
      </c>
      <c r="D7739" s="93" t="s">
        <v>24327</v>
      </c>
      <c r="E7739" s="111">
        <v>2012</v>
      </c>
      <c r="F7739" s="111">
        <v>8724</v>
      </c>
      <c r="G7739" s="93" t="s">
        <v>1</v>
      </c>
      <c r="H7739" s="111">
        <v>1</v>
      </c>
      <c r="I7739" s="111">
        <v>1</v>
      </c>
      <c r="J7739" s="111">
        <v>1</v>
      </c>
      <c r="K7739" s="111">
        <v>0</v>
      </c>
      <c r="L7739" s="111">
        <v>0</v>
      </c>
      <c r="M7739" s="111">
        <v>0</v>
      </c>
      <c r="N7739" s="111">
        <v>0</v>
      </c>
      <c r="O7739" s="111">
        <v>1</v>
      </c>
      <c r="P7739" s="111">
        <v>1</v>
      </c>
      <c r="Q7739" s="111">
        <v>0</v>
      </c>
      <c r="R7739" s="111">
        <v>0</v>
      </c>
      <c r="S7739" s="111">
        <v>0</v>
      </c>
      <c r="T7739" s="111">
        <v>0</v>
      </c>
      <c r="U7739" s="111">
        <v>0</v>
      </c>
      <c r="V7739" s="111">
        <v>0</v>
      </c>
      <c r="W7739" s="111">
        <v>0</v>
      </c>
      <c r="X7739" s="111">
        <v>0</v>
      </c>
      <c r="Y7739" s="111">
        <v>0</v>
      </c>
      <c r="Z7739" s="111">
        <v>0</v>
      </c>
      <c r="AA7739" s="111">
        <v>0</v>
      </c>
      <c r="AB7739" s="111">
        <v>0</v>
      </c>
      <c r="AC7739" s="111">
        <v>0</v>
      </c>
      <c r="AD7739" s="111">
        <v>0</v>
      </c>
      <c r="AE7739" s="111">
        <v>0</v>
      </c>
      <c r="AF7739" s="111">
        <v>0</v>
      </c>
      <c r="AG7739" s="111">
        <v>0</v>
      </c>
      <c r="AH7739" s="111">
        <v>0</v>
      </c>
      <c r="AI7739" s="111">
        <v>0</v>
      </c>
      <c r="AJ7739" s="111">
        <v>0</v>
      </c>
      <c r="AK7739" s="111">
        <v>0</v>
      </c>
      <c r="AL7739" s="111">
        <v>0</v>
      </c>
      <c r="AM7739" s="111">
        <v>0</v>
      </c>
      <c r="AN7739" s="111">
        <v>0</v>
      </c>
      <c r="AO7739" s="111">
        <v>0</v>
      </c>
      <c r="AP7739" s="111">
        <v>0</v>
      </c>
      <c r="AQ7739" s="111">
        <v>0</v>
      </c>
      <c r="AR7739" s="111">
        <v>0</v>
      </c>
      <c r="AS7739" s="111">
        <v>0</v>
      </c>
      <c r="AT7739" s="111">
        <v>1</v>
      </c>
      <c r="AU7739" s="111">
        <v>0</v>
      </c>
      <c r="AV7739" s="111">
        <v>0</v>
      </c>
      <c r="AW7739" s="111">
        <v>0</v>
      </c>
      <c r="AX7739" s="112"/>
      <c r="AY7739" s="112"/>
      <c r="AZ7739" s="112"/>
      <c r="BA7739" s="112"/>
      <c r="BB7739" s="221">
        <v>45884</v>
      </c>
    </row>
    <row r="7740" spans="1:54" s="8" customFormat="1" ht="13.95" customHeight="1" x14ac:dyDescent="0.25">
      <c r="A7740" s="229" t="s">
        <v>18530</v>
      </c>
      <c r="B7740" s="96" t="s">
        <v>18307</v>
      </c>
      <c r="C7740" s="93" t="s">
        <v>18531</v>
      </c>
      <c r="D7740" s="93" t="s">
        <v>24328</v>
      </c>
      <c r="E7740" s="111">
        <v>2003</v>
      </c>
      <c r="F7740" s="111">
        <v>8584</v>
      </c>
      <c r="G7740" s="93" t="s">
        <v>11</v>
      </c>
      <c r="H7740" s="111">
        <v>0</v>
      </c>
      <c r="I7740" s="111">
        <v>0</v>
      </c>
      <c r="J7740" s="111">
        <v>1</v>
      </c>
      <c r="K7740" s="111">
        <v>0</v>
      </c>
      <c r="L7740" s="111">
        <v>0</v>
      </c>
      <c r="M7740" s="111">
        <v>0</v>
      </c>
      <c r="N7740" s="111">
        <v>0</v>
      </c>
      <c r="O7740" s="111">
        <v>0</v>
      </c>
      <c r="P7740" s="111">
        <v>0</v>
      </c>
      <c r="Q7740" s="111">
        <v>0</v>
      </c>
      <c r="R7740" s="111">
        <v>0</v>
      </c>
      <c r="S7740" s="111">
        <v>0</v>
      </c>
      <c r="T7740" s="111">
        <v>0</v>
      </c>
      <c r="U7740" s="111">
        <v>0</v>
      </c>
      <c r="V7740" s="111">
        <v>0</v>
      </c>
      <c r="W7740" s="111">
        <v>0</v>
      </c>
      <c r="X7740" s="111">
        <v>0</v>
      </c>
      <c r="Y7740" s="111">
        <v>0</v>
      </c>
      <c r="Z7740" s="111">
        <v>0</v>
      </c>
      <c r="AA7740" s="111">
        <v>0</v>
      </c>
      <c r="AB7740" s="111">
        <v>0</v>
      </c>
      <c r="AC7740" s="111">
        <v>0</v>
      </c>
      <c r="AD7740" s="111">
        <v>0</v>
      </c>
      <c r="AE7740" s="111">
        <v>0</v>
      </c>
      <c r="AF7740" s="111">
        <v>0</v>
      </c>
      <c r="AG7740" s="111">
        <v>0</v>
      </c>
      <c r="AH7740" s="111">
        <v>0</v>
      </c>
      <c r="AI7740" s="111">
        <v>0</v>
      </c>
      <c r="AJ7740" s="111">
        <v>0</v>
      </c>
      <c r="AK7740" s="111">
        <v>0</v>
      </c>
      <c r="AL7740" s="111">
        <v>0</v>
      </c>
      <c r="AM7740" s="111">
        <v>0</v>
      </c>
      <c r="AN7740" s="111">
        <v>0</v>
      </c>
      <c r="AO7740" s="111">
        <v>0</v>
      </c>
      <c r="AP7740" s="111">
        <v>0</v>
      </c>
      <c r="AQ7740" s="111">
        <v>0</v>
      </c>
      <c r="AR7740" s="111">
        <v>0</v>
      </c>
      <c r="AS7740" s="111">
        <v>0</v>
      </c>
      <c r="AT7740" s="111">
        <v>1</v>
      </c>
      <c r="AU7740" s="111">
        <v>0</v>
      </c>
      <c r="AV7740" s="111">
        <v>0</v>
      </c>
      <c r="AW7740" s="111">
        <v>0</v>
      </c>
      <c r="AX7740" s="112"/>
      <c r="AY7740" s="112"/>
      <c r="AZ7740" s="112"/>
      <c r="BA7740" s="112"/>
      <c r="BB7740" s="221">
        <v>45884</v>
      </c>
    </row>
    <row r="7741" spans="1:54" s="8" customFormat="1" ht="13.95" customHeight="1" x14ac:dyDescent="0.25">
      <c r="A7741" s="229" t="s">
        <v>18532</v>
      </c>
      <c r="B7741" s="96" t="s">
        <v>18307</v>
      </c>
      <c r="C7741" s="93" t="s">
        <v>18533</v>
      </c>
      <c r="D7741" s="93" t="s">
        <v>24329</v>
      </c>
      <c r="E7741" s="111">
        <v>1994</v>
      </c>
      <c r="F7741" s="111">
        <v>11894</v>
      </c>
      <c r="G7741" s="93" t="s">
        <v>3</v>
      </c>
      <c r="H7741" s="111">
        <v>1</v>
      </c>
      <c r="I7741" s="111">
        <v>1</v>
      </c>
      <c r="J7741" s="111">
        <v>1</v>
      </c>
      <c r="K7741" s="111">
        <v>1</v>
      </c>
      <c r="L7741" s="111">
        <v>1</v>
      </c>
      <c r="M7741" s="111">
        <v>1</v>
      </c>
      <c r="N7741" s="111">
        <v>1</v>
      </c>
      <c r="O7741" s="111">
        <v>0</v>
      </c>
      <c r="P7741" s="111">
        <v>1</v>
      </c>
      <c r="Q7741" s="111">
        <v>0</v>
      </c>
      <c r="R7741" s="111">
        <v>0</v>
      </c>
      <c r="S7741" s="111">
        <v>0</v>
      </c>
      <c r="T7741" s="111">
        <v>0</v>
      </c>
      <c r="U7741" s="111">
        <v>1</v>
      </c>
      <c r="V7741" s="111">
        <v>0</v>
      </c>
      <c r="W7741" s="111">
        <v>1</v>
      </c>
      <c r="X7741" s="111">
        <v>1</v>
      </c>
      <c r="Y7741" s="111">
        <v>0</v>
      </c>
      <c r="Z7741" s="111">
        <v>0</v>
      </c>
      <c r="AA7741" s="111">
        <v>0</v>
      </c>
      <c r="AB7741" s="111">
        <v>0</v>
      </c>
      <c r="AC7741" s="111">
        <v>0</v>
      </c>
      <c r="AD7741" s="111">
        <v>0</v>
      </c>
      <c r="AE7741" s="111">
        <v>0</v>
      </c>
      <c r="AF7741" s="111">
        <v>0</v>
      </c>
      <c r="AG7741" s="111">
        <v>0</v>
      </c>
      <c r="AH7741" s="111">
        <v>0</v>
      </c>
      <c r="AI7741" s="111">
        <v>0</v>
      </c>
      <c r="AJ7741" s="111">
        <v>0</v>
      </c>
      <c r="AK7741" s="111">
        <v>0</v>
      </c>
      <c r="AL7741" s="111">
        <v>0</v>
      </c>
      <c r="AM7741" s="111">
        <v>0</v>
      </c>
      <c r="AN7741" s="111">
        <v>0</v>
      </c>
      <c r="AO7741" s="111">
        <v>1</v>
      </c>
      <c r="AP7741" s="111">
        <v>1</v>
      </c>
      <c r="AQ7741" s="111">
        <v>0</v>
      </c>
      <c r="AR7741" s="111">
        <v>0</v>
      </c>
      <c r="AS7741" s="111">
        <v>0</v>
      </c>
      <c r="AT7741" s="111">
        <v>1</v>
      </c>
      <c r="AU7741" s="111">
        <v>1</v>
      </c>
      <c r="AV7741" s="111">
        <v>0</v>
      </c>
      <c r="AW7741" s="111">
        <v>1</v>
      </c>
      <c r="AX7741" s="112"/>
      <c r="AY7741" s="112"/>
      <c r="AZ7741" s="112"/>
      <c r="BA7741" s="112" t="s">
        <v>18534</v>
      </c>
      <c r="BB7741" s="221">
        <v>45884</v>
      </c>
    </row>
    <row r="7742" spans="1:54" s="8" customFormat="1" ht="13.95" customHeight="1" x14ac:dyDescent="0.25">
      <c r="A7742" s="229" t="s">
        <v>18535</v>
      </c>
      <c r="B7742" s="96" t="s">
        <v>18307</v>
      </c>
      <c r="C7742" s="93" t="s">
        <v>18536</v>
      </c>
      <c r="D7742" s="93" t="s">
        <v>24330</v>
      </c>
      <c r="E7742" s="111">
        <v>2015</v>
      </c>
      <c r="F7742" s="111">
        <v>13942</v>
      </c>
      <c r="G7742" s="93" t="s">
        <v>3</v>
      </c>
      <c r="H7742" s="111">
        <v>1</v>
      </c>
      <c r="I7742" s="111">
        <v>0</v>
      </c>
      <c r="J7742" s="111">
        <v>1</v>
      </c>
      <c r="K7742" s="111">
        <v>1</v>
      </c>
      <c r="L7742" s="111">
        <v>1</v>
      </c>
      <c r="M7742" s="111">
        <v>0</v>
      </c>
      <c r="N7742" s="111">
        <v>0</v>
      </c>
      <c r="O7742" s="111">
        <v>1</v>
      </c>
      <c r="P7742" s="111">
        <v>1</v>
      </c>
      <c r="Q7742" s="111">
        <v>0</v>
      </c>
      <c r="R7742" s="111">
        <v>1</v>
      </c>
      <c r="S7742" s="111">
        <v>0</v>
      </c>
      <c r="T7742" s="111">
        <v>0</v>
      </c>
      <c r="U7742" s="111">
        <v>0</v>
      </c>
      <c r="V7742" s="111">
        <v>0</v>
      </c>
      <c r="W7742" s="111">
        <v>0</v>
      </c>
      <c r="X7742" s="111">
        <v>0</v>
      </c>
      <c r="Y7742" s="111">
        <v>0</v>
      </c>
      <c r="Z7742" s="111">
        <v>0</v>
      </c>
      <c r="AA7742" s="111">
        <v>0</v>
      </c>
      <c r="AB7742" s="111">
        <v>0</v>
      </c>
      <c r="AC7742" s="111">
        <v>0</v>
      </c>
      <c r="AD7742" s="111">
        <v>0</v>
      </c>
      <c r="AE7742" s="111">
        <v>0</v>
      </c>
      <c r="AF7742" s="111">
        <v>0</v>
      </c>
      <c r="AG7742" s="111">
        <v>0</v>
      </c>
      <c r="AH7742" s="111">
        <v>0</v>
      </c>
      <c r="AI7742" s="111">
        <v>0</v>
      </c>
      <c r="AJ7742" s="111">
        <v>0</v>
      </c>
      <c r="AK7742" s="111">
        <v>0</v>
      </c>
      <c r="AL7742" s="111">
        <v>0</v>
      </c>
      <c r="AM7742" s="111">
        <v>0</v>
      </c>
      <c r="AN7742" s="111">
        <v>0</v>
      </c>
      <c r="AO7742" s="111">
        <v>0</v>
      </c>
      <c r="AP7742" s="111">
        <v>0</v>
      </c>
      <c r="AQ7742" s="111">
        <v>0</v>
      </c>
      <c r="AR7742" s="111">
        <v>0</v>
      </c>
      <c r="AS7742" s="111">
        <v>0</v>
      </c>
      <c r="AT7742" s="111">
        <v>0</v>
      </c>
      <c r="AU7742" s="111">
        <v>0</v>
      </c>
      <c r="AV7742" s="111">
        <v>0</v>
      </c>
      <c r="AW7742" s="111">
        <v>1</v>
      </c>
      <c r="AX7742" s="112"/>
      <c r="AY7742" s="112"/>
      <c r="AZ7742" s="112"/>
      <c r="BA7742" s="112"/>
      <c r="BB7742" s="221">
        <v>45884</v>
      </c>
    </row>
    <row r="7743" spans="1:54" s="8" customFormat="1" ht="13.95" customHeight="1" x14ac:dyDescent="0.25">
      <c r="A7743" s="229" t="s">
        <v>18537</v>
      </c>
      <c r="B7743" s="96" t="s">
        <v>18307</v>
      </c>
      <c r="C7743" s="93" t="s">
        <v>18538</v>
      </c>
      <c r="D7743" s="93" t="s">
        <v>24331</v>
      </c>
      <c r="E7743" s="111">
        <v>2001</v>
      </c>
      <c r="F7743" s="111">
        <v>16664</v>
      </c>
      <c r="G7743" s="93" t="s">
        <v>3</v>
      </c>
      <c r="H7743" s="111">
        <v>0</v>
      </c>
      <c r="I7743" s="111">
        <v>0</v>
      </c>
      <c r="J7743" s="111">
        <v>0</v>
      </c>
      <c r="K7743" s="111">
        <v>0</v>
      </c>
      <c r="L7743" s="111">
        <v>0</v>
      </c>
      <c r="M7743" s="111">
        <v>0</v>
      </c>
      <c r="N7743" s="111">
        <v>0</v>
      </c>
      <c r="O7743" s="111">
        <v>0</v>
      </c>
      <c r="P7743" s="111">
        <v>0</v>
      </c>
      <c r="Q7743" s="111">
        <v>0</v>
      </c>
      <c r="R7743" s="111">
        <v>0</v>
      </c>
      <c r="S7743" s="111">
        <v>0</v>
      </c>
      <c r="T7743" s="111">
        <v>0</v>
      </c>
      <c r="U7743" s="111">
        <v>0</v>
      </c>
      <c r="V7743" s="111">
        <v>0</v>
      </c>
      <c r="W7743" s="111">
        <v>0</v>
      </c>
      <c r="X7743" s="111">
        <v>0</v>
      </c>
      <c r="Y7743" s="111">
        <v>0</v>
      </c>
      <c r="Z7743" s="111">
        <v>0</v>
      </c>
      <c r="AA7743" s="111">
        <v>0</v>
      </c>
      <c r="AB7743" s="111">
        <v>0</v>
      </c>
      <c r="AC7743" s="111">
        <v>0</v>
      </c>
      <c r="AD7743" s="111">
        <v>0</v>
      </c>
      <c r="AE7743" s="111">
        <v>0</v>
      </c>
      <c r="AF7743" s="111">
        <v>0</v>
      </c>
      <c r="AG7743" s="111">
        <v>0</v>
      </c>
      <c r="AH7743" s="111">
        <v>0</v>
      </c>
      <c r="AI7743" s="111">
        <v>0</v>
      </c>
      <c r="AJ7743" s="111">
        <v>0</v>
      </c>
      <c r="AK7743" s="111">
        <v>0</v>
      </c>
      <c r="AL7743" s="111">
        <v>0</v>
      </c>
      <c r="AM7743" s="111">
        <v>0</v>
      </c>
      <c r="AN7743" s="111">
        <v>0</v>
      </c>
      <c r="AO7743" s="111">
        <v>0</v>
      </c>
      <c r="AP7743" s="111">
        <v>0</v>
      </c>
      <c r="AQ7743" s="111">
        <v>0</v>
      </c>
      <c r="AR7743" s="111">
        <v>0</v>
      </c>
      <c r="AS7743" s="111">
        <v>0</v>
      </c>
      <c r="AT7743" s="111">
        <v>0</v>
      </c>
      <c r="AU7743" s="111">
        <v>1</v>
      </c>
      <c r="AV7743" s="111">
        <v>0</v>
      </c>
      <c r="AW7743" s="111">
        <v>0</v>
      </c>
      <c r="AX7743" s="112"/>
      <c r="AY7743" s="112"/>
      <c r="AZ7743" s="112"/>
      <c r="BA7743" s="112"/>
      <c r="BB7743" s="221">
        <v>45884</v>
      </c>
    </row>
    <row r="7744" spans="1:54" s="8" customFormat="1" ht="13.95" customHeight="1" x14ac:dyDescent="0.25">
      <c r="A7744" s="229" t="s">
        <v>18539</v>
      </c>
      <c r="B7744" s="96" t="s">
        <v>18307</v>
      </c>
      <c r="C7744" s="93" t="s">
        <v>18540</v>
      </c>
      <c r="D7744" s="93" t="s">
        <v>24332</v>
      </c>
      <c r="E7744" s="111">
        <v>2006</v>
      </c>
      <c r="F7744" s="111">
        <v>16853</v>
      </c>
      <c r="G7744" s="93" t="s">
        <v>3</v>
      </c>
      <c r="H7744" s="111">
        <v>1</v>
      </c>
      <c r="I7744" s="111">
        <v>1</v>
      </c>
      <c r="J7744" s="111">
        <v>1</v>
      </c>
      <c r="K7744" s="111">
        <v>1</v>
      </c>
      <c r="L7744" s="111">
        <v>1</v>
      </c>
      <c r="M7744" s="111">
        <v>1</v>
      </c>
      <c r="N7744" s="111">
        <v>1</v>
      </c>
      <c r="O7744" s="111">
        <v>1</v>
      </c>
      <c r="P7744" s="111">
        <v>1</v>
      </c>
      <c r="Q7744" s="111">
        <v>0</v>
      </c>
      <c r="R7744" s="111">
        <v>0</v>
      </c>
      <c r="S7744" s="111">
        <v>0</v>
      </c>
      <c r="T7744" s="111">
        <v>1</v>
      </c>
      <c r="U7744" s="111">
        <v>1</v>
      </c>
      <c r="V7744" s="111">
        <v>0</v>
      </c>
      <c r="W7744" s="111">
        <v>1</v>
      </c>
      <c r="X7744" s="111">
        <v>0</v>
      </c>
      <c r="Y7744" s="111">
        <v>0</v>
      </c>
      <c r="Z7744" s="111">
        <v>0</v>
      </c>
      <c r="AA7744" s="111">
        <v>0</v>
      </c>
      <c r="AB7744" s="111">
        <v>0</v>
      </c>
      <c r="AC7744" s="111">
        <v>0</v>
      </c>
      <c r="AD7744" s="111">
        <v>0</v>
      </c>
      <c r="AE7744" s="111">
        <v>0</v>
      </c>
      <c r="AF7744" s="111">
        <v>0</v>
      </c>
      <c r="AG7744" s="111">
        <v>0</v>
      </c>
      <c r="AH7744" s="111">
        <v>0</v>
      </c>
      <c r="AI7744" s="111">
        <v>0</v>
      </c>
      <c r="AJ7744" s="111">
        <v>0</v>
      </c>
      <c r="AK7744" s="111">
        <v>0</v>
      </c>
      <c r="AL7744" s="111">
        <v>0</v>
      </c>
      <c r="AM7744" s="111">
        <v>0</v>
      </c>
      <c r="AN7744" s="111">
        <v>0</v>
      </c>
      <c r="AO7744" s="111">
        <v>1</v>
      </c>
      <c r="AP7744" s="111">
        <v>0</v>
      </c>
      <c r="AQ7744" s="111">
        <v>0</v>
      </c>
      <c r="AR7744" s="111">
        <v>0</v>
      </c>
      <c r="AS7744" s="111">
        <v>0</v>
      </c>
      <c r="AT7744" s="111">
        <v>1</v>
      </c>
      <c r="AU7744" s="111">
        <v>1</v>
      </c>
      <c r="AV7744" s="111">
        <v>0</v>
      </c>
      <c r="AW7744" s="111">
        <v>1</v>
      </c>
      <c r="AX7744" s="112"/>
      <c r="AY7744" s="112" t="s">
        <v>22118</v>
      </c>
      <c r="AZ7744" s="112"/>
      <c r="BA7744" s="112" t="s">
        <v>21567</v>
      </c>
      <c r="BB7744" s="221">
        <v>45884</v>
      </c>
    </row>
    <row r="7745" spans="1:54" s="8" customFormat="1" ht="13.95" customHeight="1" x14ac:dyDescent="0.25">
      <c r="A7745" s="229" t="s">
        <v>18541</v>
      </c>
      <c r="B7745" s="96" t="s">
        <v>18307</v>
      </c>
      <c r="C7745" s="93" t="s">
        <v>18542</v>
      </c>
      <c r="D7745" s="93" t="s">
        <v>24333</v>
      </c>
      <c r="E7745" s="111">
        <v>2013</v>
      </c>
      <c r="F7745" s="111">
        <v>20650</v>
      </c>
      <c r="G7745" s="93" t="s">
        <v>20344</v>
      </c>
      <c r="H7745" s="111">
        <v>0</v>
      </c>
      <c r="I7745" s="111">
        <v>0</v>
      </c>
      <c r="J7745" s="111">
        <v>0</v>
      </c>
      <c r="K7745" s="111">
        <v>0</v>
      </c>
      <c r="L7745" s="111">
        <v>0</v>
      </c>
      <c r="M7745" s="111">
        <v>0</v>
      </c>
      <c r="N7745" s="111">
        <v>0</v>
      </c>
      <c r="O7745" s="111">
        <v>0</v>
      </c>
      <c r="P7745" s="111">
        <v>0</v>
      </c>
      <c r="Q7745" s="111">
        <v>0</v>
      </c>
      <c r="R7745" s="111">
        <v>0</v>
      </c>
      <c r="S7745" s="111">
        <v>0</v>
      </c>
      <c r="T7745" s="111">
        <v>0</v>
      </c>
      <c r="U7745" s="111">
        <v>0</v>
      </c>
      <c r="V7745" s="111">
        <v>0</v>
      </c>
      <c r="W7745" s="111">
        <v>0</v>
      </c>
      <c r="X7745" s="111">
        <v>0</v>
      </c>
      <c r="Y7745" s="111">
        <v>0</v>
      </c>
      <c r="Z7745" s="111">
        <v>0</v>
      </c>
      <c r="AA7745" s="111">
        <v>0</v>
      </c>
      <c r="AB7745" s="111">
        <v>0</v>
      </c>
      <c r="AC7745" s="111">
        <v>0</v>
      </c>
      <c r="AD7745" s="111">
        <v>0</v>
      </c>
      <c r="AE7745" s="111">
        <v>0</v>
      </c>
      <c r="AF7745" s="111">
        <v>0</v>
      </c>
      <c r="AG7745" s="111">
        <v>0</v>
      </c>
      <c r="AH7745" s="111">
        <v>0</v>
      </c>
      <c r="AI7745" s="111">
        <v>0</v>
      </c>
      <c r="AJ7745" s="111">
        <v>0</v>
      </c>
      <c r="AK7745" s="111">
        <v>0</v>
      </c>
      <c r="AL7745" s="111">
        <v>0</v>
      </c>
      <c r="AM7745" s="111">
        <v>0</v>
      </c>
      <c r="AN7745" s="111">
        <v>0</v>
      </c>
      <c r="AO7745" s="111">
        <v>0</v>
      </c>
      <c r="AP7745" s="111">
        <v>0</v>
      </c>
      <c r="AQ7745" s="111">
        <v>0</v>
      </c>
      <c r="AR7745" s="111">
        <v>0</v>
      </c>
      <c r="AS7745" s="111">
        <v>0</v>
      </c>
      <c r="AT7745" s="111">
        <v>0</v>
      </c>
      <c r="AU7745" s="111">
        <v>0</v>
      </c>
      <c r="AV7745" s="111">
        <v>0</v>
      </c>
      <c r="AW7745" s="111">
        <v>0</v>
      </c>
      <c r="AX7745" s="112"/>
      <c r="AY7745" s="112"/>
      <c r="AZ7745" s="112"/>
      <c r="BA7745" s="112"/>
      <c r="BB7745" s="221">
        <v>45884</v>
      </c>
    </row>
    <row r="7746" spans="1:54" s="8" customFormat="1" ht="13.95" customHeight="1" x14ac:dyDescent="0.25">
      <c r="A7746" s="229" t="s">
        <v>18543</v>
      </c>
      <c r="B7746" s="96" t="s">
        <v>18307</v>
      </c>
      <c r="C7746" s="93" t="s">
        <v>18544</v>
      </c>
      <c r="D7746" s="93" t="s">
        <v>24334</v>
      </c>
      <c r="E7746" s="111">
        <v>2012</v>
      </c>
      <c r="F7746" s="111">
        <v>3295</v>
      </c>
      <c r="G7746" s="93" t="s">
        <v>20344</v>
      </c>
      <c r="H7746" s="111">
        <v>0</v>
      </c>
      <c r="I7746" s="111">
        <v>0</v>
      </c>
      <c r="J7746" s="111">
        <v>0</v>
      </c>
      <c r="K7746" s="111">
        <v>0</v>
      </c>
      <c r="L7746" s="111">
        <v>0</v>
      </c>
      <c r="M7746" s="111">
        <v>0</v>
      </c>
      <c r="N7746" s="111">
        <v>0</v>
      </c>
      <c r="O7746" s="111">
        <v>0</v>
      </c>
      <c r="P7746" s="111">
        <v>0</v>
      </c>
      <c r="Q7746" s="111">
        <v>0</v>
      </c>
      <c r="R7746" s="111">
        <v>0</v>
      </c>
      <c r="S7746" s="111">
        <v>0</v>
      </c>
      <c r="T7746" s="111">
        <v>0</v>
      </c>
      <c r="U7746" s="111">
        <v>0</v>
      </c>
      <c r="V7746" s="111">
        <v>0</v>
      </c>
      <c r="W7746" s="111">
        <v>0</v>
      </c>
      <c r="X7746" s="111">
        <v>0</v>
      </c>
      <c r="Y7746" s="111">
        <v>0</v>
      </c>
      <c r="Z7746" s="111">
        <v>0</v>
      </c>
      <c r="AA7746" s="111">
        <v>0</v>
      </c>
      <c r="AB7746" s="111">
        <v>0</v>
      </c>
      <c r="AC7746" s="111">
        <v>0</v>
      </c>
      <c r="AD7746" s="111">
        <v>0</v>
      </c>
      <c r="AE7746" s="111">
        <v>0</v>
      </c>
      <c r="AF7746" s="111">
        <v>0</v>
      </c>
      <c r="AG7746" s="111">
        <v>0</v>
      </c>
      <c r="AH7746" s="111">
        <v>0</v>
      </c>
      <c r="AI7746" s="111">
        <v>0</v>
      </c>
      <c r="AJ7746" s="111">
        <v>0</v>
      </c>
      <c r="AK7746" s="111">
        <v>0</v>
      </c>
      <c r="AL7746" s="111">
        <v>0</v>
      </c>
      <c r="AM7746" s="111">
        <v>0</v>
      </c>
      <c r="AN7746" s="111">
        <v>0</v>
      </c>
      <c r="AO7746" s="111">
        <v>0</v>
      </c>
      <c r="AP7746" s="111">
        <v>0</v>
      </c>
      <c r="AQ7746" s="111">
        <v>0</v>
      </c>
      <c r="AR7746" s="111">
        <v>0</v>
      </c>
      <c r="AS7746" s="111">
        <v>0</v>
      </c>
      <c r="AT7746" s="111">
        <v>0</v>
      </c>
      <c r="AU7746" s="111">
        <v>0</v>
      </c>
      <c r="AV7746" s="111">
        <v>0</v>
      </c>
      <c r="AW7746" s="111">
        <v>0</v>
      </c>
      <c r="AX7746" s="112"/>
      <c r="AY7746" s="112"/>
      <c r="AZ7746" s="112"/>
      <c r="BA7746" s="112"/>
      <c r="BB7746" s="221">
        <v>45884</v>
      </c>
    </row>
    <row r="7747" spans="1:54" s="8" customFormat="1" ht="13.95" customHeight="1" x14ac:dyDescent="0.25">
      <c r="A7747" s="229" t="s">
        <v>18545</v>
      </c>
      <c r="B7747" s="96" t="s">
        <v>18307</v>
      </c>
      <c r="C7747" s="93" t="s">
        <v>18546</v>
      </c>
      <c r="D7747" s="93" t="s">
        <v>24335</v>
      </c>
      <c r="E7747" s="111">
        <v>2005</v>
      </c>
      <c r="F7747" s="111">
        <v>33003</v>
      </c>
      <c r="G7747" s="93" t="s">
        <v>7</v>
      </c>
      <c r="H7747" s="111">
        <v>1</v>
      </c>
      <c r="I7747" s="111">
        <v>1</v>
      </c>
      <c r="J7747" s="111">
        <v>1</v>
      </c>
      <c r="K7747" s="111">
        <v>0</v>
      </c>
      <c r="L7747" s="111">
        <v>0</v>
      </c>
      <c r="M7747" s="111">
        <v>0</v>
      </c>
      <c r="N7747" s="111">
        <v>0</v>
      </c>
      <c r="O7747" s="111">
        <v>0</v>
      </c>
      <c r="P7747" s="111">
        <v>0</v>
      </c>
      <c r="Q7747" s="111">
        <v>0</v>
      </c>
      <c r="R7747" s="111">
        <v>0</v>
      </c>
      <c r="S7747" s="111">
        <v>0</v>
      </c>
      <c r="T7747" s="111">
        <v>0</v>
      </c>
      <c r="U7747" s="111">
        <v>0</v>
      </c>
      <c r="V7747" s="111">
        <v>0</v>
      </c>
      <c r="W7747" s="111">
        <v>1</v>
      </c>
      <c r="X7747" s="111">
        <v>0</v>
      </c>
      <c r="Y7747" s="111">
        <v>0</v>
      </c>
      <c r="Z7747" s="111">
        <v>0</v>
      </c>
      <c r="AA7747" s="111">
        <v>0</v>
      </c>
      <c r="AB7747" s="111">
        <v>0</v>
      </c>
      <c r="AC7747" s="111">
        <v>0</v>
      </c>
      <c r="AD7747" s="111">
        <v>0</v>
      </c>
      <c r="AE7747" s="111">
        <v>0</v>
      </c>
      <c r="AF7747" s="111">
        <v>0</v>
      </c>
      <c r="AG7747" s="111">
        <v>0</v>
      </c>
      <c r="AH7747" s="111">
        <v>0</v>
      </c>
      <c r="AI7747" s="111">
        <v>0</v>
      </c>
      <c r="AJ7747" s="111">
        <v>0</v>
      </c>
      <c r="AK7747" s="111">
        <v>0</v>
      </c>
      <c r="AL7747" s="111">
        <v>0</v>
      </c>
      <c r="AM7747" s="111">
        <v>0</v>
      </c>
      <c r="AN7747" s="111">
        <v>0</v>
      </c>
      <c r="AO7747" s="111">
        <v>1</v>
      </c>
      <c r="AP7747" s="111">
        <v>0</v>
      </c>
      <c r="AQ7747" s="111">
        <v>0</v>
      </c>
      <c r="AR7747" s="111">
        <v>0</v>
      </c>
      <c r="AS7747" s="111">
        <v>0</v>
      </c>
      <c r="AT7747" s="111">
        <v>1</v>
      </c>
      <c r="AU7747" s="111">
        <v>1</v>
      </c>
      <c r="AV7747" s="111">
        <v>0</v>
      </c>
      <c r="AW7747" s="111">
        <v>1</v>
      </c>
      <c r="AX7747" s="112"/>
      <c r="AY7747" s="112"/>
      <c r="AZ7747" s="112"/>
      <c r="BA7747" s="112"/>
      <c r="BB7747" s="221">
        <v>45884</v>
      </c>
    </row>
    <row r="7748" spans="1:54" s="8" customFormat="1" ht="13.95" customHeight="1" x14ac:dyDescent="0.25">
      <c r="A7748" s="229" t="s">
        <v>18547</v>
      </c>
      <c r="B7748" s="96" t="s">
        <v>18307</v>
      </c>
      <c r="C7748" s="93" t="s">
        <v>18548</v>
      </c>
      <c r="D7748" s="93" t="s">
        <v>24336</v>
      </c>
      <c r="E7748" s="111">
        <v>1976</v>
      </c>
      <c r="F7748" s="111">
        <v>43885</v>
      </c>
      <c r="G7748" s="93" t="s">
        <v>7</v>
      </c>
      <c r="H7748" s="111">
        <v>1</v>
      </c>
      <c r="I7748" s="111">
        <v>1</v>
      </c>
      <c r="J7748" s="111">
        <v>1</v>
      </c>
      <c r="K7748" s="111">
        <v>1</v>
      </c>
      <c r="L7748" s="111">
        <v>0</v>
      </c>
      <c r="M7748" s="111">
        <v>1</v>
      </c>
      <c r="N7748" s="111">
        <v>0</v>
      </c>
      <c r="O7748" s="111">
        <v>1</v>
      </c>
      <c r="P7748" s="111">
        <v>1</v>
      </c>
      <c r="Q7748" s="111">
        <v>0</v>
      </c>
      <c r="R7748" s="111">
        <v>0</v>
      </c>
      <c r="S7748" s="111">
        <v>0</v>
      </c>
      <c r="T7748" s="111">
        <v>1</v>
      </c>
      <c r="U7748" s="111">
        <v>1</v>
      </c>
      <c r="V7748" s="111">
        <v>0</v>
      </c>
      <c r="W7748" s="111">
        <v>1</v>
      </c>
      <c r="X7748" s="111">
        <v>1</v>
      </c>
      <c r="Y7748" s="111">
        <v>0</v>
      </c>
      <c r="Z7748" s="111">
        <v>0</v>
      </c>
      <c r="AA7748" s="111">
        <v>0</v>
      </c>
      <c r="AB7748" s="111">
        <v>1</v>
      </c>
      <c r="AC7748" s="111">
        <v>0</v>
      </c>
      <c r="AD7748" s="111">
        <v>0</v>
      </c>
      <c r="AE7748" s="111">
        <v>0</v>
      </c>
      <c r="AF7748" s="111">
        <v>0</v>
      </c>
      <c r="AG7748" s="111">
        <v>0</v>
      </c>
      <c r="AH7748" s="111">
        <v>0</v>
      </c>
      <c r="AI7748" s="111">
        <v>0</v>
      </c>
      <c r="AJ7748" s="111">
        <v>0</v>
      </c>
      <c r="AK7748" s="111">
        <v>0</v>
      </c>
      <c r="AL7748" s="111">
        <v>0</v>
      </c>
      <c r="AM7748" s="111">
        <v>0</v>
      </c>
      <c r="AN7748" s="111">
        <v>0</v>
      </c>
      <c r="AO7748" s="111">
        <v>1</v>
      </c>
      <c r="AP7748" s="111">
        <v>0</v>
      </c>
      <c r="AQ7748" s="111">
        <v>0</v>
      </c>
      <c r="AR7748" s="111">
        <v>0</v>
      </c>
      <c r="AS7748" s="111">
        <v>0</v>
      </c>
      <c r="AT7748" s="111">
        <v>1</v>
      </c>
      <c r="AU7748" s="111">
        <v>1</v>
      </c>
      <c r="AV7748" s="111">
        <v>0</v>
      </c>
      <c r="AW7748" s="111">
        <v>1</v>
      </c>
      <c r="AX7748" s="112"/>
      <c r="AY7748" s="112"/>
      <c r="AZ7748" s="112"/>
      <c r="BA7748" s="112" t="s">
        <v>18549</v>
      </c>
      <c r="BB7748" s="221">
        <v>45884</v>
      </c>
    </row>
    <row r="7749" spans="1:54" s="8" customFormat="1" ht="13.95" customHeight="1" x14ac:dyDescent="0.25">
      <c r="A7749" s="229" t="s">
        <v>18550</v>
      </c>
      <c r="B7749" s="96" t="s">
        <v>18307</v>
      </c>
      <c r="C7749" s="93" t="s">
        <v>14597</v>
      </c>
      <c r="D7749" s="93" t="s">
        <v>24337</v>
      </c>
      <c r="E7749" s="111">
        <v>1976</v>
      </c>
      <c r="F7749" s="111">
        <v>66447</v>
      </c>
      <c r="G7749" s="93" t="s">
        <v>7</v>
      </c>
      <c r="H7749" s="111">
        <v>1</v>
      </c>
      <c r="I7749" s="111">
        <v>1</v>
      </c>
      <c r="J7749" s="111">
        <v>1</v>
      </c>
      <c r="K7749" s="111">
        <v>1</v>
      </c>
      <c r="L7749" s="111">
        <v>1</v>
      </c>
      <c r="M7749" s="111">
        <v>1</v>
      </c>
      <c r="N7749" s="111">
        <v>0</v>
      </c>
      <c r="O7749" s="111">
        <v>1</v>
      </c>
      <c r="P7749" s="111">
        <v>1</v>
      </c>
      <c r="Q7749" s="111">
        <v>0</v>
      </c>
      <c r="R7749" s="111">
        <v>0</v>
      </c>
      <c r="S7749" s="111">
        <v>0</v>
      </c>
      <c r="T7749" s="111">
        <v>0</v>
      </c>
      <c r="U7749" s="111">
        <v>1</v>
      </c>
      <c r="V7749" s="111">
        <v>0</v>
      </c>
      <c r="W7749" s="111">
        <v>1</v>
      </c>
      <c r="X7749" s="111">
        <v>0</v>
      </c>
      <c r="Y7749" s="111">
        <v>0</v>
      </c>
      <c r="Z7749" s="111">
        <v>0</v>
      </c>
      <c r="AA7749" s="111">
        <v>0</v>
      </c>
      <c r="AB7749" s="111">
        <v>0</v>
      </c>
      <c r="AC7749" s="111">
        <v>0</v>
      </c>
      <c r="AD7749" s="111">
        <v>0</v>
      </c>
      <c r="AE7749" s="111">
        <v>0</v>
      </c>
      <c r="AF7749" s="111">
        <v>0</v>
      </c>
      <c r="AG7749" s="111">
        <v>0</v>
      </c>
      <c r="AH7749" s="111">
        <v>0</v>
      </c>
      <c r="AI7749" s="111">
        <v>0</v>
      </c>
      <c r="AJ7749" s="111">
        <v>0</v>
      </c>
      <c r="AK7749" s="111">
        <v>0</v>
      </c>
      <c r="AL7749" s="111">
        <v>0</v>
      </c>
      <c r="AM7749" s="111">
        <v>0</v>
      </c>
      <c r="AN7749" s="111">
        <v>0</v>
      </c>
      <c r="AO7749" s="111">
        <v>1</v>
      </c>
      <c r="AP7749" s="111">
        <v>1</v>
      </c>
      <c r="AQ7749" s="111">
        <v>0</v>
      </c>
      <c r="AR7749" s="111">
        <v>0</v>
      </c>
      <c r="AS7749" s="111">
        <v>0</v>
      </c>
      <c r="AT7749" s="111">
        <v>1</v>
      </c>
      <c r="AU7749" s="111">
        <v>1</v>
      </c>
      <c r="AV7749" s="111">
        <v>0</v>
      </c>
      <c r="AW7749" s="111">
        <v>1</v>
      </c>
      <c r="AX7749" s="112"/>
      <c r="AY7749" s="112"/>
      <c r="AZ7749" s="112"/>
      <c r="BA7749" s="112" t="s">
        <v>20405</v>
      </c>
      <c r="BB7749" s="221">
        <v>45884</v>
      </c>
    </row>
    <row r="7750" spans="1:54" s="8" customFormat="1" ht="13.95" customHeight="1" x14ac:dyDescent="0.25">
      <c r="A7750" s="229" t="s">
        <v>18551</v>
      </c>
      <c r="B7750" s="96" t="s">
        <v>18307</v>
      </c>
      <c r="C7750" s="93" t="s">
        <v>18552</v>
      </c>
      <c r="D7750" s="93" t="s">
        <v>24338</v>
      </c>
      <c r="E7750" s="111">
        <v>2011</v>
      </c>
      <c r="F7750" s="111">
        <v>135872</v>
      </c>
      <c r="G7750" s="93" t="s">
        <v>0</v>
      </c>
      <c r="H7750" s="111">
        <v>1</v>
      </c>
      <c r="I7750" s="111">
        <v>1</v>
      </c>
      <c r="J7750" s="111">
        <v>1</v>
      </c>
      <c r="K7750" s="111">
        <v>1</v>
      </c>
      <c r="L7750" s="111">
        <v>0</v>
      </c>
      <c r="M7750" s="111">
        <v>1</v>
      </c>
      <c r="N7750" s="111">
        <v>0</v>
      </c>
      <c r="O7750" s="111">
        <v>1</v>
      </c>
      <c r="P7750" s="111">
        <v>1</v>
      </c>
      <c r="Q7750" s="111">
        <v>0</v>
      </c>
      <c r="R7750" s="111">
        <v>0</v>
      </c>
      <c r="S7750" s="111">
        <v>0</v>
      </c>
      <c r="T7750" s="111">
        <v>0</v>
      </c>
      <c r="U7750" s="111">
        <v>0</v>
      </c>
      <c r="V7750" s="111">
        <v>0</v>
      </c>
      <c r="W7750" s="111">
        <v>0</v>
      </c>
      <c r="X7750" s="111">
        <v>0</v>
      </c>
      <c r="Y7750" s="111">
        <v>0</v>
      </c>
      <c r="Z7750" s="111">
        <v>1</v>
      </c>
      <c r="AA7750" s="111">
        <v>0</v>
      </c>
      <c r="AB7750" s="111">
        <v>1</v>
      </c>
      <c r="AC7750" s="111">
        <v>0</v>
      </c>
      <c r="AD7750" s="111">
        <v>1</v>
      </c>
      <c r="AE7750" s="111">
        <v>0</v>
      </c>
      <c r="AF7750" s="111">
        <v>0</v>
      </c>
      <c r="AG7750" s="111">
        <v>0</v>
      </c>
      <c r="AH7750" s="111">
        <v>0</v>
      </c>
      <c r="AI7750" s="111">
        <v>0</v>
      </c>
      <c r="AJ7750" s="111">
        <v>0</v>
      </c>
      <c r="AK7750" s="111">
        <v>0</v>
      </c>
      <c r="AL7750" s="111">
        <v>0</v>
      </c>
      <c r="AM7750" s="111">
        <v>0</v>
      </c>
      <c r="AN7750" s="111">
        <v>1</v>
      </c>
      <c r="AO7750" s="111">
        <v>1</v>
      </c>
      <c r="AP7750" s="111">
        <v>0</v>
      </c>
      <c r="AQ7750" s="111">
        <v>0</v>
      </c>
      <c r="AR7750" s="111">
        <v>1</v>
      </c>
      <c r="AS7750" s="111">
        <v>0</v>
      </c>
      <c r="AT7750" s="111">
        <v>0</v>
      </c>
      <c r="AU7750" s="111">
        <v>0</v>
      </c>
      <c r="AV7750" s="111">
        <v>1</v>
      </c>
      <c r="AW7750" s="111">
        <v>1</v>
      </c>
      <c r="AX7750" s="112"/>
      <c r="AY7750" s="112"/>
      <c r="AZ7750" s="112"/>
      <c r="BA7750" s="112" t="s">
        <v>21568</v>
      </c>
      <c r="BB7750" s="221">
        <v>45884</v>
      </c>
    </row>
    <row r="7751" spans="1:54" s="8" customFormat="1" ht="13.95" customHeight="1" x14ac:dyDescent="0.25">
      <c r="A7751" s="229" t="s">
        <v>21569</v>
      </c>
      <c r="B7751" s="96" t="s">
        <v>18307</v>
      </c>
      <c r="C7751" s="93" t="s">
        <v>21570</v>
      </c>
      <c r="D7751" s="93" t="s">
        <v>24339</v>
      </c>
      <c r="E7751" s="111">
        <v>2017</v>
      </c>
      <c r="F7751" s="111">
        <v>247</v>
      </c>
      <c r="G7751" s="93" t="s">
        <v>1</v>
      </c>
      <c r="H7751" s="111">
        <v>0</v>
      </c>
      <c r="I7751" s="111">
        <v>0</v>
      </c>
      <c r="J7751" s="111">
        <v>0</v>
      </c>
      <c r="K7751" s="111">
        <v>0</v>
      </c>
      <c r="L7751" s="111">
        <v>0</v>
      </c>
      <c r="M7751" s="111">
        <v>0</v>
      </c>
      <c r="N7751" s="111">
        <v>0</v>
      </c>
      <c r="O7751" s="111">
        <v>0</v>
      </c>
      <c r="P7751" s="111">
        <v>0</v>
      </c>
      <c r="Q7751" s="111">
        <v>0</v>
      </c>
      <c r="R7751" s="111">
        <v>0</v>
      </c>
      <c r="S7751" s="111">
        <v>0</v>
      </c>
      <c r="T7751" s="111">
        <v>0</v>
      </c>
      <c r="U7751" s="111">
        <v>0</v>
      </c>
      <c r="V7751" s="111">
        <v>0</v>
      </c>
      <c r="W7751" s="111">
        <v>0</v>
      </c>
      <c r="X7751" s="111">
        <v>0</v>
      </c>
      <c r="Y7751" s="111">
        <v>0</v>
      </c>
      <c r="Z7751" s="111">
        <v>0</v>
      </c>
      <c r="AA7751" s="111">
        <v>0</v>
      </c>
      <c r="AB7751" s="111">
        <v>0</v>
      </c>
      <c r="AC7751" s="111">
        <v>0</v>
      </c>
      <c r="AD7751" s="111">
        <v>0</v>
      </c>
      <c r="AE7751" s="111">
        <v>0</v>
      </c>
      <c r="AF7751" s="111">
        <v>0</v>
      </c>
      <c r="AG7751" s="111">
        <v>0</v>
      </c>
      <c r="AH7751" s="111">
        <v>0</v>
      </c>
      <c r="AI7751" s="111">
        <v>0</v>
      </c>
      <c r="AJ7751" s="111">
        <v>0</v>
      </c>
      <c r="AK7751" s="111">
        <v>0</v>
      </c>
      <c r="AL7751" s="111">
        <v>0</v>
      </c>
      <c r="AM7751" s="111">
        <v>0</v>
      </c>
      <c r="AN7751" s="111">
        <v>0</v>
      </c>
      <c r="AO7751" s="111">
        <v>0</v>
      </c>
      <c r="AP7751" s="111">
        <v>0</v>
      </c>
      <c r="AQ7751" s="111">
        <v>0</v>
      </c>
      <c r="AR7751" s="111">
        <v>0</v>
      </c>
      <c r="AS7751" s="111">
        <v>0</v>
      </c>
      <c r="AT7751" s="111">
        <v>0</v>
      </c>
      <c r="AU7751" s="111">
        <v>0</v>
      </c>
      <c r="AV7751" s="111">
        <v>0</v>
      </c>
      <c r="AW7751" s="111">
        <v>0</v>
      </c>
      <c r="AX7751" s="112"/>
      <c r="AY7751" s="112"/>
      <c r="AZ7751" s="112"/>
      <c r="BA7751" s="112"/>
      <c r="BB7751" s="221">
        <v>45884</v>
      </c>
    </row>
    <row r="7752" spans="1:54" s="8" customFormat="1" ht="13.95" customHeight="1" x14ac:dyDescent="0.25">
      <c r="A7752" s="229" t="s">
        <v>21571</v>
      </c>
      <c r="B7752" s="96" t="s">
        <v>18307</v>
      </c>
      <c r="C7752" s="93" t="s">
        <v>19789</v>
      </c>
      <c r="D7752" s="93" t="s">
        <v>24340</v>
      </c>
      <c r="E7752" s="111">
        <v>2018</v>
      </c>
      <c r="F7752" s="111">
        <v>929</v>
      </c>
      <c r="G7752" s="93" t="s">
        <v>1</v>
      </c>
      <c r="H7752" s="111">
        <v>0</v>
      </c>
      <c r="I7752" s="111">
        <v>0</v>
      </c>
      <c r="J7752" s="111">
        <v>1</v>
      </c>
      <c r="K7752" s="111">
        <v>0</v>
      </c>
      <c r="L7752" s="111">
        <v>0</v>
      </c>
      <c r="M7752" s="111">
        <v>0</v>
      </c>
      <c r="N7752" s="111">
        <v>0</v>
      </c>
      <c r="O7752" s="111">
        <v>0</v>
      </c>
      <c r="P7752" s="111">
        <v>0</v>
      </c>
      <c r="Q7752" s="111">
        <v>0</v>
      </c>
      <c r="R7752" s="111">
        <v>0</v>
      </c>
      <c r="S7752" s="111">
        <v>0</v>
      </c>
      <c r="T7752" s="111">
        <v>0</v>
      </c>
      <c r="U7752" s="111">
        <v>0</v>
      </c>
      <c r="V7752" s="111">
        <v>0</v>
      </c>
      <c r="W7752" s="111">
        <v>0</v>
      </c>
      <c r="X7752" s="111">
        <v>0</v>
      </c>
      <c r="Y7752" s="111">
        <v>0</v>
      </c>
      <c r="Z7752" s="111">
        <v>0</v>
      </c>
      <c r="AA7752" s="111">
        <v>0</v>
      </c>
      <c r="AB7752" s="111">
        <v>0</v>
      </c>
      <c r="AC7752" s="111">
        <v>0</v>
      </c>
      <c r="AD7752" s="111">
        <v>0</v>
      </c>
      <c r="AE7752" s="111">
        <v>0</v>
      </c>
      <c r="AF7752" s="111">
        <v>0</v>
      </c>
      <c r="AG7752" s="111">
        <v>0</v>
      </c>
      <c r="AH7752" s="111">
        <v>0</v>
      </c>
      <c r="AI7752" s="111">
        <v>0</v>
      </c>
      <c r="AJ7752" s="111">
        <v>0</v>
      </c>
      <c r="AK7752" s="111">
        <v>0</v>
      </c>
      <c r="AL7752" s="111">
        <v>0</v>
      </c>
      <c r="AM7752" s="111">
        <v>0</v>
      </c>
      <c r="AN7752" s="111">
        <v>0</v>
      </c>
      <c r="AO7752" s="111">
        <v>0</v>
      </c>
      <c r="AP7752" s="111">
        <v>0</v>
      </c>
      <c r="AQ7752" s="111">
        <v>0</v>
      </c>
      <c r="AR7752" s="111">
        <v>0</v>
      </c>
      <c r="AS7752" s="111">
        <v>0</v>
      </c>
      <c r="AT7752" s="111">
        <v>0</v>
      </c>
      <c r="AU7752" s="111">
        <v>0</v>
      </c>
      <c r="AV7752" s="111">
        <v>0</v>
      </c>
      <c r="AW7752" s="111">
        <v>0</v>
      </c>
      <c r="AX7752" s="112"/>
      <c r="AY7752" s="112"/>
      <c r="AZ7752" s="112"/>
      <c r="BA7752" s="112" t="s">
        <v>20343</v>
      </c>
      <c r="BB7752" s="221">
        <v>45884</v>
      </c>
    </row>
    <row r="7753" spans="1:54" s="8" customFormat="1" ht="12" x14ac:dyDescent="0.25">
      <c r="A7753" s="229" t="s">
        <v>20569</v>
      </c>
      <c r="B7753" s="96" t="s">
        <v>18307</v>
      </c>
      <c r="C7753" s="138" t="s">
        <v>20567</v>
      </c>
      <c r="D7753" s="138" t="s">
        <v>24341</v>
      </c>
      <c r="E7753" s="139">
        <v>2018</v>
      </c>
      <c r="F7753" s="139">
        <v>646</v>
      </c>
      <c r="G7753" s="93" t="s">
        <v>1</v>
      </c>
      <c r="H7753" s="111">
        <v>1</v>
      </c>
      <c r="I7753" s="111">
        <v>0</v>
      </c>
      <c r="J7753" s="111">
        <v>1</v>
      </c>
      <c r="K7753" s="111">
        <v>0</v>
      </c>
      <c r="L7753" s="111">
        <v>0</v>
      </c>
      <c r="M7753" s="111">
        <v>0</v>
      </c>
      <c r="N7753" s="111">
        <v>0</v>
      </c>
      <c r="O7753" s="111">
        <v>0</v>
      </c>
      <c r="P7753" s="111">
        <v>0</v>
      </c>
      <c r="Q7753" s="111">
        <v>0</v>
      </c>
      <c r="R7753" s="111">
        <v>0</v>
      </c>
      <c r="S7753" s="111">
        <v>0</v>
      </c>
      <c r="T7753" s="111">
        <v>0</v>
      </c>
      <c r="U7753" s="111">
        <v>0</v>
      </c>
      <c r="V7753" s="111">
        <v>0</v>
      </c>
      <c r="W7753" s="111">
        <v>0</v>
      </c>
      <c r="X7753" s="111">
        <v>0</v>
      </c>
      <c r="Y7753" s="111">
        <v>0</v>
      </c>
      <c r="Z7753" s="111">
        <v>0</v>
      </c>
      <c r="AA7753" s="111">
        <v>0</v>
      </c>
      <c r="AB7753" s="111">
        <v>0</v>
      </c>
      <c r="AC7753" s="111">
        <v>0</v>
      </c>
      <c r="AD7753" s="111">
        <v>0</v>
      </c>
      <c r="AE7753" s="111">
        <v>0</v>
      </c>
      <c r="AF7753" s="111">
        <v>0</v>
      </c>
      <c r="AG7753" s="111">
        <v>0</v>
      </c>
      <c r="AH7753" s="111">
        <v>0</v>
      </c>
      <c r="AI7753" s="111">
        <v>0</v>
      </c>
      <c r="AJ7753" s="111">
        <v>0</v>
      </c>
      <c r="AK7753" s="111">
        <v>0</v>
      </c>
      <c r="AL7753" s="111">
        <v>0</v>
      </c>
      <c r="AM7753" s="111">
        <v>0</v>
      </c>
      <c r="AN7753" s="111">
        <v>0</v>
      </c>
      <c r="AO7753" s="111">
        <v>0</v>
      </c>
      <c r="AP7753" s="111">
        <v>0</v>
      </c>
      <c r="AQ7753" s="111">
        <v>0</v>
      </c>
      <c r="AR7753" s="111">
        <v>0</v>
      </c>
      <c r="AS7753" s="111">
        <v>0</v>
      </c>
      <c r="AT7753" s="111">
        <v>0</v>
      </c>
      <c r="AU7753" s="111">
        <v>0</v>
      </c>
      <c r="AV7753" s="111">
        <v>0</v>
      </c>
      <c r="AW7753" s="111">
        <v>0</v>
      </c>
      <c r="AX7753" s="112"/>
      <c r="AY7753" s="112"/>
      <c r="AZ7753" s="112"/>
      <c r="BA7753" s="112"/>
      <c r="BB7753" s="221">
        <v>45884</v>
      </c>
    </row>
    <row r="7754" spans="1:54" s="8" customFormat="1" ht="12" x14ac:dyDescent="0.25">
      <c r="A7754" s="229" t="s">
        <v>20570</v>
      </c>
      <c r="B7754" s="96" t="s">
        <v>18307</v>
      </c>
      <c r="C7754" s="138" t="s">
        <v>20568</v>
      </c>
      <c r="D7754" s="138" t="s">
        <v>24342</v>
      </c>
      <c r="E7754" s="139">
        <v>2020</v>
      </c>
      <c r="F7754" s="139">
        <v>11512</v>
      </c>
      <c r="G7754" s="93" t="s">
        <v>1</v>
      </c>
      <c r="H7754" s="111">
        <v>1</v>
      </c>
      <c r="I7754" s="111">
        <v>1</v>
      </c>
      <c r="J7754" s="111">
        <v>1</v>
      </c>
      <c r="K7754" s="111">
        <v>0</v>
      </c>
      <c r="L7754" s="111">
        <v>0</v>
      </c>
      <c r="M7754" s="111">
        <v>0</v>
      </c>
      <c r="N7754" s="111">
        <v>1</v>
      </c>
      <c r="O7754" s="111">
        <v>0</v>
      </c>
      <c r="P7754" s="111">
        <v>0</v>
      </c>
      <c r="Q7754" s="111">
        <v>0</v>
      </c>
      <c r="R7754" s="111">
        <v>0</v>
      </c>
      <c r="S7754" s="111">
        <v>0</v>
      </c>
      <c r="T7754" s="111">
        <v>0</v>
      </c>
      <c r="U7754" s="111">
        <v>0</v>
      </c>
      <c r="V7754" s="111">
        <v>0</v>
      </c>
      <c r="W7754" s="111">
        <v>1</v>
      </c>
      <c r="X7754" s="111">
        <v>0</v>
      </c>
      <c r="Y7754" s="111">
        <v>0</v>
      </c>
      <c r="Z7754" s="111">
        <v>0</v>
      </c>
      <c r="AA7754" s="111">
        <v>0</v>
      </c>
      <c r="AB7754" s="111">
        <v>0</v>
      </c>
      <c r="AC7754" s="111">
        <v>0</v>
      </c>
      <c r="AD7754" s="111">
        <v>0</v>
      </c>
      <c r="AE7754" s="111">
        <v>0</v>
      </c>
      <c r="AF7754" s="111">
        <v>0</v>
      </c>
      <c r="AG7754" s="111">
        <v>0</v>
      </c>
      <c r="AH7754" s="111">
        <v>0</v>
      </c>
      <c r="AI7754" s="111">
        <v>0</v>
      </c>
      <c r="AJ7754" s="111">
        <v>0</v>
      </c>
      <c r="AK7754" s="111">
        <v>0</v>
      </c>
      <c r="AL7754" s="111">
        <v>0</v>
      </c>
      <c r="AM7754" s="111">
        <v>0</v>
      </c>
      <c r="AN7754" s="111">
        <v>0</v>
      </c>
      <c r="AO7754" s="111">
        <v>0</v>
      </c>
      <c r="AP7754" s="111">
        <v>0</v>
      </c>
      <c r="AQ7754" s="111">
        <v>0</v>
      </c>
      <c r="AR7754" s="111">
        <v>0</v>
      </c>
      <c r="AS7754" s="111">
        <v>0</v>
      </c>
      <c r="AT7754" s="111">
        <v>0</v>
      </c>
      <c r="AU7754" s="111">
        <v>1</v>
      </c>
      <c r="AV7754" s="111">
        <v>0</v>
      </c>
      <c r="AW7754" s="111">
        <v>1</v>
      </c>
      <c r="AX7754" s="112"/>
      <c r="AY7754" s="112"/>
      <c r="AZ7754" s="112"/>
      <c r="BA7754" s="112"/>
      <c r="BB7754" s="221">
        <v>45884</v>
      </c>
    </row>
    <row r="7755" spans="1:54" s="8" customFormat="1" ht="12" x14ac:dyDescent="0.25">
      <c r="A7755" s="229" t="s">
        <v>21925</v>
      </c>
      <c r="B7755" s="96" t="s">
        <v>18307</v>
      </c>
      <c r="C7755" s="138" t="s">
        <v>21924</v>
      </c>
      <c r="D7755" s="138" t="s">
        <v>24343</v>
      </c>
      <c r="E7755" s="139">
        <v>2021</v>
      </c>
      <c r="F7755" s="139">
        <v>2356</v>
      </c>
      <c r="G7755" s="93" t="s">
        <v>20344</v>
      </c>
      <c r="H7755" s="111">
        <v>0</v>
      </c>
      <c r="I7755" s="111">
        <v>0</v>
      </c>
      <c r="J7755" s="111">
        <v>0</v>
      </c>
      <c r="K7755" s="111">
        <v>0</v>
      </c>
      <c r="L7755" s="111">
        <v>0</v>
      </c>
      <c r="M7755" s="111">
        <v>0</v>
      </c>
      <c r="N7755" s="111">
        <v>0</v>
      </c>
      <c r="O7755" s="111">
        <v>0</v>
      </c>
      <c r="P7755" s="111">
        <v>0</v>
      </c>
      <c r="Q7755" s="111">
        <v>0</v>
      </c>
      <c r="R7755" s="111">
        <v>0</v>
      </c>
      <c r="S7755" s="111">
        <v>0</v>
      </c>
      <c r="T7755" s="111">
        <v>0</v>
      </c>
      <c r="U7755" s="111">
        <v>0</v>
      </c>
      <c r="V7755" s="111">
        <v>0</v>
      </c>
      <c r="W7755" s="111">
        <v>0</v>
      </c>
      <c r="X7755" s="111">
        <v>0</v>
      </c>
      <c r="Y7755" s="111">
        <v>0</v>
      </c>
      <c r="Z7755" s="111">
        <v>0</v>
      </c>
      <c r="AA7755" s="111">
        <v>0</v>
      </c>
      <c r="AB7755" s="111">
        <v>0</v>
      </c>
      <c r="AC7755" s="111">
        <v>0</v>
      </c>
      <c r="AD7755" s="111">
        <v>0</v>
      </c>
      <c r="AE7755" s="111">
        <v>0</v>
      </c>
      <c r="AF7755" s="111">
        <v>0</v>
      </c>
      <c r="AG7755" s="111">
        <v>0</v>
      </c>
      <c r="AH7755" s="111">
        <v>0</v>
      </c>
      <c r="AI7755" s="111">
        <v>0</v>
      </c>
      <c r="AJ7755" s="111">
        <v>0</v>
      </c>
      <c r="AK7755" s="111">
        <v>0</v>
      </c>
      <c r="AL7755" s="111">
        <v>0</v>
      </c>
      <c r="AM7755" s="111">
        <v>0</v>
      </c>
      <c r="AN7755" s="111">
        <v>0</v>
      </c>
      <c r="AO7755" s="111">
        <v>0</v>
      </c>
      <c r="AP7755" s="111">
        <v>0</v>
      </c>
      <c r="AQ7755" s="111">
        <v>0</v>
      </c>
      <c r="AR7755" s="111">
        <v>0</v>
      </c>
      <c r="AS7755" s="111">
        <v>0</v>
      </c>
      <c r="AT7755" s="111">
        <v>0</v>
      </c>
      <c r="AU7755" s="111">
        <v>0</v>
      </c>
      <c r="AV7755" s="111">
        <v>0</v>
      </c>
      <c r="AW7755" s="111">
        <v>0</v>
      </c>
      <c r="AX7755" s="112"/>
      <c r="AY7755" s="112"/>
      <c r="AZ7755" s="112"/>
      <c r="BA7755" s="112"/>
      <c r="BB7755" s="221">
        <v>45884</v>
      </c>
    </row>
    <row r="7756" spans="1:54" s="101" customFormat="1" ht="12" x14ac:dyDescent="0.25">
      <c r="A7756" s="229" t="s">
        <v>24666</v>
      </c>
      <c r="B7756" s="284" t="s">
        <v>18307</v>
      </c>
      <c r="C7756" s="235" t="s">
        <v>24664</v>
      </c>
      <c r="D7756" s="235" t="s">
        <v>24665</v>
      </c>
      <c r="E7756" s="234">
        <v>2024</v>
      </c>
      <c r="F7756" s="234">
        <v>4653</v>
      </c>
      <c r="G7756" s="285" t="s">
        <v>1</v>
      </c>
      <c r="H7756" s="252">
        <v>0</v>
      </c>
      <c r="I7756" s="252">
        <v>0</v>
      </c>
      <c r="J7756" s="252">
        <v>1</v>
      </c>
      <c r="K7756" s="252">
        <v>0</v>
      </c>
      <c r="L7756" s="252">
        <v>0</v>
      </c>
      <c r="M7756" s="252">
        <v>0</v>
      </c>
      <c r="N7756" s="252">
        <v>1</v>
      </c>
      <c r="O7756" s="252">
        <v>0</v>
      </c>
      <c r="P7756" s="252">
        <v>0</v>
      </c>
      <c r="Q7756" s="252">
        <v>0</v>
      </c>
      <c r="R7756" s="252">
        <v>1</v>
      </c>
      <c r="S7756" s="252">
        <v>0</v>
      </c>
      <c r="T7756" s="252">
        <v>0</v>
      </c>
      <c r="U7756" s="252">
        <v>0</v>
      </c>
      <c r="V7756" s="252">
        <v>0</v>
      </c>
      <c r="W7756" s="252">
        <v>0</v>
      </c>
      <c r="X7756" s="252">
        <v>0</v>
      </c>
      <c r="Y7756" s="252">
        <v>0</v>
      </c>
      <c r="Z7756" s="252">
        <v>0</v>
      </c>
      <c r="AA7756" s="252">
        <v>0</v>
      </c>
      <c r="AB7756" s="252">
        <v>0</v>
      </c>
      <c r="AC7756" s="252">
        <v>0</v>
      </c>
      <c r="AD7756" s="252">
        <v>0</v>
      </c>
      <c r="AE7756" s="252">
        <v>0</v>
      </c>
      <c r="AF7756" s="252">
        <v>0</v>
      </c>
      <c r="AG7756" s="252">
        <v>0</v>
      </c>
      <c r="AH7756" s="252">
        <v>0</v>
      </c>
      <c r="AI7756" s="252">
        <v>0</v>
      </c>
      <c r="AJ7756" s="252">
        <v>0</v>
      </c>
      <c r="AK7756" s="252">
        <v>0</v>
      </c>
      <c r="AL7756" s="252">
        <v>0</v>
      </c>
      <c r="AM7756" s="252">
        <v>0</v>
      </c>
      <c r="AN7756" s="252">
        <v>0</v>
      </c>
      <c r="AO7756" s="252">
        <v>0</v>
      </c>
      <c r="AP7756" s="252">
        <v>0</v>
      </c>
      <c r="AQ7756" s="252">
        <v>0</v>
      </c>
      <c r="AR7756" s="252">
        <v>0</v>
      </c>
      <c r="AS7756" s="252">
        <v>0</v>
      </c>
      <c r="AT7756" s="252">
        <v>0</v>
      </c>
      <c r="AU7756" s="252">
        <v>0</v>
      </c>
      <c r="AV7756" s="252">
        <v>0</v>
      </c>
      <c r="AW7756" s="252">
        <v>1</v>
      </c>
      <c r="AX7756" s="255"/>
      <c r="AY7756" s="255"/>
      <c r="AZ7756" s="255"/>
      <c r="BA7756" s="255"/>
      <c r="BB7756" s="221">
        <v>45884</v>
      </c>
    </row>
    <row r="7757" spans="1:54" s="8" customFormat="1" ht="14.1" customHeight="1" x14ac:dyDescent="0.25">
      <c r="A7757" s="229" t="s">
        <v>18553</v>
      </c>
      <c r="B7757" s="96" t="s">
        <v>21553</v>
      </c>
      <c r="C7757" s="93" t="s">
        <v>18554</v>
      </c>
      <c r="D7757" s="93" t="s">
        <v>18555</v>
      </c>
      <c r="E7757" s="111" t="s">
        <v>174</v>
      </c>
      <c r="F7757" s="111">
        <v>4318</v>
      </c>
      <c r="G7757" s="93" t="s">
        <v>12</v>
      </c>
      <c r="H7757" s="111">
        <v>1</v>
      </c>
      <c r="I7757" s="111">
        <v>0</v>
      </c>
      <c r="J7757" s="111">
        <v>0</v>
      </c>
      <c r="K7757" s="111">
        <v>0</v>
      </c>
      <c r="L7757" s="111">
        <v>0</v>
      </c>
      <c r="M7757" s="111">
        <v>0</v>
      </c>
      <c r="N7757" s="111">
        <v>1</v>
      </c>
      <c r="O7757" s="111">
        <v>0</v>
      </c>
      <c r="P7757" s="111">
        <v>0</v>
      </c>
      <c r="Q7757" s="111">
        <v>0</v>
      </c>
      <c r="R7757" s="111">
        <v>0</v>
      </c>
      <c r="S7757" s="111">
        <v>0</v>
      </c>
      <c r="T7757" s="111">
        <v>0</v>
      </c>
      <c r="U7757" s="145"/>
      <c r="V7757" s="145"/>
      <c r="W7757" s="145"/>
      <c r="X7757" s="145"/>
      <c r="Y7757" s="145"/>
      <c r="Z7757" s="145"/>
      <c r="AA7757" s="145"/>
      <c r="AB7757" s="145"/>
      <c r="AC7757" s="145"/>
      <c r="AD7757" s="145"/>
      <c r="AE7757" s="145"/>
      <c r="AF7757" s="145"/>
      <c r="AG7757" s="145"/>
      <c r="AH7757" s="145"/>
      <c r="AI7757" s="145"/>
      <c r="AJ7757" s="145"/>
      <c r="AK7757" s="145"/>
      <c r="AL7757" s="145"/>
      <c r="AM7757" s="145"/>
      <c r="AN7757" s="145"/>
      <c r="AO7757" s="145"/>
      <c r="AP7757" s="145"/>
      <c r="AQ7757" s="145"/>
      <c r="AR7757" s="145"/>
      <c r="AS7757" s="145"/>
      <c r="AT7757" s="145"/>
      <c r="AU7757" s="145"/>
      <c r="AV7757" s="145"/>
      <c r="AW7757" s="145"/>
      <c r="AX7757" s="146"/>
      <c r="AY7757" s="146"/>
      <c r="AZ7757" s="146"/>
      <c r="BA7757" s="146"/>
      <c r="BB7757" s="221">
        <v>45884</v>
      </c>
    </row>
    <row r="7758" spans="1:54" s="8" customFormat="1" ht="14.1" customHeight="1" x14ac:dyDescent="0.25">
      <c r="A7758" s="229" t="s">
        <v>18556</v>
      </c>
      <c r="B7758" s="96" t="s">
        <v>21553</v>
      </c>
      <c r="C7758" s="93" t="s">
        <v>18557</v>
      </c>
      <c r="D7758" s="93" t="s">
        <v>18558</v>
      </c>
      <c r="E7758" s="111" t="s">
        <v>174</v>
      </c>
      <c r="F7758" s="111">
        <v>276</v>
      </c>
      <c r="G7758" s="93" t="s">
        <v>12</v>
      </c>
      <c r="H7758" s="111">
        <v>0</v>
      </c>
      <c r="I7758" s="111">
        <v>0</v>
      </c>
      <c r="J7758" s="111">
        <v>1</v>
      </c>
      <c r="K7758" s="111">
        <v>1</v>
      </c>
      <c r="L7758" s="111">
        <v>0</v>
      </c>
      <c r="M7758" s="111">
        <v>0</v>
      </c>
      <c r="N7758" s="111">
        <v>1</v>
      </c>
      <c r="O7758" s="111">
        <v>0</v>
      </c>
      <c r="P7758" s="111">
        <v>1</v>
      </c>
      <c r="Q7758" s="111">
        <v>0</v>
      </c>
      <c r="R7758" s="111">
        <v>0</v>
      </c>
      <c r="S7758" s="111">
        <v>0</v>
      </c>
      <c r="T7758" s="111">
        <v>0</v>
      </c>
      <c r="U7758" s="145"/>
      <c r="V7758" s="145"/>
      <c r="W7758" s="145"/>
      <c r="X7758" s="145"/>
      <c r="Y7758" s="145"/>
      <c r="Z7758" s="145"/>
      <c r="AA7758" s="145"/>
      <c r="AB7758" s="145"/>
      <c r="AC7758" s="145"/>
      <c r="AD7758" s="145"/>
      <c r="AE7758" s="145"/>
      <c r="AF7758" s="145"/>
      <c r="AG7758" s="145"/>
      <c r="AH7758" s="145"/>
      <c r="AI7758" s="145"/>
      <c r="AJ7758" s="145"/>
      <c r="AK7758" s="145"/>
      <c r="AL7758" s="145"/>
      <c r="AM7758" s="145"/>
      <c r="AN7758" s="145"/>
      <c r="AO7758" s="145"/>
      <c r="AP7758" s="145"/>
      <c r="AQ7758" s="145"/>
      <c r="AR7758" s="145"/>
      <c r="AS7758" s="145"/>
      <c r="AT7758" s="145"/>
      <c r="AU7758" s="145"/>
      <c r="AV7758" s="145"/>
      <c r="AW7758" s="145"/>
      <c r="AX7758" s="146"/>
      <c r="AY7758" s="146"/>
      <c r="AZ7758" s="146"/>
      <c r="BA7758" s="146"/>
      <c r="BB7758" s="221">
        <v>45884</v>
      </c>
    </row>
    <row r="7759" spans="1:54" s="8" customFormat="1" ht="14.1" customHeight="1" x14ac:dyDescent="0.25">
      <c r="A7759" s="229" t="s">
        <v>18559</v>
      </c>
      <c r="B7759" s="96" t="s">
        <v>21553</v>
      </c>
      <c r="C7759" s="93" t="s">
        <v>18560</v>
      </c>
      <c r="D7759" s="93" t="s">
        <v>18561</v>
      </c>
      <c r="E7759" s="111" t="s">
        <v>174</v>
      </c>
      <c r="F7759" s="111">
        <v>189</v>
      </c>
      <c r="G7759" s="93" t="s">
        <v>12</v>
      </c>
      <c r="H7759" s="111">
        <v>0</v>
      </c>
      <c r="I7759" s="111">
        <v>0</v>
      </c>
      <c r="J7759" s="111">
        <v>0</v>
      </c>
      <c r="K7759" s="111">
        <v>1</v>
      </c>
      <c r="L7759" s="111">
        <v>0</v>
      </c>
      <c r="M7759" s="111">
        <v>0</v>
      </c>
      <c r="N7759" s="111">
        <v>0</v>
      </c>
      <c r="O7759" s="111">
        <v>0</v>
      </c>
      <c r="P7759" s="111">
        <v>1</v>
      </c>
      <c r="Q7759" s="111">
        <v>0</v>
      </c>
      <c r="R7759" s="111">
        <v>0</v>
      </c>
      <c r="S7759" s="111">
        <v>0</v>
      </c>
      <c r="T7759" s="111">
        <v>0</v>
      </c>
      <c r="U7759" s="145"/>
      <c r="V7759" s="145"/>
      <c r="W7759" s="145"/>
      <c r="X7759" s="145"/>
      <c r="Y7759" s="145"/>
      <c r="Z7759" s="145"/>
      <c r="AA7759" s="145"/>
      <c r="AB7759" s="145"/>
      <c r="AC7759" s="145"/>
      <c r="AD7759" s="145"/>
      <c r="AE7759" s="145"/>
      <c r="AF7759" s="145"/>
      <c r="AG7759" s="145"/>
      <c r="AH7759" s="145"/>
      <c r="AI7759" s="145"/>
      <c r="AJ7759" s="145"/>
      <c r="AK7759" s="145"/>
      <c r="AL7759" s="145"/>
      <c r="AM7759" s="145"/>
      <c r="AN7759" s="145"/>
      <c r="AO7759" s="145"/>
      <c r="AP7759" s="145"/>
      <c r="AQ7759" s="145"/>
      <c r="AR7759" s="145"/>
      <c r="AS7759" s="145"/>
      <c r="AT7759" s="145"/>
      <c r="AU7759" s="145"/>
      <c r="AV7759" s="145"/>
      <c r="AW7759" s="145"/>
      <c r="AX7759" s="146"/>
      <c r="AY7759" s="146"/>
      <c r="AZ7759" s="146"/>
      <c r="BA7759" s="146"/>
      <c r="BB7759" s="221">
        <v>45884</v>
      </c>
    </row>
    <row r="7760" spans="1:54" s="8" customFormat="1" ht="14.1" customHeight="1" x14ac:dyDescent="0.25">
      <c r="A7760" s="229" t="s">
        <v>18562</v>
      </c>
      <c r="B7760" s="96" t="s">
        <v>21553</v>
      </c>
      <c r="C7760" s="93" t="s">
        <v>18563</v>
      </c>
      <c r="D7760" s="93" t="s">
        <v>18564</v>
      </c>
      <c r="E7760" s="111" t="s">
        <v>174</v>
      </c>
      <c r="F7760" s="111">
        <v>240</v>
      </c>
      <c r="G7760" s="93" t="s">
        <v>12</v>
      </c>
      <c r="H7760" s="111">
        <v>0</v>
      </c>
      <c r="I7760" s="111">
        <v>0</v>
      </c>
      <c r="J7760" s="111">
        <v>1</v>
      </c>
      <c r="K7760" s="111">
        <v>1</v>
      </c>
      <c r="L7760" s="111">
        <v>0</v>
      </c>
      <c r="M7760" s="111">
        <v>0</v>
      </c>
      <c r="N7760" s="111">
        <v>0</v>
      </c>
      <c r="O7760" s="111">
        <v>0</v>
      </c>
      <c r="P7760" s="111">
        <v>0</v>
      </c>
      <c r="Q7760" s="111">
        <v>0</v>
      </c>
      <c r="R7760" s="111">
        <v>0</v>
      </c>
      <c r="S7760" s="111">
        <v>0</v>
      </c>
      <c r="T7760" s="111">
        <v>0</v>
      </c>
      <c r="U7760" s="145"/>
      <c r="V7760" s="145"/>
      <c r="W7760" s="145"/>
      <c r="X7760" s="145"/>
      <c r="Y7760" s="145"/>
      <c r="Z7760" s="145"/>
      <c r="AA7760" s="145"/>
      <c r="AB7760" s="145"/>
      <c r="AC7760" s="145"/>
      <c r="AD7760" s="145"/>
      <c r="AE7760" s="145"/>
      <c r="AF7760" s="145"/>
      <c r="AG7760" s="145"/>
      <c r="AH7760" s="145"/>
      <c r="AI7760" s="145"/>
      <c r="AJ7760" s="145"/>
      <c r="AK7760" s="145"/>
      <c r="AL7760" s="145"/>
      <c r="AM7760" s="145"/>
      <c r="AN7760" s="145"/>
      <c r="AO7760" s="145"/>
      <c r="AP7760" s="145"/>
      <c r="AQ7760" s="145"/>
      <c r="AR7760" s="145"/>
      <c r="AS7760" s="145"/>
      <c r="AT7760" s="145"/>
      <c r="AU7760" s="145"/>
      <c r="AV7760" s="145"/>
      <c r="AW7760" s="145"/>
      <c r="AX7760" s="146"/>
      <c r="AY7760" s="146"/>
      <c r="AZ7760" s="146"/>
      <c r="BA7760" s="146"/>
      <c r="BB7760" s="221">
        <v>45884</v>
      </c>
    </row>
    <row r="7761" spans="1:54" s="8" customFormat="1" ht="14.1" customHeight="1" x14ac:dyDescent="0.25">
      <c r="A7761" s="229" t="s">
        <v>18565</v>
      </c>
      <c r="B7761" s="96" t="s">
        <v>21553</v>
      </c>
      <c r="C7761" s="93" t="s">
        <v>18566</v>
      </c>
      <c r="D7761" s="93" t="s">
        <v>18567</v>
      </c>
      <c r="E7761" s="111" t="s">
        <v>174</v>
      </c>
      <c r="F7761" s="111">
        <v>538</v>
      </c>
      <c r="G7761" s="93" t="s">
        <v>12</v>
      </c>
      <c r="H7761" s="111">
        <v>0</v>
      </c>
      <c r="I7761" s="111">
        <v>0</v>
      </c>
      <c r="J7761" s="111">
        <v>0</v>
      </c>
      <c r="K7761" s="111">
        <v>0</v>
      </c>
      <c r="L7761" s="111">
        <v>0</v>
      </c>
      <c r="M7761" s="111">
        <v>1</v>
      </c>
      <c r="N7761" s="111">
        <v>1</v>
      </c>
      <c r="O7761" s="111">
        <v>1</v>
      </c>
      <c r="P7761" s="111">
        <v>1</v>
      </c>
      <c r="Q7761" s="111">
        <v>0</v>
      </c>
      <c r="R7761" s="111">
        <v>1</v>
      </c>
      <c r="S7761" s="111">
        <v>0</v>
      </c>
      <c r="T7761" s="111">
        <v>0</v>
      </c>
      <c r="U7761" s="145"/>
      <c r="V7761" s="145"/>
      <c r="W7761" s="145"/>
      <c r="X7761" s="145"/>
      <c r="Y7761" s="145"/>
      <c r="Z7761" s="145"/>
      <c r="AA7761" s="145"/>
      <c r="AB7761" s="145"/>
      <c r="AC7761" s="145"/>
      <c r="AD7761" s="145"/>
      <c r="AE7761" s="145"/>
      <c r="AF7761" s="145"/>
      <c r="AG7761" s="145"/>
      <c r="AH7761" s="145"/>
      <c r="AI7761" s="145"/>
      <c r="AJ7761" s="145"/>
      <c r="AK7761" s="145"/>
      <c r="AL7761" s="145"/>
      <c r="AM7761" s="145"/>
      <c r="AN7761" s="145"/>
      <c r="AO7761" s="145"/>
      <c r="AP7761" s="145"/>
      <c r="AQ7761" s="145"/>
      <c r="AR7761" s="145"/>
      <c r="AS7761" s="145"/>
      <c r="AT7761" s="145"/>
      <c r="AU7761" s="145"/>
      <c r="AV7761" s="145"/>
      <c r="AW7761" s="145"/>
      <c r="AX7761" s="146"/>
      <c r="AY7761" s="146"/>
      <c r="AZ7761" s="146"/>
      <c r="BA7761" s="146"/>
      <c r="BB7761" s="221">
        <v>45884</v>
      </c>
    </row>
    <row r="7762" spans="1:54" s="8" customFormat="1" ht="14.1" customHeight="1" x14ac:dyDescent="0.25">
      <c r="A7762" s="229" t="s">
        <v>18568</v>
      </c>
      <c r="B7762" s="96" t="s">
        <v>21553</v>
      </c>
      <c r="C7762" s="93" t="s">
        <v>18569</v>
      </c>
      <c r="D7762" s="93" t="s">
        <v>18570</v>
      </c>
      <c r="E7762" s="111" t="s">
        <v>174</v>
      </c>
      <c r="F7762" s="111">
        <v>745</v>
      </c>
      <c r="G7762" s="93" t="s">
        <v>12</v>
      </c>
      <c r="H7762" s="111">
        <v>0</v>
      </c>
      <c r="I7762" s="111">
        <v>0</v>
      </c>
      <c r="J7762" s="111">
        <v>1</v>
      </c>
      <c r="K7762" s="111">
        <v>1</v>
      </c>
      <c r="L7762" s="111">
        <v>0</v>
      </c>
      <c r="M7762" s="111">
        <v>0</v>
      </c>
      <c r="N7762" s="111">
        <v>1</v>
      </c>
      <c r="O7762" s="111">
        <v>0</v>
      </c>
      <c r="P7762" s="111">
        <v>1</v>
      </c>
      <c r="Q7762" s="111">
        <v>0</v>
      </c>
      <c r="R7762" s="111">
        <v>0</v>
      </c>
      <c r="S7762" s="111">
        <v>0</v>
      </c>
      <c r="T7762" s="111">
        <v>0</v>
      </c>
      <c r="U7762" s="145"/>
      <c r="V7762" s="145"/>
      <c r="W7762" s="145"/>
      <c r="X7762" s="145"/>
      <c r="Y7762" s="145"/>
      <c r="Z7762" s="145"/>
      <c r="AA7762" s="145"/>
      <c r="AB7762" s="145"/>
      <c r="AC7762" s="145"/>
      <c r="AD7762" s="145"/>
      <c r="AE7762" s="145"/>
      <c r="AF7762" s="145"/>
      <c r="AG7762" s="145"/>
      <c r="AH7762" s="145"/>
      <c r="AI7762" s="145"/>
      <c r="AJ7762" s="145"/>
      <c r="AK7762" s="145"/>
      <c r="AL7762" s="145"/>
      <c r="AM7762" s="145"/>
      <c r="AN7762" s="145"/>
      <c r="AO7762" s="145"/>
      <c r="AP7762" s="145"/>
      <c r="AQ7762" s="145"/>
      <c r="AR7762" s="145"/>
      <c r="AS7762" s="145"/>
      <c r="AT7762" s="145"/>
      <c r="AU7762" s="145"/>
      <c r="AV7762" s="145"/>
      <c r="AW7762" s="145"/>
      <c r="AX7762" s="146"/>
      <c r="AY7762" s="146"/>
      <c r="AZ7762" s="146"/>
      <c r="BA7762" s="146"/>
      <c r="BB7762" s="221">
        <v>45884</v>
      </c>
    </row>
    <row r="7763" spans="1:54" s="8" customFormat="1" ht="14.1" customHeight="1" x14ac:dyDescent="0.25">
      <c r="A7763" s="229" t="s">
        <v>18571</v>
      </c>
      <c r="B7763" s="96" t="s">
        <v>21553</v>
      </c>
      <c r="C7763" s="93" t="s">
        <v>18572</v>
      </c>
      <c r="D7763" s="93" t="s">
        <v>18573</v>
      </c>
      <c r="E7763" s="111" t="s">
        <v>174</v>
      </c>
      <c r="F7763" s="111">
        <v>303</v>
      </c>
      <c r="G7763" s="93" t="s">
        <v>12</v>
      </c>
      <c r="H7763" s="111">
        <v>0</v>
      </c>
      <c r="I7763" s="111">
        <v>0</v>
      </c>
      <c r="J7763" s="111">
        <v>0</v>
      </c>
      <c r="K7763" s="111">
        <v>1</v>
      </c>
      <c r="L7763" s="111">
        <v>1</v>
      </c>
      <c r="M7763" s="111">
        <v>0</v>
      </c>
      <c r="N7763" s="111">
        <v>0</v>
      </c>
      <c r="O7763" s="111">
        <v>0</v>
      </c>
      <c r="P7763" s="111">
        <v>0</v>
      </c>
      <c r="Q7763" s="111">
        <v>0</v>
      </c>
      <c r="R7763" s="111">
        <v>0</v>
      </c>
      <c r="S7763" s="111">
        <v>0</v>
      </c>
      <c r="T7763" s="111">
        <v>0</v>
      </c>
      <c r="U7763" s="145"/>
      <c r="V7763" s="145"/>
      <c r="W7763" s="145"/>
      <c r="X7763" s="145"/>
      <c r="Y7763" s="145"/>
      <c r="Z7763" s="145"/>
      <c r="AA7763" s="145"/>
      <c r="AB7763" s="145"/>
      <c r="AC7763" s="145"/>
      <c r="AD7763" s="145"/>
      <c r="AE7763" s="145"/>
      <c r="AF7763" s="145"/>
      <c r="AG7763" s="145"/>
      <c r="AH7763" s="145"/>
      <c r="AI7763" s="145"/>
      <c r="AJ7763" s="145"/>
      <c r="AK7763" s="145"/>
      <c r="AL7763" s="145"/>
      <c r="AM7763" s="145"/>
      <c r="AN7763" s="145"/>
      <c r="AO7763" s="145"/>
      <c r="AP7763" s="145"/>
      <c r="AQ7763" s="145"/>
      <c r="AR7763" s="145"/>
      <c r="AS7763" s="145"/>
      <c r="AT7763" s="145"/>
      <c r="AU7763" s="145"/>
      <c r="AV7763" s="145"/>
      <c r="AW7763" s="145"/>
      <c r="AX7763" s="146"/>
      <c r="AY7763" s="146"/>
      <c r="AZ7763" s="146"/>
      <c r="BA7763" s="146"/>
      <c r="BB7763" s="221">
        <v>45884</v>
      </c>
    </row>
    <row r="7764" spans="1:54" s="8" customFormat="1" ht="14.1" customHeight="1" x14ac:dyDescent="0.25">
      <c r="A7764" s="229" t="s">
        <v>18574</v>
      </c>
      <c r="B7764" s="96" t="s">
        <v>21553</v>
      </c>
      <c r="C7764" s="93" t="s">
        <v>10996</v>
      </c>
      <c r="D7764" s="93" t="s">
        <v>18575</v>
      </c>
      <c r="E7764" s="111" t="s">
        <v>174</v>
      </c>
      <c r="F7764" s="111">
        <v>523</v>
      </c>
      <c r="G7764" s="93" t="s">
        <v>12</v>
      </c>
      <c r="H7764" s="111">
        <v>0</v>
      </c>
      <c r="I7764" s="111">
        <v>0</v>
      </c>
      <c r="J7764" s="111">
        <v>1</v>
      </c>
      <c r="K7764" s="111">
        <v>0</v>
      </c>
      <c r="L7764" s="111">
        <v>0</v>
      </c>
      <c r="M7764" s="111">
        <v>0</v>
      </c>
      <c r="N7764" s="111">
        <v>0</v>
      </c>
      <c r="O7764" s="111">
        <v>1</v>
      </c>
      <c r="P7764" s="111">
        <v>1</v>
      </c>
      <c r="Q7764" s="111">
        <v>0</v>
      </c>
      <c r="R7764" s="111">
        <v>0</v>
      </c>
      <c r="S7764" s="111">
        <v>1</v>
      </c>
      <c r="T7764" s="111">
        <v>0</v>
      </c>
      <c r="U7764" s="145"/>
      <c r="V7764" s="145"/>
      <c r="W7764" s="145"/>
      <c r="X7764" s="145"/>
      <c r="Y7764" s="145"/>
      <c r="Z7764" s="145"/>
      <c r="AA7764" s="145"/>
      <c r="AB7764" s="145"/>
      <c r="AC7764" s="145"/>
      <c r="AD7764" s="145"/>
      <c r="AE7764" s="145"/>
      <c r="AF7764" s="145"/>
      <c r="AG7764" s="145"/>
      <c r="AH7764" s="145"/>
      <c r="AI7764" s="145"/>
      <c r="AJ7764" s="145"/>
      <c r="AK7764" s="145"/>
      <c r="AL7764" s="145"/>
      <c r="AM7764" s="145"/>
      <c r="AN7764" s="145"/>
      <c r="AO7764" s="145"/>
      <c r="AP7764" s="145"/>
      <c r="AQ7764" s="145"/>
      <c r="AR7764" s="145"/>
      <c r="AS7764" s="145"/>
      <c r="AT7764" s="145"/>
      <c r="AU7764" s="145"/>
      <c r="AV7764" s="145"/>
      <c r="AW7764" s="145"/>
      <c r="AX7764" s="146"/>
      <c r="AY7764" s="146"/>
      <c r="AZ7764" s="146"/>
      <c r="BA7764" s="146"/>
      <c r="BB7764" s="221">
        <v>45884</v>
      </c>
    </row>
    <row r="7765" spans="1:54" s="8" customFormat="1" ht="14.1" customHeight="1" x14ac:dyDescent="0.25">
      <c r="A7765" s="231" t="s">
        <v>18576</v>
      </c>
      <c r="B7765" s="96" t="s">
        <v>21553</v>
      </c>
      <c r="C7765" s="93" t="s">
        <v>18577</v>
      </c>
      <c r="D7765" s="93" t="s">
        <v>18578</v>
      </c>
      <c r="E7765" s="111" t="s">
        <v>174</v>
      </c>
      <c r="F7765" s="111">
        <v>1241</v>
      </c>
      <c r="G7765" s="93" t="s">
        <v>12</v>
      </c>
      <c r="H7765" s="111">
        <v>0</v>
      </c>
      <c r="I7765" s="111">
        <v>0</v>
      </c>
      <c r="J7765" s="111">
        <v>1</v>
      </c>
      <c r="K7765" s="111">
        <v>0</v>
      </c>
      <c r="L7765" s="252">
        <v>0</v>
      </c>
      <c r="M7765" s="111">
        <v>0</v>
      </c>
      <c r="N7765" s="111">
        <v>0</v>
      </c>
      <c r="O7765" s="252">
        <v>0</v>
      </c>
      <c r="P7765" s="111">
        <v>1</v>
      </c>
      <c r="Q7765" s="111">
        <v>0</v>
      </c>
      <c r="R7765" s="111">
        <v>0</v>
      </c>
      <c r="S7765" s="111">
        <v>0</v>
      </c>
      <c r="T7765" s="111">
        <v>0</v>
      </c>
      <c r="U7765" s="111"/>
      <c r="V7765" s="111"/>
      <c r="W7765" s="111"/>
      <c r="X7765" s="111"/>
      <c r="Y7765" s="111"/>
      <c r="Z7765" s="111"/>
      <c r="AA7765" s="111"/>
      <c r="AB7765" s="111"/>
      <c r="AC7765" s="111"/>
      <c r="AD7765" s="111"/>
      <c r="AE7765" s="111"/>
      <c r="AF7765" s="111"/>
      <c r="AG7765" s="111"/>
      <c r="AH7765" s="111"/>
      <c r="AI7765" s="111"/>
      <c r="AJ7765" s="111"/>
      <c r="AK7765" s="111"/>
      <c r="AL7765" s="111"/>
      <c r="AM7765" s="111"/>
      <c r="AN7765" s="111"/>
      <c r="AO7765" s="111"/>
      <c r="AP7765" s="111"/>
      <c r="AQ7765" s="111"/>
      <c r="AR7765" s="111"/>
      <c r="AS7765" s="111"/>
      <c r="AT7765" s="111"/>
      <c r="AU7765" s="111"/>
      <c r="AV7765" s="111"/>
      <c r="AW7765" s="111"/>
      <c r="AX7765" s="112"/>
      <c r="AY7765" s="112"/>
      <c r="AZ7765" s="112"/>
      <c r="BA7765" s="112"/>
      <c r="BB7765" s="221">
        <v>45884</v>
      </c>
    </row>
    <row r="7766" spans="1:54" s="8" customFormat="1" ht="14.1" customHeight="1" x14ac:dyDescent="0.25">
      <c r="A7766" s="229" t="s">
        <v>18579</v>
      </c>
      <c r="B7766" s="96" t="s">
        <v>21553</v>
      </c>
      <c r="C7766" s="93" t="s">
        <v>18580</v>
      </c>
      <c r="D7766" s="93" t="s">
        <v>18581</v>
      </c>
      <c r="E7766" s="111" t="s">
        <v>174</v>
      </c>
      <c r="F7766" s="111">
        <v>312</v>
      </c>
      <c r="G7766" s="93" t="s">
        <v>12</v>
      </c>
      <c r="H7766" s="111">
        <v>0</v>
      </c>
      <c r="I7766" s="111">
        <v>0</v>
      </c>
      <c r="J7766" s="111">
        <v>1</v>
      </c>
      <c r="K7766" s="111">
        <v>0</v>
      </c>
      <c r="L7766" s="111">
        <v>0</v>
      </c>
      <c r="M7766" s="111">
        <v>0</v>
      </c>
      <c r="N7766" s="111">
        <v>0</v>
      </c>
      <c r="O7766" s="111">
        <v>0</v>
      </c>
      <c r="P7766" s="111">
        <v>0</v>
      </c>
      <c r="Q7766" s="111">
        <v>0</v>
      </c>
      <c r="R7766" s="111">
        <v>0</v>
      </c>
      <c r="S7766" s="111">
        <v>0</v>
      </c>
      <c r="T7766" s="111">
        <v>0</v>
      </c>
      <c r="U7766" s="145"/>
      <c r="V7766" s="145"/>
      <c r="W7766" s="145"/>
      <c r="X7766" s="145"/>
      <c r="Y7766" s="145"/>
      <c r="Z7766" s="145"/>
      <c r="AA7766" s="145"/>
      <c r="AB7766" s="145"/>
      <c r="AC7766" s="145"/>
      <c r="AD7766" s="145"/>
      <c r="AE7766" s="145"/>
      <c r="AF7766" s="145"/>
      <c r="AG7766" s="145"/>
      <c r="AH7766" s="145"/>
      <c r="AI7766" s="145"/>
      <c r="AJ7766" s="145"/>
      <c r="AK7766" s="145"/>
      <c r="AL7766" s="145"/>
      <c r="AM7766" s="145"/>
      <c r="AN7766" s="145"/>
      <c r="AO7766" s="145"/>
      <c r="AP7766" s="145"/>
      <c r="AQ7766" s="145"/>
      <c r="AR7766" s="145"/>
      <c r="AS7766" s="145"/>
      <c r="AT7766" s="145"/>
      <c r="AU7766" s="145"/>
      <c r="AV7766" s="145"/>
      <c r="AW7766" s="145"/>
      <c r="AX7766" s="146"/>
      <c r="AY7766" s="146"/>
      <c r="AZ7766" s="146"/>
      <c r="BA7766" s="146"/>
      <c r="BB7766" s="221">
        <v>45884</v>
      </c>
    </row>
    <row r="7767" spans="1:54" s="8" customFormat="1" ht="14.1" customHeight="1" x14ac:dyDescent="0.25">
      <c r="A7767" s="229" t="s">
        <v>18582</v>
      </c>
      <c r="B7767" s="96" t="s">
        <v>21553</v>
      </c>
      <c r="C7767" s="93" t="s">
        <v>19769</v>
      </c>
      <c r="D7767" s="93" t="s">
        <v>18583</v>
      </c>
      <c r="E7767" s="111" t="s">
        <v>174</v>
      </c>
      <c r="F7767" s="111">
        <v>245</v>
      </c>
      <c r="G7767" s="93" t="s">
        <v>12</v>
      </c>
      <c r="H7767" s="111">
        <v>0</v>
      </c>
      <c r="I7767" s="111">
        <v>0</v>
      </c>
      <c r="J7767" s="111">
        <v>0</v>
      </c>
      <c r="K7767" s="111">
        <v>1</v>
      </c>
      <c r="L7767" s="111">
        <v>0</v>
      </c>
      <c r="M7767" s="111">
        <v>0</v>
      </c>
      <c r="N7767" s="111">
        <v>1</v>
      </c>
      <c r="O7767" s="111">
        <v>1</v>
      </c>
      <c r="P7767" s="111">
        <v>1</v>
      </c>
      <c r="Q7767" s="111">
        <v>0</v>
      </c>
      <c r="R7767" s="111">
        <v>1</v>
      </c>
      <c r="S7767" s="111">
        <v>0</v>
      </c>
      <c r="T7767" s="111">
        <v>0</v>
      </c>
      <c r="U7767" s="145"/>
      <c r="V7767" s="145"/>
      <c r="W7767" s="145"/>
      <c r="X7767" s="145"/>
      <c r="Y7767" s="145"/>
      <c r="Z7767" s="145"/>
      <c r="AA7767" s="145"/>
      <c r="AB7767" s="145"/>
      <c r="AC7767" s="145"/>
      <c r="AD7767" s="145"/>
      <c r="AE7767" s="145"/>
      <c r="AF7767" s="145"/>
      <c r="AG7767" s="145"/>
      <c r="AH7767" s="145"/>
      <c r="AI7767" s="145"/>
      <c r="AJ7767" s="145"/>
      <c r="AK7767" s="145"/>
      <c r="AL7767" s="145"/>
      <c r="AM7767" s="145"/>
      <c r="AN7767" s="145"/>
      <c r="AO7767" s="145"/>
      <c r="AP7767" s="145"/>
      <c r="AQ7767" s="145"/>
      <c r="AR7767" s="145"/>
      <c r="AS7767" s="145"/>
      <c r="AT7767" s="111">
        <v>1</v>
      </c>
      <c r="AU7767" s="145"/>
      <c r="AV7767" s="145"/>
      <c r="AW7767" s="145"/>
      <c r="AX7767" s="146"/>
      <c r="AY7767" s="146"/>
      <c r="AZ7767" s="146"/>
      <c r="BA7767" s="146"/>
      <c r="BB7767" s="221">
        <v>45884</v>
      </c>
    </row>
    <row r="7768" spans="1:54" s="8" customFormat="1" ht="14.1" customHeight="1" x14ac:dyDescent="0.25">
      <c r="A7768" s="231" t="s">
        <v>18584</v>
      </c>
      <c r="B7768" s="96" t="s">
        <v>21553</v>
      </c>
      <c r="C7768" s="93" t="s">
        <v>18585</v>
      </c>
      <c r="D7768" s="93" t="s">
        <v>18586</v>
      </c>
      <c r="E7768" s="111" t="s">
        <v>174</v>
      </c>
      <c r="F7768" s="111">
        <v>325</v>
      </c>
      <c r="G7768" s="93" t="s">
        <v>12</v>
      </c>
      <c r="H7768" s="111">
        <v>0</v>
      </c>
      <c r="I7768" s="111">
        <v>0</v>
      </c>
      <c r="J7768" s="111">
        <v>1</v>
      </c>
      <c r="K7768" s="252">
        <v>0</v>
      </c>
      <c r="L7768" s="252">
        <v>0</v>
      </c>
      <c r="M7768" s="111">
        <v>0</v>
      </c>
      <c r="N7768" s="111">
        <v>0</v>
      </c>
      <c r="O7768" s="111">
        <v>0</v>
      </c>
      <c r="P7768" s="111">
        <v>0</v>
      </c>
      <c r="Q7768" s="111">
        <v>0</v>
      </c>
      <c r="R7768" s="111">
        <v>0</v>
      </c>
      <c r="S7768" s="111">
        <v>0</v>
      </c>
      <c r="T7768" s="111">
        <v>0</v>
      </c>
      <c r="U7768" s="111"/>
      <c r="V7768" s="111"/>
      <c r="W7768" s="111"/>
      <c r="X7768" s="111"/>
      <c r="Y7768" s="111"/>
      <c r="Z7768" s="111"/>
      <c r="AA7768" s="111"/>
      <c r="AB7768" s="111"/>
      <c r="AC7768" s="111"/>
      <c r="AD7768" s="111"/>
      <c r="AE7768" s="111"/>
      <c r="AF7768" s="111"/>
      <c r="AG7768" s="111"/>
      <c r="AH7768" s="111"/>
      <c r="AI7768" s="111"/>
      <c r="AJ7768" s="111"/>
      <c r="AK7768" s="111"/>
      <c r="AL7768" s="111"/>
      <c r="AM7768" s="111"/>
      <c r="AN7768" s="111"/>
      <c r="AO7768" s="111"/>
      <c r="AP7768" s="111"/>
      <c r="AQ7768" s="111"/>
      <c r="AR7768" s="111"/>
      <c r="AS7768" s="111"/>
      <c r="AT7768" s="111"/>
      <c r="AU7768" s="111"/>
      <c r="AV7768" s="111"/>
      <c r="AW7768" s="111"/>
      <c r="AX7768" s="112"/>
      <c r="AY7768" s="112"/>
      <c r="AZ7768" s="112"/>
      <c r="BA7768" s="112"/>
      <c r="BB7768" s="221">
        <v>45884</v>
      </c>
    </row>
    <row r="7769" spans="1:54" s="8" customFormat="1" ht="14.1" customHeight="1" x14ac:dyDescent="0.25">
      <c r="A7769" s="229" t="s">
        <v>18587</v>
      </c>
      <c r="B7769" s="96" t="s">
        <v>21553</v>
      </c>
      <c r="C7769" s="93" t="s">
        <v>18588</v>
      </c>
      <c r="D7769" s="93" t="s">
        <v>18589</v>
      </c>
      <c r="E7769" s="111" t="s">
        <v>174</v>
      </c>
      <c r="F7769" s="111">
        <v>395</v>
      </c>
      <c r="G7769" s="93" t="s">
        <v>12</v>
      </c>
      <c r="H7769" s="111">
        <v>0</v>
      </c>
      <c r="I7769" s="111">
        <v>0</v>
      </c>
      <c r="J7769" s="111">
        <v>0</v>
      </c>
      <c r="K7769" s="111">
        <v>1</v>
      </c>
      <c r="L7769" s="111">
        <v>0</v>
      </c>
      <c r="M7769" s="111">
        <v>0</v>
      </c>
      <c r="N7769" s="111">
        <v>0</v>
      </c>
      <c r="O7769" s="111">
        <v>0</v>
      </c>
      <c r="P7769" s="111">
        <v>0</v>
      </c>
      <c r="Q7769" s="111">
        <v>0</v>
      </c>
      <c r="R7769" s="111">
        <v>0</v>
      </c>
      <c r="S7769" s="111">
        <v>0</v>
      </c>
      <c r="T7769" s="111">
        <v>0</v>
      </c>
      <c r="U7769" s="145"/>
      <c r="V7769" s="145"/>
      <c r="W7769" s="145"/>
      <c r="X7769" s="145"/>
      <c r="Y7769" s="145"/>
      <c r="Z7769" s="145"/>
      <c r="AA7769" s="145"/>
      <c r="AB7769" s="145"/>
      <c r="AC7769" s="145"/>
      <c r="AD7769" s="145"/>
      <c r="AE7769" s="145"/>
      <c r="AF7769" s="145"/>
      <c r="AG7769" s="145"/>
      <c r="AH7769" s="145"/>
      <c r="AI7769" s="145"/>
      <c r="AJ7769" s="145"/>
      <c r="AK7769" s="145"/>
      <c r="AL7769" s="145"/>
      <c r="AM7769" s="145"/>
      <c r="AN7769" s="145"/>
      <c r="AO7769" s="145"/>
      <c r="AP7769" s="145"/>
      <c r="AQ7769" s="145"/>
      <c r="AR7769" s="145"/>
      <c r="AS7769" s="145"/>
      <c r="AT7769" s="145"/>
      <c r="AU7769" s="145"/>
      <c r="AV7769" s="145"/>
      <c r="AW7769" s="145"/>
      <c r="AX7769" s="146"/>
      <c r="AY7769" s="146"/>
      <c r="AZ7769" s="146"/>
      <c r="BA7769" s="146"/>
      <c r="BB7769" s="221">
        <v>45884</v>
      </c>
    </row>
    <row r="7770" spans="1:54" s="8" customFormat="1" ht="14.1" customHeight="1" x14ac:dyDescent="0.25">
      <c r="A7770" s="229" t="s">
        <v>18590</v>
      </c>
      <c r="B7770" s="96" t="s">
        <v>21553</v>
      </c>
      <c r="C7770" s="93" t="s">
        <v>18591</v>
      </c>
      <c r="D7770" s="93" t="s">
        <v>18592</v>
      </c>
      <c r="E7770" s="111" t="s">
        <v>174</v>
      </c>
      <c r="F7770" s="111">
        <v>730</v>
      </c>
      <c r="G7770" s="93" t="s">
        <v>12</v>
      </c>
      <c r="H7770" s="111">
        <v>0</v>
      </c>
      <c r="I7770" s="111">
        <v>0</v>
      </c>
      <c r="J7770" s="111">
        <v>1</v>
      </c>
      <c r="K7770" s="111">
        <v>0</v>
      </c>
      <c r="L7770" s="111">
        <v>0</v>
      </c>
      <c r="M7770" s="111">
        <v>0</v>
      </c>
      <c r="N7770" s="111">
        <v>0</v>
      </c>
      <c r="O7770" s="111">
        <v>1</v>
      </c>
      <c r="P7770" s="111">
        <v>1</v>
      </c>
      <c r="Q7770" s="111">
        <v>0</v>
      </c>
      <c r="R7770" s="111">
        <v>1</v>
      </c>
      <c r="S7770" s="111">
        <v>0</v>
      </c>
      <c r="T7770" s="111">
        <v>0</v>
      </c>
      <c r="U7770" s="145"/>
      <c r="V7770" s="145"/>
      <c r="W7770" s="145"/>
      <c r="X7770" s="145"/>
      <c r="Y7770" s="145"/>
      <c r="Z7770" s="145"/>
      <c r="AA7770" s="145"/>
      <c r="AB7770" s="145"/>
      <c r="AC7770" s="145"/>
      <c r="AD7770" s="145"/>
      <c r="AE7770" s="145"/>
      <c r="AF7770" s="145"/>
      <c r="AG7770" s="145"/>
      <c r="AH7770" s="145"/>
      <c r="AI7770" s="145"/>
      <c r="AJ7770" s="145"/>
      <c r="AK7770" s="145"/>
      <c r="AL7770" s="145"/>
      <c r="AM7770" s="145"/>
      <c r="AN7770" s="145"/>
      <c r="AO7770" s="145"/>
      <c r="AP7770" s="145"/>
      <c r="AQ7770" s="145"/>
      <c r="AR7770" s="145"/>
      <c r="AS7770" s="145"/>
      <c r="AT7770" s="145"/>
      <c r="AU7770" s="145"/>
      <c r="AV7770" s="145"/>
      <c r="AW7770" s="145"/>
      <c r="AX7770" s="146"/>
      <c r="AY7770" s="146"/>
      <c r="AZ7770" s="146"/>
      <c r="BA7770" s="146"/>
      <c r="BB7770" s="221">
        <v>45884</v>
      </c>
    </row>
    <row r="7771" spans="1:54" s="8" customFormat="1" ht="14.1" customHeight="1" x14ac:dyDescent="0.25">
      <c r="A7771" s="229" t="s">
        <v>18593</v>
      </c>
      <c r="B7771" s="96" t="s">
        <v>21553</v>
      </c>
      <c r="C7771" s="93" t="s">
        <v>18594</v>
      </c>
      <c r="D7771" s="93" t="s">
        <v>18595</v>
      </c>
      <c r="E7771" s="111" t="s">
        <v>174</v>
      </c>
      <c r="F7771" s="111">
        <v>575</v>
      </c>
      <c r="G7771" s="93" t="s">
        <v>12</v>
      </c>
      <c r="H7771" s="111">
        <v>0</v>
      </c>
      <c r="I7771" s="111">
        <v>0</v>
      </c>
      <c r="J7771" s="111">
        <v>0</v>
      </c>
      <c r="K7771" s="111">
        <v>0</v>
      </c>
      <c r="L7771" s="111">
        <v>0</v>
      </c>
      <c r="M7771" s="111">
        <v>0</v>
      </c>
      <c r="N7771" s="111">
        <v>0</v>
      </c>
      <c r="O7771" s="111">
        <v>1</v>
      </c>
      <c r="P7771" s="111">
        <v>1</v>
      </c>
      <c r="Q7771" s="111">
        <v>0</v>
      </c>
      <c r="R7771" s="111">
        <v>1</v>
      </c>
      <c r="S7771" s="111">
        <v>0</v>
      </c>
      <c r="T7771" s="111">
        <v>0</v>
      </c>
      <c r="U7771" s="145"/>
      <c r="V7771" s="145"/>
      <c r="W7771" s="145"/>
      <c r="X7771" s="145"/>
      <c r="Y7771" s="145"/>
      <c r="Z7771" s="145"/>
      <c r="AA7771" s="145"/>
      <c r="AB7771" s="145"/>
      <c r="AC7771" s="145"/>
      <c r="AD7771" s="145"/>
      <c r="AE7771" s="145"/>
      <c r="AF7771" s="145"/>
      <c r="AG7771" s="145"/>
      <c r="AH7771" s="145"/>
      <c r="AI7771" s="145"/>
      <c r="AJ7771" s="145"/>
      <c r="AK7771" s="145"/>
      <c r="AL7771" s="145"/>
      <c r="AM7771" s="145"/>
      <c r="AN7771" s="145"/>
      <c r="AO7771" s="145"/>
      <c r="AP7771" s="145"/>
      <c r="AQ7771" s="145"/>
      <c r="AR7771" s="145"/>
      <c r="AS7771" s="145"/>
      <c r="AT7771" s="145"/>
      <c r="AU7771" s="145"/>
      <c r="AV7771" s="145"/>
      <c r="AW7771" s="145"/>
      <c r="AX7771" s="146"/>
      <c r="AY7771" s="146"/>
      <c r="AZ7771" s="146"/>
      <c r="BA7771" s="146"/>
      <c r="BB7771" s="221">
        <v>45884</v>
      </c>
    </row>
    <row r="7772" spans="1:54" s="8" customFormat="1" ht="14.1" customHeight="1" x14ac:dyDescent="0.25">
      <c r="A7772" s="229" t="s">
        <v>18596</v>
      </c>
      <c r="B7772" s="96" t="s">
        <v>21553</v>
      </c>
      <c r="C7772" s="93" t="s">
        <v>18597</v>
      </c>
      <c r="D7772" s="93" t="s">
        <v>18598</v>
      </c>
      <c r="E7772" s="111" t="s">
        <v>174</v>
      </c>
      <c r="F7772" s="111">
        <v>2439</v>
      </c>
      <c r="G7772" s="93" t="s">
        <v>12</v>
      </c>
      <c r="H7772" s="111">
        <v>0</v>
      </c>
      <c r="I7772" s="111">
        <v>0</v>
      </c>
      <c r="J7772" s="111">
        <v>1</v>
      </c>
      <c r="K7772" s="111">
        <v>0</v>
      </c>
      <c r="L7772" s="111">
        <v>0</v>
      </c>
      <c r="M7772" s="111">
        <v>0</v>
      </c>
      <c r="N7772" s="111">
        <v>0</v>
      </c>
      <c r="O7772" s="111">
        <v>0</v>
      </c>
      <c r="P7772" s="111">
        <v>0</v>
      </c>
      <c r="Q7772" s="111">
        <v>0</v>
      </c>
      <c r="R7772" s="111">
        <v>0</v>
      </c>
      <c r="S7772" s="111">
        <v>0</v>
      </c>
      <c r="T7772" s="111">
        <v>0</v>
      </c>
      <c r="U7772" s="145"/>
      <c r="V7772" s="145"/>
      <c r="W7772" s="145"/>
      <c r="X7772" s="145"/>
      <c r="Y7772" s="145"/>
      <c r="Z7772" s="145"/>
      <c r="AA7772" s="145"/>
      <c r="AB7772" s="145"/>
      <c r="AC7772" s="145"/>
      <c r="AD7772" s="145"/>
      <c r="AE7772" s="145"/>
      <c r="AF7772" s="145"/>
      <c r="AG7772" s="145"/>
      <c r="AH7772" s="145"/>
      <c r="AI7772" s="145"/>
      <c r="AJ7772" s="145"/>
      <c r="AK7772" s="145"/>
      <c r="AL7772" s="145"/>
      <c r="AM7772" s="145"/>
      <c r="AN7772" s="145"/>
      <c r="AO7772" s="145"/>
      <c r="AP7772" s="145"/>
      <c r="AQ7772" s="145"/>
      <c r="AR7772" s="145"/>
      <c r="AS7772" s="145"/>
      <c r="AT7772" s="145"/>
      <c r="AU7772" s="145"/>
      <c r="AV7772" s="145"/>
      <c r="AW7772" s="145"/>
      <c r="AX7772" s="146"/>
      <c r="AY7772" s="146"/>
      <c r="AZ7772" s="146"/>
      <c r="BA7772" s="146"/>
      <c r="BB7772" s="221">
        <v>45884</v>
      </c>
    </row>
    <row r="7773" spans="1:54" s="8" customFormat="1" ht="14.1" customHeight="1" x14ac:dyDescent="0.25">
      <c r="A7773" s="229" t="s">
        <v>18599</v>
      </c>
      <c r="B7773" s="96" t="s">
        <v>21553</v>
      </c>
      <c r="C7773" s="93" t="s">
        <v>18600</v>
      </c>
      <c r="D7773" s="93" t="s">
        <v>18601</v>
      </c>
      <c r="E7773" s="111" t="s">
        <v>174</v>
      </c>
      <c r="F7773" s="111">
        <v>2968</v>
      </c>
      <c r="G7773" s="93" t="s">
        <v>12</v>
      </c>
      <c r="H7773" s="111">
        <v>0</v>
      </c>
      <c r="I7773" s="111">
        <v>0</v>
      </c>
      <c r="J7773" s="111">
        <v>1</v>
      </c>
      <c r="K7773" s="111">
        <v>0</v>
      </c>
      <c r="L7773" s="111">
        <v>0</v>
      </c>
      <c r="M7773" s="111">
        <v>0</v>
      </c>
      <c r="N7773" s="111">
        <v>0</v>
      </c>
      <c r="O7773" s="111">
        <v>1</v>
      </c>
      <c r="P7773" s="111">
        <v>0</v>
      </c>
      <c r="Q7773" s="111">
        <v>0</v>
      </c>
      <c r="R7773" s="111">
        <v>0</v>
      </c>
      <c r="S7773" s="111">
        <v>0</v>
      </c>
      <c r="T7773" s="111">
        <v>0</v>
      </c>
      <c r="U7773" s="145"/>
      <c r="V7773" s="145"/>
      <c r="W7773" s="145"/>
      <c r="X7773" s="145"/>
      <c r="Y7773" s="145"/>
      <c r="Z7773" s="145"/>
      <c r="AA7773" s="145"/>
      <c r="AB7773" s="145"/>
      <c r="AC7773" s="145"/>
      <c r="AD7773" s="145"/>
      <c r="AE7773" s="145"/>
      <c r="AF7773" s="145"/>
      <c r="AG7773" s="145"/>
      <c r="AH7773" s="145"/>
      <c r="AI7773" s="145"/>
      <c r="AJ7773" s="145"/>
      <c r="AK7773" s="145"/>
      <c r="AL7773" s="145"/>
      <c r="AM7773" s="145"/>
      <c r="AN7773" s="145"/>
      <c r="AO7773" s="145"/>
      <c r="AP7773" s="145"/>
      <c r="AQ7773" s="145"/>
      <c r="AR7773" s="145"/>
      <c r="AS7773" s="145"/>
      <c r="AT7773" s="145"/>
      <c r="AU7773" s="145"/>
      <c r="AV7773" s="145"/>
      <c r="AW7773" s="145"/>
      <c r="AX7773" s="146"/>
      <c r="AY7773" s="146"/>
      <c r="AZ7773" s="146"/>
      <c r="BA7773" s="183" t="s">
        <v>24344</v>
      </c>
      <c r="BB7773" s="221">
        <v>45884</v>
      </c>
    </row>
    <row r="7774" spans="1:54" s="8" customFormat="1" ht="14.1" customHeight="1" x14ac:dyDescent="0.25">
      <c r="A7774" s="229" t="s">
        <v>18602</v>
      </c>
      <c r="B7774" s="96" t="s">
        <v>21553</v>
      </c>
      <c r="C7774" s="93" t="s">
        <v>18603</v>
      </c>
      <c r="D7774" s="93" t="s">
        <v>18604</v>
      </c>
      <c r="E7774" s="111" t="s">
        <v>174</v>
      </c>
      <c r="F7774" s="111">
        <v>206</v>
      </c>
      <c r="G7774" s="93" t="s">
        <v>12</v>
      </c>
      <c r="H7774" s="111">
        <v>0</v>
      </c>
      <c r="I7774" s="111">
        <v>0</v>
      </c>
      <c r="J7774" s="111">
        <v>0</v>
      </c>
      <c r="K7774" s="111">
        <v>1</v>
      </c>
      <c r="L7774" s="111">
        <v>0</v>
      </c>
      <c r="M7774" s="111">
        <v>0</v>
      </c>
      <c r="N7774" s="111">
        <v>1</v>
      </c>
      <c r="O7774" s="111">
        <v>0</v>
      </c>
      <c r="P7774" s="111">
        <v>1</v>
      </c>
      <c r="Q7774" s="111">
        <v>0</v>
      </c>
      <c r="R7774" s="111">
        <v>0</v>
      </c>
      <c r="S7774" s="111">
        <v>0</v>
      </c>
      <c r="T7774" s="111">
        <v>0</v>
      </c>
      <c r="U7774" s="145"/>
      <c r="V7774" s="145"/>
      <c r="W7774" s="145"/>
      <c r="X7774" s="145"/>
      <c r="Y7774" s="145"/>
      <c r="Z7774" s="145"/>
      <c r="AA7774" s="145"/>
      <c r="AB7774" s="145"/>
      <c r="AC7774" s="145"/>
      <c r="AD7774" s="145"/>
      <c r="AE7774" s="145"/>
      <c r="AF7774" s="145"/>
      <c r="AG7774" s="145"/>
      <c r="AH7774" s="145"/>
      <c r="AI7774" s="145"/>
      <c r="AJ7774" s="145"/>
      <c r="AK7774" s="145"/>
      <c r="AL7774" s="145"/>
      <c r="AM7774" s="145"/>
      <c r="AN7774" s="145"/>
      <c r="AO7774" s="145"/>
      <c r="AP7774" s="145"/>
      <c r="AQ7774" s="145"/>
      <c r="AR7774" s="145"/>
      <c r="AS7774" s="145"/>
      <c r="AT7774" s="145"/>
      <c r="AU7774" s="145"/>
      <c r="AV7774" s="145"/>
      <c r="AW7774" s="145"/>
      <c r="AX7774" s="146"/>
      <c r="AY7774" s="146"/>
      <c r="AZ7774" s="146"/>
      <c r="BA7774" s="146"/>
      <c r="BB7774" s="221">
        <v>45884</v>
      </c>
    </row>
    <row r="7775" spans="1:54" s="8" customFormat="1" ht="14.1" customHeight="1" x14ac:dyDescent="0.25">
      <c r="A7775" s="229" t="s">
        <v>18605</v>
      </c>
      <c r="B7775" s="96" t="s">
        <v>21553</v>
      </c>
      <c r="C7775" s="93" t="s">
        <v>18606</v>
      </c>
      <c r="D7775" s="93" t="s">
        <v>18607</v>
      </c>
      <c r="E7775" s="111" t="s">
        <v>174</v>
      </c>
      <c r="F7775" s="111">
        <v>1784</v>
      </c>
      <c r="G7775" s="93" t="s">
        <v>12</v>
      </c>
      <c r="H7775" s="111">
        <v>0</v>
      </c>
      <c r="I7775" s="111">
        <v>0</v>
      </c>
      <c r="J7775" s="111">
        <v>1</v>
      </c>
      <c r="K7775" s="111">
        <v>1</v>
      </c>
      <c r="L7775" s="111">
        <v>1</v>
      </c>
      <c r="M7775" s="111">
        <v>0</v>
      </c>
      <c r="N7775" s="111">
        <v>1</v>
      </c>
      <c r="O7775" s="111">
        <v>1</v>
      </c>
      <c r="P7775" s="111">
        <v>1</v>
      </c>
      <c r="Q7775" s="111">
        <v>1</v>
      </c>
      <c r="R7775" s="111">
        <v>1</v>
      </c>
      <c r="S7775" s="111">
        <v>1</v>
      </c>
      <c r="T7775" s="111">
        <v>0</v>
      </c>
      <c r="U7775" s="145"/>
      <c r="V7775" s="145"/>
      <c r="W7775" s="145"/>
      <c r="X7775" s="145"/>
      <c r="Y7775" s="145"/>
      <c r="Z7775" s="145"/>
      <c r="AA7775" s="145"/>
      <c r="AB7775" s="145"/>
      <c r="AC7775" s="145"/>
      <c r="AD7775" s="145"/>
      <c r="AE7775" s="145"/>
      <c r="AF7775" s="145"/>
      <c r="AG7775" s="145"/>
      <c r="AH7775" s="145"/>
      <c r="AI7775" s="145"/>
      <c r="AJ7775" s="145"/>
      <c r="AK7775" s="145"/>
      <c r="AL7775" s="145"/>
      <c r="AM7775" s="145"/>
      <c r="AN7775" s="145"/>
      <c r="AO7775" s="145"/>
      <c r="AP7775" s="145"/>
      <c r="AQ7775" s="145"/>
      <c r="AR7775" s="145"/>
      <c r="AS7775" s="145"/>
      <c r="AT7775" s="145"/>
      <c r="AU7775" s="145"/>
      <c r="AV7775" s="145"/>
      <c r="AW7775" s="145"/>
      <c r="AX7775" s="146"/>
      <c r="AY7775" s="146"/>
      <c r="AZ7775" s="146"/>
      <c r="BA7775" s="146"/>
      <c r="BB7775" s="221">
        <v>45884</v>
      </c>
    </row>
    <row r="7776" spans="1:54" s="8" customFormat="1" ht="14.1" customHeight="1" x14ac:dyDescent="0.25">
      <c r="A7776" s="229" t="s">
        <v>18608</v>
      </c>
      <c r="B7776" s="96" t="s">
        <v>21553</v>
      </c>
      <c r="C7776" s="93" t="s">
        <v>18609</v>
      </c>
      <c r="D7776" s="93" t="s">
        <v>18610</v>
      </c>
      <c r="E7776" s="111" t="s">
        <v>174</v>
      </c>
      <c r="F7776" s="111">
        <v>204</v>
      </c>
      <c r="G7776" s="93" t="s">
        <v>12</v>
      </c>
      <c r="H7776" s="111">
        <v>0</v>
      </c>
      <c r="I7776" s="111">
        <v>0</v>
      </c>
      <c r="J7776" s="111">
        <v>0</v>
      </c>
      <c r="K7776" s="111">
        <v>1</v>
      </c>
      <c r="L7776" s="111">
        <v>0</v>
      </c>
      <c r="M7776" s="111">
        <v>0</v>
      </c>
      <c r="N7776" s="111">
        <v>1</v>
      </c>
      <c r="O7776" s="111">
        <v>0</v>
      </c>
      <c r="P7776" s="111">
        <v>0</v>
      </c>
      <c r="Q7776" s="111">
        <v>1</v>
      </c>
      <c r="R7776" s="111">
        <v>1</v>
      </c>
      <c r="S7776" s="111">
        <v>0</v>
      </c>
      <c r="T7776" s="111">
        <v>0</v>
      </c>
      <c r="U7776" s="145"/>
      <c r="V7776" s="145"/>
      <c r="W7776" s="145"/>
      <c r="X7776" s="145"/>
      <c r="Y7776" s="145"/>
      <c r="Z7776" s="145"/>
      <c r="AA7776" s="145"/>
      <c r="AB7776" s="145"/>
      <c r="AC7776" s="145"/>
      <c r="AD7776" s="145"/>
      <c r="AE7776" s="145"/>
      <c r="AF7776" s="145"/>
      <c r="AG7776" s="145"/>
      <c r="AH7776" s="145"/>
      <c r="AI7776" s="145"/>
      <c r="AJ7776" s="145"/>
      <c r="AK7776" s="145"/>
      <c r="AL7776" s="145"/>
      <c r="AM7776" s="145"/>
      <c r="AN7776" s="145"/>
      <c r="AO7776" s="145"/>
      <c r="AP7776" s="145"/>
      <c r="AQ7776" s="145"/>
      <c r="AR7776" s="145"/>
      <c r="AS7776" s="145"/>
      <c r="AT7776" s="145"/>
      <c r="AU7776" s="145"/>
      <c r="AV7776" s="145"/>
      <c r="AW7776" s="145"/>
      <c r="AX7776" s="146"/>
      <c r="AY7776" s="146"/>
      <c r="AZ7776" s="146"/>
      <c r="BA7776" s="146"/>
      <c r="BB7776" s="221">
        <v>45884</v>
      </c>
    </row>
    <row r="7777" spans="1:54" s="8" customFormat="1" ht="14.1" customHeight="1" x14ac:dyDescent="0.25">
      <c r="A7777" s="229" t="s">
        <v>18611</v>
      </c>
      <c r="B7777" s="96" t="s">
        <v>21553</v>
      </c>
      <c r="C7777" s="93" t="s">
        <v>18612</v>
      </c>
      <c r="D7777" s="93" t="s">
        <v>18613</v>
      </c>
      <c r="E7777" s="111" t="s">
        <v>174</v>
      </c>
      <c r="F7777" s="111">
        <v>274</v>
      </c>
      <c r="G7777" s="93" t="s">
        <v>12</v>
      </c>
      <c r="H7777" s="111">
        <v>0</v>
      </c>
      <c r="I7777" s="111">
        <v>0</v>
      </c>
      <c r="J7777" s="111">
        <v>1</v>
      </c>
      <c r="K7777" s="111">
        <v>1</v>
      </c>
      <c r="L7777" s="111">
        <v>0</v>
      </c>
      <c r="M7777" s="111">
        <v>0</v>
      </c>
      <c r="N7777" s="111">
        <v>0</v>
      </c>
      <c r="O7777" s="111">
        <v>0</v>
      </c>
      <c r="P7777" s="111">
        <v>1</v>
      </c>
      <c r="Q7777" s="111">
        <v>0</v>
      </c>
      <c r="R7777" s="111">
        <v>0</v>
      </c>
      <c r="S7777" s="111">
        <v>0</v>
      </c>
      <c r="T7777" s="111">
        <v>0</v>
      </c>
      <c r="U7777" s="145"/>
      <c r="V7777" s="145"/>
      <c r="W7777" s="145"/>
      <c r="X7777" s="145"/>
      <c r="Y7777" s="145"/>
      <c r="Z7777" s="145"/>
      <c r="AA7777" s="145"/>
      <c r="AB7777" s="145"/>
      <c r="AC7777" s="145"/>
      <c r="AD7777" s="145"/>
      <c r="AE7777" s="145"/>
      <c r="AF7777" s="145"/>
      <c r="AG7777" s="145"/>
      <c r="AH7777" s="145"/>
      <c r="AI7777" s="145"/>
      <c r="AJ7777" s="145"/>
      <c r="AK7777" s="145"/>
      <c r="AL7777" s="145"/>
      <c r="AM7777" s="145"/>
      <c r="AN7777" s="145"/>
      <c r="AO7777" s="145"/>
      <c r="AP7777" s="145"/>
      <c r="AQ7777" s="145"/>
      <c r="AR7777" s="145"/>
      <c r="AS7777" s="145"/>
      <c r="AT7777" s="145"/>
      <c r="AU7777" s="145"/>
      <c r="AV7777" s="145"/>
      <c r="AW7777" s="145"/>
      <c r="AX7777" s="146"/>
      <c r="AY7777" s="146"/>
      <c r="AZ7777" s="146"/>
      <c r="BA7777" s="146"/>
      <c r="BB7777" s="221">
        <v>45884</v>
      </c>
    </row>
    <row r="7778" spans="1:54" s="8" customFormat="1" ht="14.1" customHeight="1" x14ac:dyDescent="0.25">
      <c r="A7778" s="229" t="s">
        <v>18614</v>
      </c>
      <c r="B7778" s="96" t="s">
        <v>21553</v>
      </c>
      <c r="C7778" s="93" t="s">
        <v>18615</v>
      </c>
      <c r="D7778" s="93" t="s">
        <v>18616</v>
      </c>
      <c r="E7778" s="111" t="s">
        <v>174</v>
      </c>
      <c r="F7778" s="111">
        <v>847</v>
      </c>
      <c r="G7778" s="93" t="s">
        <v>12</v>
      </c>
      <c r="H7778" s="111">
        <v>0</v>
      </c>
      <c r="I7778" s="111">
        <v>0</v>
      </c>
      <c r="J7778" s="111">
        <v>1</v>
      </c>
      <c r="K7778" s="111">
        <v>0</v>
      </c>
      <c r="L7778" s="111">
        <v>0</v>
      </c>
      <c r="M7778" s="111">
        <v>1</v>
      </c>
      <c r="N7778" s="111">
        <v>0</v>
      </c>
      <c r="O7778" s="111">
        <v>0</v>
      </c>
      <c r="P7778" s="111">
        <v>0</v>
      </c>
      <c r="Q7778" s="111">
        <v>0</v>
      </c>
      <c r="R7778" s="111">
        <v>0</v>
      </c>
      <c r="S7778" s="111">
        <v>0</v>
      </c>
      <c r="T7778" s="111">
        <v>0</v>
      </c>
      <c r="U7778" s="145"/>
      <c r="V7778" s="145"/>
      <c r="W7778" s="145"/>
      <c r="X7778" s="145"/>
      <c r="Y7778" s="145"/>
      <c r="Z7778" s="145"/>
      <c r="AA7778" s="145"/>
      <c r="AB7778" s="145"/>
      <c r="AC7778" s="145"/>
      <c r="AD7778" s="145"/>
      <c r="AE7778" s="145"/>
      <c r="AF7778" s="145"/>
      <c r="AG7778" s="145"/>
      <c r="AH7778" s="145"/>
      <c r="AI7778" s="145"/>
      <c r="AJ7778" s="145"/>
      <c r="AK7778" s="145"/>
      <c r="AL7778" s="145"/>
      <c r="AM7778" s="145"/>
      <c r="AN7778" s="145"/>
      <c r="AO7778" s="145"/>
      <c r="AP7778" s="145"/>
      <c r="AQ7778" s="145"/>
      <c r="AR7778" s="145"/>
      <c r="AS7778" s="145"/>
      <c r="AT7778" s="145"/>
      <c r="AU7778" s="145"/>
      <c r="AV7778" s="145"/>
      <c r="AW7778" s="145"/>
      <c r="AX7778" s="146"/>
      <c r="AY7778" s="146"/>
      <c r="AZ7778" s="146"/>
      <c r="BA7778" s="146"/>
      <c r="BB7778" s="221">
        <v>45884</v>
      </c>
    </row>
    <row r="7779" spans="1:54" s="8" customFormat="1" ht="14.1" customHeight="1" x14ac:dyDescent="0.25">
      <c r="A7779" s="229" t="s">
        <v>18617</v>
      </c>
      <c r="B7779" s="96" t="s">
        <v>21553</v>
      </c>
      <c r="C7779" s="93" t="s">
        <v>18618</v>
      </c>
      <c r="D7779" s="93" t="s">
        <v>18619</v>
      </c>
      <c r="E7779" s="111" t="s">
        <v>174</v>
      </c>
      <c r="F7779" s="111">
        <v>565</v>
      </c>
      <c r="G7779" s="93" t="s">
        <v>12</v>
      </c>
      <c r="H7779" s="111">
        <v>0</v>
      </c>
      <c r="I7779" s="111">
        <v>0</v>
      </c>
      <c r="J7779" s="111">
        <v>0</v>
      </c>
      <c r="K7779" s="111">
        <v>1</v>
      </c>
      <c r="L7779" s="111">
        <v>0</v>
      </c>
      <c r="M7779" s="111">
        <v>0</v>
      </c>
      <c r="N7779" s="111">
        <v>0</v>
      </c>
      <c r="O7779" s="111">
        <v>0</v>
      </c>
      <c r="P7779" s="111">
        <v>0</v>
      </c>
      <c r="Q7779" s="111">
        <v>0</v>
      </c>
      <c r="R7779" s="111">
        <v>0</v>
      </c>
      <c r="S7779" s="111">
        <v>0</v>
      </c>
      <c r="T7779" s="111">
        <v>0</v>
      </c>
      <c r="U7779" s="145"/>
      <c r="V7779" s="145"/>
      <c r="W7779" s="145"/>
      <c r="X7779" s="145"/>
      <c r="Y7779" s="145"/>
      <c r="Z7779" s="145"/>
      <c r="AA7779" s="145"/>
      <c r="AB7779" s="145"/>
      <c r="AC7779" s="145"/>
      <c r="AD7779" s="145"/>
      <c r="AE7779" s="145"/>
      <c r="AF7779" s="145"/>
      <c r="AG7779" s="145"/>
      <c r="AH7779" s="145"/>
      <c r="AI7779" s="145"/>
      <c r="AJ7779" s="145"/>
      <c r="AK7779" s="145"/>
      <c r="AL7779" s="145"/>
      <c r="AM7779" s="145"/>
      <c r="AN7779" s="145"/>
      <c r="AO7779" s="145"/>
      <c r="AP7779" s="145"/>
      <c r="AQ7779" s="145"/>
      <c r="AR7779" s="145"/>
      <c r="AS7779" s="145"/>
      <c r="AT7779" s="145"/>
      <c r="AU7779" s="145"/>
      <c r="AV7779" s="145"/>
      <c r="AW7779" s="145"/>
      <c r="AX7779" s="146"/>
      <c r="AY7779" s="146"/>
      <c r="AZ7779" s="146"/>
      <c r="BA7779" s="146"/>
      <c r="BB7779" s="221">
        <v>45884</v>
      </c>
    </row>
    <row r="7780" spans="1:54" s="8" customFormat="1" ht="14.1" customHeight="1" x14ac:dyDescent="0.25">
      <c r="A7780" s="229" t="s">
        <v>18620</v>
      </c>
      <c r="B7780" s="96" t="s">
        <v>21553</v>
      </c>
      <c r="C7780" s="93" t="s">
        <v>18621</v>
      </c>
      <c r="D7780" s="93" t="s">
        <v>18622</v>
      </c>
      <c r="E7780" s="111" t="s">
        <v>174</v>
      </c>
      <c r="F7780" s="111">
        <v>519</v>
      </c>
      <c r="G7780" s="93" t="s">
        <v>12</v>
      </c>
      <c r="H7780" s="111">
        <v>0</v>
      </c>
      <c r="I7780" s="111">
        <v>0</v>
      </c>
      <c r="J7780" s="111">
        <v>1</v>
      </c>
      <c r="K7780" s="111">
        <v>0</v>
      </c>
      <c r="L7780" s="111">
        <v>0</v>
      </c>
      <c r="M7780" s="111">
        <v>0</v>
      </c>
      <c r="N7780" s="111">
        <v>0</v>
      </c>
      <c r="O7780" s="111">
        <v>0</v>
      </c>
      <c r="P7780" s="111">
        <v>1</v>
      </c>
      <c r="Q7780" s="111">
        <v>0</v>
      </c>
      <c r="R7780" s="111">
        <v>1</v>
      </c>
      <c r="S7780" s="111">
        <v>0</v>
      </c>
      <c r="T7780" s="111">
        <v>0</v>
      </c>
      <c r="U7780" s="145"/>
      <c r="V7780" s="145"/>
      <c r="W7780" s="145"/>
      <c r="X7780" s="145"/>
      <c r="Y7780" s="145"/>
      <c r="Z7780" s="145"/>
      <c r="AA7780" s="145"/>
      <c r="AB7780" s="145"/>
      <c r="AC7780" s="145"/>
      <c r="AD7780" s="145"/>
      <c r="AE7780" s="145"/>
      <c r="AF7780" s="145"/>
      <c r="AG7780" s="145"/>
      <c r="AH7780" s="145"/>
      <c r="AI7780" s="145"/>
      <c r="AJ7780" s="145"/>
      <c r="AK7780" s="145"/>
      <c r="AL7780" s="145"/>
      <c r="AM7780" s="145"/>
      <c r="AN7780" s="145"/>
      <c r="AO7780" s="145"/>
      <c r="AP7780" s="145"/>
      <c r="AQ7780" s="145"/>
      <c r="AR7780" s="145"/>
      <c r="AS7780" s="145"/>
      <c r="AT7780" s="145"/>
      <c r="AU7780" s="145"/>
      <c r="AV7780" s="145"/>
      <c r="AW7780" s="145"/>
      <c r="AX7780" s="146"/>
      <c r="AY7780" s="146"/>
      <c r="AZ7780" s="146"/>
      <c r="BA7780" s="146"/>
      <c r="BB7780" s="221">
        <v>45884</v>
      </c>
    </row>
    <row r="7781" spans="1:54" s="8" customFormat="1" ht="14.1" customHeight="1" x14ac:dyDescent="0.25">
      <c r="A7781" s="229" t="s">
        <v>18623</v>
      </c>
      <c r="B7781" s="96" t="s">
        <v>21553</v>
      </c>
      <c r="C7781" s="93" t="s">
        <v>18624</v>
      </c>
      <c r="D7781" s="93" t="s">
        <v>18625</v>
      </c>
      <c r="E7781" s="111" t="s">
        <v>174</v>
      </c>
      <c r="F7781" s="111">
        <v>1552</v>
      </c>
      <c r="G7781" s="93" t="s">
        <v>12</v>
      </c>
      <c r="H7781" s="111">
        <v>0</v>
      </c>
      <c r="I7781" s="111">
        <v>0</v>
      </c>
      <c r="J7781" s="111">
        <v>1</v>
      </c>
      <c r="K7781" s="111">
        <v>0</v>
      </c>
      <c r="L7781" s="111">
        <v>1</v>
      </c>
      <c r="M7781" s="111">
        <v>0</v>
      </c>
      <c r="N7781" s="111">
        <v>0</v>
      </c>
      <c r="O7781" s="111">
        <v>1</v>
      </c>
      <c r="P7781" s="111">
        <v>1</v>
      </c>
      <c r="Q7781" s="111">
        <v>0</v>
      </c>
      <c r="R7781" s="111">
        <v>0</v>
      </c>
      <c r="S7781" s="111">
        <v>0</v>
      </c>
      <c r="T7781" s="111">
        <v>0</v>
      </c>
      <c r="U7781" s="145"/>
      <c r="V7781" s="145"/>
      <c r="W7781" s="145"/>
      <c r="X7781" s="145"/>
      <c r="Y7781" s="145"/>
      <c r="Z7781" s="145"/>
      <c r="AA7781" s="145"/>
      <c r="AB7781" s="145"/>
      <c r="AC7781" s="145"/>
      <c r="AD7781" s="145"/>
      <c r="AE7781" s="145"/>
      <c r="AF7781" s="145"/>
      <c r="AG7781" s="145"/>
      <c r="AH7781" s="145"/>
      <c r="AI7781" s="145"/>
      <c r="AJ7781" s="145"/>
      <c r="AK7781" s="145"/>
      <c r="AL7781" s="145"/>
      <c r="AM7781" s="145"/>
      <c r="AN7781" s="145"/>
      <c r="AO7781" s="145"/>
      <c r="AP7781" s="145"/>
      <c r="AQ7781" s="145"/>
      <c r="AR7781" s="145"/>
      <c r="AS7781" s="145"/>
      <c r="AT7781" s="145"/>
      <c r="AU7781" s="145"/>
      <c r="AV7781" s="145"/>
      <c r="AW7781" s="145"/>
      <c r="AX7781" s="146"/>
      <c r="AY7781" s="146"/>
      <c r="AZ7781" s="146"/>
      <c r="BA7781" s="146"/>
      <c r="BB7781" s="221">
        <v>45884</v>
      </c>
    </row>
    <row r="7782" spans="1:54" s="8" customFormat="1" ht="14.1" customHeight="1" x14ac:dyDescent="0.25">
      <c r="A7782" s="229" t="s">
        <v>18626</v>
      </c>
      <c r="B7782" s="96" t="s">
        <v>21553</v>
      </c>
      <c r="C7782" s="93" t="s">
        <v>18627</v>
      </c>
      <c r="D7782" s="93" t="s">
        <v>18628</v>
      </c>
      <c r="E7782" s="111" t="s">
        <v>174</v>
      </c>
      <c r="F7782" s="111">
        <v>2815</v>
      </c>
      <c r="G7782" s="93" t="s">
        <v>12</v>
      </c>
      <c r="H7782" s="111">
        <v>0</v>
      </c>
      <c r="I7782" s="111">
        <v>0</v>
      </c>
      <c r="J7782" s="111">
        <v>1</v>
      </c>
      <c r="K7782" s="111">
        <v>0</v>
      </c>
      <c r="L7782" s="111">
        <v>0</v>
      </c>
      <c r="M7782" s="111">
        <v>0</v>
      </c>
      <c r="N7782" s="111">
        <v>1</v>
      </c>
      <c r="O7782" s="111">
        <v>0</v>
      </c>
      <c r="P7782" s="111">
        <v>0</v>
      </c>
      <c r="Q7782" s="111">
        <v>0</v>
      </c>
      <c r="R7782" s="111">
        <v>0</v>
      </c>
      <c r="S7782" s="111">
        <v>0</v>
      </c>
      <c r="T7782" s="111">
        <v>0</v>
      </c>
      <c r="U7782" s="145"/>
      <c r="V7782" s="145"/>
      <c r="W7782" s="145"/>
      <c r="X7782" s="145"/>
      <c r="Y7782" s="145"/>
      <c r="Z7782" s="145"/>
      <c r="AA7782" s="145"/>
      <c r="AB7782" s="145"/>
      <c r="AC7782" s="145"/>
      <c r="AD7782" s="145"/>
      <c r="AE7782" s="145"/>
      <c r="AF7782" s="145"/>
      <c r="AG7782" s="145"/>
      <c r="AH7782" s="145"/>
      <c r="AI7782" s="145"/>
      <c r="AJ7782" s="145"/>
      <c r="AK7782" s="145"/>
      <c r="AL7782" s="145"/>
      <c r="AM7782" s="145"/>
      <c r="AN7782" s="145"/>
      <c r="AO7782" s="145"/>
      <c r="AP7782" s="145"/>
      <c r="AQ7782" s="145"/>
      <c r="AR7782" s="145"/>
      <c r="AS7782" s="145"/>
      <c r="AT7782" s="111">
        <v>1</v>
      </c>
      <c r="AU7782" s="145"/>
      <c r="AV7782" s="145"/>
      <c r="AW7782" s="145"/>
      <c r="AX7782" s="146"/>
      <c r="AY7782" s="146"/>
      <c r="AZ7782" s="146"/>
      <c r="BA7782" s="146"/>
      <c r="BB7782" s="221">
        <v>45884</v>
      </c>
    </row>
    <row r="7783" spans="1:54" s="8" customFormat="1" ht="14.1" customHeight="1" x14ac:dyDescent="0.25">
      <c r="A7783" s="229" t="s">
        <v>18629</v>
      </c>
      <c r="B7783" s="96" t="s">
        <v>21553</v>
      </c>
      <c r="C7783" s="93" t="s">
        <v>18630</v>
      </c>
      <c r="D7783" s="93" t="s">
        <v>18631</v>
      </c>
      <c r="E7783" s="111" t="s">
        <v>174</v>
      </c>
      <c r="F7783" s="111">
        <v>535</v>
      </c>
      <c r="G7783" s="93" t="s">
        <v>12</v>
      </c>
      <c r="H7783" s="111">
        <v>0</v>
      </c>
      <c r="I7783" s="111">
        <v>0</v>
      </c>
      <c r="J7783" s="111">
        <v>1</v>
      </c>
      <c r="K7783" s="111">
        <v>0</v>
      </c>
      <c r="L7783" s="111">
        <v>0</v>
      </c>
      <c r="M7783" s="111">
        <v>1</v>
      </c>
      <c r="N7783" s="111">
        <v>0</v>
      </c>
      <c r="O7783" s="111">
        <v>0</v>
      </c>
      <c r="P7783" s="111">
        <v>0</v>
      </c>
      <c r="Q7783" s="111">
        <v>0</v>
      </c>
      <c r="R7783" s="111">
        <v>0</v>
      </c>
      <c r="S7783" s="111">
        <v>0</v>
      </c>
      <c r="T7783" s="111">
        <v>0</v>
      </c>
      <c r="U7783" s="145"/>
      <c r="V7783" s="145"/>
      <c r="W7783" s="145"/>
      <c r="X7783" s="145"/>
      <c r="Y7783" s="145"/>
      <c r="Z7783" s="145"/>
      <c r="AA7783" s="145"/>
      <c r="AB7783" s="145"/>
      <c r="AC7783" s="145"/>
      <c r="AD7783" s="145"/>
      <c r="AE7783" s="145"/>
      <c r="AF7783" s="145"/>
      <c r="AG7783" s="145"/>
      <c r="AH7783" s="145"/>
      <c r="AI7783" s="145"/>
      <c r="AJ7783" s="145"/>
      <c r="AK7783" s="145"/>
      <c r="AL7783" s="145"/>
      <c r="AM7783" s="145"/>
      <c r="AN7783" s="145"/>
      <c r="AO7783" s="145"/>
      <c r="AP7783" s="145"/>
      <c r="AQ7783" s="145"/>
      <c r="AR7783" s="145"/>
      <c r="AS7783" s="145"/>
      <c r="AT7783" s="145"/>
      <c r="AU7783" s="145"/>
      <c r="AV7783" s="145"/>
      <c r="AW7783" s="145"/>
      <c r="AX7783" s="146"/>
      <c r="AY7783" s="146"/>
      <c r="AZ7783" s="146"/>
      <c r="BA7783" s="146"/>
      <c r="BB7783" s="221">
        <v>45884</v>
      </c>
    </row>
    <row r="7784" spans="1:54" s="8" customFormat="1" ht="14.1" customHeight="1" x14ac:dyDescent="0.25">
      <c r="A7784" s="231" t="s">
        <v>18632</v>
      </c>
      <c r="B7784" s="96" t="s">
        <v>21553</v>
      </c>
      <c r="C7784" s="93" t="s">
        <v>18633</v>
      </c>
      <c r="D7784" s="93" t="s">
        <v>18634</v>
      </c>
      <c r="E7784" s="111" t="s">
        <v>174</v>
      </c>
      <c r="F7784" s="111">
        <v>864</v>
      </c>
      <c r="G7784" s="93" t="s">
        <v>12</v>
      </c>
      <c r="H7784" s="111">
        <v>0</v>
      </c>
      <c r="I7784" s="111">
        <v>0</v>
      </c>
      <c r="J7784" s="111">
        <v>0</v>
      </c>
      <c r="K7784" s="111">
        <v>0</v>
      </c>
      <c r="L7784" s="111">
        <v>1</v>
      </c>
      <c r="M7784" s="111">
        <v>1</v>
      </c>
      <c r="N7784" s="111">
        <v>1</v>
      </c>
      <c r="O7784" s="111">
        <v>1</v>
      </c>
      <c r="P7784" s="111">
        <v>0</v>
      </c>
      <c r="Q7784" s="111">
        <v>0</v>
      </c>
      <c r="R7784" s="111">
        <v>0</v>
      </c>
      <c r="S7784" s="111">
        <v>1</v>
      </c>
      <c r="T7784" s="111">
        <v>0</v>
      </c>
      <c r="U7784" s="111"/>
      <c r="V7784" s="111"/>
      <c r="W7784" s="111"/>
      <c r="X7784" s="111"/>
      <c r="Y7784" s="111"/>
      <c r="Z7784" s="111"/>
      <c r="AA7784" s="111"/>
      <c r="AB7784" s="111"/>
      <c r="AC7784" s="111"/>
      <c r="AD7784" s="111"/>
      <c r="AE7784" s="111"/>
      <c r="AF7784" s="111"/>
      <c r="AG7784" s="111"/>
      <c r="AH7784" s="111"/>
      <c r="AI7784" s="111"/>
      <c r="AJ7784" s="111"/>
      <c r="AK7784" s="111"/>
      <c r="AL7784" s="111"/>
      <c r="AM7784" s="111"/>
      <c r="AN7784" s="111"/>
      <c r="AO7784" s="111"/>
      <c r="AP7784" s="111"/>
      <c r="AQ7784" s="111"/>
      <c r="AR7784" s="111"/>
      <c r="AS7784" s="111"/>
      <c r="AT7784" s="111"/>
      <c r="AU7784" s="111"/>
      <c r="AV7784" s="111"/>
      <c r="AW7784" s="111"/>
      <c r="AX7784" s="112"/>
      <c r="AY7784" s="112"/>
      <c r="AZ7784" s="112"/>
      <c r="BA7784" s="255" t="s">
        <v>24344</v>
      </c>
      <c r="BB7784" s="221">
        <v>45884</v>
      </c>
    </row>
    <row r="7785" spans="1:54" s="8" customFormat="1" ht="14.1" customHeight="1" x14ac:dyDescent="0.25">
      <c r="A7785" s="231" t="s">
        <v>18635</v>
      </c>
      <c r="B7785" s="96" t="s">
        <v>21553</v>
      </c>
      <c r="C7785" s="93" t="s">
        <v>18636</v>
      </c>
      <c r="D7785" s="93" t="s">
        <v>18637</v>
      </c>
      <c r="E7785" s="111" t="s">
        <v>174</v>
      </c>
      <c r="F7785" s="111">
        <v>1077</v>
      </c>
      <c r="G7785" s="93" t="s">
        <v>12</v>
      </c>
      <c r="H7785" s="111">
        <v>0</v>
      </c>
      <c r="I7785" s="111">
        <v>0</v>
      </c>
      <c r="J7785" s="111">
        <v>1</v>
      </c>
      <c r="K7785" s="111">
        <v>0</v>
      </c>
      <c r="L7785" s="252">
        <v>0</v>
      </c>
      <c r="M7785" s="111">
        <v>0</v>
      </c>
      <c r="N7785" s="111">
        <v>0</v>
      </c>
      <c r="O7785" s="111">
        <v>0</v>
      </c>
      <c r="P7785" s="111">
        <v>0</v>
      </c>
      <c r="Q7785" s="111">
        <v>1</v>
      </c>
      <c r="R7785" s="111">
        <v>0</v>
      </c>
      <c r="S7785" s="111">
        <v>1</v>
      </c>
      <c r="T7785" s="111">
        <v>0</v>
      </c>
      <c r="U7785" s="111"/>
      <c r="V7785" s="111"/>
      <c r="W7785" s="111"/>
      <c r="X7785" s="111"/>
      <c r="Y7785" s="111"/>
      <c r="Z7785" s="111"/>
      <c r="AA7785" s="111"/>
      <c r="AB7785" s="111"/>
      <c r="AC7785" s="111"/>
      <c r="AD7785" s="111"/>
      <c r="AE7785" s="111"/>
      <c r="AF7785" s="111"/>
      <c r="AG7785" s="111"/>
      <c r="AH7785" s="111"/>
      <c r="AI7785" s="111"/>
      <c r="AJ7785" s="111"/>
      <c r="AK7785" s="111"/>
      <c r="AL7785" s="111"/>
      <c r="AM7785" s="111"/>
      <c r="AN7785" s="111"/>
      <c r="AO7785" s="111"/>
      <c r="AP7785" s="111"/>
      <c r="AQ7785" s="111"/>
      <c r="AR7785" s="111"/>
      <c r="AS7785" s="111"/>
      <c r="AT7785" s="111"/>
      <c r="AU7785" s="111"/>
      <c r="AV7785" s="111"/>
      <c r="AW7785" s="111"/>
      <c r="AX7785" s="112"/>
      <c r="AY7785" s="112"/>
      <c r="AZ7785" s="112"/>
      <c r="BA7785" s="112"/>
      <c r="BB7785" s="221">
        <v>45884</v>
      </c>
    </row>
    <row r="7786" spans="1:54" s="8" customFormat="1" ht="14.1" customHeight="1" x14ac:dyDescent="0.25">
      <c r="A7786" s="231" t="s">
        <v>18638</v>
      </c>
      <c r="B7786" s="96" t="s">
        <v>21553</v>
      </c>
      <c r="C7786" s="93" t="s">
        <v>18639</v>
      </c>
      <c r="D7786" s="93" t="s">
        <v>18640</v>
      </c>
      <c r="E7786" s="111" t="s">
        <v>174</v>
      </c>
      <c r="F7786" s="111">
        <v>1259</v>
      </c>
      <c r="G7786" s="93" t="s">
        <v>12</v>
      </c>
      <c r="H7786" s="111">
        <v>0</v>
      </c>
      <c r="I7786" s="111">
        <v>0</v>
      </c>
      <c r="J7786" s="111">
        <v>0</v>
      </c>
      <c r="K7786" s="111">
        <v>0</v>
      </c>
      <c r="L7786" s="252">
        <v>0</v>
      </c>
      <c r="M7786" s="111">
        <v>0</v>
      </c>
      <c r="N7786" s="111">
        <v>0</v>
      </c>
      <c r="O7786" s="252">
        <v>0</v>
      </c>
      <c r="P7786" s="111">
        <v>0</v>
      </c>
      <c r="Q7786" s="111">
        <v>0</v>
      </c>
      <c r="R7786" s="111">
        <v>0</v>
      </c>
      <c r="S7786" s="111">
        <v>0</v>
      </c>
      <c r="T7786" s="111">
        <v>0</v>
      </c>
      <c r="U7786" s="111"/>
      <c r="V7786" s="111"/>
      <c r="W7786" s="111"/>
      <c r="X7786" s="111"/>
      <c r="Y7786" s="111"/>
      <c r="Z7786" s="111"/>
      <c r="AA7786" s="111"/>
      <c r="AB7786" s="111"/>
      <c r="AC7786" s="111"/>
      <c r="AD7786" s="111"/>
      <c r="AE7786" s="111"/>
      <c r="AF7786" s="111"/>
      <c r="AG7786" s="111"/>
      <c r="AH7786" s="111"/>
      <c r="AI7786" s="111"/>
      <c r="AJ7786" s="111"/>
      <c r="AK7786" s="111"/>
      <c r="AL7786" s="111"/>
      <c r="AM7786" s="111"/>
      <c r="AN7786" s="111"/>
      <c r="AO7786" s="111"/>
      <c r="AP7786" s="111"/>
      <c r="AQ7786" s="111"/>
      <c r="AR7786" s="111"/>
      <c r="AS7786" s="111"/>
      <c r="AT7786" s="111"/>
      <c r="AU7786" s="111"/>
      <c r="AV7786" s="111"/>
      <c r="AW7786" s="111"/>
      <c r="AX7786" s="112"/>
      <c r="AY7786" s="112"/>
      <c r="AZ7786" s="112"/>
      <c r="BA7786" s="112"/>
      <c r="BB7786" s="221">
        <v>45884</v>
      </c>
    </row>
    <row r="7787" spans="1:54" s="8" customFormat="1" ht="14.1" customHeight="1" x14ac:dyDescent="0.25">
      <c r="A7787" s="229" t="s">
        <v>18641</v>
      </c>
      <c r="B7787" s="96" t="s">
        <v>21553</v>
      </c>
      <c r="C7787" s="93" t="s">
        <v>18642</v>
      </c>
      <c r="D7787" s="93" t="s">
        <v>18643</v>
      </c>
      <c r="E7787" s="111" t="s">
        <v>174</v>
      </c>
      <c r="F7787" s="111">
        <v>153</v>
      </c>
      <c r="G7787" s="93" t="s">
        <v>12</v>
      </c>
      <c r="H7787" s="111">
        <v>0</v>
      </c>
      <c r="I7787" s="111">
        <v>0</v>
      </c>
      <c r="J7787" s="111">
        <v>1</v>
      </c>
      <c r="K7787" s="111">
        <v>0</v>
      </c>
      <c r="L7787" s="111">
        <v>0</v>
      </c>
      <c r="M7787" s="111">
        <v>0</v>
      </c>
      <c r="N7787" s="111">
        <v>1</v>
      </c>
      <c r="O7787" s="111">
        <v>0</v>
      </c>
      <c r="P7787" s="111">
        <v>0</v>
      </c>
      <c r="Q7787" s="111">
        <v>0</v>
      </c>
      <c r="R7787" s="111">
        <v>0</v>
      </c>
      <c r="S7787" s="111">
        <v>0</v>
      </c>
      <c r="T7787" s="111">
        <v>0</v>
      </c>
      <c r="U7787" s="145"/>
      <c r="V7787" s="145"/>
      <c r="W7787" s="145"/>
      <c r="X7787" s="145"/>
      <c r="Y7787" s="145"/>
      <c r="Z7787" s="145"/>
      <c r="AA7787" s="145"/>
      <c r="AB7787" s="145"/>
      <c r="AC7787" s="145"/>
      <c r="AD7787" s="145"/>
      <c r="AE7787" s="145"/>
      <c r="AF7787" s="145"/>
      <c r="AG7787" s="145"/>
      <c r="AH7787" s="145"/>
      <c r="AI7787" s="145"/>
      <c r="AJ7787" s="145"/>
      <c r="AK7787" s="145"/>
      <c r="AL7787" s="145"/>
      <c r="AM7787" s="145"/>
      <c r="AN7787" s="145"/>
      <c r="AO7787" s="145"/>
      <c r="AP7787" s="145"/>
      <c r="AQ7787" s="145"/>
      <c r="AR7787" s="145"/>
      <c r="AS7787" s="145"/>
      <c r="AT7787" s="145"/>
      <c r="AU7787" s="145"/>
      <c r="AV7787" s="145"/>
      <c r="AW7787" s="145"/>
      <c r="AX7787" s="146"/>
      <c r="AY7787" s="146"/>
      <c r="AZ7787" s="146"/>
      <c r="BA7787" s="146"/>
      <c r="BB7787" s="221">
        <v>45884</v>
      </c>
    </row>
    <row r="7788" spans="1:54" s="8" customFormat="1" ht="14.1" customHeight="1" x14ac:dyDescent="0.25">
      <c r="A7788" s="229" t="s">
        <v>18644</v>
      </c>
      <c r="B7788" s="96" t="s">
        <v>21553</v>
      </c>
      <c r="C7788" s="93" t="s">
        <v>13892</v>
      </c>
      <c r="D7788" s="93" t="s">
        <v>18645</v>
      </c>
      <c r="E7788" s="111" t="s">
        <v>174</v>
      </c>
      <c r="F7788" s="111">
        <v>1029</v>
      </c>
      <c r="G7788" s="93" t="s">
        <v>12</v>
      </c>
      <c r="H7788" s="111">
        <v>0</v>
      </c>
      <c r="I7788" s="111">
        <v>0</v>
      </c>
      <c r="J7788" s="111">
        <v>0</v>
      </c>
      <c r="K7788" s="111">
        <v>1</v>
      </c>
      <c r="L7788" s="111">
        <v>0</v>
      </c>
      <c r="M7788" s="111">
        <v>0</v>
      </c>
      <c r="N7788" s="111">
        <v>0</v>
      </c>
      <c r="O7788" s="111">
        <v>0</v>
      </c>
      <c r="P7788" s="111">
        <v>0</v>
      </c>
      <c r="Q7788" s="111">
        <v>0</v>
      </c>
      <c r="R7788" s="111">
        <v>1</v>
      </c>
      <c r="S7788" s="111">
        <v>0</v>
      </c>
      <c r="T7788" s="111">
        <v>0</v>
      </c>
      <c r="U7788" s="145"/>
      <c r="V7788" s="145"/>
      <c r="W7788" s="145"/>
      <c r="X7788" s="145"/>
      <c r="Y7788" s="145"/>
      <c r="Z7788" s="145"/>
      <c r="AA7788" s="145"/>
      <c r="AB7788" s="145"/>
      <c r="AC7788" s="145"/>
      <c r="AD7788" s="145"/>
      <c r="AE7788" s="145"/>
      <c r="AF7788" s="145"/>
      <c r="AG7788" s="145"/>
      <c r="AH7788" s="145"/>
      <c r="AI7788" s="145"/>
      <c r="AJ7788" s="145"/>
      <c r="AK7788" s="145"/>
      <c r="AL7788" s="145"/>
      <c r="AM7788" s="145"/>
      <c r="AN7788" s="145"/>
      <c r="AO7788" s="145"/>
      <c r="AP7788" s="145"/>
      <c r="AQ7788" s="145"/>
      <c r="AR7788" s="145"/>
      <c r="AS7788" s="145"/>
      <c r="AT7788" s="145"/>
      <c r="AU7788" s="145"/>
      <c r="AV7788" s="145"/>
      <c r="AW7788" s="145"/>
      <c r="AX7788" s="146"/>
      <c r="AY7788" s="146"/>
      <c r="AZ7788" s="146"/>
      <c r="BA7788" s="146"/>
      <c r="BB7788" s="221">
        <v>45884</v>
      </c>
    </row>
    <row r="7789" spans="1:54" s="8" customFormat="1" ht="14.1" customHeight="1" x14ac:dyDescent="0.25">
      <c r="A7789" s="229" t="s">
        <v>18646</v>
      </c>
      <c r="B7789" s="96" t="s">
        <v>21553</v>
      </c>
      <c r="C7789" s="93" t="s">
        <v>9825</v>
      </c>
      <c r="D7789" s="93" t="s">
        <v>18647</v>
      </c>
      <c r="E7789" s="111" t="s">
        <v>174</v>
      </c>
      <c r="F7789" s="111">
        <v>109</v>
      </c>
      <c r="G7789" s="93" t="s">
        <v>12</v>
      </c>
      <c r="H7789" s="111">
        <v>0</v>
      </c>
      <c r="I7789" s="111">
        <v>0</v>
      </c>
      <c r="J7789" s="111">
        <v>1</v>
      </c>
      <c r="K7789" s="111">
        <v>0</v>
      </c>
      <c r="L7789" s="111">
        <v>0</v>
      </c>
      <c r="M7789" s="111">
        <v>0</v>
      </c>
      <c r="N7789" s="111">
        <v>0</v>
      </c>
      <c r="O7789" s="111">
        <v>0</v>
      </c>
      <c r="P7789" s="111">
        <v>1</v>
      </c>
      <c r="Q7789" s="111">
        <v>0</v>
      </c>
      <c r="R7789" s="111">
        <v>0</v>
      </c>
      <c r="S7789" s="111">
        <v>0</v>
      </c>
      <c r="T7789" s="111">
        <v>0</v>
      </c>
      <c r="U7789" s="145"/>
      <c r="V7789" s="145"/>
      <c r="W7789" s="145"/>
      <c r="X7789" s="145"/>
      <c r="Y7789" s="145"/>
      <c r="Z7789" s="145"/>
      <c r="AA7789" s="145"/>
      <c r="AB7789" s="145"/>
      <c r="AC7789" s="145"/>
      <c r="AD7789" s="145"/>
      <c r="AE7789" s="145"/>
      <c r="AF7789" s="145"/>
      <c r="AG7789" s="145"/>
      <c r="AH7789" s="145"/>
      <c r="AI7789" s="145"/>
      <c r="AJ7789" s="145"/>
      <c r="AK7789" s="145"/>
      <c r="AL7789" s="145"/>
      <c r="AM7789" s="145"/>
      <c r="AN7789" s="145"/>
      <c r="AO7789" s="145"/>
      <c r="AP7789" s="145"/>
      <c r="AQ7789" s="145"/>
      <c r="AR7789" s="145"/>
      <c r="AS7789" s="145"/>
      <c r="AT7789" s="145"/>
      <c r="AU7789" s="145"/>
      <c r="AV7789" s="145"/>
      <c r="AW7789" s="145"/>
      <c r="AX7789" s="146"/>
      <c r="AY7789" s="146"/>
      <c r="AZ7789" s="146"/>
      <c r="BA7789" s="146"/>
      <c r="BB7789" s="221">
        <v>45884</v>
      </c>
    </row>
    <row r="7790" spans="1:54" s="8" customFormat="1" ht="14.1" customHeight="1" x14ac:dyDescent="0.25">
      <c r="A7790" s="229" t="s">
        <v>18648</v>
      </c>
      <c r="B7790" s="96" t="s">
        <v>21553</v>
      </c>
      <c r="C7790" s="93" t="s">
        <v>13895</v>
      </c>
      <c r="D7790" s="93" t="s">
        <v>18649</v>
      </c>
      <c r="E7790" s="111" t="s">
        <v>174</v>
      </c>
      <c r="F7790" s="111">
        <v>10214</v>
      </c>
      <c r="G7790" s="93" t="s">
        <v>12</v>
      </c>
      <c r="H7790" s="111">
        <v>0</v>
      </c>
      <c r="I7790" s="111">
        <v>0</v>
      </c>
      <c r="J7790" s="111">
        <v>0</v>
      </c>
      <c r="K7790" s="111">
        <v>0</v>
      </c>
      <c r="L7790" s="111">
        <v>0</v>
      </c>
      <c r="M7790" s="111">
        <v>0</v>
      </c>
      <c r="N7790" s="111">
        <v>1</v>
      </c>
      <c r="O7790" s="111">
        <v>0</v>
      </c>
      <c r="P7790" s="111">
        <v>1</v>
      </c>
      <c r="Q7790" s="111">
        <v>0</v>
      </c>
      <c r="R7790" s="111">
        <v>0</v>
      </c>
      <c r="S7790" s="111">
        <v>0</v>
      </c>
      <c r="T7790" s="111">
        <v>0</v>
      </c>
      <c r="U7790" s="145"/>
      <c r="V7790" s="145"/>
      <c r="W7790" s="145"/>
      <c r="X7790" s="145"/>
      <c r="Y7790" s="145"/>
      <c r="Z7790" s="145"/>
      <c r="AA7790" s="145"/>
      <c r="AB7790" s="145"/>
      <c r="AC7790" s="145"/>
      <c r="AD7790" s="145"/>
      <c r="AE7790" s="145"/>
      <c r="AF7790" s="145"/>
      <c r="AG7790" s="145"/>
      <c r="AH7790" s="145"/>
      <c r="AI7790" s="145"/>
      <c r="AJ7790" s="145"/>
      <c r="AK7790" s="145"/>
      <c r="AL7790" s="145"/>
      <c r="AM7790" s="145"/>
      <c r="AN7790" s="145"/>
      <c r="AO7790" s="145"/>
      <c r="AP7790" s="145"/>
      <c r="AQ7790" s="145"/>
      <c r="AR7790" s="145"/>
      <c r="AS7790" s="145"/>
      <c r="AT7790" s="145"/>
      <c r="AU7790" s="145"/>
      <c r="AV7790" s="145"/>
      <c r="AW7790" s="145"/>
      <c r="AX7790" s="146"/>
      <c r="AY7790" s="146"/>
      <c r="AZ7790" s="146"/>
      <c r="BA7790" s="183" t="s">
        <v>24345</v>
      </c>
      <c r="BB7790" s="221">
        <v>45884</v>
      </c>
    </row>
    <row r="7791" spans="1:54" s="8" customFormat="1" ht="14.1" customHeight="1" x14ac:dyDescent="0.25">
      <c r="A7791" s="229" t="s">
        <v>18650</v>
      </c>
      <c r="B7791" s="96" t="s">
        <v>21553</v>
      </c>
      <c r="C7791" s="93" t="s">
        <v>18651</v>
      </c>
      <c r="D7791" s="93" t="s">
        <v>18652</v>
      </c>
      <c r="E7791" s="111" t="s">
        <v>174</v>
      </c>
      <c r="F7791" s="111">
        <v>543</v>
      </c>
      <c r="G7791" s="93" t="s">
        <v>12</v>
      </c>
      <c r="H7791" s="111">
        <v>0</v>
      </c>
      <c r="I7791" s="111">
        <v>0</v>
      </c>
      <c r="J7791" s="111">
        <v>1</v>
      </c>
      <c r="K7791" s="111">
        <v>1</v>
      </c>
      <c r="L7791" s="111">
        <v>0</v>
      </c>
      <c r="M7791" s="111">
        <v>0</v>
      </c>
      <c r="N7791" s="111">
        <v>1</v>
      </c>
      <c r="O7791" s="111">
        <v>0</v>
      </c>
      <c r="P7791" s="111">
        <v>1</v>
      </c>
      <c r="Q7791" s="111">
        <v>0</v>
      </c>
      <c r="R7791" s="111">
        <v>0</v>
      </c>
      <c r="S7791" s="111">
        <v>0</v>
      </c>
      <c r="T7791" s="111">
        <v>0</v>
      </c>
      <c r="U7791" s="145"/>
      <c r="V7791" s="145"/>
      <c r="W7791" s="145"/>
      <c r="X7791" s="145"/>
      <c r="Y7791" s="145"/>
      <c r="Z7791" s="145"/>
      <c r="AA7791" s="145"/>
      <c r="AB7791" s="145"/>
      <c r="AC7791" s="145"/>
      <c r="AD7791" s="145"/>
      <c r="AE7791" s="145"/>
      <c r="AF7791" s="145"/>
      <c r="AG7791" s="145"/>
      <c r="AH7791" s="145"/>
      <c r="AI7791" s="145"/>
      <c r="AJ7791" s="145"/>
      <c r="AK7791" s="145"/>
      <c r="AL7791" s="145"/>
      <c r="AM7791" s="145"/>
      <c r="AN7791" s="145"/>
      <c r="AO7791" s="145"/>
      <c r="AP7791" s="145"/>
      <c r="AQ7791" s="145"/>
      <c r="AR7791" s="145"/>
      <c r="AS7791" s="145"/>
      <c r="AT7791" s="145"/>
      <c r="AU7791" s="145"/>
      <c r="AV7791" s="145"/>
      <c r="AW7791" s="145"/>
      <c r="AX7791" s="146"/>
      <c r="AY7791" s="146"/>
      <c r="AZ7791" s="146"/>
      <c r="BA7791" s="146"/>
      <c r="BB7791" s="221">
        <v>45884</v>
      </c>
    </row>
    <row r="7792" spans="1:54" s="8" customFormat="1" ht="14.1" customHeight="1" x14ac:dyDescent="0.25">
      <c r="A7792" s="229" t="s">
        <v>18653</v>
      </c>
      <c r="B7792" s="96" t="s">
        <v>21553</v>
      </c>
      <c r="C7792" s="93" t="s">
        <v>18654</v>
      </c>
      <c r="D7792" s="93" t="s">
        <v>18655</v>
      </c>
      <c r="E7792" s="111" t="s">
        <v>174</v>
      </c>
      <c r="F7792" s="111">
        <v>180</v>
      </c>
      <c r="G7792" s="93" t="s">
        <v>12</v>
      </c>
      <c r="H7792" s="111">
        <v>0</v>
      </c>
      <c r="I7792" s="111">
        <v>0</v>
      </c>
      <c r="J7792" s="111">
        <v>0</v>
      </c>
      <c r="K7792" s="111">
        <v>0</v>
      </c>
      <c r="L7792" s="111">
        <v>0</v>
      </c>
      <c r="M7792" s="111">
        <v>0</v>
      </c>
      <c r="N7792" s="111">
        <v>0</v>
      </c>
      <c r="O7792" s="111">
        <v>0</v>
      </c>
      <c r="P7792" s="111">
        <v>1</v>
      </c>
      <c r="Q7792" s="111">
        <v>0</v>
      </c>
      <c r="R7792" s="111">
        <v>1</v>
      </c>
      <c r="S7792" s="111">
        <v>0</v>
      </c>
      <c r="T7792" s="111">
        <v>0</v>
      </c>
      <c r="U7792" s="145"/>
      <c r="V7792" s="145"/>
      <c r="W7792" s="145"/>
      <c r="X7792" s="145"/>
      <c r="Y7792" s="145"/>
      <c r="Z7792" s="145"/>
      <c r="AA7792" s="145"/>
      <c r="AB7792" s="145"/>
      <c r="AC7792" s="145"/>
      <c r="AD7792" s="145"/>
      <c r="AE7792" s="145"/>
      <c r="AF7792" s="145"/>
      <c r="AG7792" s="145"/>
      <c r="AH7792" s="145"/>
      <c r="AI7792" s="145"/>
      <c r="AJ7792" s="145"/>
      <c r="AK7792" s="145"/>
      <c r="AL7792" s="145"/>
      <c r="AM7792" s="145"/>
      <c r="AN7792" s="145"/>
      <c r="AO7792" s="145"/>
      <c r="AP7792" s="145"/>
      <c r="AQ7792" s="145"/>
      <c r="AR7792" s="145"/>
      <c r="AS7792" s="145"/>
      <c r="AT7792" s="145"/>
      <c r="AU7792" s="145"/>
      <c r="AV7792" s="145"/>
      <c r="AW7792" s="145"/>
      <c r="AX7792" s="146"/>
      <c r="AY7792" s="146"/>
      <c r="AZ7792" s="146"/>
      <c r="BA7792" s="146"/>
      <c r="BB7792" s="221">
        <v>45884</v>
      </c>
    </row>
    <row r="7793" spans="1:54" s="8" customFormat="1" ht="14.1" customHeight="1" x14ac:dyDescent="0.25">
      <c r="A7793" s="229" t="s">
        <v>18656</v>
      </c>
      <c r="B7793" s="96" t="s">
        <v>21553</v>
      </c>
      <c r="C7793" s="93" t="s">
        <v>18657</v>
      </c>
      <c r="D7793" s="93" t="s">
        <v>18658</v>
      </c>
      <c r="E7793" s="111" t="s">
        <v>174</v>
      </c>
      <c r="F7793" s="111">
        <v>1667</v>
      </c>
      <c r="G7793" s="93" t="s">
        <v>1</v>
      </c>
      <c r="H7793" s="111">
        <v>0</v>
      </c>
      <c r="I7793" s="111">
        <v>0</v>
      </c>
      <c r="J7793" s="111">
        <v>1</v>
      </c>
      <c r="K7793" s="111">
        <v>0</v>
      </c>
      <c r="L7793" s="111">
        <v>0</v>
      </c>
      <c r="M7793" s="111">
        <v>0</v>
      </c>
      <c r="N7793" s="111">
        <v>0</v>
      </c>
      <c r="O7793" s="111">
        <v>0</v>
      </c>
      <c r="P7793" s="111">
        <v>0</v>
      </c>
      <c r="Q7793" s="111">
        <v>0</v>
      </c>
      <c r="R7793" s="111">
        <v>0</v>
      </c>
      <c r="S7793" s="111">
        <v>0</v>
      </c>
      <c r="T7793" s="111">
        <v>0</v>
      </c>
      <c r="U7793" s="145"/>
      <c r="V7793" s="145"/>
      <c r="W7793" s="145"/>
      <c r="X7793" s="145"/>
      <c r="Y7793" s="145"/>
      <c r="Z7793" s="145"/>
      <c r="AA7793" s="145"/>
      <c r="AB7793" s="145"/>
      <c r="AC7793" s="145"/>
      <c r="AD7793" s="145"/>
      <c r="AE7793" s="145"/>
      <c r="AF7793" s="145"/>
      <c r="AG7793" s="145"/>
      <c r="AH7793" s="145"/>
      <c r="AI7793" s="145"/>
      <c r="AJ7793" s="145"/>
      <c r="AK7793" s="145"/>
      <c r="AL7793" s="145"/>
      <c r="AM7793" s="145"/>
      <c r="AN7793" s="145"/>
      <c r="AO7793" s="145"/>
      <c r="AP7793" s="145"/>
      <c r="AQ7793" s="145"/>
      <c r="AR7793" s="145"/>
      <c r="AS7793" s="145"/>
      <c r="AT7793" s="145"/>
      <c r="AU7793" s="145"/>
      <c r="AV7793" s="145"/>
      <c r="AW7793" s="145"/>
      <c r="AX7793" s="146"/>
      <c r="AY7793" s="146"/>
      <c r="AZ7793" s="146"/>
      <c r="BA7793" s="146"/>
      <c r="BB7793" s="221">
        <v>45884</v>
      </c>
    </row>
    <row r="7794" spans="1:54" s="8" customFormat="1" ht="14.1" customHeight="1" x14ac:dyDescent="0.25">
      <c r="A7794" s="229" t="s">
        <v>18659</v>
      </c>
      <c r="B7794" s="96" t="s">
        <v>21553</v>
      </c>
      <c r="C7794" s="93" t="s">
        <v>18660</v>
      </c>
      <c r="D7794" s="93" t="s">
        <v>18661</v>
      </c>
      <c r="E7794" s="111" t="s">
        <v>174</v>
      </c>
      <c r="F7794" s="111">
        <v>457</v>
      </c>
      <c r="G7794" s="93" t="s">
        <v>12</v>
      </c>
      <c r="H7794" s="111">
        <v>0</v>
      </c>
      <c r="I7794" s="111">
        <v>0</v>
      </c>
      <c r="J7794" s="111">
        <v>0</v>
      </c>
      <c r="K7794" s="111">
        <v>1</v>
      </c>
      <c r="L7794" s="111">
        <v>1</v>
      </c>
      <c r="M7794" s="111">
        <v>0</v>
      </c>
      <c r="N7794" s="111">
        <v>1</v>
      </c>
      <c r="O7794" s="111">
        <v>1</v>
      </c>
      <c r="P7794" s="111">
        <v>1</v>
      </c>
      <c r="Q7794" s="111">
        <v>0</v>
      </c>
      <c r="R7794" s="111">
        <v>0</v>
      </c>
      <c r="S7794" s="111">
        <v>1</v>
      </c>
      <c r="T7794" s="111">
        <v>0</v>
      </c>
      <c r="U7794" s="145"/>
      <c r="V7794" s="145"/>
      <c r="W7794" s="145"/>
      <c r="X7794" s="145"/>
      <c r="Y7794" s="145"/>
      <c r="Z7794" s="145"/>
      <c r="AA7794" s="145"/>
      <c r="AB7794" s="145"/>
      <c r="AC7794" s="145"/>
      <c r="AD7794" s="145"/>
      <c r="AE7794" s="145"/>
      <c r="AF7794" s="145"/>
      <c r="AG7794" s="145"/>
      <c r="AH7794" s="145"/>
      <c r="AI7794" s="145"/>
      <c r="AJ7794" s="145"/>
      <c r="AK7794" s="145"/>
      <c r="AL7794" s="145"/>
      <c r="AM7794" s="145"/>
      <c r="AN7794" s="145"/>
      <c r="AO7794" s="145"/>
      <c r="AP7794" s="145"/>
      <c r="AQ7794" s="145"/>
      <c r="AR7794" s="145"/>
      <c r="AS7794" s="145"/>
      <c r="AT7794" s="145"/>
      <c r="AU7794" s="145"/>
      <c r="AV7794" s="145"/>
      <c r="AW7794" s="145"/>
      <c r="AX7794" s="146"/>
      <c r="AY7794" s="146"/>
      <c r="AZ7794" s="146"/>
      <c r="BA7794" s="146"/>
      <c r="BB7794" s="221">
        <v>45884</v>
      </c>
    </row>
    <row r="7795" spans="1:54" s="8" customFormat="1" ht="14.1" customHeight="1" x14ac:dyDescent="0.25">
      <c r="A7795" s="229" t="s">
        <v>18662</v>
      </c>
      <c r="B7795" s="96" t="s">
        <v>21553</v>
      </c>
      <c r="C7795" s="93" t="s">
        <v>18663</v>
      </c>
      <c r="D7795" s="93" t="s">
        <v>18664</v>
      </c>
      <c r="E7795" s="111" t="s">
        <v>174</v>
      </c>
      <c r="F7795" s="111">
        <v>209</v>
      </c>
      <c r="G7795" s="93" t="s">
        <v>12</v>
      </c>
      <c r="H7795" s="111">
        <v>0</v>
      </c>
      <c r="I7795" s="111">
        <v>0</v>
      </c>
      <c r="J7795" s="111">
        <v>1</v>
      </c>
      <c r="K7795" s="111">
        <v>0</v>
      </c>
      <c r="L7795" s="111">
        <v>0</v>
      </c>
      <c r="M7795" s="111">
        <v>0</v>
      </c>
      <c r="N7795" s="111">
        <v>0</v>
      </c>
      <c r="O7795" s="111">
        <v>1</v>
      </c>
      <c r="P7795" s="111">
        <v>1</v>
      </c>
      <c r="Q7795" s="111">
        <v>0</v>
      </c>
      <c r="R7795" s="111">
        <v>1</v>
      </c>
      <c r="S7795" s="111">
        <v>0</v>
      </c>
      <c r="T7795" s="111">
        <v>0</v>
      </c>
      <c r="U7795" s="145"/>
      <c r="V7795" s="145"/>
      <c r="W7795" s="145"/>
      <c r="X7795" s="145"/>
      <c r="Y7795" s="145"/>
      <c r="Z7795" s="145"/>
      <c r="AA7795" s="145"/>
      <c r="AB7795" s="145"/>
      <c r="AC7795" s="145"/>
      <c r="AD7795" s="145"/>
      <c r="AE7795" s="145"/>
      <c r="AF7795" s="145"/>
      <c r="AG7795" s="145"/>
      <c r="AH7795" s="145"/>
      <c r="AI7795" s="145"/>
      <c r="AJ7795" s="145"/>
      <c r="AK7795" s="145"/>
      <c r="AL7795" s="145"/>
      <c r="AM7795" s="145"/>
      <c r="AN7795" s="145"/>
      <c r="AO7795" s="145"/>
      <c r="AP7795" s="145"/>
      <c r="AQ7795" s="145"/>
      <c r="AR7795" s="145"/>
      <c r="AS7795" s="145"/>
      <c r="AT7795" s="145"/>
      <c r="AU7795" s="145"/>
      <c r="AV7795" s="145"/>
      <c r="AW7795" s="145"/>
      <c r="AX7795" s="146"/>
      <c r="AY7795" s="146"/>
      <c r="AZ7795" s="146"/>
      <c r="BA7795" s="146"/>
      <c r="BB7795" s="221">
        <v>45884</v>
      </c>
    </row>
    <row r="7796" spans="1:54" s="8" customFormat="1" ht="14.1" customHeight="1" x14ac:dyDescent="0.25">
      <c r="A7796" s="229" t="s">
        <v>18665</v>
      </c>
      <c r="B7796" s="96" t="s">
        <v>21553</v>
      </c>
      <c r="C7796" s="93" t="s">
        <v>18666</v>
      </c>
      <c r="D7796" s="93" t="s">
        <v>18667</v>
      </c>
      <c r="E7796" s="111" t="s">
        <v>174</v>
      </c>
      <c r="F7796" s="111">
        <v>3095</v>
      </c>
      <c r="G7796" s="93" t="s">
        <v>12</v>
      </c>
      <c r="H7796" s="111">
        <v>1</v>
      </c>
      <c r="I7796" s="111">
        <v>0</v>
      </c>
      <c r="J7796" s="111">
        <v>1</v>
      </c>
      <c r="K7796" s="111">
        <v>0</v>
      </c>
      <c r="L7796" s="111">
        <v>0</v>
      </c>
      <c r="M7796" s="111">
        <v>0</v>
      </c>
      <c r="N7796" s="111">
        <v>1</v>
      </c>
      <c r="O7796" s="111">
        <v>0</v>
      </c>
      <c r="P7796" s="111">
        <v>0</v>
      </c>
      <c r="Q7796" s="111">
        <v>0</v>
      </c>
      <c r="R7796" s="111">
        <v>0</v>
      </c>
      <c r="S7796" s="111">
        <v>0</v>
      </c>
      <c r="T7796" s="111">
        <v>0</v>
      </c>
      <c r="U7796" s="145"/>
      <c r="V7796" s="145"/>
      <c r="W7796" s="145"/>
      <c r="X7796" s="145"/>
      <c r="Y7796" s="145"/>
      <c r="Z7796" s="145"/>
      <c r="AA7796" s="145"/>
      <c r="AB7796" s="145"/>
      <c r="AC7796" s="145"/>
      <c r="AD7796" s="145"/>
      <c r="AE7796" s="145"/>
      <c r="AF7796" s="145"/>
      <c r="AG7796" s="145"/>
      <c r="AH7796" s="145"/>
      <c r="AI7796" s="145"/>
      <c r="AJ7796" s="145"/>
      <c r="AK7796" s="145"/>
      <c r="AL7796" s="145"/>
      <c r="AM7796" s="145"/>
      <c r="AN7796" s="145"/>
      <c r="AO7796" s="145"/>
      <c r="AP7796" s="145"/>
      <c r="AQ7796" s="145"/>
      <c r="AR7796" s="145"/>
      <c r="AS7796" s="145"/>
      <c r="AT7796" s="111">
        <v>1</v>
      </c>
      <c r="AU7796" s="145"/>
      <c r="AV7796" s="145"/>
      <c r="AW7796" s="145"/>
      <c r="AX7796" s="146"/>
      <c r="AY7796" s="146"/>
      <c r="AZ7796" s="146"/>
      <c r="BA7796" s="146"/>
      <c r="BB7796" s="221">
        <v>45884</v>
      </c>
    </row>
    <row r="7797" spans="1:54" s="8" customFormat="1" ht="14.1" customHeight="1" x14ac:dyDescent="0.25">
      <c r="A7797" s="229" t="s">
        <v>18668</v>
      </c>
      <c r="B7797" s="96" t="s">
        <v>21553</v>
      </c>
      <c r="C7797" s="93" t="s">
        <v>15186</v>
      </c>
      <c r="D7797" s="93" t="s">
        <v>18669</v>
      </c>
      <c r="E7797" s="111" t="s">
        <v>174</v>
      </c>
      <c r="F7797" s="111">
        <v>1612</v>
      </c>
      <c r="G7797" s="93" t="s">
        <v>12</v>
      </c>
      <c r="H7797" s="111">
        <v>0</v>
      </c>
      <c r="I7797" s="111">
        <v>0</v>
      </c>
      <c r="J7797" s="111">
        <v>1</v>
      </c>
      <c r="K7797" s="111">
        <v>0</v>
      </c>
      <c r="L7797" s="111">
        <v>0</v>
      </c>
      <c r="M7797" s="111">
        <v>1</v>
      </c>
      <c r="N7797" s="111">
        <v>0</v>
      </c>
      <c r="O7797" s="111">
        <v>0</v>
      </c>
      <c r="P7797" s="111">
        <v>0</v>
      </c>
      <c r="Q7797" s="111">
        <v>0</v>
      </c>
      <c r="R7797" s="111">
        <v>0</v>
      </c>
      <c r="S7797" s="111">
        <v>0</v>
      </c>
      <c r="T7797" s="111">
        <v>0</v>
      </c>
      <c r="U7797" s="145"/>
      <c r="V7797" s="145"/>
      <c r="W7797" s="145"/>
      <c r="X7797" s="145"/>
      <c r="Y7797" s="145"/>
      <c r="Z7797" s="145"/>
      <c r="AA7797" s="145"/>
      <c r="AB7797" s="145"/>
      <c r="AC7797" s="145"/>
      <c r="AD7797" s="145"/>
      <c r="AE7797" s="145"/>
      <c r="AF7797" s="145"/>
      <c r="AG7797" s="145"/>
      <c r="AH7797" s="145"/>
      <c r="AI7797" s="145"/>
      <c r="AJ7797" s="145"/>
      <c r="AK7797" s="145"/>
      <c r="AL7797" s="145"/>
      <c r="AM7797" s="145"/>
      <c r="AN7797" s="145"/>
      <c r="AO7797" s="145"/>
      <c r="AP7797" s="145"/>
      <c r="AQ7797" s="145"/>
      <c r="AR7797" s="145"/>
      <c r="AS7797" s="145"/>
      <c r="AT7797" s="145"/>
      <c r="AU7797" s="145"/>
      <c r="AV7797" s="145"/>
      <c r="AW7797" s="145"/>
      <c r="AX7797" s="146"/>
      <c r="AY7797" s="146"/>
      <c r="AZ7797" s="146"/>
      <c r="BA7797" s="146"/>
      <c r="BB7797" s="221">
        <v>45884</v>
      </c>
    </row>
    <row r="7798" spans="1:54" s="8" customFormat="1" ht="14.1" customHeight="1" x14ac:dyDescent="0.25">
      <c r="A7798" s="229" t="s">
        <v>18670</v>
      </c>
      <c r="B7798" s="96" t="s">
        <v>21553</v>
      </c>
      <c r="C7798" s="93" t="s">
        <v>18671</v>
      </c>
      <c r="D7798" s="93" t="s">
        <v>18672</v>
      </c>
      <c r="E7798" s="111" t="s">
        <v>174</v>
      </c>
      <c r="F7798" s="111">
        <v>605</v>
      </c>
      <c r="G7798" s="93" t="s">
        <v>12</v>
      </c>
      <c r="H7798" s="111">
        <v>0</v>
      </c>
      <c r="I7798" s="111">
        <v>0</v>
      </c>
      <c r="J7798" s="111">
        <v>1</v>
      </c>
      <c r="K7798" s="111">
        <v>1</v>
      </c>
      <c r="L7798" s="111">
        <v>0</v>
      </c>
      <c r="M7798" s="111">
        <v>0</v>
      </c>
      <c r="N7798" s="111">
        <v>0</v>
      </c>
      <c r="O7798" s="111">
        <v>1</v>
      </c>
      <c r="P7798" s="111">
        <v>0</v>
      </c>
      <c r="Q7798" s="111">
        <v>0</v>
      </c>
      <c r="R7798" s="111">
        <v>0</v>
      </c>
      <c r="S7798" s="111">
        <v>0</v>
      </c>
      <c r="T7798" s="111">
        <v>0</v>
      </c>
      <c r="U7798" s="145"/>
      <c r="V7798" s="145"/>
      <c r="W7798" s="145"/>
      <c r="X7798" s="145"/>
      <c r="Y7798" s="145"/>
      <c r="Z7798" s="145"/>
      <c r="AA7798" s="145"/>
      <c r="AB7798" s="145"/>
      <c r="AC7798" s="145"/>
      <c r="AD7798" s="145"/>
      <c r="AE7798" s="145"/>
      <c r="AF7798" s="145"/>
      <c r="AG7798" s="145"/>
      <c r="AH7798" s="145"/>
      <c r="AI7798" s="145"/>
      <c r="AJ7798" s="145"/>
      <c r="AK7798" s="145"/>
      <c r="AL7798" s="145"/>
      <c r="AM7798" s="145"/>
      <c r="AN7798" s="145"/>
      <c r="AO7798" s="145"/>
      <c r="AP7798" s="145"/>
      <c r="AQ7798" s="145"/>
      <c r="AR7798" s="145"/>
      <c r="AS7798" s="145"/>
      <c r="AT7798" s="145"/>
      <c r="AU7798" s="145"/>
      <c r="AV7798" s="145"/>
      <c r="AW7798" s="145"/>
      <c r="AX7798" s="146"/>
      <c r="AY7798" s="146"/>
      <c r="AZ7798" s="146"/>
      <c r="BA7798" s="146"/>
      <c r="BB7798" s="221">
        <v>45884</v>
      </c>
    </row>
    <row r="7799" spans="1:54" s="8" customFormat="1" ht="14.1" customHeight="1" x14ac:dyDescent="0.25">
      <c r="A7799" s="229" t="s">
        <v>18673</v>
      </c>
      <c r="B7799" s="96" t="s">
        <v>21553</v>
      </c>
      <c r="C7799" s="93" t="s">
        <v>16263</v>
      </c>
      <c r="D7799" s="93" t="s">
        <v>18674</v>
      </c>
      <c r="E7799" s="111" t="s">
        <v>174</v>
      </c>
      <c r="F7799" s="111">
        <v>2326</v>
      </c>
      <c r="G7799" s="93" t="s">
        <v>12</v>
      </c>
      <c r="H7799" s="111">
        <v>1</v>
      </c>
      <c r="I7799" s="111">
        <v>0</v>
      </c>
      <c r="J7799" s="111">
        <v>1</v>
      </c>
      <c r="K7799" s="111">
        <v>0</v>
      </c>
      <c r="L7799" s="111">
        <v>0</v>
      </c>
      <c r="M7799" s="111">
        <v>0</v>
      </c>
      <c r="N7799" s="111">
        <v>0</v>
      </c>
      <c r="O7799" s="111">
        <v>0</v>
      </c>
      <c r="P7799" s="111">
        <v>0</v>
      </c>
      <c r="Q7799" s="111">
        <v>0</v>
      </c>
      <c r="R7799" s="111">
        <v>0</v>
      </c>
      <c r="S7799" s="111">
        <v>0</v>
      </c>
      <c r="T7799" s="111">
        <v>0</v>
      </c>
      <c r="U7799" s="145"/>
      <c r="V7799" s="145"/>
      <c r="W7799" s="145"/>
      <c r="X7799" s="145"/>
      <c r="Y7799" s="145"/>
      <c r="Z7799" s="145"/>
      <c r="AA7799" s="145"/>
      <c r="AB7799" s="145"/>
      <c r="AC7799" s="145"/>
      <c r="AD7799" s="145"/>
      <c r="AE7799" s="145"/>
      <c r="AF7799" s="145"/>
      <c r="AG7799" s="145"/>
      <c r="AH7799" s="145"/>
      <c r="AI7799" s="145"/>
      <c r="AJ7799" s="145"/>
      <c r="AK7799" s="145"/>
      <c r="AL7799" s="145"/>
      <c r="AM7799" s="145"/>
      <c r="AN7799" s="145"/>
      <c r="AO7799" s="145"/>
      <c r="AP7799" s="145"/>
      <c r="AQ7799" s="145"/>
      <c r="AR7799" s="145"/>
      <c r="AS7799" s="145"/>
      <c r="AT7799" s="145"/>
      <c r="AU7799" s="145"/>
      <c r="AV7799" s="145"/>
      <c r="AW7799" s="145"/>
      <c r="AX7799" s="146"/>
      <c r="AY7799" s="146"/>
      <c r="AZ7799" s="146"/>
      <c r="BA7799" s="146"/>
      <c r="BB7799" s="221">
        <v>45884</v>
      </c>
    </row>
    <row r="7800" spans="1:54" s="8" customFormat="1" ht="14.1" customHeight="1" x14ac:dyDescent="0.25">
      <c r="A7800" s="229" t="s">
        <v>18675</v>
      </c>
      <c r="B7800" s="96" t="s">
        <v>21553</v>
      </c>
      <c r="C7800" s="93" t="s">
        <v>18676</v>
      </c>
      <c r="D7800" s="93" t="s">
        <v>18677</v>
      </c>
      <c r="E7800" s="111" t="s">
        <v>174</v>
      </c>
      <c r="F7800" s="111">
        <v>22573</v>
      </c>
      <c r="G7800" s="93" t="s">
        <v>8</v>
      </c>
      <c r="H7800" s="111">
        <v>1</v>
      </c>
      <c r="I7800" s="111">
        <v>0</v>
      </c>
      <c r="J7800" s="111">
        <v>1</v>
      </c>
      <c r="K7800" s="111">
        <v>0</v>
      </c>
      <c r="L7800" s="111">
        <v>0</v>
      </c>
      <c r="M7800" s="111">
        <v>0</v>
      </c>
      <c r="N7800" s="111">
        <v>0</v>
      </c>
      <c r="O7800" s="111">
        <v>0</v>
      </c>
      <c r="P7800" s="111">
        <v>0</v>
      </c>
      <c r="Q7800" s="111">
        <v>0</v>
      </c>
      <c r="R7800" s="111">
        <v>0</v>
      </c>
      <c r="S7800" s="111">
        <v>0</v>
      </c>
      <c r="T7800" s="111">
        <v>0</v>
      </c>
      <c r="U7800" s="111">
        <v>0</v>
      </c>
      <c r="V7800" s="111">
        <v>0</v>
      </c>
      <c r="W7800" s="111">
        <v>0</v>
      </c>
      <c r="X7800" s="111">
        <v>0</v>
      </c>
      <c r="Y7800" s="111">
        <v>0</v>
      </c>
      <c r="Z7800" s="111">
        <v>0</v>
      </c>
      <c r="AA7800" s="111">
        <v>0</v>
      </c>
      <c r="AB7800" s="111">
        <v>0</v>
      </c>
      <c r="AC7800" s="111">
        <v>0</v>
      </c>
      <c r="AD7800" s="111">
        <v>0</v>
      </c>
      <c r="AE7800" s="111">
        <v>0</v>
      </c>
      <c r="AF7800" s="111">
        <v>0</v>
      </c>
      <c r="AG7800" s="111">
        <v>0</v>
      </c>
      <c r="AH7800" s="111">
        <v>0</v>
      </c>
      <c r="AI7800" s="111">
        <v>0</v>
      </c>
      <c r="AJ7800" s="111">
        <v>0</v>
      </c>
      <c r="AK7800" s="111">
        <v>0</v>
      </c>
      <c r="AL7800" s="111">
        <v>0</v>
      </c>
      <c r="AM7800" s="111">
        <v>0</v>
      </c>
      <c r="AN7800" s="111">
        <v>0</v>
      </c>
      <c r="AO7800" s="111">
        <v>0</v>
      </c>
      <c r="AP7800" s="111">
        <v>0</v>
      </c>
      <c r="AQ7800" s="111">
        <v>0</v>
      </c>
      <c r="AR7800" s="111">
        <v>0</v>
      </c>
      <c r="AS7800" s="111">
        <v>0</v>
      </c>
      <c r="AT7800" s="111" t="s">
        <v>174</v>
      </c>
      <c r="AU7800" s="111">
        <v>0</v>
      </c>
      <c r="AV7800" s="111">
        <v>0</v>
      </c>
      <c r="AW7800" s="111">
        <v>0</v>
      </c>
      <c r="AX7800" s="112"/>
      <c r="AY7800" s="112"/>
      <c r="AZ7800" s="112"/>
      <c r="BA7800" s="112"/>
      <c r="BB7800" s="221">
        <v>45884</v>
      </c>
    </row>
    <row r="7801" spans="1:54" s="8" customFormat="1" ht="14.1" customHeight="1" x14ac:dyDescent="0.25">
      <c r="A7801" s="229" t="s">
        <v>18678</v>
      </c>
      <c r="B7801" s="96" t="s">
        <v>21553</v>
      </c>
      <c r="C7801" s="93" t="s">
        <v>18679</v>
      </c>
      <c r="D7801" s="285" t="s">
        <v>24667</v>
      </c>
      <c r="E7801" s="111">
        <v>1987</v>
      </c>
      <c r="F7801" s="111">
        <v>18009</v>
      </c>
      <c r="G7801" s="93" t="s">
        <v>10</v>
      </c>
      <c r="H7801" s="111">
        <v>1</v>
      </c>
      <c r="I7801" s="111">
        <v>1</v>
      </c>
      <c r="J7801" s="111">
        <v>0</v>
      </c>
      <c r="K7801" s="111">
        <v>0</v>
      </c>
      <c r="L7801" s="111">
        <v>0</v>
      </c>
      <c r="M7801" s="111">
        <v>0</v>
      </c>
      <c r="N7801" s="111">
        <v>0</v>
      </c>
      <c r="O7801" s="111">
        <v>0</v>
      </c>
      <c r="P7801" s="111">
        <v>0</v>
      </c>
      <c r="Q7801" s="111">
        <v>0</v>
      </c>
      <c r="R7801" s="111">
        <v>0</v>
      </c>
      <c r="S7801" s="111">
        <v>0</v>
      </c>
      <c r="T7801" s="111">
        <v>0</v>
      </c>
      <c r="U7801" s="111">
        <v>0</v>
      </c>
      <c r="V7801" s="111">
        <v>0</v>
      </c>
      <c r="W7801" s="111">
        <v>1</v>
      </c>
      <c r="X7801" s="111">
        <v>0</v>
      </c>
      <c r="Y7801" s="111">
        <v>0</v>
      </c>
      <c r="Z7801" s="111">
        <v>0</v>
      </c>
      <c r="AA7801" s="111">
        <v>0</v>
      </c>
      <c r="AB7801" s="111">
        <v>0</v>
      </c>
      <c r="AC7801" s="111">
        <v>0</v>
      </c>
      <c r="AD7801" s="111">
        <v>0</v>
      </c>
      <c r="AE7801" s="111">
        <v>0</v>
      </c>
      <c r="AF7801" s="111">
        <v>0</v>
      </c>
      <c r="AG7801" s="111">
        <v>0</v>
      </c>
      <c r="AH7801" s="111">
        <v>0</v>
      </c>
      <c r="AI7801" s="111">
        <v>0</v>
      </c>
      <c r="AJ7801" s="111">
        <v>0</v>
      </c>
      <c r="AK7801" s="111">
        <v>0</v>
      </c>
      <c r="AL7801" s="111">
        <v>0</v>
      </c>
      <c r="AM7801" s="111">
        <v>1</v>
      </c>
      <c r="AN7801" s="111">
        <v>0</v>
      </c>
      <c r="AO7801" s="111">
        <v>0</v>
      </c>
      <c r="AP7801" s="111">
        <v>0</v>
      </c>
      <c r="AQ7801" s="111">
        <v>0</v>
      </c>
      <c r="AR7801" s="111">
        <v>0</v>
      </c>
      <c r="AS7801" s="111">
        <v>0</v>
      </c>
      <c r="AT7801" s="111" t="s">
        <v>174</v>
      </c>
      <c r="AU7801" s="111">
        <v>1</v>
      </c>
      <c r="AV7801" s="111">
        <v>0</v>
      </c>
      <c r="AW7801" s="111">
        <v>1</v>
      </c>
      <c r="AX7801" s="112" t="s">
        <v>18680</v>
      </c>
      <c r="AY7801" s="112" t="s">
        <v>18681</v>
      </c>
      <c r="AZ7801" s="147" t="s">
        <v>21926</v>
      </c>
      <c r="BA7801" s="112" t="s">
        <v>18682</v>
      </c>
      <c r="BB7801" s="221">
        <v>45884</v>
      </c>
    </row>
    <row r="7802" spans="1:54" s="8" customFormat="1" ht="24" x14ac:dyDescent="0.25">
      <c r="A7802" s="231" t="s">
        <v>18683</v>
      </c>
      <c r="B7802" s="96" t="s">
        <v>21553</v>
      </c>
      <c r="C7802" s="93" t="s">
        <v>18684</v>
      </c>
      <c r="D7802" s="285" t="s">
        <v>24668</v>
      </c>
      <c r="E7802" s="111">
        <v>1985</v>
      </c>
      <c r="F7802" s="111">
        <v>288352</v>
      </c>
      <c r="G7802" s="93" t="s">
        <v>6</v>
      </c>
      <c r="H7802" s="111">
        <v>1</v>
      </c>
      <c r="I7802" s="111">
        <v>1</v>
      </c>
      <c r="J7802" s="111">
        <v>1</v>
      </c>
      <c r="K7802" s="111">
        <v>0</v>
      </c>
      <c r="L7802" s="111">
        <v>0</v>
      </c>
      <c r="M7802" s="111">
        <v>1</v>
      </c>
      <c r="N7802" s="111">
        <v>0</v>
      </c>
      <c r="O7802" s="252">
        <v>1</v>
      </c>
      <c r="P7802" s="111">
        <v>0</v>
      </c>
      <c r="Q7802" s="111">
        <v>0</v>
      </c>
      <c r="R7802" s="111">
        <v>0</v>
      </c>
      <c r="S7802" s="111">
        <v>0</v>
      </c>
      <c r="T7802" s="111">
        <v>0</v>
      </c>
      <c r="U7802" s="111">
        <v>0</v>
      </c>
      <c r="V7802" s="252">
        <v>1</v>
      </c>
      <c r="W7802" s="283">
        <v>1</v>
      </c>
      <c r="X7802" s="111">
        <v>0</v>
      </c>
      <c r="Y7802" s="111">
        <v>0</v>
      </c>
      <c r="Z7802" s="111">
        <v>1</v>
      </c>
      <c r="AA7802" s="111">
        <v>0</v>
      </c>
      <c r="AB7802" s="111">
        <v>1</v>
      </c>
      <c r="AC7802" s="111">
        <v>0</v>
      </c>
      <c r="AD7802" s="111">
        <v>0</v>
      </c>
      <c r="AE7802" s="111">
        <v>0</v>
      </c>
      <c r="AF7802" s="111">
        <v>0</v>
      </c>
      <c r="AG7802" s="111">
        <v>0</v>
      </c>
      <c r="AH7802" s="111">
        <v>0</v>
      </c>
      <c r="AI7802" s="111">
        <v>0</v>
      </c>
      <c r="AJ7802" s="111">
        <v>0</v>
      </c>
      <c r="AK7802" s="111">
        <v>0</v>
      </c>
      <c r="AL7802" s="111">
        <v>0</v>
      </c>
      <c r="AM7802" s="111">
        <v>0</v>
      </c>
      <c r="AN7802" s="111">
        <v>0</v>
      </c>
      <c r="AO7802" s="111">
        <v>1</v>
      </c>
      <c r="AP7802" s="111">
        <v>0</v>
      </c>
      <c r="AQ7802" s="111">
        <v>1</v>
      </c>
      <c r="AR7802" s="111">
        <v>0</v>
      </c>
      <c r="AS7802" s="111">
        <v>0</v>
      </c>
      <c r="AT7802" s="111">
        <v>1</v>
      </c>
      <c r="AU7802" s="111">
        <v>1</v>
      </c>
      <c r="AV7802" s="111">
        <v>0</v>
      </c>
      <c r="AW7802" s="111">
        <v>1</v>
      </c>
      <c r="AX7802" s="112" t="s">
        <v>22119</v>
      </c>
      <c r="AY7802" s="112" t="s">
        <v>18685</v>
      </c>
      <c r="AZ7802" s="147" t="s">
        <v>21554</v>
      </c>
      <c r="BA7802" s="286" t="s">
        <v>24669</v>
      </c>
      <c r="BB7802" s="221">
        <v>45884</v>
      </c>
    </row>
    <row r="7803" spans="1:54" s="101" customFormat="1" ht="14.1" customHeight="1" x14ac:dyDescent="0.25">
      <c r="A7803" s="229" t="s">
        <v>24674</v>
      </c>
      <c r="B7803" s="284" t="s">
        <v>21553</v>
      </c>
      <c r="C7803" s="285" t="s">
        <v>24670</v>
      </c>
      <c r="D7803" s="285" t="s">
        <v>24671</v>
      </c>
      <c r="E7803" s="252"/>
      <c r="F7803" s="252">
        <v>165</v>
      </c>
      <c r="G7803" s="285" t="s">
        <v>12</v>
      </c>
      <c r="H7803" s="252">
        <v>0</v>
      </c>
      <c r="I7803" s="252">
        <v>0</v>
      </c>
      <c r="J7803" s="252">
        <v>0</v>
      </c>
      <c r="K7803" s="252">
        <v>0</v>
      </c>
      <c r="L7803" s="252">
        <v>0</v>
      </c>
      <c r="M7803" s="252">
        <v>0</v>
      </c>
      <c r="N7803" s="252">
        <v>0</v>
      </c>
      <c r="O7803" s="252">
        <v>0</v>
      </c>
      <c r="P7803" s="252">
        <v>0</v>
      </c>
      <c r="Q7803" s="252">
        <v>0</v>
      </c>
      <c r="R7803" s="252">
        <v>0</v>
      </c>
      <c r="S7803" s="252">
        <v>0</v>
      </c>
      <c r="T7803" s="252">
        <v>0</v>
      </c>
      <c r="U7803" s="252">
        <v>0</v>
      </c>
      <c r="V7803" s="252">
        <v>0</v>
      </c>
      <c r="W7803" s="252">
        <v>0</v>
      </c>
      <c r="X7803" s="252">
        <v>0</v>
      </c>
      <c r="Y7803" s="252">
        <v>0</v>
      </c>
      <c r="Z7803" s="252">
        <v>0</v>
      </c>
      <c r="AA7803" s="252">
        <v>0</v>
      </c>
      <c r="AB7803" s="252">
        <v>0</v>
      </c>
      <c r="AC7803" s="252">
        <v>0</v>
      </c>
      <c r="AD7803" s="252">
        <v>0</v>
      </c>
      <c r="AE7803" s="252">
        <v>0</v>
      </c>
      <c r="AF7803" s="252">
        <v>0</v>
      </c>
      <c r="AG7803" s="252">
        <v>0</v>
      </c>
      <c r="AH7803" s="252">
        <v>0</v>
      </c>
      <c r="AI7803" s="252">
        <v>0</v>
      </c>
      <c r="AJ7803" s="252">
        <v>0</v>
      </c>
      <c r="AK7803" s="252">
        <v>0</v>
      </c>
      <c r="AL7803" s="252">
        <v>0</v>
      </c>
      <c r="AM7803" s="252">
        <v>0</v>
      </c>
      <c r="AN7803" s="252">
        <v>0</v>
      </c>
      <c r="AO7803" s="252">
        <v>0</v>
      </c>
      <c r="AP7803" s="252">
        <v>0</v>
      </c>
      <c r="AQ7803" s="252">
        <v>0</v>
      </c>
      <c r="AR7803" s="252">
        <v>0</v>
      </c>
      <c r="AS7803" s="252">
        <v>0</v>
      </c>
      <c r="AT7803" s="252">
        <v>0</v>
      </c>
      <c r="AU7803" s="252">
        <v>0</v>
      </c>
      <c r="AV7803" s="252">
        <v>0</v>
      </c>
      <c r="AW7803" s="252">
        <v>0</v>
      </c>
      <c r="AX7803" s="255"/>
      <c r="AY7803" s="255"/>
      <c r="AZ7803" s="287"/>
      <c r="BA7803" s="255"/>
      <c r="BB7803" s="221">
        <v>45884</v>
      </c>
    </row>
    <row r="7804" spans="1:54" s="101" customFormat="1" ht="14.1" customHeight="1" x14ac:dyDescent="0.25">
      <c r="A7804" s="231" t="s">
        <v>24675</v>
      </c>
      <c r="B7804" s="284" t="s">
        <v>21553</v>
      </c>
      <c r="C7804" s="285" t="s">
        <v>24672</v>
      </c>
      <c r="D7804" s="285" t="s">
        <v>24673</v>
      </c>
      <c r="E7804" s="252"/>
      <c r="F7804" s="252">
        <v>2509</v>
      </c>
      <c r="G7804" s="285" t="s">
        <v>12</v>
      </c>
      <c r="H7804" s="252">
        <v>0</v>
      </c>
      <c r="I7804" s="252">
        <v>1</v>
      </c>
      <c r="J7804" s="252">
        <v>0</v>
      </c>
      <c r="K7804" s="252">
        <v>0</v>
      </c>
      <c r="L7804" s="252">
        <v>0</v>
      </c>
      <c r="M7804" s="252">
        <v>0</v>
      </c>
      <c r="N7804" s="252">
        <v>0</v>
      </c>
      <c r="O7804" s="252">
        <v>0</v>
      </c>
      <c r="P7804" s="252">
        <v>0</v>
      </c>
      <c r="Q7804" s="252">
        <v>0</v>
      </c>
      <c r="R7804" s="252">
        <v>0</v>
      </c>
      <c r="S7804" s="252">
        <v>0</v>
      </c>
      <c r="T7804" s="252">
        <v>0</v>
      </c>
      <c r="U7804" s="252">
        <v>0</v>
      </c>
      <c r="V7804" s="252">
        <v>0</v>
      </c>
      <c r="W7804" s="252">
        <v>0</v>
      </c>
      <c r="X7804" s="252">
        <v>0</v>
      </c>
      <c r="Y7804" s="252">
        <v>0</v>
      </c>
      <c r="Z7804" s="252">
        <v>0</v>
      </c>
      <c r="AA7804" s="252">
        <v>0</v>
      </c>
      <c r="AB7804" s="252">
        <v>0</v>
      </c>
      <c r="AC7804" s="252">
        <v>0</v>
      </c>
      <c r="AD7804" s="252">
        <v>0</v>
      </c>
      <c r="AE7804" s="252">
        <v>0</v>
      </c>
      <c r="AF7804" s="252">
        <v>0</v>
      </c>
      <c r="AG7804" s="252">
        <v>0</v>
      </c>
      <c r="AH7804" s="252">
        <v>0</v>
      </c>
      <c r="AI7804" s="252">
        <v>0</v>
      </c>
      <c r="AJ7804" s="252">
        <v>0</v>
      </c>
      <c r="AK7804" s="252">
        <v>0</v>
      </c>
      <c r="AL7804" s="252">
        <v>0</v>
      </c>
      <c r="AM7804" s="252">
        <v>0</v>
      </c>
      <c r="AN7804" s="252">
        <v>0</v>
      </c>
      <c r="AO7804" s="252">
        <v>0</v>
      </c>
      <c r="AP7804" s="252">
        <v>0</v>
      </c>
      <c r="AQ7804" s="252">
        <v>0</v>
      </c>
      <c r="AR7804" s="252">
        <v>0</v>
      </c>
      <c r="AS7804" s="252">
        <v>0</v>
      </c>
      <c r="AT7804" s="252">
        <v>0</v>
      </c>
      <c r="AU7804" s="252">
        <v>0</v>
      </c>
      <c r="AV7804" s="252">
        <v>0</v>
      </c>
      <c r="AW7804" s="252">
        <v>0</v>
      </c>
      <c r="AX7804" s="255"/>
      <c r="AY7804" s="255"/>
      <c r="AZ7804" s="287"/>
      <c r="BA7804" s="255"/>
      <c r="BB7804" s="221">
        <v>45884</v>
      </c>
    </row>
    <row r="7805" spans="1:54" s="8" customFormat="1" ht="13.95" customHeight="1" x14ac:dyDescent="0.25">
      <c r="A7805" s="14" t="s">
        <v>18686</v>
      </c>
      <c r="B7805" s="109" t="s">
        <v>19880</v>
      </c>
      <c r="C7805" s="93" t="s">
        <v>18687</v>
      </c>
      <c r="D7805" s="93" t="s">
        <v>24415</v>
      </c>
      <c r="E7805" s="93">
        <v>1995</v>
      </c>
      <c r="F7805" s="93">
        <v>104</v>
      </c>
      <c r="G7805" s="93" t="s">
        <v>1</v>
      </c>
      <c r="H7805" s="111">
        <v>0</v>
      </c>
      <c r="I7805" s="111">
        <v>0</v>
      </c>
      <c r="J7805" s="111">
        <v>0</v>
      </c>
      <c r="K7805" s="111">
        <v>0</v>
      </c>
      <c r="L7805" s="111">
        <v>1</v>
      </c>
      <c r="M7805" s="111">
        <v>0</v>
      </c>
      <c r="N7805" s="111">
        <v>0</v>
      </c>
      <c r="O7805" s="111">
        <v>1</v>
      </c>
      <c r="P7805" s="111">
        <v>0</v>
      </c>
      <c r="Q7805" s="111">
        <v>0</v>
      </c>
      <c r="R7805" s="111">
        <v>0</v>
      </c>
      <c r="S7805" s="111">
        <v>1</v>
      </c>
      <c r="T7805" s="111">
        <v>0</v>
      </c>
      <c r="U7805" s="145"/>
      <c r="V7805" s="145"/>
      <c r="W7805" s="145"/>
      <c r="X7805" s="145"/>
      <c r="Y7805" s="145"/>
      <c r="Z7805" s="145"/>
      <c r="AA7805" s="145"/>
      <c r="AB7805" s="145"/>
      <c r="AC7805" s="145"/>
      <c r="AD7805" s="145"/>
      <c r="AE7805" s="145"/>
      <c r="AF7805" s="145"/>
      <c r="AG7805" s="145"/>
      <c r="AH7805" s="145"/>
      <c r="AI7805" s="145"/>
      <c r="AJ7805" s="145"/>
      <c r="AK7805" s="145"/>
      <c r="AL7805" s="145"/>
      <c r="AM7805" s="145"/>
      <c r="AN7805" s="145"/>
      <c r="AO7805" s="145"/>
      <c r="AP7805" s="145"/>
      <c r="AQ7805" s="145"/>
      <c r="AR7805" s="145"/>
      <c r="AS7805" s="145"/>
      <c r="AT7805" s="145"/>
      <c r="AU7805" s="145"/>
      <c r="AV7805" s="145"/>
      <c r="AW7805" s="145"/>
      <c r="AX7805" s="146"/>
      <c r="AY7805" s="146"/>
      <c r="AZ7805" s="146"/>
      <c r="BA7805" s="146"/>
      <c r="BB7805" s="107">
        <v>45447</v>
      </c>
    </row>
    <row r="7806" spans="1:54" s="8" customFormat="1" ht="13.95" customHeight="1" x14ac:dyDescent="0.25">
      <c r="A7806" s="14" t="s">
        <v>18688</v>
      </c>
      <c r="B7806" s="109" t="s">
        <v>19880</v>
      </c>
      <c r="C7806" s="93" t="s">
        <v>16702</v>
      </c>
      <c r="D7806" s="93" t="s">
        <v>24416</v>
      </c>
      <c r="E7806" s="93">
        <v>1984</v>
      </c>
      <c r="F7806" s="93">
        <v>125</v>
      </c>
      <c r="G7806" s="93" t="s">
        <v>1</v>
      </c>
      <c r="H7806" s="111">
        <v>0</v>
      </c>
      <c r="I7806" s="111">
        <v>0</v>
      </c>
      <c r="J7806" s="111">
        <v>0</v>
      </c>
      <c r="K7806" s="111">
        <v>0</v>
      </c>
      <c r="L7806" s="111">
        <v>1</v>
      </c>
      <c r="M7806" s="111">
        <v>0</v>
      </c>
      <c r="N7806" s="111">
        <v>0</v>
      </c>
      <c r="O7806" s="111">
        <v>0</v>
      </c>
      <c r="P7806" s="111">
        <v>0</v>
      </c>
      <c r="Q7806" s="111">
        <v>0</v>
      </c>
      <c r="R7806" s="111">
        <v>1</v>
      </c>
      <c r="S7806" s="111">
        <v>0</v>
      </c>
      <c r="T7806" s="111">
        <v>0</v>
      </c>
      <c r="U7806" s="145"/>
      <c r="V7806" s="145"/>
      <c r="W7806" s="145"/>
      <c r="X7806" s="145"/>
      <c r="Y7806" s="145"/>
      <c r="Z7806" s="145"/>
      <c r="AA7806" s="145"/>
      <c r="AB7806" s="145"/>
      <c r="AC7806" s="145"/>
      <c r="AD7806" s="145"/>
      <c r="AE7806" s="145"/>
      <c r="AF7806" s="145"/>
      <c r="AG7806" s="145"/>
      <c r="AH7806" s="145"/>
      <c r="AI7806" s="145"/>
      <c r="AJ7806" s="145"/>
      <c r="AK7806" s="145"/>
      <c r="AL7806" s="145"/>
      <c r="AM7806" s="145"/>
      <c r="AN7806" s="145"/>
      <c r="AO7806" s="145"/>
      <c r="AP7806" s="145"/>
      <c r="AQ7806" s="145"/>
      <c r="AR7806" s="145"/>
      <c r="AS7806" s="145"/>
      <c r="AT7806" s="145"/>
      <c r="AU7806" s="145"/>
      <c r="AV7806" s="145"/>
      <c r="AW7806" s="145"/>
      <c r="AX7806" s="146"/>
      <c r="AY7806" s="146"/>
      <c r="AZ7806" s="146"/>
      <c r="BA7806" s="146"/>
      <c r="BB7806" s="107">
        <v>45447</v>
      </c>
    </row>
    <row r="7807" spans="1:54" s="8" customFormat="1" ht="13.95" customHeight="1" x14ac:dyDescent="0.25">
      <c r="A7807" s="14" t="s">
        <v>18689</v>
      </c>
      <c r="B7807" s="109" t="s">
        <v>19880</v>
      </c>
      <c r="C7807" s="93" t="s">
        <v>11375</v>
      </c>
      <c r="D7807" s="93" t="s">
        <v>24417</v>
      </c>
      <c r="E7807" s="93">
        <v>1980</v>
      </c>
      <c r="F7807" s="93">
        <v>158</v>
      </c>
      <c r="G7807" s="93" t="s">
        <v>1</v>
      </c>
      <c r="H7807" s="111">
        <v>0</v>
      </c>
      <c r="I7807" s="111">
        <v>0</v>
      </c>
      <c r="J7807" s="111">
        <v>0</v>
      </c>
      <c r="K7807" s="111">
        <v>0</v>
      </c>
      <c r="L7807" s="111">
        <v>0</v>
      </c>
      <c r="M7807" s="111">
        <v>0</v>
      </c>
      <c r="N7807" s="111">
        <v>0</v>
      </c>
      <c r="O7807" s="111">
        <v>0</v>
      </c>
      <c r="P7807" s="111">
        <v>0</v>
      </c>
      <c r="Q7807" s="111">
        <v>0</v>
      </c>
      <c r="R7807" s="111">
        <v>1</v>
      </c>
      <c r="S7807" s="111">
        <v>1</v>
      </c>
      <c r="T7807" s="111">
        <v>0</v>
      </c>
      <c r="U7807" s="145"/>
      <c r="V7807" s="145"/>
      <c r="W7807" s="145"/>
      <c r="X7807" s="145"/>
      <c r="Y7807" s="145"/>
      <c r="Z7807" s="145"/>
      <c r="AA7807" s="145"/>
      <c r="AB7807" s="145"/>
      <c r="AC7807" s="145"/>
      <c r="AD7807" s="145"/>
      <c r="AE7807" s="145"/>
      <c r="AF7807" s="145"/>
      <c r="AG7807" s="145"/>
      <c r="AH7807" s="145"/>
      <c r="AI7807" s="145"/>
      <c r="AJ7807" s="145"/>
      <c r="AK7807" s="145"/>
      <c r="AL7807" s="145"/>
      <c r="AM7807" s="145"/>
      <c r="AN7807" s="145"/>
      <c r="AO7807" s="145"/>
      <c r="AP7807" s="145"/>
      <c r="AQ7807" s="145"/>
      <c r="AR7807" s="145"/>
      <c r="AS7807" s="145"/>
      <c r="AT7807" s="145"/>
      <c r="AU7807" s="145"/>
      <c r="AV7807" s="145"/>
      <c r="AW7807" s="145"/>
      <c r="AX7807" s="146"/>
      <c r="AY7807" s="146"/>
      <c r="AZ7807" s="146"/>
      <c r="BA7807" s="146"/>
      <c r="BB7807" s="107">
        <v>45447</v>
      </c>
    </row>
    <row r="7808" spans="1:54" s="8" customFormat="1" ht="13.95" customHeight="1" x14ac:dyDescent="0.25">
      <c r="A7808" s="14" t="s">
        <v>18690</v>
      </c>
      <c r="B7808" s="109" t="s">
        <v>19880</v>
      </c>
      <c r="C7808" s="93" t="s">
        <v>18691</v>
      </c>
      <c r="D7808" s="93" t="s">
        <v>24418</v>
      </c>
      <c r="E7808" s="93">
        <v>1994</v>
      </c>
      <c r="F7808" s="93">
        <v>177</v>
      </c>
      <c r="G7808" s="93" t="s">
        <v>1</v>
      </c>
      <c r="H7808" s="111">
        <v>0</v>
      </c>
      <c r="I7808" s="111">
        <v>0</v>
      </c>
      <c r="J7808" s="111">
        <v>1</v>
      </c>
      <c r="K7808" s="111">
        <v>0</v>
      </c>
      <c r="L7808" s="111">
        <v>1</v>
      </c>
      <c r="M7808" s="111">
        <v>0</v>
      </c>
      <c r="N7808" s="111">
        <v>0</v>
      </c>
      <c r="O7808" s="111">
        <v>1</v>
      </c>
      <c r="P7808" s="111">
        <v>0</v>
      </c>
      <c r="Q7808" s="111">
        <v>0</v>
      </c>
      <c r="R7808" s="111">
        <v>1</v>
      </c>
      <c r="S7808" s="111">
        <v>1</v>
      </c>
      <c r="T7808" s="111">
        <v>0</v>
      </c>
      <c r="U7808" s="145"/>
      <c r="V7808" s="145"/>
      <c r="W7808" s="145"/>
      <c r="X7808" s="145"/>
      <c r="Y7808" s="145"/>
      <c r="Z7808" s="145"/>
      <c r="AA7808" s="145"/>
      <c r="AB7808" s="145"/>
      <c r="AC7808" s="145"/>
      <c r="AD7808" s="145"/>
      <c r="AE7808" s="145"/>
      <c r="AF7808" s="145"/>
      <c r="AG7808" s="145"/>
      <c r="AH7808" s="145"/>
      <c r="AI7808" s="145"/>
      <c r="AJ7808" s="145"/>
      <c r="AK7808" s="145"/>
      <c r="AL7808" s="145"/>
      <c r="AM7808" s="145"/>
      <c r="AN7808" s="145"/>
      <c r="AO7808" s="145"/>
      <c r="AP7808" s="145"/>
      <c r="AQ7808" s="145"/>
      <c r="AR7808" s="145"/>
      <c r="AS7808" s="145"/>
      <c r="AT7808" s="145"/>
      <c r="AU7808" s="145"/>
      <c r="AV7808" s="145"/>
      <c r="AW7808" s="145"/>
      <c r="AX7808" s="146"/>
      <c r="AY7808" s="146"/>
      <c r="AZ7808" s="146"/>
      <c r="BA7808" s="146"/>
      <c r="BB7808" s="107">
        <v>45447</v>
      </c>
    </row>
    <row r="7809" spans="1:54" s="8" customFormat="1" ht="13.95" customHeight="1" x14ac:dyDescent="0.25">
      <c r="A7809" s="14" t="s">
        <v>18692</v>
      </c>
      <c r="B7809" s="109" t="s">
        <v>19880</v>
      </c>
      <c r="C7809" s="93" t="s">
        <v>18693</v>
      </c>
      <c r="D7809" s="93" t="s">
        <v>24419</v>
      </c>
      <c r="E7809" s="93">
        <v>1994</v>
      </c>
      <c r="F7809" s="93">
        <v>189</v>
      </c>
      <c r="G7809" s="93" t="s">
        <v>1</v>
      </c>
      <c r="H7809" s="111">
        <v>0</v>
      </c>
      <c r="I7809" s="111">
        <v>0</v>
      </c>
      <c r="J7809" s="111">
        <v>1</v>
      </c>
      <c r="K7809" s="111">
        <v>1</v>
      </c>
      <c r="L7809" s="111">
        <v>1</v>
      </c>
      <c r="M7809" s="111">
        <v>0</v>
      </c>
      <c r="N7809" s="111">
        <v>0</v>
      </c>
      <c r="O7809" s="111">
        <v>1</v>
      </c>
      <c r="P7809" s="111">
        <v>0</v>
      </c>
      <c r="Q7809" s="111">
        <v>0</v>
      </c>
      <c r="R7809" s="111">
        <v>0</v>
      </c>
      <c r="S7809" s="111">
        <v>1</v>
      </c>
      <c r="T7809" s="111">
        <v>0</v>
      </c>
      <c r="U7809" s="145"/>
      <c r="V7809" s="145"/>
      <c r="W7809" s="145"/>
      <c r="X7809" s="145"/>
      <c r="Y7809" s="145"/>
      <c r="Z7809" s="145"/>
      <c r="AA7809" s="145"/>
      <c r="AB7809" s="145"/>
      <c r="AC7809" s="145"/>
      <c r="AD7809" s="145"/>
      <c r="AE7809" s="145"/>
      <c r="AF7809" s="145"/>
      <c r="AG7809" s="145"/>
      <c r="AH7809" s="145"/>
      <c r="AI7809" s="145"/>
      <c r="AJ7809" s="145"/>
      <c r="AK7809" s="145"/>
      <c r="AL7809" s="145"/>
      <c r="AM7809" s="145"/>
      <c r="AN7809" s="145"/>
      <c r="AO7809" s="145"/>
      <c r="AP7809" s="145"/>
      <c r="AQ7809" s="145"/>
      <c r="AR7809" s="145"/>
      <c r="AS7809" s="145"/>
      <c r="AT7809" s="145"/>
      <c r="AU7809" s="145"/>
      <c r="AV7809" s="145"/>
      <c r="AW7809" s="145"/>
      <c r="AX7809" s="146"/>
      <c r="AY7809" s="146"/>
      <c r="AZ7809" s="146"/>
      <c r="BA7809" s="146"/>
      <c r="BB7809" s="107">
        <v>45447</v>
      </c>
    </row>
    <row r="7810" spans="1:54" s="8" customFormat="1" ht="13.95" customHeight="1" x14ac:dyDescent="0.25">
      <c r="A7810" s="14" t="s">
        <v>18694</v>
      </c>
      <c r="B7810" s="109" t="s">
        <v>19880</v>
      </c>
      <c r="C7810" s="93" t="s">
        <v>18695</v>
      </c>
      <c r="D7810" s="93" t="s">
        <v>24420</v>
      </c>
      <c r="E7810" s="93">
        <v>1979</v>
      </c>
      <c r="F7810" s="93">
        <v>197</v>
      </c>
      <c r="G7810" s="93" t="s">
        <v>1</v>
      </c>
      <c r="H7810" s="111">
        <v>0</v>
      </c>
      <c r="I7810" s="111">
        <v>0</v>
      </c>
      <c r="J7810" s="111">
        <v>1</v>
      </c>
      <c r="K7810" s="111">
        <v>0</v>
      </c>
      <c r="L7810" s="111">
        <v>0</v>
      </c>
      <c r="M7810" s="111">
        <v>0</v>
      </c>
      <c r="N7810" s="111">
        <v>0</v>
      </c>
      <c r="O7810" s="111">
        <v>1</v>
      </c>
      <c r="P7810" s="111">
        <v>0</v>
      </c>
      <c r="Q7810" s="111">
        <v>0</v>
      </c>
      <c r="R7810" s="111">
        <v>0</v>
      </c>
      <c r="S7810" s="111">
        <v>0</v>
      </c>
      <c r="T7810" s="111">
        <v>0</v>
      </c>
      <c r="U7810" s="145"/>
      <c r="V7810" s="145"/>
      <c r="W7810" s="145"/>
      <c r="X7810" s="145"/>
      <c r="Y7810" s="145"/>
      <c r="Z7810" s="145"/>
      <c r="AA7810" s="145"/>
      <c r="AB7810" s="145"/>
      <c r="AC7810" s="145"/>
      <c r="AD7810" s="145"/>
      <c r="AE7810" s="145"/>
      <c r="AF7810" s="145"/>
      <c r="AG7810" s="145"/>
      <c r="AH7810" s="145"/>
      <c r="AI7810" s="145"/>
      <c r="AJ7810" s="145"/>
      <c r="AK7810" s="145"/>
      <c r="AL7810" s="145"/>
      <c r="AM7810" s="145"/>
      <c r="AN7810" s="145"/>
      <c r="AO7810" s="145"/>
      <c r="AP7810" s="145"/>
      <c r="AQ7810" s="145"/>
      <c r="AR7810" s="145"/>
      <c r="AS7810" s="145"/>
      <c r="AT7810" s="145"/>
      <c r="AU7810" s="145"/>
      <c r="AV7810" s="145"/>
      <c r="AW7810" s="145"/>
      <c r="AX7810" s="146"/>
      <c r="AY7810" s="146"/>
      <c r="AZ7810" s="146"/>
      <c r="BA7810" s="146"/>
      <c r="BB7810" s="107">
        <v>45447</v>
      </c>
    </row>
    <row r="7811" spans="1:54" s="8" customFormat="1" ht="13.95" customHeight="1" x14ac:dyDescent="0.25">
      <c r="A7811" s="14" t="s">
        <v>18696</v>
      </c>
      <c r="B7811" s="109" t="s">
        <v>19880</v>
      </c>
      <c r="C7811" s="93" t="s">
        <v>18697</v>
      </c>
      <c r="D7811" s="93" t="s">
        <v>24421</v>
      </c>
      <c r="E7811" s="93">
        <v>1995</v>
      </c>
      <c r="F7811" s="93">
        <v>206</v>
      </c>
      <c r="G7811" s="93" t="s">
        <v>1</v>
      </c>
      <c r="H7811" s="111">
        <v>0</v>
      </c>
      <c r="I7811" s="111">
        <v>0</v>
      </c>
      <c r="J7811" s="111">
        <v>1</v>
      </c>
      <c r="K7811" s="111">
        <v>0</v>
      </c>
      <c r="L7811" s="111">
        <v>1</v>
      </c>
      <c r="M7811" s="111">
        <v>0</v>
      </c>
      <c r="N7811" s="111">
        <v>0</v>
      </c>
      <c r="O7811" s="111">
        <v>1</v>
      </c>
      <c r="P7811" s="111">
        <v>0</v>
      </c>
      <c r="Q7811" s="111">
        <v>0</v>
      </c>
      <c r="R7811" s="111">
        <v>1</v>
      </c>
      <c r="S7811" s="111">
        <v>1</v>
      </c>
      <c r="T7811" s="111">
        <v>0</v>
      </c>
      <c r="U7811" s="145"/>
      <c r="V7811" s="145"/>
      <c r="W7811" s="145"/>
      <c r="X7811" s="145"/>
      <c r="Y7811" s="145"/>
      <c r="Z7811" s="145"/>
      <c r="AA7811" s="145"/>
      <c r="AB7811" s="145"/>
      <c r="AC7811" s="145"/>
      <c r="AD7811" s="145"/>
      <c r="AE7811" s="145"/>
      <c r="AF7811" s="145"/>
      <c r="AG7811" s="145"/>
      <c r="AH7811" s="145"/>
      <c r="AI7811" s="145"/>
      <c r="AJ7811" s="145"/>
      <c r="AK7811" s="145"/>
      <c r="AL7811" s="145"/>
      <c r="AM7811" s="145"/>
      <c r="AN7811" s="145"/>
      <c r="AO7811" s="145"/>
      <c r="AP7811" s="145"/>
      <c r="AQ7811" s="145"/>
      <c r="AR7811" s="145"/>
      <c r="AS7811" s="145"/>
      <c r="AT7811" s="145"/>
      <c r="AU7811" s="145"/>
      <c r="AV7811" s="145"/>
      <c r="AW7811" s="145"/>
      <c r="AX7811" s="146"/>
      <c r="AY7811" s="146"/>
      <c r="AZ7811" s="146"/>
      <c r="BA7811" s="146"/>
      <c r="BB7811" s="107">
        <v>45447</v>
      </c>
    </row>
    <row r="7812" spans="1:54" s="8" customFormat="1" ht="13.95" customHeight="1" x14ac:dyDescent="0.25">
      <c r="A7812" s="14" t="s">
        <v>18698</v>
      </c>
      <c r="B7812" s="109" t="s">
        <v>19880</v>
      </c>
      <c r="C7812" s="93" t="s">
        <v>18699</v>
      </c>
      <c r="D7812" s="93" t="s">
        <v>24422</v>
      </c>
      <c r="E7812" s="93">
        <v>2005</v>
      </c>
      <c r="F7812" s="93">
        <v>227</v>
      </c>
      <c r="G7812" s="93" t="s">
        <v>1</v>
      </c>
      <c r="H7812" s="111">
        <v>0</v>
      </c>
      <c r="I7812" s="111">
        <v>0</v>
      </c>
      <c r="J7812" s="111">
        <v>1</v>
      </c>
      <c r="K7812" s="111">
        <v>0</v>
      </c>
      <c r="L7812" s="111">
        <v>1</v>
      </c>
      <c r="M7812" s="111">
        <v>0</v>
      </c>
      <c r="N7812" s="111">
        <v>0</v>
      </c>
      <c r="O7812" s="111">
        <v>1</v>
      </c>
      <c r="P7812" s="111">
        <v>0</v>
      </c>
      <c r="Q7812" s="111">
        <v>0</v>
      </c>
      <c r="R7812" s="111">
        <v>1</v>
      </c>
      <c r="S7812" s="111">
        <v>1</v>
      </c>
      <c r="T7812" s="111">
        <v>0</v>
      </c>
      <c r="U7812" s="145"/>
      <c r="V7812" s="145"/>
      <c r="W7812" s="145"/>
      <c r="X7812" s="145"/>
      <c r="Y7812" s="145"/>
      <c r="Z7812" s="145"/>
      <c r="AA7812" s="145"/>
      <c r="AB7812" s="145"/>
      <c r="AC7812" s="145"/>
      <c r="AD7812" s="145"/>
      <c r="AE7812" s="145"/>
      <c r="AF7812" s="145"/>
      <c r="AG7812" s="145"/>
      <c r="AH7812" s="145"/>
      <c r="AI7812" s="145"/>
      <c r="AJ7812" s="145"/>
      <c r="AK7812" s="145"/>
      <c r="AL7812" s="145"/>
      <c r="AM7812" s="145"/>
      <c r="AN7812" s="145"/>
      <c r="AO7812" s="145"/>
      <c r="AP7812" s="145"/>
      <c r="AQ7812" s="145"/>
      <c r="AR7812" s="145"/>
      <c r="AS7812" s="145"/>
      <c r="AT7812" s="145"/>
      <c r="AU7812" s="145"/>
      <c r="AV7812" s="145"/>
      <c r="AW7812" s="145"/>
      <c r="AX7812" s="146"/>
      <c r="AY7812" s="146"/>
      <c r="AZ7812" s="146"/>
      <c r="BA7812" s="146"/>
      <c r="BB7812" s="107">
        <v>45447</v>
      </c>
    </row>
    <row r="7813" spans="1:54" s="8" customFormat="1" ht="13.95" customHeight="1" x14ac:dyDescent="0.25">
      <c r="A7813" s="14" t="s">
        <v>18700</v>
      </c>
      <c r="B7813" s="109" t="s">
        <v>19880</v>
      </c>
      <c r="C7813" s="93" t="s">
        <v>18701</v>
      </c>
      <c r="D7813" s="93" t="s">
        <v>24423</v>
      </c>
      <c r="E7813" s="93">
        <v>2000</v>
      </c>
      <c r="F7813" s="93">
        <v>229</v>
      </c>
      <c r="G7813" s="93" t="s">
        <v>1</v>
      </c>
      <c r="H7813" s="111">
        <v>0</v>
      </c>
      <c r="I7813" s="111">
        <v>0</v>
      </c>
      <c r="J7813" s="111">
        <v>1</v>
      </c>
      <c r="K7813" s="111">
        <v>0</v>
      </c>
      <c r="L7813" s="111">
        <v>1</v>
      </c>
      <c r="M7813" s="111">
        <v>0</v>
      </c>
      <c r="N7813" s="111">
        <v>0</v>
      </c>
      <c r="O7813" s="111">
        <v>0</v>
      </c>
      <c r="P7813" s="111">
        <v>0</v>
      </c>
      <c r="Q7813" s="111">
        <v>0</v>
      </c>
      <c r="R7813" s="111">
        <v>0</v>
      </c>
      <c r="S7813" s="111">
        <v>1</v>
      </c>
      <c r="T7813" s="111">
        <v>0</v>
      </c>
      <c r="U7813" s="145"/>
      <c r="V7813" s="145"/>
      <c r="W7813" s="145"/>
      <c r="X7813" s="145"/>
      <c r="Y7813" s="145"/>
      <c r="Z7813" s="145"/>
      <c r="AA7813" s="145"/>
      <c r="AB7813" s="145"/>
      <c r="AC7813" s="145"/>
      <c r="AD7813" s="145"/>
      <c r="AE7813" s="145"/>
      <c r="AF7813" s="145"/>
      <c r="AG7813" s="145"/>
      <c r="AH7813" s="145"/>
      <c r="AI7813" s="145"/>
      <c r="AJ7813" s="145"/>
      <c r="AK7813" s="145"/>
      <c r="AL7813" s="145"/>
      <c r="AM7813" s="145"/>
      <c r="AN7813" s="145"/>
      <c r="AO7813" s="145"/>
      <c r="AP7813" s="145"/>
      <c r="AQ7813" s="145"/>
      <c r="AR7813" s="145"/>
      <c r="AS7813" s="145"/>
      <c r="AT7813" s="145"/>
      <c r="AU7813" s="145"/>
      <c r="AV7813" s="145"/>
      <c r="AW7813" s="145"/>
      <c r="AX7813" s="146"/>
      <c r="AY7813" s="146"/>
      <c r="AZ7813" s="146"/>
      <c r="BA7813" s="146"/>
      <c r="BB7813" s="107">
        <v>45447</v>
      </c>
    </row>
    <row r="7814" spans="1:54" s="8" customFormat="1" ht="13.95" customHeight="1" x14ac:dyDescent="0.25">
      <c r="A7814" s="14" t="s">
        <v>18702</v>
      </c>
      <c r="B7814" s="109" t="s">
        <v>19880</v>
      </c>
      <c r="C7814" s="93" t="s">
        <v>18703</v>
      </c>
      <c r="D7814" s="93" t="s">
        <v>24424</v>
      </c>
      <c r="E7814" s="93">
        <v>2011</v>
      </c>
      <c r="F7814" s="93">
        <v>300</v>
      </c>
      <c r="G7814" s="93" t="s">
        <v>1</v>
      </c>
      <c r="H7814" s="111">
        <v>0</v>
      </c>
      <c r="I7814" s="111">
        <v>0</v>
      </c>
      <c r="J7814" s="111">
        <v>0</v>
      </c>
      <c r="K7814" s="111">
        <v>0</v>
      </c>
      <c r="L7814" s="111">
        <v>0</v>
      </c>
      <c r="M7814" s="111">
        <v>0</v>
      </c>
      <c r="N7814" s="111">
        <v>0</v>
      </c>
      <c r="O7814" s="111">
        <v>0</v>
      </c>
      <c r="P7814" s="111">
        <v>0</v>
      </c>
      <c r="Q7814" s="111">
        <v>0</v>
      </c>
      <c r="R7814" s="111">
        <v>0</v>
      </c>
      <c r="S7814" s="111">
        <v>0</v>
      </c>
      <c r="T7814" s="111">
        <v>0</v>
      </c>
      <c r="U7814" s="145"/>
      <c r="V7814" s="145"/>
      <c r="W7814" s="145"/>
      <c r="X7814" s="145"/>
      <c r="Y7814" s="145"/>
      <c r="Z7814" s="145"/>
      <c r="AA7814" s="145"/>
      <c r="AB7814" s="145"/>
      <c r="AC7814" s="145"/>
      <c r="AD7814" s="145"/>
      <c r="AE7814" s="145"/>
      <c r="AF7814" s="145"/>
      <c r="AG7814" s="145"/>
      <c r="AH7814" s="145"/>
      <c r="AI7814" s="145"/>
      <c r="AJ7814" s="145"/>
      <c r="AK7814" s="145"/>
      <c r="AL7814" s="145"/>
      <c r="AM7814" s="145"/>
      <c r="AN7814" s="145"/>
      <c r="AO7814" s="145"/>
      <c r="AP7814" s="145"/>
      <c r="AQ7814" s="145"/>
      <c r="AR7814" s="145"/>
      <c r="AS7814" s="145"/>
      <c r="AT7814" s="145"/>
      <c r="AU7814" s="145"/>
      <c r="AV7814" s="145"/>
      <c r="AW7814" s="145"/>
      <c r="AX7814" s="146"/>
      <c r="AY7814" s="146"/>
      <c r="AZ7814" s="146"/>
      <c r="BA7814" s="146"/>
      <c r="BB7814" s="107">
        <v>45447</v>
      </c>
    </row>
    <row r="7815" spans="1:54" s="8" customFormat="1" ht="13.95" customHeight="1" x14ac:dyDescent="0.25">
      <c r="A7815" s="14" t="s">
        <v>18704</v>
      </c>
      <c r="B7815" s="109" t="s">
        <v>19880</v>
      </c>
      <c r="C7815" s="93" t="s">
        <v>18705</v>
      </c>
      <c r="D7815" s="93" t="s">
        <v>24425</v>
      </c>
      <c r="E7815" s="93">
        <v>1980</v>
      </c>
      <c r="F7815" s="93">
        <v>324</v>
      </c>
      <c r="G7815" s="93" t="s">
        <v>1</v>
      </c>
      <c r="H7815" s="111">
        <v>0</v>
      </c>
      <c r="I7815" s="111">
        <v>0</v>
      </c>
      <c r="J7815" s="111">
        <v>1</v>
      </c>
      <c r="K7815" s="111">
        <v>0</v>
      </c>
      <c r="L7815" s="111">
        <v>1</v>
      </c>
      <c r="M7815" s="111">
        <v>0</v>
      </c>
      <c r="N7815" s="111">
        <v>0</v>
      </c>
      <c r="O7815" s="111">
        <v>1</v>
      </c>
      <c r="P7815" s="111">
        <v>1</v>
      </c>
      <c r="Q7815" s="111">
        <v>0</v>
      </c>
      <c r="R7815" s="111">
        <v>1</v>
      </c>
      <c r="S7815" s="111">
        <v>0</v>
      </c>
      <c r="T7815" s="111">
        <v>0</v>
      </c>
      <c r="U7815" s="145"/>
      <c r="V7815" s="145"/>
      <c r="W7815" s="145"/>
      <c r="X7815" s="145"/>
      <c r="Y7815" s="145"/>
      <c r="Z7815" s="145"/>
      <c r="AA7815" s="145"/>
      <c r="AB7815" s="145"/>
      <c r="AC7815" s="145"/>
      <c r="AD7815" s="145"/>
      <c r="AE7815" s="145"/>
      <c r="AF7815" s="145"/>
      <c r="AG7815" s="145"/>
      <c r="AH7815" s="145"/>
      <c r="AI7815" s="145"/>
      <c r="AJ7815" s="145"/>
      <c r="AK7815" s="145"/>
      <c r="AL7815" s="145"/>
      <c r="AM7815" s="145"/>
      <c r="AN7815" s="145"/>
      <c r="AO7815" s="145"/>
      <c r="AP7815" s="145"/>
      <c r="AQ7815" s="145"/>
      <c r="AR7815" s="145"/>
      <c r="AS7815" s="145"/>
      <c r="AT7815" s="145"/>
      <c r="AU7815" s="145"/>
      <c r="AV7815" s="145"/>
      <c r="AW7815" s="145"/>
      <c r="AX7815" s="146"/>
      <c r="AY7815" s="146"/>
      <c r="AZ7815" s="146"/>
      <c r="BA7815" s="146"/>
      <c r="BB7815" s="107">
        <v>45447</v>
      </c>
    </row>
    <row r="7816" spans="1:54" s="8" customFormat="1" ht="13.95" customHeight="1" x14ac:dyDescent="0.25">
      <c r="A7816" s="14" t="s">
        <v>18706</v>
      </c>
      <c r="B7816" s="109" t="s">
        <v>19880</v>
      </c>
      <c r="C7816" s="93" t="s">
        <v>18707</v>
      </c>
      <c r="D7816" s="93" t="s">
        <v>24426</v>
      </c>
      <c r="E7816" s="93">
        <v>2004</v>
      </c>
      <c r="F7816" s="93">
        <v>378</v>
      </c>
      <c r="G7816" s="93" t="s">
        <v>1</v>
      </c>
      <c r="H7816" s="111">
        <v>0</v>
      </c>
      <c r="I7816" s="111">
        <v>0</v>
      </c>
      <c r="J7816" s="111">
        <v>1</v>
      </c>
      <c r="K7816" s="111">
        <v>0</v>
      </c>
      <c r="L7816" s="111">
        <v>1</v>
      </c>
      <c r="M7816" s="111">
        <v>0</v>
      </c>
      <c r="N7816" s="111">
        <v>0</v>
      </c>
      <c r="O7816" s="111">
        <v>1</v>
      </c>
      <c r="P7816" s="111">
        <v>1</v>
      </c>
      <c r="Q7816" s="111">
        <v>0</v>
      </c>
      <c r="R7816" s="111">
        <v>1</v>
      </c>
      <c r="S7816" s="111">
        <v>0</v>
      </c>
      <c r="T7816" s="111">
        <v>0</v>
      </c>
      <c r="U7816" s="145"/>
      <c r="V7816" s="145"/>
      <c r="W7816" s="145"/>
      <c r="X7816" s="145"/>
      <c r="Y7816" s="145"/>
      <c r="Z7816" s="145"/>
      <c r="AA7816" s="145"/>
      <c r="AB7816" s="145"/>
      <c r="AC7816" s="145"/>
      <c r="AD7816" s="145"/>
      <c r="AE7816" s="145"/>
      <c r="AF7816" s="145"/>
      <c r="AG7816" s="145"/>
      <c r="AH7816" s="145"/>
      <c r="AI7816" s="145"/>
      <c r="AJ7816" s="145"/>
      <c r="AK7816" s="145"/>
      <c r="AL7816" s="145"/>
      <c r="AM7816" s="145"/>
      <c r="AN7816" s="145"/>
      <c r="AO7816" s="145"/>
      <c r="AP7816" s="145"/>
      <c r="AQ7816" s="145"/>
      <c r="AR7816" s="145"/>
      <c r="AS7816" s="145"/>
      <c r="AT7816" s="145"/>
      <c r="AU7816" s="145"/>
      <c r="AV7816" s="145"/>
      <c r="AW7816" s="145"/>
      <c r="AX7816" s="146"/>
      <c r="AY7816" s="146"/>
      <c r="AZ7816" s="146"/>
      <c r="BA7816" s="146"/>
      <c r="BB7816" s="107">
        <v>45447</v>
      </c>
    </row>
    <row r="7817" spans="1:54" s="8" customFormat="1" ht="13.95" customHeight="1" x14ac:dyDescent="0.25">
      <c r="A7817" s="14" t="s">
        <v>18708</v>
      </c>
      <c r="B7817" s="109" t="s">
        <v>19880</v>
      </c>
      <c r="C7817" s="93" t="s">
        <v>18709</v>
      </c>
      <c r="D7817" s="93" t="s">
        <v>24427</v>
      </c>
      <c r="E7817" s="93">
        <v>1994</v>
      </c>
      <c r="F7817" s="93">
        <v>401</v>
      </c>
      <c r="G7817" s="93" t="s">
        <v>1</v>
      </c>
      <c r="H7817" s="111">
        <v>0</v>
      </c>
      <c r="I7817" s="111">
        <v>0</v>
      </c>
      <c r="J7817" s="111">
        <v>1</v>
      </c>
      <c r="K7817" s="111">
        <v>0</v>
      </c>
      <c r="L7817" s="111">
        <v>1</v>
      </c>
      <c r="M7817" s="111">
        <v>0</v>
      </c>
      <c r="N7817" s="111">
        <v>0</v>
      </c>
      <c r="O7817" s="111">
        <v>1</v>
      </c>
      <c r="P7817" s="111">
        <v>0</v>
      </c>
      <c r="Q7817" s="111">
        <v>0</v>
      </c>
      <c r="R7817" s="111">
        <v>1</v>
      </c>
      <c r="S7817" s="111">
        <v>0</v>
      </c>
      <c r="T7817" s="111">
        <v>0</v>
      </c>
      <c r="U7817" s="145"/>
      <c r="V7817" s="145"/>
      <c r="W7817" s="145"/>
      <c r="X7817" s="145"/>
      <c r="Y7817" s="145"/>
      <c r="Z7817" s="145"/>
      <c r="AA7817" s="145"/>
      <c r="AB7817" s="145"/>
      <c r="AC7817" s="145"/>
      <c r="AD7817" s="145"/>
      <c r="AE7817" s="145"/>
      <c r="AF7817" s="145"/>
      <c r="AG7817" s="145"/>
      <c r="AH7817" s="145"/>
      <c r="AI7817" s="145"/>
      <c r="AJ7817" s="145"/>
      <c r="AK7817" s="145"/>
      <c r="AL7817" s="145"/>
      <c r="AM7817" s="145"/>
      <c r="AN7817" s="145"/>
      <c r="AO7817" s="145"/>
      <c r="AP7817" s="145"/>
      <c r="AQ7817" s="145"/>
      <c r="AR7817" s="145"/>
      <c r="AS7817" s="145"/>
      <c r="AT7817" s="145"/>
      <c r="AU7817" s="145"/>
      <c r="AV7817" s="145"/>
      <c r="AW7817" s="145"/>
      <c r="AX7817" s="146"/>
      <c r="AY7817" s="146"/>
      <c r="AZ7817" s="146"/>
      <c r="BA7817" s="146"/>
      <c r="BB7817" s="107">
        <v>45447</v>
      </c>
    </row>
    <row r="7818" spans="1:54" s="8" customFormat="1" ht="13.95" customHeight="1" x14ac:dyDescent="0.25">
      <c r="A7818" s="14" t="s">
        <v>18710</v>
      </c>
      <c r="B7818" s="109" t="s">
        <v>19880</v>
      </c>
      <c r="C7818" s="93" t="s">
        <v>18711</v>
      </c>
      <c r="D7818" s="93" t="s">
        <v>24428</v>
      </c>
      <c r="E7818" s="93">
        <v>1994</v>
      </c>
      <c r="F7818" s="93">
        <v>578</v>
      </c>
      <c r="G7818" s="93" t="s">
        <v>8</v>
      </c>
      <c r="H7818" s="111">
        <v>0</v>
      </c>
      <c r="I7818" s="111">
        <v>0</v>
      </c>
      <c r="J7818" s="111">
        <v>0</v>
      </c>
      <c r="K7818" s="111">
        <v>0</v>
      </c>
      <c r="L7818" s="111">
        <v>0</v>
      </c>
      <c r="M7818" s="111">
        <v>0</v>
      </c>
      <c r="N7818" s="111">
        <v>0</v>
      </c>
      <c r="O7818" s="111">
        <v>0</v>
      </c>
      <c r="P7818" s="111">
        <v>0</v>
      </c>
      <c r="Q7818" s="111">
        <v>0</v>
      </c>
      <c r="R7818" s="111">
        <v>0</v>
      </c>
      <c r="S7818" s="111">
        <v>0</v>
      </c>
      <c r="T7818" s="111">
        <v>0</v>
      </c>
      <c r="U7818" s="111">
        <v>0</v>
      </c>
      <c r="V7818" s="111">
        <v>0</v>
      </c>
      <c r="W7818" s="111">
        <v>0</v>
      </c>
      <c r="X7818" s="111">
        <v>0</v>
      </c>
      <c r="Y7818" s="111">
        <v>0</v>
      </c>
      <c r="Z7818" s="111">
        <v>0</v>
      </c>
      <c r="AA7818" s="111">
        <v>0</v>
      </c>
      <c r="AB7818" s="111">
        <v>0</v>
      </c>
      <c r="AC7818" s="111">
        <v>0</v>
      </c>
      <c r="AD7818" s="111">
        <v>0</v>
      </c>
      <c r="AE7818" s="111">
        <v>0</v>
      </c>
      <c r="AF7818" s="111">
        <v>0</v>
      </c>
      <c r="AG7818" s="111">
        <v>0</v>
      </c>
      <c r="AH7818" s="111">
        <v>0</v>
      </c>
      <c r="AI7818" s="111">
        <v>0</v>
      </c>
      <c r="AJ7818" s="111">
        <v>0</v>
      </c>
      <c r="AK7818" s="111">
        <v>0</v>
      </c>
      <c r="AL7818" s="111">
        <v>0</v>
      </c>
      <c r="AM7818" s="111">
        <v>0</v>
      </c>
      <c r="AN7818" s="111">
        <v>0</v>
      </c>
      <c r="AO7818" s="111">
        <v>0</v>
      </c>
      <c r="AP7818" s="111">
        <v>0</v>
      </c>
      <c r="AQ7818" s="111">
        <v>0</v>
      </c>
      <c r="AR7818" s="111">
        <v>0</v>
      </c>
      <c r="AS7818" s="111">
        <v>0</v>
      </c>
      <c r="AT7818" s="111" t="s">
        <v>174</v>
      </c>
      <c r="AU7818" s="111">
        <v>0</v>
      </c>
      <c r="AV7818" s="111">
        <v>0</v>
      </c>
      <c r="AW7818" s="111">
        <v>0</v>
      </c>
      <c r="AX7818" s="112" t="s">
        <v>119</v>
      </c>
      <c r="AY7818" s="112" t="s">
        <v>119</v>
      </c>
      <c r="AZ7818" s="112"/>
      <c r="BA7818" s="112"/>
      <c r="BB7818" s="107">
        <v>45447</v>
      </c>
    </row>
    <row r="7819" spans="1:54" s="8" customFormat="1" ht="13.95" customHeight="1" x14ac:dyDescent="0.25">
      <c r="A7819" s="14" t="s">
        <v>18712</v>
      </c>
      <c r="B7819" s="109" t="s">
        <v>19880</v>
      </c>
      <c r="C7819" s="93" t="s">
        <v>18713</v>
      </c>
      <c r="D7819" s="93" t="s">
        <v>24429</v>
      </c>
      <c r="E7819" s="93">
        <v>1995</v>
      </c>
      <c r="F7819" s="93">
        <v>295</v>
      </c>
      <c r="G7819" s="93" t="s">
        <v>1</v>
      </c>
      <c r="H7819" s="111">
        <v>0</v>
      </c>
      <c r="I7819" s="111">
        <v>0</v>
      </c>
      <c r="J7819" s="111">
        <v>0</v>
      </c>
      <c r="K7819" s="111">
        <v>0</v>
      </c>
      <c r="L7819" s="111">
        <v>1</v>
      </c>
      <c r="M7819" s="111">
        <v>1</v>
      </c>
      <c r="N7819" s="111">
        <v>0</v>
      </c>
      <c r="O7819" s="111">
        <v>0</v>
      </c>
      <c r="P7819" s="111">
        <v>0</v>
      </c>
      <c r="Q7819" s="111">
        <v>0</v>
      </c>
      <c r="R7819" s="111">
        <v>0</v>
      </c>
      <c r="S7819" s="111">
        <v>0</v>
      </c>
      <c r="T7819" s="111">
        <v>0</v>
      </c>
      <c r="U7819" s="145"/>
      <c r="V7819" s="145"/>
      <c r="W7819" s="145"/>
      <c r="X7819" s="145"/>
      <c r="Y7819" s="145"/>
      <c r="Z7819" s="145"/>
      <c r="AA7819" s="145"/>
      <c r="AB7819" s="145"/>
      <c r="AC7819" s="145"/>
      <c r="AD7819" s="145"/>
      <c r="AE7819" s="145"/>
      <c r="AF7819" s="145"/>
      <c r="AG7819" s="145"/>
      <c r="AH7819" s="145"/>
      <c r="AI7819" s="145"/>
      <c r="AJ7819" s="145"/>
      <c r="AK7819" s="145"/>
      <c r="AL7819" s="145"/>
      <c r="AM7819" s="145"/>
      <c r="AN7819" s="145"/>
      <c r="AO7819" s="145"/>
      <c r="AP7819" s="145"/>
      <c r="AQ7819" s="145"/>
      <c r="AR7819" s="145"/>
      <c r="AS7819" s="145"/>
      <c r="AT7819" s="145"/>
      <c r="AU7819" s="145"/>
      <c r="AV7819" s="145"/>
      <c r="AW7819" s="145"/>
      <c r="AX7819" s="146"/>
      <c r="AY7819" s="146"/>
      <c r="AZ7819" s="146"/>
      <c r="BA7819" s="146"/>
      <c r="BB7819" s="107">
        <v>45447</v>
      </c>
    </row>
    <row r="7820" spans="1:54" s="8" customFormat="1" ht="13.95" customHeight="1" x14ac:dyDescent="0.25">
      <c r="A7820" s="14" t="s">
        <v>18714</v>
      </c>
      <c r="B7820" s="109" t="s">
        <v>19880</v>
      </c>
      <c r="C7820" s="93" t="s">
        <v>18715</v>
      </c>
      <c r="D7820" s="93" t="s">
        <v>24430</v>
      </c>
      <c r="E7820" s="93">
        <v>1986</v>
      </c>
      <c r="F7820" s="93">
        <v>734</v>
      </c>
      <c r="G7820" s="93" t="s">
        <v>8</v>
      </c>
      <c r="H7820" s="111">
        <v>0</v>
      </c>
      <c r="I7820" s="111">
        <v>0</v>
      </c>
      <c r="J7820" s="111">
        <v>0</v>
      </c>
      <c r="K7820" s="111">
        <v>0</v>
      </c>
      <c r="L7820" s="111">
        <v>1</v>
      </c>
      <c r="M7820" s="111">
        <v>0</v>
      </c>
      <c r="N7820" s="111">
        <v>0</v>
      </c>
      <c r="O7820" s="111">
        <v>0</v>
      </c>
      <c r="P7820" s="111">
        <v>0</v>
      </c>
      <c r="Q7820" s="111">
        <v>0</v>
      </c>
      <c r="R7820" s="111">
        <v>0</v>
      </c>
      <c r="S7820" s="111">
        <v>0</v>
      </c>
      <c r="T7820" s="111">
        <v>0</v>
      </c>
      <c r="U7820" s="111">
        <v>0</v>
      </c>
      <c r="V7820" s="111">
        <v>0</v>
      </c>
      <c r="W7820" s="111">
        <v>0</v>
      </c>
      <c r="X7820" s="111">
        <v>0</v>
      </c>
      <c r="Y7820" s="111">
        <v>0</v>
      </c>
      <c r="Z7820" s="111">
        <v>0</v>
      </c>
      <c r="AA7820" s="111">
        <v>0</v>
      </c>
      <c r="AB7820" s="111">
        <v>0</v>
      </c>
      <c r="AC7820" s="111">
        <v>0</v>
      </c>
      <c r="AD7820" s="111">
        <v>0</v>
      </c>
      <c r="AE7820" s="111">
        <v>0</v>
      </c>
      <c r="AF7820" s="111">
        <v>0</v>
      </c>
      <c r="AG7820" s="111">
        <v>0</v>
      </c>
      <c r="AH7820" s="111">
        <v>0</v>
      </c>
      <c r="AI7820" s="111">
        <v>0</v>
      </c>
      <c r="AJ7820" s="111">
        <v>0</v>
      </c>
      <c r="AK7820" s="111">
        <v>0</v>
      </c>
      <c r="AL7820" s="111">
        <v>0</v>
      </c>
      <c r="AM7820" s="111">
        <v>0</v>
      </c>
      <c r="AN7820" s="111">
        <v>0</v>
      </c>
      <c r="AO7820" s="111">
        <v>0</v>
      </c>
      <c r="AP7820" s="111">
        <v>0</v>
      </c>
      <c r="AQ7820" s="111">
        <v>0</v>
      </c>
      <c r="AR7820" s="111">
        <v>0</v>
      </c>
      <c r="AS7820" s="111">
        <v>0</v>
      </c>
      <c r="AT7820" s="111" t="s">
        <v>174</v>
      </c>
      <c r="AU7820" s="111">
        <v>0</v>
      </c>
      <c r="AV7820" s="111">
        <v>0</v>
      </c>
      <c r="AW7820" s="111">
        <v>0</v>
      </c>
      <c r="AX7820" s="112" t="s">
        <v>119</v>
      </c>
      <c r="AY7820" s="112" t="s">
        <v>119</v>
      </c>
      <c r="AZ7820" s="112"/>
      <c r="BA7820" s="112"/>
      <c r="BB7820" s="107">
        <v>45447</v>
      </c>
    </row>
    <row r="7821" spans="1:54" s="8" customFormat="1" ht="13.95" customHeight="1" x14ac:dyDescent="0.25">
      <c r="A7821" s="14" t="s">
        <v>18716</v>
      </c>
      <c r="B7821" s="109" t="s">
        <v>19880</v>
      </c>
      <c r="C7821" s="93" t="s">
        <v>18717</v>
      </c>
      <c r="D7821" s="93" t="s">
        <v>24431</v>
      </c>
      <c r="E7821" s="93">
        <v>1980</v>
      </c>
      <c r="F7821" s="93">
        <v>774</v>
      </c>
      <c r="G7821" s="93" t="s">
        <v>1</v>
      </c>
      <c r="H7821" s="111">
        <v>0</v>
      </c>
      <c r="I7821" s="111">
        <v>0</v>
      </c>
      <c r="J7821" s="111">
        <v>1</v>
      </c>
      <c r="K7821" s="111">
        <v>0</v>
      </c>
      <c r="L7821" s="111">
        <v>1</v>
      </c>
      <c r="M7821" s="111">
        <v>0</v>
      </c>
      <c r="N7821" s="111">
        <v>0</v>
      </c>
      <c r="O7821" s="111">
        <v>1</v>
      </c>
      <c r="P7821" s="111">
        <v>0</v>
      </c>
      <c r="Q7821" s="111">
        <v>0</v>
      </c>
      <c r="R7821" s="111">
        <v>1</v>
      </c>
      <c r="S7821" s="111">
        <v>0</v>
      </c>
      <c r="T7821" s="111">
        <v>0</v>
      </c>
      <c r="U7821" s="145"/>
      <c r="V7821" s="145"/>
      <c r="W7821" s="145"/>
      <c r="X7821" s="145"/>
      <c r="Y7821" s="145"/>
      <c r="Z7821" s="145"/>
      <c r="AA7821" s="145"/>
      <c r="AB7821" s="145"/>
      <c r="AC7821" s="145"/>
      <c r="AD7821" s="145"/>
      <c r="AE7821" s="145"/>
      <c r="AF7821" s="145"/>
      <c r="AG7821" s="145"/>
      <c r="AH7821" s="145"/>
      <c r="AI7821" s="145"/>
      <c r="AJ7821" s="145"/>
      <c r="AK7821" s="145"/>
      <c r="AL7821" s="145"/>
      <c r="AM7821" s="145"/>
      <c r="AN7821" s="145"/>
      <c r="AO7821" s="145"/>
      <c r="AP7821" s="145"/>
      <c r="AQ7821" s="145"/>
      <c r="AR7821" s="145"/>
      <c r="AS7821" s="145"/>
      <c r="AT7821" s="145"/>
      <c r="AU7821" s="145"/>
      <c r="AV7821" s="145"/>
      <c r="AW7821" s="145"/>
      <c r="AX7821" s="146"/>
      <c r="AY7821" s="146"/>
      <c r="AZ7821" s="146"/>
      <c r="BA7821" s="146"/>
      <c r="BB7821" s="107">
        <v>45447</v>
      </c>
    </row>
    <row r="7822" spans="1:54" s="8" customFormat="1" ht="13.95" customHeight="1" x14ac:dyDescent="0.25">
      <c r="A7822" s="14" t="s">
        <v>18718</v>
      </c>
      <c r="B7822" s="109" t="s">
        <v>19880</v>
      </c>
      <c r="C7822" s="93" t="s">
        <v>18719</v>
      </c>
      <c r="D7822" s="93" t="s">
        <v>24432</v>
      </c>
      <c r="E7822" s="93">
        <v>1988</v>
      </c>
      <c r="F7822" s="93">
        <v>864</v>
      </c>
      <c r="G7822" s="93" t="s">
        <v>1</v>
      </c>
      <c r="H7822" s="111">
        <v>0</v>
      </c>
      <c r="I7822" s="111">
        <v>0</v>
      </c>
      <c r="J7822" s="111">
        <v>0</v>
      </c>
      <c r="K7822" s="111">
        <v>0</v>
      </c>
      <c r="L7822" s="111">
        <v>1</v>
      </c>
      <c r="M7822" s="111">
        <v>0</v>
      </c>
      <c r="N7822" s="111">
        <v>0</v>
      </c>
      <c r="O7822" s="111">
        <v>1</v>
      </c>
      <c r="P7822" s="111">
        <v>1</v>
      </c>
      <c r="Q7822" s="111">
        <v>1</v>
      </c>
      <c r="R7822" s="111">
        <v>1</v>
      </c>
      <c r="S7822" s="111">
        <v>0</v>
      </c>
      <c r="T7822" s="111">
        <v>0</v>
      </c>
      <c r="U7822" s="145"/>
      <c r="V7822" s="145"/>
      <c r="W7822" s="145"/>
      <c r="X7822" s="145"/>
      <c r="Y7822" s="145"/>
      <c r="Z7822" s="145"/>
      <c r="AA7822" s="145"/>
      <c r="AB7822" s="145"/>
      <c r="AC7822" s="145"/>
      <c r="AD7822" s="145"/>
      <c r="AE7822" s="145"/>
      <c r="AF7822" s="145"/>
      <c r="AG7822" s="145"/>
      <c r="AH7822" s="145"/>
      <c r="AI7822" s="145"/>
      <c r="AJ7822" s="145"/>
      <c r="AK7822" s="145"/>
      <c r="AL7822" s="145"/>
      <c r="AM7822" s="145"/>
      <c r="AN7822" s="145"/>
      <c r="AO7822" s="145"/>
      <c r="AP7822" s="145"/>
      <c r="AQ7822" s="145"/>
      <c r="AR7822" s="145"/>
      <c r="AS7822" s="145"/>
      <c r="AT7822" s="145"/>
      <c r="AU7822" s="145"/>
      <c r="AV7822" s="145"/>
      <c r="AW7822" s="145"/>
      <c r="AX7822" s="146"/>
      <c r="AY7822" s="146"/>
      <c r="AZ7822" s="146"/>
      <c r="BA7822" s="146"/>
      <c r="BB7822" s="107">
        <v>45447</v>
      </c>
    </row>
    <row r="7823" spans="1:54" s="8" customFormat="1" ht="13.95" customHeight="1" x14ac:dyDescent="0.25">
      <c r="A7823" s="14" t="s">
        <v>18720</v>
      </c>
      <c r="B7823" s="109" t="s">
        <v>19880</v>
      </c>
      <c r="C7823" s="93" t="s">
        <v>18721</v>
      </c>
      <c r="D7823" s="93" t="s">
        <v>24433</v>
      </c>
      <c r="E7823" s="93">
        <v>2001</v>
      </c>
      <c r="F7823" s="93">
        <v>894</v>
      </c>
      <c r="G7823" s="93" t="s">
        <v>8</v>
      </c>
      <c r="H7823" s="111">
        <v>0</v>
      </c>
      <c r="I7823" s="111">
        <v>0</v>
      </c>
      <c r="J7823" s="111">
        <v>0</v>
      </c>
      <c r="K7823" s="111">
        <v>1</v>
      </c>
      <c r="L7823" s="111">
        <v>1</v>
      </c>
      <c r="M7823" s="111">
        <v>0</v>
      </c>
      <c r="N7823" s="111">
        <v>1</v>
      </c>
      <c r="O7823" s="111">
        <v>0</v>
      </c>
      <c r="P7823" s="111">
        <v>1</v>
      </c>
      <c r="Q7823" s="111">
        <v>0</v>
      </c>
      <c r="R7823" s="111">
        <v>1</v>
      </c>
      <c r="S7823" s="111">
        <v>0</v>
      </c>
      <c r="T7823" s="111">
        <v>0</v>
      </c>
      <c r="U7823" s="111">
        <v>0</v>
      </c>
      <c r="V7823" s="111">
        <v>0</v>
      </c>
      <c r="W7823" s="111">
        <v>0</v>
      </c>
      <c r="X7823" s="111">
        <v>0</v>
      </c>
      <c r="Y7823" s="111">
        <v>0</v>
      </c>
      <c r="Z7823" s="111">
        <v>0</v>
      </c>
      <c r="AA7823" s="111">
        <v>0</v>
      </c>
      <c r="AB7823" s="111">
        <v>0</v>
      </c>
      <c r="AC7823" s="111">
        <v>0</v>
      </c>
      <c r="AD7823" s="111">
        <v>0</v>
      </c>
      <c r="AE7823" s="111">
        <v>0</v>
      </c>
      <c r="AF7823" s="111">
        <v>0</v>
      </c>
      <c r="AG7823" s="111">
        <v>0</v>
      </c>
      <c r="AH7823" s="111">
        <v>0</v>
      </c>
      <c r="AI7823" s="111">
        <v>0</v>
      </c>
      <c r="AJ7823" s="111">
        <v>0</v>
      </c>
      <c r="AK7823" s="111">
        <v>0</v>
      </c>
      <c r="AL7823" s="111">
        <v>0</v>
      </c>
      <c r="AM7823" s="111">
        <v>0</v>
      </c>
      <c r="AN7823" s="111">
        <v>0</v>
      </c>
      <c r="AO7823" s="111">
        <v>0</v>
      </c>
      <c r="AP7823" s="111">
        <v>0</v>
      </c>
      <c r="AQ7823" s="111">
        <v>0</v>
      </c>
      <c r="AR7823" s="111">
        <v>0</v>
      </c>
      <c r="AS7823" s="111">
        <v>0</v>
      </c>
      <c r="AT7823" s="111" t="s">
        <v>174</v>
      </c>
      <c r="AU7823" s="111">
        <v>0</v>
      </c>
      <c r="AV7823" s="111">
        <v>0</v>
      </c>
      <c r="AW7823" s="111">
        <v>0</v>
      </c>
      <c r="AX7823" s="112" t="s">
        <v>119</v>
      </c>
      <c r="AY7823" s="112" t="s">
        <v>119</v>
      </c>
      <c r="AZ7823" s="112"/>
      <c r="BA7823" s="112"/>
      <c r="BB7823" s="107">
        <v>45447</v>
      </c>
    </row>
    <row r="7824" spans="1:54" s="8" customFormat="1" ht="13.95" customHeight="1" x14ac:dyDescent="0.25">
      <c r="A7824" s="14" t="s">
        <v>18722</v>
      </c>
      <c r="B7824" s="109" t="s">
        <v>19880</v>
      </c>
      <c r="C7824" s="93" t="s">
        <v>18723</v>
      </c>
      <c r="D7824" s="93" t="s">
        <v>24434</v>
      </c>
      <c r="E7824" s="93">
        <v>2013</v>
      </c>
      <c r="F7824" s="93">
        <v>1000</v>
      </c>
      <c r="G7824" s="93" t="s">
        <v>1</v>
      </c>
      <c r="H7824" s="111">
        <v>0</v>
      </c>
      <c r="I7824" s="111">
        <v>0</v>
      </c>
      <c r="J7824" s="111">
        <v>0</v>
      </c>
      <c r="K7824" s="111">
        <v>0</v>
      </c>
      <c r="L7824" s="111">
        <v>0</v>
      </c>
      <c r="M7824" s="111">
        <v>0</v>
      </c>
      <c r="N7824" s="111">
        <v>0</v>
      </c>
      <c r="O7824" s="111">
        <v>0</v>
      </c>
      <c r="P7824" s="111">
        <v>0</v>
      </c>
      <c r="Q7824" s="111">
        <v>0</v>
      </c>
      <c r="R7824" s="111">
        <v>0</v>
      </c>
      <c r="S7824" s="111">
        <v>0</v>
      </c>
      <c r="T7824" s="111">
        <v>0</v>
      </c>
      <c r="U7824" s="145"/>
      <c r="V7824" s="145"/>
      <c r="W7824" s="145"/>
      <c r="X7824" s="145"/>
      <c r="Y7824" s="145"/>
      <c r="Z7824" s="145"/>
      <c r="AA7824" s="145"/>
      <c r="AB7824" s="145"/>
      <c r="AC7824" s="145"/>
      <c r="AD7824" s="145"/>
      <c r="AE7824" s="145"/>
      <c r="AF7824" s="145"/>
      <c r="AG7824" s="145"/>
      <c r="AH7824" s="145"/>
      <c r="AI7824" s="145"/>
      <c r="AJ7824" s="145"/>
      <c r="AK7824" s="145"/>
      <c r="AL7824" s="145"/>
      <c r="AM7824" s="145"/>
      <c r="AN7824" s="145"/>
      <c r="AO7824" s="145"/>
      <c r="AP7824" s="145"/>
      <c r="AQ7824" s="145"/>
      <c r="AR7824" s="145"/>
      <c r="AS7824" s="145"/>
      <c r="AT7824" s="145"/>
      <c r="AU7824" s="145"/>
      <c r="AV7824" s="145"/>
      <c r="AW7824" s="145"/>
      <c r="AX7824" s="146"/>
      <c r="AY7824" s="146"/>
      <c r="AZ7824" s="146"/>
      <c r="BA7824" s="146"/>
      <c r="BB7824" s="107">
        <v>45447</v>
      </c>
    </row>
    <row r="7825" spans="1:54" s="8" customFormat="1" ht="13.95" customHeight="1" x14ac:dyDescent="0.25">
      <c r="A7825" s="14" t="s">
        <v>18724</v>
      </c>
      <c r="B7825" s="109" t="s">
        <v>19880</v>
      </c>
      <c r="C7825" s="93" t="s">
        <v>18725</v>
      </c>
      <c r="D7825" s="93" t="s">
        <v>24435</v>
      </c>
      <c r="E7825" s="93">
        <v>1985</v>
      </c>
      <c r="F7825" s="93">
        <v>1118</v>
      </c>
      <c r="G7825" s="93" t="s">
        <v>1</v>
      </c>
      <c r="H7825" s="111">
        <v>0</v>
      </c>
      <c r="I7825" s="111">
        <v>0</v>
      </c>
      <c r="J7825" s="111">
        <v>1</v>
      </c>
      <c r="K7825" s="111">
        <v>1</v>
      </c>
      <c r="L7825" s="111">
        <v>1</v>
      </c>
      <c r="M7825" s="111">
        <v>0</v>
      </c>
      <c r="N7825" s="111">
        <v>0</v>
      </c>
      <c r="O7825" s="111">
        <v>1</v>
      </c>
      <c r="P7825" s="111">
        <v>0</v>
      </c>
      <c r="Q7825" s="111">
        <v>0</v>
      </c>
      <c r="R7825" s="111">
        <v>1</v>
      </c>
      <c r="S7825" s="111">
        <v>0</v>
      </c>
      <c r="T7825" s="111">
        <v>0</v>
      </c>
      <c r="U7825" s="145"/>
      <c r="V7825" s="145"/>
      <c r="W7825" s="145"/>
      <c r="X7825" s="145"/>
      <c r="Y7825" s="145"/>
      <c r="Z7825" s="145"/>
      <c r="AA7825" s="145"/>
      <c r="AB7825" s="145"/>
      <c r="AC7825" s="145"/>
      <c r="AD7825" s="145"/>
      <c r="AE7825" s="145"/>
      <c r="AF7825" s="145"/>
      <c r="AG7825" s="145"/>
      <c r="AH7825" s="145"/>
      <c r="AI7825" s="145"/>
      <c r="AJ7825" s="145"/>
      <c r="AK7825" s="145"/>
      <c r="AL7825" s="145"/>
      <c r="AM7825" s="145"/>
      <c r="AN7825" s="145"/>
      <c r="AO7825" s="145"/>
      <c r="AP7825" s="145"/>
      <c r="AQ7825" s="145"/>
      <c r="AR7825" s="145"/>
      <c r="AS7825" s="145"/>
      <c r="AT7825" s="145"/>
      <c r="AU7825" s="145"/>
      <c r="AV7825" s="145"/>
      <c r="AW7825" s="145"/>
      <c r="AX7825" s="146"/>
      <c r="AY7825" s="146"/>
      <c r="AZ7825" s="146"/>
      <c r="BA7825" s="146"/>
      <c r="BB7825" s="107">
        <v>45447</v>
      </c>
    </row>
    <row r="7826" spans="1:54" s="8" customFormat="1" ht="13.95" customHeight="1" x14ac:dyDescent="0.25">
      <c r="A7826" s="14" t="s">
        <v>18726</v>
      </c>
      <c r="B7826" s="109" t="s">
        <v>19880</v>
      </c>
      <c r="C7826" s="93" t="s">
        <v>18727</v>
      </c>
      <c r="D7826" s="93" t="s">
        <v>24436</v>
      </c>
      <c r="E7826" s="93">
        <v>1979</v>
      </c>
      <c r="F7826" s="93">
        <v>1170</v>
      </c>
      <c r="G7826" s="93" t="s">
        <v>1</v>
      </c>
      <c r="H7826" s="111">
        <v>0</v>
      </c>
      <c r="I7826" s="111">
        <v>0</v>
      </c>
      <c r="J7826" s="111">
        <v>1</v>
      </c>
      <c r="K7826" s="111">
        <v>0</v>
      </c>
      <c r="L7826" s="111">
        <v>1</v>
      </c>
      <c r="M7826" s="111">
        <v>0</v>
      </c>
      <c r="N7826" s="111">
        <v>0</v>
      </c>
      <c r="O7826" s="111">
        <v>1</v>
      </c>
      <c r="P7826" s="111">
        <v>1</v>
      </c>
      <c r="Q7826" s="111">
        <v>0</v>
      </c>
      <c r="R7826" s="111">
        <v>1</v>
      </c>
      <c r="S7826" s="111">
        <v>0</v>
      </c>
      <c r="T7826" s="111">
        <v>0</v>
      </c>
      <c r="U7826" s="145"/>
      <c r="V7826" s="145"/>
      <c r="W7826" s="145"/>
      <c r="X7826" s="145"/>
      <c r="Y7826" s="145"/>
      <c r="Z7826" s="145"/>
      <c r="AA7826" s="145"/>
      <c r="AB7826" s="145"/>
      <c r="AC7826" s="145"/>
      <c r="AD7826" s="145"/>
      <c r="AE7826" s="145"/>
      <c r="AF7826" s="145"/>
      <c r="AG7826" s="145"/>
      <c r="AH7826" s="145"/>
      <c r="AI7826" s="145"/>
      <c r="AJ7826" s="145"/>
      <c r="AK7826" s="145"/>
      <c r="AL7826" s="145"/>
      <c r="AM7826" s="145"/>
      <c r="AN7826" s="145"/>
      <c r="AO7826" s="145"/>
      <c r="AP7826" s="145"/>
      <c r="AQ7826" s="145"/>
      <c r="AR7826" s="145"/>
      <c r="AS7826" s="145"/>
      <c r="AT7826" s="145"/>
      <c r="AU7826" s="145"/>
      <c r="AV7826" s="145"/>
      <c r="AW7826" s="145"/>
      <c r="AX7826" s="146"/>
      <c r="AY7826" s="146"/>
      <c r="AZ7826" s="146"/>
      <c r="BA7826" s="146"/>
      <c r="BB7826" s="107">
        <v>45447</v>
      </c>
    </row>
    <row r="7827" spans="1:54" s="8" customFormat="1" ht="13.95" customHeight="1" x14ac:dyDescent="0.25">
      <c r="A7827" s="14" t="s">
        <v>18728</v>
      </c>
      <c r="B7827" s="109" t="s">
        <v>19880</v>
      </c>
      <c r="C7827" s="93" t="s">
        <v>18729</v>
      </c>
      <c r="D7827" s="93" t="s">
        <v>24437</v>
      </c>
      <c r="E7827" s="93">
        <v>1987</v>
      </c>
      <c r="F7827" s="93">
        <v>1203</v>
      </c>
      <c r="G7827" s="93" t="s">
        <v>1</v>
      </c>
      <c r="H7827" s="111">
        <v>0</v>
      </c>
      <c r="I7827" s="111">
        <v>0</v>
      </c>
      <c r="J7827" s="111">
        <v>0</v>
      </c>
      <c r="K7827" s="111">
        <v>0</v>
      </c>
      <c r="L7827" s="111">
        <v>0</v>
      </c>
      <c r="M7827" s="111">
        <v>0</v>
      </c>
      <c r="N7827" s="111">
        <v>0</v>
      </c>
      <c r="O7827" s="111">
        <v>0</v>
      </c>
      <c r="P7827" s="111">
        <v>0</v>
      </c>
      <c r="Q7827" s="111">
        <v>0</v>
      </c>
      <c r="R7827" s="111">
        <v>0</v>
      </c>
      <c r="S7827" s="111">
        <v>0</v>
      </c>
      <c r="T7827" s="111">
        <v>0</v>
      </c>
      <c r="U7827" s="145"/>
      <c r="V7827" s="145"/>
      <c r="W7827" s="145"/>
      <c r="X7827" s="145"/>
      <c r="Y7827" s="145"/>
      <c r="Z7827" s="145"/>
      <c r="AA7827" s="145"/>
      <c r="AB7827" s="145"/>
      <c r="AC7827" s="145"/>
      <c r="AD7827" s="145"/>
      <c r="AE7827" s="145"/>
      <c r="AF7827" s="145"/>
      <c r="AG7827" s="145"/>
      <c r="AH7827" s="145"/>
      <c r="AI7827" s="145"/>
      <c r="AJ7827" s="145"/>
      <c r="AK7827" s="145"/>
      <c r="AL7827" s="145"/>
      <c r="AM7827" s="145"/>
      <c r="AN7827" s="145"/>
      <c r="AO7827" s="145"/>
      <c r="AP7827" s="145"/>
      <c r="AQ7827" s="145"/>
      <c r="AR7827" s="145"/>
      <c r="AS7827" s="145"/>
      <c r="AT7827" s="145"/>
      <c r="AU7827" s="145"/>
      <c r="AV7827" s="145"/>
      <c r="AW7827" s="145"/>
      <c r="AX7827" s="146"/>
      <c r="AY7827" s="146"/>
      <c r="AZ7827" s="146"/>
      <c r="BA7827" s="146"/>
      <c r="BB7827" s="107">
        <v>45447</v>
      </c>
    </row>
    <row r="7828" spans="1:54" s="8" customFormat="1" ht="13.95" customHeight="1" x14ac:dyDescent="0.25">
      <c r="A7828" s="14" t="s">
        <v>18730</v>
      </c>
      <c r="B7828" s="109" t="s">
        <v>19880</v>
      </c>
      <c r="C7828" s="93" t="s">
        <v>18731</v>
      </c>
      <c r="D7828" s="93" t="s">
        <v>24438</v>
      </c>
      <c r="E7828" s="93">
        <v>1979</v>
      </c>
      <c r="F7828" s="93">
        <v>1315</v>
      </c>
      <c r="G7828" s="93" t="s">
        <v>1</v>
      </c>
      <c r="H7828" s="111">
        <v>0</v>
      </c>
      <c r="I7828" s="111">
        <v>0</v>
      </c>
      <c r="J7828" s="111">
        <v>1</v>
      </c>
      <c r="K7828" s="111">
        <v>0</v>
      </c>
      <c r="L7828" s="111">
        <v>1</v>
      </c>
      <c r="M7828" s="111">
        <v>0</v>
      </c>
      <c r="N7828" s="111">
        <v>0</v>
      </c>
      <c r="O7828" s="111">
        <v>1</v>
      </c>
      <c r="P7828" s="111">
        <v>1</v>
      </c>
      <c r="Q7828" s="111">
        <v>0</v>
      </c>
      <c r="R7828" s="111">
        <v>1</v>
      </c>
      <c r="S7828" s="111">
        <v>0</v>
      </c>
      <c r="T7828" s="111">
        <v>0</v>
      </c>
      <c r="U7828" s="145"/>
      <c r="V7828" s="145"/>
      <c r="W7828" s="145"/>
      <c r="X7828" s="145"/>
      <c r="Y7828" s="145"/>
      <c r="Z7828" s="145"/>
      <c r="AA7828" s="145"/>
      <c r="AB7828" s="145"/>
      <c r="AC7828" s="145"/>
      <c r="AD7828" s="145"/>
      <c r="AE7828" s="145"/>
      <c r="AF7828" s="145"/>
      <c r="AG7828" s="145"/>
      <c r="AH7828" s="145"/>
      <c r="AI7828" s="145"/>
      <c r="AJ7828" s="145"/>
      <c r="AK7828" s="145"/>
      <c r="AL7828" s="145"/>
      <c r="AM7828" s="145"/>
      <c r="AN7828" s="145"/>
      <c r="AO7828" s="145"/>
      <c r="AP7828" s="145"/>
      <c r="AQ7828" s="145"/>
      <c r="AR7828" s="145"/>
      <c r="AS7828" s="145"/>
      <c r="AT7828" s="145"/>
      <c r="AU7828" s="145"/>
      <c r="AV7828" s="145"/>
      <c r="AW7828" s="145"/>
      <c r="AX7828" s="146"/>
      <c r="AY7828" s="146"/>
      <c r="AZ7828" s="146"/>
      <c r="BA7828" s="146"/>
      <c r="BB7828" s="107">
        <v>45447</v>
      </c>
    </row>
    <row r="7829" spans="1:54" s="8" customFormat="1" ht="13.95" customHeight="1" x14ac:dyDescent="0.25">
      <c r="A7829" s="14" t="s">
        <v>18732</v>
      </c>
      <c r="B7829" s="109" t="s">
        <v>19880</v>
      </c>
      <c r="C7829" s="93" t="s">
        <v>18733</v>
      </c>
      <c r="D7829" s="93" t="s">
        <v>24439</v>
      </c>
      <c r="E7829" s="93">
        <v>1987</v>
      </c>
      <c r="F7829" s="93">
        <v>1465</v>
      </c>
      <c r="G7829" s="93" t="s">
        <v>1</v>
      </c>
      <c r="H7829" s="111">
        <v>0</v>
      </c>
      <c r="I7829" s="111">
        <v>0</v>
      </c>
      <c r="J7829" s="111">
        <v>1</v>
      </c>
      <c r="K7829" s="111">
        <v>0</v>
      </c>
      <c r="L7829" s="111">
        <v>1</v>
      </c>
      <c r="M7829" s="111">
        <v>1</v>
      </c>
      <c r="N7829" s="111">
        <v>0</v>
      </c>
      <c r="O7829" s="111">
        <v>1</v>
      </c>
      <c r="P7829" s="111">
        <v>1</v>
      </c>
      <c r="Q7829" s="111">
        <v>0</v>
      </c>
      <c r="R7829" s="111">
        <v>0</v>
      </c>
      <c r="S7829" s="111">
        <v>0</v>
      </c>
      <c r="T7829" s="111">
        <v>0</v>
      </c>
      <c r="U7829" s="145"/>
      <c r="V7829" s="145"/>
      <c r="W7829" s="145"/>
      <c r="X7829" s="145"/>
      <c r="Y7829" s="145"/>
      <c r="Z7829" s="145"/>
      <c r="AA7829" s="145"/>
      <c r="AB7829" s="145"/>
      <c r="AC7829" s="145"/>
      <c r="AD7829" s="145"/>
      <c r="AE7829" s="145"/>
      <c r="AF7829" s="145"/>
      <c r="AG7829" s="145"/>
      <c r="AH7829" s="145"/>
      <c r="AI7829" s="145"/>
      <c r="AJ7829" s="145"/>
      <c r="AK7829" s="145"/>
      <c r="AL7829" s="145"/>
      <c r="AM7829" s="145"/>
      <c r="AN7829" s="145"/>
      <c r="AO7829" s="145"/>
      <c r="AP7829" s="145"/>
      <c r="AQ7829" s="145"/>
      <c r="AR7829" s="145"/>
      <c r="AS7829" s="145"/>
      <c r="AT7829" s="145"/>
      <c r="AU7829" s="145"/>
      <c r="AV7829" s="145"/>
      <c r="AW7829" s="145"/>
      <c r="AX7829" s="146"/>
      <c r="AY7829" s="146"/>
      <c r="AZ7829" s="146"/>
      <c r="BA7829" s="146"/>
      <c r="BB7829" s="107">
        <v>45447</v>
      </c>
    </row>
    <row r="7830" spans="1:54" s="8" customFormat="1" ht="13.95" customHeight="1" x14ac:dyDescent="0.25">
      <c r="A7830" s="14" t="s">
        <v>18734</v>
      </c>
      <c r="B7830" s="109" t="s">
        <v>19880</v>
      </c>
      <c r="C7830" s="93" t="s">
        <v>18735</v>
      </c>
      <c r="D7830" s="93" t="s">
        <v>24440</v>
      </c>
      <c r="E7830" s="93">
        <v>2010</v>
      </c>
      <c r="F7830" s="93">
        <v>1700</v>
      </c>
      <c r="G7830" s="93" t="s">
        <v>1</v>
      </c>
      <c r="H7830" s="111">
        <v>1</v>
      </c>
      <c r="I7830" s="111">
        <v>1</v>
      </c>
      <c r="J7830" s="111">
        <v>1</v>
      </c>
      <c r="K7830" s="111">
        <v>0</v>
      </c>
      <c r="L7830" s="111">
        <v>1</v>
      </c>
      <c r="M7830" s="111">
        <v>0</v>
      </c>
      <c r="N7830" s="111">
        <v>0</v>
      </c>
      <c r="O7830" s="111">
        <v>0</v>
      </c>
      <c r="P7830" s="111">
        <v>0</v>
      </c>
      <c r="Q7830" s="111">
        <v>0</v>
      </c>
      <c r="R7830" s="111">
        <v>0</v>
      </c>
      <c r="S7830" s="111">
        <v>0</v>
      </c>
      <c r="T7830" s="111">
        <v>0</v>
      </c>
      <c r="U7830" s="145"/>
      <c r="V7830" s="145"/>
      <c r="W7830" s="145"/>
      <c r="X7830" s="145"/>
      <c r="Y7830" s="145"/>
      <c r="Z7830" s="145"/>
      <c r="AA7830" s="145"/>
      <c r="AB7830" s="145"/>
      <c r="AC7830" s="145"/>
      <c r="AD7830" s="145"/>
      <c r="AE7830" s="145"/>
      <c r="AF7830" s="145"/>
      <c r="AG7830" s="145"/>
      <c r="AH7830" s="145"/>
      <c r="AI7830" s="145"/>
      <c r="AJ7830" s="145"/>
      <c r="AK7830" s="145"/>
      <c r="AL7830" s="145"/>
      <c r="AM7830" s="145"/>
      <c r="AN7830" s="145"/>
      <c r="AO7830" s="145"/>
      <c r="AP7830" s="145"/>
      <c r="AQ7830" s="145"/>
      <c r="AR7830" s="145"/>
      <c r="AS7830" s="145"/>
      <c r="AT7830" s="145"/>
      <c r="AU7830" s="145"/>
      <c r="AV7830" s="145"/>
      <c r="AW7830" s="145"/>
      <c r="AX7830" s="146"/>
      <c r="AY7830" s="146"/>
      <c r="AZ7830" s="146"/>
      <c r="BA7830" s="146"/>
      <c r="BB7830" s="107">
        <v>45447</v>
      </c>
    </row>
    <row r="7831" spans="1:54" s="8" customFormat="1" ht="13.95" customHeight="1" x14ac:dyDescent="0.25">
      <c r="A7831" s="14" t="s">
        <v>18736</v>
      </c>
      <c r="B7831" s="109" t="s">
        <v>19880</v>
      </c>
      <c r="C7831" s="93" t="s">
        <v>14980</v>
      </c>
      <c r="D7831" s="93" t="s">
        <v>24441</v>
      </c>
      <c r="E7831" s="93">
        <v>2010</v>
      </c>
      <c r="F7831" s="93">
        <v>1891</v>
      </c>
      <c r="G7831" s="93" t="s">
        <v>1</v>
      </c>
      <c r="H7831" s="111">
        <v>1</v>
      </c>
      <c r="I7831" s="111">
        <v>1</v>
      </c>
      <c r="J7831" s="111">
        <v>1</v>
      </c>
      <c r="K7831" s="111">
        <v>0</v>
      </c>
      <c r="L7831" s="111">
        <v>0</v>
      </c>
      <c r="M7831" s="111">
        <v>0</v>
      </c>
      <c r="N7831" s="111">
        <v>0</v>
      </c>
      <c r="O7831" s="111">
        <v>0</v>
      </c>
      <c r="P7831" s="111">
        <v>0</v>
      </c>
      <c r="Q7831" s="111">
        <v>0</v>
      </c>
      <c r="R7831" s="111">
        <v>0</v>
      </c>
      <c r="S7831" s="111">
        <v>0</v>
      </c>
      <c r="T7831" s="111">
        <v>0</v>
      </c>
      <c r="U7831" s="145"/>
      <c r="V7831" s="145"/>
      <c r="W7831" s="145"/>
      <c r="X7831" s="145"/>
      <c r="Y7831" s="145"/>
      <c r="Z7831" s="145"/>
      <c r="AA7831" s="145"/>
      <c r="AB7831" s="145"/>
      <c r="AC7831" s="145"/>
      <c r="AD7831" s="145"/>
      <c r="AE7831" s="145"/>
      <c r="AF7831" s="145"/>
      <c r="AG7831" s="145"/>
      <c r="AH7831" s="145"/>
      <c r="AI7831" s="145"/>
      <c r="AJ7831" s="145"/>
      <c r="AK7831" s="145"/>
      <c r="AL7831" s="145"/>
      <c r="AM7831" s="145"/>
      <c r="AN7831" s="145"/>
      <c r="AO7831" s="145"/>
      <c r="AP7831" s="145"/>
      <c r="AQ7831" s="145"/>
      <c r="AR7831" s="145"/>
      <c r="AS7831" s="145"/>
      <c r="AT7831" s="145"/>
      <c r="AU7831" s="145"/>
      <c r="AV7831" s="145"/>
      <c r="AW7831" s="145"/>
      <c r="AX7831" s="146"/>
      <c r="AY7831" s="146"/>
      <c r="AZ7831" s="146"/>
      <c r="BA7831" s="146"/>
      <c r="BB7831" s="107">
        <v>45447</v>
      </c>
    </row>
    <row r="7832" spans="1:54" s="8" customFormat="1" ht="13.95" customHeight="1" x14ac:dyDescent="0.25">
      <c r="A7832" s="14" t="s">
        <v>18737</v>
      </c>
      <c r="B7832" s="109" t="s">
        <v>19880</v>
      </c>
      <c r="C7832" s="93" t="s">
        <v>4983</v>
      </c>
      <c r="D7832" s="93" t="s">
        <v>24442</v>
      </c>
      <c r="E7832" s="93">
        <v>1991</v>
      </c>
      <c r="F7832" s="93">
        <v>1951</v>
      </c>
      <c r="G7832" s="93" t="s">
        <v>1</v>
      </c>
      <c r="H7832" s="111">
        <v>0</v>
      </c>
      <c r="I7832" s="111">
        <v>0</v>
      </c>
      <c r="J7832" s="111">
        <v>0</v>
      </c>
      <c r="K7832" s="111">
        <v>1</v>
      </c>
      <c r="L7832" s="111">
        <v>1</v>
      </c>
      <c r="M7832" s="111">
        <v>0</v>
      </c>
      <c r="N7832" s="111">
        <v>0</v>
      </c>
      <c r="O7832" s="111">
        <v>1</v>
      </c>
      <c r="P7832" s="111">
        <v>1</v>
      </c>
      <c r="Q7832" s="111">
        <v>0</v>
      </c>
      <c r="R7832" s="111">
        <v>0</v>
      </c>
      <c r="S7832" s="111">
        <v>0</v>
      </c>
      <c r="T7832" s="111">
        <v>0</v>
      </c>
      <c r="U7832" s="145"/>
      <c r="V7832" s="145"/>
      <c r="W7832" s="145"/>
      <c r="X7832" s="145"/>
      <c r="Y7832" s="145"/>
      <c r="Z7832" s="145"/>
      <c r="AA7832" s="145"/>
      <c r="AB7832" s="145"/>
      <c r="AC7832" s="145"/>
      <c r="AD7832" s="145"/>
      <c r="AE7832" s="145"/>
      <c r="AF7832" s="145"/>
      <c r="AG7832" s="145"/>
      <c r="AH7832" s="145"/>
      <c r="AI7832" s="145"/>
      <c r="AJ7832" s="145"/>
      <c r="AK7832" s="145"/>
      <c r="AL7832" s="145"/>
      <c r="AM7832" s="145"/>
      <c r="AN7832" s="145"/>
      <c r="AO7832" s="145"/>
      <c r="AP7832" s="145"/>
      <c r="AQ7832" s="145"/>
      <c r="AR7832" s="145"/>
      <c r="AS7832" s="145"/>
      <c r="AT7832" s="145"/>
      <c r="AU7832" s="145"/>
      <c r="AV7832" s="145"/>
      <c r="AW7832" s="145"/>
      <c r="AX7832" s="146"/>
      <c r="AY7832" s="146"/>
      <c r="AZ7832" s="146"/>
      <c r="BA7832" s="146"/>
      <c r="BB7832" s="107">
        <v>45447</v>
      </c>
    </row>
    <row r="7833" spans="1:54" s="8" customFormat="1" ht="13.95" customHeight="1" x14ac:dyDescent="0.25">
      <c r="A7833" s="14" t="s">
        <v>18738</v>
      </c>
      <c r="B7833" s="109" t="s">
        <v>19880</v>
      </c>
      <c r="C7833" s="93" t="s">
        <v>18739</v>
      </c>
      <c r="D7833" s="93" t="s">
        <v>24443</v>
      </c>
      <c r="E7833" s="93">
        <v>1985</v>
      </c>
      <c r="F7833" s="93">
        <v>2624</v>
      </c>
      <c r="G7833" s="93" t="s">
        <v>8</v>
      </c>
      <c r="H7833" s="111">
        <v>1</v>
      </c>
      <c r="I7833" s="111">
        <v>0</v>
      </c>
      <c r="J7833" s="111">
        <v>0</v>
      </c>
      <c r="K7833" s="111">
        <v>0</v>
      </c>
      <c r="L7833" s="111">
        <v>0</v>
      </c>
      <c r="M7833" s="111">
        <v>0</v>
      </c>
      <c r="N7833" s="111">
        <v>0</v>
      </c>
      <c r="O7833" s="111">
        <v>0</v>
      </c>
      <c r="P7833" s="111">
        <v>0</v>
      </c>
      <c r="Q7833" s="111">
        <v>0</v>
      </c>
      <c r="R7833" s="111">
        <v>0</v>
      </c>
      <c r="S7833" s="111">
        <v>0</v>
      </c>
      <c r="T7833" s="111">
        <v>0</v>
      </c>
      <c r="U7833" s="111">
        <v>0</v>
      </c>
      <c r="V7833" s="111">
        <v>0</v>
      </c>
      <c r="W7833" s="111">
        <v>0</v>
      </c>
      <c r="X7833" s="111">
        <v>0</v>
      </c>
      <c r="Y7833" s="111">
        <v>0</v>
      </c>
      <c r="Z7833" s="111">
        <v>0</v>
      </c>
      <c r="AA7833" s="111">
        <v>0</v>
      </c>
      <c r="AB7833" s="111">
        <v>0</v>
      </c>
      <c r="AC7833" s="111">
        <v>0</v>
      </c>
      <c r="AD7833" s="111">
        <v>0</v>
      </c>
      <c r="AE7833" s="111">
        <v>0</v>
      </c>
      <c r="AF7833" s="111">
        <v>0</v>
      </c>
      <c r="AG7833" s="111">
        <v>0</v>
      </c>
      <c r="AH7833" s="111">
        <v>0</v>
      </c>
      <c r="AI7833" s="111">
        <v>0</v>
      </c>
      <c r="AJ7833" s="111">
        <v>0</v>
      </c>
      <c r="AK7833" s="111">
        <v>0</v>
      </c>
      <c r="AL7833" s="111">
        <v>0</v>
      </c>
      <c r="AM7833" s="111">
        <v>0</v>
      </c>
      <c r="AN7833" s="111">
        <v>0</v>
      </c>
      <c r="AO7833" s="111">
        <v>0</v>
      </c>
      <c r="AP7833" s="111">
        <v>0</v>
      </c>
      <c r="AQ7833" s="111">
        <v>0</v>
      </c>
      <c r="AR7833" s="111">
        <v>0</v>
      </c>
      <c r="AS7833" s="111">
        <v>0</v>
      </c>
      <c r="AT7833" s="111" t="s">
        <v>174</v>
      </c>
      <c r="AU7833" s="111">
        <v>0</v>
      </c>
      <c r="AV7833" s="111">
        <v>0</v>
      </c>
      <c r="AW7833" s="111">
        <v>0</v>
      </c>
      <c r="AX7833" s="112" t="s">
        <v>119</v>
      </c>
      <c r="AY7833" s="112" t="s">
        <v>119</v>
      </c>
      <c r="AZ7833" s="123" t="s">
        <v>24346</v>
      </c>
      <c r="BA7833" s="112"/>
      <c r="BB7833" s="107">
        <v>45447</v>
      </c>
    </row>
    <row r="7834" spans="1:54" s="8" customFormat="1" ht="13.95" customHeight="1" x14ac:dyDescent="0.25">
      <c r="A7834" s="14" t="s">
        <v>18740</v>
      </c>
      <c r="B7834" s="109" t="s">
        <v>19880</v>
      </c>
      <c r="C7834" s="93" t="s">
        <v>21927</v>
      </c>
      <c r="D7834" s="93" t="s">
        <v>24444</v>
      </c>
      <c r="E7834" s="93">
        <v>1986</v>
      </c>
      <c r="F7834" s="93">
        <v>3255</v>
      </c>
      <c r="G7834" s="93" t="s">
        <v>1</v>
      </c>
      <c r="H7834" s="111">
        <v>0</v>
      </c>
      <c r="I7834" s="111">
        <v>0</v>
      </c>
      <c r="J7834" s="111">
        <v>1</v>
      </c>
      <c r="K7834" s="111">
        <v>0</v>
      </c>
      <c r="L7834" s="111">
        <v>1</v>
      </c>
      <c r="M7834" s="111">
        <v>0</v>
      </c>
      <c r="N7834" s="111">
        <v>0</v>
      </c>
      <c r="O7834" s="111">
        <v>0</v>
      </c>
      <c r="P7834" s="111">
        <v>1</v>
      </c>
      <c r="Q7834" s="111">
        <v>0</v>
      </c>
      <c r="R7834" s="111">
        <v>0</v>
      </c>
      <c r="S7834" s="111">
        <v>0</v>
      </c>
      <c r="T7834" s="111">
        <v>0</v>
      </c>
      <c r="U7834" s="145"/>
      <c r="V7834" s="145"/>
      <c r="W7834" s="145"/>
      <c r="X7834" s="145"/>
      <c r="Y7834" s="145"/>
      <c r="Z7834" s="145"/>
      <c r="AA7834" s="145"/>
      <c r="AB7834" s="145"/>
      <c r="AC7834" s="145"/>
      <c r="AD7834" s="145"/>
      <c r="AE7834" s="145"/>
      <c r="AF7834" s="145"/>
      <c r="AG7834" s="145"/>
      <c r="AH7834" s="145"/>
      <c r="AI7834" s="145"/>
      <c r="AJ7834" s="145"/>
      <c r="AK7834" s="145"/>
      <c r="AL7834" s="145"/>
      <c r="AM7834" s="145"/>
      <c r="AN7834" s="145"/>
      <c r="AO7834" s="145"/>
      <c r="AP7834" s="145"/>
      <c r="AQ7834" s="145"/>
      <c r="AR7834" s="145"/>
      <c r="AS7834" s="145"/>
      <c r="AT7834" s="145"/>
      <c r="AU7834" s="145"/>
      <c r="AV7834" s="145"/>
      <c r="AW7834" s="145"/>
      <c r="AX7834" s="146"/>
      <c r="AY7834" s="146"/>
      <c r="AZ7834" s="146"/>
      <c r="BA7834" s="146"/>
      <c r="BB7834" s="107">
        <v>45447</v>
      </c>
    </row>
    <row r="7835" spans="1:54" s="8" customFormat="1" ht="13.95" customHeight="1" x14ac:dyDescent="0.25">
      <c r="A7835" s="14" t="s">
        <v>18741</v>
      </c>
      <c r="B7835" s="109" t="s">
        <v>19880</v>
      </c>
      <c r="C7835" s="93" t="s">
        <v>18742</v>
      </c>
      <c r="D7835" s="93" t="s">
        <v>24445</v>
      </c>
      <c r="E7835" s="93">
        <v>1999</v>
      </c>
      <c r="F7835" s="93">
        <v>5260</v>
      </c>
      <c r="G7835" s="93" t="s">
        <v>11</v>
      </c>
      <c r="H7835" s="111">
        <v>0</v>
      </c>
      <c r="I7835" s="111">
        <v>0</v>
      </c>
      <c r="J7835" s="111">
        <v>0</v>
      </c>
      <c r="K7835" s="111">
        <v>0</v>
      </c>
      <c r="L7835" s="111">
        <v>0</v>
      </c>
      <c r="M7835" s="111">
        <v>0</v>
      </c>
      <c r="N7835" s="111">
        <v>0</v>
      </c>
      <c r="O7835" s="111">
        <v>0</v>
      </c>
      <c r="P7835" s="111">
        <v>0</v>
      </c>
      <c r="Q7835" s="111">
        <v>0</v>
      </c>
      <c r="R7835" s="111">
        <v>0</v>
      </c>
      <c r="S7835" s="111">
        <v>0</v>
      </c>
      <c r="T7835" s="111">
        <v>0</v>
      </c>
      <c r="U7835" s="111">
        <v>0</v>
      </c>
      <c r="V7835" s="111">
        <v>0</v>
      </c>
      <c r="W7835" s="111">
        <v>0</v>
      </c>
      <c r="X7835" s="111">
        <v>0</v>
      </c>
      <c r="Y7835" s="111">
        <v>0</v>
      </c>
      <c r="Z7835" s="111">
        <v>0</v>
      </c>
      <c r="AA7835" s="111">
        <v>0</v>
      </c>
      <c r="AB7835" s="111">
        <v>0</v>
      </c>
      <c r="AC7835" s="111">
        <v>0</v>
      </c>
      <c r="AD7835" s="111">
        <v>0</v>
      </c>
      <c r="AE7835" s="111">
        <v>0</v>
      </c>
      <c r="AF7835" s="111">
        <v>0</v>
      </c>
      <c r="AG7835" s="111">
        <v>0</v>
      </c>
      <c r="AH7835" s="111">
        <v>0</v>
      </c>
      <c r="AI7835" s="111">
        <v>0</v>
      </c>
      <c r="AJ7835" s="111">
        <v>0</v>
      </c>
      <c r="AK7835" s="111">
        <v>0</v>
      </c>
      <c r="AL7835" s="111">
        <v>0</v>
      </c>
      <c r="AM7835" s="111">
        <v>0</v>
      </c>
      <c r="AN7835" s="111">
        <v>0</v>
      </c>
      <c r="AO7835" s="111">
        <v>0</v>
      </c>
      <c r="AP7835" s="111">
        <v>0</v>
      </c>
      <c r="AQ7835" s="111">
        <v>0</v>
      </c>
      <c r="AR7835" s="111">
        <v>0</v>
      </c>
      <c r="AS7835" s="111">
        <v>0</v>
      </c>
      <c r="AT7835" s="111" t="s">
        <v>174</v>
      </c>
      <c r="AU7835" s="111">
        <v>0</v>
      </c>
      <c r="AV7835" s="111">
        <v>0</v>
      </c>
      <c r="AW7835" s="111">
        <v>0</v>
      </c>
      <c r="AX7835" s="112" t="s">
        <v>119</v>
      </c>
      <c r="AY7835" s="112" t="s">
        <v>119</v>
      </c>
      <c r="AZ7835" s="112"/>
      <c r="BA7835" s="112" t="s">
        <v>24347</v>
      </c>
      <c r="BB7835" s="107">
        <v>45447</v>
      </c>
    </row>
    <row r="7836" spans="1:54" s="8" customFormat="1" ht="13.95" customHeight="1" x14ac:dyDescent="0.25">
      <c r="A7836" s="14" t="s">
        <v>18743</v>
      </c>
      <c r="B7836" s="109" t="s">
        <v>19880</v>
      </c>
      <c r="C7836" s="93" t="s">
        <v>18744</v>
      </c>
      <c r="D7836" s="93" t="s">
        <v>24446</v>
      </c>
      <c r="E7836" s="93">
        <v>1986</v>
      </c>
      <c r="F7836" s="93">
        <v>6412</v>
      </c>
      <c r="G7836" s="93" t="s">
        <v>11</v>
      </c>
      <c r="H7836" s="111">
        <v>0</v>
      </c>
      <c r="I7836" s="111">
        <v>0</v>
      </c>
      <c r="J7836" s="111">
        <v>1</v>
      </c>
      <c r="K7836" s="111">
        <v>0</v>
      </c>
      <c r="L7836" s="111">
        <v>0</v>
      </c>
      <c r="M7836" s="111">
        <v>0</v>
      </c>
      <c r="N7836" s="111">
        <v>0</v>
      </c>
      <c r="O7836" s="111">
        <v>0</v>
      </c>
      <c r="P7836" s="111">
        <v>0</v>
      </c>
      <c r="Q7836" s="111">
        <v>0</v>
      </c>
      <c r="R7836" s="111">
        <v>0</v>
      </c>
      <c r="S7836" s="111">
        <v>0</v>
      </c>
      <c r="T7836" s="111">
        <v>0</v>
      </c>
      <c r="U7836" s="111">
        <v>0</v>
      </c>
      <c r="V7836" s="111">
        <v>0</v>
      </c>
      <c r="W7836" s="111">
        <v>0</v>
      </c>
      <c r="X7836" s="111">
        <v>0</v>
      </c>
      <c r="Y7836" s="111">
        <v>0</v>
      </c>
      <c r="Z7836" s="111">
        <v>0</v>
      </c>
      <c r="AA7836" s="111">
        <v>0</v>
      </c>
      <c r="AB7836" s="111">
        <v>0</v>
      </c>
      <c r="AC7836" s="111">
        <v>0</v>
      </c>
      <c r="AD7836" s="111">
        <v>0</v>
      </c>
      <c r="AE7836" s="111">
        <v>0</v>
      </c>
      <c r="AF7836" s="111">
        <v>0</v>
      </c>
      <c r="AG7836" s="111">
        <v>0</v>
      </c>
      <c r="AH7836" s="111">
        <v>0</v>
      </c>
      <c r="AI7836" s="111">
        <v>0</v>
      </c>
      <c r="AJ7836" s="111">
        <v>0</v>
      </c>
      <c r="AK7836" s="111">
        <v>0</v>
      </c>
      <c r="AL7836" s="111">
        <v>0</v>
      </c>
      <c r="AM7836" s="111">
        <v>0</v>
      </c>
      <c r="AN7836" s="111">
        <v>0</v>
      </c>
      <c r="AO7836" s="111">
        <v>0</v>
      </c>
      <c r="AP7836" s="111">
        <v>0</v>
      </c>
      <c r="AQ7836" s="111">
        <v>0</v>
      </c>
      <c r="AR7836" s="111">
        <v>0</v>
      </c>
      <c r="AS7836" s="111">
        <v>0</v>
      </c>
      <c r="AT7836" s="111" t="s">
        <v>174</v>
      </c>
      <c r="AU7836" s="111">
        <v>0</v>
      </c>
      <c r="AV7836" s="111">
        <v>0</v>
      </c>
      <c r="AW7836" s="111">
        <v>0</v>
      </c>
      <c r="AX7836" s="112" t="s">
        <v>119</v>
      </c>
      <c r="AY7836" s="112" t="s">
        <v>119</v>
      </c>
      <c r="AZ7836" s="123" t="s">
        <v>24348</v>
      </c>
      <c r="BA7836" s="112" t="s">
        <v>18745</v>
      </c>
      <c r="BB7836" s="107">
        <v>45447</v>
      </c>
    </row>
    <row r="7837" spans="1:54" s="8" customFormat="1" ht="13.95" customHeight="1" x14ac:dyDescent="0.25">
      <c r="A7837" s="14" t="s">
        <v>18746</v>
      </c>
      <c r="B7837" s="109" t="s">
        <v>19880</v>
      </c>
      <c r="C7837" s="93" t="s">
        <v>18747</v>
      </c>
      <c r="D7837" s="93" t="s">
        <v>24447</v>
      </c>
      <c r="E7837" s="93">
        <v>1999</v>
      </c>
      <c r="F7837" s="93">
        <v>6836</v>
      </c>
      <c r="G7837" s="93" t="s">
        <v>11</v>
      </c>
      <c r="H7837" s="111">
        <v>0</v>
      </c>
      <c r="I7837" s="111">
        <v>0</v>
      </c>
      <c r="J7837" s="111">
        <v>0</v>
      </c>
      <c r="K7837" s="111">
        <v>0</v>
      </c>
      <c r="L7837" s="111">
        <v>1</v>
      </c>
      <c r="M7837" s="111">
        <v>0</v>
      </c>
      <c r="N7837" s="111">
        <v>0</v>
      </c>
      <c r="O7837" s="111">
        <v>0</v>
      </c>
      <c r="P7837" s="111">
        <v>0</v>
      </c>
      <c r="Q7837" s="111">
        <v>0</v>
      </c>
      <c r="R7837" s="111">
        <v>0</v>
      </c>
      <c r="S7837" s="111">
        <v>0</v>
      </c>
      <c r="T7837" s="111">
        <v>0</v>
      </c>
      <c r="U7837" s="111">
        <v>0</v>
      </c>
      <c r="V7837" s="111">
        <v>0</v>
      </c>
      <c r="W7837" s="111">
        <v>0</v>
      </c>
      <c r="X7837" s="111">
        <v>0</v>
      </c>
      <c r="Y7837" s="111">
        <v>0</v>
      </c>
      <c r="Z7837" s="111">
        <v>0</v>
      </c>
      <c r="AA7837" s="111">
        <v>0</v>
      </c>
      <c r="AB7837" s="111">
        <v>0</v>
      </c>
      <c r="AC7837" s="111">
        <v>0</v>
      </c>
      <c r="AD7837" s="111">
        <v>0</v>
      </c>
      <c r="AE7837" s="111">
        <v>0</v>
      </c>
      <c r="AF7837" s="111">
        <v>0</v>
      </c>
      <c r="AG7837" s="111">
        <v>0</v>
      </c>
      <c r="AH7837" s="111">
        <v>0</v>
      </c>
      <c r="AI7837" s="111">
        <v>0</v>
      </c>
      <c r="AJ7837" s="111">
        <v>0</v>
      </c>
      <c r="AK7837" s="111">
        <v>0</v>
      </c>
      <c r="AL7837" s="111">
        <v>0</v>
      </c>
      <c r="AM7837" s="111">
        <v>0</v>
      </c>
      <c r="AN7837" s="111">
        <v>0</v>
      </c>
      <c r="AO7837" s="111">
        <v>0</v>
      </c>
      <c r="AP7837" s="111">
        <v>0</v>
      </c>
      <c r="AQ7837" s="111">
        <v>0</v>
      </c>
      <c r="AR7837" s="111">
        <v>0</v>
      </c>
      <c r="AS7837" s="111">
        <v>0</v>
      </c>
      <c r="AT7837" s="111" t="s">
        <v>174</v>
      </c>
      <c r="AU7837" s="111">
        <v>0</v>
      </c>
      <c r="AV7837" s="111">
        <v>0</v>
      </c>
      <c r="AW7837" s="111">
        <v>0</v>
      </c>
      <c r="AX7837" s="112" t="s">
        <v>119</v>
      </c>
      <c r="AY7837" s="112" t="s">
        <v>119</v>
      </c>
      <c r="AZ7837" s="112"/>
      <c r="BA7837" s="112"/>
      <c r="BB7837" s="107">
        <v>45447</v>
      </c>
    </row>
    <row r="7838" spans="1:54" s="8" customFormat="1" ht="13.95" customHeight="1" x14ac:dyDescent="0.25">
      <c r="A7838" s="14" t="s">
        <v>18748</v>
      </c>
      <c r="B7838" s="109" t="s">
        <v>19880</v>
      </c>
      <c r="C7838" s="93" t="s">
        <v>18749</v>
      </c>
      <c r="D7838" s="93" t="s">
        <v>24448</v>
      </c>
      <c r="E7838" s="93">
        <v>1986</v>
      </c>
      <c r="F7838" s="93">
        <v>1210</v>
      </c>
      <c r="G7838" s="93" t="s">
        <v>1</v>
      </c>
      <c r="H7838" s="111">
        <v>0</v>
      </c>
      <c r="I7838" s="111">
        <v>0</v>
      </c>
      <c r="J7838" s="111">
        <v>1</v>
      </c>
      <c r="K7838" s="111">
        <v>0</v>
      </c>
      <c r="L7838" s="111">
        <v>1</v>
      </c>
      <c r="M7838" s="111">
        <v>0</v>
      </c>
      <c r="N7838" s="111">
        <v>0</v>
      </c>
      <c r="O7838" s="111">
        <v>0</v>
      </c>
      <c r="P7838" s="111">
        <v>0</v>
      </c>
      <c r="Q7838" s="111">
        <v>0</v>
      </c>
      <c r="R7838" s="111">
        <v>1</v>
      </c>
      <c r="S7838" s="111">
        <v>1</v>
      </c>
      <c r="T7838" s="111">
        <v>0</v>
      </c>
      <c r="U7838" s="145"/>
      <c r="V7838" s="145"/>
      <c r="W7838" s="145"/>
      <c r="X7838" s="145"/>
      <c r="Y7838" s="145"/>
      <c r="Z7838" s="145"/>
      <c r="AA7838" s="145"/>
      <c r="AB7838" s="145"/>
      <c r="AC7838" s="145"/>
      <c r="AD7838" s="145"/>
      <c r="AE7838" s="145"/>
      <c r="AF7838" s="145"/>
      <c r="AG7838" s="145"/>
      <c r="AH7838" s="145"/>
      <c r="AI7838" s="145"/>
      <c r="AJ7838" s="145"/>
      <c r="AK7838" s="145"/>
      <c r="AL7838" s="145"/>
      <c r="AM7838" s="145"/>
      <c r="AN7838" s="145"/>
      <c r="AO7838" s="145"/>
      <c r="AP7838" s="145"/>
      <c r="AQ7838" s="145"/>
      <c r="AR7838" s="145"/>
      <c r="AS7838" s="145"/>
      <c r="AT7838" s="145"/>
      <c r="AU7838" s="145"/>
      <c r="AV7838" s="145"/>
      <c r="AW7838" s="145"/>
      <c r="AX7838" s="146"/>
      <c r="AY7838" s="146"/>
      <c r="AZ7838" s="146"/>
      <c r="BA7838" s="146"/>
      <c r="BB7838" s="107">
        <v>45447</v>
      </c>
    </row>
    <row r="7839" spans="1:54" s="8" customFormat="1" ht="13.95" customHeight="1" x14ac:dyDescent="0.25">
      <c r="A7839" s="14" t="s">
        <v>18750</v>
      </c>
      <c r="B7839" s="109" t="s">
        <v>19880</v>
      </c>
      <c r="C7839" s="93" t="s">
        <v>18751</v>
      </c>
      <c r="D7839" s="93" t="s">
        <v>24449</v>
      </c>
      <c r="E7839" s="93">
        <v>1986</v>
      </c>
      <c r="F7839" s="93">
        <v>1012</v>
      </c>
      <c r="G7839" s="93" t="s">
        <v>1</v>
      </c>
      <c r="H7839" s="111">
        <v>0</v>
      </c>
      <c r="I7839" s="111">
        <v>0</v>
      </c>
      <c r="J7839" s="111">
        <v>1</v>
      </c>
      <c r="K7839" s="111">
        <v>0</v>
      </c>
      <c r="L7839" s="111">
        <v>0</v>
      </c>
      <c r="M7839" s="111">
        <v>0</v>
      </c>
      <c r="N7839" s="111">
        <v>0</v>
      </c>
      <c r="O7839" s="111">
        <v>0</v>
      </c>
      <c r="P7839" s="111">
        <v>0</v>
      </c>
      <c r="Q7839" s="111">
        <v>0</v>
      </c>
      <c r="R7839" s="111">
        <v>0</v>
      </c>
      <c r="S7839" s="111">
        <v>0</v>
      </c>
      <c r="T7839" s="111">
        <v>0</v>
      </c>
      <c r="U7839" s="145"/>
      <c r="V7839" s="145"/>
      <c r="W7839" s="145"/>
      <c r="X7839" s="145"/>
      <c r="Y7839" s="145"/>
      <c r="Z7839" s="145"/>
      <c r="AA7839" s="145"/>
      <c r="AB7839" s="145"/>
      <c r="AC7839" s="145"/>
      <c r="AD7839" s="145"/>
      <c r="AE7839" s="145"/>
      <c r="AF7839" s="145"/>
      <c r="AG7839" s="145"/>
      <c r="AH7839" s="145"/>
      <c r="AI7839" s="145"/>
      <c r="AJ7839" s="145"/>
      <c r="AK7839" s="145"/>
      <c r="AL7839" s="145"/>
      <c r="AM7839" s="145"/>
      <c r="AN7839" s="145"/>
      <c r="AO7839" s="145"/>
      <c r="AP7839" s="145"/>
      <c r="AQ7839" s="145"/>
      <c r="AR7839" s="145"/>
      <c r="AS7839" s="145"/>
      <c r="AT7839" s="145"/>
      <c r="AU7839" s="145"/>
      <c r="AV7839" s="145"/>
      <c r="AW7839" s="145"/>
      <c r="AX7839" s="146"/>
      <c r="AY7839" s="146"/>
      <c r="AZ7839" s="146"/>
      <c r="BA7839" s="146"/>
      <c r="BB7839" s="107">
        <v>45447</v>
      </c>
    </row>
    <row r="7840" spans="1:54" s="8" customFormat="1" ht="13.95" customHeight="1" x14ac:dyDescent="0.25">
      <c r="A7840" s="14" t="s">
        <v>18752</v>
      </c>
      <c r="B7840" s="109" t="s">
        <v>19880</v>
      </c>
      <c r="C7840" s="93" t="s">
        <v>18753</v>
      </c>
      <c r="D7840" s="93" t="s">
        <v>24450</v>
      </c>
      <c r="E7840" s="93">
        <v>1986</v>
      </c>
      <c r="F7840" s="93">
        <v>583</v>
      </c>
      <c r="G7840" s="93" t="s">
        <v>20277</v>
      </c>
      <c r="H7840" s="111">
        <v>0</v>
      </c>
      <c r="I7840" s="111">
        <v>0</v>
      </c>
      <c r="J7840" s="111">
        <v>1</v>
      </c>
      <c r="K7840" s="111">
        <v>0</v>
      </c>
      <c r="L7840" s="111">
        <v>1</v>
      </c>
      <c r="M7840" s="111">
        <v>0</v>
      </c>
      <c r="N7840" s="111">
        <v>0</v>
      </c>
      <c r="O7840" s="111">
        <v>1</v>
      </c>
      <c r="P7840" s="111">
        <v>1</v>
      </c>
      <c r="Q7840" s="111">
        <v>0</v>
      </c>
      <c r="R7840" s="111">
        <v>0</v>
      </c>
      <c r="S7840" s="111">
        <v>0</v>
      </c>
      <c r="T7840" s="111">
        <v>0</v>
      </c>
      <c r="U7840" s="145"/>
      <c r="V7840" s="145"/>
      <c r="W7840" s="145"/>
      <c r="X7840" s="145"/>
      <c r="Y7840" s="145"/>
      <c r="Z7840" s="145"/>
      <c r="AA7840" s="145"/>
      <c r="AB7840" s="145"/>
      <c r="AC7840" s="145"/>
      <c r="AD7840" s="145"/>
      <c r="AE7840" s="145"/>
      <c r="AF7840" s="145"/>
      <c r="AG7840" s="145"/>
      <c r="AH7840" s="145"/>
      <c r="AI7840" s="145"/>
      <c r="AJ7840" s="145"/>
      <c r="AK7840" s="145"/>
      <c r="AL7840" s="145"/>
      <c r="AM7840" s="145"/>
      <c r="AN7840" s="145"/>
      <c r="AO7840" s="145"/>
      <c r="AP7840" s="145"/>
      <c r="AQ7840" s="145"/>
      <c r="AR7840" s="145"/>
      <c r="AS7840" s="145"/>
      <c r="AT7840" s="145"/>
      <c r="AU7840" s="145"/>
      <c r="AV7840" s="145"/>
      <c r="AW7840" s="145"/>
      <c r="AX7840" s="146"/>
      <c r="AY7840" s="146"/>
      <c r="AZ7840" s="146"/>
      <c r="BA7840" s="146"/>
      <c r="BB7840" s="107">
        <v>45447</v>
      </c>
    </row>
    <row r="7841" spans="1:54" s="8" customFormat="1" ht="13.95" customHeight="1" x14ac:dyDescent="0.25">
      <c r="A7841" s="14" t="s">
        <v>18754</v>
      </c>
      <c r="B7841" s="109" t="s">
        <v>19880</v>
      </c>
      <c r="C7841" s="93" t="s">
        <v>18755</v>
      </c>
      <c r="D7841" s="93" t="s">
        <v>24451</v>
      </c>
      <c r="E7841" s="93">
        <v>1987</v>
      </c>
      <c r="F7841" s="93">
        <v>533</v>
      </c>
      <c r="G7841" s="93" t="s">
        <v>1</v>
      </c>
      <c r="H7841" s="111">
        <v>0</v>
      </c>
      <c r="I7841" s="111">
        <v>0</v>
      </c>
      <c r="J7841" s="111">
        <v>1</v>
      </c>
      <c r="K7841" s="111">
        <v>0</v>
      </c>
      <c r="L7841" s="111">
        <v>1</v>
      </c>
      <c r="M7841" s="111">
        <v>0</v>
      </c>
      <c r="N7841" s="111">
        <v>0</v>
      </c>
      <c r="O7841" s="111">
        <v>1</v>
      </c>
      <c r="P7841" s="111">
        <v>0</v>
      </c>
      <c r="Q7841" s="111">
        <v>0</v>
      </c>
      <c r="R7841" s="111">
        <v>0</v>
      </c>
      <c r="S7841" s="111">
        <v>0</v>
      </c>
      <c r="T7841" s="111">
        <v>0</v>
      </c>
      <c r="U7841" s="145"/>
      <c r="V7841" s="145"/>
      <c r="W7841" s="145"/>
      <c r="X7841" s="145"/>
      <c r="Y7841" s="145"/>
      <c r="Z7841" s="145"/>
      <c r="AA7841" s="145"/>
      <c r="AB7841" s="145"/>
      <c r="AC7841" s="145"/>
      <c r="AD7841" s="145"/>
      <c r="AE7841" s="145"/>
      <c r="AF7841" s="145"/>
      <c r="AG7841" s="145"/>
      <c r="AH7841" s="145"/>
      <c r="AI7841" s="145"/>
      <c r="AJ7841" s="145"/>
      <c r="AK7841" s="145"/>
      <c r="AL7841" s="145"/>
      <c r="AM7841" s="145"/>
      <c r="AN7841" s="145"/>
      <c r="AO7841" s="145"/>
      <c r="AP7841" s="145"/>
      <c r="AQ7841" s="145"/>
      <c r="AR7841" s="145"/>
      <c r="AS7841" s="145"/>
      <c r="AT7841" s="145"/>
      <c r="AU7841" s="145"/>
      <c r="AV7841" s="145"/>
      <c r="AW7841" s="145"/>
      <c r="AX7841" s="146"/>
      <c r="AY7841" s="146"/>
      <c r="AZ7841" s="146"/>
      <c r="BA7841" s="146"/>
      <c r="BB7841" s="107">
        <v>45447</v>
      </c>
    </row>
    <row r="7842" spans="1:54" s="8" customFormat="1" ht="13.95" customHeight="1" x14ac:dyDescent="0.25">
      <c r="A7842" s="14" t="s">
        <v>18756</v>
      </c>
      <c r="B7842" s="109" t="s">
        <v>19880</v>
      </c>
      <c r="C7842" s="93" t="s">
        <v>18757</v>
      </c>
      <c r="D7842" s="93" t="s">
        <v>24452</v>
      </c>
      <c r="E7842" s="93">
        <v>1984</v>
      </c>
      <c r="F7842" s="93">
        <v>15049</v>
      </c>
      <c r="G7842" s="93" t="s">
        <v>3</v>
      </c>
      <c r="H7842" s="111">
        <v>1</v>
      </c>
      <c r="I7842" s="111">
        <v>1</v>
      </c>
      <c r="J7842" s="111">
        <v>1</v>
      </c>
      <c r="K7842" s="111">
        <v>1</v>
      </c>
      <c r="L7842" s="111">
        <v>1</v>
      </c>
      <c r="M7842" s="111">
        <v>0</v>
      </c>
      <c r="N7842" s="111">
        <v>0</v>
      </c>
      <c r="O7842" s="111">
        <v>1</v>
      </c>
      <c r="P7842" s="111">
        <v>1</v>
      </c>
      <c r="Q7842" s="111">
        <v>0</v>
      </c>
      <c r="R7842" s="111">
        <v>0</v>
      </c>
      <c r="S7842" s="111">
        <v>0</v>
      </c>
      <c r="T7842" s="111">
        <v>0</v>
      </c>
      <c r="U7842" s="111">
        <v>0</v>
      </c>
      <c r="V7842" s="111">
        <v>0</v>
      </c>
      <c r="W7842" s="111">
        <v>1</v>
      </c>
      <c r="X7842" s="111">
        <v>0</v>
      </c>
      <c r="Y7842" s="111">
        <v>0</v>
      </c>
      <c r="Z7842" s="111">
        <v>0</v>
      </c>
      <c r="AA7842" s="111">
        <v>0</v>
      </c>
      <c r="AB7842" s="111">
        <v>0</v>
      </c>
      <c r="AC7842" s="111">
        <v>0</v>
      </c>
      <c r="AD7842" s="111">
        <v>0</v>
      </c>
      <c r="AE7842" s="111">
        <v>0</v>
      </c>
      <c r="AF7842" s="111">
        <v>0</v>
      </c>
      <c r="AG7842" s="111">
        <v>0</v>
      </c>
      <c r="AH7842" s="111">
        <v>0</v>
      </c>
      <c r="AI7842" s="111">
        <v>0</v>
      </c>
      <c r="AJ7842" s="111">
        <v>0</v>
      </c>
      <c r="AK7842" s="111">
        <v>0</v>
      </c>
      <c r="AL7842" s="111">
        <v>0</v>
      </c>
      <c r="AM7842" s="111">
        <v>0</v>
      </c>
      <c r="AN7842" s="111">
        <v>0</v>
      </c>
      <c r="AO7842" s="111">
        <v>1</v>
      </c>
      <c r="AP7842" s="111">
        <v>0</v>
      </c>
      <c r="AQ7842" s="111">
        <v>0</v>
      </c>
      <c r="AR7842" s="111">
        <v>0</v>
      </c>
      <c r="AS7842" s="111">
        <v>0</v>
      </c>
      <c r="AT7842" s="111">
        <v>1</v>
      </c>
      <c r="AU7842" s="111">
        <v>0</v>
      </c>
      <c r="AV7842" s="111">
        <v>0</v>
      </c>
      <c r="AW7842" s="111">
        <v>1</v>
      </c>
      <c r="AX7842" s="112" t="s">
        <v>119</v>
      </c>
      <c r="AY7842" s="112" t="s">
        <v>119</v>
      </c>
      <c r="AZ7842" s="123" t="s">
        <v>24348</v>
      </c>
      <c r="BA7842" s="112" t="s">
        <v>18758</v>
      </c>
      <c r="BB7842" s="107">
        <v>45447</v>
      </c>
    </row>
    <row r="7843" spans="1:54" s="8" customFormat="1" ht="13.95" customHeight="1" x14ac:dyDescent="0.25">
      <c r="A7843" s="14" t="s">
        <v>18759</v>
      </c>
      <c r="B7843" s="109" t="s">
        <v>19880</v>
      </c>
      <c r="C7843" s="93" t="s">
        <v>18760</v>
      </c>
      <c r="D7843" s="93" t="s">
        <v>24453</v>
      </c>
      <c r="E7843" s="93">
        <v>1998</v>
      </c>
      <c r="F7843" s="93">
        <v>47655</v>
      </c>
      <c r="G7843" s="93" t="s">
        <v>7</v>
      </c>
      <c r="H7843" s="111">
        <v>1</v>
      </c>
      <c r="I7843" s="111">
        <v>1</v>
      </c>
      <c r="J7843" s="111">
        <v>1</v>
      </c>
      <c r="K7843" s="111">
        <v>1</v>
      </c>
      <c r="L7843" s="111">
        <v>1</v>
      </c>
      <c r="M7843" s="111">
        <v>1</v>
      </c>
      <c r="N7843" s="111">
        <v>1</v>
      </c>
      <c r="O7843" s="111">
        <v>1</v>
      </c>
      <c r="P7843" s="111">
        <v>0</v>
      </c>
      <c r="Q7843" s="111">
        <v>1</v>
      </c>
      <c r="R7843" s="111">
        <v>0</v>
      </c>
      <c r="S7843" s="111">
        <v>0</v>
      </c>
      <c r="T7843" s="111">
        <v>0</v>
      </c>
      <c r="U7843" s="111">
        <v>0</v>
      </c>
      <c r="V7843" s="111">
        <v>0</v>
      </c>
      <c r="W7843" s="111">
        <v>1</v>
      </c>
      <c r="X7843" s="111">
        <v>1</v>
      </c>
      <c r="Y7843" s="111">
        <v>1</v>
      </c>
      <c r="Z7843" s="111">
        <v>0</v>
      </c>
      <c r="AA7843" s="111">
        <v>1</v>
      </c>
      <c r="AB7843" s="111">
        <v>0</v>
      </c>
      <c r="AC7843" s="111">
        <v>0</v>
      </c>
      <c r="AD7843" s="111">
        <v>0</v>
      </c>
      <c r="AE7843" s="111">
        <v>0</v>
      </c>
      <c r="AF7843" s="111">
        <v>0</v>
      </c>
      <c r="AG7843" s="111">
        <v>1</v>
      </c>
      <c r="AH7843" s="111">
        <v>0</v>
      </c>
      <c r="AI7843" s="111">
        <v>0</v>
      </c>
      <c r="AJ7843" s="111">
        <v>0</v>
      </c>
      <c r="AK7843" s="111">
        <v>0</v>
      </c>
      <c r="AL7843" s="111">
        <v>0</v>
      </c>
      <c r="AM7843" s="111">
        <v>0</v>
      </c>
      <c r="AN7843" s="111">
        <v>0</v>
      </c>
      <c r="AO7843" s="111">
        <v>1</v>
      </c>
      <c r="AP7843" s="111">
        <v>0</v>
      </c>
      <c r="AQ7843" s="111">
        <v>0</v>
      </c>
      <c r="AR7843" s="111">
        <v>0</v>
      </c>
      <c r="AS7843" s="111">
        <v>1</v>
      </c>
      <c r="AT7843" s="111">
        <v>1</v>
      </c>
      <c r="AU7843" s="111">
        <v>1</v>
      </c>
      <c r="AV7843" s="111">
        <v>1</v>
      </c>
      <c r="AW7843" s="111">
        <v>1</v>
      </c>
      <c r="AX7843" s="112" t="s">
        <v>22130</v>
      </c>
      <c r="AY7843" s="112" t="s">
        <v>22131</v>
      </c>
      <c r="AZ7843" s="123" t="s">
        <v>24349</v>
      </c>
      <c r="BA7843" s="112" t="s">
        <v>18761</v>
      </c>
      <c r="BB7843" s="107">
        <v>45447</v>
      </c>
    </row>
    <row r="7844" spans="1:54" s="8" customFormat="1" ht="13.95" customHeight="1" x14ac:dyDescent="0.25">
      <c r="A7844" s="14" t="s">
        <v>18762</v>
      </c>
      <c r="B7844" s="109" t="s">
        <v>19880</v>
      </c>
      <c r="C7844" s="93" t="s">
        <v>18763</v>
      </c>
      <c r="D7844" s="93" t="s">
        <v>24454</v>
      </c>
      <c r="E7844" s="93">
        <v>1993</v>
      </c>
      <c r="F7844" s="93">
        <v>72196</v>
      </c>
      <c r="G7844" s="93" t="s">
        <v>0</v>
      </c>
      <c r="H7844" s="111">
        <v>1</v>
      </c>
      <c r="I7844" s="111">
        <v>0</v>
      </c>
      <c r="J7844" s="111">
        <v>1</v>
      </c>
      <c r="K7844" s="111">
        <v>0</v>
      </c>
      <c r="L7844" s="111">
        <v>0</v>
      </c>
      <c r="M7844" s="111">
        <v>0</v>
      </c>
      <c r="N7844" s="111">
        <v>0</v>
      </c>
      <c r="O7844" s="111">
        <v>0</v>
      </c>
      <c r="P7844" s="111">
        <v>0</v>
      </c>
      <c r="Q7844" s="111">
        <v>0</v>
      </c>
      <c r="R7844" s="111">
        <v>0</v>
      </c>
      <c r="S7844" s="111">
        <v>0</v>
      </c>
      <c r="T7844" s="111">
        <v>0</v>
      </c>
      <c r="U7844" s="111">
        <v>0</v>
      </c>
      <c r="V7844" s="111">
        <v>0</v>
      </c>
      <c r="W7844" s="111">
        <v>1</v>
      </c>
      <c r="X7844" s="111">
        <v>1</v>
      </c>
      <c r="Y7844" s="111">
        <v>1</v>
      </c>
      <c r="Z7844" s="111">
        <v>0</v>
      </c>
      <c r="AA7844" s="111">
        <v>0</v>
      </c>
      <c r="AB7844" s="111">
        <v>1</v>
      </c>
      <c r="AC7844" s="111">
        <v>0</v>
      </c>
      <c r="AD7844" s="111">
        <v>1</v>
      </c>
      <c r="AE7844" s="111">
        <v>0</v>
      </c>
      <c r="AF7844" s="111">
        <v>0</v>
      </c>
      <c r="AG7844" s="111">
        <v>0</v>
      </c>
      <c r="AH7844" s="111">
        <v>0</v>
      </c>
      <c r="AI7844" s="111">
        <v>0</v>
      </c>
      <c r="AJ7844" s="111">
        <v>0</v>
      </c>
      <c r="AK7844" s="111">
        <v>0</v>
      </c>
      <c r="AL7844" s="111">
        <v>0</v>
      </c>
      <c r="AM7844" s="111">
        <v>0</v>
      </c>
      <c r="AN7844" s="111">
        <v>0</v>
      </c>
      <c r="AO7844" s="111">
        <v>0</v>
      </c>
      <c r="AP7844" s="111">
        <v>0</v>
      </c>
      <c r="AQ7844" s="111">
        <v>0</v>
      </c>
      <c r="AR7844" s="111">
        <v>0</v>
      </c>
      <c r="AS7844" s="111">
        <v>1</v>
      </c>
      <c r="AT7844" s="111" t="s">
        <v>174</v>
      </c>
      <c r="AU7844" s="111">
        <v>1</v>
      </c>
      <c r="AV7844" s="111">
        <v>0</v>
      </c>
      <c r="AW7844" s="111">
        <v>1</v>
      </c>
      <c r="AX7844" s="112" t="s">
        <v>22132</v>
      </c>
      <c r="AY7844" s="112" t="s">
        <v>119</v>
      </c>
      <c r="AZ7844" s="123" t="s">
        <v>24350</v>
      </c>
      <c r="BA7844" s="112" t="s">
        <v>22133</v>
      </c>
      <c r="BB7844" s="107">
        <v>45447</v>
      </c>
    </row>
    <row r="7845" spans="1:54" s="8" customFormat="1" ht="13.95" customHeight="1" x14ac:dyDescent="0.25">
      <c r="A7845" s="14" t="s">
        <v>20571</v>
      </c>
      <c r="B7845" s="109" t="s">
        <v>19880</v>
      </c>
      <c r="C7845" s="93" t="s">
        <v>18764</v>
      </c>
      <c r="D7845" s="93" t="s">
        <v>24455</v>
      </c>
      <c r="E7845" s="93">
        <v>2016</v>
      </c>
      <c r="F7845" s="93">
        <v>190</v>
      </c>
      <c r="G7845" s="93" t="s">
        <v>1</v>
      </c>
      <c r="H7845" s="111">
        <v>0</v>
      </c>
      <c r="I7845" s="111">
        <v>0</v>
      </c>
      <c r="J7845" s="111">
        <v>1</v>
      </c>
      <c r="K7845" s="111">
        <v>0</v>
      </c>
      <c r="L7845" s="111">
        <v>1</v>
      </c>
      <c r="M7845" s="111">
        <v>0</v>
      </c>
      <c r="N7845" s="111">
        <v>0</v>
      </c>
      <c r="O7845" s="111">
        <v>1</v>
      </c>
      <c r="P7845" s="111">
        <v>0</v>
      </c>
      <c r="Q7845" s="111">
        <v>0</v>
      </c>
      <c r="R7845" s="111">
        <v>1</v>
      </c>
      <c r="S7845" s="111">
        <v>0</v>
      </c>
      <c r="T7845" s="111">
        <v>0</v>
      </c>
      <c r="U7845" s="145"/>
      <c r="V7845" s="145"/>
      <c r="W7845" s="145"/>
      <c r="X7845" s="145"/>
      <c r="Y7845" s="145"/>
      <c r="Z7845" s="145"/>
      <c r="AA7845" s="145"/>
      <c r="AB7845" s="145"/>
      <c r="AC7845" s="145"/>
      <c r="AD7845" s="145"/>
      <c r="AE7845" s="145"/>
      <c r="AF7845" s="145"/>
      <c r="AG7845" s="145"/>
      <c r="AH7845" s="145"/>
      <c r="AI7845" s="145"/>
      <c r="AJ7845" s="145"/>
      <c r="AK7845" s="145"/>
      <c r="AL7845" s="145"/>
      <c r="AM7845" s="145"/>
      <c r="AN7845" s="145"/>
      <c r="AO7845" s="145"/>
      <c r="AP7845" s="145"/>
      <c r="AQ7845" s="145"/>
      <c r="AR7845" s="145"/>
      <c r="AS7845" s="145"/>
      <c r="AT7845" s="145"/>
      <c r="AU7845" s="145"/>
      <c r="AV7845" s="145"/>
      <c r="AW7845" s="145"/>
      <c r="AX7845" s="146"/>
      <c r="AY7845" s="146"/>
      <c r="AZ7845" s="146"/>
      <c r="BA7845" s="146"/>
      <c r="BB7845" s="107">
        <v>45447</v>
      </c>
    </row>
    <row r="7846" spans="1:54" s="8" customFormat="1" ht="13.65" customHeight="1" x14ac:dyDescent="0.25">
      <c r="A7846" s="14" t="s">
        <v>20572</v>
      </c>
      <c r="B7846" s="109" t="s">
        <v>19880</v>
      </c>
      <c r="C7846" s="93" t="s">
        <v>20347</v>
      </c>
      <c r="D7846" s="93" t="s">
        <v>24456</v>
      </c>
      <c r="E7846" s="93">
        <v>2018</v>
      </c>
      <c r="F7846" s="93">
        <v>261</v>
      </c>
      <c r="G7846" s="93" t="s">
        <v>1</v>
      </c>
      <c r="H7846" s="111">
        <v>0</v>
      </c>
      <c r="I7846" s="111">
        <v>0</v>
      </c>
      <c r="J7846" s="111">
        <v>1</v>
      </c>
      <c r="K7846" s="111">
        <v>0</v>
      </c>
      <c r="L7846" s="111">
        <v>1</v>
      </c>
      <c r="M7846" s="111">
        <v>0</v>
      </c>
      <c r="N7846" s="111">
        <v>0</v>
      </c>
      <c r="O7846" s="111">
        <v>1</v>
      </c>
      <c r="P7846" s="111">
        <v>1</v>
      </c>
      <c r="Q7846" s="111">
        <v>0</v>
      </c>
      <c r="R7846" s="111">
        <v>1</v>
      </c>
      <c r="S7846" s="111">
        <v>1</v>
      </c>
      <c r="T7846" s="111">
        <v>0</v>
      </c>
      <c r="U7846" s="145"/>
      <c r="V7846" s="145"/>
      <c r="W7846" s="145"/>
      <c r="X7846" s="145"/>
      <c r="Y7846" s="145"/>
      <c r="Z7846" s="145"/>
      <c r="AA7846" s="145"/>
      <c r="AB7846" s="145"/>
      <c r="AC7846" s="145"/>
      <c r="AD7846" s="145"/>
      <c r="AE7846" s="145"/>
      <c r="AF7846" s="145"/>
      <c r="AG7846" s="145"/>
      <c r="AH7846" s="145"/>
      <c r="AI7846" s="145"/>
      <c r="AJ7846" s="145"/>
      <c r="AK7846" s="145"/>
      <c r="AL7846" s="145"/>
      <c r="AM7846" s="145"/>
      <c r="AN7846" s="145"/>
      <c r="AO7846" s="145"/>
      <c r="AP7846" s="145"/>
      <c r="AQ7846" s="145"/>
      <c r="AR7846" s="145"/>
      <c r="AS7846" s="145"/>
      <c r="AT7846" s="145"/>
      <c r="AU7846" s="145"/>
      <c r="AV7846" s="145"/>
      <c r="AW7846" s="145"/>
      <c r="AX7846" s="146"/>
      <c r="AY7846" s="146"/>
      <c r="AZ7846" s="188"/>
      <c r="BA7846" s="146"/>
      <c r="BB7846" s="107">
        <v>45447</v>
      </c>
    </row>
    <row r="7847" spans="1:54" s="8" customFormat="1" ht="13.95" customHeight="1" x14ac:dyDescent="0.25">
      <c r="A7847" s="229" t="s">
        <v>18765</v>
      </c>
      <c r="B7847" s="96" t="s">
        <v>22104</v>
      </c>
      <c r="C7847" s="93" t="s">
        <v>9326</v>
      </c>
      <c r="D7847" s="93" t="s">
        <v>18766</v>
      </c>
      <c r="E7847" s="111">
        <v>1995</v>
      </c>
      <c r="F7847" s="111">
        <v>101</v>
      </c>
      <c r="G7847" s="93" t="s">
        <v>1</v>
      </c>
      <c r="H7847" s="182">
        <v>0</v>
      </c>
      <c r="I7847" s="182">
        <v>0</v>
      </c>
      <c r="J7847" s="111">
        <v>1</v>
      </c>
      <c r="K7847" s="111">
        <v>0</v>
      </c>
      <c r="L7847" s="111">
        <v>1</v>
      </c>
      <c r="M7847" s="111">
        <v>0</v>
      </c>
      <c r="N7847" s="111">
        <v>0</v>
      </c>
      <c r="O7847" s="111">
        <v>0</v>
      </c>
      <c r="P7847" s="111">
        <v>1</v>
      </c>
      <c r="Q7847" s="111">
        <v>0</v>
      </c>
      <c r="R7847" s="111">
        <v>0</v>
      </c>
      <c r="S7847" s="111">
        <v>0</v>
      </c>
      <c r="T7847" s="111">
        <v>0</v>
      </c>
      <c r="U7847" s="145"/>
      <c r="V7847" s="145"/>
      <c r="W7847" s="145"/>
      <c r="X7847" s="145"/>
      <c r="Y7847" s="145"/>
      <c r="Z7847" s="145"/>
      <c r="AA7847" s="145"/>
      <c r="AB7847" s="145"/>
      <c r="AC7847" s="145"/>
      <c r="AD7847" s="145"/>
      <c r="AE7847" s="145"/>
      <c r="AF7847" s="145"/>
      <c r="AG7847" s="145"/>
      <c r="AH7847" s="145"/>
      <c r="AI7847" s="145"/>
      <c r="AJ7847" s="145"/>
      <c r="AK7847" s="145"/>
      <c r="AL7847" s="145"/>
      <c r="AM7847" s="145"/>
      <c r="AN7847" s="145"/>
      <c r="AO7847" s="145"/>
      <c r="AP7847" s="145"/>
      <c r="AQ7847" s="145"/>
      <c r="AR7847" s="145"/>
      <c r="AS7847" s="145"/>
      <c r="AT7847" s="145"/>
      <c r="AU7847" s="145"/>
      <c r="AV7847" s="145"/>
      <c r="AW7847" s="145"/>
      <c r="AX7847" s="146"/>
      <c r="AY7847" s="146"/>
      <c r="AZ7847" s="146"/>
      <c r="BA7847" s="146"/>
      <c r="BB7847" s="221">
        <v>45884</v>
      </c>
    </row>
    <row r="7848" spans="1:54" s="8" customFormat="1" ht="13.95" customHeight="1" x14ac:dyDescent="0.25">
      <c r="A7848" s="229" t="s">
        <v>18767</v>
      </c>
      <c r="B7848" s="96" t="s">
        <v>22104</v>
      </c>
      <c r="C7848" s="93" t="s">
        <v>18768</v>
      </c>
      <c r="D7848" s="93" t="s">
        <v>18769</v>
      </c>
      <c r="E7848" s="111">
        <v>1998</v>
      </c>
      <c r="F7848" s="111">
        <v>133</v>
      </c>
      <c r="G7848" s="93" t="s">
        <v>1</v>
      </c>
      <c r="H7848" s="182">
        <v>0</v>
      </c>
      <c r="I7848" s="182">
        <v>0</v>
      </c>
      <c r="J7848" s="111">
        <v>1</v>
      </c>
      <c r="K7848" s="111">
        <v>0</v>
      </c>
      <c r="L7848" s="111">
        <v>0</v>
      </c>
      <c r="M7848" s="111">
        <v>0</v>
      </c>
      <c r="N7848" s="111">
        <v>0</v>
      </c>
      <c r="O7848" s="111">
        <v>0</v>
      </c>
      <c r="P7848" s="111">
        <v>0</v>
      </c>
      <c r="Q7848" s="111">
        <v>0</v>
      </c>
      <c r="R7848" s="111">
        <v>0</v>
      </c>
      <c r="S7848" s="111">
        <v>0</v>
      </c>
      <c r="T7848" s="111">
        <v>0</v>
      </c>
      <c r="U7848" s="145"/>
      <c r="V7848" s="145"/>
      <c r="W7848" s="145"/>
      <c r="X7848" s="145"/>
      <c r="Y7848" s="145"/>
      <c r="Z7848" s="145"/>
      <c r="AA7848" s="145"/>
      <c r="AB7848" s="145"/>
      <c r="AC7848" s="145"/>
      <c r="AD7848" s="145"/>
      <c r="AE7848" s="145"/>
      <c r="AF7848" s="145"/>
      <c r="AG7848" s="145"/>
      <c r="AH7848" s="145"/>
      <c r="AI7848" s="145"/>
      <c r="AJ7848" s="145"/>
      <c r="AK7848" s="145"/>
      <c r="AL7848" s="145"/>
      <c r="AM7848" s="145"/>
      <c r="AN7848" s="145"/>
      <c r="AO7848" s="145"/>
      <c r="AP7848" s="145"/>
      <c r="AQ7848" s="145"/>
      <c r="AR7848" s="145"/>
      <c r="AS7848" s="145"/>
      <c r="AT7848" s="145"/>
      <c r="AU7848" s="145"/>
      <c r="AV7848" s="145"/>
      <c r="AW7848" s="145"/>
      <c r="AX7848" s="146"/>
      <c r="AY7848" s="146"/>
      <c r="AZ7848" s="146"/>
      <c r="BA7848" s="146"/>
      <c r="BB7848" s="221">
        <v>45884</v>
      </c>
    </row>
    <row r="7849" spans="1:54" s="8" customFormat="1" ht="13.95" customHeight="1" x14ac:dyDescent="0.25">
      <c r="A7849" s="229" t="s">
        <v>18770</v>
      </c>
      <c r="B7849" s="96" t="s">
        <v>22104</v>
      </c>
      <c r="C7849" s="93" t="s">
        <v>18771</v>
      </c>
      <c r="D7849" s="93" t="s">
        <v>18772</v>
      </c>
      <c r="E7849" s="111">
        <v>1998</v>
      </c>
      <c r="F7849" s="111">
        <v>189</v>
      </c>
      <c r="G7849" s="93" t="s">
        <v>1</v>
      </c>
      <c r="H7849" s="182">
        <v>0</v>
      </c>
      <c r="I7849" s="182">
        <v>0</v>
      </c>
      <c r="J7849" s="111">
        <v>1</v>
      </c>
      <c r="K7849" s="111">
        <v>0</v>
      </c>
      <c r="L7849" s="111">
        <v>1</v>
      </c>
      <c r="M7849" s="111">
        <v>0</v>
      </c>
      <c r="N7849" s="111">
        <v>0</v>
      </c>
      <c r="O7849" s="111">
        <v>0</v>
      </c>
      <c r="P7849" s="111">
        <v>0</v>
      </c>
      <c r="Q7849" s="111">
        <v>0</v>
      </c>
      <c r="R7849" s="111">
        <v>0</v>
      </c>
      <c r="S7849" s="111">
        <v>0</v>
      </c>
      <c r="T7849" s="111">
        <v>0</v>
      </c>
      <c r="U7849" s="145"/>
      <c r="V7849" s="145"/>
      <c r="W7849" s="145"/>
      <c r="X7849" s="145"/>
      <c r="Y7849" s="145"/>
      <c r="Z7849" s="145"/>
      <c r="AA7849" s="145"/>
      <c r="AB7849" s="145"/>
      <c r="AC7849" s="145"/>
      <c r="AD7849" s="145"/>
      <c r="AE7849" s="145"/>
      <c r="AF7849" s="145"/>
      <c r="AG7849" s="145"/>
      <c r="AH7849" s="145"/>
      <c r="AI7849" s="145"/>
      <c r="AJ7849" s="145"/>
      <c r="AK7849" s="145"/>
      <c r="AL7849" s="145"/>
      <c r="AM7849" s="145"/>
      <c r="AN7849" s="145"/>
      <c r="AO7849" s="145"/>
      <c r="AP7849" s="145"/>
      <c r="AQ7849" s="145"/>
      <c r="AR7849" s="145"/>
      <c r="AS7849" s="145"/>
      <c r="AT7849" s="145"/>
      <c r="AU7849" s="145"/>
      <c r="AV7849" s="145"/>
      <c r="AW7849" s="145"/>
      <c r="AX7849" s="146"/>
      <c r="AY7849" s="146"/>
      <c r="AZ7849" s="146"/>
      <c r="BA7849" s="146"/>
      <c r="BB7849" s="221">
        <v>45884</v>
      </c>
    </row>
    <row r="7850" spans="1:54" s="8" customFormat="1" ht="13.95" customHeight="1" x14ac:dyDescent="0.25">
      <c r="A7850" s="229" t="s">
        <v>18773</v>
      </c>
      <c r="B7850" s="96" t="s">
        <v>22104</v>
      </c>
      <c r="C7850" s="93" t="s">
        <v>18774</v>
      </c>
      <c r="D7850" s="93" t="s">
        <v>18775</v>
      </c>
      <c r="E7850" s="111">
        <v>1995</v>
      </c>
      <c r="F7850" s="111">
        <v>196</v>
      </c>
      <c r="G7850" s="93" t="s">
        <v>1</v>
      </c>
      <c r="H7850" s="182">
        <v>0</v>
      </c>
      <c r="I7850" s="182">
        <v>0</v>
      </c>
      <c r="J7850" s="111">
        <v>0</v>
      </c>
      <c r="K7850" s="111">
        <v>0</v>
      </c>
      <c r="L7850" s="111">
        <v>1</v>
      </c>
      <c r="M7850" s="111">
        <v>0</v>
      </c>
      <c r="N7850" s="111">
        <v>0</v>
      </c>
      <c r="O7850" s="111">
        <v>0</v>
      </c>
      <c r="P7850" s="111">
        <v>0</v>
      </c>
      <c r="Q7850" s="111">
        <v>0</v>
      </c>
      <c r="R7850" s="111">
        <v>0</v>
      </c>
      <c r="S7850" s="111">
        <v>0</v>
      </c>
      <c r="T7850" s="111">
        <v>0</v>
      </c>
      <c r="U7850" s="145"/>
      <c r="V7850" s="145"/>
      <c r="W7850" s="145"/>
      <c r="X7850" s="145"/>
      <c r="Y7850" s="145"/>
      <c r="Z7850" s="145"/>
      <c r="AA7850" s="145"/>
      <c r="AB7850" s="145"/>
      <c r="AC7850" s="145"/>
      <c r="AD7850" s="145"/>
      <c r="AE7850" s="145"/>
      <c r="AF7850" s="145"/>
      <c r="AG7850" s="145"/>
      <c r="AH7850" s="145"/>
      <c r="AI7850" s="145"/>
      <c r="AJ7850" s="145"/>
      <c r="AK7850" s="145"/>
      <c r="AL7850" s="145"/>
      <c r="AM7850" s="145"/>
      <c r="AN7850" s="145"/>
      <c r="AO7850" s="145"/>
      <c r="AP7850" s="145"/>
      <c r="AQ7850" s="145"/>
      <c r="AR7850" s="145"/>
      <c r="AS7850" s="145"/>
      <c r="AT7850" s="145"/>
      <c r="AU7850" s="145"/>
      <c r="AV7850" s="145"/>
      <c r="AW7850" s="145"/>
      <c r="AX7850" s="146"/>
      <c r="AY7850" s="146"/>
      <c r="AZ7850" s="146"/>
      <c r="BA7850" s="146"/>
      <c r="BB7850" s="221">
        <v>45884</v>
      </c>
    </row>
    <row r="7851" spans="1:54" s="8" customFormat="1" ht="13.95" customHeight="1" x14ac:dyDescent="0.25">
      <c r="A7851" s="229" t="s">
        <v>18776</v>
      </c>
      <c r="B7851" s="96" t="s">
        <v>22104</v>
      </c>
      <c r="C7851" s="93" t="s">
        <v>18777</v>
      </c>
      <c r="D7851" s="93" t="s">
        <v>18778</v>
      </c>
      <c r="E7851" s="111">
        <v>1993</v>
      </c>
      <c r="F7851" s="111">
        <v>245</v>
      </c>
      <c r="G7851" s="93" t="s">
        <v>1</v>
      </c>
      <c r="H7851" s="182">
        <v>0</v>
      </c>
      <c r="I7851" s="182">
        <v>0</v>
      </c>
      <c r="J7851" s="111">
        <v>0</v>
      </c>
      <c r="K7851" s="111">
        <v>0</v>
      </c>
      <c r="L7851" s="111">
        <v>1</v>
      </c>
      <c r="M7851" s="111">
        <v>0</v>
      </c>
      <c r="N7851" s="111">
        <v>0</v>
      </c>
      <c r="O7851" s="111">
        <v>0</v>
      </c>
      <c r="P7851" s="111">
        <v>0</v>
      </c>
      <c r="Q7851" s="111">
        <v>0</v>
      </c>
      <c r="R7851" s="111">
        <v>0</v>
      </c>
      <c r="S7851" s="111">
        <v>0</v>
      </c>
      <c r="T7851" s="111">
        <v>0</v>
      </c>
      <c r="U7851" s="145"/>
      <c r="V7851" s="145"/>
      <c r="W7851" s="145"/>
      <c r="X7851" s="145"/>
      <c r="Y7851" s="145"/>
      <c r="Z7851" s="145"/>
      <c r="AA7851" s="145"/>
      <c r="AB7851" s="145"/>
      <c r="AC7851" s="145"/>
      <c r="AD7851" s="145"/>
      <c r="AE7851" s="145"/>
      <c r="AF7851" s="145"/>
      <c r="AG7851" s="145"/>
      <c r="AH7851" s="145"/>
      <c r="AI7851" s="145"/>
      <c r="AJ7851" s="145"/>
      <c r="AK7851" s="145"/>
      <c r="AL7851" s="145"/>
      <c r="AM7851" s="145"/>
      <c r="AN7851" s="145"/>
      <c r="AO7851" s="145"/>
      <c r="AP7851" s="145"/>
      <c r="AQ7851" s="145"/>
      <c r="AR7851" s="145"/>
      <c r="AS7851" s="145"/>
      <c r="AT7851" s="145"/>
      <c r="AU7851" s="145"/>
      <c r="AV7851" s="145"/>
      <c r="AW7851" s="145"/>
      <c r="AX7851" s="146"/>
      <c r="AY7851" s="146"/>
      <c r="AZ7851" s="146"/>
      <c r="BA7851" s="146"/>
      <c r="BB7851" s="221">
        <v>45884</v>
      </c>
    </row>
    <row r="7852" spans="1:54" s="8" customFormat="1" ht="13.95" customHeight="1" x14ac:dyDescent="0.25">
      <c r="A7852" s="229" t="s">
        <v>18779</v>
      </c>
      <c r="B7852" s="96" t="s">
        <v>22104</v>
      </c>
      <c r="C7852" s="93" t="s">
        <v>18780</v>
      </c>
      <c r="D7852" s="93" t="s">
        <v>18781</v>
      </c>
      <c r="E7852" s="111">
        <v>1984</v>
      </c>
      <c r="F7852" s="111">
        <v>246</v>
      </c>
      <c r="G7852" s="93" t="s">
        <v>1</v>
      </c>
      <c r="H7852" s="182">
        <v>1</v>
      </c>
      <c r="I7852" s="182">
        <v>0</v>
      </c>
      <c r="J7852" s="111">
        <v>1</v>
      </c>
      <c r="K7852" s="111">
        <v>0</v>
      </c>
      <c r="L7852" s="111">
        <v>0</v>
      </c>
      <c r="M7852" s="111">
        <v>0</v>
      </c>
      <c r="N7852" s="111">
        <v>0</v>
      </c>
      <c r="O7852" s="111">
        <v>0</v>
      </c>
      <c r="P7852" s="111">
        <v>1</v>
      </c>
      <c r="Q7852" s="111">
        <v>1</v>
      </c>
      <c r="R7852" s="111">
        <v>1</v>
      </c>
      <c r="S7852" s="111">
        <v>0</v>
      </c>
      <c r="T7852" s="111">
        <v>0</v>
      </c>
      <c r="U7852" s="145"/>
      <c r="V7852" s="145"/>
      <c r="W7852" s="145"/>
      <c r="X7852" s="145"/>
      <c r="Y7852" s="145"/>
      <c r="Z7852" s="145"/>
      <c r="AA7852" s="145"/>
      <c r="AB7852" s="145"/>
      <c r="AC7852" s="145"/>
      <c r="AD7852" s="145"/>
      <c r="AE7852" s="145"/>
      <c r="AF7852" s="145"/>
      <c r="AG7852" s="145"/>
      <c r="AH7852" s="145"/>
      <c r="AI7852" s="145"/>
      <c r="AJ7852" s="145"/>
      <c r="AK7852" s="145"/>
      <c r="AL7852" s="145"/>
      <c r="AM7852" s="145"/>
      <c r="AN7852" s="145"/>
      <c r="AO7852" s="145"/>
      <c r="AP7852" s="145"/>
      <c r="AQ7852" s="145"/>
      <c r="AR7852" s="145"/>
      <c r="AS7852" s="145"/>
      <c r="AT7852" s="145"/>
      <c r="AU7852" s="145"/>
      <c r="AV7852" s="145"/>
      <c r="AW7852" s="145"/>
      <c r="AX7852" s="146"/>
      <c r="AY7852" s="146"/>
      <c r="AZ7852" s="146"/>
      <c r="BA7852" s="146"/>
      <c r="BB7852" s="221">
        <v>45884</v>
      </c>
    </row>
    <row r="7853" spans="1:54" s="8" customFormat="1" ht="13.95" customHeight="1" x14ac:dyDescent="0.25">
      <c r="A7853" s="229" t="s">
        <v>18782</v>
      </c>
      <c r="B7853" s="96" t="s">
        <v>22104</v>
      </c>
      <c r="C7853" s="93" t="s">
        <v>18783</v>
      </c>
      <c r="D7853" s="93" t="s">
        <v>18784</v>
      </c>
      <c r="E7853" s="111">
        <v>1976</v>
      </c>
      <c r="F7853" s="111">
        <v>263</v>
      </c>
      <c r="G7853" s="93" t="s">
        <v>1</v>
      </c>
      <c r="H7853" s="182">
        <v>0</v>
      </c>
      <c r="I7853" s="182">
        <v>0</v>
      </c>
      <c r="J7853" s="111">
        <v>0</v>
      </c>
      <c r="K7853" s="111">
        <v>0</v>
      </c>
      <c r="L7853" s="111">
        <v>0</v>
      </c>
      <c r="M7853" s="111">
        <v>0</v>
      </c>
      <c r="N7853" s="111">
        <v>0</v>
      </c>
      <c r="O7853" s="111">
        <v>1</v>
      </c>
      <c r="P7853" s="111">
        <v>1</v>
      </c>
      <c r="Q7853" s="111">
        <v>0</v>
      </c>
      <c r="R7853" s="111">
        <v>1</v>
      </c>
      <c r="S7853" s="111">
        <v>0</v>
      </c>
      <c r="T7853" s="111">
        <v>0</v>
      </c>
      <c r="U7853" s="145"/>
      <c r="V7853" s="145"/>
      <c r="W7853" s="145"/>
      <c r="X7853" s="145"/>
      <c r="Y7853" s="145"/>
      <c r="Z7853" s="145"/>
      <c r="AA7853" s="145"/>
      <c r="AB7853" s="145"/>
      <c r="AC7853" s="145"/>
      <c r="AD7853" s="145"/>
      <c r="AE7853" s="145"/>
      <c r="AF7853" s="145"/>
      <c r="AG7853" s="145"/>
      <c r="AH7853" s="145"/>
      <c r="AI7853" s="145"/>
      <c r="AJ7853" s="145"/>
      <c r="AK7853" s="145"/>
      <c r="AL7853" s="145"/>
      <c r="AM7853" s="145"/>
      <c r="AN7853" s="145"/>
      <c r="AO7853" s="145"/>
      <c r="AP7853" s="145"/>
      <c r="AQ7853" s="145"/>
      <c r="AR7853" s="145"/>
      <c r="AS7853" s="145"/>
      <c r="AT7853" s="145"/>
      <c r="AU7853" s="145"/>
      <c r="AV7853" s="145"/>
      <c r="AW7853" s="145"/>
      <c r="AX7853" s="146"/>
      <c r="AY7853" s="146"/>
      <c r="AZ7853" s="146"/>
      <c r="BA7853" s="146"/>
      <c r="BB7853" s="221">
        <v>45884</v>
      </c>
    </row>
    <row r="7854" spans="1:54" s="8" customFormat="1" ht="13.95" customHeight="1" x14ac:dyDescent="0.25">
      <c r="A7854" s="229" t="s">
        <v>18785</v>
      </c>
      <c r="B7854" s="96" t="s">
        <v>22104</v>
      </c>
      <c r="C7854" s="93" t="s">
        <v>18786</v>
      </c>
      <c r="D7854" s="93" t="s">
        <v>18787</v>
      </c>
      <c r="E7854" s="111">
        <v>2006</v>
      </c>
      <c r="F7854" s="111">
        <v>265</v>
      </c>
      <c r="G7854" s="93" t="s">
        <v>1</v>
      </c>
      <c r="H7854" s="182">
        <v>0</v>
      </c>
      <c r="I7854" s="182">
        <v>0</v>
      </c>
      <c r="J7854" s="111">
        <v>1</v>
      </c>
      <c r="K7854" s="111">
        <v>0</v>
      </c>
      <c r="L7854" s="111">
        <v>0</v>
      </c>
      <c r="M7854" s="111">
        <v>0</v>
      </c>
      <c r="N7854" s="111">
        <v>0</v>
      </c>
      <c r="O7854" s="111">
        <v>0</v>
      </c>
      <c r="P7854" s="111">
        <v>1</v>
      </c>
      <c r="Q7854" s="111">
        <v>0</v>
      </c>
      <c r="R7854" s="111">
        <v>0</v>
      </c>
      <c r="S7854" s="111">
        <v>0</v>
      </c>
      <c r="T7854" s="111">
        <v>0</v>
      </c>
      <c r="U7854" s="145"/>
      <c r="V7854" s="145"/>
      <c r="W7854" s="145"/>
      <c r="X7854" s="145"/>
      <c r="Y7854" s="145"/>
      <c r="Z7854" s="145"/>
      <c r="AA7854" s="145"/>
      <c r="AB7854" s="145"/>
      <c r="AC7854" s="145"/>
      <c r="AD7854" s="145"/>
      <c r="AE7854" s="145"/>
      <c r="AF7854" s="145"/>
      <c r="AG7854" s="145"/>
      <c r="AH7854" s="145"/>
      <c r="AI7854" s="145"/>
      <c r="AJ7854" s="145"/>
      <c r="AK7854" s="145"/>
      <c r="AL7854" s="145"/>
      <c r="AM7854" s="145"/>
      <c r="AN7854" s="145"/>
      <c r="AO7854" s="145"/>
      <c r="AP7854" s="145"/>
      <c r="AQ7854" s="145"/>
      <c r="AR7854" s="145"/>
      <c r="AS7854" s="145"/>
      <c r="AT7854" s="145"/>
      <c r="AU7854" s="145"/>
      <c r="AV7854" s="145"/>
      <c r="AW7854" s="145"/>
      <c r="AX7854" s="146"/>
      <c r="AY7854" s="146"/>
      <c r="AZ7854" s="146"/>
      <c r="BA7854" s="146"/>
      <c r="BB7854" s="221">
        <v>45884</v>
      </c>
    </row>
    <row r="7855" spans="1:54" s="8" customFormat="1" ht="13.95" customHeight="1" x14ac:dyDescent="0.25">
      <c r="A7855" s="229" t="s">
        <v>18788</v>
      </c>
      <c r="B7855" s="96" t="s">
        <v>22104</v>
      </c>
      <c r="C7855" s="93" t="s">
        <v>18789</v>
      </c>
      <c r="D7855" s="93" t="s">
        <v>18790</v>
      </c>
      <c r="E7855" s="111">
        <v>1980</v>
      </c>
      <c r="F7855" s="111">
        <v>274</v>
      </c>
      <c r="G7855" s="93" t="s">
        <v>1</v>
      </c>
      <c r="H7855" s="182">
        <v>0</v>
      </c>
      <c r="I7855" s="182">
        <v>0</v>
      </c>
      <c r="J7855" s="111">
        <v>0</v>
      </c>
      <c r="K7855" s="111">
        <v>0</v>
      </c>
      <c r="L7855" s="111">
        <v>0</v>
      </c>
      <c r="M7855" s="111">
        <v>0</v>
      </c>
      <c r="N7855" s="111">
        <v>0</v>
      </c>
      <c r="O7855" s="111">
        <v>1</v>
      </c>
      <c r="P7855" s="111">
        <v>0</v>
      </c>
      <c r="Q7855" s="111">
        <v>1</v>
      </c>
      <c r="R7855" s="111">
        <v>0</v>
      </c>
      <c r="S7855" s="111">
        <v>0</v>
      </c>
      <c r="T7855" s="111">
        <v>0</v>
      </c>
      <c r="U7855" s="145"/>
      <c r="V7855" s="145"/>
      <c r="W7855" s="145"/>
      <c r="X7855" s="145"/>
      <c r="Y7855" s="145"/>
      <c r="Z7855" s="145"/>
      <c r="AA7855" s="145"/>
      <c r="AB7855" s="145"/>
      <c r="AC7855" s="145"/>
      <c r="AD7855" s="145"/>
      <c r="AE7855" s="145"/>
      <c r="AF7855" s="145"/>
      <c r="AG7855" s="145"/>
      <c r="AH7855" s="145"/>
      <c r="AI7855" s="145"/>
      <c r="AJ7855" s="145"/>
      <c r="AK7855" s="145"/>
      <c r="AL7855" s="145"/>
      <c r="AM7855" s="145"/>
      <c r="AN7855" s="145"/>
      <c r="AO7855" s="145"/>
      <c r="AP7855" s="145"/>
      <c r="AQ7855" s="145"/>
      <c r="AR7855" s="145"/>
      <c r="AS7855" s="145"/>
      <c r="AT7855" s="145"/>
      <c r="AU7855" s="145"/>
      <c r="AV7855" s="145"/>
      <c r="AW7855" s="145"/>
      <c r="AX7855" s="146"/>
      <c r="AY7855" s="146"/>
      <c r="AZ7855" s="146"/>
      <c r="BA7855" s="146"/>
      <c r="BB7855" s="221">
        <v>45884</v>
      </c>
    </row>
    <row r="7856" spans="1:54" s="8" customFormat="1" ht="13.95" customHeight="1" x14ac:dyDescent="0.25">
      <c r="A7856" s="229" t="s">
        <v>18791</v>
      </c>
      <c r="B7856" s="96" t="s">
        <v>22104</v>
      </c>
      <c r="C7856" s="93" t="s">
        <v>18792</v>
      </c>
      <c r="D7856" s="93" t="s">
        <v>18793</v>
      </c>
      <c r="E7856" s="111">
        <v>1993</v>
      </c>
      <c r="F7856" s="111">
        <v>292</v>
      </c>
      <c r="G7856" s="93" t="s">
        <v>1</v>
      </c>
      <c r="H7856" s="182">
        <v>0</v>
      </c>
      <c r="I7856" s="182">
        <v>0</v>
      </c>
      <c r="J7856" s="111">
        <v>1</v>
      </c>
      <c r="K7856" s="111">
        <v>0</v>
      </c>
      <c r="L7856" s="111">
        <v>0</v>
      </c>
      <c r="M7856" s="111">
        <v>0</v>
      </c>
      <c r="N7856" s="111">
        <v>0</v>
      </c>
      <c r="O7856" s="111">
        <v>0</v>
      </c>
      <c r="P7856" s="111">
        <v>0</v>
      </c>
      <c r="Q7856" s="111">
        <v>0</v>
      </c>
      <c r="R7856" s="111">
        <v>1</v>
      </c>
      <c r="S7856" s="111">
        <v>0</v>
      </c>
      <c r="T7856" s="111">
        <v>0</v>
      </c>
      <c r="U7856" s="145"/>
      <c r="V7856" s="145"/>
      <c r="W7856" s="145"/>
      <c r="X7856" s="145"/>
      <c r="Y7856" s="145"/>
      <c r="Z7856" s="145"/>
      <c r="AA7856" s="145"/>
      <c r="AB7856" s="145"/>
      <c r="AC7856" s="145"/>
      <c r="AD7856" s="145"/>
      <c r="AE7856" s="145"/>
      <c r="AF7856" s="145"/>
      <c r="AG7856" s="145"/>
      <c r="AH7856" s="145"/>
      <c r="AI7856" s="145"/>
      <c r="AJ7856" s="145"/>
      <c r="AK7856" s="145"/>
      <c r="AL7856" s="145"/>
      <c r="AM7856" s="145"/>
      <c r="AN7856" s="145"/>
      <c r="AO7856" s="145"/>
      <c r="AP7856" s="145"/>
      <c r="AQ7856" s="145"/>
      <c r="AR7856" s="145"/>
      <c r="AS7856" s="145"/>
      <c r="AT7856" s="145"/>
      <c r="AU7856" s="145"/>
      <c r="AV7856" s="145"/>
      <c r="AW7856" s="145"/>
      <c r="AX7856" s="146"/>
      <c r="AY7856" s="146"/>
      <c r="AZ7856" s="146"/>
      <c r="BA7856" s="146"/>
      <c r="BB7856" s="221">
        <v>45884</v>
      </c>
    </row>
    <row r="7857" spans="1:54" s="8" customFormat="1" ht="13.95" customHeight="1" x14ac:dyDescent="0.25">
      <c r="A7857" s="229" t="s">
        <v>18794</v>
      </c>
      <c r="B7857" s="96" t="s">
        <v>22104</v>
      </c>
      <c r="C7857" s="93" t="s">
        <v>18795</v>
      </c>
      <c r="D7857" s="93" t="s">
        <v>18796</v>
      </c>
      <c r="E7857" s="111">
        <v>1993</v>
      </c>
      <c r="F7857" s="111">
        <v>316</v>
      </c>
      <c r="G7857" s="93" t="s">
        <v>8</v>
      </c>
      <c r="H7857" s="182">
        <v>0</v>
      </c>
      <c r="I7857" s="182">
        <v>0</v>
      </c>
      <c r="J7857" s="111">
        <v>0</v>
      </c>
      <c r="K7857" s="111">
        <v>0</v>
      </c>
      <c r="L7857" s="111">
        <v>0</v>
      </c>
      <c r="M7857" s="111">
        <v>0</v>
      </c>
      <c r="N7857" s="111">
        <v>0</v>
      </c>
      <c r="O7857" s="111">
        <v>0</v>
      </c>
      <c r="P7857" s="111">
        <v>0</v>
      </c>
      <c r="Q7857" s="111">
        <v>0</v>
      </c>
      <c r="R7857" s="111">
        <v>0</v>
      </c>
      <c r="S7857" s="111">
        <v>0</v>
      </c>
      <c r="T7857" s="111">
        <v>0</v>
      </c>
      <c r="U7857" s="111">
        <v>0</v>
      </c>
      <c r="V7857" s="111">
        <v>0</v>
      </c>
      <c r="W7857" s="111">
        <v>0</v>
      </c>
      <c r="X7857" s="111">
        <v>0</v>
      </c>
      <c r="Y7857" s="111">
        <v>0</v>
      </c>
      <c r="Z7857" s="111">
        <v>0</v>
      </c>
      <c r="AA7857" s="111">
        <v>0</v>
      </c>
      <c r="AB7857" s="111">
        <v>0</v>
      </c>
      <c r="AC7857" s="111">
        <v>0</v>
      </c>
      <c r="AD7857" s="111">
        <v>0</v>
      </c>
      <c r="AE7857" s="111">
        <v>0</v>
      </c>
      <c r="AF7857" s="111">
        <v>0</v>
      </c>
      <c r="AG7857" s="111">
        <v>0</v>
      </c>
      <c r="AH7857" s="111">
        <v>0</v>
      </c>
      <c r="AI7857" s="111">
        <v>0</v>
      </c>
      <c r="AJ7857" s="111">
        <v>0</v>
      </c>
      <c r="AK7857" s="111">
        <v>0</v>
      </c>
      <c r="AL7857" s="111">
        <v>0</v>
      </c>
      <c r="AM7857" s="111">
        <v>0</v>
      </c>
      <c r="AN7857" s="111">
        <v>0</v>
      </c>
      <c r="AO7857" s="111">
        <v>0</v>
      </c>
      <c r="AP7857" s="111">
        <v>0</v>
      </c>
      <c r="AQ7857" s="111">
        <v>0</v>
      </c>
      <c r="AR7857" s="111">
        <v>0</v>
      </c>
      <c r="AS7857" s="111">
        <v>0</v>
      </c>
      <c r="AT7857" s="111" t="s">
        <v>400</v>
      </c>
      <c r="AU7857" s="111">
        <v>0</v>
      </c>
      <c r="AV7857" s="111">
        <v>0</v>
      </c>
      <c r="AW7857" s="111">
        <v>0</v>
      </c>
      <c r="AX7857" s="112"/>
      <c r="AY7857" s="112"/>
      <c r="AZ7857" s="112"/>
      <c r="BA7857" s="112"/>
      <c r="BB7857" s="221">
        <v>45884</v>
      </c>
    </row>
    <row r="7858" spans="1:54" s="8" customFormat="1" ht="13.95" customHeight="1" x14ac:dyDescent="0.25">
      <c r="A7858" s="229" t="s">
        <v>18797</v>
      </c>
      <c r="B7858" s="96" t="s">
        <v>22104</v>
      </c>
      <c r="C7858" s="93" t="s">
        <v>18798</v>
      </c>
      <c r="D7858" s="93" t="s">
        <v>18799</v>
      </c>
      <c r="E7858" s="111">
        <v>1986</v>
      </c>
      <c r="F7858" s="111">
        <v>333</v>
      </c>
      <c r="G7858" s="93" t="s">
        <v>8</v>
      </c>
      <c r="H7858" s="182">
        <v>0</v>
      </c>
      <c r="I7858" s="182">
        <v>0</v>
      </c>
      <c r="J7858" s="111">
        <v>0</v>
      </c>
      <c r="K7858" s="111">
        <v>0</v>
      </c>
      <c r="L7858" s="111">
        <v>0</v>
      </c>
      <c r="M7858" s="111">
        <v>0</v>
      </c>
      <c r="N7858" s="111">
        <v>0</v>
      </c>
      <c r="O7858" s="111">
        <v>0</v>
      </c>
      <c r="P7858" s="111">
        <v>0</v>
      </c>
      <c r="Q7858" s="111">
        <v>0</v>
      </c>
      <c r="R7858" s="111">
        <v>0</v>
      </c>
      <c r="S7858" s="111">
        <v>0</v>
      </c>
      <c r="T7858" s="111">
        <v>0</v>
      </c>
      <c r="U7858" s="111">
        <v>0</v>
      </c>
      <c r="V7858" s="111">
        <v>0</v>
      </c>
      <c r="W7858" s="111">
        <v>0</v>
      </c>
      <c r="X7858" s="111">
        <v>0</v>
      </c>
      <c r="Y7858" s="111">
        <v>0</v>
      </c>
      <c r="Z7858" s="111">
        <v>0</v>
      </c>
      <c r="AA7858" s="111">
        <v>0</v>
      </c>
      <c r="AB7858" s="111">
        <v>0</v>
      </c>
      <c r="AC7858" s="111">
        <v>0</v>
      </c>
      <c r="AD7858" s="111">
        <v>0</v>
      </c>
      <c r="AE7858" s="111">
        <v>0</v>
      </c>
      <c r="AF7858" s="111">
        <v>0</v>
      </c>
      <c r="AG7858" s="111">
        <v>0</v>
      </c>
      <c r="AH7858" s="111">
        <v>0</v>
      </c>
      <c r="AI7858" s="111">
        <v>0</v>
      </c>
      <c r="AJ7858" s="111">
        <v>0</v>
      </c>
      <c r="AK7858" s="111">
        <v>0</v>
      </c>
      <c r="AL7858" s="111">
        <v>0</v>
      </c>
      <c r="AM7858" s="111">
        <v>0</v>
      </c>
      <c r="AN7858" s="111">
        <v>0</v>
      </c>
      <c r="AO7858" s="111">
        <v>0</v>
      </c>
      <c r="AP7858" s="111">
        <v>0</v>
      </c>
      <c r="AQ7858" s="111">
        <v>0</v>
      </c>
      <c r="AR7858" s="111">
        <v>0</v>
      </c>
      <c r="AS7858" s="111">
        <v>0</v>
      </c>
      <c r="AT7858" s="111" t="s">
        <v>400</v>
      </c>
      <c r="AU7858" s="111">
        <v>0</v>
      </c>
      <c r="AV7858" s="111">
        <v>0</v>
      </c>
      <c r="AW7858" s="111">
        <v>0</v>
      </c>
      <c r="AX7858" s="112"/>
      <c r="AY7858" s="112"/>
      <c r="AZ7858" s="112"/>
      <c r="BA7858" s="112"/>
      <c r="BB7858" s="221">
        <v>45884</v>
      </c>
    </row>
    <row r="7859" spans="1:54" s="8" customFormat="1" ht="13.95" customHeight="1" x14ac:dyDescent="0.25">
      <c r="A7859" s="229" t="s">
        <v>18800</v>
      </c>
      <c r="B7859" s="96" t="s">
        <v>22104</v>
      </c>
      <c r="C7859" s="93" t="s">
        <v>18801</v>
      </c>
      <c r="D7859" s="93" t="s">
        <v>18802</v>
      </c>
      <c r="E7859" s="111">
        <v>2002</v>
      </c>
      <c r="F7859" s="111">
        <v>366</v>
      </c>
      <c r="G7859" s="93" t="s">
        <v>8</v>
      </c>
      <c r="H7859" s="182">
        <v>0</v>
      </c>
      <c r="I7859" s="182">
        <v>0</v>
      </c>
      <c r="J7859" s="111">
        <v>0</v>
      </c>
      <c r="K7859" s="111">
        <v>0</v>
      </c>
      <c r="L7859" s="111">
        <v>0</v>
      </c>
      <c r="M7859" s="111">
        <v>0</v>
      </c>
      <c r="N7859" s="111">
        <v>0</v>
      </c>
      <c r="O7859" s="111">
        <v>0</v>
      </c>
      <c r="P7859" s="111">
        <v>1</v>
      </c>
      <c r="Q7859" s="111">
        <v>0</v>
      </c>
      <c r="R7859" s="111">
        <v>0</v>
      </c>
      <c r="S7859" s="111">
        <v>0</v>
      </c>
      <c r="T7859" s="111">
        <v>0</v>
      </c>
      <c r="U7859" s="111">
        <v>0</v>
      </c>
      <c r="V7859" s="111">
        <v>0</v>
      </c>
      <c r="W7859" s="111">
        <v>0</v>
      </c>
      <c r="X7859" s="111">
        <v>0</v>
      </c>
      <c r="Y7859" s="111">
        <v>0</v>
      </c>
      <c r="Z7859" s="111">
        <v>0</v>
      </c>
      <c r="AA7859" s="111">
        <v>0</v>
      </c>
      <c r="AB7859" s="111">
        <v>0</v>
      </c>
      <c r="AC7859" s="111">
        <v>0</v>
      </c>
      <c r="AD7859" s="111">
        <v>0</v>
      </c>
      <c r="AE7859" s="111">
        <v>0</v>
      </c>
      <c r="AF7859" s="111">
        <v>0</v>
      </c>
      <c r="AG7859" s="111">
        <v>0</v>
      </c>
      <c r="AH7859" s="111">
        <v>0</v>
      </c>
      <c r="AI7859" s="111">
        <v>0</v>
      </c>
      <c r="AJ7859" s="111">
        <v>0</v>
      </c>
      <c r="AK7859" s="111">
        <v>0</v>
      </c>
      <c r="AL7859" s="111">
        <v>0</v>
      </c>
      <c r="AM7859" s="111">
        <v>0</v>
      </c>
      <c r="AN7859" s="111">
        <v>0</v>
      </c>
      <c r="AO7859" s="111">
        <v>0</v>
      </c>
      <c r="AP7859" s="111">
        <v>0</v>
      </c>
      <c r="AQ7859" s="111">
        <v>0</v>
      </c>
      <c r="AR7859" s="111">
        <v>0</v>
      </c>
      <c r="AS7859" s="111">
        <v>0</v>
      </c>
      <c r="AT7859" s="111" t="s">
        <v>400</v>
      </c>
      <c r="AU7859" s="111">
        <v>0</v>
      </c>
      <c r="AV7859" s="111">
        <v>0</v>
      </c>
      <c r="AW7859" s="111">
        <v>0</v>
      </c>
      <c r="AX7859" s="112"/>
      <c r="AY7859" s="112"/>
      <c r="AZ7859" s="112"/>
      <c r="BA7859" s="112"/>
      <c r="BB7859" s="221">
        <v>45884</v>
      </c>
    </row>
    <row r="7860" spans="1:54" s="8" customFormat="1" ht="13.95" customHeight="1" x14ac:dyDescent="0.25">
      <c r="A7860" s="229" t="s">
        <v>18803</v>
      </c>
      <c r="B7860" s="96" t="s">
        <v>22104</v>
      </c>
      <c r="C7860" s="93" t="s">
        <v>18804</v>
      </c>
      <c r="D7860" s="93" t="s">
        <v>21677</v>
      </c>
      <c r="E7860" s="111">
        <v>1974</v>
      </c>
      <c r="F7860" s="111">
        <v>428</v>
      </c>
      <c r="G7860" s="93" t="s">
        <v>1</v>
      </c>
      <c r="H7860" s="182">
        <v>0</v>
      </c>
      <c r="I7860" s="182">
        <v>0</v>
      </c>
      <c r="J7860" s="111">
        <v>0</v>
      </c>
      <c r="K7860" s="111">
        <v>0</v>
      </c>
      <c r="L7860" s="111">
        <v>1</v>
      </c>
      <c r="M7860" s="111">
        <v>0</v>
      </c>
      <c r="N7860" s="111">
        <v>0</v>
      </c>
      <c r="O7860" s="111">
        <v>0</v>
      </c>
      <c r="P7860" s="111">
        <v>1</v>
      </c>
      <c r="Q7860" s="111">
        <v>0</v>
      </c>
      <c r="R7860" s="111">
        <v>0</v>
      </c>
      <c r="S7860" s="111">
        <v>0</v>
      </c>
      <c r="T7860" s="111">
        <v>0</v>
      </c>
      <c r="U7860" s="145"/>
      <c r="V7860" s="145"/>
      <c r="W7860" s="145"/>
      <c r="X7860" s="145"/>
      <c r="Y7860" s="145"/>
      <c r="Z7860" s="145"/>
      <c r="AA7860" s="145"/>
      <c r="AB7860" s="145"/>
      <c r="AC7860" s="145"/>
      <c r="AD7860" s="145"/>
      <c r="AE7860" s="145"/>
      <c r="AF7860" s="145"/>
      <c r="AG7860" s="145"/>
      <c r="AH7860" s="145"/>
      <c r="AI7860" s="145"/>
      <c r="AJ7860" s="145"/>
      <c r="AK7860" s="145"/>
      <c r="AL7860" s="145"/>
      <c r="AM7860" s="145"/>
      <c r="AN7860" s="145"/>
      <c r="AO7860" s="145"/>
      <c r="AP7860" s="145"/>
      <c r="AQ7860" s="145"/>
      <c r="AR7860" s="145"/>
      <c r="AS7860" s="145"/>
      <c r="AT7860" s="145"/>
      <c r="AU7860" s="145"/>
      <c r="AV7860" s="145"/>
      <c r="AW7860" s="145"/>
      <c r="AX7860" s="146"/>
      <c r="AY7860" s="146"/>
      <c r="AZ7860" s="146"/>
      <c r="BA7860" s="146"/>
      <c r="BB7860" s="221">
        <v>45884</v>
      </c>
    </row>
    <row r="7861" spans="1:54" s="8" customFormat="1" ht="13.95" customHeight="1" x14ac:dyDescent="0.25">
      <c r="A7861" s="229" t="s">
        <v>18805</v>
      </c>
      <c r="B7861" s="96" t="s">
        <v>22104</v>
      </c>
      <c r="C7861" s="93" t="s">
        <v>18806</v>
      </c>
      <c r="D7861" s="93" t="s">
        <v>18807</v>
      </c>
      <c r="E7861" s="111">
        <v>1984</v>
      </c>
      <c r="F7861" s="111">
        <v>500</v>
      </c>
      <c r="G7861" s="93" t="s">
        <v>1</v>
      </c>
      <c r="H7861" s="182">
        <v>0</v>
      </c>
      <c r="I7861" s="182">
        <v>0</v>
      </c>
      <c r="J7861" s="111">
        <v>1</v>
      </c>
      <c r="K7861" s="111">
        <v>0</v>
      </c>
      <c r="L7861" s="111">
        <v>0</v>
      </c>
      <c r="M7861" s="111">
        <v>0</v>
      </c>
      <c r="N7861" s="111">
        <v>0</v>
      </c>
      <c r="O7861" s="111">
        <v>1</v>
      </c>
      <c r="P7861" s="111">
        <v>1</v>
      </c>
      <c r="Q7861" s="111">
        <v>1</v>
      </c>
      <c r="R7861" s="111">
        <v>0</v>
      </c>
      <c r="S7861" s="111">
        <v>0</v>
      </c>
      <c r="T7861" s="111">
        <v>0</v>
      </c>
      <c r="U7861" s="145"/>
      <c r="V7861" s="145"/>
      <c r="W7861" s="145"/>
      <c r="X7861" s="145"/>
      <c r="Y7861" s="145"/>
      <c r="Z7861" s="145"/>
      <c r="AA7861" s="145"/>
      <c r="AB7861" s="145"/>
      <c r="AC7861" s="145"/>
      <c r="AD7861" s="145"/>
      <c r="AE7861" s="145"/>
      <c r="AF7861" s="145"/>
      <c r="AG7861" s="145"/>
      <c r="AH7861" s="145"/>
      <c r="AI7861" s="145"/>
      <c r="AJ7861" s="145"/>
      <c r="AK7861" s="145"/>
      <c r="AL7861" s="145"/>
      <c r="AM7861" s="145"/>
      <c r="AN7861" s="145"/>
      <c r="AO7861" s="145"/>
      <c r="AP7861" s="145"/>
      <c r="AQ7861" s="145"/>
      <c r="AR7861" s="145"/>
      <c r="AS7861" s="145"/>
      <c r="AT7861" s="145"/>
      <c r="AU7861" s="145"/>
      <c r="AV7861" s="145"/>
      <c r="AW7861" s="145"/>
      <c r="AX7861" s="146"/>
      <c r="AY7861" s="146"/>
      <c r="AZ7861" s="146"/>
      <c r="BA7861" s="146"/>
      <c r="BB7861" s="221">
        <v>45884</v>
      </c>
    </row>
    <row r="7862" spans="1:54" s="8" customFormat="1" ht="13.95" customHeight="1" x14ac:dyDescent="0.25">
      <c r="A7862" s="229" t="s">
        <v>18808</v>
      </c>
      <c r="B7862" s="96" t="s">
        <v>22104</v>
      </c>
      <c r="C7862" s="93" t="s">
        <v>18809</v>
      </c>
      <c r="D7862" s="93" t="s">
        <v>18810</v>
      </c>
      <c r="E7862" s="111">
        <v>1990</v>
      </c>
      <c r="F7862" s="111">
        <v>527</v>
      </c>
      <c r="G7862" s="93" t="s">
        <v>1</v>
      </c>
      <c r="H7862" s="182">
        <v>0</v>
      </c>
      <c r="I7862" s="182">
        <v>0</v>
      </c>
      <c r="J7862" s="111">
        <v>1</v>
      </c>
      <c r="K7862" s="111">
        <v>0</v>
      </c>
      <c r="L7862" s="111">
        <v>1</v>
      </c>
      <c r="M7862" s="111">
        <v>0</v>
      </c>
      <c r="N7862" s="111">
        <v>0</v>
      </c>
      <c r="O7862" s="111">
        <v>0</v>
      </c>
      <c r="P7862" s="111">
        <v>1</v>
      </c>
      <c r="Q7862" s="111">
        <v>0</v>
      </c>
      <c r="R7862" s="111">
        <v>0</v>
      </c>
      <c r="S7862" s="111">
        <v>0</v>
      </c>
      <c r="T7862" s="111">
        <v>0</v>
      </c>
      <c r="U7862" s="145"/>
      <c r="V7862" s="145"/>
      <c r="W7862" s="145"/>
      <c r="X7862" s="145"/>
      <c r="Y7862" s="145"/>
      <c r="Z7862" s="145"/>
      <c r="AA7862" s="145"/>
      <c r="AB7862" s="145"/>
      <c r="AC7862" s="145"/>
      <c r="AD7862" s="145"/>
      <c r="AE7862" s="145"/>
      <c r="AF7862" s="145"/>
      <c r="AG7862" s="145"/>
      <c r="AH7862" s="145"/>
      <c r="AI7862" s="145"/>
      <c r="AJ7862" s="145"/>
      <c r="AK7862" s="145"/>
      <c r="AL7862" s="145"/>
      <c r="AM7862" s="145"/>
      <c r="AN7862" s="145"/>
      <c r="AO7862" s="145"/>
      <c r="AP7862" s="145"/>
      <c r="AQ7862" s="145"/>
      <c r="AR7862" s="145"/>
      <c r="AS7862" s="145"/>
      <c r="AT7862" s="145"/>
      <c r="AU7862" s="145"/>
      <c r="AV7862" s="145"/>
      <c r="AW7862" s="145"/>
      <c r="AX7862" s="146"/>
      <c r="AY7862" s="146"/>
      <c r="AZ7862" s="146"/>
      <c r="BA7862" s="146"/>
      <c r="BB7862" s="221">
        <v>45884</v>
      </c>
    </row>
    <row r="7863" spans="1:54" s="8" customFormat="1" ht="13.95" customHeight="1" x14ac:dyDescent="0.25">
      <c r="A7863" s="229" t="s">
        <v>18811</v>
      </c>
      <c r="B7863" s="96" t="s">
        <v>22104</v>
      </c>
      <c r="C7863" s="93" t="s">
        <v>18812</v>
      </c>
      <c r="D7863" s="93" t="s">
        <v>18813</v>
      </c>
      <c r="E7863" s="111">
        <v>1977</v>
      </c>
      <c r="F7863" s="111">
        <v>555</v>
      </c>
      <c r="G7863" s="93" t="s">
        <v>1</v>
      </c>
      <c r="H7863" s="182">
        <v>0</v>
      </c>
      <c r="I7863" s="182">
        <v>0</v>
      </c>
      <c r="J7863" s="111">
        <v>1</v>
      </c>
      <c r="K7863" s="111">
        <v>0</v>
      </c>
      <c r="L7863" s="111">
        <v>1</v>
      </c>
      <c r="M7863" s="111">
        <v>0</v>
      </c>
      <c r="N7863" s="111">
        <v>0</v>
      </c>
      <c r="O7863" s="111">
        <v>1</v>
      </c>
      <c r="P7863" s="111">
        <v>0</v>
      </c>
      <c r="Q7863" s="111">
        <v>0</v>
      </c>
      <c r="R7863" s="111">
        <v>0</v>
      </c>
      <c r="S7863" s="111">
        <v>0</v>
      </c>
      <c r="T7863" s="111">
        <v>0</v>
      </c>
      <c r="U7863" s="145"/>
      <c r="V7863" s="145"/>
      <c r="W7863" s="145"/>
      <c r="X7863" s="145"/>
      <c r="Y7863" s="145"/>
      <c r="Z7863" s="145"/>
      <c r="AA7863" s="145"/>
      <c r="AB7863" s="145"/>
      <c r="AC7863" s="145"/>
      <c r="AD7863" s="145"/>
      <c r="AE7863" s="145"/>
      <c r="AF7863" s="145"/>
      <c r="AG7863" s="145"/>
      <c r="AH7863" s="145"/>
      <c r="AI7863" s="145"/>
      <c r="AJ7863" s="145"/>
      <c r="AK7863" s="145"/>
      <c r="AL7863" s="145"/>
      <c r="AM7863" s="145"/>
      <c r="AN7863" s="145"/>
      <c r="AO7863" s="145"/>
      <c r="AP7863" s="145"/>
      <c r="AQ7863" s="145"/>
      <c r="AR7863" s="145"/>
      <c r="AS7863" s="145"/>
      <c r="AT7863" s="145"/>
      <c r="AU7863" s="145"/>
      <c r="AV7863" s="145"/>
      <c r="AW7863" s="145"/>
      <c r="AX7863" s="146"/>
      <c r="AY7863" s="146"/>
      <c r="AZ7863" s="146"/>
      <c r="BA7863" s="146"/>
      <c r="BB7863" s="221">
        <v>45884</v>
      </c>
    </row>
    <row r="7864" spans="1:54" s="8" customFormat="1" ht="13.95" customHeight="1" x14ac:dyDescent="0.25">
      <c r="A7864" s="229" t="s">
        <v>18814</v>
      </c>
      <c r="B7864" s="96" t="s">
        <v>22104</v>
      </c>
      <c r="C7864" s="93" t="s">
        <v>18815</v>
      </c>
      <c r="D7864" s="93" t="s">
        <v>21678</v>
      </c>
      <c r="E7864" s="111">
        <v>1988</v>
      </c>
      <c r="F7864" s="111">
        <v>681</v>
      </c>
      <c r="G7864" s="93" t="s">
        <v>1</v>
      </c>
      <c r="H7864" s="182">
        <v>1</v>
      </c>
      <c r="I7864" s="182">
        <v>0</v>
      </c>
      <c r="J7864" s="111">
        <v>1</v>
      </c>
      <c r="K7864" s="111">
        <v>0</v>
      </c>
      <c r="L7864" s="111">
        <v>1</v>
      </c>
      <c r="M7864" s="111">
        <v>0</v>
      </c>
      <c r="N7864" s="111">
        <v>0</v>
      </c>
      <c r="O7864" s="111">
        <v>0</v>
      </c>
      <c r="P7864" s="111">
        <v>1</v>
      </c>
      <c r="Q7864" s="111">
        <v>0</v>
      </c>
      <c r="R7864" s="111">
        <v>0</v>
      </c>
      <c r="S7864" s="111">
        <v>0</v>
      </c>
      <c r="T7864" s="111">
        <v>0</v>
      </c>
      <c r="U7864" s="145"/>
      <c r="V7864" s="145"/>
      <c r="W7864" s="145"/>
      <c r="X7864" s="145"/>
      <c r="Y7864" s="145"/>
      <c r="Z7864" s="145"/>
      <c r="AA7864" s="145"/>
      <c r="AB7864" s="145"/>
      <c r="AC7864" s="145"/>
      <c r="AD7864" s="145"/>
      <c r="AE7864" s="145"/>
      <c r="AF7864" s="145"/>
      <c r="AG7864" s="145"/>
      <c r="AH7864" s="145"/>
      <c r="AI7864" s="145"/>
      <c r="AJ7864" s="145"/>
      <c r="AK7864" s="145"/>
      <c r="AL7864" s="145"/>
      <c r="AM7864" s="145"/>
      <c r="AN7864" s="145"/>
      <c r="AO7864" s="145"/>
      <c r="AP7864" s="145"/>
      <c r="AQ7864" s="145"/>
      <c r="AR7864" s="145"/>
      <c r="AS7864" s="145"/>
      <c r="AT7864" s="145"/>
      <c r="AU7864" s="145"/>
      <c r="AV7864" s="145"/>
      <c r="AW7864" s="145"/>
      <c r="AX7864" s="146"/>
      <c r="AY7864" s="146"/>
      <c r="AZ7864" s="146"/>
      <c r="BA7864" s="146"/>
      <c r="BB7864" s="221">
        <v>45884</v>
      </c>
    </row>
    <row r="7865" spans="1:54" s="8" customFormat="1" ht="13.95" customHeight="1" x14ac:dyDescent="0.25">
      <c r="A7865" s="229" t="s">
        <v>18816</v>
      </c>
      <c r="B7865" s="96" t="s">
        <v>22104</v>
      </c>
      <c r="C7865" s="93" t="s">
        <v>18817</v>
      </c>
      <c r="D7865" s="93" t="s">
        <v>18818</v>
      </c>
      <c r="E7865" s="111">
        <v>1993</v>
      </c>
      <c r="F7865" s="111">
        <v>684</v>
      </c>
      <c r="G7865" s="93" t="s">
        <v>1</v>
      </c>
      <c r="H7865" s="182">
        <v>0</v>
      </c>
      <c r="I7865" s="182">
        <v>0</v>
      </c>
      <c r="J7865" s="111">
        <v>1</v>
      </c>
      <c r="K7865" s="111">
        <v>0</v>
      </c>
      <c r="L7865" s="111">
        <v>0</v>
      </c>
      <c r="M7865" s="111">
        <v>0</v>
      </c>
      <c r="N7865" s="111">
        <v>0</v>
      </c>
      <c r="O7865" s="111">
        <v>0</v>
      </c>
      <c r="P7865" s="111">
        <v>0</v>
      </c>
      <c r="Q7865" s="111">
        <v>0</v>
      </c>
      <c r="R7865" s="111">
        <v>0</v>
      </c>
      <c r="S7865" s="111">
        <v>0</v>
      </c>
      <c r="T7865" s="111">
        <v>0</v>
      </c>
      <c r="U7865" s="145"/>
      <c r="V7865" s="145"/>
      <c r="W7865" s="145"/>
      <c r="X7865" s="145"/>
      <c r="Y7865" s="145"/>
      <c r="Z7865" s="145"/>
      <c r="AA7865" s="145"/>
      <c r="AB7865" s="145"/>
      <c r="AC7865" s="145"/>
      <c r="AD7865" s="145"/>
      <c r="AE7865" s="145"/>
      <c r="AF7865" s="145"/>
      <c r="AG7865" s="145"/>
      <c r="AH7865" s="145"/>
      <c r="AI7865" s="145"/>
      <c r="AJ7865" s="145"/>
      <c r="AK7865" s="145"/>
      <c r="AL7865" s="145"/>
      <c r="AM7865" s="145"/>
      <c r="AN7865" s="145"/>
      <c r="AO7865" s="145"/>
      <c r="AP7865" s="145"/>
      <c r="AQ7865" s="145"/>
      <c r="AR7865" s="145"/>
      <c r="AS7865" s="145"/>
      <c r="AT7865" s="145"/>
      <c r="AU7865" s="145"/>
      <c r="AV7865" s="145"/>
      <c r="AW7865" s="145"/>
      <c r="AX7865" s="146"/>
      <c r="AY7865" s="146"/>
      <c r="AZ7865" s="146"/>
      <c r="BA7865" s="146"/>
      <c r="BB7865" s="221">
        <v>45884</v>
      </c>
    </row>
    <row r="7866" spans="1:54" s="8" customFormat="1" ht="13.95" customHeight="1" x14ac:dyDescent="0.25">
      <c r="A7866" s="229" t="s">
        <v>18819</v>
      </c>
      <c r="B7866" s="96" t="s">
        <v>22104</v>
      </c>
      <c r="C7866" s="93" t="s">
        <v>18820</v>
      </c>
      <c r="D7866" s="93" t="s">
        <v>18821</v>
      </c>
      <c r="E7866" s="111">
        <v>1983</v>
      </c>
      <c r="F7866" s="111">
        <v>869</v>
      </c>
      <c r="G7866" s="93" t="s">
        <v>1</v>
      </c>
      <c r="H7866" s="182">
        <v>0</v>
      </c>
      <c r="I7866" s="182">
        <v>0</v>
      </c>
      <c r="J7866" s="111">
        <v>1</v>
      </c>
      <c r="K7866" s="111">
        <v>0</v>
      </c>
      <c r="L7866" s="111">
        <v>1</v>
      </c>
      <c r="M7866" s="111">
        <v>0</v>
      </c>
      <c r="N7866" s="111">
        <v>0</v>
      </c>
      <c r="O7866" s="111">
        <v>0</v>
      </c>
      <c r="P7866" s="111">
        <v>1</v>
      </c>
      <c r="Q7866" s="111">
        <v>0</v>
      </c>
      <c r="R7866" s="111">
        <v>0</v>
      </c>
      <c r="S7866" s="111">
        <v>0</v>
      </c>
      <c r="T7866" s="111">
        <v>0</v>
      </c>
      <c r="U7866" s="145"/>
      <c r="V7866" s="145"/>
      <c r="W7866" s="145"/>
      <c r="X7866" s="145"/>
      <c r="Y7866" s="145"/>
      <c r="Z7866" s="145"/>
      <c r="AA7866" s="145"/>
      <c r="AB7866" s="145"/>
      <c r="AC7866" s="145"/>
      <c r="AD7866" s="145"/>
      <c r="AE7866" s="145"/>
      <c r="AF7866" s="145"/>
      <c r="AG7866" s="145"/>
      <c r="AH7866" s="145"/>
      <c r="AI7866" s="145"/>
      <c r="AJ7866" s="145"/>
      <c r="AK7866" s="145"/>
      <c r="AL7866" s="145"/>
      <c r="AM7866" s="145"/>
      <c r="AN7866" s="145"/>
      <c r="AO7866" s="145"/>
      <c r="AP7866" s="145"/>
      <c r="AQ7866" s="145"/>
      <c r="AR7866" s="145"/>
      <c r="AS7866" s="145"/>
      <c r="AT7866" s="145"/>
      <c r="AU7866" s="145"/>
      <c r="AV7866" s="145"/>
      <c r="AW7866" s="145"/>
      <c r="AX7866" s="146"/>
      <c r="AY7866" s="146"/>
      <c r="AZ7866" s="146"/>
      <c r="BA7866" s="146"/>
      <c r="BB7866" s="221">
        <v>45884</v>
      </c>
    </row>
    <row r="7867" spans="1:54" s="8" customFormat="1" ht="13.95" customHeight="1" x14ac:dyDescent="0.25">
      <c r="A7867" s="229" t="s">
        <v>18822</v>
      </c>
      <c r="B7867" s="96" t="s">
        <v>22104</v>
      </c>
      <c r="C7867" s="93" t="s">
        <v>18823</v>
      </c>
      <c r="D7867" s="93" t="s">
        <v>18824</v>
      </c>
      <c r="E7867" s="111">
        <v>1974</v>
      </c>
      <c r="F7867" s="111">
        <v>969</v>
      </c>
      <c r="G7867" s="93" t="s">
        <v>1</v>
      </c>
      <c r="H7867" s="182">
        <v>0</v>
      </c>
      <c r="I7867" s="182">
        <v>0</v>
      </c>
      <c r="J7867" s="111">
        <v>0</v>
      </c>
      <c r="K7867" s="111">
        <v>0</v>
      </c>
      <c r="L7867" s="111">
        <v>0</v>
      </c>
      <c r="M7867" s="111">
        <v>0</v>
      </c>
      <c r="N7867" s="111">
        <v>0</v>
      </c>
      <c r="O7867" s="111">
        <v>0</v>
      </c>
      <c r="P7867" s="111">
        <v>1</v>
      </c>
      <c r="Q7867" s="111">
        <v>0</v>
      </c>
      <c r="R7867" s="111">
        <v>1</v>
      </c>
      <c r="S7867" s="111">
        <v>0</v>
      </c>
      <c r="T7867" s="111">
        <v>0</v>
      </c>
      <c r="U7867" s="145"/>
      <c r="V7867" s="145"/>
      <c r="W7867" s="145"/>
      <c r="X7867" s="145"/>
      <c r="Y7867" s="145"/>
      <c r="Z7867" s="145"/>
      <c r="AA7867" s="145"/>
      <c r="AB7867" s="145"/>
      <c r="AC7867" s="145"/>
      <c r="AD7867" s="145"/>
      <c r="AE7867" s="145"/>
      <c r="AF7867" s="145"/>
      <c r="AG7867" s="145"/>
      <c r="AH7867" s="145"/>
      <c r="AI7867" s="145"/>
      <c r="AJ7867" s="145"/>
      <c r="AK7867" s="145"/>
      <c r="AL7867" s="145"/>
      <c r="AM7867" s="145"/>
      <c r="AN7867" s="145"/>
      <c r="AO7867" s="145"/>
      <c r="AP7867" s="145"/>
      <c r="AQ7867" s="145"/>
      <c r="AR7867" s="145"/>
      <c r="AS7867" s="145"/>
      <c r="AT7867" s="145"/>
      <c r="AU7867" s="145"/>
      <c r="AV7867" s="145"/>
      <c r="AW7867" s="145"/>
      <c r="AX7867" s="146"/>
      <c r="AY7867" s="146"/>
      <c r="AZ7867" s="146"/>
      <c r="BA7867" s="146"/>
      <c r="BB7867" s="221">
        <v>45884</v>
      </c>
    </row>
    <row r="7868" spans="1:54" s="8" customFormat="1" ht="13.95" customHeight="1" x14ac:dyDescent="0.25">
      <c r="A7868" s="229" t="s">
        <v>18825</v>
      </c>
      <c r="B7868" s="96" t="s">
        <v>22104</v>
      </c>
      <c r="C7868" s="93" t="s">
        <v>18826</v>
      </c>
      <c r="D7868" s="93" t="s">
        <v>18827</v>
      </c>
      <c r="E7868" s="111">
        <v>1974</v>
      </c>
      <c r="F7868" s="111">
        <v>979</v>
      </c>
      <c r="G7868" s="93" t="s">
        <v>1</v>
      </c>
      <c r="H7868" s="182">
        <v>0</v>
      </c>
      <c r="I7868" s="182">
        <v>0</v>
      </c>
      <c r="J7868" s="111">
        <v>0</v>
      </c>
      <c r="K7868" s="111">
        <v>0</v>
      </c>
      <c r="L7868" s="111">
        <v>0</v>
      </c>
      <c r="M7868" s="111">
        <v>0</v>
      </c>
      <c r="N7868" s="111">
        <v>0</v>
      </c>
      <c r="O7868" s="111">
        <v>0</v>
      </c>
      <c r="P7868" s="111">
        <v>0</v>
      </c>
      <c r="Q7868" s="111">
        <v>0</v>
      </c>
      <c r="R7868" s="111">
        <v>0</v>
      </c>
      <c r="S7868" s="111">
        <v>0</v>
      </c>
      <c r="T7868" s="111">
        <v>0</v>
      </c>
      <c r="U7868" s="145"/>
      <c r="V7868" s="145"/>
      <c r="W7868" s="145"/>
      <c r="X7868" s="145"/>
      <c r="Y7868" s="145"/>
      <c r="Z7868" s="145"/>
      <c r="AA7868" s="145"/>
      <c r="AB7868" s="145"/>
      <c r="AC7868" s="145"/>
      <c r="AD7868" s="145"/>
      <c r="AE7868" s="145"/>
      <c r="AF7868" s="145"/>
      <c r="AG7868" s="145"/>
      <c r="AH7868" s="145"/>
      <c r="AI7868" s="145"/>
      <c r="AJ7868" s="145"/>
      <c r="AK7868" s="145"/>
      <c r="AL7868" s="145"/>
      <c r="AM7868" s="145"/>
      <c r="AN7868" s="145"/>
      <c r="AO7868" s="145"/>
      <c r="AP7868" s="145"/>
      <c r="AQ7868" s="145"/>
      <c r="AR7868" s="145"/>
      <c r="AS7868" s="145"/>
      <c r="AT7868" s="145"/>
      <c r="AU7868" s="145"/>
      <c r="AV7868" s="145"/>
      <c r="AW7868" s="145"/>
      <c r="AX7868" s="146"/>
      <c r="AY7868" s="146"/>
      <c r="AZ7868" s="146"/>
      <c r="BA7868" s="146"/>
      <c r="BB7868" s="221">
        <v>45884</v>
      </c>
    </row>
    <row r="7869" spans="1:54" s="8" customFormat="1" ht="13.95" customHeight="1" x14ac:dyDescent="0.25">
      <c r="A7869" s="229" t="s">
        <v>18828</v>
      </c>
      <c r="B7869" s="96" t="s">
        <v>22104</v>
      </c>
      <c r="C7869" s="93" t="s">
        <v>1512</v>
      </c>
      <c r="D7869" s="93" t="s">
        <v>18829</v>
      </c>
      <c r="E7869" s="111">
        <v>1984</v>
      </c>
      <c r="F7869" s="111">
        <v>998</v>
      </c>
      <c r="G7869" s="93" t="s">
        <v>1</v>
      </c>
      <c r="H7869" s="182">
        <v>0</v>
      </c>
      <c r="I7869" s="182">
        <v>0</v>
      </c>
      <c r="J7869" s="111">
        <v>1</v>
      </c>
      <c r="K7869" s="111">
        <v>0</v>
      </c>
      <c r="L7869" s="111">
        <v>0</v>
      </c>
      <c r="M7869" s="111">
        <v>0</v>
      </c>
      <c r="N7869" s="111">
        <v>0</v>
      </c>
      <c r="O7869" s="111">
        <v>0</v>
      </c>
      <c r="P7869" s="111">
        <v>0</v>
      </c>
      <c r="Q7869" s="111">
        <v>0</v>
      </c>
      <c r="R7869" s="111">
        <v>0</v>
      </c>
      <c r="S7869" s="111">
        <v>0</v>
      </c>
      <c r="T7869" s="111">
        <v>0</v>
      </c>
      <c r="U7869" s="145"/>
      <c r="V7869" s="145"/>
      <c r="W7869" s="145"/>
      <c r="X7869" s="145"/>
      <c r="Y7869" s="145"/>
      <c r="Z7869" s="145"/>
      <c r="AA7869" s="145"/>
      <c r="AB7869" s="145"/>
      <c r="AC7869" s="145"/>
      <c r="AD7869" s="145"/>
      <c r="AE7869" s="145"/>
      <c r="AF7869" s="145"/>
      <c r="AG7869" s="145"/>
      <c r="AH7869" s="145"/>
      <c r="AI7869" s="145"/>
      <c r="AJ7869" s="145"/>
      <c r="AK7869" s="145"/>
      <c r="AL7869" s="145"/>
      <c r="AM7869" s="145"/>
      <c r="AN7869" s="145"/>
      <c r="AO7869" s="145"/>
      <c r="AP7869" s="145"/>
      <c r="AQ7869" s="145"/>
      <c r="AR7869" s="145"/>
      <c r="AS7869" s="145"/>
      <c r="AT7869" s="145"/>
      <c r="AU7869" s="145"/>
      <c r="AV7869" s="145"/>
      <c r="AW7869" s="145"/>
      <c r="AX7869" s="146"/>
      <c r="AY7869" s="146"/>
      <c r="AZ7869" s="146"/>
      <c r="BA7869" s="146"/>
      <c r="BB7869" s="221">
        <v>45884</v>
      </c>
    </row>
    <row r="7870" spans="1:54" s="8" customFormat="1" ht="13.95" customHeight="1" x14ac:dyDescent="0.25">
      <c r="A7870" s="229" t="s">
        <v>18830</v>
      </c>
      <c r="B7870" s="96" t="s">
        <v>22104</v>
      </c>
      <c r="C7870" s="93" t="s">
        <v>18831</v>
      </c>
      <c r="D7870" s="93" t="s">
        <v>18832</v>
      </c>
      <c r="E7870" s="111">
        <v>1984</v>
      </c>
      <c r="F7870" s="111">
        <v>1007</v>
      </c>
      <c r="G7870" s="93" t="s">
        <v>1</v>
      </c>
      <c r="H7870" s="182">
        <v>1</v>
      </c>
      <c r="I7870" s="182">
        <v>1</v>
      </c>
      <c r="J7870" s="111">
        <v>1</v>
      </c>
      <c r="K7870" s="111">
        <v>0</v>
      </c>
      <c r="L7870" s="111">
        <v>1</v>
      </c>
      <c r="M7870" s="111">
        <v>0</v>
      </c>
      <c r="N7870" s="111">
        <v>0</v>
      </c>
      <c r="O7870" s="111">
        <v>1</v>
      </c>
      <c r="P7870" s="111">
        <v>1</v>
      </c>
      <c r="Q7870" s="111">
        <v>0</v>
      </c>
      <c r="R7870" s="111">
        <v>0</v>
      </c>
      <c r="S7870" s="111">
        <v>0</v>
      </c>
      <c r="T7870" s="111">
        <v>0</v>
      </c>
      <c r="U7870" s="145"/>
      <c r="V7870" s="145"/>
      <c r="W7870" s="145"/>
      <c r="X7870" s="145"/>
      <c r="Y7870" s="145"/>
      <c r="Z7870" s="145"/>
      <c r="AA7870" s="145"/>
      <c r="AB7870" s="145"/>
      <c r="AC7870" s="145"/>
      <c r="AD7870" s="145"/>
      <c r="AE7870" s="145"/>
      <c r="AF7870" s="145"/>
      <c r="AG7870" s="145"/>
      <c r="AH7870" s="145"/>
      <c r="AI7870" s="145"/>
      <c r="AJ7870" s="145"/>
      <c r="AK7870" s="145"/>
      <c r="AL7870" s="145"/>
      <c r="AM7870" s="145"/>
      <c r="AN7870" s="145"/>
      <c r="AO7870" s="145"/>
      <c r="AP7870" s="145"/>
      <c r="AQ7870" s="145"/>
      <c r="AR7870" s="145"/>
      <c r="AS7870" s="145"/>
      <c r="AT7870" s="145"/>
      <c r="AU7870" s="145"/>
      <c r="AV7870" s="145"/>
      <c r="AW7870" s="145"/>
      <c r="AX7870" s="146"/>
      <c r="AY7870" s="146"/>
      <c r="AZ7870" s="146"/>
      <c r="BA7870" s="146"/>
      <c r="BB7870" s="221">
        <v>45884</v>
      </c>
    </row>
    <row r="7871" spans="1:54" s="8" customFormat="1" ht="13.95" customHeight="1" x14ac:dyDescent="0.25">
      <c r="A7871" s="229" t="s">
        <v>18833</v>
      </c>
      <c r="B7871" s="96" t="s">
        <v>22104</v>
      </c>
      <c r="C7871" s="93" t="s">
        <v>9789</v>
      </c>
      <c r="D7871" s="93" t="s">
        <v>18834</v>
      </c>
      <c r="E7871" s="111">
        <v>1983</v>
      </c>
      <c r="F7871" s="111">
        <v>1031</v>
      </c>
      <c r="G7871" s="93" t="s">
        <v>1</v>
      </c>
      <c r="H7871" s="182">
        <v>1</v>
      </c>
      <c r="I7871" s="182">
        <v>1</v>
      </c>
      <c r="J7871" s="111">
        <v>1</v>
      </c>
      <c r="K7871" s="111">
        <v>0</v>
      </c>
      <c r="L7871" s="111">
        <v>1</v>
      </c>
      <c r="M7871" s="111">
        <v>1</v>
      </c>
      <c r="N7871" s="111">
        <v>0</v>
      </c>
      <c r="O7871" s="111">
        <v>0</v>
      </c>
      <c r="P7871" s="111">
        <v>0</v>
      </c>
      <c r="Q7871" s="111">
        <v>0</v>
      </c>
      <c r="R7871" s="111">
        <v>0</v>
      </c>
      <c r="S7871" s="111">
        <v>0</v>
      </c>
      <c r="T7871" s="111">
        <v>0</v>
      </c>
      <c r="U7871" s="145"/>
      <c r="V7871" s="145"/>
      <c r="W7871" s="145"/>
      <c r="X7871" s="145"/>
      <c r="Y7871" s="145"/>
      <c r="Z7871" s="145"/>
      <c r="AA7871" s="145"/>
      <c r="AB7871" s="145"/>
      <c r="AC7871" s="145"/>
      <c r="AD7871" s="145"/>
      <c r="AE7871" s="145"/>
      <c r="AF7871" s="145"/>
      <c r="AG7871" s="145"/>
      <c r="AH7871" s="145"/>
      <c r="AI7871" s="145"/>
      <c r="AJ7871" s="145"/>
      <c r="AK7871" s="145"/>
      <c r="AL7871" s="145"/>
      <c r="AM7871" s="145"/>
      <c r="AN7871" s="145"/>
      <c r="AO7871" s="145"/>
      <c r="AP7871" s="145"/>
      <c r="AQ7871" s="145"/>
      <c r="AR7871" s="145"/>
      <c r="AS7871" s="145"/>
      <c r="AT7871" s="145"/>
      <c r="AU7871" s="145"/>
      <c r="AV7871" s="145"/>
      <c r="AW7871" s="145"/>
      <c r="AX7871" s="146"/>
      <c r="AY7871" s="146"/>
      <c r="AZ7871" s="146"/>
      <c r="BA7871" s="146"/>
      <c r="BB7871" s="221">
        <v>45884</v>
      </c>
    </row>
    <row r="7872" spans="1:54" s="8" customFormat="1" ht="13.95" customHeight="1" x14ac:dyDescent="0.25">
      <c r="A7872" s="229" t="s">
        <v>18835</v>
      </c>
      <c r="B7872" s="96" t="s">
        <v>22104</v>
      </c>
      <c r="C7872" s="93" t="s">
        <v>18836</v>
      </c>
      <c r="D7872" s="93" t="s">
        <v>18837</v>
      </c>
      <c r="E7872" s="111">
        <v>1974</v>
      </c>
      <c r="F7872" s="111">
        <v>1045</v>
      </c>
      <c r="G7872" s="93" t="s">
        <v>1</v>
      </c>
      <c r="H7872" s="182">
        <v>1</v>
      </c>
      <c r="I7872" s="182">
        <v>0</v>
      </c>
      <c r="J7872" s="111">
        <v>1</v>
      </c>
      <c r="K7872" s="111">
        <v>0</v>
      </c>
      <c r="L7872" s="111">
        <v>0</v>
      </c>
      <c r="M7872" s="111">
        <v>0</v>
      </c>
      <c r="N7872" s="111">
        <v>1</v>
      </c>
      <c r="O7872" s="111">
        <v>1</v>
      </c>
      <c r="P7872" s="111">
        <v>1</v>
      </c>
      <c r="Q7872" s="111">
        <v>0</v>
      </c>
      <c r="R7872" s="111">
        <v>0</v>
      </c>
      <c r="S7872" s="111">
        <v>0</v>
      </c>
      <c r="T7872" s="111">
        <v>0</v>
      </c>
      <c r="U7872" s="145"/>
      <c r="V7872" s="145"/>
      <c r="W7872" s="145"/>
      <c r="X7872" s="145"/>
      <c r="Y7872" s="145"/>
      <c r="Z7872" s="145"/>
      <c r="AA7872" s="145"/>
      <c r="AB7872" s="145"/>
      <c r="AC7872" s="145"/>
      <c r="AD7872" s="145"/>
      <c r="AE7872" s="145"/>
      <c r="AF7872" s="145"/>
      <c r="AG7872" s="145"/>
      <c r="AH7872" s="145"/>
      <c r="AI7872" s="145"/>
      <c r="AJ7872" s="145"/>
      <c r="AK7872" s="145"/>
      <c r="AL7872" s="145"/>
      <c r="AM7872" s="145"/>
      <c r="AN7872" s="145"/>
      <c r="AO7872" s="145"/>
      <c r="AP7872" s="145"/>
      <c r="AQ7872" s="145"/>
      <c r="AR7872" s="145"/>
      <c r="AS7872" s="145"/>
      <c r="AT7872" s="145"/>
      <c r="AU7872" s="145"/>
      <c r="AV7872" s="145"/>
      <c r="AW7872" s="145"/>
      <c r="AX7872" s="146"/>
      <c r="AY7872" s="146"/>
      <c r="AZ7872" s="146"/>
      <c r="BA7872" s="146"/>
      <c r="BB7872" s="221">
        <v>45884</v>
      </c>
    </row>
    <row r="7873" spans="1:54" s="8" customFormat="1" ht="13.95" customHeight="1" x14ac:dyDescent="0.25">
      <c r="A7873" s="229" t="s">
        <v>18838</v>
      </c>
      <c r="B7873" s="96" t="s">
        <v>22104</v>
      </c>
      <c r="C7873" s="93" t="s">
        <v>10633</v>
      </c>
      <c r="D7873" s="93" t="s">
        <v>18839</v>
      </c>
      <c r="E7873" s="111">
        <v>1980</v>
      </c>
      <c r="F7873" s="111">
        <v>1097</v>
      </c>
      <c r="G7873" s="93" t="s">
        <v>1</v>
      </c>
      <c r="H7873" s="182">
        <v>1</v>
      </c>
      <c r="I7873" s="182">
        <v>0</v>
      </c>
      <c r="J7873" s="111">
        <v>1</v>
      </c>
      <c r="K7873" s="111">
        <v>0</v>
      </c>
      <c r="L7873" s="111">
        <v>1</v>
      </c>
      <c r="M7873" s="111">
        <v>0</v>
      </c>
      <c r="N7873" s="111">
        <v>1</v>
      </c>
      <c r="O7873" s="111">
        <v>1</v>
      </c>
      <c r="P7873" s="111">
        <v>1</v>
      </c>
      <c r="Q7873" s="111">
        <v>0</v>
      </c>
      <c r="R7873" s="111">
        <v>0</v>
      </c>
      <c r="S7873" s="111">
        <v>0</v>
      </c>
      <c r="T7873" s="111">
        <v>0</v>
      </c>
      <c r="U7873" s="145"/>
      <c r="V7873" s="145"/>
      <c r="W7873" s="145"/>
      <c r="X7873" s="145"/>
      <c r="Y7873" s="145"/>
      <c r="Z7873" s="145"/>
      <c r="AA7873" s="145"/>
      <c r="AB7873" s="145"/>
      <c r="AC7873" s="145"/>
      <c r="AD7873" s="145"/>
      <c r="AE7873" s="145"/>
      <c r="AF7873" s="145"/>
      <c r="AG7873" s="145"/>
      <c r="AH7873" s="145"/>
      <c r="AI7873" s="145"/>
      <c r="AJ7873" s="145"/>
      <c r="AK7873" s="145"/>
      <c r="AL7873" s="145"/>
      <c r="AM7873" s="145"/>
      <c r="AN7873" s="145"/>
      <c r="AO7873" s="145"/>
      <c r="AP7873" s="145"/>
      <c r="AQ7873" s="145"/>
      <c r="AR7873" s="145"/>
      <c r="AS7873" s="145"/>
      <c r="AT7873" s="145"/>
      <c r="AU7873" s="145"/>
      <c r="AV7873" s="145"/>
      <c r="AW7873" s="145"/>
      <c r="AX7873" s="146"/>
      <c r="AY7873" s="146"/>
      <c r="AZ7873" s="146"/>
      <c r="BA7873" s="146"/>
      <c r="BB7873" s="221">
        <v>45884</v>
      </c>
    </row>
    <row r="7874" spans="1:54" s="8" customFormat="1" ht="13.95" customHeight="1" x14ac:dyDescent="0.25">
      <c r="A7874" s="229" t="s">
        <v>18840</v>
      </c>
      <c r="B7874" s="96" t="s">
        <v>22104</v>
      </c>
      <c r="C7874" s="93" t="s">
        <v>18841</v>
      </c>
      <c r="D7874" s="93" t="s">
        <v>18842</v>
      </c>
      <c r="E7874" s="111">
        <v>1986</v>
      </c>
      <c r="F7874" s="111">
        <v>1138</v>
      </c>
      <c r="G7874" s="93" t="s">
        <v>1</v>
      </c>
      <c r="H7874" s="182">
        <v>1</v>
      </c>
      <c r="I7874" s="182">
        <v>0</v>
      </c>
      <c r="J7874" s="111">
        <v>1</v>
      </c>
      <c r="K7874" s="111">
        <v>0</v>
      </c>
      <c r="L7874" s="111">
        <v>1</v>
      </c>
      <c r="M7874" s="111">
        <v>1</v>
      </c>
      <c r="N7874" s="111">
        <v>0</v>
      </c>
      <c r="O7874" s="111">
        <v>0</v>
      </c>
      <c r="P7874" s="111">
        <v>0</v>
      </c>
      <c r="Q7874" s="111">
        <v>0</v>
      </c>
      <c r="R7874" s="111">
        <v>0</v>
      </c>
      <c r="S7874" s="111">
        <v>0</v>
      </c>
      <c r="T7874" s="111">
        <v>0</v>
      </c>
      <c r="U7874" s="145"/>
      <c r="V7874" s="145"/>
      <c r="W7874" s="145"/>
      <c r="X7874" s="145"/>
      <c r="Y7874" s="145"/>
      <c r="Z7874" s="145"/>
      <c r="AA7874" s="145"/>
      <c r="AB7874" s="145"/>
      <c r="AC7874" s="145"/>
      <c r="AD7874" s="145"/>
      <c r="AE7874" s="145"/>
      <c r="AF7874" s="145"/>
      <c r="AG7874" s="145"/>
      <c r="AH7874" s="145"/>
      <c r="AI7874" s="145"/>
      <c r="AJ7874" s="145"/>
      <c r="AK7874" s="145"/>
      <c r="AL7874" s="145"/>
      <c r="AM7874" s="145"/>
      <c r="AN7874" s="145"/>
      <c r="AO7874" s="145"/>
      <c r="AP7874" s="145"/>
      <c r="AQ7874" s="145"/>
      <c r="AR7874" s="145"/>
      <c r="AS7874" s="145"/>
      <c r="AT7874" s="145"/>
      <c r="AU7874" s="145"/>
      <c r="AV7874" s="145"/>
      <c r="AW7874" s="145"/>
      <c r="AX7874" s="146"/>
      <c r="AY7874" s="146"/>
      <c r="AZ7874" s="146"/>
      <c r="BA7874" s="146"/>
      <c r="BB7874" s="221">
        <v>45884</v>
      </c>
    </row>
    <row r="7875" spans="1:54" s="8" customFormat="1" ht="13.95" customHeight="1" x14ac:dyDescent="0.25">
      <c r="A7875" s="229" t="s">
        <v>18843</v>
      </c>
      <c r="B7875" s="96" t="s">
        <v>22104</v>
      </c>
      <c r="C7875" s="93" t="s">
        <v>18844</v>
      </c>
      <c r="D7875" s="93" t="s">
        <v>18845</v>
      </c>
      <c r="E7875" s="111">
        <v>1983</v>
      </c>
      <c r="F7875" s="111">
        <v>1160</v>
      </c>
      <c r="G7875" s="93" t="s">
        <v>1</v>
      </c>
      <c r="H7875" s="182">
        <v>0</v>
      </c>
      <c r="I7875" s="182">
        <v>0</v>
      </c>
      <c r="J7875" s="111">
        <v>0</v>
      </c>
      <c r="K7875" s="111">
        <v>0</v>
      </c>
      <c r="L7875" s="111">
        <v>1</v>
      </c>
      <c r="M7875" s="111">
        <v>0</v>
      </c>
      <c r="N7875" s="111">
        <v>1</v>
      </c>
      <c r="O7875" s="111">
        <v>0</v>
      </c>
      <c r="P7875" s="111">
        <v>0</v>
      </c>
      <c r="Q7875" s="111">
        <v>0</v>
      </c>
      <c r="R7875" s="111">
        <v>1</v>
      </c>
      <c r="S7875" s="111">
        <v>0</v>
      </c>
      <c r="T7875" s="111">
        <v>0</v>
      </c>
      <c r="U7875" s="145"/>
      <c r="V7875" s="145"/>
      <c r="W7875" s="145"/>
      <c r="X7875" s="145"/>
      <c r="Y7875" s="145"/>
      <c r="Z7875" s="145"/>
      <c r="AA7875" s="145"/>
      <c r="AB7875" s="145"/>
      <c r="AC7875" s="145"/>
      <c r="AD7875" s="145"/>
      <c r="AE7875" s="145"/>
      <c r="AF7875" s="145"/>
      <c r="AG7875" s="145"/>
      <c r="AH7875" s="145"/>
      <c r="AI7875" s="145"/>
      <c r="AJ7875" s="145"/>
      <c r="AK7875" s="145"/>
      <c r="AL7875" s="145"/>
      <c r="AM7875" s="145"/>
      <c r="AN7875" s="145"/>
      <c r="AO7875" s="145"/>
      <c r="AP7875" s="145"/>
      <c r="AQ7875" s="145"/>
      <c r="AR7875" s="145"/>
      <c r="AS7875" s="145"/>
      <c r="AT7875" s="145"/>
      <c r="AU7875" s="145"/>
      <c r="AV7875" s="145"/>
      <c r="AW7875" s="145"/>
      <c r="AX7875" s="146"/>
      <c r="AY7875" s="146"/>
      <c r="AZ7875" s="146"/>
      <c r="BA7875" s="146"/>
      <c r="BB7875" s="221">
        <v>45884</v>
      </c>
    </row>
    <row r="7876" spans="1:54" s="8" customFormat="1" ht="13.95" customHeight="1" x14ac:dyDescent="0.25">
      <c r="A7876" s="229" t="s">
        <v>18846</v>
      </c>
      <c r="B7876" s="96" t="s">
        <v>22104</v>
      </c>
      <c r="C7876" s="93" t="s">
        <v>18847</v>
      </c>
      <c r="D7876" s="93" t="s">
        <v>18848</v>
      </c>
      <c r="E7876" s="111">
        <v>1983</v>
      </c>
      <c r="F7876" s="111">
        <v>1168</v>
      </c>
      <c r="G7876" s="93" t="s">
        <v>1</v>
      </c>
      <c r="H7876" s="182">
        <v>0</v>
      </c>
      <c r="I7876" s="182">
        <v>0</v>
      </c>
      <c r="J7876" s="111">
        <v>1</v>
      </c>
      <c r="K7876" s="111">
        <v>0</v>
      </c>
      <c r="L7876" s="111">
        <v>1</v>
      </c>
      <c r="M7876" s="111">
        <v>0</v>
      </c>
      <c r="N7876" s="111">
        <v>0</v>
      </c>
      <c r="O7876" s="111">
        <v>1</v>
      </c>
      <c r="P7876" s="111">
        <v>1</v>
      </c>
      <c r="Q7876" s="111">
        <v>0</v>
      </c>
      <c r="R7876" s="111">
        <v>1</v>
      </c>
      <c r="S7876" s="111">
        <v>0</v>
      </c>
      <c r="T7876" s="111">
        <v>0</v>
      </c>
      <c r="U7876" s="145"/>
      <c r="V7876" s="145"/>
      <c r="W7876" s="145"/>
      <c r="X7876" s="145"/>
      <c r="Y7876" s="145"/>
      <c r="Z7876" s="145"/>
      <c r="AA7876" s="145"/>
      <c r="AB7876" s="145"/>
      <c r="AC7876" s="145"/>
      <c r="AD7876" s="145"/>
      <c r="AE7876" s="145"/>
      <c r="AF7876" s="145"/>
      <c r="AG7876" s="145"/>
      <c r="AH7876" s="145"/>
      <c r="AI7876" s="145"/>
      <c r="AJ7876" s="145"/>
      <c r="AK7876" s="145"/>
      <c r="AL7876" s="145"/>
      <c r="AM7876" s="145"/>
      <c r="AN7876" s="145"/>
      <c r="AO7876" s="145"/>
      <c r="AP7876" s="145"/>
      <c r="AQ7876" s="145"/>
      <c r="AR7876" s="145"/>
      <c r="AS7876" s="145"/>
      <c r="AT7876" s="145"/>
      <c r="AU7876" s="145"/>
      <c r="AV7876" s="145"/>
      <c r="AW7876" s="145"/>
      <c r="AX7876" s="146"/>
      <c r="AY7876" s="146"/>
      <c r="AZ7876" s="146"/>
      <c r="BA7876" s="146"/>
      <c r="BB7876" s="221">
        <v>45884</v>
      </c>
    </row>
    <row r="7877" spans="1:54" s="8" customFormat="1" ht="13.95" customHeight="1" x14ac:dyDescent="0.25">
      <c r="A7877" s="229" t="s">
        <v>18849</v>
      </c>
      <c r="B7877" s="96" t="s">
        <v>22104</v>
      </c>
      <c r="C7877" s="93" t="s">
        <v>18850</v>
      </c>
      <c r="D7877" s="93" t="s">
        <v>18851</v>
      </c>
      <c r="E7877" s="111">
        <v>1984</v>
      </c>
      <c r="F7877" s="111">
        <v>1212</v>
      </c>
      <c r="G7877" s="93" t="s">
        <v>8</v>
      </c>
      <c r="H7877" s="182">
        <v>0</v>
      </c>
      <c r="I7877" s="182">
        <v>0</v>
      </c>
      <c r="J7877" s="111">
        <v>0</v>
      </c>
      <c r="K7877" s="111">
        <v>0</v>
      </c>
      <c r="L7877" s="111">
        <v>0</v>
      </c>
      <c r="M7877" s="111">
        <v>0</v>
      </c>
      <c r="N7877" s="111">
        <v>0</v>
      </c>
      <c r="O7877" s="111">
        <v>0</v>
      </c>
      <c r="P7877" s="111">
        <v>0</v>
      </c>
      <c r="Q7877" s="111">
        <v>0</v>
      </c>
      <c r="R7877" s="111">
        <v>0</v>
      </c>
      <c r="S7877" s="111">
        <v>0</v>
      </c>
      <c r="T7877" s="111">
        <v>0</v>
      </c>
      <c r="U7877" s="111">
        <v>0</v>
      </c>
      <c r="V7877" s="111">
        <v>0</v>
      </c>
      <c r="W7877" s="111">
        <v>0</v>
      </c>
      <c r="X7877" s="111">
        <v>0</v>
      </c>
      <c r="Y7877" s="111">
        <v>0</v>
      </c>
      <c r="Z7877" s="111">
        <v>0</v>
      </c>
      <c r="AA7877" s="111">
        <v>0</v>
      </c>
      <c r="AB7877" s="111">
        <v>0</v>
      </c>
      <c r="AC7877" s="111">
        <v>0</v>
      </c>
      <c r="AD7877" s="111">
        <v>0</v>
      </c>
      <c r="AE7877" s="111">
        <v>0</v>
      </c>
      <c r="AF7877" s="111">
        <v>0</v>
      </c>
      <c r="AG7877" s="111">
        <v>0</v>
      </c>
      <c r="AH7877" s="111">
        <v>0</v>
      </c>
      <c r="AI7877" s="111">
        <v>0</v>
      </c>
      <c r="AJ7877" s="111">
        <v>0</v>
      </c>
      <c r="AK7877" s="111">
        <v>0</v>
      </c>
      <c r="AL7877" s="111">
        <v>0</v>
      </c>
      <c r="AM7877" s="111">
        <v>0</v>
      </c>
      <c r="AN7877" s="111">
        <v>0</v>
      </c>
      <c r="AO7877" s="111">
        <v>0</v>
      </c>
      <c r="AP7877" s="111">
        <v>0</v>
      </c>
      <c r="AQ7877" s="111">
        <v>0</v>
      </c>
      <c r="AR7877" s="111">
        <v>0</v>
      </c>
      <c r="AS7877" s="111">
        <v>0</v>
      </c>
      <c r="AT7877" s="111" t="s">
        <v>400</v>
      </c>
      <c r="AU7877" s="111">
        <v>0</v>
      </c>
      <c r="AV7877" s="111">
        <v>0</v>
      </c>
      <c r="AW7877" s="111">
        <v>0</v>
      </c>
      <c r="AX7877" s="112"/>
      <c r="AY7877" s="112"/>
      <c r="AZ7877" s="112"/>
      <c r="BA7877" s="112"/>
      <c r="BB7877" s="221">
        <v>45884</v>
      </c>
    </row>
    <row r="7878" spans="1:54" s="8" customFormat="1" ht="13.95" customHeight="1" x14ac:dyDescent="0.25">
      <c r="A7878" s="229" t="s">
        <v>18852</v>
      </c>
      <c r="B7878" s="96" t="s">
        <v>22104</v>
      </c>
      <c r="C7878" s="93" t="s">
        <v>18853</v>
      </c>
      <c r="D7878" s="93" t="s">
        <v>18854</v>
      </c>
      <c r="E7878" s="111">
        <v>1983</v>
      </c>
      <c r="F7878" s="111">
        <v>1219</v>
      </c>
      <c r="G7878" s="93" t="s">
        <v>1</v>
      </c>
      <c r="H7878" s="182">
        <v>0</v>
      </c>
      <c r="I7878" s="182">
        <v>0</v>
      </c>
      <c r="J7878" s="111">
        <v>1</v>
      </c>
      <c r="K7878" s="111">
        <v>0</v>
      </c>
      <c r="L7878" s="111">
        <v>1</v>
      </c>
      <c r="M7878" s="111">
        <v>0</v>
      </c>
      <c r="N7878" s="252">
        <v>1</v>
      </c>
      <c r="O7878" s="111">
        <v>1</v>
      </c>
      <c r="P7878" s="111">
        <v>0</v>
      </c>
      <c r="Q7878" s="111">
        <v>0</v>
      </c>
      <c r="R7878" s="111">
        <v>0</v>
      </c>
      <c r="S7878" s="111">
        <v>0</v>
      </c>
      <c r="T7878" s="111">
        <v>0</v>
      </c>
      <c r="U7878" s="145"/>
      <c r="V7878" s="145"/>
      <c r="W7878" s="145"/>
      <c r="X7878" s="145"/>
      <c r="Y7878" s="145"/>
      <c r="Z7878" s="145"/>
      <c r="AA7878" s="145"/>
      <c r="AB7878" s="145"/>
      <c r="AC7878" s="145"/>
      <c r="AD7878" s="145"/>
      <c r="AE7878" s="145"/>
      <c r="AF7878" s="145"/>
      <c r="AG7878" s="145"/>
      <c r="AH7878" s="145"/>
      <c r="AI7878" s="145"/>
      <c r="AJ7878" s="145"/>
      <c r="AK7878" s="145"/>
      <c r="AL7878" s="145"/>
      <c r="AM7878" s="145"/>
      <c r="AN7878" s="145"/>
      <c r="AO7878" s="145"/>
      <c r="AP7878" s="145"/>
      <c r="AQ7878" s="145"/>
      <c r="AR7878" s="145"/>
      <c r="AS7878" s="145"/>
      <c r="AT7878" s="145"/>
      <c r="AU7878" s="145"/>
      <c r="AV7878" s="145"/>
      <c r="AW7878" s="145"/>
      <c r="AX7878" s="146"/>
      <c r="AY7878" s="146"/>
      <c r="AZ7878" s="146"/>
      <c r="BA7878" s="146"/>
      <c r="BB7878" s="221">
        <v>45884</v>
      </c>
    </row>
    <row r="7879" spans="1:54" s="8" customFormat="1" ht="13.95" customHeight="1" x14ac:dyDescent="0.25">
      <c r="A7879" s="229" t="s">
        <v>18855</v>
      </c>
      <c r="B7879" s="96" t="s">
        <v>22104</v>
      </c>
      <c r="C7879" s="93" t="s">
        <v>18856</v>
      </c>
      <c r="D7879" s="93" t="s">
        <v>18857</v>
      </c>
      <c r="E7879" s="111">
        <v>1986</v>
      </c>
      <c r="F7879" s="111">
        <v>1336</v>
      </c>
      <c r="G7879" s="93" t="s">
        <v>1</v>
      </c>
      <c r="H7879" s="182">
        <v>1</v>
      </c>
      <c r="I7879" s="182">
        <v>0</v>
      </c>
      <c r="J7879" s="111">
        <v>1</v>
      </c>
      <c r="K7879" s="111">
        <v>0</v>
      </c>
      <c r="L7879" s="111">
        <v>1</v>
      </c>
      <c r="M7879" s="111">
        <v>0</v>
      </c>
      <c r="N7879" s="111">
        <v>1</v>
      </c>
      <c r="O7879" s="111">
        <v>1</v>
      </c>
      <c r="P7879" s="111">
        <v>1</v>
      </c>
      <c r="Q7879" s="111">
        <v>0</v>
      </c>
      <c r="R7879" s="111">
        <v>0</v>
      </c>
      <c r="S7879" s="111">
        <v>0</v>
      </c>
      <c r="T7879" s="111">
        <v>0</v>
      </c>
      <c r="U7879" s="145"/>
      <c r="V7879" s="145"/>
      <c r="W7879" s="145"/>
      <c r="X7879" s="145"/>
      <c r="Y7879" s="145"/>
      <c r="Z7879" s="145"/>
      <c r="AA7879" s="145"/>
      <c r="AB7879" s="145"/>
      <c r="AC7879" s="145"/>
      <c r="AD7879" s="145"/>
      <c r="AE7879" s="145"/>
      <c r="AF7879" s="145"/>
      <c r="AG7879" s="145"/>
      <c r="AH7879" s="145"/>
      <c r="AI7879" s="145"/>
      <c r="AJ7879" s="145"/>
      <c r="AK7879" s="145"/>
      <c r="AL7879" s="145"/>
      <c r="AM7879" s="145"/>
      <c r="AN7879" s="145"/>
      <c r="AO7879" s="145"/>
      <c r="AP7879" s="145"/>
      <c r="AQ7879" s="145"/>
      <c r="AR7879" s="145"/>
      <c r="AS7879" s="145"/>
      <c r="AT7879" s="145"/>
      <c r="AU7879" s="145"/>
      <c r="AV7879" s="145"/>
      <c r="AW7879" s="145"/>
      <c r="AX7879" s="146"/>
      <c r="AY7879" s="146"/>
      <c r="AZ7879" s="146"/>
      <c r="BA7879" s="146"/>
      <c r="BB7879" s="221">
        <v>45884</v>
      </c>
    </row>
    <row r="7880" spans="1:54" s="8" customFormat="1" ht="13.95" customHeight="1" x14ac:dyDescent="0.25">
      <c r="A7880" s="229" t="s">
        <v>18858</v>
      </c>
      <c r="B7880" s="96" t="s">
        <v>22104</v>
      </c>
      <c r="C7880" s="93" t="s">
        <v>18859</v>
      </c>
      <c r="D7880" s="93" t="s">
        <v>18860</v>
      </c>
      <c r="E7880" s="111">
        <v>1998</v>
      </c>
      <c r="F7880" s="111">
        <v>1340</v>
      </c>
      <c r="G7880" s="93" t="s">
        <v>1</v>
      </c>
      <c r="H7880" s="182">
        <v>0</v>
      </c>
      <c r="I7880" s="182">
        <v>0</v>
      </c>
      <c r="J7880" s="111">
        <v>1</v>
      </c>
      <c r="K7880" s="111">
        <v>0</v>
      </c>
      <c r="L7880" s="111">
        <v>0</v>
      </c>
      <c r="M7880" s="111">
        <v>1</v>
      </c>
      <c r="N7880" s="111">
        <v>1</v>
      </c>
      <c r="O7880" s="111">
        <v>0</v>
      </c>
      <c r="P7880" s="111">
        <v>0</v>
      </c>
      <c r="Q7880" s="111">
        <v>0</v>
      </c>
      <c r="R7880" s="111">
        <v>0</v>
      </c>
      <c r="S7880" s="111">
        <v>0</v>
      </c>
      <c r="T7880" s="111">
        <v>0</v>
      </c>
      <c r="U7880" s="145"/>
      <c r="V7880" s="145"/>
      <c r="W7880" s="145"/>
      <c r="X7880" s="145"/>
      <c r="Y7880" s="145"/>
      <c r="Z7880" s="145"/>
      <c r="AA7880" s="145"/>
      <c r="AB7880" s="145"/>
      <c r="AC7880" s="145"/>
      <c r="AD7880" s="145"/>
      <c r="AE7880" s="145"/>
      <c r="AF7880" s="145"/>
      <c r="AG7880" s="145"/>
      <c r="AH7880" s="145"/>
      <c r="AI7880" s="145"/>
      <c r="AJ7880" s="145"/>
      <c r="AK7880" s="145"/>
      <c r="AL7880" s="145"/>
      <c r="AM7880" s="145"/>
      <c r="AN7880" s="145"/>
      <c r="AO7880" s="145"/>
      <c r="AP7880" s="145"/>
      <c r="AQ7880" s="145"/>
      <c r="AR7880" s="145"/>
      <c r="AS7880" s="145"/>
      <c r="AT7880" s="145"/>
      <c r="AU7880" s="145"/>
      <c r="AV7880" s="145"/>
      <c r="AW7880" s="145"/>
      <c r="AX7880" s="146"/>
      <c r="AY7880" s="146"/>
      <c r="AZ7880" s="146"/>
      <c r="BA7880" s="146"/>
      <c r="BB7880" s="221">
        <v>45884</v>
      </c>
    </row>
    <row r="7881" spans="1:54" s="8" customFormat="1" ht="13.95" customHeight="1" x14ac:dyDescent="0.25">
      <c r="A7881" s="229" t="s">
        <v>18861</v>
      </c>
      <c r="B7881" s="96" t="s">
        <v>22104</v>
      </c>
      <c r="C7881" s="93" t="s">
        <v>18862</v>
      </c>
      <c r="D7881" s="93" t="s">
        <v>18863</v>
      </c>
      <c r="E7881" s="111">
        <v>1976</v>
      </c>
      <c r="F7881" s="111">
        <v>1398</v>
      </c>
      <c r="G7881" s="93" t="s">
        <v>1</v>
      </c>
      <c r="H7881" s="182">
        <v>0</v>
      </c>
      <c r="I7881" s="182">
        <v>0</v>
      </c>
      <c r="J7881" s="111">
        <v>0</v>
      </c>
      <c r="K7881" s="111">
        <v>0</v>
      </c>
      <c r="L7881" s="111">
        <v>1</v>
      </c>
      <c r="M7881" s="111">
        <v>0</v>
      </c>
      <c r="N7881" s="111">
        <v>0</v>
      </c>
      <c r="O7881" s="111">
        <v>1</v>
      </c>
      <c r="P7881" s="111">
        <v>1</v>
      </c>
      <c r="Q7881" s="111">
        <v>0</v>
      </c>
      <c r="R7881" s="111">
        <v>0</v>
      </c>
      <c r="S7881" s="111">
        <v>0</v>
      </c>
      <c r="T7881" s="111">
        <v>0</v>
      </c>
      <c r="U7881" s="145"/>
      <c r="V7881" s="145"/>
      <c r="W7881" s="145"/>
      <c r="X7881" s="145"/>
      <c r="Y7881" s="145"/>
      <c r="Z7881" s="145"/>
      <c r="AA7881" s="145"/>
      <c r="AB7881" s="145"/>
      <c r="AC7881" s="145"/>
      <c r="AD7881" s="145"/>
      <c r="AE7881" s="145"/>
      <c r="AF7881" s="145"/>
      <c r="AG7881" s="145"/>
      <c r="AH7881" s="145"/>
      <c r="AI7881" s="145"/>
      <c r="AJ7881" s="145"/>
      <c r="AK7881" s="145"/>
      <c r="AL7881" s="145"/>
      <c r="AM7881" s="145"/>
      <c r="AN7881" s="145"/>
      <c r="AO7881" s="145"/>
      <c r="AP7881" s="145"/>
      <c r="AQ7881" s="145"/>
      <c r="AR7881" s="145"/>
      <c r="AS7881" s="145"/>
      <c r="AT7881" s="145"/>
      <c r="AU7881" s="145"/>
      <c r="AV7881" s="145"/>
      <c r="AW7881" s="145"/>
      <c r="AX7881" s="146"/>
      <c r="AY7881" s="146"/>
      <c r="AZ7881" s="146"/>
      <c r="BA7881" s="146"/>
      <c r="BB7881" s="221">
        <v>45884</v>
      </c>
    </row>
    <row r="7882" spans="1:54" s="8" customFormat="1" ht="13.95" customHeight="1" x14ac:dyDescent="0.25">
      <c r="A7882" s="229" t="s">
        <v>18864</v>
      </c>
      <c r="B7882" s="96" t="s">
        <v>22104</v>
      </c>
      <c r="C7882" s="93" t="s">
        <v>18865</v>
      </c>
      <c r="D7882" s="93" t="s">
        <v>18866</v>
      </c>
      <c r="E7882" s="111">
        <v>2001</v>
      </c>
      <c r="F7882" s="111">
        <v>1443</v>
      </c>
      <c r="G7882" s="93" t="s">
        <v>8</v>
      </c>
      <c r="H7882" s="182">
        <v>0</v>
      </c>
      <c r="I7882" s="182">
        <v>0</v>
      </c>
      <c r="J7882" s="111">
        <v>0</v>
      </c>
      <c r="K7882" s="111">
        <v>0</v>
      </c>
      <c r="L7882" s="111">
        <v>0</v>
      </c>
      <c r="M7882" s="111">
        <v>0</v>
      </c>
      <c r="N7882" s="111">
        <v>0</v>
      </c>
      <c r="O7882" s="111">
        <v>0</v>
      </c>
      <c r="P7882" s="111">
        <v>0</v>
      </c>
      <c r="Q7882" s="111">
        <v>0</v>
      </c>
      <c r="R7882" s="111">
        <v>0</v>
      </c>
      <c r="S7882" s="111">
        <v>0</v>
      </c>
      <c r="T7882" s="111">
        <v>0</v>
      </c>
      <c r="U7882" s="111">
        <v>0</v>
      </c>
      <c r="V7882" s="111">
        <v>0</v>
      </c>
      <c r="W7882" s="111">
        <v>0</v>
      </c>
      <c r="X7882" s="111">
        <v>0</v>
      </c>
      <c r="Y7882" s="111">
        <v>0</v>
      </c>
      <c r="Z7882" s="111">
        <v>0</v>
      </c>
      <c r="AA7882" s="111">
        <v>0</v>
      </c>
      <c r="AB7882" s="111">
        <v>0</v>
      </c>
      <c r="AC7882" s="111">
        <v>0</v>
      </c>
      <c r="AD7882" s="111">
        <v>0</v>
      </c>
      <c r="AE7882" s="111">
        <v>0</v>
      </c>
      <c r="AF7882" s="111">
        <v>0</v>
      </c>
      <c r="AG7882" s="111">
        <v>0</v>
      </c>
      <c r="AH7882" s="111">
        <v>0</v>
      </c>
      <c r="AI7882" s="111">
        <v>0</v>
      </c>
      <c r="AJ7882" s="111">
        <v>0</v>
      </c>
      <c r="AK7882" s="111">
        <v>0</v>
      </c>
      <c r="AL7882" s="111">
        <v>0</v>
      </c>
      <c r="AM7882" s="111">
        <v>0</v>
      </c>
      <c r="AN7882" s="111">
        <v>0</v>
      </c>
      <c r="AO7882" s="111">
        <v>0</v>
      </c>
      <c r="AP7882" s="111">
        <v>0</v>
      </c>
      <c r="AQ7882" s="111">
        <v>0</v>
      </c>
      <c r="AR7882" s="111">
        <v>0</v>
      </c>
      <c r="AS7882" s="111">
        <v>0</v>
      </c>
      <c r="AT7882" s="111" t="s">
        <v>400</v>
      </c>
      <c r="AU7882" s="111">
        <v>0</v>
      </c>
      <c r="AV7882" s="111">
        <v>0</v>
      </c>
      <c r="AW7882" s="111">
        <v>0</v>
      </c>
      <c r="AX7882" s="112"/>
      <c r="AY7882" s="112"/>
      <c r="AZ7882" s="112"/>
      <c r="BA7882" s="112"/>
      <c r="BB7882" s="221">
        <v>45884</v>
      </c>
    </row>
    <row r="7883" spans="1:54" s="8" customFormat="1" ht="13.95" customHeight="1" x14ac:dyDescent="0.25">
      <c r="A7883" s="229" t="s">
        <v>18867</v>
      </c>
      <c r="B7883" s="96" t="s">
        <v>22104</v>
      </c>
      <c r="C7883" s="93" t="s">
        <v>18868</v>
      </c>
      <c r="D7883" s="93" t="s">
        <v>18869</v>
      </c>
      <c r="E7883" s="111">
        <v>1981</v>
      </c>
      <c r="F7883" s="111">
        <v>1723</v>
      </c>
      <c r="G7883" s="93" t="s">
        <v>1</v>
      </c>
      <c r="H7883" s="182">
        <v>1</v>
      </c>
      <c r="I7883" s="182">
        <v>0</v>
      </c>
      <c r="J7883" s="111">
        <v>1</v>
      </c>
      <c r="K7883" s="111">
        <v>0</v>
      </c>
      <c r="L7883" s="111">
        <v>1</v>
      </c>
      <c r="M7883" s="111">
        <v>1</v>
      </c>
      <c r="N7883" s="111">
        <v>1</v>
      </c>
      <c r="O7883" s="111">
        <v>1</v>
      </c>
      <c r="P7883" s="111">
        <v>1</v>
      </c>
      <c r="Q7883" s="111">
        <v>0</v>
      </c>
      <c r="R7883" s="111">
        <v>1</v>
      </c>
      <c r="S7883" s="111">
        <v>0</v>
      </c>
      <c r="T7883" s="111">
        <v>0</v>
      </c>
      <c r="U7883" s="145"/>
      <c r="V7883" s="145"/>
      <c r="W7883" s="145"/>
      <c r="X7883" s="145"/>
      <c r="Y7883" s="145"/>
      <c r="Z7883" s="145"/>
      <c r="AA7883" s="145"/>
      <c r="AB7883" s="145"/>
      <c r="AC7883" s="145"/>
      <c r="AD7883" s="145"/>
      <c r="AE7883" s="145"/>
      <c r="AF7883" s="145"/>
      <c r="AG7883" s="145"/>
      <c r="AH7883" s="145"/>
      <c r="AI7883" s="145"/>
      <c r="AJ7883" s="145"/>
      <c r="AK7883" s="145"/>
      <c r="AL7883" s="145"/>
      <c r="AM7883" s="145"/>
      <c r="AN7883" s="145"/>
      <c r="AO7883" s="145"/>
      <c r="AP7883" s="145"/>
      <c r="AQ7883" s="145"/>
      <c r="AR7883" s="145"/>
      <c r="AS7883" s="145"/>
      <c r="AT7883" s="145"/>
      <c r="AU7883" s="145"/>
      <c r="AV7883" s="145"/>
      <c r="AW7883" s="145"/>
      <c r="AX7883" s="146"/>
      <c r="AY7883" s="146"/>
      <c r="AZ7883" s="146"/>
      <c r="BA7883" s="146"/>
      <c r="BB7883" s="221">
        <v>45884</v>
      </c>
    </row>
    <row r="7884" spans="1:54" s="8" customFormat="1" ht="13.95" customHeight="1" x14ac:dyDescent="0.25">
      <c r="A7884" s="229" t="s">
        <v>18870</v>
      </c>
      <c r="B7884" s="96" t="s">
        <v>22104</v>
      </c>
      <c r="C7884" s="93" t="s">
        <v>18871</v>
      </c>
      <c r="D7884" s="93" t="s">
        <v>18872</v>
      </c>
      <c r="E7884" s="111">
        <v>1983</v>
      </c>
      <c r="F7884" s="111">
        <v>1993</v>
      </c>
      <c r="G7884" s="93" t="s">
        <v>1</v>
      </c>
      <c r="H7884" s="182">
        <v>0</v>
      </c>
      <c r="I7884" s="182">
        <v>0</v>
      </c>
      <c r="J7884" s="111">
        <v>1</v>
      </c>
      <c r="K7884" s="111">
        <v>0</v>
      </c>
      <c r="L7884" s="111">
        <v>1</v>
      </c>
      <c r="M7884" s="111">
        <v>0</v>
      </c>
      <c r="N7884" s="111">
        <v>0</v>
      </c>
      <c r="O7884" s="111">
        <v>0</v>
      </c>
      <c r="P7884" s="111">
        <v>1</v>
      </c>
      <c r="Q7884" s="111">
        <v>0</v>
      </c>
      <c r="R7884" s="111">
        <v>0</v>
      </c>
      <c r="S7884" s="111">
        <v>0</v>
      </c>
      <c r="T7884" s="111">
        <v>0</v>
      </c>
      <c r="U7884" s="145"/>
      <c r="V7884" s="145"/>
      <c r="W7884" s="145"/>
      <c r="X7884" s="145"/>
      <c r="Y7884" s="145"/>
      <c r="Z7884" s="145"/>
      <c r="AA7884" s="145"/>
      <c r="AB7884" s="145"/>
      <c r="AC7884" s="145"/>
      <c r="AD7884" s="145"/>
      <c r="AE7884" s="145"/>
      <c r="AF7884" s="145"/>
      <c r="AG7884" s="145"/>
      <c r="AH7884" s="145"/>
      <c r="AI7884" s="145"/>
      <c r="AJ7884" s="145"/>
      <c r="AK7884" s="145"/>
      <c r="AL7884" s="145"/>
      <c r="AM7884" s="145"/>
      <c r="AN7884" s="145"/>
      <c r="AO7884" s="145"/>
      <c r="AP7884" s="145"/>
      <c r="AQ7884" s="145"/>
      <c r="AR7884" s="145"/>
      <c r="AS7884" s="145"/>
      <c r="AT7884" s="145"/>
      <c r="AU7884" s="145"/>
      <c r="AV7884" s="145"/>
      <c r="AW7884" s="145"/>
      <c r="AX7884" s="146"/>
      <c r="AY7884" s="146"/>
      <c r="AZ7884" s="146"/>
      <c r="BA7884" s="146"/>
      <c r="BB7884" s="221">
        <v>45884</v>
      </c>
    </row>
    <row r="7885" spans="1:54" s="8" customFormat="1" ht="13.95" customHeight="1" x14ac:dyDescent="0.25">
      <c r="A7885" s="229" t="s">
        <v>18873</v>
      </c>
      <c r="B7885" s="96" t="s">
        <v>22104</v>
      </c>
      <c r="C7885" s="93" t="s">
        <v>18874</v>
      </c>
      <c r="D7885" s="93" t="s">
        <v>21679</v>
      </c>
      <c r="E7885" s="111">
        <v>2013</v>
      </c>
      <c r="F7885" s="111">
        <v>210</v>
      </c>
      <c r="G7885" s="93" t="s">
        <v>1</v>
      </c>
      <c r="H7885" s="182">
        <v>0</v>
      </c>
      <c r="I7885" s="182">
        <v>0</v>
      </c>
      <c r="J7885" s="111">
        <v>0</v>
      </c>
      <c r="K7885" s="111">
        <v>0</v>
      </c>
      <c r="L7885" s="111">
        <v>1</v>
      </c>
      <c r="M7885" s="111">
        <v>0</v>
      </c>
      <c r="N7885" s="111">
        <v>0</v>
      </c>
      <c r="O7885" s="111">
        <v>0</v>
      </c>
      <c r="P7885" s="111">
        <v>1</v>
      </c>
      <c r="Q7885" s="111">
        <v>0</v>
      </c>
      <c r="R7885" s="111">
        <v>0</v>
      </c>
      <c r="S7885" s="111">
        <v>0</v>
      </c>
      <c r="T7885" s="111">
        <v>0</v>
      </c>
      <c r="U7885" s="145"/>
      <c r="V7885" s="145"/>
      <c r="W7885" s="145"/>
      <c r="X7885" s="145"/>
      <c r="Y7885" s="145"/>
      <c r="Z7885" s="145"/>
      <c r="AA7885" s="145"/>
      <c r="AB7885" s="145"/>
      <c r="AC7885" s="145"/>
      <c r="AD7885" s="145"/>
      <c r="AE7885" s="145"/>
      <c r="AF7885" s="145"/>
      <c r="AG7885" s="145"/>
      <c r="AH7885" s="145"/>
      <c r="AI7885" s="145"/>
      <c r="AJ7885" s="145"/>
      <c r="AK7885" s="145"/>
      <c r="AL7885" s="145"/>
      <c r="AM7885" s="145"/>
      <c r="AN7885" s="145"/>
      <c r="AO7885" s="145"/>
      <c r="AP7885" s="145"/>
      <c r="AQ7885" s="145"/>
      <c r="AR7885" s="145"/>
      <c r="AS7885" s="145"/>
      <c r="AT7885" s="145"/>
      <c r="AU7885" s="145"/>
      <c r="AV7885" s="145"/>
      <c r="AW7885" s="145"/>
      <c r="AX7885" s="146"/>
      <c r="AY7885" s="146"/>
      <c r="AZ7885" s="146"/>
      <c r="BA7885" s="146"/>
      <c r="BB7885" s="221">
        <v>45884</v>
      </c>
    </row>
    <row r="7886" spans="1:54" s="8" customFormat="1" ht="13.95" customHeight="1" x14ac:dyDescent="0.25">
      <c r="A7886" s="229" t="s">
        <v>18875</v>
      </c>
      <c r="B7886" s="96" t="s">
        <v>22104</v>
      </c>
      <c r="C7886" s="93" t="s">
        <v>18876</v>
      </c>
      <c r="D7886" s="93" t="s">
        <v>18877</v>
      </c>
      <c r="E7886" s="111">
        <v>2003</v>
      </c>
      <c r="F7886" s="111">
        <v>2052</v>
      </c>
      <c r="G7886" s="93" t="s">
        <v>8</v>
      </c>
      <c r="H7886" s="182">
        <v>0</v>
      </c>
      <c r="I7886" s="182">
        <v>0</v>
      </c>
      <c r="J7886" s="111">
        <v>0</v>
      </c>
      <c r="K7886" s="111">
        <v>0</v>
      </c>
      <c r="L7886" s="111">
        <v>0</v>
      </c>
      <c r="M7886" s="111">
        <v>0</v>
      </c>
      <c r="N7886" s="111">
        <v>0</v>
      </c>
      <c r="O7886" s="111">
        <v>0</v>
      </c>
      <c r="P7886" s="111">
        <v>0</v>
      </c>
      <c r="Q7886" s="111">
        <v>0</v>
      </c>
      <c r="R7886" s="111">
        <v>0</v>
      </c>
      <c r="S7886" s="111">
        <v>0</v>
      </c>
      <c r="T7886" s="111">
        <v>0</v>
      </c>
      <c r="U7886" s="111">
        <v>0</v>
      </c>
      <c r="V7886" s="111">
        <v>0</v>
      </c>
      <c r="W7886" s="111">
        <v>0</v>
      </c>
      <c r="X7886" s="111">
        <v>0</v>
      </c>
      <c r="Y7886" s="111">
        <v>0</v>
      </c>
      <c r="Z7886" s="111">
        <v>0</v>
      </c>
      <c r="AA7886" s="111">
        <v>0</v>
      </c>
      <c r="AB7886" s="111">
        <v>0</v>
      </c>
      <c r="AC7886" s="111">
        <v>0</v>
      </c>
      <c r="AD7886" s="111">
        <v>0</v>
      </c>
      <c r="AE7886" s="111">
        <v>0</v>
      </c>
      <c r="AF7886" s="111">
        <v>0</v>
      </c>
      <c r="AG7886" s="111">
        <v>0</v>
      </c>
      <c r="AH7886" s="111">
        <v>0</v>
      </c>
      <c r="AI7886" s="111">
        <v>0</v>
      </c>
      <c r="AJ7886" s="111">
        <v>0</v>
      </c>
      <c r="AK7886" s="111">
        <v>0</v>
      </c>
      <c r="AL7886" s="111">
        <v>0</v>
      </c>
      <c r="AM7886" s="111">
        <v>0</v>
      </c>
      <c r="AN7886" s="111">
        <v>0</v>
      </c>
      <c r="AO7886" s="111">
        <v>0</v>
      </c>
      <c r="AP7886" s="111">
        <v>0</v>
      </c>
      <c r="AQ7886" s="111">
        <v>0</v>
      </c>
      <c r="AR7886" s="111">
        <v>0</v>
      </c>
      <c r="AS7886" s="111">
        <v>0</v>
      </c>
      <c r="AT7886" s="111" t="s">
        <v>400</v>
      </c>
      <c r="AU7886" s="111">
        <v>0</v>
      </c>
      <c r="AV7886" s="111">
        <v>0</v>
      </c>
      <c r="AW7886" s="111">
        <v>0</v>
      </c>
      <c r="AX7886" s="112"/>
      <c r="AY7886" s="112"/>
      <c r="AZ7886" s="112"/>
      <c r="BA7886" s="112"/>
      <c r="BB7886" s="221">
        <v>45884</v>
      </c>
    </row>
    <row r="7887" spans="1:54" s="8" customFormat="1" ht="13.95" customHeight="1" x14ac:dyDescent="0.25">
      <c r="A7887" s="229" t="s">
        <v>18878</v>
      </c>
      <c r="B7887" s="96" t="s">
        <v>22104</v>
      </c>
      <c r="C7887" s="93" t="s">
        <v>18879</v>
      </c>
      <c r="D7887" s="93" t="s">
        <v>18880</v>
      </c>
      <c r="E7887" s="111">
        <v>1990</v>
      </c>
      <c r="F7887" s="111">
        <v>2095</v>
      </c>
      <c r="G7887" s="93" t="s">
        <v>1</v>
      </c>
      <c r="H7887" s="182">
        <v>0</v>
      </c>
      <c r="I7887" s="182">
        <v>0</v>
      </c>
      <c r="J7887" s="111">
        <v>1</v>
      </c>
      <c r="K7887" s="111">
        <v>0</v>
      </c>
      <c r="L7887" s="111">
        <v>0</v>
      </c>
      <c r="M7887" s="111">
        <v>0</v>
      </c>
      <c r="N7887" s="111">
        <v>0</v>
      </c>
      <c r="O7887" s="111">
        <v>0</v>
      </c>
      <c r="P7887" s="111">
        <v>1</v>
      </c>
      <c r="Q7887" s="111">
        <v>0</v>
      </c>
      <c r="R7887" s="111">
        <v>0</v>
      </c>
      <c r="S7887" s="111">
        <v>0</v>
      </c>
      <c r="T7887" s="111">
        <v>0</v>
      </c>
      <c r="U7887" s="145"/>
      <c r="V7887" s="145"/>
      <c r="W7887" s="145"/>
      <c r="X7887" s="145"/>
      <c r="Y7887" s="145"/>
      <c r="Z7887" s="145"/>
      <c r="AA7887" s="145"/>
      <c r="AB7887" s="145"/>
      <c r="AC7887" s="145"/>
      <c r="AD7887" s="145"/>
      <c r="AE7887" s="145"/>
      <c r="AF7887" s="145"/>
      <c r="AG7887" s="145"/>
      <c r="AH7887" s="145"/>
      <c r="AI7887" s="145"/>
      <c r="AJ7887" s="145"/>
      <c r="AK7887" s="145"/>
      <c r="AL7887" s="145"/>
      <c r="AM7887" s="145"/>
      <c r="AN7887" s="145"/>
      <c r="AO7887" s="145"/>
      <c r="AP7887" s="145"/>
      <c r="AQ7887" s="145"/>
      <c r="AR7887" s="145"/>
      <c r="AS7887" s="145"/>
      <c r="AT7887" s="145"/>
      <c r="AU7887" s="145"/>
      <c r="AV7887" s="145"/>
      <c r="AW7887" s="145"/>
      <c r="AX7887" s="146"/>
      <c r="AY7887" s="146"/>
      <c r="AZ7887" s="146"/>
      <c r="BA7887" s="146"/>
      <c r="BB7887" s="221">
        <v>45884</v>
      </c>
    </row>
    <row r="7888" spans="1:54" s="8" customFormat="1" ht="13.95" customHeight="1" x14ac:dyDescent="0.25">
      <c r="A7888" s="229" t="s">
        <v>18881</v>
      </c>
      <c r="B7888" s="96" t="s">
        <v>22104</v>
      </c>
      <c r="C7888" s="93" t="s">
        <v>853</v>
      </c>
      <c r="D7888" s="93" t="s">
        <v>18882</v>
      </c>
      <c r="E7888" s="111">
        <v>1974</v>
      </c>
      <c r="F7888" s="111">
        <v>2487</v>
      </c>
      <c r="G7888" s="93" t="s">
        <v>1</v>
      </c>
      <c r="H7888" s="182">
        <v>1</v>
      </c>
      <c r="I7888" s="182">
        <v>1</v>
      </c>
      <c r="J7888" s="111">
        <v>1</v>
      </c>
      <c r="K7888" s="111">
        <v>0</v>
      </c>
      <c r="L7888" s="111">
        <v>0</v>
      </c>
      <c r="M7888" s="111">
        <v>0</v>
      </c>
      <c r="N7888" s="111">
        <v>0</v>
      </c>
      <c r="O7888" s="111">
        <v>1</v>
      </c>
      <c r="P7888" s="111">
        <v>1</v>
      </c>
      <c r="Q7888" s="111">
        <v>0</v>
      </c>
      <c r="R7888" s="111">
        <v>0</v>
      </c>
      <c r="S7888" s="111">
        <v>0</v>
      </c>
      <c r="T7888" s="111">
        <v>0</v>
      </c>
      <c r="U7888" s="145"/>
      <c r="V7888" s="145"/>
      <c r="W7888" s="145"/>
      <c r="X7888" s="145"/>
      <c r="Y7888" s="145"/>
      <c r="Z7888" s="145"/>
      <c r="AA7888" s="145"/>
      <c r="AB7888" s="145"/>
      <c r="AC7888" s="145"/>
      <c r="AD7888" s="145"/>
      <c r="AE7888" s="145"/>
      <c r="AF7888" s="145"/>
      <c r="AG7888" s="145"/>
      <c r="AH7888" s="145"/>
      <c r="AI7888" s="145"/>
      <c r="AJ7888" s="145"/>
      <c r="AK7888" s="145"/>
      <c r="AL7888" s="145"/>
      <c r="AM7888" s="145"/>
      <c r="AN7888" s="145"/>
      <c r="AO7888" s="145"/>
      <c r="AP7888" s="145"/>
      <c r="AQ7888" s="145"/>
      <c r="AR7888" s="145"/>
      <c r="AS7888" s="145"/>
      <c r="AT7888" s="145"/>
      <c r="AU7888" s="145"/>
      <c r="AV7888" s="145"/>
      <c r="AW7888" s="145"/>
      <c r="AX7888" s="146"/>
      <c r="AY7888" s="146"/>
      <c r="AZ7888" s="146"/>
      <c r="BA7888" s="146"/>
      <c r="BB7888" s="221">
        <v>45884</v>
      </c>
    </row>
    <row r="7889" spans="1:54" s="8" customFormat="1" ht="13.95" customHeight="1" x14ac:dyDescent="0.25">
      <c r="A7889" s="229" t="s">
        <v>18883</v>
      </c>
      <c r="B7889" s="96" t="s">
        <v>22104</v>
      </c>
      <c r="C7889" s="93" t="s">
        <v>18884</v>
      </c>
      <c r="D7889" s="93" t="s">
        <v>18885</v>
      </c>
      <c r="E7889" s="111">
        <v>1983</v>
      </c>
      <c r="F7889" s="111">
        <v>2993</v>
      </c>
      <c r="G7889" s="93" t="s">
        <v>8</v>
      </c>
      <c r="H7889" s="182">
        <v>0</v>
      </c>
      <c r="I7889" s="182">
        <v>0</v>
      </c>
      <c r="J7889" s="111">
        <v>0</v>
      </c>
      <c r="K7889" s="111">
        <v>0</v>
      </c>
      <c r="L7889" s="111">
        <v>0</v>
      </c>
      <c r="M7889" s="111">
        <v>0</v>
      </c>
      <c r="N7889" s="111">
        <v>0</v>
      </c>
      <c r="O7889" s="111">
        <v>0</v>
      </c>
      <c r="P7889" s="111">
        <v>0</v>
      </c>
      <c r="Q7889" s="111">
        <v>0</v>
      </c>
      <c r="R7889" s="111">
        <v>0</v>
      </c>
      <c r="S7889" s="111">
        <v>0</v>
      </c>
      <c r="T7889" s="111">
        <v>0</v>
      </c>
      <c r="U7889" s="111">
        <v>0</v>
      </c>
      <c r="V7889" s="111">
        <v>0</v>
      </c>
      <c r="W7889" s="111">
        <v>0</v>
      </c>
      <c r="X7889" s="111">
        <v>0</v>
      </c>
      <c r="Y7889" s="111">
        <v>0</v>
      </c>
      <c r="Z7889" s="111">
        <v>0</v>
      </c>
      <c r="AA7889" s="111">
        <v>0</v>
      </c>
      <c r="AB7889" s="111">
        <v>0</v>
      </c>
      <c r="AC7889" s="111">
        <v>0</v>
      </c>
      <c r="AD7889" s="111">
        <v>0</v>
      </c>
      <c r="AE7889" s="111">
        <v>0</v>
      </c>
      <c r="AF7889" s="111">
        <v>0</v>
      </c>
      <c r="AG7889" s="111">
        <v>0</v>
      </c>
      <c r="AH7889" s="111">
        <v>0</v>
      </c>
      <c r="AI7889" s="111">
        <v>0</v>
      </c>
      <c r="AJ7889" s="111">
        <v>0</v>
      </c>
      <c r="AK7889" s="111">
        <v>0</v>
      </c>
      <c r="AL7889" s="111">
        <v>0</v>
      </c>
      <c r="AM7889" s="111">
        <v>0</v>
      </c>
      <c r="AN7889" s="111">
        <v>0</v>
      </c>
      <c r="AO7889" s="111">
        <v>0</v>
      </c>
      <c r="AP7889" s="111">
        <v>0</v>
      </c>
      <c r="AQ7889" s="111">
        <v>0</v>
      </c>
      <c r="AR7889" s="111">
        <v>0</v>
      </c>
      <c r="AS7889" s="111">
        <v>0</v>
      </c>
      <c r="AT7889" s="111" t="s">
        <v>400</v>
      </c>
      <c r="AU7889" s="111">
        <v>0</v>
      </c>
      <c r="AV7889" s="111">
        <v>0</v>
      </c>
      <c r="AW7889" s="111">
        <v>0</v>
      </c>
      <c r="AX7889" s="112"/>
      <c r="AY7889" s="112"/>
      <c r="AZ7889" s="112"/>
      <c r="BA7889" s="112"/>
      <c r="BB7889" s="221">
        <v>45884</v>
      </c>
    </row>
    <row r="7890" spans="1:54" s="8" customFormat="1" ht="13.95" customHeight="1" x14ac:dyDescent="0.25">
      <c r="A7890" s="229" t="s">
        <v>18886</v>
      </c>
      <c r="B7890" s="96" t="s">
        <v>22104</v>
      </c>
      <c r="C7890" s="93" t="s">
        <v>18887</v>
      </c>
      <c r="D7890" s="93" t="s">
        <v>18888</v>
      </c>
      <c r="E7890" s="111">
        <v>1976</v>
      </c>
      <c r="F7890" s="111">
        <v>3126</v>
      </c>
      <c r="G7890" s="93" t="s">
        <v>1</v>
      </c>
      <c r="H7890" s="182">
        <v>0</v>
      </c>
      <c r="I7890" s="182">
        <v>0</v>
      </c>
      <c r="J7890" s="111">
        <v>0</v>
      </c>
      <c r="K7890" s="111">
        <v>0</v>
      </c>
      <c r="L7890" s="111">
        <v>0</v>
      </c>
      <c r="M7890" s="111">
        <v>0</v>
      </c>
      <c r="N7890" s="111">
        <v>0</v>
      </c>
      <c r="O7890" s="111">
        <v>0</v>
      </c>
      <c r="P7890" s="111">
        <v>0</v>
      </c>
      <c r="Q7890" s="111">
        <v>0</v>
      </c>
      <c r="R7890" s="111">
        <v>0</v>
      </c>
      <c r="S7890" s="111">
        <v>0</v>
      </c>
      <c r="T7890" s="111">
        <v>0</v>
      </c>
      <c r="U7890" s="145"/>
      <c r="V7890" s="145"/>
      <c r="W7890" s="145"/>
      <c r="X7890" s="145"/>
      <c r="Y7890" s="145"/>
      <c r="Z7890" s="145"/>
      <c r="AA7890" s="145"/>
      <c r="AB7890" s="145"/>
      <c r="AC7890" s="145"/>
      <c r="AD7890" s="145"/>
      <c r="AE7890" s="145"/>
      <c r="AF7890" s="145"/>
      <c r="AG7890" s="145"/>
      <c r="AH7890" s="145"/>
      <c r="AI7890" s="145"/>
      <c r="AJ7890" s="145"/>
      <c r="AK7890" s="145"/>
      <c r="AL7890" s="145"/>
      <c r="AM7890" s="145"/>
      <c r="AN7890" s="145"/>
      <c r="AO7890" s="145"/>
      <c r="AP7890" s="145"/>
      <c r="AQ7890" s="145"/>
      <c r="AR7890" s="145"/>
      <c r="AS7890" s="145"/>
      <c r="AT7890" s="145"/>
      <c r="AU7890" s="145"/>
      <c r="AV7890" s="145"/>
      <c r="AW7890" s="145"/>
      <c r="AX7890" s="146"/>
      <c r="AY7890" s="146"/>
      <c r="AZ7890" s="146"/>
      <c r="BA7890" s="146"/>
      <c r="BB7890" s="221">
        <v>45884</v>
      </c>
    </row>
    <row r="7891" spans="1:54" s="8" customFormat="1" ht="13.95" customHeight="1" x14ac:dyDescent="0.25">
      <c r="A7891" s="229" t="s">
        <v>18889</v>
      </c>
      <c r="B7891" s="96" t="s">
        <v>22104</v>
      </c>
      <c r="C7891" s="93" t="s">
        <v>18890</v>
      </c>
      <c r="D7891" s="93" t="s">
        <v>18891</v>
      </c>
      <c r="E7891" s="111">
        <v>1993</v>
      </c>
      <c r="F7891" s="111">
        <v>3380</v>
      </c>
      <c r="G7891" s="93" t="s">
        <v>8</v>
      </c>
      <c r="H7891" s="182">
        <v>0</v>
      </c>
      <c r="I7891" s="182">
        <v>0</v>
      </c>
      <c r="J7891" s="111">
        <v>0</v>
      </c>
      <c r="K7891" s="111">
        <v>0</v>
      </c>
      <c r="L7891" s="111">
        <v>0</v>
      </c>
      <c r="M7891" s="111">
        <v>0</v>
      </c>
      <c r="N7891" s="111">
        <v>0</v>
      </c>
      <c r="O7891" s="111">
        <v>0</v>
      </c>
      <c r="P7891" s="111">
        <v>0</v>
      </c>
      <c r="Q7891" s="111">
        <v>0</v>
      </c>
      <c r="R7891" s="111">
        <v>0</v>
      </c>
      <c r="S7891" s="111">
        <v>0</v>
      </c>
      <c r="T7891" s="111">
        <v>0</v>
      </c>
      <c r="U7891" s="111">
        <v>0</v>
      </c>
      <c r="V7891" s="111">
        <v>0</v>
      </c>
      <c r="W7891" s="111">
        <v>0</v>
      </c>
      <c r="X7891" s="111">
        <v>0</v>
      </c>
      <c r="Y7891" s="111">
        <v>0</v>
      </c>
      <c r="Z7891" s="111">
        <v>0</v>
      </c>
      <c r="AA7891" s="111">
        <v>0</v>
      </c>
      <c r="AB7891" s="111">
        <v>0</v>
      </c>
      <c r="AC7891" s="111">
        <v>0</v>
      </c>
      <c r="AD7891" s="111">
        <v>0</v>
      </c>
      <c r="AE7891" s="111">
        <v>0</v>
      </c>
      <c r="AF7891" s="111">
        <v>0</v>
      </c>
      <c r="AG7891" s="111">
        <v>0</v>
      </c>
      <c r="AH7891" s="111">
        <v>0</v>
      </c>
      <c r="AI7891" s="111">
        <v>0</v>
      </c>
      <c r="AJ7891" s="111">
        <v>0</v>
      </c>
      <c r="AK7891" s="111">
        <v>0</v>
      </c>
      <c r="AL7891" s="111">
        <v>0</v>
      </c>
      <c r="AM7891" s="111">
        <v>0</v>
      </c>
      <c r="AN7891" s="111">
        <v>0</v>
      </c>
      <c r="AO7891" s="111">
        <v>0</v>
      </c>
      <c r="AP7891" s="111">
        <v>0</v>
      </c>
      <c r="AQ7891" s="111">
        <v>0</v>
      </c>
      <c r="AR7891" s="111">
        <v>0</v>
      </c>
      <c r="AS7891" s="111">
        <v>0</v>
      </c>
      <c r="AT7891" s="111" t="s">
        <v>400</v>
      </c>
      <c r="AU7891" s="111">
        <v>0</v>
      </c>
      <c r="AV7891" s="111">
        <v>0</v>
      </c>
      <c r="AW7891" s="111">
        <v>0</v>
      </c>
      <c r="AX7891" s="112"/>
      <c r="AY7891" s="112"/>
      <c r="AZ7891" s="112"/>
      <c r="BA7891" s="112"/>
      <c r="BB7891" s="221">
        <v>45884</v>
      </c>
    </row>
    <row r="7892" spans="1:54" s="8" customFormat="1" ht="13.95" customHeight="1" x14ac:dyDescent="0.25">
      <c r="A7892" s="229" t="s">
        <v>18892</v>
      </c>
      <c r="B7892" s="96" t="s">
        <v>22104</v>
      </c>
      <c r="C7892" s="93" t="s">
        <v>15371</v>
      </c>
      <c r="D7892" s="93" t="s">
        <v>18893</v>
      </c>
      <c r="E7892" s="111">
        <v>1974</v>
      </c>
      <c r="F7892" s="111">
        <v>4030</v>
      </c>
      <c r="G7892" s="93" t="s">
        <v>1</v>
      </c>
      <c r="H7892" s="182">
        <v>1</v>
      </c>
      <c r="I7892" s="182">
        <v>1</v>
      </c>
      <c r="J7892" s="111">
        <v>1</v>
      </c>
      <c r="K7892" s="111">
        <v>0</v>
      </c>
      <c r="L7892" s="111">
        <v>1</v>
      </c>
      <c r="M7892" s="111">
        <v>0</v>
      </c>
      <c r="N7892" s="111">
        <v>1</v>
      </c>
      <c r="O7892" s="111">
        <v>1</v>
      </c>
      <c r="P7892" s="111">
        <v>1</v>
      </c>
      <c r="Q7892" s="111">
        <v>0</v>
      </c>
      <c r="R7892" s="111">
        <v>1</v>
      </c>
      <c r="S7892" s="111">
        <v>0</v>
      </c>
      <c r="T7892" s="111">
        <v>0</v>
      </c>
      <c r="U7892" s="145"/>
      <c r="V7892" s="145"/>
      <c r="W7892" s="145"/>
      <c r="X7892" s="145"/>
      <c r="Y7892" s="145"/>
      <c r="Z7892" s="145"/>
      <c r="AA7892" s="145"/>
      <c r="AB7892" s="145"/>
      <c r="AC7892" s="145"/>
      <c r="AD7892" s="145"/>
      <c r="AE7892" s="145"/>
      <c r="AF7892" s="145"/>
      <c r="AG7892" s="145"/>
      <c r="AH7892" s="145"/>
      <c r="AI7892" s="145"/>
      <c r="AJ7892" s="145"/>
      <c r="AK7892" s="145"/>
      <c r="AL7892" s="145"/>
      <c r="AM7892" s="145"/>
      <c r="AN7892" s="145"/>
      <c r="AO7892" s="145"/>
      <c r="AP7892" s="145"/>
      <c r="AQ7892" s="145"/>
      <c r="AR7892" s="145"/>
      <c r="AS7892" s="145"/>
      <c r="AT7892" s="145"/>
      <c r="AU7892" s="145"/>
      <c r="AV7892" s="145"/>
      <c r="AW7892" s="145"/>
      <c r="AX7892" s="146"/>
      <c r="AY7892" s="146"/>
      <c r="AZ7892" s="146"/>
      <c r="BA7892" s="146"/>
      <c r="BB7892" s="221">
        <v>45884</v>
      </c>
    </row>
    <row r="7893" spans="1:54" s="8" customFormat="1" ht="13.95" customHeight="1" x14ac:dyDescent="0.25">
      <c r="A7893" s="229" t="s">
        <v>18894</v>
      </c>
      <c r="B7893" s="96" t="s">
        <v>22104</v>
      </c>
      <c r="C7893" s="93" t="s">
        <v>18895</v>
      </c>
      <c r="D7893" s="93" t="s">
        <v>18896</v>
      </c>
      <c r="E7893" s="111">
        <v>1975</v>
      </c>
      <c r="F7893" s="111">
        <v>4800</v>
      </c>
      <c r="G7893" s="93" t="s">
        <v>1</v>
      </c>
      <c r="H7893" s="182">
        <v>1</v>
      </c>
      <c r="I7893" s="182">
        <v>1</v>
      </c>
      <c r="J7893" s="111">
        <v>1</v>
      </c>
      <c r="K7893" s="111">
        <v>0</v>
      </c>
      <c r="L7893" s="111">
        <v>1</v>
      </c>
      <c r="M7893" s="111">
        <v>0</v>
      </c>
      <c r="N7893" s="111">
        <v>1</v>
      </c>
      <c r="O7893" s="111">
        <v>1</v>
      </c>
      <c r="P7893" s="111">
        <v>1</v>
      </c>
      <c r="Q7893" s="111">
        <v>0</v>
      </c>
      <c r="R7893" s="111">
        <v>1</v>
      </c>
      <c r="S7893" s="111">
        <v>0</v>
      </c>
      <c r="T7893" s="111">
        <v>0</v>
      </c>
      <c r="U7893" s="145"/>
      <c r="V7893" s="145"/>
      <c r="W7893" s="145"/>
      <c r="X7893" s="145"/>
      <c r="Y7893" s="145"/>
      <c r="Z7893" s="145"/>
      <c r="AA7893" s="145"/>
      <c r="AB7893" s="145"/>
      <c r="AC7893" s="145"/>
      <c r="AD7893" s="145"/>
      <c r="AE7893" s="145"/>
      <c r="AF7893" s="145"/>
      <c r="AG7893" s="145"/>
      <c r="AH7893" s="145"/>
      <c r="AI7893" s="145"/>
      <c r="AJ7893" s="145"/>
      <c r="AK7893" s="145"/>
      <c r="AL7893" s="145"/>
      <c r="AM7893" s="145"/>
      <c r="AN7893" s="145"/>
      <c r="AO7893" s="145"/>
      <c r="AP7893" s="145"/>
      <c r="AQ7893" s="145"/>
      <c r="AR7893" s="145"/>
      <c r="AS7893" s="145"/>
      <c r="AT7893" s="145"/>
      <c r="AU7893" s="145"/>
      <c r="AV7893" s="145"/>
      <c r="AW7893" s="145"/>
      <c r="AX7893" s="146"/>
      <c r="AY7893" s="146"/>
      <c r="AZ7893" s="146"/>
      <c r="BA7893" s="146"/>
      <c r="BB7893" s="221">
        <v>45884</v>
      </c>
    </row>
    <row r="7894" spans="1:54" s="8" customFormat="1" ht="12" x14ac:dyDescent="0.25">
      <c r="A7894" s="229" t="s">
        <v>18897</v>
      </c>
      <c r="B7894" s="96" t="s">
        <v>22104</v>
      </c>
      <c r="C7894" s="93" t="s">
        <v>18898</v>
      </c>
      <c r="D7894" s="93" t="s">
        <v>21680</v>
      </c>
      <c r="E7894" s="111">
        <v>2013</v>
      </c>
      <c r="F7894" s="111">
        <v>1000</v>
      </c>
      <c r="G7894" s="93" t="s">
        <v>1</v>
      </c>
      <c r="H7894" s="182">
        <v>0</v>
      </c>
      <c r="I7894" s="182">
        <v>0</v>
      </c>
      <c r="J7894" s="111">
        <v>0</v>
      </c>
      <c r="K7894" s="111">
        <v>0</v>
      </c>
      <c r="L7894" s="111">
        <v>1</v>
      </c>
      <c r="M7894" s="111">
        <v>0</v>
      </c>
      <c r="N7894" s="111">
        <v>0</v>
      </c>
      <c r="O7894" s="111">
        <v>1</v>
      </c>
      <c r="P7894" s="111">
        <v>1</v>
      </c>
      <c r="Q7894" s="111">
        <v>0</v>
      </c>
      <c r="R7894" s="111">
        <v>0</v>
      </c>
      <c r="S7894" s="111">
        <v>0</v>
      </c>
      <c r="T7894" s="111">
        <v>0</v>
      </c>
      <c r="U7894" s="145"/>
      <c r="V7894" s="145"/>
      <c r="W7894" s="145"/>
      <c r="X7894" s="145"/>
      <c r="Y7894" s="145"/>
      <c r="Z7894" s="145"/>
      <c r="AA7894" s="145"/>
      <c r="AB7894" s="145"/>
      <c r="AC7894" s="145"/>
      <c r="AD7894" s="145"/>
      <c r="AE7894" s="145"/>
      <c r="AF7894" s="145"/>
      <c r="AG7894" s="145"/>
      <c r="AH7894" s="145"/>
      <c r="AI7894" s="145"/>
      <c r="AJ7894" s="145"/>
      <c r="AK7894" s="145"/>
      <c r="AL7894" s="145"/>
      <c r="AM7894" s="145"/>
      <c r="AN7894" s="145"/>
      <c r="AO7894" s="145"/>
      <c r="AP7894" s="145"/>
      <c r="AQ7894" s="145"/>
      <c r="AR7894" s="145"/>
      <c r="AS7894" s="145"/>
      <c r="AT7894" s="145"/>
      <c r="AU7894" s="145"/>
      <c r="AV7894" s="145"/>
      <c r="AW7894" s="145"/>
      <c r="AX7894" s="146"/>
      <c r="AY7894" s="146"/>
      <c r="AZ7894" s="146"/>
      <c r="BA7894" s="146"/>
      <c r="BB7894" s="221">
        <v>45884</v>
      </c>
    </row>
    <row r="7895" spans="1:54" s="8" customFormat="1" ht="13.95" customHeight="1" x14ac:dyDescent="0.25">
      <c r="A7895" s="229" t="s">
        <v>18899</v>
      </c>
      <c r="B7895" s="96" t="s">
        <v>22104</v>
      </c>
      <c r="C7895" s="93" t="s">
        <v>16127</v>
      </c>
      <c r="D7895" s="93" t="s">
        <v>18900</v>
      </c>
      <c r="E7895" s="111">
        <v>1974</v>
      </c>
      <c r="F7895" s="111">
        <v>948</v>
      </c>
      <c r="G7895" s="93" t="s">
        <v>12</v>
      </c>
      <c r="H7895" s="182">
        <v>1</v>
      </c>
      <c r="I7895" s="182">
        <v>0</v>
      </c>
      <c r="J7895" s="111">
        <v>0</v>
      </c>
      <c r="K7895" s="111">
        <v>0</v>
      </c>
      <c r="L7895" s="111">
        <v>0</v>
      </c>
      <c r="M7895" s="111">
        <v>0</v>
      </c>
      <c r="N7895" s="111">
        <v>0</v>
      </c>
      <c r="O7895" s="111">
        <v>0</v>
      </c>
      <c r="P7895" s="111">
        <v>0</v>
      </c>
      <c r="Q7895" s="111">
        <v>0</v>
      </c>
      <c r="R7895" s="111">
        <v>0</v>
      </c>
      <c r="S7895" s="111">
        <v>0</v>
      </c>
      <c r="T7895" s="111">
        <v>0</v>
      </c>
      <c r="U7895" s="145"/>
      <c r="V7895" s="145"/>
      <c r="W7895" s="145"/>
      <c r="X7895" s="145"/>
      <c r="Y7895" s="145"/>
      <c r="Z7895" s="145"/>
      <c r="AA7895" s="145"/>
      <c r="AB7895" s="145"/>
      <c r="AC7895" s="145"/>
      <c r="AD7895" s="145"/>
      <c r="AE7895" s="145"/>
      <c r="AF7895" s="145"/>
      <c r="AG7895" s="145"/>
      <c r="AH7895" s="145"/>
      <c r="AI7895" s="145"/>
      <c r="AJ7895" s="145"/>
      <c r="AK7895" s="145"/>
      <c r="AL7895" s="145"/>
      <c r="AM7895" s="145"/>
      <c r="AN7895" s="145"/>
      <c r="AO7895" s="145"/>
      <c r="AP7895" s="145"/>
      <c r="AQ7895" s="145"/>
      <c r="AR7895" s="145"/>
      <c r="AS7895" s="145"/>
      <c r="AT7895" s="145"/>
      <c r="AU7895" s="145"/>
      <c r="AV7895" s="145"/>
      <c r="AW7895" s="145"/>
      <c r="AX7895" s="146"/>
      <c r="AY7895" s="146"/>
      <c r="AZ7895" s="146"/>
      <c r="BA7895" s="146"/>
      <c r="BB7895" s="221">
        <v>45884</v>
      </c>
    </row>
    <row r="7896" spans="1:54" s="8" customFormat="1" ht="13.95" customHeight="1" x14ac:dyDescent="0.25">
      <c r="A7896" s="229" t="s">
        <v>18901</v>
      </c>
      <c r="B7896" s="96" t="s">
        <v>22104</v>
      </c>
      <c r="C7896" s="93" t="s">
        <v>18902</v>
      </c>
      <c r="D7896" s="93" t="s">
        <v>18903</v>
      </c>
      <c r="E7896" s="111">
        <v>1977</v>
      </c>
      <c r="F7896" s="111">
        <v>37000</v>
      </c>
      <c r="G7896" s="93" t="s">
        <v>10</v>
      </c>
      <c r="H7896" s="182">
        <v>0</v>
      </c>
      <c r="I7896" s="182">
        <v>0</v>
      </c>
      <c r="J7896" s="111">
        <v>0</v>
      </c>
      <c r="K7896" s="111">
        <v>0</v>
      </c>
      <c r="L7896" s="111">
        <v>0</v>
      </c>
      <c r="M7896" s="111">
        <v>0</v>
      </c>
      <c r="N7896" s="111">
        <v>0</v>
      </c>
      <c r="O7896" s="111">
        <v>0</v>
      </c>
      <c r="P7896" s="111">
        <v>0</v>
      </c>
      <c r="Q7896" s="111">
        <v>0</v>
      </c>
      <c r="R7896" s="111">
        <v>0</v>
      </c>
      <c r="S7896" s="111">
        <v>0</v>
      </c>
      <c r="T7896" s="111">
        <v>0</v>
      </c>
      <c r="U7896" s="111">
        <v>0</v>
      </c>
      <c r="V7896" s="111">
        <v>0</v>
      </c>
      <c r="W7896" s="111">
        <v>0</v>
      </c>
      <c r="X7896" s="111">
        <v>0</v>
      </c>
      <c r="Y7896" s="111">
        <v>0</v>
      </c>
      <c r="Z7896" s="111">
        <v>0</v>
      </c>
      <c r="AA7896" s="111">
        <v>0</v>
      </c>
      <c r="AB7896" s="111">
        <v>0</v>
      </c>
      <c r="AC7896" s="111">
        <v>0</v>
      </c>
      <c r="AD7896" s="111">
        <v>0</v>
      </c>
      <c r="AE7896" s="111">
        <v>0</v>
      </c>
      <c r="AF7896" s="111">
        <v>0</v>
      </c>
      <c r="AG7896" s="111">
        <v>0</v>
      </c>
      <c r="AH7896" s="111">
        <v>0</v>
      </c>
      <c r="AI7896" s="111">
        <v>0</v>
      </c>
      <c r="AJ7896" s="111">
        <v>0</v>
      </c>
      <c r="AK7896" s="111">
        <v>0</v>
      </c>
      <c r="AL7896" s="111">
        <v>0</v>
      </c>
      <c r="AM7896" s="111">
        <v>0</v>
      </c>
      <c r="AN7896" s="111">
        <v>0</v>
      </c>
      <c r="AO7896" s="111">
        <v>0</v>
      </c>
      <c r="AP7896" s="111">
        <v>0</v>
      </c>
      <c r="AQ7896" s="111">
        <v>0</v>
      </c>
      <c r="AR7896" s="111">
        <v>0</v>
      </c>
      <c r="AS7896" s="111">
        <v>0</v>
      </c>
      <c r="AT7896" s="111" t="s">
        <v>400</v>
      </c>
      <c r="AU7896" s="111">
        <v>0</v>
      </c>
      <c r="AV7896" s="111">
        <v>0</v>
      </c>
      <c r="AW7896" s="111">
        <v>0</v>
      </c>
      <c r="AX7896" s="112"/>
      <c r="AY7896" s="112"/>
      <c r="AZ7896" s="112"/>
      <c r="BA7896" s="112"/>
      <c r="BB7896" s="221">
        <v>45884</v>
      </c>
    </row>
    <row r="7897" spans="1:54" s="8" customFormat="1" ht="13.95" customHeight="1" x14ac:dyDescent="0.25">
      <c r="A7897" s="229" t="s">
        <v>18904</v>
      </c>
      <c r="B7897" s="96" t="s">
        <v>22104</v>
      </c>
      <c r="C7897" s="93" t="s">
        <v>18905</v>
      </c>
      <c r="D7897" s="93" t="s">
        <v>18906</v>
      </c>
      <c r="E7897" s="111">
        <v>2004</v>
      </c>
      <c r="F7897" s="111">
        <v>117000</v>
      </c>
      <c r="G7897" s="93" t="s">
        <v>0</v>
      </c>
      <c r="H7897" s="182">
        <v>1</v>
      </c>
      <c r="I7897" s="182">
        <v>1</v>
      </c>
      <c r="J7897" s="111">
        <v>1</v>
      </c>
      <c r="K7897" s="111">
        <v>0</v>
      </c>
      <c r="L7897" s="111">
        <v>1</v>
      </c>
      <c r="M7897" s="111">
        <v>1</v>
      </c>
      <c r="N7897" s="111">
        <v>1</v>
      </c>
      <c r="O7897" s="111">
        <v>1</v>
      </c>
      <c r="P7897" s="111">
        <v>0</v>
      </c>
      <c r="Q7897" s="111">
        <v>0</v>
      </c>
      <c r="R7897" s="111">
        <v>0</v>
      </c>
      <c r="S7897" s="111">
        <v>0</v>
      </c>
      <c r="T7897" s="111">
        <v>0</v>
      </c>
      <c r="U7897" s="111">
        <v>0</v>
      </c>
      <c r="V7897" s="252">
        <v>1</v>
      </c>
      <c r="W7897" s="111">
        <v>1</v>
      </c>
      <c r="X7897" s="182">
        <v>1</v>
      </c>
      <c r="Y7897" s="182">
        <v>1</v>
      </c>
      <c r="Z7897" s="182">
        <v>1</v>
      </c>
      <c r="AA7897" s="111">
        <v>1</v>
      </c>
      <c r="AB7897" s="111">
        <v>1</v>
      </c>
      <c r="AC7897" s="111">
        <v>0</v>
      </c>
      <c r="AD7897" s="111">
        <v>1</v>
      </c>
      <c r="AE7897" s="111">
        <v>0</v>
      </c>
      <c r="AF7897" s="111">
        <v>0</v>
      </c>
      <c r="AG7897" s="111">
        <v>0</v>
      </c>
      <c r="AH7897" s="111">
        <v>0</v>
      </c>
      <c r="AI7897" s="111">
        <v>0</v>
      </c>
      <c r="AJ7897" s="111">
        <v>0</v>
      </c>
      <c r="AK7897" s="111">
        <v>0</v>
      </c>
      <c r="AL7897" s="111">
        <v>0</v>
      </c>
      <c r="AM7897" s="111">
        <v>0</v>
      </c>
      <c r="AN7897" s="111">
        <v>0</v>
      </c>
      <c r="AO7897" s="111">
        <v>1</v>
      </c>
      <c r="AP7897" s="111">
        <v>0</v>
      </c>
      <c r="AQ7897" s="111">
        <v>0</v>
      </c>
      <c r="AR7897" s="111">
        <v>1</v>
      </c>
      <c r="AS7897" s="111">
        <v>0</v>
      </c>
      <c r="AT7897" s="111">
        <v>1</v>
      </c>
      <c r="AU7897" s="111">
        <v>1</v>
      </c>
      <c r="AV7897" s="111">
        <v>0</v>
      </c>
      <c r="AW7897" s="182">
        <v>1</v>
      </c>
      <c r="AX7897" s="112" t="s">
        <v>18907</v>
      </c>
      <c r="AY7897" s="112" t="s">
        <v>18908</v>
      </c>
      <c r="AZ7897" s="147" t="s">
        <v>22105</v>
      </c>
      <c r="BA7897" s="112"/>
      <c r="BB7897" s="221">
        <v>45884</v>
      </c>
    </row>
    <row r="7898" spans="1:54" s="8" customFormat="1" ht="13.95" customHeight="1" x14ac:dyDescent="0.25">
      <c r="A7898" s="229" t="s">
        <v>20573</v>
      </c>
      <c r="B7898" s="96" t="s">
        <v>22104</v>
      </c>
      <c r="C7898" s="93" t="s">
        <v>18909</v>
      </c>
      <c r="D7898" s="93" t="s">
        <v>21681</v>
      </c>
      <c r="E7898" s="111">
        <v>2014</v>
      </c>
      <c r="F7898" s="111">
        <v>3600</v>
      </c>
      <c r="G7898" s="93" t="s">
        <v>1</v>
      </c>
      <c r="H7898" s="182">
        <v>1</v>
      </c>
      <c r="I7898" s="182">
        <v>1</v>
      </c>
      <c r="J7898" s="111">
        <v>1</v>
      </c>
      <c r="K7898" s="111">
        <v>0</v>
      </c>
      <c r="L7898" s="111">
        <v>0</v>
      </c>
      <c r="M7898" s="111">
        <v>0</v>
      </c>
      <c r="N7898" s="111">
        <v>0</v>
      </c>
      <c r="O7898" s="111">
        <v>0</v>
      </c>
      <c r="P7898" s="111">
        <v>0</v>
      </c>
      <c r="Q7898" s="111">
        <v>0</v>
      </c>
      <c r="R7898" s="111">
        <v>0</v>
      </c>
      <c r="S7898" s="111">
        <v>0</v>
      </c>
      <c r="T7898" s="111">
        <v>0</v>
      </c>
      <c r="U7898" s="145"/>
      <c r="V7898" s="145"/>
      <c r="W7898" s="111">
        <v>1</v>
      </c>
      <c r="X7898" s="145"/>
      <c r="Y7898" s="145"/>
      <c r="Z7898" s="145"/>
      <c r="AA7898" s="145"/>
      <c r="AB7898" s="145"/>
      <c r="AC7898" s="145"/>
      <c r="AD7898" s="145"/>
      <c r="AE7898" s="145"/>
      <c r="AF7898" s="145"/>
      <c r="AG7898" s="145"/>
      <c r="AH7898" s="145"/>
      <c r="AI7898" s="145"/>
      <c r="AJ7898" s="145"/>
      <c r="AK7898" s="145"/>
      <c r="AL7898" s="145"/>
      <c r="AM7898" s="145"/>
      <c r="AN7898" s="145"/>
      <c r="AO7898" s="145"/>
      <c r="AP7898" s="145"/>
      <c r="AQ7898" s="145"/>
      <c r="AR7898" s="145"/>
      <c r="AS7898" s="145"/>
      <c r="AT7898" s="145"/>
      <c r="AU7898" s="182">
        <v>1</v>
      </c>
      <c r="AV7898" s="145"/>
      <c r="AW7898" s="145"/>
      <c r="AX7898" s="146"/>
      <c r="AY7898" s="146"/>
      <c r="AZ7898" s="146"/>
      <c r="BA7898" s="146"/>
      <c r="BB7898" s="221">
        <v>45884</v>
      </c>
    </row>
    <row r="7899" spans="1:54" s="8" customFormat="1" ht="13.95" customHeight="1" x14ac:dyDescent="0.25">
      <c r="A7899" s="229" t="s">
        <v>21555</v>
      </c>
      <c r="B7899" s="96" t="s">
        <v>22104</v>
      </c>
      <c r="C7899" s="93" t="s">
        <v>18910</v>
      </c>
      <c r="D7899" s="93" t="s">
        <v>18911</v>
      </c>
      <c r="E7899" s="111">
        <v>1985</v>
      </c>
      <c r="F7899" s="111">
        <v>1929</v>
      </c>
      <c r="G7899" s="93" t="s">
        <v>12</v>
      </c>
      <c r="H7899" s="182">
        <v>1</v>
      </c>
      <c r="I7899" s="182">
        <v>1</v>
      </c>
      <c r="J7899" s="111">
        <v>1</v>
      </c>
      <c r="K7899" s="111">
        <v>1</v>
      </c>
      <c r="L7899" s="111">
        <v>1</v>
      </c>
      <c r="M7899" s="111">
        <v>0</v>
      </c>
      <c r="N7899" s="111">
        <v>0</v>
      </c>
      <c r="O7899" s="111">
        <v>1</v>
      </c>
      <c r="P7899" s="111">
        <v>1</v>
      </c>
      <c r="Q7899" s="111">
        <v>0</v>
      </c>
      <c r="R7899" s="111">
        <v>1</v>
      </c>
      <c r="S7899" s="111">
        <v>0</v>
      </c>
      <c r="T7899" s="111">
        <v>0</v>
      </c>
      <c r="U7899" s="111">
        <v>0</v>
      </c>
      <c r="V7899" s="111">
        <v>0</v>
      </c>
      <c r="W7899" s="111">
        <v>0</v>
      </c>
      <c r="X7899" s="111">
        <v>0</v>
      </c>
      <c r="Y7899" s="111">
        <v>0</v>
      </c>
      <c r="Z7899" s="111">
        <v>0</v>
      </c>
      <c r="AA7899" s="111">
        <v>0</v>
      </c>
      <c r="AB7899" s="111">
        <v>0</v>
      </c>
      <c r="AC7899" s="111">
        <v>0</v>
      </c>
      <c r="AD7899" s="111">
        <v>0</v>
      </c>
      <c r="AE7899" s="111">
        <v>0</v>
      </c>
      <c r="AF7899" s="111">
        <v>0</v>
      </c>
      <c r="AG7899" s="111">
        <v>0</v>
      </c>
      <c r="AH7899" s="111">
        <v>0</v>
      </c>
      <c r="AI7899" s="111">
        <v>0</v>
      </c>
      <c r="AJ7899" s="111">
        <v>0</v>
      </c>
      <c r="AK7899" s="111">
        <v>0</v>
      </c>
      <c r="AL7899" s="111">
        <v>0</v>
      </c>
      <c r="AM7899" s="111">
        <v>0</v>
      </c>
      <c r="AN7899" s="111">
        <v>0</v>
      </c>
      <c r="AO7899" s="111">
        <v>0</v>
      </c>
      <c r="AP7899" s="111">
        <v>0</v>
      </c>
      <c r="AQ7899" s="111">
        <v>0</v>
      </c>
      <c r="AR7899" s="111">
        <v>0</v>
      </c>
      <c r="AS7899" s="111">
        <v>0</v>
      </c>
      <c r="AT7899" s="111" t="s">
        <v>400</v>
      </c>
      <c r="AU7899" s="111">
        <v>0</v>
      </c>
      <c r="AV7899" s="111">
        <v>0</v>
      </c>
      <c r="AW7899" s="111">
        <v>0</v>
      </c>
      <c r="AX7899" s="112"/>
      <c r="AY7899" s="112"/>
      <c r="AZ7899" s="112"/>
      <c r="BA7899" s="112"/>
      <c r="BB7899" s="221">
        <v>45884</v>
      </c>
    </row>
    <row r="7900" spans="1:54" s="101" customFormat="1" ht="13.95" customHeight="1" x14ac:dyDescent="0.25">
      <c r="A7900" s="229" t="s">
        <v>24357</v>
      </c>
      <c r="B7900" s="96" t="s">
        <v>24351</v>
      </c>
      <c r="C7900" s="93" t="s">
        <v>24352</v>
      </c>
      <c r="D7900" s="93" t="s">
        <v>24353</v>
      </c>
      <c r="E7900" s="111">
        <v>2020</v>
      </c>
      <c r="F7900" s="111">
        <v>13862</v>
      </c>
      <c r="G7900" s="93" t="s">
        <v>10</v>
      </c>
      <c r="H7900" s="182">
        <v>0</v>
      </c>
      <c r="I7900" s="182">
        <v>0</v>
      </c>
      <c r="J7900" s="111">
        <v>1</v>
      </c>
      <c r="K7900" s="111">
        <v>0</v>
      </c>
      <c r="L7900" s="111">
        <v>0</v>
      </c>
      <c r="M7900" s="111">
        <v>0</v>
      </c>
      <c r="N7900" s="111">
        <v>0</v>
      </c>
      <c r="O7900" s="111">
        <v>0</v>
      </c>
      <c r="P7900" s="111">
        <v>0</v>
      </c>
      <c r="Q7900" s="111">
        <v>0</v>
      </c>
      <c r="R7900" s="111">
        <v>0</v>
      </c>
      <c r="S7900" s="111">
        <v>0</v>
      </c>
      <c r="T7900" s="111">
        <v>0</v>
      </c>
      <c r="U7900" s="111">
        <v>0</v>
      </c>
      <c r="V7900" s="111">
        <v>0</v>
      </c>
      <c r="W7900" s="111">
        <v>0</v>
      </c>
      <c r="X7900" s="111">
        <v>0</v>
      </c>
      <c r="Y7900" s="111">
        <v>0</v>
      </c>
      <c r="Z7900" s="111">
        <v>0</v>
      </c>
      <c r="AA7900" s="111">
        <v>0</v>
      </c>
      <c r="AB7900" s="111">
        <v>0</v>
      </c>
      <c r="AC7900" s="111">
        <v>0</v>
      </c>
      <c r="AD7900" s="111">
        <v>0</v>
      </c>
      <c r="AE7900" s="111">
        <v>0</v>
      </c>
      <c r="AF7900" s="111">
        <v>0</v>
      </c>
      <c r="AG7900" s="111">
        <v>0</v>
      </c>
      <c r="AH7900" s="111">
        <v>0</v>
      </c>
      <c r="AI7900" s="111">
        <v>0</v>
      </c>
      <c r="AJ7900" s="111">
        <v>0</v>
      </c>
      <c r="AK7900" s="111">
        <v>0</v>
      </c>
      <c r="AL7900" s="111">
        <v>0</v>
      </c>
      <c r="AM7900" s="111">
        <v>0</v>
      </c>
      <c r="AN7900" s="111">
        <v>0</v>
      </c>
      <c r="AO7900" s="111">
        <v>0</v>
      </c>
      <c r="AP7900" s="111">
        <v>0</v>
      </c>
      <c r="AQ7900" s="111">
        <v>0</v>
      </c>
      <c r="AR7900" s="111">
        <v>0</v>
      </c>
      <c r="AS7900" s="111">
        <v>0</v>
      </c>
      <c r="AT7900" s="111">
        <v>0</v>
      </c>
      <c r="AU7900" s="111">
        <v>0</v>
      </c>
      <c r="AV7900" s="111">
        <v>0</v>
      </c>
      <c r="AW7900" s="111">
        <v>0</v>
      </c>
      <c r="AX7900" s="112" t="s">
        <v>24354</v>
      </c>
      <c r="AY7900" s="112" t="s">
        <v>24355</v>
      </c>
      <c r="AZ7900" s="112" t="s">
        <v>24356</v>
      </c>
      <c r="BA7900" s="112"/>
      <c r="BB7900" s="221">
        <v>45884</v>
      </c>
    </row>
    <row r="7901" spans="1:54" s="238" customFormat="1" ht="13.95" customHeight="1" x14ac:dyDescent="0.25">
      <c r="A7901" s="256" t="s">
        <v>18912</v>
      </c>
      <c r="B7901" s="96" t="s">
        <v>20414</v>
      </c>
      <c r="C7901" s="267" t="s">
        <v>21928</v>
      </c>
      <c r="D7901" s="267" t="s">
        <v>18913</v>
      </c>
      <c r="E7901" s="268">
        <v>1978</v>
      </c>
      <c r="F7901" s="268">
        <v>1605</v>
      </c>
      <c r="G7901" s="267" t="s">
        <v>1</v>
      </c>
      <c r="H7901" s="268">
        <v>0</v>
      </c>
      <c r="I7901" s="268">
        <v>0</v>
      </c>
      <c r="J7901" s="268">
        <v>1</v>
      </c>
      <c r="K7901" s="268">
        <v>0</v>
      </c>
      <c r="L7901" s="268">
        <v>1</v>
      </c>
      <c r="M7901" s="268">
        <v>0</v>
      </c>
      <c r="N7901" s="268">
        <v>0</v>
      </c>
      <c r="O7901" s="268">
        <v>0</v>
      </c>
      <c r="P7901" s="268">
        <v>0</v>
      </c>
      <c r="Q7901" s="268">
        <v>0</v>
      </c>
      <c r="R7901" s="268">
        <v>0</v>
      </c>
      <c r="S7901" s="268">
        <v>0</v>
      </c>
      <c r="T7901" s="268">
        <v>0</v>
      </c>
      <c r="U7901" s="145"/>
      <c r="V7901" s="145"/>
      <c r="W7901" s="145"/>
      <c r="X7901" s="145"/>
      <c r="Y7901" s="145"/>
      <c r="Z7901" s="145"/>
      <c r="AA7901" s="145"/>
      <c r="AB7901" s="145"/>
      <c r="AC7901" s="145"/>
      <c r="AD7901" s="145"/>
      <c r="AE7901" s="145"/>
      <c r="AF7901" s="145"/>
      <c r="AG7901" s="145"/>
      <c r="AH7901" s="145"/>
      <c r="AI7901" s="145"/>
      <c r="AJ7901" s="145"/>
      <c r="AK7901" s="145"/>
      <c r="AL7901" s="145"/>
      <c r="AM7901" s="145"/>
      <c r="AN7901" s="145"/>
      <c r="AO7901" s="145"/>
      <c r="AP7901" s="145"/>
      <c r="AQ7901" s="145"/>
      <c r="AR7901" s="145"/>
      <c r="AS7901" s="145"/>
      <c r="AT7901" s="145"/>
      <c r="AU7901" s="145"/>
      <c r="AV7901" s="145"/>
      <c r="AW7901" s="145"/>
      <c r="AX7901" s="146"/>
      <c r="AY7901" s="146"/>
      <c r="AZ7901" s="146"/>
      <c r="BA7901" s="270" t="s">
        <v>18914</v>
      </c>
      <c r="BB7901" s="221">
        <v>45884</v>
      </c>
    </row>
    <row r="7902" spans="1:54" s="238" customFormat="1" ht="13.95" customHeight="1" x14ac:dyDescent="0.25">
      <c r="A7902" s="256" t="s">
        <v>18915</v>
      </c>
      <c r="B7902" s="96" t="s">
        <v>20414</v>
      </c>
      <c r="C7902" s="267" t="s">
        <v>18916</v>
      </c>
      <c r="D7902" s="267" t="s">
        <v>18917</v>
      </c>
      <c r="E7902" s="268">
        <v>1976</v>
      </c>
      <c r="F7902" s="268">
        <v>1704</v>
      </c>
      <c r="G7902" s="267" t="s">
        <v>1</v>
      </c>
      <c r="H7902" s="268">
        <v>0</v>
      </c>
      <c r="I7902" s="268">
        <v>0</v>
      </c>
      <c r="J7902" s="268">
        <v>0</v>
      </c>
      <c r="K7902" s="268">
        <v>0</v>
      </c>
      <c r="L7902" s="268">
        <v>1</v>
      </c>
      <c r="M7902" s="268">
        <v>0</v>
      </c>
      <c r="N7902" s="268">
        <v>0</v>
      </c>
      <c r="O7902" s="268">
        <v>0</v>
      </c>
      <c r="P7902" s="268">
        <v>1</v>
      </c>
      <c r="Q7902" s="268">
        <v>0</v>
      </c>
      <c r="R7902" s="268">
        <v>1</v>
      </c>
      <c r="S7902" s="268">
        <v>0</v>
      </c>
      <c r="T7902" s="268">
        <v>0</v>
      </c>
      <c r="U7902" s="145"/>
      <c r="V7902" s="145"/>
      <c r="W7902" s="145"/>
      <c r="X7902" s="145"/>
      <c r="Y7902" s="145"/>
      <c r="Z7902" s="145"/>
      <c r="AA7902" s="145"/>
      <c r="AB7902" s="145"/>
      <c r="AC7902" s="145"/>
      <c r="AD7902" s="145"/>
      <c r="AE7902" s="145"/>
      <c r="AF7902" s="145"/>
      <c r="AG7902" s="145"/>
      <c r="AH7902" s="145"/>
      <c r="AI7902" s="145"/>
      <c r="AJ7902" s="145"/>
      <c r="AK7902" s="145"/>
      <c r="AL7902" s="145"/>
      <c r="AM7902" s="145"/>
      <c r="AN7902" s="145"/>
      <c r="AO7902" s="145"/>
      <c r="AP7902" s="145"/>
      <c r="AQ7902" s="145"/>
      <c r="AR7902" s="145"/>
      <c r="AS7902" s="145"/>
      <c r="AT7902" s="145"/>
      <c r="AU7902" s="145"/>
      <c r="AV7902" s="145"/>
      <c r="AW7902" s="145"/>
      <c r="AX7902" s="146"/>
      <c r="AY7902" s="146"/>
      <c r="AZ7902" s="146"/>
      <c r="BA7902" s="146"/>
      <c r="BB7902" s="221">
        <v>45884</v>
      </c>
    </row>
    <row r="7903" spans="1:54" s="238" customFormat="1" ht="13.95" customHeight="1" x14ac:dyDescent="0.25">
      <c r="A7903" s="256" t="s">
        <v>18918</v>
      </c>
      <c r="B7903" s="96" t="s">
        <v>20414</v>
      </c>
      <c r="C7903" s="267" t="s">
        <v>18919</v>
      </c>
      <c r="D7903" s="267" t="s">
        <v>18920</v>
      </c>
      <c r="E7903" s="268">
        <v>1971</v>
      </c>
      <c r="F7903" s="268">
        <v>1725</v>
      </c>
      <c r="G7903" s="267" t="s">
        <v>1</v>
      </c>
      <c r="H7903" s="268">
        <v>0</v>
      </c>
      <c r="I7903" s="268">
        <v>0</v>
      </c>
      <c r="J7903" s="268">
        <v>0</v>
      </c>
      <c r="K7903" s="268">
        <v>0</v>
      </c>
      <c r="L7903" s="268">
        <v>1</v>
      </c>
      <c r="M7903" s="268">
        <v>0</v>
      </c>
      <c r="N7903" s="268">
        <v>0</v>
      </c>
      <c r="O7903" s="268">
        <v>1</v>
      </c>
      <c r="P7903" s="268">
        <v>1</v>
      </c>
      <c r="Q7903" s="268">
        <v>1</v>
      </c>
      <c r="R7903" s="268">
        <v>1</v>
      </c>
      <c r="S7903" s="268">
        <v>0</v>
      </c>
      <c r="T7903" s="268">
        <v>0</v>
      </c>
      <c r="U7903" s="145"/>
      <c r="V7903" s="145"/>
      <c r="W7903" s="145"/>
      <c r="X7903" s="145"/>
      <c r="Y7903" s="145"/>
      <c r="Z7903" s="145"/>
      <c r="AA7903" s="145"/>
      <c r="AB7903" s="145"/>
      <c r="AC7903" s="145"/>
      <c r="AD7903" s="145"/>
      <c r="AE7903" s="145"/>
      <c r="AF7903" s="145"/>
      <c r="AG7903" s="145"/>
      <c r="AH7903" s="145"/>
      <c r="AI7903" s="145"/>
      <c r="AJ7903" s="145"/>
      <c r="AK7903" s="145"/>
      <c r="AL7903" s="145"/>
      <c r="AM7903" s="145"/>
      <c r="AN7903" s="145"/>
      <c r="AO7903" s="145"/>
      <c r="AP7903" s="145"/>
      <c r="AQ7903" s="145"/>
      <c r="AR7903" s="145"/>
      <c r="AS7903" s="145"/>
      <c r="AT7903" s="145"/>
      <c r="AU7903" s="145"/>
      <c r="AV7903" s="145"/>
      <c r="AW7903" s="145"/>
      <c r="AX7903" s="146"/>
      <c r="AY7903" s="146"/>
      <c r="AZ7903" s="146"/>
      <c r="BA7903" s="270" t="s">
        <v>18921</v>
      </c>
      <c r="BB7903" s="221">
        <v>45884</v>
      </c>
    </row>
    <row r="7904" spans="1:54" s="238" customFormat="1" ht="13.95" customHeight="1" x14ac:dyDescent="0.25">
      <c r="A7904" s="256" t="s">
        <v>18922</v>
      </c>
      <c r="B7904" s="96" t="s">
        <v>20414</v>
      </c>
      <c r="C7904" s="267" t="s">
        <v>21556</v>
      </c>
      <c r="D7904" s="267" t="s">
        <v>18923</v>
      </c>
      <c r="E7904" s="268">
        <v>1992</v>
      </c>
      <c r="F7904" s="268">
        <v>2136</v>
      </c>
      <c r="G7904" s="267" t="s">
        <v>1</v>
      </c>
      <c r="H7904" s="268">
        <v>0</v>
      </c>
      <c r="I7904" s="268">
        <v>0</v>
      </c>
      <c r="J7904" s="268">
        <v>1</v>
      </c>
      <c r="K7904" s="268">
        <v>0</v>
      </c>
      <c r="L7904" s="268">
        <v>1</v>
      </c>
      <c r="M7904" s="268">
        <v>0</v>
      </c>
      <c r="N7904" s="268">
        <v>0</v>
      </c>
      <c r="O7904" s="268">
        <v>1</v>
      </c>
      <c r="P7904" s="268">
        <v>1</v>
      </c>
      <c r="Q7904" s="268">
        <v>0</v>
      </c>
      <c r="R7904" s="268">
        <v>1</v>
      </c>
      <c r="S7904" s="268">
        <v>1</v>
      </c>
      <c r="T7904" s="268">
        <v>0</v>
      </c>
      <c r="U7904" s="145"/>
      <c r="V7904" s="145"/>
      <c r="W7904" s="145"/>
      <c r="X7904" s="145"/>
      <c r="Y7904" s="145"/>
      <c r="Z7904" s="145"/>
      <c r="AA7904" s="145"/>
      <c r="AB7904" s="145"/>
      <c r="AC7904" s="145"/>
      <c r="AD7904" s="145"/>
      <c r="AE7904" s="145"/>
      <c r="AF7904" s="145"/>
      <c r="AG7904" s="145"/>
      <c r="AH7904" s="145"/>
      <c r="AI7904" s="145"/>
      <c r="AJ7904" s="145"/>
      <c r="AK7904" s="145"/>
      <c r="AL7904" s="145"/>
      <c r="AM7904" s="145"/>
      <c r="AN7904" s="145"/>
      <c r="AO7904" s="145"/>
      <c r="AP7904" s="145"/>
      <c r="AQ7904" s="145"/>
      <c r="AR7904" s="145"/>
      <c r="AS7904" s="145"/>
      <c r="AT7904" s="145"/>
      <c r="AU7904" s="145"/>
      <c r="AV7904" s="145"/>
      <c r="AW7904" s="145"/>
      <c r="AX7904" s="146"/>
      <c r="AY7904" s="146"/>
      <c r="AZ7904" s="146"/>
      <c r="BA7904" s="146"/>
      <c r="BB7904" s="221">
        <v>45884</v>
      </c>
    </row>
    <row r="7905" spans="1:54" s="238" customFormat="1" ht="13.95" customHeight="1" x14ac:dyDescent="0.25">
      <c r="A7905" s="256" t="s">
        <v>18924</v>
      </c>
      <c r="B7905" s="96" t="s">
        <v>20414</v>
      </c>
      <c r="C7905" s="267" t="s">
        <v>18925</v>
      </c>
      <c r="D7905" s="267" t="s">
        <v>18926</v>
      </c>
      <c r="E7905" s="268">
        <v>1978</v>
      </c>
      <c r="F7905" s="268">
        <v>2240</v>
      </c>
      <c r="G7905" s="267" t="s">
        <v>1</v>
      </c>
      <c r="H7905" s="268">
        <v>0</v>
      </c>
      <c r="I7905" s="268">
        <v>0</v>
      </c>
      <c r="J7905" s="268">
        <v>0</v>
      </c>
      <c r="K7905" s="268">
        <v>0</v>
      </c>
      <c r="L7905" s="268">
        <v>1</v>
      </c>
      <c r="M7905" s="268">
        <v>0</v>
      </c>
      <c r="N7905" s="268">
        <v>0</v>
      </c>
      <c r="O7905" s="268">
        <v>1</v>
      </c>
      <c r="P7905" s="268">
        <v>0</v>
      </c>
      <c r="Q7905" s="268">
        <v>0</v>
      </c>
      <c r="R7905" s="268">
        <v>1</v>
      </c>
      <c r="S7905" s="268">
        <v>0</v>
      </c>
      <c r="T7905" s="268">
        <v>0</v>
      </c>
      <c r="U7905" s="145"/>
      <c r="V7905" s="145"/>
      <c r="W7905" s="145"/>
      <c r="X7905" s="145"/>
      <c r="Y7905" s="145"/>
      <c r="Z7905" s="145"/>
      <c r="AA7905" s="145"/>
      <c r="AB7905" s="145"/>
      <c r="AC7905" s="145"/>
      <c r="AD7905" s="145"/>
      <c r="AE7905" s="145"/>
      <c r="AF7905" s="145"/>
      <c r="AG7905" s="145"/>
      <c r="AH7905" s="145"/>
      <c r="AI7905" s="145"/>
      <c r="AJ7905" s="145"/>
      <c r="AK7905" s="145"/>
      <c r="AL7905" s="145"/>
      <c r="AM7905" s="145"/>
      <c r="AN7905" s="145"/>
      <c r="AO7905" s="145"/>
      <c r="AP7905" s="145"/>
      <c r="AQ7905" s="145"/>
      <c r="AR7905" s="145"/>
      <c r="AS7905" s="145"/>
      <c r="AT7905" s="145"/>
      <c r="AU7905" s="145"/>
      <c r="AV7905" s="145"/>
      <c r="AW7905" s="145"/>
      <c r="AX7905" s="146"/>
      <c r="AY7905" s="146"/>
      <c r="AZ7905" s="146"/>
      <c r="BA7905" s="146"/>
      <c r="BB7905" s="221">
        <v>45884</v>
      </c>
    </row>
    <row r="7906" spans="1:54" s="238" customFormat="1" ht="13.95" customHeight="1" x14ac:dyDescent="0.25">
      <c r="A7906" s="256" t="s">
        <v>18927</v>
      </c>
      <c r="B7906" s="96" t="s">
        <v>20414</v>
      </c>
      <c r="C7906" s="267" t="s">
        <v>21557</v>
      </c>
      <c r="D7906" s="267" t="s">
        <v>18928</v>
      </c>
      <c r="E7906" s="268">
        <v>1971</v>
      </c>
      <c r="F7906" s="268">
        <v>2906</v>
      </c>
      <c r="G7906" s="267" t="s">
        <v>1</v>
      </c>
      <c r="H7906" s="268">
        <v>0</v>
      </c>
      <c r="I7906" s="268">
        <v>0</v>
      </c>
      <c r="J7906" s="268">
        <v>0</v>
      </c>
      <c r="K7906" s="268">
        <v>0</v>
      </c>
      <c r="L7906" s="268">
        <v>1</v>
      </c>
      <c r="M7906" s="268">
        <v>0</v>
      </c>
      <c r="N7906" s="268">
        <v>0</v>
      </c>
      <c r="O7906" s="268">
        <v>1</v>
      </c>
      <c r="P7906" s="268">
        <v>1</v>
      </c>
      <c r="Q7906" s="268">
        <v>0</v>
      </c>
      <c r="R7906" s="268">
        <v>1</v>
      </c>
      <c r="S7906" s="268">
        <v>0</v>
      </c>
      <c r="T7906" s="268">
        <v>0</v>
      </c>
      <c r="U7906" s="145"/>
      <c r="V7906" s="145"/>
      <c r="W7906" s="145"/>
      <c r="X7906" s="145"/>
      <c r="Y7906" s="145"/>
      <c r="Z7906" s="145"/>
      <c r="AA7906" s="145"/>
      <c r="AB7906" s="145"/>
      <c r="AC7906" s="145"/>
      <c r="AD7906" s="145"/>
      <c r="AE7906" s="145"/>
      <c r="AF7906" s="145"/>
      <c r="AG7906" s="145"/>
      <c r="AH7906" s="145"/>
      <c r="AI7906" s="145"/>
      <c r="AJ7906" s="145"/>
      <c r="AK7906" s="145"/>
      <c r="AL7906" s="145"/>
      <c r="AM7906" s="145"/>
      <c r="AN7906" s="145"/>
      <c r="AO7906" s="145"/>
      <c r="AP7906" s="145"/>
      <c r="AQ7906" s="145"/>
      <c r="AR7906" s="145"/>
      <c r="AS7906" s="145"/>
      <c r="AT7906" s="145"/>
      <c r="AU7906" s="145"/>
      <c r="AV7906" s="145"/>
      <c r="AW7906" s="145"/>
      <c r="AX7906" s="146"/>
      <c r="AY7906" s="146"/>
      <c r="AZ7906" s="146"/>
      <c r="BA7906" s="270" t="s">
        <v>18921</v>
      </c>
      <c r="BB7906" s="221">
        <v>45884</v>
      </c>
    </row>
    <row r="7907" spans="1:54" s="238" customFormat="1" ht="13.95" customHeight="1" x14ac:dyDescent="0.25">
      <c r="A7907" s="256" t="s">
        <v>18929</v>
      </c>
      <c r="B7907" s="96" t="s">
        <v>20414</v>
      </c>
      <c r="C7907" s="267" t="s">
        <v>18930</v>
      </c>
      <c r="D7907" s="267" t="s">
        <v>18931</v>
      </c>
      <c r="E7907" s="268">
        <v>1981</v>
      </c>
      <c r="F7907" s="269">
        <v>3355</v>
      </c>
      <c r="G7907" s="267" t="s">
        <v>1</v>
      </c>
      <c r="H7907" s="268">
        <v>0</v>
      </c>
      <c r="I7907" s="268">
        <v>0</v>
      </c>
      <c r="J7907" s="268">
        <v>1</v>
      </c>
      <c r="K7907" s="268">
        <v>0</v>
      </c>
      <c r="L7907" s="268">
        <v>0</v>
      </c>
      <c r="M7907" s="268">
        <v>0</v>
      </c>
      <c r="N7907" s="268">
        <v>0</v>
      </c>
      <c r="O7907" s="268">
        <v>0</v>
      </c>
      <c r="P7907" s="268">
        <v>1</v>
      </c>
      <c r="Q7907" s="268">
        <v>0</v>
      </c>
      <c r="R7907" s="268">
        <v>0</v>
      </c>
      <c r="S7907" s="268">
        <v>0</v>
      </c>
      <c r="T7907" s="268">
        <v>0</v>
      </c>
      <c r="U7907" s="145"/>
      <c r="V7907" s="145"/>
      <c r="W7907" s="145"/>
      <c r="X7907" s="145"/>
      <c r="Y7907" s="145"/>
      <c r="Z7907" s="145"/>
      <c r="AA7907" s="145"/>
      <c r="AB7907" s="145"/>
      <c r="AC7907" s="145"/>
      <c r="AD7907" s="145"/>
      <c r="AE7907" s="145"/>
      <c r="AF7907" s="145"/>
      <c r="AG7907" s="145"/>
      <c r="AH7907" s="145"/>
      <c r="AI7907" s="145"/>
      <c r="AJ7907" s="145"/>
      <c r="AK7907" s="145"/>
      <c r="AL7907" s="145"/>
      <c r="AM7907" s="145"/>
      <c r="AN7907" s="145"/>
      <c r="AO7907" s="145"/>
      <c r="AP7907" s="145"/>
      <c r="AQ7907" s="145"/>
      <c r="AR7907" s="145"/>
      <c r="AS7907" s="145"/>
      <c r="AT7907" s="145"/>
      <c r="AU7907" s="145"/>
      <c r="AV7907" s="145"/>
      <c r="AW7907" s="145"/>
      <c r="AX7907" s="146"/>
      <c r="AY7907" s="146"/>
      <c r="AZ7907" s="146"/>
      <c r="BA7907" s="146"/>
      <c r="BB7907" s="221">
        <v>45884</v>
      </c>
    </row>
    <row r="7908" spans="1:54" s="238" customFormat="1" ht="13.95" customHeight="1" x14ac:dyDescent="0.25">
      <c r="A7908" s="256" t="s">
        <v>18932</v>
      </c>
      <c r="B7908" s="96" t="s">
        <v>20414</v>
      </c>
      <c r="C7908" s="267" t="s">
        <v>18933</v>
      </c>
      <c r="D7908" s="267" t="s">
        <v>18934</v>
      </c>
      <c r="E7908" s="268">
        <v>1973</v>
      </c>
      <c r="F7908" s="268">
        <v>4677</v>
      </c>
      <c r="G7908" s="267" t="s">
        <v>1</v>
      </c>
      <c r="H7908" s="268">
        <v>1</v>
      </c>
      <c r="I7908" s="268">
        <v>0</v>
      </c>
      <c r="J7908" s="268">
        <v>1</v>
      </c>
      <c r="K7908" s="268">
        <v>0</v>
      </c>
      <c r="L7908" s="268">
        <v>0</v>
      </c>
      <c r="M7908" s="268">
        <v>0</v>
      </c>
      <c r="N7908" s="268">
        <v>0</v>
      </c>
      <c r="O7908" s="268">
        <v>1</v>
      </c>
      <c r="P7908" s="268">
        <v>1</v>
      </c>
      <c r="Q7908" s="268">
        <v>1</v>
      </c>
      <c r="R7908" s="268">
        <v>1</v>
      </c>
      <c r="S7908" s="268">
        <v>0</v>
      </c>
      <c r="T7908" s="268">
        <v>0</v>
      </c>
      <c r="U7908" s="145"/>
      <c r="V7908" s="145"/>
      <c r="W7908" s="145"/>
      <c r="X7908" s="145"/>
      <c r="Y7908" s="145"/>
      <c r="Z7908" s="145"/>
      <c r="AA7908" s="268">
        <v>1</v>
      </c>
      <c r="AB7908" s="145"/>
      <c r="AC7908" s="145"/>
      <c r="AD7908" s="145"/>
      <c r="AE7908" s="145"/>
      <c r="AF7908" s="145"/>
      <c r="AG7908" s="145"/>
      <c r="AH7908" s="145"/>
      <c r="AI7908" s="145"/>
      <c r="AJ7908" s="145"/>
      <c r="AK7908" s="145"/>
      <c r="AL7908" s="145"/>
      <c r="AM7908" s="145"/>
      <c r="AN7908" s="145"/>
      <c r="AO7908" s="145"/>
      <c r="AP7908" s="145"/>
      <c r="AQ7908" s="145"/>
      <c r="AR7908" s="145"/>
      <c r="AS7908" s="145"/>
      <c r="AT7908" s="145"/>
      <c r="AU7908" s="145"/>
      <c r="AV7908" s="145"/>
      <c r="AW7908" s="145"/>
      <c r="AX7908" s="146"/>
      <c r="AY7908" s="146"/>
      <c r="AZ7908" s="146"/>
      <c r="BA7908" s="270" t="s">
        <v>19489</v>
      </c>
      <c r="BB7908" s="221">
        <v>45884</v>
      </c>
    </row>
    <row r="7909" spans="1:54" s="238" customFormat="1" ht="13.95" customHeight="1" x14ac:dyDescent="0.25">
      <c r="A7909" s="256" t="s">
        <v>18935</v>
      </c>
      <c r="B7909" s="96" t="s">
        <v>20414</v>
      </c>
      <c r="C7909" s="267" t="s">
        <v>18936</v>
      </c>
      <c r="D7909" s="267" t="s">
        <v>18937</v>
      </c>
      <c r="E7909" s="268" t="s">
        <v>174</v>
      </c>
      <c r="F7909" s="268">
        <v>4851</v>
      </c>
      <c r="G7909" s="267" t="s">
        <v>1</v>
      </c>
      <c r="H7909" s="268">
        <v>1</v>
      </c>
      <c r="I7909" s="268">
        <v>1</v>
      </c>
      <c r="J7909" s="268">
        <v>1</v>
      </c>
      <c r="K7909" s="268">
        <v>0</v>
      </c>
      <c r="L7909" s="268">
        <v>0</v>
      </c>
      <c r="M7909" s="268">
        <v>0</v>
      </c>
      <c r="N7909" s="268">
        <v>0</v>
      </c>
      <c r="O7909" s="268">
        <v>0</v>
      </c>
      <c r="P7909" s="268">
        <v>0</v>
      </c>
      <c r="Q7909" s="268">
        <v>0</v>
      </c>
      <c r="R7909" s="268">
        <v>0</v>
      </c>
      <c r="S7909" s="268">
        <v>0</v>
      </c>
      <c r="T7909" s="268">
        <v>0</v>
      </c>
      <c r="U7909" s="145"/>
      <c r="V7909" s="145"/>
      <c r="W7909" s="145"/>
      <c r="X7909" s="145"/>
      <c r="Y7909" s="145"/>
      <c r="Z7909" s="145"/>
      <c r="AA7909" s="145"/>
      <c r="AB7909" s="145"/>
      <c r="AC7909" s="145"/>
      <c r="AD7909" s="145"/>
      <c r="AE7909" s="145"/>
      <c r="AF7909" s="145"/>
      <c r="AG7909" s="145"/>
      <c r="AH7909" s="145"/>
      <c r="AI7909" s="145"/>
      <c r="AJ7909" s="145"/>
      <c r="AK7909" s="145"/>
      <c r="AL7909" s="145"/>
      <c r="AM7909" s="145"/>
      <c r="AN7909" s="145"/>
      <c r="AO7909" s="145"/>
      <c r="AP7909" s="145"/>
      <c r="AQ7909" s="145"/>
      <c r="AR7909" s="145"/>
      <c r="AS7909" s="145"/>
      <c r="AT7909" s="145"/>
      <c r="AU7909" s="145"/>
      <c r="AV7909" s="145"/>
      <c r="AW7909" s="145"/>
      <c r="AX7909" s="146"/>
      <c r="AY7909" s="146"/>
      <c r="AZ7909" s="146"/>
      <c r="BA7909" s="146"/>
      <c r="BB7909" s="221">
        <v>45884</v>
      </c>
    </row>
    <row r="7910" spans="1:54" s="238" customFormat="1" ht="13.95" customHeight="1" x14ac:dyDescent="0.25">
      <c r="A7910" s="256" t="s">
        <v>18938</v>
      </c>
      <c r="B7910" s="96" t="s">
        <v>20414</v>
      </c>
      <c r="C7910" s="267" t="s">
        <v>18939</v>
      </c>
      <c r="D7910" s="267" t="s">
        <v>18940</v>
      </c>
      <c r="E7910" s="268">
        <v>1971</v>
      </c>
      <c r="F7910" s="268">
        <v>4940</v>
      </c>
      <c r="G7910" s="267" t="s">
        <v>1</v>
      </c>
      <c r="H7910" s="268">
        <v>1</v>
      </c>
      <c r="I7910" s="268">
        <v>0</v>
      </c>
      <c r="J7910" s="268">
        <v>1</v>
      </c>
      <c r="K7910" s="268">
        <v>0</v>
      </c>
      <c r="L7910" s="268">
        <v>1</v>
      </c>
      <c r="M7910" s="268">
        <v>0</v>
      </c>
      <c r="N7910" s="268">
        <v>0</v>
      </c>
      <c r="O7910" s="268">
        <v>1</v>
      </c>
      <c r="P7910" s="268">
        <v>1</v>
      </c>
      <c r="Q7910" s="268">
        <v>0</v>
      </c>
      <c r="R7910" s="268">
        <v>1</v>
      </c>
      <c r="S7910" s="268">
        <v>1</v>
      </c>
      <c r="T7910" s="268">
        <v>0</v>
      </c>
      <c r="U7910" s="145"/>
      <c r="V7910" s="145"/>
      <c r="W7910" s="145"/>
      <c r="X7910" s="145"/>
      <c r="Y7910" s="145"/>
      <c r="Z7910" s="145"/>
      <c r="AA7910" s="145"/>
      <c r="AB7910" s="145"/>
      <c r="AC7910" s="145"/>
      <c r="AD7910" s="145"/>
      <c r="AE7910" s="145"/>
      <c r="AF7910" s="145"/>
      <c r="AG7910" s="145"/>
      <c r="AH7910" s="145"/>
      <c r="AI7910" s="145"/>
      <c r="AJ7910" s="145"/>
      <c r="AK7910" s="145"/>
      <c r="AL7910" s="145"/>
      <c r="AM7910" s="145"/>
      <c r="AN7910" s="145"/>
      <c r="AO7910" s="145"/>
      <c r="AP7910" s="145"/>
      <c r="AQ7910" s="145"/>
      <c r="AR7910" s="145"/>
      <c r="AS7910" s="145"/>
      <c r="AT7910" s="145"/>
      <c r="AU7910" s="145"/>
      <c r="AV7910" s="145"/>
      <c r="AW7910" s="145"/>
      <c r="AX7910" s="146"/>
      <c r="AY7910" s="146"/>
      <c r="AZ7910" s="146"/>
      <c r="BA7910" s="270" t="s">
        <v>18941</v>
      </c>
      <c r="BB7910" s="221">
        <v>45884</v>
      </c>
    </row>
    <row r="7911" spans="1:54" s="238" customFormat="1" ht="13.95" customHeight="1" x14ac:dyDescent="0.25">
      <c r="A7911" s="256" t="s">
        <v>18942</v>
      </c>
      <c r="B7911" s="96" t="s">
        <v>20414</v>
      </c>
      <c r="C7911" s="267" t="s">
        <v>18943</v>
      </c>
      <c r="D7911" s="267" t="s">
        <v>18944</v>
      </c>
      <c r="E7911" s="268">
        <v>1994</v>
      </c>
      <c r="F7911" s="268">
        <v>5122</v>
      </c>
      <c r="G7911" s="267" t="s">
        <v>1</v>
      </c>
      <c r="H7911" s="268">
        <v>0</v>
      </c>
      <c r="I7911" s="268">
        <v>0</v>
      </c>
      <c r="J7911" s="268">
        <v>1</v>
      </c>
      <c r="K7911" s="268">
        <v>0</v>
      </c>
      <c r="L7911" s="268">
        <v>1</v>
      </c>
      <c r="M7911" s="268">
        <v>0</v>
      </c>
      <c r="N7911" s="268">
        <v>0</v>
      </c>
      <c r="O7911" s="268">
        <v>1</v>
      </c>
      <c r="P7911" s="268">
        <v>0</v>
      </c>
      <c r="Q7911" s="268">
        <v>0</v>
      </c>
      <c r="R7911" s="268">
        <v>0</v>
      </c>
      <c r="S7911" s="268">
        <v>0</v>
      </c>
      <c r="T7911" s="268">
        <v>0</v>
      </c>
      <c r="U7911" s="145"/>
      <c r="V7911" s="145"/>
      <c r="W7911" s="145"/>
      <c r="X7911" s="145"/>
      <c r="Y7911" s="145"/>
      <c r="Z7911" s="145"/>
      <c r="AA7911" s="145"/>
      <c r="AB7911" s="145"/>
      <c r="AC7911" s="145"/>
      <c r="AD7911" s="145"/>
      <c r="AE7911" s="145"/>
      <c r="AF7911" s="145"/>
      <c r="AG7911" s="145"/>
      <c r="AH7911" s="145"/>
      <c r="AI7911" s="145"/>
      <c r="AJ7911" s="145"/>
      <c r="AK7911" s="145"/>
      <c r="AL7911" s="145"/>
      <c r="AM7911" s="145"/>
      <c r="AN7911" s="145"/>
      <c r="AO7911" s="145"/>
      <c r="AP7911" s="145"/>
      <c r="AQ7911" s="145"/>
      <c r="AR7911" s="145"/>
      <c r="AS7911" s="145"/>
      <c r="AT7911" s="145"/>
      <c r="AU7911" s="145"/>
      <c r="AV7911" s="145"/>
      <c r="AW7911" s="145"/>
      <c r="AX7911" s="146"/>
      <c r="AY7911" s="146"/>
      <c r="AZ7911" s="146"/>
      <c r="BA7911" s="146"/>
      <c r="BB7911" s="221">
        <v>45884</v>
      </c>
    </row>
    <row r="7912" spans="1:54" s="238" customFormat="1" ht="13.95" customHeight="1" x14ac:dyDescent="0.25">
      <c r="A7912" s="256" t="s">
        <v>18945</v>
      </c>
      <c r="B7912" s="96" t="s">
        <v>20414</v>
      </c>
      <c r="C7912" s="267" t="s">
        <v>18946</v>
      </c>
      <c r="D7912" s="267" t="s">
        <v>18947</v>
      </c>
      <c r="E7912" s="268">
        <v>1994</v>
      </c>
      <c r="F7912" s="268">
        <v>5222</v>
      </c>
      <c r="G7912" s="267" t="s">
        <v>1</v>
      </c>
      <c r="H7912" s="268">
        <v>0</v>
      </c>
      <c r="I7912" s="268">
        <v>0</v>
      </c>
      <c r="J7912" s="268">
        <v>1</v>
      </c>
      <c r="K7912" s="268">
        <v>0</v>
      </c>
      <c r="L7912" s="268">
        <v>0</v>
      </c>
      <c r="M7912" s="268">
        <v>0</v>
      </c>
      <c r="N7912" s="268">
        <v>1</v>
      </c>
      <c r="O7912" s="268">
        <v>0</v>
      </c>
      <c r="P7912" s="268">
        <v>0</v>
      </c>
      <c r="Q7912" s="268">
        <v>0</v>
      </c>
      <c r="R7912" s="268">
        <v>0</v>
      </c>
      <c r="S7912" s="268">
        <v>0</v>
      </c>
      <c r="T7912" s="268">
        <v>0</v>
      </c>
      <c r="U7912" s="145"/>
      <c r="V7912" s="145"/>
      <c r="W7912" s="145"/>
      <c r="X7912" s="145"/>
      <c r="Y7912" s="145"/>
      <c r="Z7912" s="145"/>
      <c r="AA7912" s="268">
        <v>1</v>
      </c>
      <c r="AB7912" s="145"/>
      <c r="AC7912" s="145"/>
      <c r="AD7912" s="145"/>
      <c r="AE7912" s="145"/>
      <c r="AF7912" s="145"/>
      <c r="AG7912" s="145"/>
      <c r="AH7912" s="145"/>
      <c r="AI7912" s="145"/>
      <c r="AJ7912" s="145"/>
      <c r="AK7912" s="145"/>
      <c r="AL7912" s="145"/>
      <c r="AM7912" s="145"/>
      <c r="AN7912" s="145"/>
      <c r="AO7912" s="145"/>
      <c r="AP7912" s="145"/>
      <c r="AQ7912" s="145"/>
      <c r="AR7912" s="145"/>
      <c r="AS7912" s="145"/>
      <c r="AT7912" s="145"/>
      <c r="AU7912" s="145"/>
      <c r="AV7912" s="145"/>
      <c r="AW7912" s="145"/>
      <c r="AX7912" s="146"/>
      <c r="AY7912" s="146"/>
      <c r="AZ7912" s="146"/>
      <c r="BA7912" s="146"/>
      <c r="BB7912" s="221">
        <v>45884</v>
      </c>
    </row>
    <row r="7913" spans="1:54" s="238" customFormat="1" ht="13.95" customHeight="1" x14ac:dyDescent="0.25">
      <c r="A7913" s="256" t="s">
        <v>18948</v>
      </c>
      <c r="B7913" s="96" t="s">
        <v>20414</v>
      </c>
      <c r="C7913" s="267" t="s">
        <v>18949</v>
      </c>
      <c r="D7913" s="267" t="s">
        <v>18950</v>
      </c>
      <c r="E7913" s="268">
        <v>1994</v>
      </c>
      <c r="F7913" s="268">
        <v>5280</v>
      </c>
      <c r="G7913" s="267" t="s">
        <v>1</v>
      </c>
      <c r="H7913" s="268">
        <v>1</v>
      </c>
      <c r="I7913" s="268">
        <v>0</v>
      </c>
      <c r="J7913" s="268">
        <v>1</v>
      </c>
      <c r="K7913" s="268">
        <v>0</v>
      </c>
      <c r="L7913" s="268">
        <v>0</v>
      </c>
      <c r="M7913" s="268">
        <v>0</v>
      </c>
      <c r="N7913" s="268">
        <v>0</v>
      </c>
      <c r="O7913" s="268">
        <v>0</v>
      </c>
      <c r="P7913" s="268">
        <v>0</v>
      </c>
      <c r="Q7913" s="268">
        <v>0</v>
      </c>
      <c r="R7913" s="268">
        <v>0</v>
      </c>
      <c r="S7913" s="268">
        <v>0</v>
      </c>
      <c r="T7913" s="268">
        <v>0</v>
      </c>
      <c r="U7913" s="145"/>
      <c r="V7913" s="145"/>
      <c r="W7913" s="145"/>
      <c r="X7913" s="145"/>
      <c r="Y7913" s="145"/>
      <c r="Z7913" s="145"/>
      <c r="AA7913" s="145"/>
      <c r="AB7913" s="145"/>
      <c r="AC7913" s="145"/>
      <c r="AD7913" s="145"/>
      <c r="AE7913" s="145"/>
      <c r="AF7913" s="145"/>
      <c r="AG7913" s="145"/>
      <c r="AH7913" s="145"/>
      <c r="AI7913" s="145"/>
      <c r="AJ7913" s="145"/>
      <c r="AK7913" s="145"/>
      <c r="AL7913" s="145"/>
      <c r="AM7913" s="145"/>
      <c r="AN7913" s="145"/>
      <c r="AO7913" s="145"/>
      <c r="AP7913" s="145"/>
      <c r="AQ7913" s="145"/>
      <c r="AR7913" s="145"/>
      <c r="AS7913" s="145"/>
      <c r="AT7913" s="145"/>
      <c r="AU7913" s="145"/>
      <c r="AV7913" s="145"/>
      <c r="AW7913" s="145"/>
      <c r="AX7913" s="146"/>
      <c r="AY7913" s="146"/>
      <c r="AZ7913" s="146"/>
      <c r="BA7913" s="146"/>
      <c r="BB7913" s="221">
        <v>45884</v>
      </c>
    </row>
    <row r="7914" spans="1:54" s="238" customFormat="1" ht="13.95" customHeight="1" x14ac:dyDescent="0.25">
      <c r="A7914" s="256" t="s">
        <v>18951</v>
      </c>
      <c r="B7914" s="96" t="s">
        <v>20414</v>
      </c>
      <c r="C7914" s="267" t="s">
        <v>18952</v>
      </c>
      <c r="D7914" s="267" t="s">
        <v>18953</v>
      </c>
      <c r="E7914" s="268">
        <v>1991</v>
      </c>
      <c r="F7914" s="268">
        <v>8934</v>
      </c>
      <c r="G7914" s="267" t="s">
        <v>1</v>
      </c>
      <c r="H7914" s="268">
        <v>1</v>
      </c>
      <c r="I7914" s="268">
        <v>0</v>
      </c>
      <c r="J7914" s="268">
        <v>1</v>
      </c>
      <c r="K7914" s="268">
        <v>0</v>
      </c>
      <c r="L7914" s="268">
        <v>0</v>
      </c>
      <c r="M7914" s="268">
        <v>0</v>
      </c>
      <c r="N7914" s="268">
        <v>0</v>
      </c>
      <c r="O7914" s="268">
        <v>0</v>
      </c>
      <c r="P7914" s="268">
        <v>0</v>
      </c>
      <c r="Q7914" s="268">
        <v>0</v>
      </c>
      <c r="R7914" s="268">
        <v>0</v>
      </c>
      <c r="S7914" s="268">
        <v>0</v>
      </c>
      <c r="T7914" s="268">
        <v>0</v>
      </c>
      <c r="U7914" s="145"/>
      <c r="V7914" s="145"/>
      <c r="W7914" s="145"/>
      <c r="X7914" s="145"/>
      <c r="Y7914" s="145"/>
      <c r="Z7914" s="145"/>
      <c r="AA7914" s="145"/>
      <c r="AB7914" s="145"/>
      <c r="AC7914" s="145"/>
      <c r="AD7914" s="145"/>
      <c r="AE7914" s="145"/>
      <c r="AF7914" s="145"/>
      <c r="AG7914" s="145"/>
      <c r="AH7914" s="145"/>
      <c r="AI7914" s="145"/>
      <c r="AJ7914" s="145"/>
      <c r="AK7914" s="145"/>
      <c r="AL7914" s="145"/>
      <c r="AM7914" s="145"/>
      <c r="AN7914" s="145"/>
      <c r="AO7914" s="145"/>
      <c r="AP7914" s="145"/>
      <c r="AQ7914" s="145"/>
      <c r="AR7914" s="145"/>
      <c r="AS7914" s="145"/>
      <c r="AT7914" s="145"/>
      <c r="AU7914" s="145"/>
      <c r="AV7914" s="145"/>
      <c r="AW7914" s="145"/>
      <c r="AX7914" s="270" t="s">
        <v>18954</v>
      </c>
      <c r="AY7914" s="270" t="s">
        <v>18955</v>
      </c>
      <c r="AZ7914" s="146"/>
      <c r="BA7914" s="146"/>
      <c r="BB7914" s="221">
        <v>45884</v>
      </c>
    </row>
    <row r="7915" spans="1:54" s="238" customFormat="1" ht="13.95" customHeight="1" x14ac:dyDescent="0.25">
      <c r="A7915" s="256" t="s">
        <v>18956</v>
      </c>
      <c r="B7915" s="96" t="s">
        <v>20414</v>
      </c>
      <c r="C7915" s="267" t="s">
        <v>18957</v>
      </c>
      <c r="D7915" s="267" t="s">
        <v>18958</v>
      </c>
      <c r="E7915" s="268">
        <v>2002</v>
      </c>
      <c r="F7915" s="268">
        <v>9987</v>
      </c>
      <c r="G7915" s="267" t="s">
        <v>1</v>
      </c>
      <c r="H7915" s="268">
        <v>1</v>
      </c>
      <c r="I7915" s="268">
        <v>1</v>
      </c>
      <c r="J7915" s="268">
        <v>1</v>
      </c>
      <c r="K7915" s="268">
        <v>0</v>
      </c>
      <c r="L7915" s="268">
        <v>0</v>
      </c>
      <c r="M7915" s="268">
        <v>0</v>
      </c>
      <c r="N7915" s="268">
        <v>0</v>
      </c>
      <c r="O7915" s="268">
        <v>0</v>
      </c>
      <c r="P7915" s="268">
        <v>0</v>
      </c>
      <c r="Q7915" s="268">
        <v>0</v>
      </c>
      <c r="R7915" s="268">
        <v>0</v>
      </c>
      <c r="S7915" s="268">
        <v>0</v>
      </c>
      <c r="T7915" s="268">
        <v>0</v>
      </c>
      <c r="U7915" s="145"/>
      <c r="V7915" s="145"/>
      <c r="W7915" s="145"/>
      <c r="X7915" s="145"/>
      <c r="Y7915" s="145"/>
      <c r="Z7915" s="145"/>
      <c r="AA7915" s="145"/>
      <c r="AB7915" s="145"/>
      <c r="AC7915" s="145"/>
      <c r="AD7915" s="145"/>
      <c r="AE7915" s="145"/>
      <c r="AF7915" s="145"/>
      <c r="AG7915" s="145"/>
      <c r="AH7915" s="145"/>
      <c r="AI7915" s="145"/>
      <c r="AJ7915" s="145"/>
      <c r="AK7915" s="145"/>
      <c r="AL7915" s="145"/>
      <c r="AM7915" s="145"/>
      <c r="AN7915" s="145"/>
      <c r="AO7915" s="145"/>
      <c r="AP7915" s="145"/>
      <c r="AQ7915" s="145"/>
      <c r="AR7915" s="145"/>
      <c r="AS7915" s="145"/>
      <c r="AT7915" s="145"/>
      <c r="AU7915" s="145"/>
      <c r="AV7915" s="145"/>
      <c r="AW7915" s="145"/>
      <c r="AX7915" s="270" t="s">
        <v>18954</v>
      </c>
      <c r="AY7915" s="270" t="s">
        <v>18959</v>
      </c>
      <c r="AZ7915" s="146"/>
      <c r="BA7915" s="146"/>
      <c r="BB7915" s="221">
        <v>45884</v>
      </c>
    </row>
    <row r="7916" spans="1:54" s="238" customFormat="1" ht="13.95" customHeight="1" x14ac:dyDescent="0.25">
      <c r="A7916" s="256" t="s">
        <v>18960</v>
      </c>
      <c r="B7916" s="96" t="s">
        <v>20414</v>
      </c>
      <c r="C7916" s="267" t="s">
        <v>18961</v>
      </c>
      <c r="D7916" s="267" t="s">
        <v>18962</v>
      </c>
      <c r="E7916" s="268">
        <v>2015</v>
      </c>
      <c r="F7916" s="268">
        <v>57056</v>
      </c>
      <c r="G7916" s="267" t="s">
        <v>10</v>
      </c>
      <c r="H7916" s="268">
        <v>1</v>
      </c>
      <c r="I7916" s="268">
        <v>1</v>
      </c>
      <c r="J7916" s="268">
        <v>1</v>
      </c>
      <c r="K7916" s="268">
        <v>0</v>
      </c>
      <c r="L7916" s="268">
        <v>1</v>
      </c>
      <c r="M7916" s="268">
        <v>1</v>
      </c>
      <c r="N7916" s="268">
        <v>0</v>
      </c>
      <c r="O7916" s="268">
        <v>0</v>
      </c>
      <c r="P7916" s="268">
        <v>1</v>
      </c>
      <c r="Q7916" s="268">
        <v>0</v>
      </c>
      <c r="R7916" s="268">
        <v>0</v>
      </c>
      <c r="S7916" s="268">
        <v>0</v>
      </c>
      <c r="T7916" s="268">
        <v>0</v>
      </c>
      <c r="U7916" s="268">
        <v>0</v>
      </c>
      <c r="V7916" s="268">
        <v>1</v>
      </c>
      <c r="W7916" s="268">
        <v>1</v>
      </c>
      <c r="X7916" s="268">
        <v>0</v>
      </c>
      <c r="Y7916" s="268">
        <v>0</v>
      </c>
      <c r="Z7916" s="268">
        <v>0</v>
      </c>
      <c r="AA7916" s="268">
        <v>0</v>
      </c>
      <c r="AB7916" s="268">
        <v>0</v>
      </c>
      <c r="AC7916" s="268">
        <v>0</v>
      </c>
      <c r="AD7916" s="268">
        <v>0</v>
      </c>
      <c r="AE7916" s="268">
        <v>0</v>
      </c>
      <c r="AF7916" s="268">
        <v>0</v>
      </c>
      <c r="AG7916" s="268">
        <v>0</v>
      </c>
      <c r="AH7916" s="268">
        <v>0</v>
      </c>
      <c r="AI7916" s="268">
        <v>0</v>
      </c>
      <c r="AJ7916" s="268">
        <v>0</v>
      </c>
      <c r="AK7916" s="268">
        <v>0</v>
      </c>
      <c r="AL7916" s="268">
        <v>0</v>
      </c>
      <c r="AM7916" s="268">
        <v>0</v>
      </c>
      <c r="AN7916" s="268">
        <v>0</v>
      </c>
      <c r="AO7916" s="268">
        <v>1</v>
      </c>
      <c r="AP7916" s="268">
        <v>0</v>
      </c>
      <c r="AQ7916" s="268">
        <v>0</v>
      </c>
      <c r="AR7916" s="268">
        <v>0</v>
      </c>
      <c r="AS7916" s="268">
        <v>1</v>
      </c>
      <c r="AT7916" s="268" t="s">
        <v>174</v>
      </c>
      <c r="AU7916" s="268">
        <v>1</v>
      </c>
      <c r="AV7916" s="268">
        <v>0</v>
      </c>
      <c r="AW7916" s="268">
        <v>1</v>
      </c>
      <c r="AX7916" s="270" t="s">
        <v>18954</v>
      </c>
      <c r="AY7916" s="270" t="s">
        <v>18963</v>
      </c>
      <c r="AZ7916" s="270"/>
      <c r="BA7916" s="270" t="s">
        <v>18964</v>
      </c>
      <c r="BB7916" s="221">
        <v>45884</v>
      </c>
    </row>
    <row r="7917" spans="1:54" s="238" customFormat="1" ht="13.95" customHeight="1" x14ac:dyDescent="0.25">
      <c r="A7917" s="256" t="s">
        <v>18965</v>
      </c>
      <c r="B7917" s="96" t="s">
        <v>20414</v>
      </c>
      <c r="C7917" s="267" t="s">
        <v>18966</v>
      </c>
      <c r="D7917" s="267" t="s">
        <v>18967</v>
      </c>
      <c r="E7917" s="268">
        <v>1997</v>
      </c>
      <c r="F7917" s="268">
        <v>770</v>
      </c>
      <c r="G7917" s="267" t="s">
        <v>12</v>
      </c>
      <c r="H7917" s="268">
        <v>0</v>
      </c>
      <c r="I7917" s="268">
        <v>0</v>
      </c>
      <c r="J7917" s="268">
        <v>0</v>
      </c>
      <c r="K7917" s="268">
        <v>1</v>
      </c>
      <c r="L7917" s="268">
        <v>1</v>
      </c>
      <c r="M7917" s="268">
        <v>0</v>
      </c>
      <c r="N7917" s="268">
        <v>0</v>
      </c>
      <c r="O7917" s="268">
        <v>0</v>
      </c>
      <c r="P7917" s="268">
        <v>1</v>
      </c>
      <c r="Q7917" s="268">
        <v>0</v>
      </c>
      <c r="R7917" s="268">
        <v>0</v>
      </c>
      <c r="S7917" s="268">
        <v>0</v>
      </c>
      <c r="T7917" s="268">
        <v>0</v>
      </c>
      <c r="U7917" s="145"/>
      <c r="V7917" s="145"/>
      <c r="W7917" s="145"/>
      <c r="X7917" s="145"/>
      <c r="Y7917" s="145"/>
      <c r="Z7917" s="145"/>
      <c r="AA7917" s="145"/>
      <c r="AB7917" s="145"/>
      <c r="AC7917" s="145"/>
      <c r="AD7917" s="145"/>
      <c r="AE7917" s="145"/>
      <c r="AF7917" s="145"/>
      <c r="AG7917" s="145"/>
      <c r="AH7917" s="145"/>
      <c r="AI7917" s="145"/>
      <c r="AJ7917" s="145"/>
      <c r="AK7917" s="145"/>
      <c r="AL7917" s="145"/>
      <c r="AM7917" s="145"/>
      <c r="AN7917" s="145"/>
      <c r="AO7917" s="145"/>
      <c r="AP7917" s="145"/>
      <c r="AQ7917" s="145"/>
      <c r="AR7917" s="145"/>
      <c r="AS7917" s="145"/>
      <c r="AT7917" s="145"/>
      <c r="AU7917" s="145"/>
      <c r="AV7917" s="145"/>
      <c r="AW7917" s="145"/>
      <c r="AX7917" s="146"/>
      <c r="AY7917" s="146"/>
      <c r="AZ7917" s="146"/>
      <c r="BA7917" s="146"/>
      <c r="BB7917" s="221">
        <v>45884</v>
      </c>
    </row>
    <row r="7918" spans="1:54" s="238" customFormat="1" ht="13.95" customHeight="1" x14ac:dyDescent="0.25">
      <c r="A7918" s="256" t="s">
        <v>18968</v>
      </c>
      <c r="B7918" s="96" t="s">
        <v>20414</v>
      </c>
      <c r="C7918" s="267" t="s">
        <v>18969</v>
      </c>
      <c r="D7918" s="267" t="s">
        <v>18970</v>
      </c>
      <c r="E7918" s="268">
        <v>1994</v>
      </c>
      <c r="F7918" s="268">
        <v>601</v>
      </c>
      <c r="G7918" s="267" t="s">
        <v>12</v>
      </c>
      <c r="H7918" s="268">
        <v>0</v>
      </c>
      <c r="I7918" s="268">
        <v>0</v>
      </c>
      <c r="J7918" s="268">
        <v>1</v>
      </c>
      <c r="K7918" s="268">
        <v>1</v>
      </c>
      <c r="L7918" s="268">
        <v>1</v>
      </c>
      <c r="M7918" s="268">
        <v>0</v>
      </c>
      <c r="N7918" s="268">
        <v>0</v>
      </c>
      <c r="O7918" s="268">
        <v>1</v>
      </c>
      <c r="P7918" s="268">
        <v>0</v>
      </c>
      <c r="Q7918" s="268">
        <v>0</v>
      </c>
      <c r="R7918" s="268">
        <v>0</v>
      </c>
      <c r="S7918" s="268">
        <v>0</v>
      </c>
      <c r="T7918" s="268">
        <v>0</v>
      </c>
      <c r="U7918" s="145"/>
      <c r="V7918" s="145"/>
      <c r="W7918" s="145"/>
      <c r="X7918" s="145"/>
      <c r="Y7918" s="145"/>
      <c r="Z7918" s="145"/>
      <c r="AA7918" s="145"/>
      <c r="AB7918" s="145"/>
      <c r="AC7918" s="145"/>
      <c r="AD7918" s="145"/>
      <c r="AE7918" s="145"/>
      <c r="AF7918" s="145"/>
      <c r="AG7918" s="145"/>
      <c r="AH7918" s="145"/>
      <c r="AI7918" s="145"/>
      <c r="AJ7918" s="145"/>
      <c r="AK7918" s="145"/>
      <c r="AL7918" s="145"/>
      <c r="AM7918" s="145"/>
      <c r="AN7918" s="145"/>
      <c r="AO7918" s="145"/>
      <c r="AP7918" s="145"/>
      <c r="AQ7918" s="145"/>
      <c r="AR7918" s="145"/>
      <c r="AS7918" s="145"/>
      <c r="AT7918" s="145"/>
      <c r="AU7918" s="145"/>
      <c r="AV7918" s="145"/>
      <c r="AW7918" s="145"/>
      <c r="AX7918" s="146"/>
      <c r="AY7918" s="146"/>
      <c r="AZ7918" s="146"/>
      <c r="BA7918" s="146"/>
      <c r="BB7918" s="221">
        <v>45884</v>
      </c>
    </row>
    <row r="7919" spans="1:54" s="238" customFormat="1" ht="13.95" customHeight="1" x14ac:dyDescent="0.25">
      <c r="A7919" s="256" t="s">
        <v>18971</v>
      </c>
      <c r="B7919" s="96" t="s">
        <v>20414</v>
      </c>
      <c r="C7919" s="267" t="s">
        <v>18972</v>
      </c>
      <c r="D7919" s="267" t="s">
        <v>18973</v>
      </c>
      <c r="E7919" s="268">
        <v>1994</v>
      </c>
      <c r="F7919" s="268">
        <v>658</v>
      </c>
      <c r="G7919" s="267" t="s">
        <v>12</v>
      </c>
      <c r="H7919" s="268">
        <v>0</v>
      </c>
      <c r="I7919" s="268">
        <v>0</v>
      </c>
      <c r="J7919" s="268">
        <v>0</v>
      </c>
      <c r="K7919" s="268">
        <v>1</v>
      </c>
      <c r="L7919" s="268">
        <v>1</v>
      </c>
      <c r="M7919" s="268">
        <v>0</v>
      </c>
      <c r="N7919" s="268">
        <v>0</v>
      </c>
      <c r="O7919" s="268">
        <v>1</v>
      </c>
      <c r="P7919" s="268">
        <v>0</v>
      </c>
      <c r="Q7919" s="268">
        <v>1</v>
      </c>
      <c r="R7919" s="268">
        <v>0</v>
      </c>
      <c r="S7919" s="268">
        <v>0</v>
      </c>
      <c r="T7919" s="268">
        <v>0</v>
      </c>
      <c r="U7919" s="145"/>
      <c r="V7919" s="145"/>
      <c r="W7919" s="145"/>
      <c r="X7919" s="145"/>
      <c r="Y7919" s="145"/>
      <c r="Z7919" s="145"/>
      <c r="AA7919" s="145"/>
      <c r="AB7919" s="145"/>
      <c r="AC7919" s="145"/>
      <c r="AD7919" s="145"/>
      <c r="AE7919" s="145"/>
      <c r="AF7919" s="145"/>
      <c r="AG7919" s="145"/>
      <c r="AH7919" s="145"/>
      <c r="AI7919" s="145"/>
      <c r="AJ7919" s="145"/>
      <c r="AK7919" s="145"/>
      <c r="AL7919" s="145"/>
      <c r="AM7919" s="145"/>
      <c r="AN7919" s="145"/>
      <c r="AO7919" s="145"/>
      <c r="AP7919" s="145"/>
      <c r="AQ7919" s="145"/>
      <c r="AR7919" s="145"/>
      <c r="AS7919" s="145"/>
      <c r="AT7919" s="145"/>
      <c r="AU7919" s="145"/>
      <c r="AV7919" s="145"/>
      <c r="AW7919" s="145"/>
      <c r="AX7919" s="146"/>
      <c r="AY7919" s="146"/>
      <c r="AZ7919" s="146"/>
      <c r="BA7919" s="146"/>
      <c r="BB7919" s="221">
        <v>45884</v>
      </c>
    </row>
    <row r="7920" spans="1:54" s="238" customFormat="1" ht="13.95" customHeight="1" x14ac:dyDescent="0.25">
      <c r="A7920" s="256" t="s">
        <v>18974</v>
      </c>
      <c r="B7920" s="96" t="s">
        <v>20414</v>
      </c>
      <c r="C7920" s="267" t="s">
        <v>18975</v>
      </c>
      <c r="D7920" s="267" t="s">
        <v>18976</v>
      </c>
      <c r="E7920" s="268">
        <v>1994</v>
      </c>
      <c r="F7920" s="268">
        <v>599</v>
      </c>
      <c r="G7920" s="267" t="s">
        <v>12</v>
      </c>
      <c r="H7920" s="268">
        <v>0</v>
      </c>
      <c r="I7920" s="268">
        <v>0</v>
      </c>
      <c r="J7920" s="268">
        <v>0</v>
      </c>
      <c r="K7920" s="268">
        <v>1</v>
      </c>
      <c r="L7920" s="268">
        <v>1</v>
      </c>
      <c r="M7920" s="268">
        <v>0</v>
      </c>
      <c r="N7920" s="268">
        <v>0</v>
      </c>
      <c r="O7920" s="268">
        <v>0</v>
      </c>
      <c r="P7920" s="268">
        <v>1</v>
      </c>
      <c r="Q7920" s="268">
        <v>0</v>
      </c>
      <c r="R7920" s="268">
        <v>0</v>
      </c>
      <c r="S7920" s="268">
        <v>0</v>
      </c>
      <c r="T7920" s="268">
        <v>0</v>
      </c>
      <c r="U7920" s="145"/>
      <c r="V7920" s="145"/>
      <c r="W7920" s="145"/>
      <c r="X7920" s="145"/>
      <c r="Y7920" s="145"/>
      <c r="Z7920" s="145"/>
      <c r="AA7920" s="145"/>
      <c r="AB7920" s="145"/>
      <c r="AC7920" s="145"/>
      <c r="AD7920" s="145"/>
      <c r="AE7920" s="145"/>
      <c r="AF7920" s="145"/>
      <c r="AG7920" s="145"/>
      <c r="AH7920" s="145"/>
      <c r="AI7920" s="145"/>
      <c r="AJ7920" s="145"/>
      <c r="AK7920" s="145"/>
      <c r="AL7920" s="145"/>
      <c r="AM7920" s="145"/>
      <c r="AN7920" s="145"/>
      <c r="AO7920" s="145"/>
      <c r="AP7920" s="145"/>
      <c r="AQ7920" s="145"/>
      <c r="AR7920" s="145"/>
      <c r="AS7920" s="145"/>
      <c r="AT7920" s="145"/>
      <c r="AU7920" s="145"/>
      <c r="AV7920" s="145"/>
      <c r="AW7920" s="145"/>
      <c r="AX7920" s="146"/>
      <c r="AY7920" s="146"/>
      <c r="AZ7920" s="146"/>
      <c r="BA7920" s="146"/>
      <c r="BB7920" s="221">
        <v>45884</v>
      </c>
    </row>
    <row r="7921" spans="1:54" s="238" customFormat="1" ht="13.95" customHeight="1" x14ac:dyDescent="0.25">
      <c r="A7921" s="256" t="s">
        <v>18977</v>
      </c>
      <c r="B7921" s="96" t="s">
        <v>20414</v>
      </c>
      <c r="C7921" s="267" t="s">
        <v>18978</v>
      </c>
      <c r="D7921" s="267" t="s">
        <v>18979</v>
      </c>
      <c r="E7921" s="268">
        <v>1971</v>
      </c>
      <c r="F7921" s="268">
        <v>600</v>
      </c>
      <c r="G7921" s="267" t="s">
        <v>12</v>
      </c>
      <c r="H7921" s="268">
        <v>0</v>
      </c>
      <c r="I7921" s="268">
        <v>0</v>
      </c>
      <c r="J7921" s="268">
        <v>0</v>
      </c>
      <c r="K7921" s="268">
        <v>0</v>
      </c>
      <c r="L7921" s="268">
        <v>0</v>
      </c>
      <c r="M7921" s="268">
        <v>0</v>
      </c>
      <c r="N7921" s="268">
        <v>0</v>
      </c>
      <c r="O7921" s="268">
        <v>1</v>
      </c>
      <c r="P7921" s="268">
        <v>1</v>
      </c>
      <c r="Q7921" s="268">
        <v>1</v>
      </c>
      <c r="R7921" s="268">
        <v>1</v>
      </c>
      <c r="S7921" s="268">
        <v>1</v>
      </c>
      <c r="T7921" s="268">
        <v>0</v>
      </c>
      <c r="U7921" s="145"/>
      <c r="V7921" s="145"/>
      <c r="W7921" s="145"/>
      <c r="X7921" s="145"/>
      <c r="Y7921" s="145"/>
      <c r="Z7921" s="145"/>
      <c r="AA7921" s="145"/>
      <c r="AB7921" s="145"/>
      <c r="AC7921" s="145"/>
      <c r="AD7921" s="145"/>
      <c r="AE7921" s="145"/>
      <c r="AF7921" s="145"/>
      <c r="AG7921" s="145"/>
      <c r="AH7921" s="145"/>
      <c r="AI7921" s="145"/>
      <c r="AJ7921" s="145"/>
      <c r="AK7921" s="145"/>
      <c r="AL7921" s="145"/>
      <c r="AM7921" s="145"/>
      <c r="AN7921" s="145"/>
      <c r="AO7921" s="145"/>
      <c r="AP7921" s="145"/>
      <c r="AQ7921" s="145"/>
      <c r="AR7921" s="145"/>
      <c r="AS7921" s="145"/>
      <c r="AT7921" s="145"/>
      <c r="AU7921" s="145"/>
      <c r="AV7921" s="145"/>
      <c r="AW7921" s="145"/>
      <c r="AX7921" s="146"/>
      <c r="AY7921" s="146"/>
      <c r="AZ7921" s="146"/>
      <c r="BA7921" s="146"/>
      <c r="BB7921" s="221">
        <v>45884</v>
      </c>
    </row>
    <row r="7922" spans="1:54" s="238" customFormat="1" ht="13.95" customHeight="1" x14ac:dyDescent="0.25">
      <c r="A7922" s="256" t="s">
        <v>18980</v>
      </c>
      <c r="B7922" s="96" t="s">
        <v>20414</v>
      </c>
      <c r="C7922" s="267" t="s">
        <v>18981</v>
      </c>
      <c r="D7922" s="267" t="s">
        <v>18982</v>
      </c>
      <c r="E7922" s="268">
        <v>1973</v>
      </c>
      <c r="F7922" s="268">
        <v>998</v>
      </c>
      <c r="G7922" s="267" t="s">
        <v>12</v>
      </c>
      <c r="H7922" s="268">
        <v>0</v>
      </c>
      <c r="I7922" s="268">
        <v>0</v>
      </c>
      <c r="J7922" s="268">
        <v>1</v>
      </c>
      <c r="K7922" s="268">
        <v>1</v>
      </c>
      <c r="L7922" s="268">
        <v>1</v>
      </c>
      <c r="M7922" s="268">
        <v>0</v>
      </c>
      <c r="N7922" s="268">
        <v>0</v>
      </c>
      <c r="O7922" s="268">
        <v>1</v>
      </c>
      <c r="P7922" s="268">
        <v>1</v>
      </c>
      <c r="Q7922" s="268">
        <v>0</v>
      </c>
      <c r="R7922" s="268">
        <v>1</v>
      </c>
      <c r="S7922" s="268">
        <v>1</v>
      </c>
      <c r="T7922" s="268">
        <v>0</v>
      </c>
      <c r="U7922" s="145"/>
      <c r="V7922" s="145"/>
      <c r="W7922" s="145"/>
      <c r="X7922" s="145"/>
      <c r="Y7922" s="145"/>
      <c r="Z7922" s="145"/>
      <c r="AA7922" s="145"/>
      <c r="AB7922" s="145"/>
      <c r="AC7922" s="145"/>
      <c r="AD7922" s="145"/>
      <c r="AE7922" s="145"/>
      <c r="AF7922" s="145"/>
      <c r="AG7922" s="145"/>
      <c r="AH7922" s="145"/>
      <c r="AI7922" s="145"/>
      <c r="AJ7922" s="145"/>
      <c r="AK7922" s="145"/>
      <c r="AL7922" s="145"/>
      <c r="AM7922" s="145"/>
      <c r="AN7922" s="145"/>
      <c r="AO7922" s="145"/>
      <c r="AP7922" s="145"/>
      <c r="AQ7922" s="145"/>
      <c r="AR7922" s="145"/>
      <c r="AS7922" s="145"/>
      <c r="AT7922" s="145"/>
      <c r="AU7922" s="145"/>
      <c r="AV7922" s="145"/>
      <c r="AW7922" s="145"/>
      <c r="AX7922" s="146"/>
      <c r="AY7922" s="146"/>
      <c r="AZ7922" s="146"/>
      <c r="BA7922" s="270" t="s">
        <v>18983</v>
      </c>
      <c r="BB7922" s="221">
        <v>45884</v>
      </c>
    </row>
    <row r="7923" spans="1:54" s="238" customFormat="1" ht="13.95" customHeight="1" x14ac:dyDescent="0.25">
      <c r="A7923" s="256" t="s">
        <v>18984</v>
      </c>
      <c r="B7923" s="96" t="s">
        <v>20414</v>
      </c>
      <c r="C7923" s="267" t="s">
        <v>18985</v>
      </c>
      <c r="D7923" s="267" t="s">
        <v>18986</v>
      </c>
      <c r="E7923" s="268">
        <v>1979</v>
      </c>
      <c r="F7923" s="268">
        <v>240</v>
      </c>
      <c r="G7923" s="267" t="s">
        <v>12</v>
      </c>
      <c r="H7923" s="268">
        <v>0</v>
      </c>
      <c r="I7923" s="268">
        <v>0</v>
      </c>
      <c r="J7923" s="268">
        <v>0</v>
      </c>
      <c r="K7923" s="268">
        <v>1</v>
      </c>
      <c r="L7923" s="268">
        <v>1</v>
      </c>
      <c r="M7923" s="268">
        <v>0</v>
      </c>
      <c r="N7923" s="268">
        <v>0</v>
      </c>
      <c r="O7923" s="268">
        <v>1</v>
      </c>
      <c r="P7923" s="268">
        <v>0</v>
      </c>
      <c r="Q7923" s="268">
        <v>0</v>
      </c>
      <c r="R7923" s="268">
        <v>0</v>
      </c>
      <c r="S7923" s="268">
        <v>0</v>
      </c>
      <c r="T7923" s="268">
        <v>0</v>
      </c>
      <c r="U7923" s="145"/>
      <c r="V7923" s="145"/>
      <c r="W7923" s="145"/>
      <c r="X7923" s="145"/>
      <c r="Y7923" s="145"/>
      <c r="Z7923" s="145"/>
      <c r="AA7923" s="145"/>
      <c r="AB7923" s="145"/>
      <c r="AC7923" s="145"/>
      <c r="AD7923" s="145"/>
      <c r="AE7923" s="145"/>
      <c r="AF7923" s="145"/>
      <c r="AG7923" s="145"/>
      <c r="AH7923" s="145"/>
      <c r="AI7923" s="145"/>
      <c r="AJ7923" s="145"/>
      <c r="AK7923" s="145"/>
      <c r="AL7923" s="145"/>
      <c r="AM7923" s="145"/>
      <c r="AN7923" s="145"/>
      <c r="AO7923" s="145"/>
      <c r="AP7923" s="145"/>
      <c r="AQ7923" s="145"/>
      <c r="AR7923" s="145"/>
      <c r="AS7923" s="145"/>
      <c r="AT7923" s="145"/>
      <c r="AU7923" s="145"/>
      <c r="AV7923" s="145"/>
      <c r="AW7923" s="145"/>
      <c r="AX7923" s="146"/>
      <c r="AY7923" s="146"/>
      <c r="AZ7923" s="146"/>
      <c r="BA7923" s="146"/>
      <c r="BB7923" s="221">
        <v>45884</v>
      </c>
    </row>
    <row r="7924" spans="1:54" s="238" customFormat="1" ht="13.95" customHeight="1" x14ac:dyDescent="0.25">
      <c r="A7924" s="256" t="s">
        <v>18987</v>
      </c>
      <c r="B7924" s="96" t="s">
        <v>20414</v>
      </c>
      <c r="C7924" s="267" t="s">
        <v>18988</v>
      </c>
      <c r="D7924" s="267" t="s">
        <v>18989</v>
      </c>
      <c r="E7924" s="268">
        <v>1982</v>
      </c>
      <c r="F7924" s="268">
        <v>492</v>
      </c>
      <c r="G7924" s="267" t="s">
        <v>12</v>
      </c>
      <c r="H7924" s="268">
        <v>0</v>
      </c>
      <c r="I7924" s="268">
        <v>0</v>
      </c>
      <c r="J7924" s="268">
        <v>0</v>
      </c>
      <c r="K7924" s="268">
        <v>0</v>
      </c>
      <c r="L7924" s="268">
        <v>0</v>
      </c>
      <c r="M7924" s="268">
        <v>0</v>
      </c>
      <c r="N7924" s="268">
        <v>0</v>
      </c>
      <c r="O7924" s="268">
        <v>0</v>
      </c>
      <c r="P7924" s="268">
        <v>0</v>
      </c>
      <c r="Q7924" s="268">
        <v>1</v>
      </c>
      <c r="R7924" s="268">
        <v>1</v>
      </c>
      <c r="S7924" s="268">
        <v>0</v>
      </c>
      <c r="T7924" s="268">
        <v>0</v>
      </c>
      <c r="U7924" s="145"/>
      <c r="V7924" s="145"/>
      <c r="W7924" s="145"/>
      <c r="X7924" s="145"/>
      <c r="Y7924" s="145"/>
      <c r="Z7924" s="145"/>
      <c r="AA7924" s="145"/>
      <c r="AB7924" s="145"/>
      <c r="AC7924" s="145"/>
      <c r="AD7924" s="145"/>
      <c r="AE7924" s="145"/>
      <c r="AF7924" s="145"/>
      <c r="AG7924" s="145"/>
      <c r="AH7924" s="145"/>
      <c r="AI7924" s="145"/>
      <c r="AJ7924" s="145"/>
      <c r="AK7924" s="145"/>
      <c r="AL7924" s="145"/>
      <c r="AM7924" s="145"/>
      <c r="AN7924" s="145"/>
      <c r="AO7924" s="145"/>
      <c r="AP7924" s="145"/>
      <c r="AQ7924" s="145"/>
      <c r="AR7924" s="145"/>
      <c r="AS7924" s="145"/>
      <c r="AT7924" s="145"/>
      <c r="AU7924" s="145"/>
      <c r="AV7924" s="145"/>
      <c r="AW7924" s="145"/>
      <c r="AX7924" s="146"/>
      <c r="AY7924" s="146"/>
      <c r="AZ7924" s="146"/>
      <c r="BA7924" s="270" t="s">
        <v>22106</v>
      </c>
      <c r="BB7924" s="221">
        <v>45884</v>
      </c>
    </row>
    <row r="7925" spans="1:54" s="238" customFormat="1" ht="13.95" customHeight="1" x14ac:dyDescent="0.25">
      <c r="A7925" s="256" t="s">
        <v>18990</v>
      </c>
      <c r="B7925" s="96" t="s">
        <v>20414</v>
      </c>
      <c r="C7925" s="267" t="s">
        <v>18991</v>
      </c>
      <c r="D7925" s="267" t="s">
        <v>18992</v>
      </c>
      <c r="E7925" s="268">
        <v>1982</v>
      </c>
      <c r="F7925" s="268">
        <v>376</v>
      </c>
      <c r="G7925" s="267" t="s">
        <v>12</v>
      </c>
      <c r="H7925" s="268">
        <v>0</v>
      </c>
      <c r="I7925" s="268">
        <v>0</v>
      </c>
      <c r="J7925" s="268">
        <v>1</v>
      </c>
      <c r="K7925" s="268">
        <v>1</v>
      </c>
      <c r="L7925" s="268">
        <v>0</v>
      </c>
      <c r="M7925" s="268">
        <v>0</v>
      </c>
      <c r="N7925" s="268">
        <v>0</v>
      </c>
      <c r="O7925" s="268">
        <v>1</v>
      </c>
      <c r="P7925" s="268">
        <v>0</v>
      </c>
      <c r="Q7925" s="268">
        <v>0</v>
      </c>
      <c r="R7925" s="268">
        <v>1</v>
      </c>
      <c r="S7925" s="268">
        <v>0</v>
      </c>
      <c r="T7925" s="268">
        <v>0</v>
      </c>
      <c r="U7925" s="145"/>
      <c r="V7925" s="145"/>
      <c r="W7925" s="145"/>
      <c r="X7925" s="145"/>
      <c r="Y7925" s="145"/>
      <c r="Z7925" s="145"/>
      <c r="AA7925" s="145"/>
      <c r="AB7925" s="145"/>
      <c r="AC7925" s="145"/>
      <c r="AD7925" s="145"/>
      <c r="AE7925" s="145"/>
      <c r="AF7925" s="145"/>
      <c r="AG7925" s="145"/>
      <c r="AH7925" s="145"/>
      <c r="AI7925" s="145"/>
      <c r="AJ7925" s="145"/>
      <c r="AK7925" s="145"/>
      <c r="AL7925" s="145"/>
      <c r="AM7925" s="145"/>
      <c r="AN7925" s="145"/>
      <c r="AO7925" s="145"/>
      <c r="AP7925" s="145"/>
      <c r="AQ7925" s="145"/>
      <c r="AR7925" s="145"/>
      <c r="AS7925" s="145"/>
      <c r="AT7925" s="145"/>
      <c r="AU7925" s="145"/>
      <c r="AV7925" s="145"/>
      <c r="AW7925" s="145"/>
      <c r="AX7925" s="146"/>
      <c r="AY7925" s="146"/>
      <c r="AZ7925" s="146"/>
      <c r="BA7925" s="146"/>
      <c r="BB7925" s="221">
        <v>45884</v>
      </c>
    </row>
    <row r="7926" spans="1:54" s="238" customFormat="1" ht="13.95" customHeight="1" x14ac:dyDescent="0.25">
      <c r="A7926" s="256" t="s">
        <v>18993</v>
      </c>
      <c r="B7926" s="96" t="s">
        <v>20414</v>
      </c>
      <c r="C7926" s="267" t="s">
        <v>18994</v>
      </c>
      <c r="D7926" s="267" t="s">
        <v>18995</v>
      </c>
      <c r="E7926" s="268">
        <v>1994</v>
      </c>
      <c r="F7926" s="268">
        <v>266</v>
      </c>
      <c r="G7926" s="267" t="s">
        <v>12</v>
      </c>
      <c r="H7926" s="268">
        <v>0</v>
      </c>
      <c r="I7926" s="268">
        <v>0</v>
      </c>
      <c r="J7926" s="268">
        <v>0</v>
      </c>
      <c r="K7926" s="268">
        <v>0</v>
      </c>
      <c r="L7926" s="268">
        <v>1</v>
      </c>
      <c r="M7926" s="268">
        <v>0</v>
      </c>
      <c r="N7926" s="268">
        <v>0</v>
      </c>
      <c r="O7926" s="268">
        <v>0</v>
      </c>
      <c r="P7926" s="268">
        <v>1</v>
      </c>
      <c r="Q7926" s="268">
        <v>0</v>
      </c>
      <c r="R7926" s="268">
        <v>1</v>
      </c>
      <c r="S7926" s="268">
        <v>0</v>
      </c>
      <c r="T7926" s="268">
        <v>0</v>
      </c>
      <c r="U7926" s="145"/>
      <c r="V7926" s="145"/>
      <c r="W7926" s="145"/>
      <c r="X7926" s="145"/>
      <c r="Y7926" s="145"/>
      <c r="Z7926" s="145"/>
      <c r="AA7926" s="145"/>
      <c r="AB7926" s="145"/>
      <c r="AC7926" s="145"/>
      <c r="AD7926" s="145"/>
      <c r="AE7926" s="145"/>
      <c r="AF7926" s="145"/>
      <c r="AG7926" s="145"/>
      <c r="AH7926" s="145"/>
      <c r="AI7926" s="145"/>
      <c r="AJ7926" s="145"/>
      <c r="AK7926" s="145"/>
      <c r="AL7926" s="145"/>
      <c r="AM7926" s="145"/>
      <c r="AN7926" s="145"/>
      <c r="AO7926" s="145"/>
      <c r="AP7926" s="145"/>
      <c r="AQ7926" s="145"/>
      <c r="AR7926" s="145"/>
      <c r="AS7926" s="145"/>
      <c r="AT7926" s="145"/>
      <c r="AU7926" s="145"/>
      <c r="AV7926" s="145"/>
      <c r="AW7926" s="145"/>
      <c r="AX7926" s="146"/>
      <c r="AY7926" s="146"/>
      <c r="AZ7926" s="146"/>
      <c r="BA7926" s="146"/>
      <c r="BB7926" s="221">
        <v>45884</v>
      </c>
    </row>
    <row r="7927" spans="1:54" s="238" customFormat="1" ht="13.95" customHeight="1" x14ac:dyDescent="0.25">
      <c r="A7927" s="256" t="s">
        <v>18996</v>
      </c>
      <c r="B7927" s="96" t="s">
        <v>20414</v>
      </c>
      <c r="C7927" s="267" t="s">
        <v>18997</v>
      </c>
      <c r="D7927" s="267" t="s">
        <v>18998</v>
      </c>
      <c r="E7927" s="268">
        <v>2014</v>
      </c>
      <c r="F7927" s="268">
        <v>301</v>
      </c>
      <c r="G7927" s="267" t="s">
        <v>12</v>
      </c>
      <c r="H7927" s="268">
        <v>0</v>
      </c>
      <c r="I7927" s="268">
        <v>0</v>
      </c>
      <c r="J7927" s="268">
        <v>0</v>
      </c>
      <c r="K7927" s="268">
        <v>1</v>
      </c>
      <c r="L7927" s="268">
        <v>0</v>
      </c>
      <c r="M7927" s="268">
        <v>0</v>
      </c>
      <c r="N7927" s="268">
        <v>0</v>
      </c>
      <c r="O7927" s="268">
        <v>0</v>
      </c>
      <c r="P7927" s="268">
        <v>0</v>
      </c>
      <c r="Q7927" s="268">
        <v>0</v>
      </c>
      <c r="R7927" s="268">
        <v>0</v>
      </c>
      <c r="S7927" s="268">
        <v>0</v>
      </c>
      <c r="T7927" s="268">
        <v>0</v>
      </c>
      <c r="U7927" s="145"/>
      <c r="V7927" s="145"/>
      <c r="W7927" s="145"/>
      <c r="X7927" s="145"/>
      <c r="Y7927" s="145"/>
      <c r="Z7927" s="145"/>
      <c r="AA7927" s="145"/>
      <c r="AB7927" s="145"/>
      <c r="AC7927" s="145"/>
      <c r="AD7927" s="145"/>
      <c r="AE7927" s="145"/>
      <c r="AF7927" s="145"/>
      <c r="AG7927" s="145"/>
      <c r="AH7927" s="145"/>
      <c r="AI7927" s="145"/>
      <c r="AJ7927" s="145"/>
      <c r="AK7927" s="145"/>
      <c r="AL7927" s="145"/>
      <c r="AM7927" s="145"/>
      <c r="AN7927" s="145"/>
      <c r="AO7927" s="145"/>
      <c r="AP7927" s="145"/>
      <c r="AQ7927" s="145"/>
      <c r="AR7927" s="145"/>
      <c r="AS7927" s="145"/>
      <c r="AT7927" s="145"/>
      <c r="AU7927" s="145"/>
      <c r="AV7927" s="145"/>
      <c r="AW7927" s="145"/>
      <c r="AX7927" s="146"/>
      <c r="AY7927" s="146"/>
      <c r="AZ7927" s="146"/>
      <c r="BA7927" s="146"/>
      <c r="BB7927" s="221">
        <v>45884</v>
      </c>
    </row>
    <row r="7928" spans="1:54" s="238" customFormat="1" ht="13.95" customHeight="1" x14ac:dyDescent="0.25">
      <c r="A7928" s="256" t="s">
        <v>18999</v>
      </c>
      <c r="B7928" s="96" t="s">
        <v>20414</v>
      </c>
      <c r="C7928" s="267" t="s">
        <v>19000</v>
      </c>
      <c r="D7928" s="267" t="s">
        <v>19001</v>
      </c>
      <c r="E7928" s="268">
        <v>2001</v>
      </c>
      <c r="F7928" s="268">
        <v>458</v>
      </c>
      <c r="G7928" s="267" t="s">
        <v>12</v>
      </c>
      <c r="H7928" s="268">
        <v>0</v>
      </c>
      <c r="I7928" s="268">
        <v>0</v>
      </c>
      <c r="J7928" s="268">
        <v>0</v>
      </c>
      <c r="K7928" s="268">
        <v>1</v>
      </c>
      <c r="L7928" s="268">
        <v>1</v>
      </c>
      <c r="M7928" s="268">
        <v>0</v>
      </c>
      <c r="N7928" s="268">
        <v>0</v>
      </c>
      <c r="O7928" s="268">
        <v>0</v>
      </c>
      <c r="P7928" s="268">
        <v>1</v>
      </c>
      <c r="Q7928" s="268">
        <v>0</v>
      </c>
      <c r="R7928" s="268">
        <v>0</v>
      </c>
      <c r="S7928" s="268">
        <v>0</v>
      </c>
      <c r="T7928" s="268">
        <v>0</v>
      </c>
      <c r="U7928" s="145"/>
      <c r="V7928" s="145"/>
      <c r="W7928" s="145"/>
      <c r="X7928" s="145"/>
      <c r="Y7928" s="145"/>
      <c r="Z7928" s="145"/>
      <c r="AA7928" s="145"/>
      <c r="AB7928" s="145"/>
      <c r="AC7928" s="145"/>
      <c r="AD7928" s="145"/>
      <c r="AE7928" s="145"/>
      <c r="AF7928" s="145"/>
      <c r="AG7928" s="145"/>
      <c r="AH7928" s="145"/>
      <c r="AI7928" s="145"/>
      <c r="AJ7928" s="145"/>
      <c r="AK7928" s="145"/>
      <c r="AL7928" s="145"/>
      <c r="AM7928" s="145"/>
      <c r="AN7928" s="145"/>
      <c r="AO7928" s="145"/>
      <c r="AP7928" s="145"/>
      <c r="AQ7928" s="145"/>
      <c r="AR7928" s="145"/>
      <c r="AS7928" s="145"/>
      <c r="AT7928" s="145"/>
      <c r="AU7928" s="145"/>
      <c r="AV7928" s="145"/>
      <c r="AW7928" s="145"/>
      <c r="AX7928" s="146"/>
      <c r="AY7928" s="146"/>
      <c r="AZ7928" s="146"/>
      <c r="BA7928" s="270" t="s">
        <v>22140</v>
      </c>
      <c r="BB7928" s="221">
        <v>45884</v>
      </c>
    </row>
    <row r="7929" spans="1:54" s="238" customFormat="1" ht="13.95" customHeight="1" x14ac:dyDescent="0.25">
      <c r="A7929" s="256" t="s">
        <v>19002</v>
      </c>
      <c r="B7929" s="96" t="s">
        <v>20414</v>
      </c>
      <c r="C7929" s="267" t="s">
        <v>19003</v>
      </c>
      <c r="D7929" s="267" t="s">
        <v>19004</v>
      </c>
      <c r="E7929" s="268">
        <v>1985</v>
      </c>
      <c r="F7929" s="268">
        <v>1151</v>
      </c>
      <c r="G7929" s="267" t="s">
        <v>12</v>
      </c>
      <c r="H7929" s="268">
        <v>0</v>
      </c>
      <c r="I7929" s="268">
        <v>0</v>
      </c>
      <c r="J7929" s="268">
        <v>0</v>
      </c>
      <c r="K7929" s="268">
        <v>1</v>
      </c>
      <c r="L7929" s="268">
        <v>1</v>
      </c>
      <c r="M7929" s="268">
        <v>0</v>
      </c>
      <c r="N7929" s="268">
        <v>0</v>
      </c>
      <c r="O7929" s="268">
        <v>1</v>
      </c>
      <c r="P7929" s="268">
        <v>1</v>
      </c>
      <c r="Q7929" s="268">
        <v>0</v>
      </c>
      <c r="R7929" s="268">
        <v>1</v>
      </c>
      <c r="S7929" s="268">
        <v>0</v>
      </c>
      <c r="T7929" s="268">
        <v>0</v>
      </c>
      <c r="U7929" s="145"/>
      <c r="V7929" s="145"/>
      <c r="W7929" s="145"/>
      <c r="X7929" s="145"/>
      <c r="Y7929" s="145"/>
      <c r="Z7929" s="145"/>
      <c r="AA7929" s="145"/>
      <c r="AB7929" s="145"/>
      <c r="AC7929" s="145"/>
      <c r="AD7929" s="145"/>
      <c r="AE7929" s="145"/>
      <c r="AF7929" s="145"/>
      <c r="AG7929" s="145"/>
      <c r="AH7929" s="145"/>
      <c r="AI7929" s="145"/>
      <c r="AJ7929" s="145"/>
      <c r="AK7929" s="145"/>
      <c r="AL7929" s="145"/>
      <c r="AM7929" s="145"/>
      <c r="AN7929" s="145"/>
      <c r="AO7929" s="145"/>
      <c r="AP7929" s="145"/>
      <c r="AQ7929" s="145"/>
      <c r="AR7929" s="145"/>
      <c r="AS7929" s="145"/>
      <c r="AT7929" s="145"/>
      <c r="AU7929" s="145"/>
      <c r="AV7929" s="145"/>
      <c r="AW7929" s="145"/>
      <c r="AX7929" s="146"/>
      <c r="AY7929" s="146"/>
      <c r="AZ7929" s="146"/>
      <c r="BA7929" s="146"/>
      <c r="BB7929" s="221">
        <v>45884</v>
      </c>
    </row>
    <row r="7930" spans="1:54" s="238" customFormat="1" ht="13.95" customHeight="1" x14ac:dyDescent="0.25">
      <c r="A7930" s="256" t="s">
        <v>19005</v>
      </c>
      <c r="B7930" s="96" t="s">
        <v>20414</v>
      </c>
      <c r="C7930" s="267" t="s">
        <v>19006</v>
      </c>
      <c r="D7930" s="267" t="s">
        <v>19007</v>
      </c>
      <c r="E7930" s="268">
        <v>1984</v>
      </c>
      <c r="F7930" s="268">
        <v>990</v>
      </c>
      <c r="G7930" s="267" t="s">
        <v>12</v>
      </c>
      <c r="H7930" s="268">
        <v>0</v>
      </c>
      <c r="I7930" s="268">
        <v>0</v>
      </c>
      <c r="J7930" s="268">
        <v>1</v>
      </c>
      <c r="K7930" s="268">
        <v>1</v>
      </c>
      <c r="L7930" s="268">
        <v>1</v>
      </c>
      <c r="M7930" s="268">
        <v>0</v>
      </c>
      <c r="N7930" s="268">
        <v>0</v>
      </c>
      <c r="O7930" s="268">
        <v>1</v>
      </c>
      <c r="P7930" s="268">
        <v>1</v>
      </c>
      <c r="Q7930" s="268">
        <v>0</v>
      </c>
      <c r="R7930" s="268">
        <v>1</v>
      </c>
      <c r="S7930" s="268">
        <v>0</v>
      </c>
      <c r="T7930" s="268">
        <v>0</v>
      </c>
      <c r="U7930" s="145"/>
      <c r="V7930" s="145"/>
      <c r="W7930" s="145"/>
      <c r="X7930" s="145"/>
      <c r="Y7930" s="145"/>
      <c r="Z7930" s="145"/>
      <c r="AA7930" s="145"/>
      <c r="AB7930" s="145"/>
      <c r="AC7930" s="145"/>
      <c r="AD7930" s="145"/>
      <c r="AE7930" s="145"/>
      <c r="AF7930" s="145"/>
      <c r="AG7930" s="145"/>
      <c r="AH7930" s="145"/>
      <c r="AI7930" s="145"/>
      <c r="AJ7930" s="145"/>
      <c r="AK7930" s="145"/>
      <c r="AL7930" s="145"/>
      <c r="AM7930" s="145"/>
      <c r="AN7930" s="145"/>
      <c r="AO7930" s="145"/>
      <c r="AP7930" s="145"/>
      <c r="AQ7930" s="145"/>
      <c r="AR7930" s="145"/>
      <c r="AS7930" s="145"/>
      <c r="AT7930" s="145"/>
      <c r="AU7930" s="145"/>
      <c r="AV7930" s="145"/>
      <c r="AW7930" s="145"/>
      <c r="AX7930" s="146"/>
      <c r="AY7930" s="146"/>
      <c r="AZ7930" s="146"/>
      <c r="BA7930" s="146"/>
      <c r="BB7930" s="221">
        <v>45884</v>
      </c>
    </row>
    <row r="7931" spans="1:54" s="238" customFormat="1" ht="13.95" customHeight="1" x14ac:dyDescent="0.25">
      <c r="A7931" s="256" t="s">
        <v>19008</v>
      </c>
      <c r="B7931" s="96" t="s">
        <v>20414</v>
      </c>
      <c r="C7931" s="267" t="s">
        <v>19009</v>
      </c>
      <c r="D7931" s="267" t="s">
        <v>19010</v>
      </c>
      <c r="E7931" s="268">
        <v>1974</v>
      </c>
      <c r="F7931" s="268">
        <v>731</v>
      </c>
      <c r="G7931" s="267" t="s">
        <v>12</v>
      </c>
      <c r="H7931" s="268">
        <v>0</v>
      </c>
      <c r="I7931" s="268">
        <v>0</v>
      </c>
      <c r="J7931" s="268">
        <v>1</v>
      </c>
      <c r="K7931" s="268">
        <v>0</v>
      </c>
      <c r="L7931" s="268">
        <v>1</v>
      </c>
      <c r="M7931" s="268">
        <v>0</v>
      </c>
      <c r="N7931" s="268">
        <v>0</v>
      </c>
      <c r="O7931" s="268">
        <v>0</v>
      </c>
      <c r="P7931" s="268">
        <v>1</v>
      </c>
      <c r="Q7931" s="268">
        <v>0</v>
      </c>
      <c r="R7931" s="268">
        <v>1</v>
      </c>
      <c r="S7931" s="268">
        <v>0</v>
      </c>
      <c r="T7931" s="268">
        <v>0</v>
      </c>
      <c r="U7931" s="145"/>
      <c r="V7931" s="145"/>
      <c r="W7931" s="145"/>
      <c r="X7931" s="145"/>
      <c r="Y7931" s="145"/>
      <c r="Z7931" s="145"/>
      <c r="AA7931" s="145"/>
      <c r="AB7931" s="145"/>
      <c r="AC7931" s="145"/>
      <c r="AD7931" s="145"/>
      <c r="AE7931" s="145"/>
      <c r="AF7931" s="145"/>
      <c r="AG7931" s="145"/>
      <c r="AH7931" s="145"/>
      <c r="AI7931" s="145"/>
      <c r="AJ7931" s="145"/>
      <c r="AK7931" s="145"/>
      <c r="AL7931" s="145"/>
      <c r="AM7931" s="145"/>
      <c r="AN7931" s="145"/>
      <c r="AO7931" s="145"/>
      <c r="AP7931" s="145"/>
      <c r="AQ7931" s="145"/>
      <c r="AR7931" s="145"/>
      <c r="AS7931" s="145"/>
      <c r="AT7931" s="145"/>
      <c r="AU7931" s="145"/>
      <c r="AV7931" s="145"/>
      <c r="AW7931" s="145"/>
      <c r="AX7931" s="146"/>
      <c r="AY7931" s="146"/>
      <c r="AZ7931" s="146"/>
      <c r="BA7931" s="270" t="s">
        <v>19011</v>
      </c>
      <c r="BB7931" s="221">
        <v>45884</v>
      </c>
    </row>
    <row r="7932" spans="1:54" s="238" customFormat="1" ht="13.95" customHeight="1" x14ac:dyDescent="0.25">
      <c r="A7932" s="256" t="s">
        <v>19012</v>
      </c>
      <c r="B7932" s="96" t="s">
        <v>20414</v>
      </c>
      <c r="C7932" s="267" t="s">
        <v>19013</v>
      </c>
      <c r="D7932" s="267" t="s">
        <v>19014</v>
      </c>
      <c r="E7932" s="268">
        <v>1974</v>
      </c>
      <c r="F7932" s="268">
        <v>1128</v>
      </c>
      <c r="G7932" s="267" t="s">
        <v>12</v>
      </c>
      <c r="H7932" s="268">
        <v>0</v>
      </c>
      <c r="I7932" s="268">
        <v>0</v>
      </c>
      <c r="J7932" s="268">
        <v>1</v>
      </c>
      <c r="K7932" s="268">
        <v>1</v>
      </c>
      <c r="L7932" s="268">
        <v>1</v>
      </c>
      <c r="M7932" s="268">
        <v>0</v>
      </c>
      <c r="N7932" s="268">
        <v>0</v>
      </c>
      <c r="O7932" s="268">
        <v>1</v>
      </c>
      <c r="P7932" s="268">
        <v>1</v>
      </c>
      <c r="Q7932" s="268">
        <v>1</v>
      </c>
      <c r="R7932" s="268">
        <v>1</v>
      </c>
      <c r="S7932" s="268">
        <v>0</v>
      </c>
      <c r="T7932" s="268">
        <v>0</v>
      </c>
      <c r="U7932" s="145"/>
      <c r="V7932" s="145"/>
      <c r="W7932" s="145"/>
      <c r="X7932" s="145"/>
      <c r="Y7932" s="145"/>
      <c r="Z7932" s="145"/>
      <c r="AA7932" s="145"/>
      <c r="AB7932" s="145"/>
      <c r="AC7932" s="145"/>
      <c r="AD7932" s="145"/>
      <c r="AE7932" s="145"/>
      <c r="AF7932" s="145"/>
      <c r="AG7932" s="145"/>
      <c r="AH7932" s="145"/>
      <c r="AI7932" s="145"/>
      <c r="AJ7932" s="145"/>
      <c r="AK7932" s="145"/>
      <c r="AL7932" s="145"/>
      <c r="AM7932" s="145"/>
      <c r="AN7932" s="145"/>
      <c r="AO7932" s="145"/>
      <c r="AP7932" s="145"/>
      <c r="AQ7932" s="145"/>
      <c r="AR7932" s="145"/>
      <c r="AS7932" s="145"/>
      <c r="AT7932" s="145"/>
      <c r="AU7932" s="145"/>
      <c r="AV7932" s="145"/>
      <c r="AW7932" s="145"/>
      <c r="AX7932" s="146"/>
      <c r="AY7932" s="146"/>
      <c r="AZ7932" s="146"/>
      <c r="BA7932" s="146"/>
      <c r="BB7932" s="221">
        <v>45884</v>
      </c>
    </row>
    <row r="7933" spans="1:54" s="238" customFormat="1" ht="13.95" customHeight="1" x14ac:dyDescent="0.25">
      <c r="A7933" s="256" t="s">
        <v>19015</v>
      </c>
      <c r="B7933" s="96" t="s">
        <v>20414</v>
      </c>
      <c r="C7933" s="267" t="s">
        <v>19016</v>
      </c>
      <c r="D7933" s="267" t="s">
        <v>19017</v>
      </c>
      <c r="E7933" s="268">
        <v>1982</v>
      </c>
      <c r="F7933" s="268">
        <v>730</v>
      </c>
      <c r="G7933" s="267" t="s">
        <v>12</v>
      </c>
      <c r="H7933" s="268">
        <v>0</v>
      </c>
      <c r="I7933" s="268">
        <v>0</v>
      </c>
      <c r="J7933" s="268">
        <v>0</v>
      </c>
      <c r="K7933" s="268">
        <v>0</v>
      </c>
      <c r="L7933" s="268">
        <v>1</v>
      </c>
      <c r="M7933" s="268">
        <v>0</v>
      </c>
      <c r="N7933" s="268">
        <v>0</v>
      </c>
      <c r="O7933" s="268">
        <v>0</v>
      </c>
      <c r="P7933" s="268">
        <v>0</v>
      </c>
      <c r="Q7933" s="268">
        <v>0</v>
      </c>
      <c r="R7933" s="268">
        <v>0</v>
      </c>
      <c r="S7933" s="268">
        <v>0</v>
      </c>
      <c r="T7933" s="268">
        <v>0</v>
      </c>
      <c r="U7933" s="145"/>
      <c r="V7933" s="145"/>
      <c r="W7933" s="145"/>
      <c r="X7933" s="145"/>
      <c r="Y7933" s="145"/>
      <c r="Z7933" s="145"/>
      <c r="AA7933" s="145"/>
      <c r="AB7933" s="145"/>
      <c r="AC7933" s="145"/>
      <c r="AD7933" s="145"/>
      <c r="AE7933" s="145"/>
      <c r="AF7933" s="145"/>
      <c r="AG7933" s="145"/>
      <c r="AH7933" s="145"/>
      <c r="AI7933" s="145"/>
      <c r="AJ7933" s="145"/>
      <c r="AK7933" s="145"/>
      <c r="AL7933" s="145"/>
      <c r="AM7933" s="145"/>
      <c r="AN7933" s="145"/>
      <c r="AO7933" s="145"/>
      <c r="AP7933" s="145"/>
      <c r="AQ7933" s="145"/>
      <c r="AR7933" s="145"/>
      <c r="AS7933" s="145"/>
      <c r="AT7933" s="145"/>
      <c r="AU7933" s="145"/>
      <c r="AV7933" s="145"/>
      <c r="AW7933" s="145"/>
      <c r="AX7933" s="146"/>
      <c r="AY7933" s="146"/>
      <c r="AZ7933" s="146"/>
      <c r="BA7933" s="146"/>
      <c r="BB7933" s="221">
        <v>45884</v>
      </c>
    </row>
    <row r="7934" spans="1:54" s="238" customFormat="1" ht="13.95" customHeight="1" x14ac:dyDescent="0.25">
      <c r="A7934" s="256" t="s">
        <v>19018</v>
      </c>
      <c r="B7934" s="96" t="s">
        <v>20414</v>
      </c>
      <c r="C7934" s="267" t="s">
        <v>19019</v>
      </c>
      <c r="D7934" s="267" t="s">
        <v>19020</v>
      </c>
      <c r="E7934" s="268">
        <v>1984</v>
      </c>
      <c r="F7934" s="268">
        <v>117</v>
      </c>
      <c r="G7934" s="267" t="s">
        <v>12</v>
      </c>
      <c r="H7934" s="268">
        <v>0</v>
      </c>
      <c r="I7934" s="268">
        <v>0</v>
      </c>
      <c r="J7934" s="268">
        <v>0</v>
      </c>
      <c r="K7934" s="268">
        <v>0</v>
      </c>
      <c r="L7934" s="268">
        <v>0</v>
      </c>
      <c r="M7934" s="268">
        <v>0</v>
      </c>
      <c r="N7934" s="268">
        <v>0</v>
      </c>
      <c r="O7934" s="268">
        <v>1</v>
      </c>
      <c r="P7934" s="268">
        <v>0</v>
      </c>
      <c r="Q7934" s="268">
        <v>0</v>
      </c>
      <c r="R7934" s="268">
        <v>1</v>
      </c>
      <c r="S7934" s="268">
        <v>0</v>
      </c>
      <c r="T7934" s="268">
        <v>0</v>
      </c>
      <c r="U7934" s="145"/>
      <c r="V7934" s="145"/>
      <c r="W7934" s="145"/>
      <c r="X7934" s="145"/>
      <c r="Y7934" s="145"/>
      <c r="Z7934" s="145"/>
      <c r="AA7934" s="145"/>
      <c r="AB7934" s="145"/>
      <c r="AC7934" s="145"/>
      <c r="AD7934" s="145"/>
      <c r="AE7934" s="145"/>
      <c r="AF7934" s="145"/>
      <c r="AG7934" s="145"/>
      <c r="AH7934" s="145"/>
      <c r="AI7934" s="145"/>
      <c r="AJ7934" s="145"/>
      <c r="AK7934" s="145"/>
      <c r="AL7934" s="145"/>
      <c r="AM7934" s="145"/>
      <c r="AN7934" s="145"/>
      <c r="AO7934" s="145"/>
      <c r="AP7934" s="145"/>
      <c r="AQ7934" s="145"/>
      <c r="AR7934" s="145"/>
      <c r="AS7934" s="145"/>
      <c r="AT7934" s="145"/>
      <c r="AU7934" s="145"/>
      <c r="AV7934" s="145"/>
      <c r="AW7934" s="145"/>
      <c r="AX7934" s="146"/>
      <c r="AY7934" s="146"/>
      <c r="AZ7934" s="146"/>
      <c r="BA7934" s="146"/>
      <c r="BB7934" s="221">
        <v>45884</v>
      </c>
    </row>
    <row r="7935" spans="1:54" s="238" customFormat="1" ht="13.95" customHeight="1" x14ac:dyDescent="0.25">
      <c r="A7935" s="256" t="s">
        <v>19021</v>
      </c>
      <c r="B7935" s="96" t="s">
        <v>20414</v>
      </c>
      <c r="C7935" s="267" t="s">
        <v>19022</v>
      </c>
      <c r="D7935" s="267" t="s">
        <v>19023</v>
      </c>
      <c r="E7935" s="268">
        <v>1978</v>
      </c>
      <c r="F7935" s="268">
        <v>1449</v>
      </c>
      <c r="G7935" s="267" t="s">
        <v>12</v>
      </c>
      <c r="H7935" s="268">
        <v>0</v>
      </c>
      <c r="I7935" s="268">
        <v>0</v>
      </c>
      <c r="J7935" s="268">
        <v>1</v>
      </c>
      <c r="K7935" s="268">
        <v>1</v>
      </c>
      <c r="L7935" s="268">
        <v>1</v>
      </c>
      <c r="M7935" s="268">
        <v>0</v>
      </c>
      <c r="N7935" s="268">
        <v>0</v>
      </c>
      <c r="O7935" s="268">
        <v>1</v>
      </c>
      <c r="P7935" s="268">
        <v>1</v>
      </c>
      <c r="Q7935" s="268">
        <v>1</v>
      </c>
      <c r="R7935" s="268">
        <v>1</v>
      </c>
      <c r="S7935" s="268">
        <v>0</v>
      </c>
      <c r="T7935" s="268">
        <v>0</v>
      </c>
      <c r="U7935" s="145"/>
      <c r="V7935" s="145"/>
      <c r="W7935" s="145"/>
      <c r="X7935" s="145"/>
      <c r="Y7935" s="145"/>
      <c r="Z7935" s="145"/>
      <c r="AA7935" s="145"/>
      <c r="AB7935" s="145"/>
      <c r="AC7935" s="145"/>
      <c r="AD7935" s="145"/>
      <c r="AE7935" s="145"/>
      <c r="AF7935" s="145"/>
      <c r="AG7935" s="145"/>
      <c r="AH7935" s="145"/>
      <c r="AI7935" s="145"/>
      <c r="AJ7935" s="145"/>
      <c r="AK7935" s="145"/>
      <c r="AL7935" s="145"/>
      <c r="AM7935" s="145"/>
      <c r="AN7935" s="145"/>
      <c r="AO7935" s="145"/>
      <c r="AP7935" s="145"/>
      <c r="AQ7935" s="145"/>
      <c r="AR7935" s="145"/>
      <c r="AS7935" s="145"/>
      <c r="AT7935" s="145"/>
      <c r="AU7935" s="145"/>
      <c r="AV7935" s="145"/>
      <c r="AW7935" s="145"/>
      <c r="AX7935" s="146"/>
      <c r="AY7935" s="146"/>
      <c r="AZ7935" s="146"/>
      <c r="BA7935" s="146"/>
      <c r="BB7935" s="221">
        <v>45884</v>
      </c>
    </row>
    <row r="7936" spans="1:54" s="238" customFormat="1" ht="13.95" customHeight="1" x14ac:dyDescent="0.25">
      <c r="A7936" s="256" t="s">
        <v>19024</v>
      </c>
      <c r="B7936" s="96" t="s">
        <v>20414</v>
      </c>
      <c r="C7936" s="267" t="s">
        <v>19025</v>
      </c>
      <c r="D7936" s="267" t="s">
        <v>19026</v>
      </c>
      <c r="E7936" s="268">
        <v>1997</v>
      </c>
      <c r="F7936" s="268">
        <v>190</v>
      </c>
      <c r="G7936" s="267" t="s">
        <v>12</v>
      </c>
      <c r="H7936" s="268">
        <v>0</v>
      </c>
      <c r="I7936" s="268">
        <v>0</v>
      </c>
      <c r="J7936" s="268">
        <v>0</v>
      </c>
      <c r="K7936" s="268">
        <v>1</v>
      </c>
      <c r="L7936" s="268">
        <v>1</v>
      </c>
      <c r="M7936" s="268">
        <v>0</v>
      </c>
      <c r="N7936" s="268">
        <v>0</v>
      </c>
      <c r="O7936" s="268">
        <v>0</v>
      </c>
      <c r="P7936" s="268">
        <v>0</v>
      </c>
      <c r="Q7936" s="268">
        <v>0</v>
      </c>
      <c r="R7936" s="268">
        <v>0</v>
      </c>
      <c r="S7936" s="268">
        <v>0</v>
      </c>
      <c r="T7936" s="268">
        <v>0</v>
      </c>
      <c r="U7936" s="145"/>
      <c r="V7936" s="145"/>
      <c r="W7936" s="145"/>
      <c r="X7936" s="145"/>
      <c r="Y7936" s="145"/>
      <c r="Z7936" s="145"/>
      <c r="AA7936" s="145"/>
      <c r="AB7936" s="145"/>
      <c r="AC7936" s="145"/>
      <c r="AD7936" s="145"/>
      <c r="AE7936" s="145"/>
      <c r="AF7936" s="145"/>
      <c r="AG7936" s="145"/>
      <c r="AH7936" s="145"/>
      <c r="AI7936" s="145"/>
      <c r="AJ7936" s="145"/>
      <c r="AK7936" s="145"/>
      <c r="AL7936" s="145"/>
      <c r="AM7936" s="145"/>
      <c r="AN7936" s="145"/>
      <c r="AO7936" s="145"/>
      <c r="AP7936" s="145"/>
      <c r="AQ7936" s="145"/>
      <c r="AR7936" s="145"/>
      <c r="AS7936" s="145"/>
      <c r="AT7936" s="145"/>
      <c r="AU7936" s="145"/>
      <c r="AV7936" s="145"/>
      <c r="AW7936" s="145"/>
      <c r="AX7936" s="146"/>
      <c r="AY7936" s="146"/>
      <c r="AZ7936" s="146"/>
      <c r="BA7936" s="146"/>
      <c r="BB7936" s="221">
        <v>45884</v>
      </c>
    </row>
    <row r="7937" spans="1:75" s="238" customFormat="1" ht="13.95" customHeight="1" x14ac:dyDescent="0.25">
      <c r="A7937" s="256" t="s">
        <v>19027</v>
      </c>
      <c r="B7937" s="96" t="s">
        <v>20414</v>
      </c>
      <c r="C7937" s="267" t="s">
        <v>19028</v>
      </c>
      <c r="D7937" s="267" t="s">
        <v>19029</v>
      </c>
      <c r="E7937" s="268">
        <v>1980</v>
      </c>
      <c r="F7937" s="268">
        <v>1050</v>
      </c>
      <c r="G7937" s="267" t="s">
        <v>12</v>
      </c>
      <c r="H7937" s="268">
        <v>0</v>
      </c>
      <c r="I7937" s="268">
        <v>0</v>
      </c>
      <c r="J7937" s="268">
        <v>1</v>
      </c>
      <c r="K7937" s="268">
        <v>0</v>
      </c>
      <c r="L7937" s="268">
        <v>1</v>
      </c>
      <c r="M7937" s="268">
        <v>0</v>
      </c>
      <c r="N7937" s="268">
        <v>0</v>
      </c>
      <c r="O7937" s="268">
        <v>1</v>
      </c>
      <c r="P7937" s="268">
        <v>1</v>
      </c>
      <c r="Q7937" s="268">
        <v>0</v>
      </c>
      <c r="R7937" s="268">
        <v>1</v>
      </c>
      <c r="S7937" s="268">
        <v>0</v>
      </c>
      <c r="T7937" s="268">
        <v>0</v>
      </c>
      <c r="U7937" s="145"/>
      <c r="V7937" s="145"/>
      <c r="W7937" s="145"/>
      <c r="X7937" s="145"/>
      <c r="Y7937" s="145"/>
      <c r="Z7937" s="145"/>
      <c r="AA7937" s="145"/>
      <c r="AB7937" s="145"/>
      <c r="AC7937" s="145"/>
      <c r="AD7937" s="145"/>
      <c r="AE7937" s="145"/>
      <c r="AF7937" s="145"/>
      <c r="AG7937" s="145"/>
      <c r="AH7937" s="145"/>
      <c r="AI7937" s="145"/>
      <c r="AJ7937" s="145"/>
      <c r="AK7937" s="145"/>
      <c r="AL7937" s="145"/>
      <c r="AM7937" s="145"/>
      <c r="AN7937" s="145"/>
      <c r="AO7937" s="145"/>
      <c r="AP7937" s="145"/>
      <c r="AQ7937" s="145"/>
      <c r="AR7937" s="145"/>
      <c r="AS7937" s="145"/>
      <c r="AT7937" s="145"/>
      <c r="AU7937" s="145"/>
      <c r="AV7937" s="145"/>
      <c r="AW7937" s="145"/>
      <c r="AX7937" s="146"/>
      <c r="AY7937" s="146"/>
      <c r="AZ7937" s="146"/>
      <c r="BA7937" s="146"/>
      <c r="BB7937" s="221">
        <v>45884</v>
      </c>
    </row>
    <row r="7938" spans="1:75" s="238" customFormat="1" ht="13.95" customHeight="1" x14ac:dyDescent="0.25">
      <c r="A7938" s="256" t="s">
        <v>19030</v>
      </c>
      <c r="B7938" s="96" t="s">
        <v>20414</v>
      </c>
      <c r="C7938" s="267" t="s">
        <v>19031</v>
      </c>
      <c r="D7938" s="267" t="s">
        <v>19032</v>
      </c>
      <c r="E7938" s="268">
        <v>1982</v>
      </c>
      <c r="F7938" s="268">
        <v>245</v>
      </c>
      <c r="G7938" s="267" t="s">
        <v>12</v>
      </c>
      <c r="H7938" s="268">
        <v>0</v>
      </c>
      <c r="I7938" s="268">
        <v>0</v>
      </c>
      <c r="J7938" s="268">
        <v>0</v>
      </c>
      <c r="K7938" s="268">
        <v>0</v>
      </c>
      <c r="L7938" s="268">
        <v>0</v>
      </c>
      <c r="M7938" s="268">
        <v>0</v>
      </c>
      <c r="N7938" s="268">
        <v>0</v>
      </c>
      <c r="O7938" s="268">
        <v>1</v>
      </c>
      <c r="P7938" s="268">
        <v>1</v>
      </c>
      <c r="Q7938" s="268">
        <v>0</v>
      </c>
      <c r="R7938" s="268">
        <v>1</v>
      </c>
      <c r="S7938" s="268">
        <v>0</v>
      </c>
      <c r="T7938" s="268">
        <v>0</v>
      </c>
      <c r="U7938" s="145"/>
      <c r="V7938" s="145"/>
      <c r="W7938" s="145"/>
      <c r="X7938" s="145"/>
      <c r="Y7938" s="145"/>
      <c r="Z7938" s="145"/>
      <c r="AA7938" s="145"/>
      <c r="AB7938" s="145"/>
      <c r="AC7938" s="145"/>
      <c r="AD7938" s="145"/>
      <c r="AE7938" s="145"/>
      <c r="AF7938" s="145"/>
      <c r="AG7938" s="145"/>
      <c r="AH7938" s="145"/>
      <c r="AI7938" s="145"/>
      <c r="AJ7938" s="145"/>
      <c r="AK7938" s="145"/>
      <c r="AL7938" s="145"/>
      <c r="AM7938" s="145"/>
      <c r="AN7938" s="145"/>
      <c r="AO7938" s="145"/>
      <c r="AP7938" s="145"/>
      <c r="AQ7938" s="145"/>
      <c r="AR7938" s="145"/>
      <c r="AS7938" s="145"/>
      <c r="AT7938" s="145"/>
      <c r="AU7938" s="145"/>
      <c r="AV7938" s="145"/>
      <c r="AW7938" s="145"/>
      <c r="AX7938" s="146"/>
      <c r="AY7938" s="146"/>
      <c r="AZ7938" s="146"/>
      <c r="BA7938" s="146"/>
      <c r="BB7938" s="221">
        <v>45884</v>
      </c>
    </row>
    <row r="7939" spans="1:75" s="238" customFormat="1" ht="13.95" customHeight="1" x14ac:dyDescent="0.25">
      <c r="A7939" s="256" t="s">
        <v>19033</v>
      </c>
      <c r="B7939" s="96" t="s">
        <v>20414</v>
      </c>
      <c r="C7939" s="267" t="s">
        <v>19034</v>
      </c>
      <c r="D7939" s="267" t="s">
        <v>19035</v>
      </c>
      <c r="E7939" s="268">
        <v>1982</v>
      </c>
      <c r="F7939" s="268">
        <v>500</v>
      </c>
      <c r="G7939" s="267" t="s">
        <v>12</v>
      </c>
      <c r="H7939" s="268">
        <v>0</v>
      </c>
      <c r="I7939" s="268">
        <v>0</v>
      </c>
      <c r="J7939" s="268">
        <v>0</v>
      </c>
      <c r="K7939" s="268">
        <v>0</v>
      </c>
      <c r="L7939" s="268">
        <v>1</v>
      </c>
      <c r="M7939" s="268">
        <v>0</v>
      </c>
      <c r="N7939" s="268">
        <v>0</v>
      </c>
      <c r="O7939" s="268">
        <v>1</v>
      </c>
      <c r="P7939" s="268">
        <v>1</v>
      </c>
      <c r="Q7939" s="268">
        <v>0</v>
      </c>
      <c r="R7939" s="268">
        <v>1</v>
      </c>
      <c r="S7939" s="268">
        <v>0</v>
      </c>
      <c r="T7939" s="268">
        <v>0</v>
      </c>
      <c r="U7939" s="145"/>
      <c r="V7939" s="145"/>
      <c r="W7939" s="145"/>
      <c r="X7939" s="145"/>
      <c r="Y7939" s="145"/>
      <c r="Z7939" s="145"/>
      <c r="AA7939" s="145"/>
      <c r="AB7939" s="145"/>
      <c r="AC7939" s="145"/>
      <c r="AD7939" s="145"/>
      <c r="AE7939" s="145"/>
      <c r="AF7939" s="145"/>
      <c r="AG7939" s="145"/>
      <c r="AH7939" s="145"/>
      <c r="AI7939" s="145"/>
      <c r="AJ7939" s="145"/>
      <c r="AK7939" s="145"/>
      <c r="AL7939" s="145"/>
      <c r="AM7939" s="145"/>
      <c r="AN7939" s="145"/>
      <c r="AO7939" s="145"/>
      <c r="AP7939" s="145"/>
      <c r="AQ7939" s="145"/>
      <c r="AR7939" s="145"/>
      <c r="AS7939" s="145"/>
      <c r="AT7939" s="145"/>
      <c r="AU7939" s="145"/>
      <c r="AV7939" s="145"/>
      <c r="AW7939" s="145"/>
      <c r="AX7939" s="146"/>
      <c r="AY7939" s="146"/>
      <c r="AZ7939" s="146"/>
      <c r="BA7939" s="146"/>
      <c r="BB7939" s="221">
        <v>45884</v>
      </c>
    </row>
    <row r="7940" spans="1:75" s="238" customFormat="1" ht="13.95" customHeight="1" x14ac:dyDescent="0.25">
      <c r="A7940" s="256" t="s">
        <v>19036</v>
      </c>
      <c r="B7940" s="96" t="s">
        <v>20414</v>
      </c>
      <c r="C7940" s="267" t="s">
        <v>19037</v>
      </c>
      <c r="D7940" s="267" t="s">
        <v>19038</v>
      </c>
      <c r="E7940" s="268">
        <v>1991</v>
      </c>
      <c r="F7940" s="268">
        <v>283</v>
      </c>
      <c r="G7940" s="267" t="s">
        <v>12</v>
      </c>
      <c r="H7940" s="268">
        <v>0</v>
      </c>
      <c r="I7940" s="268">
        <v>0</v>
      </c>
      <c r="J7940" s="268">
        <v>0</v>
      </c>
      <c r="K7940" s="268">
        <v>1</v>
      </c>
      <c r="L7940" s="268">
        <v>1</v>
      </c>
      <c r="M7940" s="268">
        <v>0</v>
      </c>
      <c r="N7940" s="268">
        <v>0</v>
      </c>
      <c r="O7940" s="268">
        <v>1</v>
      </c>
      <c r="P7940" s="268">
        <v>1</v>
      </c>
      <c r="Q7940" s="268">
        <v>0</v>
      </c>
      <c r="R7940" s="268">
        <v>0</v>
      </c>
      <c r="S7940" s="268">
        <v>0</v>
      </c>
      <c r="T7940" s="268">
        <v>0</v>
      </c>
      <c r="U7940" s="145"/>
      <c r="V7940" s="145"/>
      <c r="W7940" s="145"/>
      <c r="X7940" s="145"/>
      <c r="Y7940" s="145"/>
      <c r="Z7940" s="145"/>
      <c r="AA7940" s="145"/>
      <c r="AB7940" s="145"/>
      <c r="AC7940" s="145"/>
      <c r="AD7940" s="145"/>
      <c r="AE7940" s="145"/>
      <c r="AF7940" s="145"/>
      <c r="AG7940" s="145"/>
      <c r="AH7940" s="145"/>
      <c r="AI7940" s="145"/>
      <c r="AJ7940" s="145"/>
      <c r="AK7940" s="145"/>
      <c r="AL7940" s="145"/>
      <c r="AM7940" s="145"/>
      <c r="AN7940" s="145"/>
      <c r="AO7940" s="145"/>
      <c r="AP7940" s="145"/>
      <c r="AQ7940" s="145"/>
      <c r="AR7940" s="145"/>
      <c r="AS7940" s="145"/>
      <c r="AT7940" s="145"/>
      <c r="AU7940" s="145"/>
      <c r="AV7940" s="145"/>
      <c r="AW7940" s="145"/>
      <c r="AX7940" s="146"/>
      <c r="AY7940" s="146"/>
      <c r="AZ7940" s="146"/>
      <c r="BA7940" s="146"/>
      <c r="BB7940" s="221">
        <v>45884</v>
      </c>
    </row>
    <row r="7941" spans="1:75" s="238" customFormat="1" ht="13.95" customHeight="1" x14ac:dyDescent="0.25">
      <c r="A7941" s="256" t="s">
        <v>19039</v>
      </c>
      <c r="B7941" s="96" t="s">
        <v>20414</v>
      </c>
      <c r="C7941" s="267" t="s">
        <v>19040</v>
      </c>
      <c r="D7941" s="267" t="s">
        <v>19041</v>
      </c>
      <c r="E7941" s="268">
        <v>1992</v>
      </c>
      <c r="F7941" s="268">
        <v>753</v>
      </c>
      <c r="G7941" s="267" t="s">
        <v>12</v>
      </c>
      <c r="H7941" s="268">
        <v>0</v>
      </c>
      <c r="I7941" s="268">
        <v>0</v>
      </c>
      <c r="J7941" s="268">
        <v>0</v>
      </c>
      <c r="K7941" s="268">
        <v>0</v>
      </c>
      <c r="L7941" s="268">
        <v>1</v>
      </c>
      <c r="M7941" s="268">
        <v>0</v>
      </c>
      <c r="N7941" s="268">
        <v>0</v>
      </c>
      <c r="O7941" s="268">
        <v>0</v>
      </c>
      <c r="P7941" s="268">
        <v>0</v>
      </c>
      <c r="Q7941" s="268">
        <v>0</v>
      </c>
      <c r="R7941" s="268">
        <v>0</v>
      </c>
      <c r="S7941" s="268">
        <v>0</v>
      </c>
      <c r="T7941" s="268">
        <v>0</v>
      </c>
      <c r="U7941" s="145"/>
      <c r="V7941" s="145"/>
      <c r="W7941" s="145"/>
      <c r="X7941" s="145"/>
      <c r="Y7941" s="145"/>
      <c r="Z7941" s="145"/>
      <c r="AA7941" s="145"/>
      <c r="AB7941" s="145"/>
      <c r="AC7941" s="145"/>
      <c r="AD7941" s="145"/>
      <c r="AE7941" s="145"/>
      <c r="AF7941" s="145"/>
      <c r="AG7941" s="145"/>
      <c r="AH7941" s="145"/>
      <c r="AI7941" s="145"/>
      <c r="AJ7941" s="145"/>
      <c r="AK7941" s="145"/>
      <c r="AL7941" s="145"/>
      <c r="AM7941" s="145"/>
      <c r="AN7941" s="145"/>
      <c r="AO7941" s="145"/>
      <c r="AP7941" s="145"/>
      <c r="AQ7941" s="145"/>
      <c r="AR7941" s="145"/>
      <c r="AS7941" s="145"/>
      <c r="AT7941" s="145"/>
      <c r="AU7941" s="145"/>
      <c r="AV7941" s="145"/>
      <c r="AW7941" s="145"/>
      <c r="AX7941" s="146"/>
      <c r="AY7941" s="146"/>
      <c r="AZ7941" s="146"/>
      <c r="BA7941" s="146"/>
      <c r="BB7941" s="221">
        <v>45884</v>
      </c>
    </row>
    <row r="7942" spans="1:75" s="238" customFormat="1" ht="13.95" customHeight="1" x14ac:dyDescent="0.25">
      <c r="A7942" s="256" t="s">
        <v>19042</v>
      </c>
      <c r="B7942" s="96" t="s">
        <v>20414</v>
      </c>
      <c r="C7942" s="267" t="s">
        <v>19043</v>
      </c>
      <c r="D7942" s="267" t="s">
        <v>19044</v>
      </c>
      <c r="E7942" s="268">
        <v>1975</v>
      </c>
      <c r="F7942" s="268">
        <v>1152</v>
      </c>
      <c r="G7942" s="267" t="s">
        <v>12</v>
      </c>
      <c r="H7942" s="268">
        <v>0</v>
      </c>
      <c r="I7942" s="268">
        <v>0</v>
      </c>
      <c r="J7942" s="268">
        <v>0</v>
      </c>
      <c r="K7942" s="268">
        <v>1</v>
      </c>
      <c r="L7942" s="268">
        <v>0</v>
      </c>
      <c r="M7942" s="268">
        <v>0</v>
      </c>
      <c r="N7942" s="268">
        <v>0</v>
      </c>
      <c r="O7942" s="268">
        <v>0</v>
      </c>
      <c r="P7942" s="268">
        <v>1</v>
      </c>
      <c r="Q7942" s="268">
        <v>0</v>
      </c>
      <c r="R7942" s="268">
        <v>1</v>
      </c>
      <c r="S7942" s="268">
        <v>1</v>
      </c>
      <c r="T7942" s="268">
        <v>0</v>
      </c>
      <c r="U7942" s="145"/>
      <c r="V7942" s="145"/>
      <c r="W7942" s="145"/>
      <c r="X7942" s="145"/>
      <c r="Y7942" s="145"/>
      <c r="Z7942" s="145"/>
      <c r="AA7942" s="145"/>
      <c r="AB7942" s="145"/>
      <c r="AC7942" s="145"/>
      <c r="AD7942" s="145"/>
      <c r="AE7942" s="145"/>
      <c r="AF7942" s="145"/>
      <c r="AG7942" s="145"/>
      <c r="AH7942" s="145"/>
      <c r="AI7942" s="145"/>
      <c r="AJ7942" s="145"/>
      <c r="AK7942" s="145"/>
      <c r="AL7942" s="145"/>
      <c r="AM7942" s="145"/>
      <c r="AN7942" s="145"/>
      <c r="AO7942" s="145"/>
      <c r="AP7942" s="145"/>
      <c r="AQ7942" s="145"/>
      <c r="AR7942" s="145"/>
      <c r="AS7942" s="145"/>
      <c r="AT7942" s="145"/>
      <c r="AU7942" s="145"/>
      <c r="AV7942" s="145"/>
      <c r="AW7942" s="145"/>
      <c r="AX7942" s="146"/>
      <c r="AY7942" s="146"/>
      <c r="AZ7942" s="146"/>
      <c r="BA7942" s="146"/>
      <c r="BB7942" s="221">
        <v>45884</v>
      </c>
    </row>
    <row r="7943" spans="1:75" s="238" customFormat="1" ht="13.95" customHeight="1" x14ac:dyDescent="0.25">
      <c r="A7943" s="256" t="s">
        <v>19045</v>
      </c>
      <c r="B7943" s="96" t="s">
        <v>20414</v>
      </c>
      <c r="C7943" s="267" t="s">
        <v>19046</v>
      </c>
      <c r="D7943" s="267" t="s">
        <v>19047</v>
      </c>
      <c r="E7943" s="268" t="s">
        <v>174</v>
      </c>
      <c r="F7943" s="268">
        <v>330</v>
      </c>
      <c r="G7943" s="267" t="s">
        <v>12</v>
      </c>
      <c r="H7943" s="268">
        <v>0</v>
      </c>
      <c r="I7943" s="268">
        <v>0</v>
      </c>
      <c r="J7943" s="268">
        <v>0</v>
      </c>
      <c r="K7943" s="268">
        <v>1</v>
      </c>
      <c r="L7943" s="268">
        <v>1</v>
      </c>
      <c r="M7943" s="268">
        <v>0</v>
      </c>
      <c r="N7943" s="268">
        <v>0</v>
      </c>
      <c r="O7943" s="268">
        <v>1</v>
      </c>
      <c r="P7943" s="268">
        <v>1</v>
      </c>
      <c r="Q7943" s="268">
        <v>0</v>
      </c>
      <c r="R7943" s="268">
        <v>1</v>
      </c>
      <c r="S7943" s="268">
        <v>0</v>
      </c>
      <c r="T7943" s="268">
        <v>0</v>
      </c>
      <c r="U7943" s="145"/>
      <c r="V7943" s="145"/>
      <c r="W7943" s="145"/>
      <c r="X7943" s="145"/>
      <c r="Y7943" s="145"/>
      <c r="Z7943" s="145"/>
      <c r="AA7943" s="145"/>
      <c r="AB7943" s="145"/>
      <c r="AC7943" s="145"/>
      <c r="AD7943" s="145"/>
      <c r="AE7943" s="145"/>
      <c r="AF7943" s="145"/>
      <c r="AG7943" s="145"/>
      <c r="AH7943" s="145"/>
      <c r="AI7943" s="145"/>
      <c r="AJ7943" s="145"/>
      <c r="AK7943" s="145"/>
      <c r="AL7943" s="145"/>
      <c r="AM7943" s="145"/>
      <c r="AN7943" s="145"/>
      <c r="AO7943" s="145"/>
      <c r="AP7943" s="145"/>
      <c r="AQ7943" s="145"/>
      <c r="AR7943" s="145"/>
      <c r="AS7943" s="145"/>
      <c r="AT7943" s="145"/>
      <c r="AU7943" s="145"/>
      <c r="AV7943" s="145"/>
      <c r="AW7943" s="145"/>
      <c r="AX7943" s="146"/>
      <c r="AY7943" s="146"/>
      <c r="AZ7943" s="146"/>
      <c r="BA7943" s="146"/>
      <c r="BB7943" s="221">
        <v>45884</v>
      </c>
    </row>
    <row r="7944" spans="1:75" s="238" customFormat="1" ht="13.95" customHeight="1" x14ac:dyDescent="0.25">
      <c r="A7944" s="256" t="s">
        <v>19048</v>
      </c>
      <c r="B7944" s="96" t="s">
        <v>20414</v>
      </c>
      <c r="C7944" s="267" t="s">
        <v>19049</v>
      </c>
      <c r="D7944" s="267" t="s">
        <v>19050</v>
      </c>
      <c r="E7944" s="268">
        <v>1982</v>
      </c>
      <c r="F7944" s="268">
        <v>400</v>
      </c>
      <c r="G7944" s="267" t="s">
        <v>12</v>
      </c>
      <c r="H7944" s="268">
        <v>0</v>
      </c>
      <c r="I7944" s="268">
        <v>0</v>
      </c>
      <c r="J7944" s="268">
        <v>1</v>
      </c>
      <c r="K7944" s="268">
        <v>0</v>
      </c>
      <c r="L7944" s="268">
        <v>1</v>
      </c>
      <c r="M7944" s="268">
        <v>0</v>
      </c>
      <c r="N7944" s="268">
        <v>0</v>
      </c>
      <c r="O7944" s="268">
        <v>0</v>
      </c>
      <c r="P7944" s="268">
        <v>1</v>
      </c>
      <c r="Q7944" s="268">
        <v>1</v>
      </c>
      <c r="R7944" s="268">
        <v>1</v>
      </c>
      <c r="S7944" s="268">
        <v>0</v>
      </c>
      <c r="T7944" s="268">
        <v>0</v>
      </c>
      <c r="U7944" s="145"/>
      <c r="V7944" s="145"/>
      <c r="W7944" s="145"/>
      <c r="X7944" s="145"/>
      <c r="Y7944" s="145"/>
      <c r="Z7944" s="145"/>
      <c r="AA7944" s="145"/>
      <c r="AB7944" s="145"/>
      <c r="AC7944" s="145"/>
      <c r="AD7944" s="145"/>
      <c r="AE7944" s="145"/>
      <c r="AF7944" s="145"/>
      <c r="AG7944" s="145"/>
      <c r="AH7944" s="145"/>
      <c r="AI7944" s="145"/>
      <c r="AJ7944" s="145"/>
      <c r="AK7944" s="145"/>
      <c r="AL7944" s="145"/>
      <c r="AM7944" s="145"/>
      <c r="AN7944" s="145"/>
      <c r="AO7944" s="145"/>
      <c r="AP7944" s="145"/>
      <c r="AQ7944" s="145"/>
      <c r="AR7944" s="145"/>
      <c r="AS7944" s="145"/>
      <c r="AT7944" s="145"/>
      <c r="AU7944" s="145"/>
      <c r="AV7944" s="145"/>
      <c r="AW7944" s="145"/>
      <c r="AX7944" s="146"/>
      <c r="AY7944" s="146"/>
      <c r="AZ7944" s="146"/>
      <c r="BA7944" s="146"/>
      <c r="BB7944" s="221">
        <v>45884</v>
      </c>
    </row>
    <row r="7945" spans="1:75" s="238" customFormat="1" ht="13.95" customHeight="1" x14ac:dyDescent="0.25">
      <c r="A7945" s="256" t="s">
        <v>19051</v>
      </c>
      <c r="B7945" s="96" t="s">
        <v>20414</v>
      </c>
      <c r="C7945" s="267" t="s">
        <v>5695</v>
      </c>
      <c r="D7945" s="267" t="s">
        <v>19052</v>
      </c>
      <c r="E7945" s="268">
        <v>1987</v>
      </c>
      <c r="F7945" s="268">
        <v>113665</v>
      </c>
      <c r="G7945" s="267" t="s">
        <v>6</v>
      </c>
      <c r="H7945" s="268">
        <v>1</v>
      </c>
      <c r="I7945" s="268">
        <v>1</v>
      </c>
      <c r="J7945" s="268">
        <v>1</v>
      </c>
      <c r="K7945" s="268">
        <v>0</v>
      </c>
      <c r="L7945" s="268">
        <v>0</v>
      </c>
      <c r="M7945" s="268">
        <v>1</v>
      </c>
      <c r="N7945" s="268">
        <v>0</v>
      </c>
      <c r="O7945" s="268">
        <v>0</v>
      </c>
      <c r="P7945" s="268">
        <v>1</v>
      </c>
      <c r="Q7945" s="268">
        <v>0</v>
      </c>
      <c r="R7945" s="268">
        <v>0</v>
      </c>
      <c r="S7945" s="268">
        <v>0</v>
      </c>
      <c r="T7945" s="268">
        <v>0</v>
      </c>
      <c r="U7945" s="268">
        <v>1</v>
      </c>
      <c r="V7945" s="268">
        <v>0</v>
      </c>
      <c r="W7945" s="268">
        <v>1</v>
      </c>
      <c r="X7945" s="268">
        <v>0</v>
      </c>
      <c r="Y7945" s="268">
        <v>0</v>
      </c>
      <c r="Z7945" s="268">
        <v>0</v>
      </c>
      <c r="AA7945" s="268">
        <v>0</v>
      </c>
      <c r="AB7945" s="268">
        <v>0</v>
      </c>
      <c r="AC7945" s="268">
        <v>0</v>
      </c>
      <c r="AD7945" s="268">
        <v>0</v>
      </c>
      <c r="AE7945" s="268">
        <v>0</v>
      </c>
      <c r="AF7945" s="268">
        <v>0</v>
      </c>
      <c r="AG7945" s="268">
        <v>0</v>
      </c>
      <c r="AH7945" s="268">
        <v>0</v>
      </c>
      <c r="AI7945" s="268">
        <v>0</v>
      </c>
      <c r="AJ7945" s="268">
        <v>0</v>
      </c>
      <c r="AK7945" s="268">
        <v>0</v>
      </c>
      <c r="AL7945" s="268">
        <v>0</v>
      </c>
      <c r="AM7945" s="268">
        <v>0</v>
      </c>
      <c r="AN7945" s="268">
        <v>0</v>
      </c>
      <c r="AO7945" s="268">
        <v>1</v>
      </c>
      <c r="AP7945" s="268">
        <v>0</v>
      </c>
      <c r="AQ7945" s="268">
        <v>0</v>
      </c>
      <c r="AR7945" s="268">
        <v>0</v>
      </c>
      <c r="AS7945" s="268">
        <v>0</v>
      </c>
      <c r="AT7945" s="268" t="s">
        <v>174</v>
      </c>
      <c r="AU7945" s="268">
        <v>0</v>
      </c>
      <c r="AV7945" s="268">
        <v>0</v>
      </c>
      <c r="AW7945" s="268">
        <v>0</v>
      </c>
      <c r="AX7945" s="270" t="s">
        <v>18954</v>
      </c>
      <c r="AY7945" s="270" t="s">
        <v>18955</v>
      </c>
      <c r="AZ7945" s="270"/>
      <c r="BA7945" s="288"/>
      <c r="BB7945" s="221">
        <v>45884</v>
      </c>
    </row>
    <row r="7946" spans="1:75" s="238" customFormat="1" ht="13.95" customHeight="1" x14ac:dyDescent="0.25">
      <c r="A7946" s="256" t="s">
        <v>21558</v>
      </c>
      <c r="B7946" s="96" t="s">
        <v>20414</v>
      </c>
      <c r="C7946" s="267" t="s">
        <v>20348</v>
      </c>
      <c r="D7946" s="267" t="s">
        <v>20415</v>
      </c>
      <c r="E7946" s="268">
        <v>2018</v>
      </c>
      <c r="F7946" s="268">
        <v>380</v>
      </c>
      <c r="G7946" s="267" t="s">
        <v>12</v>
      </c>
      <c r="H7946" s="268">
        <v>0</v>
      </c>
      <c r="I7946" s="268">
        <v>0</v>
      </c>
      <c r="J7946" s="268">
        <v>0</v>
      </c>
      <c r="K7946" s="268">
        <v>0</v>
      </c>
      <c r="L7946" s="268">
        <v>0</v>
      </c>
      <c r="M7946" s="268">
        <v>0</v>
      </c>
      <c r="N7946" s="268">
        <v>0</v>
      </c>
      <c r="O7946" s="268">
        <v>0</v>
      </c>
      <c r="P7946" s="268">
        <v>0</v>
      </c>
      <c r="Q7946" s="268">
        <v>0</v>
      </c>
      <c r="R7946" s="268">
        <v>0</v>
      </c>
      <c r="S7946" s="268">
        <v>0</v>
      </c>
      <c r="T7946" s="268">
        <v>0</v>
      </c>
      <c r="U7946" s="268"/>
      <c r="V7946" s="268"/>
      <c r="W7946" s="268"/>
      <c r="X7946" s="268"/>
      <c r="Y7946" s="268"/>
      <c r="Z7946" s="268"/>
      <c r="AA7946" s="268"/>
      <c r="AB7946" s="268"/>
      <c r="AC7946" s="268"/>
      <c r="AD7946" s="268"/>
      <c r="AE7946" s="268"/>
      <c r="AF7946" s="268"/>
      <c r="AG7946" s="268"/>
      <c r="AH7946" s="268"/>
      <c r="AI7946" s="268"/>
      <c r="AJ7946" s="268"/>
      <c r="AK7946" s="268"/>
      <c r="AL7946" s="268"/>
      <c r="AM7946" s="268"/>
      <c r="AN7946" s="268"/>
      <c r="AO7946" s="268"/>
      <c r="AP7946" s="268"/>
      <c r="AQ7946" s="268"/>
      <c r="AR7946" s="268"/>
      <c r="AS7946" s="268"/>
      <c r="AT7946" s="268"/>
      <c r="AU7946" s="268"/>
      <c r="AV7946" s="268"/>
      <c r="AW7946" s="268"/>
      <c r="AX7946" s="270"/>
      <c r="AY7946" s="270"/>
      <c r="AZ7946" s="270"/>
      <c r="BA7946" s="270"/>
      <c r="BB7946" s="221">
        <v>45884</v>
      </c>
      <c r="BC7946" s="18"/>
      <c r="BD7946" s="18"/>
      <c r="BE7946" s="18"/>
      <c r="BF7946" s="18"/>
      <c r="BG7946" s="18"/>
      <c r="BH7946" s="18"/>
      <c r="BI7946" s="18"/>
      <c r="BJ7946" s="18"/>
      <c r="BK7946" s="18"/>
      <c r="BL7946" s="18"/>
      <c r="BM7946" s="18"/>
      <c r="BN7946" s="18"/>
      <c r="BO7946" s="18"/>
      <c r="BP7946" s="18"/>
      <c r="BQ7946" s="18"/>
      <c r="BR7946" s="18"/>
      <c r="BS7946" s="18"/>
      <c r="BT7946" s="18"/>
      <c r="BU7946" s="18"/>
      <c r="BV7946" s="18"/>
      <c r="BW7946" s="18"/>
    </row>
    <row r="7947" spans="1:75" ht="12" customHeight="1" x14ac:dyDescent="0.25">
      <c r="A7947" s="15" t="s">
        <v>19053</v>
      </c>
      <c r="B7947" s="110" t="s">
        <v>19054</v>
      </c>
      <c r="C7947" s="98" t="s">
        <v>19055</v>
      </c>
      <c r="D7947" s="98" t="s">
        <v>19056</v>
      </c>
      <c r="E7947" s="98">
        <v>1995</v>
      </c>
      <c r="F7947" s="98">
        <v>17200</v>
      </c>
      <c r="G7947" s="98" t="s">
        <v>1</v>
      </c>
      <c r="H7947" s="98">
        <v>1</v>
      </c>
      <c r="I7947" s="189">
        <v>1</v>
      </c>
      <c r="J7947" s="98">
        <v>1</v>
      </c>
      <c r="K7947" s="98">
        <v>0</v>
      </c>
      <c r="L7947" s="98">
        <v>0</v>
      </c>
      <c r="M7947" s="98">
        <v>0</v>
      </c>
      <c r="N7947" s="98">
        <v>0</v>
      </c>
      <c r="O7947" s="98">
        <v>0</v>
      </c>
      <c r="P7947" s="98">
        <v>0</v>
      </c>
      <c r="Q7947" s="98">
        <v>0</v>
      </c>
      <c r="R7947" s="98">
        <v>0</v>
      </c>
      <c r="S7947" s="98">
        <v>0</v>
      </c>
      <c r="T7947" s="98">
        <v>0</v>
      </c>
      <c r="U7947" s="99"/>
      <c r="V7947" s="99"/>
      <c r="W7947" s="99"/>
      <c r="X7947" s="99"/>
      <c r="Y7947" s="99"/>
      <c r="Z7947" s="99"/>
      <c r="AA7947" s="99"/>
      <c r="AB7947" s="99"/>
      <c r="AC7947" s="99"/>
      <c r="AD7947" s="99"/>
      <c r="AE7947" s="99"/>
      <c r="AF7947" s="99"/>
      <c r="AG7947" s="99"/>
      <c r="AH7947" s="99"/>
      <c r="AI7947" s="99"/>
      <c r="AJ7947" s="99"/>
      <c r="AK7947" s="99"/>
      <c r="AL7947" s="99"/>
      <c r="AM7947" s="99"/>
      <c r="AN7947" s="99"/>
      <c r="AO7947" s="98">
        <v>1</v>
      </c>
      <c r="AP7947" s="99"/>
      <c r="AQ7947" s="99"/>
      <c r="AR7947" s="99"/>
      <c r="AS7947" s="99"/>
      <c r="AT7947" s="99"/>
      <c r="AU7947" s="98">
        <v>1</v>
      </c>
      <c r="AV7947" s="99"/>
      <c r="AW7947" s="98">
        <v>1</v>
      </c>
      <c r="AX7947" s="99"/>
      <c r="AY7947" s="98" t="s">
        <v>19057</v>
      </c>
      <c r="AZ7947" s="98" t="s">
        <v>22107</v>
      </c>
      <c r="BA7947" s="98" t="s">
        <v>19058</v>
      </c>
      <c r="BB7947" s="107">
        <v>45447</v>
      </c>
    </row>
    <row r="7948" spans="1:75" ht="12" customHeight="1" x14ac:dyDescent="0.25">
      <c r="A7948" s="15" t="s">
        <v>19059</v>
      </c>
      <c r="B7948" s="110" t="s">
        <v>19054</v>
      </c>
      <c r="C7948" s="98" t="s">
        <v>19060</v>
      </c>
      <c r="D7948" s="98" t="s">
        <v>19061</v>
      </c>
      <c r="E7948" s="98">
        <v>2003</v>
      </c>
      <c r="F7948" s="98">
        <v>25900</v>
      </c>
      <c r="G7948" s="98" t="s">
        <v>1</v>
      </c>
      <c r="H7948" s="98">
        <v>1</v>
      </c>
      <c r="I7948" s="98">
        <v>1</v>
      </c>
      <c r="J7948" s="98">
        <v>1</v>
      </c>
      <c r="K7948" s="98">
        <v>0</v>
      </c>
      <c r="L7948" s="98">
        <v>0</v>
      </c>
      <c r="M7948" s="98">
        <v>0</v>
      </c>
      <c r="N7948" s="98">
        <v>0</v>
      </c>
      <c r="O7948" s="98">
        <v>0</v>
      </c>
      <c r="P7948" s="98">
        <v>0</v>
      </c>
      <c r="Q7948" s="98">
        <v>0</v>
      </c>
      <c r="R7948" s="98">
        <v>0</v>
      </c>
      <c r="S7948" s="98">
        <v>0</v>
      </c>
      <c r="T7948" s="98">
        <v>0</v>
      </c>
      <c r="U7948" s="98">
        <v>0</v>
      </c>
      <c r="V7948" s="98">
        <v>0</v>
      </c>
      <c r="W7948" s="98">
        <v>0</v>
      </c>
      <c r="X7948" s="98">
        <v>0</v>
      </c>
      <c r="Y7948" s="98">
        <v>0</v>
      </c>
      <c r="Z7948" s="98">
        <v>0</v>
      </c>
      <c r="AA7948" s="98">
        <v>0</v>
      </c>
      <c r="AB7948" s="98">
        <v>0</v>
      </c>
      <c r="AC7948" s="98">
        <v>0</v>
      </c>
      <c r="AD7948" s="98">
        <v>0</v>
      </c>
      <c r="AE7948" s="98">
        <v>0</v>
      </c>
      <c r="AF7948" s="98">
        <v>0</v>
      </c>
      <c r="AG7948" s="98">
        <v>0</v>
      </c>
      <c r="AH7948" s="98">
        <v>0</v>
      </c>
      <c r="AI7948" s="98">
        <v>0</v>
      </c>
      <c r="AJ7948" s="98">
        <v>0</v>
      </c>
      <c r="AK7948" s="98">
        <v>0</v>
      </c>
      <c r="AL7948" s="98">
        <v>0</v>
      </c>
      <c r="AM7948" s="98">
        <v>0</v>
      </c>
      <c r="AN7948" s="98">
        <v>0</v>
      </c>
      <c r="AO7948" s="98">
        <v>1</v>
      </c>
      <c r="AP7948" s="98">
        <v>0</v>
      </c>
      <c r="AQ7948" s="98">
        <v>0</v>
      </c>
      <c r="AR7948" s="98">
        <v>0</v>
      </c>
      <c r="AS7948" s="98">
        <v>1</v>
      </c>
      <c r="AT7948" s="141">
        <v>0</v>
      </c>
      <c r="AU7948" s="98">
        <v>1</v>
      </c>
      <c r="AV7948" s="98">
        <v>0</v>
      </c>
      <c r="AW7948" s="98">
        <v>1</v>
      </c>
      <c r="AX7948" s="98" t="s">
        <v>19062</v>
      </c>
      <c r="AY7948" s="98" t="s">
        <v>19057</v>
      </c>
      <c r="AZ7948" s="154" t="s">
        <v>22108</v>
      </c>
      <c r="BA7948" s="98" t="s">
        <v>19063</v>
      </c>
      <c r="BB7948" s="107">
        <v>45447</v>
      </c>
    </row>
    <row r="7949" spans="1:75" ht="12" customHeight="1" x14ac:dyDescent="0.25">
      <c r="A7949" s="15" t="s">
        <v>19064</v>
      </c>
      <c r="B7949" s="110" t="s">
        <v>19054</v>
      </c>
      <c r="C7949" s="98" t="s">
        <v>19065</v>
      </c>
      <c r="D7949" s="98" t="s">
        <v>19066</v>
      </c>
      <c r="E7949" s="98">
        <v>1998</v>
      </c>
      <c r="F7949" s="98">
        <v>178000</v>
      </c>
      <c r="G7949" s="98" t="s">
        <v>0</v>
      </c>
      <c r="H7949" s="98">
        <v>1</v>
      </c>
      <c r="I7949" s="98">
        <v>1</v>
      </c>
      <c r="J7949" s="98">
        <v>1</v>
      </c>
      <c r="K7949" s="98">
        <v>1</v>
      </c>
      <c r="L7949" s="98">
        <v>1</v>
      </c>
      <c r="M7949" s="98">
        <v>1</v>
      </c>
      <c r="N7949" s="98">
        <v>1</v>
      </c>
      <c r="O7949" s="98">
        <v>0</v>
      </c>
      <c r="P7949" s="190">
        <v>0</v>
      </c>
      <c r="Q7949" s="98">
        <v>1</v>
      </c>
      <c r="R7949" s="98">
        <v>0</v>
      </c>
      <c r="S7949" s="190">
        <v>0</v>
      </c>
      <c r="T7949" s="190">
        <v>0</v>
      </c>
      <c r="U7949" s="98">
        <v>1</v>
      </c>
      <c r="V7949" s="190">
        <v>1</v>
      </c>
      <c r="W7949" s="98">
        <v>1</v>
      </c>
      <c r="X7949" s="98">
        <v>1</v>
      </c>
      <c r="Y7949" s="98">
        <v>1</v>
      </c>
      <c r="Z7949" s="98">
        <v>0</v>
      </c>
      <c r="AA7949" s="98">
        <v>0</v>
      </c>
      <c r="AB7949" s="98">
        <v>1</v>
      </c>
      <c r="AC7949" s="98">
        <v>0</v>
      </c>
      <c r="AD7949" s="98">
        <v>0</v>
      </c>
      <c r="AE7949" s="98">
        <v>0</v>
      </c>
      <c r="AF7949" s="98">
        <v>0</v>
      </c>
      <c r="AG7949" s="98">
        <v>0</v>
      </c>
      <c r="AH7949" s="98">
        <v>0</v>
      </c>
      <c r="AI7949" s="98">
        <v>0</v>
      </c>
      <c r="AJ7949" s="98">
        <v>0</v>
      </c>
      <c r="AK7949" s="98">
        <v>0</v>
      </c>
      <c r="AL7949" s="98">
        <v>0</v>
      </c>
      <c r="AM7949" s="191">
        <v>1</v>
      </c>
      <c r="AN7949" s="98">
        <v>1</v>
      </c>
      <c r="AO7949" s="98">
        <v>1</v>
      </c>
      <c r="AP7949" s="98">
        <v>0</v>
      </c>
      <c r="AQ7949" s="98">
        <v>0</v>
      </c>
      <c r="AR7949" s="98">
        <v>1</v>
      </c>
      <c r="AS7949" s="98">
        <v>1</v>
      </c>
      <c r="AT7949" s="98">
        <v>1</v>
      </c>
      <c r="AU7949" s="98">
        <v>1</v>
      </c>
      <c r="AV7949" s="98">
        <v>0</v>
      </c>
      <c r="AW7949" s="98">
        <v>1</v>
      </c>
      <c r="AX7949" s="98" t="s">
        <v>22229</v>
      </c>
      <c r="AY7949" s="98" t="s">
        <v>19067</v>
      </c>
      <c r="AZ7949" s="98" t="s">
        <v>20349</v>
      </c>
      <c r="BA7949" s="98" t="s">
        <v>22230</v>
      </c>
      <c r="BB7949" s="107">
        <v>45447</v>
      </c>
    </row>
    <row r="7950" spans="1:75" ht="13.95" customHeight="1" x14ac:dyDescent="0.25">
      <c r="A7950" s="15" t="s">
        <v>19068</v>
      </c>
      <c r="B7950" s="110" t="s">
        <v>19069</v>
      </c>
      <c r="C7950" s="98" t="s">
        <v>19070</v>
      </c>
      <c r="D7950" s="98" t="s">
        <v>19071</v>
      </c>
      <c r="E7950" s="98">
        <v>1989</v>
      </c>
      <c r="F7950" s="98">
        <v>750</v>
      </c>
      <c r="G7950" s="98" t="s">
        <v>1</v>
      </c>
      <c r="H7950" s="190">
        <v>1</v>
      </c>
      <c r="I7950" s="190">
        <v>1</v>
      </c>
      <c r="J7950" s="98">
        <v>1</v>
      </c>
      <c r="K7950" s="98">
        <v>0</v>
      </c>
      <c r="L7950" s="98">
        <v>1</v>
      </c>
      <c r="M7950" s="98">
        <v>1</v>
      </c>
      <c r="N7950" s="98">
        <v>0</v>
      </c>
      <c r="O7950" s="98">
        <v>1</v>
      </c>
      <c r="P7950" s="98">
        <v>1</v>
      </c>
      <c r="Q7950" s="98">
        <v>0</v>
      </c>
      <c r="R7950" s="98">
        <v>0</v>
      </c>
      <c r="S7950" s="98">
        <v>0</v>
      </c>
      <c r="T7950" s="98">
        <v>0</v>
      </c>
      <c r="U7950" s="99"/>
      <c r="V7950" s="99"/>
      <c r="W7950" s="99"/>
      <c r="X7950" s="99"/>
      <c r="Y7950" s="99"/>
      <c r="Z7950" s="99"/>
      <c r="AA7950" s="99"/>
      <c r="AB7950" s="99"/>
      <c r="AC7950" s="99"/>
      <c r="AD7950" s="99"/>
      <c r="AE7950" s="99"/>
      <c r="AF7950" s="99"/>
      <c r="AG7950" s="99"/>
      <c r="AH7950" s="99"/>
      <c r="AI7950" s="99"/>
      <c r="AJ7950" s="99"/>
      <c r="AK7950" s="99"/>
      <c r="AL7950" s="99"/>
      <c r="AM7950" s="99"/>
      <c r="AN7950" s="99"/>
      <c r="AO7950" s="99"/>
      <c r="AP7950" s="99"/>
      <c r="AQ7950" s="99"/>
      <c r="AR7950" s="99"/>
      <c r="AS7950" s="99"/>
      <c r="AT7950" s="99"/>
      <c r="AU7950" s="99"/>
      <c r="AV7950" s="99"/>
      <c r="AW7950" s="99"/>
      <c r="AX7950" s="99"/>
      <c r="AY7950" s="99"/>
      <c r="AZ7950" s="99"/>
      <c r="BA7950" s="99"/>
      <c r="BB7950" s="107">
        <v>45065</v>
      </c>
    </row>
    <row r="7951" spans="1:75" ht="13.95" customHeight="1" x14ac:dyDescent="0.25">
      <c r="A7951" s="15" t="s">
        <v>19072</v>
      </c>
      <c r="B7951" s="110" t="s">
        <v>19069</v>
      </c>
      <c r="C7951" s="98" t="s">
        <v>19073</v>
      </c>
      <c r="D7951" s="98" t="s">
        <v>19074</v>
      </c>
      <c r="E7951" s="98">
        <v>1984</v>
      </c>
      <c r="F7951" s="190">
        <v>887</v>
      </c>
      <c r="G7951" s="98" t="s">
        <v>1</v>
      </c>
      <c r="H7951" s="98">
        <v>1</v>
      </c>
      <c r="I7951" s="190">
        <v>1</v>
      </c>
      <c r="J7951" s="98">
        <v>1</v>
      </c>
      <c r="K7951" s="98">
        <v>0</v>
      </c>
      <c r="L7951" s="98">
        <v>1</v>
      </c>
      <c r="M7951" s="98">
        <v>1</v>
      </c>
      <c r="N7951" s="98">
        <v>0</v>
      </c>
      <c r="O7951" s="98">
        <v>0</v>
      </c>
      <c r="P7951" s="98">
        <v>1</v>
      </c>
      <c r="Q7951" s="98">
        <v>0</v>
      </c>
      <c r="R7951" s="98">
        <v>0</v>
      </c>
      <c r="S7951" s="98">
        <v>0</v>
      </c>
      <c r="T7951" s="98">
        <v>0</v>
      </c>
      <c r="U7951" s="99"/>
      <c r="V7951" s="99"/>
      <c r="W7951" s="99"/>
      <c r="X7951" s="99"/>
      <c r="Y7951" s="99"/>
      <c r="Z7951" s="99"/>
      <c r="AA7951" s="99"/>
      <c r="AB7951" s="99"/>
      <c r="AC7951" s="99"/>
      <c r="AD7951" s="99"/>
      <c r="AE7951" s="99"/>
      <c r="AF7951" s="99"/>
      <c r="AG7951" s="99"/>
      <c r="AH7951" s="99"/>
      <c r="AI7951" s="99"/>
      <c r="AJ7951" s="99"/>
      <c r="AK7951" s="99"/>
      <c r="AL7951" s="99"/>
      <c r="AM7951" s="99"/>
      <c r="AN7951" s="99"/>
      <c r="AO7951" s="99"/>
      <c r="AP7951" s="99"/>
      <c r="AQ7951" s="99"/>
      <c r="AR7951" s="99"/>
      <c r="AS7951" s="99"/>
      <c r="AT7951" s="99"/>
      <c r="AU7951" s="99"/>
      <c r="AV7951" s="99"/>
      <c r="AW7951" s="99"/>
      <c r="AX7951" s="99"/>
      <c r="AY7951" s="99"/>
      <c r="AZ7951" s="99"/>
      <c r="BA7951" s="99"/>
      <c r="BB7951" s="107">
        <v>45065</v>
      </c>
    </row>
    <row r="7952" spans="1:75" ht="13.95" customHeight="1" x14ac:dyDescent="0.25">
      <c r="A7952" s="15" t="s">
        <v>19075</v>
      </c>
      <c r="B7952" s="110" t="s">
        <v>19069</v>
      </c>
      <c r="C7952" s="98" t="s">
        <v>19076</v>
      </c>
      <c r="D7952" s="98" t="s">
        <v>19077</v>
      </c>
      <c r="E7952" s="98">
        <v>2005</v>
      </c>
      <c r="F7952" s="98">
        <v>240</v>
      </c>
      <c r="G7952" s="98" t="s">
        <v>12</v>
      </c>
      <c r="H7952" s="98">
        <v>0</v>
      </c>
      <c r="I7952" s="98">
        <v>0</v>
      </c>
      <c r="J7952" s="98">
        <v>0</v>
      </c>
      <c r="K7952" s="98">
        <v>0</v>
      </c>
      <c r="L7952" s="98">
        <v>0</v>
      </c>
      <c r="M7952" s="98">
        <v>0</v>
      </c>
      <c r="N7952" s="98">
        <v>0</v>
      </c>
      <c r="O7952" s="98">
        <v>0</v>
      </c>
      <c r="P7952" s="98">
        <v>0</v>
      </c>
      <c r="Q7952" s="98">
        <v>0</v>
      </c>
      <c r="R7952" s="98">
        <v>0</v>
      </c>
      <c r="S7952" s="98">
        <v>0</v>
      </c>
      <c r="T7952" s="98">
        <v>0</v>
      </c>
      <c r="U7952" s="99"/>
      <c r="V7952" s="99"/>
      <c r="W7952" s="99"/>
      <c r="X7952" s="99"/>
      <c r="Y7952" s="99"/>
      <c r="Z7952" s="99"/>
      <c r="AA7952" s="99"/>
      <c r="AB7952" s="99"/>
      <c r="AC7952" s="99"/>
      <c r="AD7952" s="99"/>
      <c r="AE7952" s="99"/>
      <c r="AF7952" s="99"/>
      <c r="AG7952" s="99"/>
      <c r="AH7952" s="99"/>
      <c r="AI7952" s="99"/>
      <c r="AJ7952" s="99"/>
      <c r="AK7952" s="99"/>
      <c r="AL7952" s="99"/>
      <c r="AM7952" s="99"/>
      <c r="AN7952" s="99"/>
      <c r="AO7952" s="99"/>
      <c r="AP7952" s="99"/>
      <c r="AQ7952" s="99"/>
      <c r="AR7952" s="99"/>
      <c r="AS7952" s="99"/>
      <c r="AT7952" s="99"/>
      <c r="AU7952" s="99"/>
      <c r="AV7952" s="99"/>
      <c r="AW7952" s="99"/>
      <c r="AX7952" s="99"/>
      <c r="AY7952" s="99"/>
      <c r="AZ7952" s="99"/>
      <c r="BA7952" s="99"/>
      <c r="BB7952" s="107">
        <v>45065</v>
      </c>
    </row>
    <row r="7953" spans="1:54" ht="13.95" customHeight="1" x14ac:dyDescent="0.25">
      <c r="A7953" s="15" t="s">
        <v>19078</v>
      </c>
      <c r="B7953" s="110" t="s">
        <v>19069</v>
      </c>
      <c r="C7953" s="98" t="s">
        <v>19079</v>
      </c>
      <c r="D7953" s="98" t="s">
        <v>19080</v>
      </c>
      <c r="E7953" s="98">
        <v>2005</v>
      </c>
      <c r="F7953" s="98">
        <v>153</v>
      </c>
      <c r="G7953" s="98" t="s">
        <v>12</v>
      </c>
      <c r="H7953" s="98">
        <v>0</v>
      </c>
      <c r="I7953" s="98">
        <v>0</v>
      </c>
      <c r="J7953" s="98">
        <v>0</v>
      </c>
      <c r="K7953" s="98">
        <v>0</v>
      </c>
      <c r="L7953" s="98">
        <v>0</v>
      </c>
      <c r="M7953" s="98">
        <v>0</v>
      </c>
      <c r="N7953" s="98">
        <v>0</v>
      </c>
      <c r="O7953" s="98">
        <v>0</v>
      </c>
      <c r="P7953" s="98">
        <v>0</v>
      </c>
      <c r="Q7953" s="98">
        <v>0</v>
      </c>
      <c r="R7953" s="98">
        <v>0</v>
      </c>
      <c r="S7953" s="98">
        <v>0</v>
      </c>
      <c r="T7953" s="98">
        <v>0</v>
      </c>
      <c r="U7953" s="99"/>
      <c r="V7953" s="99"/>
      <c r="W7953" s="99"/>
      <c r="X7953" s="99"/>
      <c r="Y7953" s="99"/>
      <c r="Z7953" s="99"/>
      <c r="AA7953" s="99"/>
      <c r="AB7953" s="99"/>
      <c r="AC7953" s="99"/>
      <c r="AD7953" s="99"/>
      <c r="AE7953" s="99"/>
      <c r="AF7953" s="99"/>
      <c r="AG7953" s="99"/>
      <c r="AH7953" s="99"/>
      <c r="AI7953" s="99"/>
      <c r="AJ7953" s="99"/>
      <c r="AK7953" s="99"/>
      <c r="AL7953" s="99"/>
      <c r="AM7953" s="99"/>
      <c r="AN7953" s="99"/>
      <c r="AO7953" s="99"/>
      <c r="AP7953" s="99"/>
      <c r="AQ7953" s="99"/>
      <c r="AR7953" s="99"/>
      <c r="AS7953" s="99"/>
      <c r="AT7953" s="99"/>
      <c r="AU7953" s="99"/>
      <c r="AV7953" s="99"/>
      <c r="AW7953" s="99"/>
      <c r="AX7953" s="99"/>
      <c r="AY7953" s="99"/>
      <c r="AZ7953" s="99"/>
      <c r="BA7953" s="99"/>
      <c r="BB7953" s="107">
        <v>45065</v>
      </c>
    </row>
    <row r="7954" spans="1:54" ht="13.95" customHeight="1" x14ac:dyDescent="0.25">
      <c r="A7954" s="15" t="s">
        <v>19081</v>
      </c>
      <c r="B7954" s="110" t="s">
        <v>19069</v>
      </c>
      <c r="C7954" s="98" t="s">
        <v>19082</v>
      </c>
      <c r="D7954" s="98" t="s">
        <v>19083</v>
      </c>
      <c r="E7954" s="98">
        <v>1990</v>
      </c>
      <c r="F7954" s="98">
        <v>2000</v>
      </c>
      <c r="G7954" s="98" t="s">
        <v>12</v>
      </c>
      <c r="H7954" s="98">
        <v>1</v>
      </c>
      <c r="I7954" s="98">
        <v>0</v>
      </c>
      <c r="J7954" s="98">
        <v>1</v>
      </c>
      <c r="K7954" s="98">
        <v>0</v>
      </c>
      <c r="L7954" s="98">
        <v>0</v>
      </c>
      <c r="M7954" s="98">
        <v>1</v>
      </c>
      <c r="N7954" s="98">
        <v>0</v>
      </c>
      <c r="O7954" s="98">
        <v>0</v>
      </c>
      <c r="P7954" s="98">
        <v>0</v>
      </c>
      <c r="Q7954" s="98">
        <v>0</v>
      </c>
      <c r="R7954" s="98">
        <v>0</v>
      </c>
      <c r="S7954" s="98">
        <v>0</v>
      </c>
      <c r="T7954" s="98">
        <v>0</v>
      </c>
      <c r="U7954" s="99"/>
      <c r="V7954" s="99"/>
      <c r="W7954" s="99"/>
      <c r="X7954" s="99"/>
      <c r="Y7954" s="99"/>
      <c r="Z7954" s="99"/>
      <c r="AA7954" s="99"/>
      <c r="AB7954" s="99"/>
      <c r="AC7954" s="99"/>
      <c r="AD7954" s="99"/>
      <c r="AE7954" s="99"/>
      <c r="AF7954" s="99"/>
      <c r="AG7954" s="99"/>
      <c r="AH7954" s="99"/>
      <c r="AI7954" s="99"/>
      <c r="AJ7954" s="99"/>
      <c r="AK7954" s="99"/>
      <c r="AL7954" s="99"/>
      <c r="AM7954" s="99"/>
      <c r="AN7954" s="99"/>
      <c r="AO7954" s="99"/>
      <c r="AP7954" s="99"/>
      <c r="AQ7954" s="99"/>
      <c r="AR7954" s="99"/>
      <c r="AS7954" s="99"/>
      <c r="AT7954" s="99"/>
      <c r="AU7954" s="99"/>
      <c r="AV7954" s="99"/>
      <c r="AW7954" s="99"/>
      <c r="AX7954" s="99"/>
      <c r="AY7954" s="99"/>
      <c r="AZ7954" s="99"/>
      <c r="BA7954" s="99"/>
      <c r="BB7954" s="107">
        <v>45065</v>
      </c>
    </row>
    <row r="7955" spans="1:54" ht="13.95" customHeight="1" x14ac:dyDescent="0.25">
      <c r="A7955" s="15" t="s">
        <v>19084</v>
      </c>
      <c r="B7955" s="110" t="s">
        <v>19069</v>
      </c>
      <c r="C7955" s="98" t="s">
        <v>19085</v>
      </c>
      <c r="D7955" s="98" t="s">
        <v>19086</v>
      </c>
      <c r="E7955" s="98">
        <v>1997</v>
      </c>
      <c r="F7955" s="98">
        <v>1801</v>
      </c>
      <c r="G7955" s="98" t="s">
        <v>1</v>
      </c>
      <c r="H7955" s="98">
        <v>1</v>
      </c>
      <c r="I7955" s="98">
        <v>0</v>
      </c>
      <c r="J7955" s="98">
        <v>1</v>
      </c>
      <c r="K7955" s="98">
        <v>0</v>
      </c>
      <c r="L7955" s="98">
        <v>0</v>
      </c>
      <c r="M7955" s="98">
        <v>1</v>
      </c>
      <c r="N7955" s="98">
        <v>0</v>
      </c>
      <c r="O7955" s="98">
        <v>0</v>
      </c>
      <c r="P7955" s="98">
        <v>1</v>
      </c>
      <c r="Q7955" s="98">
        <v>0</v>
      </c>
      <c r="R7955" s="98">
        <v>0</v>
      </c>
      <c r="S7955" s="98">
        <v>0</v>
      </c>
      <c r="T7955" s="98">
        <v>0</v>
      </c>
      <c r="U7955" s="99"/>
      <c r="V7955" s="99"/>
      <c r="W7955" s="99"/>
      <c r="X7955" s="99"/>
      <c r="Y7955" s="99"/>
      <c r="Z7955" s="99"/>
      <c r="AA7955" s="99"/>
      <c r="AB7955" s="99"/>
      <c r="AC7955" s="99"/>
      <c r="AD7955" s="99"/>
      <c r="AE7955" s="99"/>
      <c r="AF7955" s="99"/>
      <c r="AG7955" s="99"/>
      <c r="AH7955" s="99"/>
      <c r="AI7955" s="99"/>
      <c r="AJ7955" s="99"/>
      <c r="AK7955" s="99"/>
      <c r="AL7955" s="99"/>
      <c r="AM7955" s="99"/>
      <c r="AN7955" s="99"/>
      <c r="AO7955" s="99"/>
      <c r="AP7955" s="99"/>
      <c r="AQ7955" s="99"/>
      <c r="AR7955" s="99"/>
      <c r="AS7955" s="99"/>
      <c r="AT7955" s="99"/>
      <c r="AU7955" s="99"/>
      <c r="AV7955" s="99"/>
      <c r="AW7955" s="99"/>
      <c r="AX7955" s="99"/>
      <c r="AY7955" s="99"/>
      <c r="AZ7955" s="99"/>
      <c r="BA7955" s="99"/>
      <c r="BB7955" s="107">
        <v>45065</v>
      </c>
    </row>
    <row r="7956" spans="1:54" ht="13.95" customHeight="1" x14ac:dyDescent="0.25">
      <c r="A7956" s="15" t="s">
        <v>19087</v>
      </c>
      <c r="B7956" s="110" t="s">
        <v>19069</v>
      </c>
      <c r="C7956" s="98" t="s">
        <v>19088</v>
      </c>
      <c r="D7956" s="98" t="s">
        <v>19089</v>
      </c>
      <c r="E7956" s="98">
        <v>1998</v>
      </c>
      <c r="F7956" s="98">
        <v>1299</v>
      </c>
      <c r="G7956" s="98" t="s">
        <v>1</v>
      </c>
      <c r="H7956" s="98">
        <v>1</v>
      </c>
      <c r="I7956" s="98">
        <v>1</v>
      </c>
      <c r="J7956" s="98">
        <v>1</v>
      </c>
      <c r="K7956" s="98">
        <v>0</v>
      </c>
      <c r="L7956" s="98">
        <v>0</v>
      </c>
      <c r="M7956" s="98">
        <v>1</v>
      </c>
      <c r="N7956" s="98">
        <v>0</v>
      </c>
      <c r="O7956" s="98">
        <v>0</v>
      </c>
      <c r="P7956" s="98">
        <v>1</v>
      </c>
      <c r="Q7956" s="98">
        <v>0</v>
      </c>
      <c r="R7956" s="98">
        <v>0</v>
      </c>
      <c r="S7956" s="98">
        <v>0</v>
      </c>
      <c r="T7956" s="98">
        <v>0</v>
      </c>
      <c r="U7956" s="99"/>
      <c r="V7956" s="99"/>
      <c r="W7956" s="99"/>
      <c r="X7956" s="99"/>
      <c r="Y7956" s="99"/>
      <c r="Z7956" s="99"/>
      <c r="AA7956" s="99"/>
      <c r="AB7956" s="99"/>
      <c r="AC7956" s="99"/>
      <c r="AD7956" s="99"/>
      <c r="AE7956" s="99"/>
      <c r="AF7956" s="99"/>
      <c r="AG7956" s="99"/>
      <c r="AH7956" s="99"/>
      <c r="AI7956" s="99"/>
      <c r="AJ7956" s="99"/>
      <c r="AK7956" s="99"/>
      <c r="AL7956" s="99"/>
      <c r="AM7956" s="99"/>
      <c r="AN7956" s="99"/>
      <c r="AO7956" s="99"/>
      <c r="AP7956" s="99"/>
      <c r="AQ7956" s="99"/>
      <c r="AR7956" s="99"/>
      <c r="AS7956" s="99"/>
      <c r="AT7956" s="99"/>
      <c r="AU7956" s="99"/>
      <c r="AV7956" s="99"/>
      <c r="AW7956" s="99"/>
      <c r="AX7956" s="99"/>
      <c r="AY7956" s="99"/>
      <c r="AZ7956" s="99"/>
      <c r="BA7956" s="99"/>
      <c r="BB7956" s="107">
        <v>45065</v>
      </c>
    </row>
    <row r="7957" spans="1:54" ht="13.95" customHeight="1" x14ac:dyDescent="0.25">
      <c r="A7957" s="15" t="s">
        <v>19090</v>
      </c>
      <c r="B7957" s="110" t="s">
        <v>19069</v>
      </c>
      <c r="C7957" s="98" t="s">
        <v>19091</v>
      </c>
      <c r="D7957" s="98" t="s">
        <v>19092</v>
      </c>
      <c r="E7957" s="98">
        <v>2000</v>
      </c>
      <c r="F7957" s="98">
        <v>284</v>
      </c>
      <c r="G7957" s="98" t="s">
        <v>12</v>
      </c>
      <c r="H7957" s="98">
        <v>0</v>
      </c>
      <c r="I7957" s="98">
        <v>0</v>
      </c>
      <c r="J7957" s="98">
        <v>1</v>
      </c>
      <c r="K7957" s="98">
        <v>0</v>
      </c>
      <c r="L7957" s="98">
        <v>1</v>
      </c>
      <c r="M7957" s="190">
        <v>0</v>
      </c>
      <c r="N7957" s="98">
        <v>0</v>
      </c>
      <c r="O7957" s="98">
        <v>0</v>
      </c>
      <c r="P7957" s="190">
        <v>0</v>
      </c>
      <c r="Q7957" s="98">
        <v>0</v>
      </c>
      <c r="R7957" s="98">
        <v>0</v>
      </c>
      <c r="S7957" s="98">
        <v>0</v>
      </c>
      <c r="T7957" s="98">
        <v>0</v>
      </c>
      <c r="U7957" s="99"/>
      <c r="V7957" s="99"/>
      <c r="W7957" s="99"/>
      <c r="X7957" s="99"/>
      <c r="Y7957" s="99"/>
      <c r="Z7957" s="99"/>
      <c r="AA7957" s="99"/>
      <c r="AB7957" s="99"/>
      <c r="AC7957" s="99"/>
      <c r="AD7957" s="99"/>
      <c r="AE7957" s="99"/>
      <c r="AF7957" s="99"/>
      <c r="AG7957" s="99"/>
      <c r="AH7957" s="99"/>
      <c r="AI7957" s="99"/>
      <c r="AJ7957" s="99"/>
      <c r="AK7957" s="99"/>
      <c r="AL7957" s="99"/>
      <c r="AM7957" s="99"/>
      <c r="AN7957" s="99"/>
      <c r="AO7957" s="99"/>
      <c r="AP7957" s="99"/>
      <c r="AQ7957" s="99"/>
      <c r="AR7957" s="99"/>
      <c r="AS7957" s="99"/>
      <c r="AT7957" s="99"/>
      <c r="AU7957" s="99"/>
      <c r="AV7957" s="99"/>
      <c r="AW7957" s="99"/>
      <c r="AX7957" s="99"/>
      <c r="AY7957" s="99"/>
      <c r="AZ7957" s="99"/>
      <c r="BA7957" s="99"/>
      <c r="BB7957" s="107">
        <v>45065</v>
      </c>
    </row>
    <row r="7958" spans="1:54" ht="13.95" customHeight="1" x14ac:dyDescent="0.25">
      <c r="A7958" s="15" t="s">
        <v>19093</v>
      </c>
      <c r="B7958" s="110" t="s">
        <v>19069</v>
      </c>
      <c r="C7958" s="98" t="s">
        <v>19094</v>
      </c>
      <c r="D7958" s="98" t="s">
        <v>19095</v>
      </c>
      <c r="E7958" s="98">
        <v>2004</v>
      </c>
      <c r="F7958" s="98">
        <v>2700</v>
      </c>
      <c r="G7958" s="98" t="s">
        <v>12</v>
      </c>
      <c r="H7958" s="98">
        <v>0</v>
      </c>
      <c r="I7958" s="98">
        <v>0</v>
      </c>
      <c r="J7958" s="98">
        <v>1</v>
      </c>
      <c r="K7958" s="98">
        <v>0</v>
      </c>
      <c r="L7958" s="98">
        <v>0</v>
      </c>
      <c r="M7958" s="98">
        <v>0</v>
      </c>
      <c r="N7958" s="98">
        <v>0</v>
      </c>
      <c r="O7958" s="98">
        <v>0</v>
      </c>
      <c r="P7958" s="98">
        <v>0</v>
      </c>
      <c r="Q7958" s="98">
        <v>0</v>
      </c>
      <c r="R7958" s="98">
        <v>0</v>
      </c>
      <c r="S7958" s="98">
        <v>0</v>
      </c>
      <c r="T7958" s="98">
        <v>0</v>
      </c>
      <c r="U7958" s="99"/>
      <c r="V7958" s="99"/>
      <c r="W7958" s="99"/>
      <c r="X7958" s="99"/>
      <c r="Y7958" s="99"/>
      <c r="Z7958" s="99"/>
      <c r="AA7958" s="99"/>
      <c r="AB7958" s="99"/>
      <c r="AC7958" s="99"/>
      <c r="AD7958" s="99"/>
      <c r="AE7958" s="99"/>
      <c r="AF7958" s="99"/>
      <c r="AG7958" s="99"/>
      <c r="AH7958" s="99"/>
      <c r="AI7958" s="99"/>
      <c r="AJ7958" s="99"/>
      <c r="AK7958" s="99"/>
      <c r="AL7958" s="99"/>
      <c r="AM7958" s="99"/>
      <c r="AN7958" s="99"/>
      <c r="AO7958" s="99"/>
      <c r="AP7958" s="99"/>
      <c r="AQ7958" s="99"/>
      <c r="AR7958" s="99"/>
      <c r="AS7958" s="99"/>
      <c r="AT7958" s="99"/>
      <c r="AU7958" s="99"/>
      <c r="AV7958" s="99"/>
      <c r="AW7958" s="99"/>
      <c r="AX7958" s="99"/>
      <c r="AY7958" s="99"/>
      <c r="AZ7958" s="99"/>
      <c r="BA7958" s="99"/>
      <c r="BB7958" s="107">
        <v>45065</v>
      </c>
    </row>
    <row r="7959" spans="1:54" ht="13.95" customHeight="1" x14ac:dyDescent="0.25">
      <c r="A7959" s="15" t="s">
        <v>19096</v>
      </c>
      <c r="B7959" s="110" t="s">
        <v>19069</v>
      </c>
      <c r="C7959" s="98" t="s">
        <v>19097</v>
      </c>
      <c r="D7959" s="98" t="s">
        <v>19098</v>
      </c>
      <c r="E7959" s="98">
        <v>2005</v>
      </c>
      <c r="F7959" s="98">
        <v>2383</v>
      </c>
      <c r="G7959" s="98" t="s">
        <v>12</v>
      </c>
      <c r="H7959" s="98">
        <v>0</v>
      </c>
      <c r="I7959" s="98">
        <v>0</v>
      </c>
      <c r="J7959" s="98">
        <v>0</v>
      </c>
      <c r="K7959" s="98">
        <v>0</v>
      </c>
      <c r="L7959" s="98">
        <v>0</v>
      </c>
      <c r="M7959" s="98">
        <v>0</v>
      </c>
      <c r="N7959" s="98">
        <v>0</v>
      </c>
      <c r="O7959" s="98">
        <v>0</v>
      </c>
      <c r="P7959" s="98">
        <v>0</v>
      </c>
      <c r="Q7959" s="98">
        <v>0</v>
      </c>
      <c r="R7959" s="98">
        <v>0</v>
      </c>
      <c r="S7959" s="98">
        <v>0</v>
      </c>
      <c r="T7959" s="98">
        <v>0</v>
      </c>
      <c r="U7959" s="99"/>
      <c r="V7959" s="99"/>
      <c r="W7959" s="99"/>
      <c r="X7959" s="99"/>
      <c r="Y7959" s="99"/>
      <c r="Z7959" s="99"/>
      <c r="AA7959" s="99"/>
      <c r="AB7959" s="99"/>
      <c r="AC7959" s="99"/>
      <c r="AD7959" s="99"/>
      <c r="AE7959" s="99"/>
      <c r="AF7959" s="99"/>
      <c r="AG7959" s="99"/>
      <c r="AH7959" s="99"/>
      <c r="AI7959" s="99"/>
      <c r="AJ7959" s="99"/>
      <c r="AK7959" s="99"/>
      <c r="AL7959" s="99"/>
      <c r="AM7959" s="99"/>
      <c r="AN7959" s="99"/>
      <c r="AO7959" s="99"/>
      <c r="AP7959" s="99"/>
      <c r="AQ7959" s="99"/>
      <c r="AR7959" s="99"/>
      <c r="AS7959" s="99"/>
      <c r="AT7959" s="99"/>
      <c r="AU7959" s="99"/>
      <c r="AV7959" s="99"/>
      <c r="AW7959" s="99"/>
      <c r="AX7959" s="99"/>
      <c r="AY7959" s="99"/>
      <c r="AZ7959" s="99"/>
      <c r="BA7959" s="99"/>
      <c r="BB7959" s="107">
        <v>45065</v>
      </c>
    </row>
    <row r="7960" spans="1:54" ht="13.95" customHeight="1" x14ac:dyDescent="0.25">
      <c r="A7960" s="15" t="s">
        <v>19099</v>
      </c>
      <c r="B7960" s="110" t="s">
        <v>19069</v>
      </c>
      <c r="C7960" s="98" t="s">
        <v>19100</v>
      </c>
      <c r="D7960" s="98" t="s">
        <v>19101</v>
      </c>
      <c r="E7960" s="98">
        <v>2006</v>
      </c>
      <c r="F7960" s="98">
        <v>325</v>
      </c>
      <c r="G7960" s="98" t="s">
        <v>12</v>
      </c>
      <c r="H7960" s="98">
        <v>0</v>
      </c>
      <c r="I7960" s="98">
        <v>0</v>
      </c>
      <c r="J7960" s="98">
        <v>1</v>
      </c>
      <c r="K7960" s="98">
        <v>1</v>
      </c>
      <c r="L7960" s="98">
        <v>0</v>
      </c>
      <c r="M7960" s="98">
        <v>1</v>
      </c>
      <c r="N7960" s="98">
        <v>0</v>
      </c>
      <c r="O7960" s="98">
        <v>0</v>
      </c>
      <c r="P7960" s="98">
        <v>0</v>
      </c>
      <c r="Q7960" s="98">
        <v>0</v>
      </c>
      <c r="R7960" s="98">
        <v>0</v>
      </c>
      <c r="S7960" s="98">
        <v>0</v>
      </c>
      <c r="T7960" s="98">
        <v>0</v>
      </c>
      <c r="U7960" s="99"/>
      <c r="V7960" s="99"/>
      <c r="W7960" s="99"/>
      <c r="X7960" s="99"/>
      <c r="Y7960" s="99"/>
      <c r="Z7960" s="99"/>
      <c r="AA7960" s="99"/>
      <c r="AB7960" s="99"/>
      <c r="AC7960" s="99"/>
      <c r="AD7960" s="99"/>
      <c r="AE7960" s="99"/>
      <c r="AF7960" s="99"/>
      <c r="AG7960" s="99"/>
      <c r="AH7960" s="99"/>
      <c r="AI7960" s="99"/>
      <c r="AJ7960" s="99"/>
      <c r="AK7960" s="99"/>
      <c r="AL7960" s="99"/>
      <c r="AM7960" s="99"/>
      <c r="AN7960" s="99"/>
      <c r="AO7960" s="99"/>
      <c r="AP7960" s="99"/>
      <c r="AQ7960" s="99"/>
      <c r="AR7960" s="99"/>
      <c r="AS7960" s="99"/>
      <c r="AT7960" s="99"/>
      <c r="AU7960" s="99"/>
      <c r="AV7960" s="99"/>
      <c r="AW7960" s="99"/>
      <c r="AX7960" s="99"/>
      <c r="AY7960" s="99"/>
      <c r="AZ7960" s="99"/>
      <c r="BA7960" s="99"/>
      <c r="BB7960" s="107">
        <v>45065</v>
      </c>
    </row>
    <row r="7961" spans="1:54" ht="13.95" customHeight="1" x14ac:dyDescent="0.25">
      <c r="A7961" s="15" t="s">
        <v>19102</v>
      </c>
      <c r="B7961" s="110" t="s">
        <v>19069</v>
      </c>
      <c r="C7961" s="98" t="s">
        <v>19103</v>
      </c>
      <c r="D7961" s="98" t="s">
        <v>19104</v>
      </c>
      <c r="E7961" s="98">
        <v>2008</v>
      </c>
      <c r="F7961" s="98">
        <v>279</v>
      </c>
      <c r="G7961" s="98" t="s">
        <v>12</v>
      </c>
      <c r="H7961" s="98">
        <v>0</v>
      </c>
      <c r="I7961" s="98">
        <v>0</v>
      </c>
      <c r="J7961" s="98">
        <v>1</v>
      </c>
      <c r="K7961" s="98">
        <v>0</v>
      </c>
      <c r="L7961" s="98">
        <v>0</v>
      </c>
      <c r="M7961" s="98">
        <v>1</v>
      </c>
      <c r="N7961" s="98">
        <v>0</v>
      </c>
      <c r="O7961" s="98">
        <v>0</v>
      </c>
      <c r="P7961" s="98">
        <v>1</v>
      </c>
      <c r="Q7961" s="98">
        <v>0</v>
      </c>
      <c r="R7961" s="98">
        <v>0</v>
      </c>
      <c r="S7961" s="98">
        <v>0</v>
      </c>
      <c r="T7961" s="98">
        <v>0</v>
      </c>
      <c r="U7961" s="99"/>
      <c r="V7961" s="99"/>
      <c r="W7961" s="99"/>
      <c r="X7961" s="99"/>
      <c r="Y7961" s="99"/>
      <c r="Z7961" s="99"/>
      <c r="AA7961" s="99"/>
      <c r="AB7961" s="99"/>
      <c r="AC7961" s="99"/>
      <c r="AD7961" s="99"/>
      <c r="AE7961" s="99"/>
      <c r="AF7961" s="99"/>
      <c r="AG7961" s="99"/>
      <c r="AH7961" s="99"/>
      <c r="AI7961" s="99"/>
      <c r="AJ7961" s="99"/>
      <c r="AK7961" s="99"/>
      <c r="AL7961" s="99"/>
      <c r="AM7961" s="99"/>
      <c r="AN7961" s="99"/>
      <c r="AO7961" s="99"/>
      <c r="AP7961" s="99"/>
      <c r="AQ7961" s="99"/>
      <c r="AR7961" s="99"/>
      <c r="AS7961" s="99"/>
      <c r="AT7961" s="99"/>
      <c r="AU7961" s="99"/>
      <c r="AV7961" s="99"/>
      <c r="AW7961" s="99"/>
      <c r="AX7961" s="99"/>
      <c r="AY7961" s="99"/>
      <c r="AZ7961" s="99"/>
      <c r="BA7961" s="99"/>
      <c r="BB7961" s="107">
        <v>45065</v>
      </c>
    </row>
    <row r="7962" spans="1:54" ht="13.95" customHeight="1" x14ac:dyDescent="0.25">
      <c r="A7962" s="15" t="s">
        <v>19105</v>
      </c>
      <c r="B7962" s="110" t="s">
        <v>19069</v>
      </c>
      <c r="C7962" s="98" t="s">
        <v>19106</v>
      </c>
      <c r="D7962" s="98" t="s">
        <v>19107</v>
      </c>
      <c r="E7962" s="98">
        <v>2016</v>
      </c>
      <c r="F7962" s="98">
        <v>19396</v>
      </c>
      <c r="G7962" s="98" t="s">
        <v>12</v>
      </c>
      <c r="H7962" s="98">
        <v>0</v>
      </c>
      <c r="I7962" s="98">
        <v>0</v>
      </c>
      <c r="J7962" s="98">
        <v>0</v>
      </c>
      <c r="K7962" s="98">
        <v>0</v>
      </c>
      <c r="L7962" s="98">
        <v>0</v>
      </c>
      <c r="M7962" s="98">
        <v>0</v>
      </c>
      <c r="N7962" s="98">
        <v>0</v>
      </c>
      <c r="O7962" s="98">
        <v>0</v>
      </c>
      <c r="P7962" s="98">
        <v>0</v>
      </c>
      <c r="Q7962" s="98">
        <v>0</v>
      </c>
      <c r="R7962" s="98">
        <v>0</v>
      </c>
      <c r="S7962" s="98">
        <v>0</v>
      </c>
      <c r="T7962" s="98">
        <v>0</v>
      </c>
      <c r="U7962" s="99"/>
      <c r="V7962" s="99"/>
      <c r="W7962" s="99"/>
      <c r="X7962" s="99"/>
      <c r="Y7962" s="99"/>
      <c r="Z7962" s="99"/>
      <c r="AA7962" s="99"/>
      <c r="AB7962" s="99"/>
      <c r="AC7962" s="99"/>
      <c r="AD7962" s="99"/>
      <c r="AE7962" s="99"/>
      <c r="AF7962" s="99"/>
      <c r="AG7962" s="99"/>
      <c r="AH7962" s="99"/>
      <c r="AI7962" s="99"/>
      <c r="AJ7962" s="99"/>
      <c r="AK7962" s="99"/>
      <c r="AL7962" s="99"/>
      <c r="AM7962" s="99"/>
      <c r="AN7962" s="99"/>
      <c r="AO7962" s="99"/>
      <c r="AP7962" s="99"/>
      <c r="AQ7962" s="99"/>
      <c r="AR7962" s="99"/>
      <c r="AS7962" s="99"/>
      <c r="AT7962" s="99"/>
      <c r="AU7962" s="98">
        <v>1</v>
      </c>
      <c r="AV7962" s="99"/>
      <c r="AW7962" s="99"/>
      <c r="AX7962" s="99"/>
      <c r="AY7962" s="99"/>
      <c r="AZ7962" s="99"/>
      <c r="BA7962" s="99"/>
      <c r="BB7962" s="107">
        <v>45065</v>
      </c>
    </row>
    <row r="7963" spans="1:54" ht="13.95" customHeight="1" x14ac:dyDescent="0.25">
      <c r="A7963" s="15" t="s">
        <v>19108</v>
      </c>
      <c r="B7963" s="110" t="s">
        <v>19069</v>
      </c>
      <c r="C7963" s="98" t="s">
        <v>19109</v>
      </c>
      <c r="D7963" s="98" t="s">
        <v>19110</v>
      </c>
      <c r="E7963" s="98">
        <v>2016</v>
      </c>
      <c r="F7963" s="98">
        <v>613</v>
      </c>
      <c r="G7963" s="98" t="s">
        <v>12</v>
      </c>
      <c r="H7963" s="98">
        <v>0</v>
      </c>
      <c r="I7963" s="98">
        <v>0</v>
      </c>
      <c r="J7963" s="98">
        <v>1</v>
      </c>
      <c r="K7963" s="98">
        <v>0</v>
      </c>
      <c r="L7963" s="98">
        <v>0</v>
      </c>
      <c r="M7963" s="98">
        <v>1</v>
      </c>
      <c r="N7963" s="98">
        <v>0</v>
      </c>
      <c r="O7963" s="98">
        <v>0</v>
      </c>
      <c r="P7963" s="98">
        <v>1</v>
      </c>
      <c r="Q7963" s="98">
        <v>0</v>
      </c>
      <c r="R7963" s="98">
        <v>0</v>
      </c>
      <c r="S7963" s="98">
        <v>0</v>
      </c>
      <c r="T7963" s="98">
        <v>0</v>
      </c>
      <c r="U7963" s="99"/>
      <c r="V7963" s="99"/>
      <c r="W7963" s="99"/>
      <c r="X7963" s="99"/>
      <c r="Y7963" s="99"/>
      <c r="Z7963" s="99"/>
      <c r="AA7963" s="99"/>
      <c r="AB7963" s="99"/>
      <c r="AC7963" s="99"/>
      <c r="AD7963" s="99"/>
      <c r="AE7963" s="99"/>
      <c r="AF7963" s="99"/>
      <c r="AG7963" s="99"/>
      <c r="AH7963" s="99"/>
      <c r="AI7963" s="99"/>
      <c r="AJ7963" s="99"/>
      <c r="AK7963" s="99"/>
      <c r="AL7963" s="99"/>
      <c r="AM7963" s="99"/>
      <c r="AN7963" s="99"/>
      <c r="AO7963" s="99"/>
      <c r="AP7963" s="99"/>
      <c r="AQ7963" s="99"/>
      <c r="AR7963" s="99"/>
      <c r="AS7963" s="99"/>
      <c r="AT7963" s="99"/>
      <c r="AU7963" s="99"/>
      <c r="AV7963" s="99"/>
      <c r="AW7963" s="99"/>
      <c r="AX7963" s="99"/>
      <c r="AY7963" s="99"/>
      <c r="AZ7963" s="99"/>
      <c r="BA7963" s="99"/>
      <c r="BB7963" s="107">
        <v>45065</v>
      </c>
    </row>
    <row r="7964" spans="1:54" ht="13.95" customHeight="1" x14ac:dyDescent="0.25">
      <c r="A7964" s="15" t="s">
        <v>21968</v>
      </c>
      <c r="B7964" s="110" t="s">
        <v>19069</v>
      </c>
      <c r="C7964" s="98" t="s">
        <v>21966</v>
      </c>
      <c r="D7964" s="98" t="s">
        <v>21967</v>
      </c>
      <c r="E7964" s="98">
        <v>2022</v>
      </c>
      <c r="F7964" s="190">
        <v>24005</v>
      </c>
      <c r="G7964" s="98" t="s">
        <v>3</v>
      </c>
      <c r="H7964" s="98">
        <v>1</v>
      </c>
      <c r="I7964" s="98">
        <v>1</v>
      </c>
      <c r="J7964" s="98">
        <v>1</v>
      </c>
      <c r="K7964" s="98">
        <v>1</v>
      </c>
      <c r="L7964" s="98">
        <v>1</v>
      </c>
      <c r="M7964" s="98">
        <v>1</v>
      </c>
      <c r="N7964" s="98">
        <v>1</v>
      </c>
      <c r="O7964" s="98">
        <v>1</v>
      </c>
      <c r="P7964" s="98">
        <v>0</v>
      </c>
      <c r="Q7964" s="98">
        <v>0</v>
      </c>
      <c r="R7964" s="98">
        <v>0</v>
      </c>
      <c r="S7964" s="98">
        <v>0</v>
      </c>
      <c r="T7964" s="98">
        <v>0</v>
      </c>
      <c r="U7964" s="99"/>
      <c r="V7964" s="99"/>
      <c r="W7964" s="98">
        <v>1</v>
      </c>
      <c r="X7964" s="98">
        <v>1</v>
      </c>
      <c r="Y7964" s="98">
        <v>1</v>
      </c>
      <c r="Z7964" s="99"/>
      <c r="AA7964" s="98">
        <v>1</v>
      </c>
      <c r="AB7964" s="99"/>
      <c r="AC7964" s="99"/>
      <c r="AD7964" s="99"/>
      <c r="AE7964" s="99"/>
      <c r="AF7964" s="99"/>
      <c r="AG7964" s="99"/>
      <c r="AH7964" s="99"/>
      <c r="AI7964" s="99"/>
      <c r="AJ7964" s="99"/>
      <c r="AK7964" s="99"/>
      <c r="AL7964" s="99"/>
      <c r="AM7964" s="99"/>
      <c r="AN7964" s="99"/>
      <c r="AO7964" s="99">
        <v>1</v>
      </c>
      <c r="AP7964" s="99"/>
      <c r="AQ7964" s="99"/>
      <c r="AR7964" s="99"/>
      <c r="AS7964" s="99"/>
      <c r="AT7964" s="99"/>
      <c r="AU7964" s="98">
        <v>1</v>
      </c>
      <c r="AV7964" s="99"/>
      <c r="AW7964" s="98">
        <v>1</v>
      </c>
      <c r="AX7964" s="99" t="s">
        <v>22109</v>
      </c>
      <c r="AY7964" s="99"/>
      <c r="AZ7964" s="99"/>
      <c r="BA7964" s="99"/>
      <c r="BB7964" s="107">
        <v>45065</v>
      </c>
    </row>
    <row r="7965" spans="1:54" s="18" customFormat="1" ht="13.95" customHeight="1" x14ac:dyDescent="0.25">
      <c r="A7965" s="102" t="s">
        <v>19111</v>
      </c>
      <c r="B7965" s="110" t="s">
        <v>19112</v>
      </c>
      <c r="C7965" s="98" t="s">
        <v>19113</v>
      </c>
      <c r="D7965" s="98" t="s">
        <v>24358</v>
      </c>
      <c r="E7965" s="98">
        <v>1987</v>
      </c>
      <c r="F7965" s="98">
        <v>810</v>
      </c>
      <c r="G7965" s="98" t="s">
        <v>8</v>
      </c>
      <c r="H7965" s="98">
        <v>0</v>
      </c>
      <c r="I7965" s="98">
        <v>0</v>
      </c>
      <c r="J7965" s="98">
        <v>0</v>
      </c>
      <c r="K7965" s="98">
        <v>0</v>
      </c>
      <c r="L7965" s="98">
        <v>0</v>
      </c>
      <c r="M7965" s="98">
        <v>0</v>
      </c>
      <c r="N7965" s="98">
        <v>0</v>
      </c>
      <c r="O7965" s="98">
        <v>0</v>
      </c>
      <c r="P7965" s="98">
        <v>0</v>
      </c>
      <c r="Q7965" s="98">
        <v>0</v>
      </c>
      <c r="R7965" s="98">
        <v>0</v>
      </c>
      <c r="S7965" s="98">
        <v>0</v>
      </c>
      <c r="T7965" s="98">
        <v>0</v>
      </c>
      <c r="U7965" s="98">
        <v>0</v>
      </c>
      <c r="V7965" s="98">
        <v>0</v>
      </c>
      <c r="W7965" s="98">
        <v>0</v>
      </c>
      <c r="X7965" s="98">
        <v>0</v>
      </c>
      <c r="Y7965" s="98">
        <v>0</v>
      </c>
      <c r="Z7965" s="98">
        <v>0</v>
      </c>
      <c r="AA7965" s="98">
        <v>0</v>
      </c>
      <c r="AB7965" s="98">
        <v>0</v>
      </c>
      <c r="AC7965" s="98">
        <v>0</v>
      </c>
      <c r="AD7965" s="98">
        <v>0</v>
      </c>
      <c r="AE7965" s="98">
        <v>0</v>
      </c>
      <c r="AF7965" s="98">
        <v>0</v>
      </c>
      <c r="AG7965" s="98">
        <v>0</v>
      </c>
      <c r="AH7965" s="98">
        <v>0</v>
      </c>
      <c r="AI7965" s="98">
        <v>0</v>
      </c>
      <c r="AJ7965" s="98">
        <v>0</v>
      </c>
      <c r="AK7965" s="98">
        <v>0</v>
      </c>
      <c r="AL7965" s="98">
        <v>0</v>
      </c>
      <c r="AM7965" s="98">
        <v>0</v>
      </c>
      <c r="AN7965" s="98">
        <v>0</v>
      </c>
      <c r="AO7965" s="98">
        <v>0</v>
      </c>
      <c r="AP7965" s="98">
        <v>0</v>
      </c>
      <c r="AQ7965" s="98">
        <v>0</v>
      </c>
      <c r="AR7965" s="98">
        <v>0</v>
      </c>
      <c r="AS7965" s="98">
        <v>0</v>
      </c>
      <c r="AT7965" s="98">
        <v>1</v>
      </c>
      <c r="AU7965" s="98">
        <v>0</v>
      </c>
      <c r="AV7965" s="98">
        <v>0</v>
      </c>
      <c r="AW7965" s="98">
        <v>0</v>
      </c>
      <c r="AX7965" s="98"/>
      <c r="AY7965" s="98"/>
      <c r="AZ7965" s="98"/>
      <c r="BA7965" s="98"/>
      <c r="BB7965" s="107">
        <v>45447</v>
      </c>
    </row>
    <row r="7966" spans="1:54" s="18" customFormat="1" ht="13.95" customHeight="1" x14ac:dyDescent="0.25">
      <c r="A7966" s="102" t="s">
        <v>19114</v>
      </c>
      <c r="B7966" s="110" t="s">
        <v>19112</v>
      </c>
      <c r="C7966" s="98" t="s">
        <v>19115</v>
      </c>
      <c r="D7966" s="98" t="s">
        <v>24359</v>
      </c>
      <c r="E7966" s="98">
        <v>1978</v>
      </c>
      <c r="F7966" s="98">
        <v>1312</v>
      </c>
      <c r="G7966" s="98" t="s">
        <v>1</v>
      </c>
      <c r="H7966" s="98">
        <v>1</v>
      </c>
      <c r="I7966" s="98">
        <v>1</v>
      </c>
      <c r="J7966" s="98">
        <v>1</v>
      </c>
      <c r="K7966" s="98">
        <v>0</v>
      </c>
      <c r="L7966" s="98">
        <v>1</v>
      </c>
      <c r="M7966" s="98">
        <v>0</v>
      </c>
      <c r="N7966" s="98">
        <v>0</v>
      </c>
      <c r="O7966" s="98">
        <v>1</v>
      </c>
      <c r="P7966" s="98">
        <v>1</v>
      </c>
      <c r="Q7966" s="98">
        <v>1</v>
      </c>
      <c r="R7966" s="98">
        <v>0</v>
      </c>
      <c r="S7966" s="98">
        <v>1</v>
      </c>
      <c r="T7966" s="98">
        <v>0</v>
      </c>
      <c r="U7966" s="98"/>
      <c r="V7966" s="98"/>
      <c r="W7966" s="98"/>
      <c r="X7966" s="98"/>
      <c r="Y7966" s="98"/>
      <c r="Z7966" s="98"/>
      <c r="AA7966" s="98"/>
      <c r="AB7966" s="98"/>
      <c r="AC7966" s="98"/>
      <c r="AD7966" s="98"/>
      <c r="AE7966" s="98"/>
      <c r="AF7966" s="98"/>
      <c r="AG7966" s="98"/>
      <c r="AH7966" s="98"/>
      <c r="AI7966" s="98"/>
      <c r="AJ7966" s="98"/>
      <c r="AK7966" s="98"/>
      <c r="AL7966" s="98"/>
      <c r="AM7966" s="98"/>
      <c r="AN7966" s="98"/>
      <c r="AO7966" s="98">
        <v>1</v>
      </c>
      <c r="AP7966" s="98"/>
      <c r="AQ7966" s="98"/>
      <c r="AR7966" s="98"/>
      <c r="AS7966" s="98"/>
      <c r="AT7966" s="129" t="s">
        <v>174</v>
      </c>
      <c r="AU7966" s="98"/>
      <c r="AV7966" s="98"/>
      <c r="AW7966" s="98">
        <v>1</v>
      </c>
      <c r="AX7966" s="98"/>
      <c r="AY7966" s="98"/>
      <c r="AZ7966" s="98"/>
      <c r="BA7966" s="98"/>
      <c r="BB7966" s="107">
        <v>45447</v>
      </c>
    </row>
    <row r="7967" spans="1:54" s="18" customFormat="1" ht="13.95" customHeight="1" x14ac:dyDescent="0.25">
      <c r="A7967" s="102" t="s">
        <v>19116</v>
      </c>
      <c r="B7967" s="110" t="s">
        <v>19112</v>
      </c>
      <c r="C7967" s="98" t="s">
        <v>19117</v>
      </c>
      <c r="D7967" s="98" t="s">
        <v>24360</v>
      </c>
      <c r="E7967" s="98">
        <v>1974</v>
      </c>
      <c r="F7967" s="98">
        <v>2530</v>
      </c>
      <c r="G7967" s="98" t="s">
        <v>1</v>
      </c>
      <c r="H7967" s="98">
        <v>1</v>
      </c>
      <c r="I7967" s="98">
        <v>0</v>
      </c>
      <c r="J7967" s="98">
        <v>1</v>
      </c>
      <c r="K7967" s="98">
        <v>1</v>
      </c>
      <c r="L7967" s="98">
        <v>1</v>
      </c>
      <c r="M7967" s="98">
        <v>1</v>
      </c>
      <c r="N7967" s="98">
        <v>0</v>
      </c>
      <c r="O7967" s="98">
        <v>1</v>
      </c>
      <c r="P7967" s="98">
        <v>1</v>
      </c>
      <c r="Q7967" s="98">
        <v>1</v>
      </c>
      <c r="R7967" s="98">
        <v>0</v>
      </c>
      <c r="S7967" s="98">
        <v>1</v>
      </c>
      <c r="T7967" s="98">
        <v>0</v>
      </c>
      <c r="U7967" s="98"/>
      <c r="V7967" s="98"/>
      <c r="W7967" s="98"/>
      <c r="X7967" s="98"/>
      <c r="Y7967" s="98"/>
      <c r="Z7967" s="98"/>
      <c r="AA7967" s="98"/>
      <c r="AB7967" s="98"/>
      <c r="AC7967" s="98"/>
      <c r="AD7967" s="98"/>
      <c r="AE7967" s="98"/>
      <c r="AF7967" s="98"/>
      <c r="AG7967" s="98"/>
      <c r="AH7967" s="98"/>
      <c r="AI7967" s="98"/>
      <c r="AJ7967" s="98"/>
      <c r="AK7967" s="98"/>
      <c r="AL7967" s="98"/>
      <c r="AM7967" s="98"/>
      <c r="AN7967" s="98"/>
      <c r="AO7967" s="98"/>
      <c r="AP7967" s="98"/>
      <c r="AQ7967" s="98"/>
      <c r="AR7967" s="98"/>
      <c r="AS7967" s="98"/>
      <c r="AT7967" s="98"/>
      <c r="AU7967" s="98"/>
      <c r="AV7967" s="98"/>
      <c r="AW7967" s="98"/>
      <c r="AX7967" s="98"/>
      <c r="AY7967" s="98"/>
      <c r="AZ7967" s="98"/>
      <c r="BA7967" s="98"/>
      <c r="BB7967" s="107">
        <v>45447</v>
      </c>
    </row>
    <row r="7968" spans="1:54" s="18" customFormat="1" ht="13.95" customHeight="1" x14ac:dyDescent="0.25">
      <c r="A7968" s="102" t="s">
        <v>19118</v>
      </c>
      <c r="B7968" s="110" t="s">
        <v>19112</v>
      </c>
      <c r="C7968" s="98" t="s">
        <v>19119</v>
      </c>
      <c r="D7968" s="98" t="s">
        <v>24361</v>
      </c>
      <c r="E7968" s="98">
        <v>1985</v>
      </c>
      <c r="F7968" s="98">
        <v>2789</v>
      </c>
      <c r="G7968" s="98" t="s">
        <v>1</v>
      </c>
      <c r="H7968" s="98">
        <v>0</v>
      </c>
      <c r="I7968" s="98">
        <v>0</v>
      </c>
      <c r="J7968" s="98">
        <v>0</v>
      </c>
      <c r="K7968" s="98">
        <v>0</v>
      </c>
      <c r="L7968" s="98">
        <v>0</v>
      </c>
      <c r="M7968" s="98">
        <v>1</v>
      </c>
      <c r="N7968" s="98">
        <v>1</v>
      </c>
      <c r="O7968" s="98">
        <v>0</v>
      </c>
      <c r="P7968" s="98">
        <v>1</v>
      </c>
      <c r="Q7968" s="98">
        <v>1</v>
      </c>
      <c r="R7968" s="98">
        <v>0</v>
      </c>
      <c r="S7968" s="98">
        <v>0</v>
      </c>
      <c r="T7968" s="98">
        <v>0</v>
      </c>
      <c r="U7968" s="98"/>
      <c r="V7968" s="98"/>
      <c r="W7968" s="98"/>
      <c r="X7968" s="98"/>
      <c r="Y7968" s="98"/>
      <c r="Z7968" s="98"/>
      <c r="AA7968" s="98"/>
      <c r="AB7968" s="98"/>
      <c r="AC7968" s="98"/>
      <c r="AD7968" s="98"/>
      <c r="AE7968" s="98"/>
      <c r="AF7968" s="98"/>
      <c r="AG7968" s="98"/>
      <c r="AH7968" s="98"/>
      <c r="AI7968" s="98"/>
      <c r="AJ7968" s="98"/>
      <c r="AK7968" s="98"/>
      <c r="AL7968" s="98"/>
      <c r="AM7968" s="98"/>
      <c r="AN7968" s="98"/>
      <c r="AO7968" s="98"/>
      <c r="AP7968" s="98"/>
      <c r="AQ7968" s="98"/>
      <c r="AR7968" s="98"/>
      <c r="AS7968" s="98"/>
      <c r="AT7968" s="98"/>
      <c r="AU7968" s="98">
        <v>1</v>
      </c>
      <c r="AV7968" s="98"/>
      <c r="AW7968" s="98"/>
      <c r="AX7968" s="98"/>
      <c r="AY7968" s="98"/>
      <c r="AZ7968" s="98"/>
      <c r="BA7968" s="98" t="s">
        <v>19476</v>
      </c>
      <c r="BB7968" s="107">
        <v>45447</v>
      </c>
    </row>
    <row r="7969" spans="1:54" s="18" customFormat="1" ht="13.95" customHeight="1" x14ac:dyDescent="0.25">
      <c r="A7969" s="102" t="s">
        <v>19120</v>
      </c>
      <c r="B7969" s="110" t="s">
        <v>19112</v>
      </c>
      <c r="C7969" s="98" t="s">
        <v>19121</v>
      </c>
      <c r="D7969" s="98" t="s">
        <v>24362</v>
      </c>
      <c r="E7969" s="98">
        <v>1987</v>
      </c>
      <c r="F7969" s="98">
        <v>3417</v>
      </c>
      <c r="G7969" s="98" t="s">
        <v>8</v>
      </c>
      <c r="H7969" s="98">
        <v>1</v>
      </c>
      <c r="I7969" s="98">
        <v>0</v>
      </c>
      <c r="J7969" s="98">
        <v>0</v>
      </c>
      <c r="K7969" s="98">
        <v>0</v>
      </c>
      <c r="L7969" s="98">
        <v>0</v>
      </c>
      <c r="M7969" s="98">
        <v>1</v>
      </c>
      <c r="N7969" s="98">
        <v>0</v>
      </c>
      <c r="O7969" s="98">
        <v>1</v>
      </c>
      <c r="P7969" s="98">
        <v>1</v>
      </c>
      <c r="Q7969" s="98">
        <v>0</v>
      </c>
      <c r="R7969" s="98">
        <v>1</v>
      </c>
      <c r="S7969" s="98">
        <v>1</v>
      </c>
      <c r="T7969" s="98">
        <v>0</v>
      </c>
      <c r="U7969" s="98">
        <v>0</v>
      </c>
      <c r="V7969" s="98">
        <v>0</v>
      </c>
      <c r="W7969" s="98">
        <v>0</v>
      </c>
      <c r="X7969" s="98">
        <v>0</v>
      </c>
      <c r="Y7969" s="98">
        <v>0</v>
      </c>
      <c r="Z7969" s="98">
        <v>0</v>
      </c>
      <c r="AA7969" s="98">
        <v>0</v>
      </c>
      <c r="AB7969" s="98">
        <v>0</v>
      </c>
      <c r="AC7969" s="98">
        <v>0</v>
      </c>
      <c r="AD7969" s="98">
        <v>0</v>
      </c>
      <c r="AE7969" s="98">
        <v>0</v>
      </c>
      <c r="AF7969" s="98">
        <v>0</v>
      </c>
      <c r="AG7969" s="98">
        <v>0</v>
      </c>
      <c r="AH7969" s="98">
        <v>0</v>
      </c>
      <c r="AI7969" s="98">
        <v>0</v>
      </c>
      <c r="AJ7969" s="98">
        <v>0</v>
      </c>
      <c r="AK7969" s="98">
        <v>0</v>
      </c>
      <c r="AL7969" s="98">
        <v>0</v>
      </c>
      <c r="AM7969" s="98">
        <v>0</v>
      </c>
      <c r="AN7969" s="98">
        <v>0</v>
      </c>
      <c r="AO7969" s="98">
        <v>0</v>
      </c>
      <c r="AP7969" s="98">
        <v>0</v>
      </c>
      <c r="AQ7969" s="98">
        <v>0</v>
      </c>
      <c r="AR7969" s="98">
        <v>0</v>
      </c>
      <c r="AS7969" s="98">
        <v>0</v>
      </c>
      <c r="AT7969" s="129" t="s">
        <v>174</v>
      </c>
      <c r="AU7969" s="98">
        <v>0</v>
      </c>
      <c r="AV7969" s="98">
        <v>0</v>
      </c>
      <c r="AW7969" s="98">
        <v>0</v>
      </c>
      <c r="AX7969" s="98"/>
      <c r="AY7969" s="98"/>
      <c r="AZ7969" s="98"/>
      <c r="BA7969" s="98"/>
      <c r="BB7969" s="107">
        <v>45447</v>
      </c>
    </row>
    <row r="7970" spans="1:54" ht="13.95" customHeight="1" x14ac:dyDescent="0.25">
      <c r="A7970" s="15" t="s">
        <v>19122</v>
      </c>
      <c r="B7970" s="110" t="s">
        <v>19112</v>
      </c>
      <c r="C7970" s="98" t="s">
        <v>19123</v>
      </c>
      <c r="D7970" s="98" t="s">
        <v>24363</v>
      </c>
      <c r="E7970" s="98">
        <v>1983</v>
      </c>
      <c r="F7970" s="98">
        <v>94557</v>
      </c>
      <c r="G7970" s="98" t="s">
        <v>12</v>
      </c>
      <c r="H7970" s="98">
        <v>0</v>
      </c>
      <c r="I7970" s="98">
        <v>1</v>
      </c>
      <c r="J7970" s="98">
        <v>0</v>
      </c>
      <c r="K7970" s="98">
        <v>0</v>
      </c>
      <c r="L7970" s="98">
        <v>0</v>
      </c>
      <c r="M7970" s="98">
        <v>0</v>
      </c>
      <c r="N7970" s="98">
        <v>0</v>
      </c>
      <c r="O7970" s="98">
        <v>0</v>
      </c>
      <c r="P7970" s="98">
        <v>0</v>
      </c>
      <c r="Q7970" s="98">
        <v>0</v>
      </c>
      <c r="R7970" s="98">
        <v>0</v>
      </c>
      <c r="S7970" s="98">
        <v>0</v>
      </c>
      <c r="T7970" s="98">
        <v>0</v>
      </c>
      <c r="U7970" s="99"/>
      <c r="V7970" s="99"/>
      <c r="W7970" s="99"/>
      <c r="X7970" s="99"/>
      <c r="Y7970" s="99"/>
      <c r="Z7970" s="99"/>
      <c r="AA7970" s="99"/>
      <c r="AB7970" s="99"/>
      <c r="AC7970" s="99"/>
      <c r="AD7970" s="99"/>
      <c r="AE7970" s="99"/>
      <c r="AF7970" s="99"/>
      <c r="AG7970" s="99"/>
      <c r="AH7970" s="99"/>
      <c r="AI7970" s="99"/>
      <c r="AJ7970" s="99"/>
      <c r="AK7970" s="99"/>
      <c r="AL7970" s="99"/>
      <c r="AM7970" s="99"/>
      <c r="AN7970" s="99"/>
      <c r="AO7970" s="99"/>
      <c r="AP7970" s="99"/>
      <c r="AQ7970" s="99"/>
      <c r="AR7970" s="99"/>
      <c r="AS7970" s="99"/>
      <c r="AT7970" s="99"/>
      <c r="AU7970" s="99"/>
      <c r="AV7970" s="99"/>
      <c r="AW7970" s="99"/>
      <c r="AX7970" s="99"/>
      <c r="AY7970" s="99"/>
      <c r="AZ7970" s="99"/>
      <c r="BA7970" s="99"/>
      <c r="BB7970" s="107">
        <v>45447</v>
      </c>
    </row>
    <row r="7971" spans="1:54" ht="13.95" customHeight="1" x14ac:dyDescent="0.25">
      <c r="A7971" s="15" t="s">
        <v>19124</v>
      </c>
      <c r="B7971" s="110" t="s">
        <v>19112</v>
      </c>
      <c r="C7971" s="98" t="s">
        <v>19125</v>
      </c>
      <c r="D7971" s="98" t="s">
        <v>24364</v>
      </c>
      <c r="E7971" s="98">
        <v>1989</v>
      </c>
      <c r="F7971" s="98">
        <v>10099</v>
      </c>
      <c r="G7971" s="98" t="s">
        <v>8</v>
      </c>
      <c r="H7971" s="98">
        <v>0</v>
      </c>
      <c r="I7971" s="98">
        <v>0</v>
      </c>
      <c r="J7971" s="98">
        <v>0</v>
      </c>
      <c r="K7971" s="98">
        <v>0</v>
      </c>
      <c r="L7971" s="98">
        <v>0</v>
      </c>
      <c r="M7971" s="98">
        <v>0</v>
      </c>
      <c r="N7971" s="98">
        <v>0</v>
      </c>
      <c r="O7971" s="98">
        <v>0</v>
      </c>
      <c r="P7971" s="98">
        <v>0</v>
      </c>
      <c r="Q7971" s="98">
        <v>0</v>
      </c>
      <c r="R7971" s="98">
        <v>0</v>
      </c>
      <c r="S7971" s="98">
        <v>0</v>
      </c>
      <c r="T7971" s="98">
        <v>0</v>
      </c>
      <c r="U7971" s="98">
        <v>0</v>
      </c>
      <c r="V7971" s="98">
        <v>0</v>
      </c>
      <c r="W7971" s="98">
        <v>1</v>
      </c>
      <c r="X7971" s="98">
        <v>0</v>
      </c>
      <c r="Y7971" s="98">
        <v>0</v>
      </c>
      <c r="Z7971" s="98">
        <v>0</v>
      </c>
      <c r="AA7971" s="98">
        <v>0</v>
      </c>
      <c r="AB7971" s="98">
        <v>0</v>
      </c>
      <c r="AC7971" s="98">
        <v>0</v>
      </c>
      <c r="AD7971" s="98">
        <v>0</v>
      </c>
      <c r="AE7971" s="98">
        <v>0</v>
      </c>
      <c r="AF7971" s="98">
        <v>0</v>
      </c>
      <c r="AG7971" s="98">
        <v>0</v>
      </c>
      <c r="AH7971" s="98">
        <v>0</v>
      </c>
      <c r="AI7971" s="98">
        <v>0</v>
      </c>
      <c r="AJ7971" s="98">
        <v>0</v>
      </c>
      <c r="AK7971" s="98">
        <v>0</v>
      </c>
      <c r="AL7971" s="98">
        <v>0</v>
      </c>
      <c r="AM7971" s="98">
        <v>0</v>
      </c>
      <c r="AN7971" s="98">
        <v>0</v>
      </c>
      <c r="AO7971" s="98">
        <v>0</v>
      </c>
      <c r="AP7971" s="98">
        <v>0</v>
      </c>
      <c r="AQ7971" s="98">
        <v>0</v>
      </c>
      <c r="AR7971" s="98">
        <v>0</v>
      </c>
      <c r="AS7971" s="98">
        <v>0</v>
      </c>
      <c r="AT7971" s="129" t="s">
        <v>174</v>
      </c>
      <c r="AU7971" s="98">
        <v>0</v>
      </c>
      <c r="AV7971" s="98">
        <v>0</v>
      </c>
      <c r="AW7971" s="98">
        <v>0</v>
      </c>
      <c r="AX7971" s="98"/>
      <c r="AY7971" s="98"/>
      <c r="AZ7971" s="98"/>
      <c r="BA7971" s="98"/>
      <c r="BB7971" s="107">
        <v>45447</v>
      </c>
    </row>
    <row r="7972" spans="1:54" ht="13.95" customHeight="1" x14ac:dyDescent="0.25">
      <c r="A7972" s="15" t="s">
        <v>19126</v>
      </c>
      <c r="B7972" s="110" t="s">
        <v>19112</v>
      </c>
      <c r="C7972" s="98" t="s">
        <v>19127</v>
      </c>
      <c r="D7972" s="98" t="s">
        <v>24365</v>
      </c>
      <c r="E7972" s="98">
        <v>1993</v>
      </c>
      <c r="F7972" s="98">
        <v>42868</v>
      </c>
      <c r="G7972" s="98" t="s">
        <v>1</v>
      </c>
      <c r="H7972" s="98">
        <v>1</v>
      </c>
      <c r="I7972" s="98">
        <v>1</v>
      </c>
      <c r="J7972" s="98">
        <v>0</v>
      </c>
      <c r="K7972" s="98">
        <v>0</v>
      </c>
      <c r="L7972" s="98">
        <v>0</v>
      </c>
      <c r="M7972" s="98">
        <v>0</v>
      </c>
      <c r="N7972" s="98">
        <v>0</v>
      </c>
      <c r="O7972" s="98">
        <v>1</v>
      </c>
      <c r="P7972" s="98">
        <v>1</v>
      </c>
      <c r="Q7972" s="98">
        <v>0</v>
      </c>
      <c r="R7972" s="98">
        <v>0</v>
      </c>
      <c r="S7972" s="98">
        <v>0</v>
      </c>
      <c r="T7972" s="98">
        <v>0</v>
      </c>
      <c r="U7972" s="99"/>
      <c r="V7972" s="99"/>
      <c r="W7972" s="99"/>
      <c r="X7972" s="99"/>
      <c r="Y7972" s="99"/>
      <c r="Z7972" s="99"/>
      <c r="AA7972" s="99"/>
      <c r="AB7972" s="99"/>
      <c r="AC7972" s="99"/>
      <c r="AD7972" s="99"/>
      <c r="AE7972" s="99"/>
      <c r="AF7972" s="99"/>
      <c r="AG7972" s="99"/>
      <c r="AH7972" s="99"/>
      <c r="AI7972" s="99"/>
      <c r="AJ7972" s="99"/>
      <c r="AK7972" s="99"/>
      <c r="AL7972" s="99"/>
      <c r="AM7972" s="99"/>
      <c r="AN7972" s="99"/>
      <c r="AO7972" s="99"/>
      <c r="AP7972" s="99"/>
      <c r="AQ7972" s="99"/>
      <c r="AR7972" s="99"/>
      <c r="AS7972" s="99"/>
      <c r="AT7972" s="99"/>
      <c r="AU7972" s="98">
        <v>0</v>
      </c>
      <c r="AV7972" s="98">
        <v>1</v>
      </c>
      <c r="AW7972" s="99"/>
      <c r="AX7972" s="99"/>
      <c r="AY7972" s="99"/>
      <c r="AZ7972" s="99"/>
      <c r="BA7972" s="190" t="s">
        <v>24366</v>
      </c>
      <c r="BB7972" s="107">
        <v>45447</v>
      </c>
    </row>
    <row r="7973" spans="1:54" s="18" customFormat="1" ht="13.95" customHeight="1" x14ac:dyDescent="0.25">
      <c r="A7973" s="102" t="s">
        <v>21559</v>
      </c>
      <c r="B7973" s="110" t="s">
        <v>19112</v>
      </c>
      <c r="C7973" s="98" t="s">
        <v>19128</v>
      </c>
      <c r="D7973" s="98" t="s">
        <v>24367</v>
      </c>
      <c r="E7973" s="98">
        <v>1978</v>
      </c>
      <c r="F7973" s="98">
        <v>196</v>
      </c>
      <c r="G7973" s="98" t="s">
        <v>24368</v>
      </c>
      <c r="H7973" s="98">
        <v>0</v>
      </c>
      <c r="I7973" s="98">
        <v>0</v>
      </c>
      <c r="J7973" s="98">
        <v>1</v>
      </c>
      <c r="K7973" s="98">
        <v>0</v>
      </c>
      <c r="L7973" s="98">
        <v>0</v>
      </c>
      <c r="M7973" s="98">
        <v>0</v>
      </c>
      <c r="N7973" s="98">
        <v>0</v>
      </c>
      <c r="O7973" s="98">
        <v>0</v>
      </c>
      <c r="P7973" s="98">
        <v>1</v>
      </c>
      <c r="Q7973" s="98">
        <v>0</v>
      </c>
      <c r="R7973" s="98">
        <v>1</v>
      </c>
      <c r="S7973" s="98">
        <v>1</v>
      </c>
      <c r="T7973" s="98">
        <v>0</v>
      </c>
      <c r="U7973" s="98"/>
      <c r="V7973" s="98"/>
      <c r="W7973" s="98"/>
      <c r="X7973" s="98"/>
      <c r="Y7973" s="98"/>
      <c r="Z7973" s="98"/>
      <c r="AA7973" s="98"/>
      <c r="AB7973" s="98"/>
      <c r="AC7973" s="98"/>
      <c r="AD7973" s="98"/>
      <c r="AE7973" s="98"/>
      <c r="AF7973" s="98"/>
      <c r="AG7973" s="98"/>
      <c r="AH7973" s="98"/>
      <c r="AI7973" s="98"/>
      <c r="AJ7973" s="98"/>
      <c r="AK7973" s="98"/>
      <c r="AL7973" s="98"/>
      <c r="AM7973" s="98"/>
      <c r="AN7973" s="98"/>
      <c r="AO7973" s="98"/>
      <c r="AP7973" s="98"/>
      <c r="AQ7973" s="98"/>
      <c r="AR7973" s="98"/>
      <c r="AS7973" s="98"/>
      <c r="AT7973" s="98"/>
      <c r="AU7973" s="98"/>
      <c r="AV7973" s="98"/>
      <c r="AW7973" s="98"/>
      <c r="AX7973" s="98"/>
      <c r="AY7973" s="98"/>
      <c r="AZ7973" s="98"/>
      <c r="BA7973" s="98"/>
      <c r="BB7973" s="107">
        <v>45447</v>
      </c>
    </row>
    <row r="7974" spans="1:54" ht="13.95" customHeight="1" x14ac:dyDescent="0.25">
      <c r="A7974" s="15" t="s">
        <v>19129</v>
      </c>
      <c r="B7974" s="110" t="s">
        <v>19112</v>
      </c>
      <c r="C7974" s="98" t="s">
        <v>19130</v>
      </c>
      <c r="D7974" s="98" t="s">
        <v>24369</v>
      </c>
      <c r="E7974" s="98">
        <v>1989</v>
      </c>
      <c r="F7974" s="98">
        <v>629</v>
      </c>
      <c r="G7974" s="98" t="s">
        <v>8</v>
      </c>
      <c r="H7974" s="98">
        <v>0</v>
      </c>
      <c r="I7974" s="98">
        <v>0</v>
      </c>
      <c r="J7974" s="98">
        <v>0</v>
      </c>
      <c r="K7974" s="98">
        <v>0</v>
      </c>
      <c r="L7974" s="98">
        <v>0</v>
      </c>
      <c r="M7974" s="98">
        <v>0</v>
      </c>
      <c r="N7974" s="98">
        <v>0</v>
      </c>
      <c r="O7974" s="98">
        <v>0</v>
      </c>
      <c r="P7974" s="98">
        <v>0</v>
      </c>
      <c r="Q7974" s="98">
        <v>0</v>
      </c>
      <c r="R7974" s="98">
        <v>0</v>
      </c>
      <c r="S7974" s="98">
        <v>0</v>
      </c>
      <c r="T7974" s="98">
        <v>0</v>
      </c>
      <c r="U7974" s="98">
        <v>0</v>
      </c>
      <c r="V7974" s="98">
        <v>0</v>
      </c>
      <c r="W7974" s="98">
        <v>0</v>
      </c>
      <c r="X7974" s="98">
        <v>0</v>
      </c>
      <c r="Y7974" s="98">
        <v>0</v>
      </c>
      <c r="Z7974" s="98">
        <v>0</v>
      </c>
      <c r="AA7974" s="98">
        <v>0</v>
      </c>
      <c r="AB7974" s="98">
        <v>0</v>
      </c>
      <c r="AC7974" s="98">
        <v>0</v>
      </c>
      <c r="AD7974" s="98">
        <v>0</v>
      </c>
      <c r="AE7974" s="98">
        <v>0</v>
      </c>
      <c r="AF7974" s="98">
        <v>0</v>
      </c>
      <c r="AG7974" s="98">
        <v>0</v>
      </c>
      <c r="AH7974" s="98">
        <v>0</v>
      </c>
      <c r="AI7974" s="98">
        <v>0</v>
      </c>
      <c r="AJ7974" s="98">
        <v>0</v>
      </c>
      <c r="AK7974" s="98">
        <v>0</v>
      </c>
      <c r="AL7974" s="98">
        <v>0</v>
      </c>
      <c r="AM7974" s="98">
        <v>0</v>
      </c>
      <c r="AN7974" s="98">
        <v>0</v>
      </c>
      <c r="AO7974" s="98">
        <v>0</v>
      </c>
      <c r="AP7974" s="98">
        <v>0</v>
      </c>
      <c r="AQ7974" s="98">
        <v>0</v>
      </c>
      <c r="AR7974" s="98">
        <v>0</v>
      </c>
      <c r="AS7974" s="98">
        <v>0</v>
      </c>
      <c r="AT7974" s="129" t="s">
        <v>174</v>
      </c>
      <c r="AU7974" s="98">
        <v>0</v>
      </c>
      <c r="AV7974" s="98">
        <v>0</v>
      </c>
      <c r="AW7974" s="98">
        <v>0</v>
      </c>
      <c r="AX7974" s="98"/>
      <c r="AY7974" s="98"/>
      <c r="AZ7974" s="98"/>
      <c r="BA7974" s="98"/>
      <c r="BB7974" s="107">
        <v>45447</v>
      </c>
    </row>
    <row r="7975" spans="1:54" s="18" customFormat="1" ht="13.95" customHeight="1" x14ac:dyDescent="0.25">
      <c r="A7975" s="102" t="s">
        <v>19131</v>
      </c>
      <c r="B7975" s="110" t="s">
        <v>19112</v>
      </c>
      <c r="C7975" s="98" t="s">
        <v>19132</v>
      </c>
      <c r="D7975" s="98" t="s">
        <v>24370</v>
      </c>
      <c r="E7975" s="98">
        <v>1981</v>
      </c>
      <c r="F7975" s="98">
        <v>150</v>
      </c>
      <c r="G7975" s="98" t="s">
        <v>1</v>
      </c>
      <c r="H7975" s="98">
        <v>0</v>
      </c>
      <c r="I7975" s="98">
        <v>0</v>
      </c>
      <c r="J7975" s="98">
        <v>0</v>
      </c>
      <c r="K7975" s="98">
        <v>0</v>
      </c>
      <c r="L7975" s="98">
        <v>1</v>
      </c>
      <c r="M7975" s="98">
        <v>0</v>
      </c>
      <c r="N7975" s="98">
        <v>0</v>
      </c>
      <c r="O7975" s="98">
        <v>1</v>
      </c>
      <c r="P7975" s="98">
        <v>1</v>
      </c>
      <c r="Q7975" s="98">
        <v>0</v>
      </c>
      <c r="R7975" s="98">
        <v>0</v>
      </c>
      <c r="S7975" s="98">
        <v>0</v>
      </c>
      <c r="T7975" s="98">
        <v>0</v>
      </c>
      <c r="U7975" s="98"/>
      <c r="V7975" s="98"/>
      <c r="W7975" s="98"/>
      <c r="X7975" s="98"/>
      <c r="Y7975" s="98"/>
      <c r="Z7975" s="98"/>
      <c r="AA7975" s="98"/>
      <c r="AB7975" s="98"/>
      <c r="AC7975" s="98"/>
      <c r="AD7975" s="98"/>
      <c r="AE7975" s="98"/>
      <c r="AF7975" s="98"/>
      <c r="AG7975" s="98"/>
      <c r="AH7975" s="98"/>
      <c r="AI7975" s="98"/>
      <c r="AJ7975" s="98"/>
      <c r="AK7975" s="98"/>
      <c r="AL7975" s="98"/>
      <c r="AM7975" s="98"/>
      <c r="AN7975" s="98"/>
      <c r="AO7975" s="98"/>
      <c r="AP7975" s="98"/>
      <c r="AQ7975" s="98"/>
      <c r="AR7975" s="98"/>
      <c r="AS7975" s="98"/>
      <c r="AT7975" s="98"/>
      <c r="AU7975" s="98"/>
      <c r="AV7975" s="98"/>
      <c r="AW7975" s="98"/>
      <c r="AX7975" s="98"/>
      <c r="AY7975" s="98"/>
      <c r="AZ7975" s="98"/>
      <c r="BA7975" s="98"/>
      <c r="BB7975" s="107">
        <v>45447</v>
      </c>
    </row>
    <row r="7976" spans="1:54" s="18" customFormat="1" ht="13.95" customHeight="1" x14ac:dyDescent="0.25">
      <c r="A7976" s="102" t="s">
        <v>19133</v>
      </c>
      <c r="B7976" s="110" t="s">
        <v>19112</v>
      </c>
      <c r="C7976" s="98" t="s">
        <v>19134</v>
      </c>
      <c r="D7976" s="98" t="s">
        <v>24371</v>
      </c>
      <c r="E7976" s="98">
        <v>1979</v>
      </c>
      <c r="F7976" s="98">
        <v>383</v>
      </c>
      <c r="G7976" s="98" t="s">
        <v>24368</v>
      </c>
      <c r="H7976" s="98">
        <v>0</v>
      </c>
      <c r="I7976" s="98">
        <v>0</v>
      </c>
      <c r="J7976" s="98">
        <v>1</v>
      </c>
      <c r="K7976" s="98">
        <v>0</v>
      </c>
      <c r="L7976" s="98">
        <v>0</v>
      </c>
      <c r="M7976" s="98">
        <v>0</v>
      </c>
      <c r="N7976" s="98">
        <v>0</v>
      </c>
      <c r="O7976" s="98">
        <v>1</v>
      </c>
      <c r="P7976" s="98">
        <v>1</v>
      </c>
      <c r="Q7976" s="98">
        <v>0</v>
      </c>
      <c r="R7976" s="98">
        <v>0</v>
      </c>
      <c r="S7976" s="98">
        <v>1</v>
      </c>
      <c r="T7976" s="98">
        <v>0</v>
      </c>
      <c r="U7976" s="98"/>
      <c r="V7976" s="98"/>
      <c r="W7976" s="98"/>
      <c r="X7976" s="98"/>
      <c r="Y7976" s="98"/>
      <c r="Z7976" s="98"/>
      <c r="AA7976" s="98"/>
      <c r="AB7976" s="98"/>
      <c r="AC7976" s="98"/>
      <c r="AD7976" s="98"/>
      <c r="AE7976" s="98"/>
      <c r="AF7976" s="98"/>
      <c r="AG7976" s="98"/>
      <c r="AH7976" s="98"/>
      <c r="AI7976" s="98"/>
      <c r="AJ7976" s="98"/>
      <c r="AK7976" s="98"/>
      <c r="AL7976" s="98"/>
      <c r="AM7976" s="98"/>
      <c r="AN7976" s="98"/>
      <c r="AO7976" s="98"/>
      <c r="AP7976" s="98"/>
      <c r="AQ7976" s="98"/>
      <c r="AR7976" s="98"/>
      <c r="AS7976" s="98"/>
      <c r="AT7976" s="98"/>
      <c r="AU7976" s="98"/>
      <c r="AV7976" s="98"/>
      <c r="AW7976" s="98"/>
      <c r="AX7976" s="98"/>
      <c r="AY7976" s="98"/>
      <c r="AZ7976" s="98"/>
      <c r="BA7976" s="98"/>
      <c r="BB7976" s="107">
        <v>45447</v>
      </c>
    </row>
    <row r="7977" spans="1:54" s="18" customFormat="1" ht="13.95" customHeight="1" x14ac:dyDescent="0.25">
      <c r="A7977" s="102" t="s">
        <v>19135</v>
      </c>
      <c r="B7977" s="110" t="s">
        <v>19112</v>
      </c>
      <c r="C7977" s="98" t="s">
        <v>19136</v>
      </c>
      <c r="D7977" s="98" t="s">
        <v>24372</v>
      </c>
      <c r="E7977" s="98">
        <v>1974</v>
      </c>
      <c r="F7977" s="98">
        <v>232</v>
      </c>
      <c r="G7977" s="98" t="s">
        <v>24368</v>
      </c>
      <c r="H7977" s="98">
        <v>0</v>
      </c>
      <c r="I7977" s="98">
        <v>0</v>
      </c>
      <c r="J7977" s="98">
        <v>0</v>
      </c>
      <c r="K7977" s="98">
        <v>0</v>
      </c>
      <c r="L7977" s="98">
        <v>0</v>
      </c>
      <c r="M7977" s="98">
        <v>0</v>
      </c>
      <c r="N7977" s="98">
        <v>0</v>
      </c>
      <c r="O7977" s="98">
        <v>1</v>
      </c>
      <c r="P7977" s="98">
        <v>0</v>
      </c>
      <c r="Q7977" s="98">
        <v>0</v>
      </c>
      <c r="R7977" s="98">
        <v>1</v>
      </c>
      <c r="S7977" s="98">
        <v>1</v>
      </c>
      <c r="T7977" s="98">
        <v>0</v>
      </c>
      <c r="U7977" s="98"/>
      <c r="V7977" s="98"/>
      <c r="W7977" s="98"/>
      <c r="X7977" s="98"/>
      <c r="Y7977" s="98"/>
      <c r="Z7977" s="98"/>
      <c r="AA7977" s="98"/>
      <c r="AB7977" s="98"/>
      <c r="AC7977" s="98"/>
      <c r="AD7977" s="98"/>
      <c r="AE7977" s="98"/>
      <c r="AF7977" s="98"/>
      <c r="AG7977" s="98"/>
      <c r="AH7977" s="98"/>
      <c r="AI7977" s="98"/>
      <c r="AJ7977" s="98"/>
      <c r="AK7977" s="98"/>
      <c r="AL7977" s="98"/>
      <c r="AM7977" s="98"/>
      <c r="AN7977" s="98"/>
      <c r="AO7977" s="98"/>
      <c r="AP7977" s="98"/>
      <c r="AQ7977" s="98"/>
      <c r="AR7977" s="98"/>
      <c r="AS7977" s="98"/>
      <c r="AT7977" s="98"/>
      <c r="AU7977" s="98"/>
      <c r="AV7977" s="98"/>
      <c r="AW7977" s="98"/>
      <c r="AX7977" s="98"/>
      <c r="AY7977" s="98"/>
      <c r="AZ7977" s="98"/>
      <c r="BA7977" s="98"/>
      <c r="BB7977" s="107">
        <v>45447</v>
      </c>
    </row>
    <row r="7978" spans="1:54" s="18" customFormat="1" ht="13.95" customHeight="1" x14ac:dyDescent="0.25">
      <c r="A7978" s="102" t="s">
        <v>19137</v>
      </c>
      <c r="B7978" s="110" t="s">
        <v>19112</v>
      </c>
      <c r="C7978" s="98" t="s">
        <v>19138</v>
      </c>
      <c r="D7978" s="98" t="s">
        <v>24373</v>
      </c>
      <c r="E7978" s="98">
        <v>1971</v>
      </c>
      <c r="F7978" s="98">
        <v>147</v>
      </c>
      <c r="G7978" s="98" t="s">
        <v>24368</v>
      </c>
      <c r="H7978" s="98">
        <v>0</v>
      </c>
      <c r="I7978" s="98">
        <v>0</v>
      </c>
      <c r="J7978" s="98">
        <v>1</v>
      </c>
      <c r="K7978" s="98">
        <v>0</v>
      </c>
      <c r="L7978" s="98">
        <v>0</v>
      </c>
      <c r="M7978" s="98">
        <v>1</v>
      </c>
      <c r="N7978" s="98">
        <v>0</v>
      </c>
      <c r="O7978" s="98">
        <v>0</v>
      </c>
      <c r="P7978" s="98">
        <v>1</v>
      </c>
      <c r="Q7978" s="98">
        <v>0</v>
      </c>
      <c r="R7978" s="98">
        <v>0</v>
      </c>
      <c r="S7978" s="98">
        <v>1</v>
      </c>
      <c r="T7978" s="98">
        <v>0</v>
      </c>
      <c r="U7978" s="98"/>
      <c r="V7978" s="98"/>
      <c r="W7978" s="98"/>
      <c r="X7978" s="98"/>
      <c r="Y7978" s="98"/>
      <c r="Z7978" s="98"/>
      <c r="AA7978" s="98"/>
      <c r="AB7978" s="98"/>
      <c r="AC7978" s="98"/>
      <c r="AD7978" s="98"/>
      <c r="AE7978" s="98"/>
      <c r="AF7978" s="98"/>
      <c r="AG7978" s="98"/>
      <c r="AH7978" s="98"/>
      <c r="AI7978" s="98"/>
      <c r="AJ7978" s="98"/>
      <c r="AK7978" s="98"/>
      <c r="AL7978" s="98"/>
      <c r="AM7978" s="98"/>
      <c r="AN7978" s="98"/>
      <c r="AO7978" s="98"/>
      <c r="AP7978" s="98"/>
      <c r="AQ7978" s="98"/>
      <c r="AR7978" s="98"/>
      <c r="AS7978" s="98"/>
      <c r="AT7978" s="98"/>
      <c r="AU7978" s="98"/>
      <c r="AV7978" s="98"/>
      <c r="AW7978" s="98"/>
      <c r="AX7978" s="98"/>
      <c r="AY7978" s="98"/>
      <c r="AZ7978" s="98"/>
      <c r="BA7978" s="98" t="s">
        <v>24374</v>
      </c>
      <c r="BB7978" s="107">
        <v>45447</v>
      </c>
    </row>
    <row r="7979" spans="1:54" s="18" customFormat="1" ht="13.95" customHeight="1" x14ac:dyDescent="0.25">
      <c r="A7979" s="102" t="s">
        <v>19139</v>
      </c>
      <c r="B7979" s="110" t="s">
        <v>19112</v>
      </c>
      <c r="C7979" s="98" t="s">
        <v>19140</v>
      </c>
      <c r="D7979" s="98" t="s">
        <v>24375</v>
      </c>
      <c r="E7979" s="98">
        <v>1972</v>
      </c>
      <c r="F7979" s="98">
        <v>244</v>
      </c>
      <c r="G7979" s="98" t="s">
        <v>24376</v>
      </c>
      <c r="H7979" s="98">
        <v>0</v>
      </c>
      <c r="I7979" s="98">
        <v>0</v>
      </c>
      <c r="J7979" s="98">
        <v>1</v>
      </c>
      <c r="K7979" s="98">
        <v>0</v>
      </c>
      <c r="L7979" s="98">
        <v>1</v>
      </c>
      <c r="M7979" s="98">
        <v>0</v>
      </c>
      <c r="N7979" s="98">
        <v>0</v>
      </c>
      <c r="O7979" s="98">
        <v>0</v>
      </c>
      <c r="P7979" s="98">
        <v>1</v>
      </c>
      <c r="Q7979" s="98">
        <v>0</v>
      </c>
      <c r="R7979" s="98">
        <v>1</v>
      </c>
      <c r="S7979" s="98">
        <v>0</v>
      </c>
      <c r="T7979" s="98">
        <v>0</v>
      </c>
      <c r="U7979" s="98"/>
      <c r="V7979" s="98"/>
      <c r="W7979" s="98"/>
      <c r="X7979" s="98"/>
      <c r="Y7979" s="98"/>
      <c r="Z7979" s="98"/>
      <c r="AA7979" s="98"/>
      <c r="AB7979" s="98"/>
      <c r="AC7979" s="98"/>
      <c r="AD7979" s="98"/>
      <c r="AE7979" s="98"/>
      <c r="AF7979" s="98"/>
      <c r="AG7979" s="98"/>
      <c r="AH7979" s="98"/>
      <c r="AI7979" s="98"/>
      <c r="AJ7979" s="98"/>
      <c r="AK7979" s="98"/>
      <c r="AL7979" s="98"/>
      <c r="AM7979" s="98"/>
      <c r="AN7979" s="98"/>
      <c r="AO7979" s="98"/>
      <c r="AP7979" s="98"/>
      <c r="AQ7979" s="98"/>
      <c r="AR7979" s="98"/>
      <c r="AS7979" s="98"/>
      <c r="AT7979" s="98"/>
      <c r="AU7979" s="98"/>
      <c r="AV7979" s="98"/>
      <c r="AW7979" s="98"/>
      <c r="AX7979" s="98"/>
      <c r="AY7979" s="98"/>
      <c r="AZ7979" s="98"/>
      <c r="BA7979" s="98" t="s">
        <v>19141</v>
      </c>
      <c r="BB7979" s="107">
        <v>45447</v>
      </c>
    </row>
    <row r="7980" spans="1:54" s="18" customFormat="1" ht="13.95" customHeight="1" x14ac:dyDescent="0.25">
      <c r="A7980" s="102" t="s">
        <v>19142</v>
      </c>
      <c r="B7980" s="110" t="s">
        <v>19112</v>
      </c>
      <c r="C7980" s="98" t="s">
        <v>19143</v>
      </c>
      <c r="D7980" s="98" t="s">
        <v>24377</v>
      </c>
      <c r="E7980" s="98">
        <v>2007</v>
      </c>
      <c r="F7980" s="98">
        <v>200</v>
      </c>
      <c r="G7980" s="98" t="s">
        <v>22296</v>
      </c>
      <c r="H7980" s="98">
        <v>0</v>
      </c>
      <c r="I7980" s="98">
        <v>0</v>
      </c>
      <c r="J7980" s="98">
        <v>1</v>
      </c>
      <c r="K7980" s="98">
        <v>1</v>
      </c>
      <c r="L7980" s="98">
        <v>0</v>
      </c>
      <c r="M7980" s="98">
        <v>1</v>
      </c>
      <c r="N7980" s="98">
        <v>0</v>
      </c>
      <c r="O7980" s="98">
        <v>0</v>
      </c>
      <c r="P7980" s="98">
        <v>1</v>
      </c>
      <c r="Q7980" s="98">
        <v>0</v>
      </c>
      <c r="R7980" s="98">
        <v>0</v>
      </c>
      <c r="S7980" s="98">
        <v>0</v>
      </c>
      <c r="T7980" s="98">
        <v>0</v>
      </c>
      <c r="U7980" s="98"/>
      <c r="V7980" s="98"/>
      <c r="W7980" s="98"/>
      <c r="X7980" s="98"/>
      <c r="Y7980" s="98"/>
      <c r="Z7980" s="98"/>
      <c r="AA7980" s="98"/>
      <c r="AB7980" s="98"/>
      <c r="AC7980" s="98"/>
      <c r="AD7980" s="98"/>
      <c r="AE7980" s="98"/>
      <c r="AF7980" s="98"/>
      <c r="AG7980" s="98"/>
      <c r="AH7980" s="98"/>
      <c r="AI7980" s="98"/>
      <c r="AJ7980" s="98"/>
      <c r="AK7980" s="98"/>
      <c r="AL7980" s="98"/>
      <c r="AM7980" s="98"/>
      <c r="AN7980" s="98"/>
      <c r="AO7980" s="98"/>
      <c r="AP7980" s="98"/>
      <c r="AQ7980" s="98"/>
      <c r="AR7980" s="98"/>
      <c r="AS7980" s="98"/>
      <c r="AT7980" s="98"/>
      <c r="AU7980" s="98"/>
      <c r="AV7980" s="98"/>
      <c r="AW7980" s="98"/>
      <c r="AX7980" s="98"/>
      <c r="AY7980" s="98"/>
      <c r="AZ7980" s="98"/>
      <c r="BA7980" s="98"/>
      <c r="BB7980" s="107">
        <v>45447</v>
      </c>
    </row>
    <row r="7981" spans="1:54" s="18" customFormat="1" ht="13.5" customHeight="1" x14ac:dyDescent="0.25">
      <c r="A7981" s="102" t="s">
        <v>19144</v>
      </c>
      <c r="B7981" s="110" t="s">
        <v>19112</v>
      </c>
      <c r="C7981" s="98" t="s">
        <v>19145</v>
      </c>
      <c r="D7981" s="98" t="s">
        <v>24378</v>
      </c>
      <c r="E7981" s="98">
        <v>2008</v>
      </c>
      <c r="F7981" s="98">
        <v>96</v>
      </c>
      <c r="G7981" s="98" t="s">
        <v>24368</v>
      </c>
      <c r="H7981" s="98">
        <v>0</v>
      </c>
      <c r="I7981" s="98">
        <v>0</v>
      </c>
      <c r="J7981" s="98">
        <v>1</v>
      </c>
      <c r="K7981" s="98">
        <v>0</v>
      </c>
      <c r="L7981" s="98">
        <v>0</v>
      </c>
      <c r="M7981" s="98">
        <v>0</v>
      </c>
      <c r="N7981" s="98">
        <v>0</v>
      </c>
      <c r="O7981" s="98">
        <v>0</v>
      </c>
      <c r="P7981" s="98">
        <v>0</v>
      </c>
      <c r="Q7981" s="98">
        <v>0</v>
      </c>
      <c r="R7981" s="98">
        <v>0</v>
      </c>
      <c r="S7981" s="98">
        <v>0</v>
      </c>
      <c r="T7981" s="98">
        <v>0</v>
      </c>
      <c r="U7981" s="98"/>
      <c r="V7981" s="98"/>
      <c r="W7981" s="98"/>
      <c r="X7981" s="98"/>
      <c r="Y7981" s="98"/>
      <c r="Z7981" s="98"/>
      <c r="AA7981" s="98"/>
      <c r="AB7981" s="98"/>
      <c r="AC7981" s="98"/>
      <c r="AD7981" s="98"/>
      <c r="AE7981" s="98"/>
      <c r="AF7981" s="98"/>
      <c r="AG7981" s="98"/>
      <c r="AH7981" s="98"/>
      <c r="AI7981" s="98"/>
      <c r="AJ7981" s="98"/>
      <c r="AK7981" s="98"/>
      <c r="AL7981" s="98"/>
      <c r="AM7981" s="98"/>
      <c r="AN7981" s="98"/>
      <c r="AO7981" s="98"/>
      <c r="AP7981" s="98"/>
      <c r="AQ7981" s="98"/>
      <c r="AR7981" s="98"/>
      <c r="AS7981" s="98"/>
      <c r="AT7981" s="98"/>
      <c r="AU7981" s="98"/>
      <c r="AV7981" s="98"/>
      <c r="AW7981" s="98"/>
      <c r="AX7981" s="98"/>
      <c r="AY7981" s="98"/>
      <c r="AZ7981" s="98"/>
      <c r="BA7981" s="98"/>
      <c r="BB7981" s="107">
        <v>45447</v>
      </c>
    </row>
    <row r="7982" spans="1:54" s="18" customFormat="1" ht="13.95" customHeight="1" x14ac:dyDescent="0.25">
      <c r="A7982" s="102" t="s">
        <v>19146</v>
      </c>
      <c r="B7982" s="110" t="s">
        <v>19112</v>
      </c>
      <c r="C7982" s="98" t="s">
        <v>24379</v>
      </c>
      <c r="D7982" s="98" t="s">
        <v>24380</v>
      </c>
      <c r="E7982" s="98">
        <v>1983</v>
      </c>
      <c r="F7982" s="98">
        <v>319</v>
      </c>
      <c r="G7982" s="98" t="s">
        <v>24368</v>
      </c>
      <c r="H7982" s="98">
        <v>0</v>
      </c>
      <c r="I7982" s="98">
        <v>0</v>
      </c>
      <c r="J7982" s="98">
        <v>0</v>
      </c>
      <c r="K7982" s="98">
        <v>0</v>
      </c>
      <c r="L7982" s="98">
        <v>1</v>
      </c>
      <c r="M7982" s="98">
        <v>0</v>
      </c>
      <c r="N7982" s="98">
        <v>0</v>
      </c>
      <c r="O7982" s="98">
        <v>1</v>
      </c>
      <c r="P7982" s="98">
        <v>1</v>
      </c>
      <c r="Q7982" s="98">
        <v>0</v>
      </c>
      <c r="R7982" s="98">
        <v>1</v>
      </c>
      <c r="S7982" s="98">
        <v>0</v>
      </c>
      <c r="T7982" s="98">
        <v>0</v>
      </c>
      <c r="U7982" s="98"/>
      <c r="V7982" s="98"/>
      <c r="W7982" s="98"/>
      <c r="X7982" s="98"/>
      <c r="Y7982" s="98"/>
      <c r="Z7982" s="98"/>
      <c r="AA7982" s="98"/>
      <c r="AB7982" s="98"/>
      <c r="AC7982" s="98"/>
      <c r="AD7982" s="98"/>
      <c r="AE7982" s="98"/>
      <c r="AF7982" s="98"/>
      <c r="AG7982" s="98"/>
      <c r="AH7982" s="98"/>
      <c r="AI7982" s="98"/>
      <c r="AJ7982" s="98"/>
      <c r="AK7982" s="98"/>
      <c r="AL7982" s="98"/>
      <c r="AM7982" s="98"/>
      <c r="AN7982" s="98"/>
      <c r="AO7982" s="98"/>
      <c r="AP7982" s="98"/>
      <c r="AQ7982" s="98"/>
      <c r="AR7982" s="98"/>
      <c r="AS7982" s="98"/>
      <c r="AT7982" s="98"/>
      <c r="AU7982" s="98"/>
      <c r="AV7982" s="98"/>
      <c r="AW7982" s="98"/>
      <c r="AX7982" s="98"/>
      <c r="AY7982" s="98"/>
      <c r="AZ7982" s="98"/>
      <c r="BA7982" s="98"/>
      <c r="BB7982" s="107">
        <v>45447</v>
      </c>
    </row>
    <row r="7983" spans="1:54" s="18" customFormat="1" ht="13.95" customHeight="1" x14ac:dyDescent="0.25">
      <c r="A7983" s="102" t="s">
        <v>19147</v>
      </c>
      <c r="B7983" s="110" t="s">
        <v>19112</v>
      </c>
      <c r="C7983" s="98" t="s">
        <v>19148</v>
      </c>
      <c r="D7983" s="98" t="s">
        <v>24381</v>
      </c>
      <c r="E7983" s="98">
        <v>1989</v>
      </c>
      <c r="F7983" s="98">
        <v>1373</v>
      </c>
      <c r="G7983" s="98" t="s">
        <v>12</v>
      </c>
      <c r="H7983" s="98">
        <v>0</v>
      </c>
      <c r="I7983" s="98">
        <v>0</v>
      </c>
      <c r="J7983" s="98">
        <v>1</v>
      </c>
      <c r="K7983" s="98">
        <v>0</v>
      </c>
      <c r="L7983" s="98">
        <v>0</v>
      </c>
      <c r="M7983" s="98">
        <v>0</v>
      </c>
      <c r="N7983" s="98">
        <v>0</v>
      </c>
      <c r="O7983" s="98">
        <v>0</v>
      </c>
      <c r="P7983" s="98">
        <v>0</v>
      </c>
      <c r="Q7983" s="98">
        <v>0</v>
      </c>
      <c r="R7983" s="98">
        <v>0</v>
      </c>
      <c r="S7983" s="98">
        <v>0</v>
      </c>
      <c r="T7983" s="98">
        <v>0</v>
      </c>
      <c r="U7983" s="98">
        <v>0</v>
      </c>
      <c r="V7983" s="98">
        <v>0</v>
      </c>
      <c r="W7983" s="98">
        <v>0</v>
      </c>
      <c r="X7983" s="98">
        <v>0</v>
      </c>
      <c r="Y7983" s="98">
        <v>0</v>
      </c>
      <c r="Z7983" s="98">
        <v>0</v>
      </c>
      <c r="AA7983" s="98">
        <v>0</v>
      </c>
      <c r="AB7983" s="98">
        <v>0</v>
      </c>
      <c r="AC7983" s="98">
        <v>0</v>
      </c>
      <c r="AD7983" s="98">
        <v>0</v>
      </c>
      <c r="AE7983" s="98">
        <v>0</v>
      </c>
      <c r="AF7983" s="98">
        <v>0</v>
      </c>
      <c r="AG7983" s="98">
        <v>0</v>
      </c>
      <c r="AH7983" s="98">
        <v>0</v>
      </c>
      <c r="AI7983" s="98">
        <v>0</v>
      </c>
      <c r="AJ7983" s="98">
        <v>0</v>
      </c>
      <c r="AK7983" s="98">
        <v>0</v>
      </c>
      <c r="AL7983" s="98">
        <v>0</v>
      </c>
      <c r="AM7983" s="98">
        <v>0</v>
      </c>
      <c r="AN7983" s="98">
        <v>0</v>
      </c>
      <c r="AO7983" s="98">
        <v>0</v>
      </c>
      <c r="AP7983" s="98">
        <v>0</v>
      </c>
      <c r="AQ7983" s="98">
        <v>0</v>
      </c>
      <c r="AR7983" s="98">
        <v>0</v>
      </c>
      <c r="AS7983" s="98">
        <v>0</v>
      </c>
      <c r="AT7983" s="98">
        <v>1</v>
      </c>
      <c r="AU7983" s="98">
        <v>0</v>
      </c>
      <c r="AV7983" s="98">
        <v>0</v>
      </c>
      <c r="AW7983" s="98">
        <v>0</v>
      </c>
      <c r="AX7983" s="98"/>
      <c r="AY7983" s="98"/>
      <c r="AZ7983" s="98"/>
      <c r="BA7983" s="98"/>
      <c r="BB7983" s="107">
        <v>45447</v>
      </c>
    </row>
    <row r="7984" spans="1:54" s="20" customFormat="1" ht="13.95" customHeight="1" x14ac:dyDescent="0.25">
      <c r="A7984" s="19" t="s">
        <v>19149</v>
      </c>
      <c r="B7984" s="143" t="s">
        <v>19150</v>
      </c>
      <c r="C7984" s="144" t="s">
        <v>19151</v>
      </c>
      <c r="D7984" s="144" t="s">
        <v>19152</v>
      </c>
      <c r="E7984" s="144">
        <v>1982</v>
      </c>
      <c r="F7984" s="144">
        <v>1514</v>
      </c>
      <c r="G7984" s="144" t="s">
        <v>1</v>
      </c>
      <c r="H7984" s="144">
        <v>1</v>
      </c>
      <c r="I7984" s="144">
        <v>0</v>
      </c>
      <c r="J7984" s="144">
        <v>1</v>
      </c>
      <c r="K7984" s="144">
        <v>0</v>
      </c>
      <c r="L7984" s="144">
        <v>1</v>
      </c>
      <c r="M7984" s="144">
        <v>1</v>
      </c>
      <c r="N7984" s="144">
        <v>0</v>
      </c>
      <c r="O7984" s="144">
        <v>1</v>
      </c>
      <c r="P7984" s="144">
        <v>1</v>
      </c>
      <c r="Q7984" s="144">
        <v>0</v>
      </c>
      <c r="R7984" s="144">
        <v>1</v>
      </c>
      <c r="S7984" s="144">
        <v>0</v>
      </c>
      <c r="T7984" s="144">
        <v>0</v>
      </c>
      <c r="U7984" s="192"/>
      <c r="V7984" s="192"/>
      <c r="W7984" s="192"/>
      <c r="X7984" s="192"/>
      <c r="Y7984" s="192"/>
      <c r="Z7984" s="192"/>
      <c r="AA7984" s="192"/>
      <c r="AB7984" s="192"/>
      <c r="AC7984" s="192"/>
      <c r="AD7984" s="192"/>
      <c r="AE7984" s="192"/>
      <c r="AF7984" s="192"/>
      <c r="AG7984" s="192"/>
      <c r="AH7984" s="192"/>
      <c r="AI7984" s="192"/>
      <c r="AJ7984" s="192"/>
      <c r="AK7984" s="192"/>
      <c r="AL7984" s="192"/>
      <c r="AM7984" s="192"/>
      <c r="AN7984" s="192"/>
      <c r="AO7984" s="192"/>
      <c r="AP7984" s="192"/>
      <c r="AQ7984" s="192"/>
      <c r="AR7984" s="192"/>
      <c r="AS7984" s="192"/>
      <c r="AT7984" s="192"/>
      <c r="AU7984" s="192"/>
      <c r="AV7984" s="192"/>
      <c r="AW7984" s="192"/>
      <c r="AX7984" s="192"/>
      <c r="AY7984" s="192"/>
      <c r="AZ7984" s="192"/>
      <c r="BA7984" s="192"/>
      <c r="BB7984" s="107">
        <v>45447</v>
      </c>
    </row>
    <row r="7985" spans="1:54" s="20" customFormat="1" ht="13.95" customHeight="1" x14ac:dyDescent="0.25">
      <c r="A7985" s="19" t="s">
        <v>19153</v>
      </c>
      <c r="B7985" s="143" t="s">
        <v>19150</v>
      </c>
      <c r="C7985" s="144" t="s">
        <v>19154</v>
      </c>
      <c r="D7985" s="144" t="s">
        <v>19155</v>
      </c>
      <c r="E7985" s="144">
        <v>2010</v>
      </c>
      <c r="F7985" s="144">
        <v>1894</v>
      </c>
      <c r="G7985" s="144" t="s">
        <v>1</v>
      </c>
      <c r="H7985" s="144">
        <v>0</v>
      </c>
      <c r="I7985" s="144">
        <v>0</v>
      </c>
      <c r="J7985" s="144">
        <v>1</v>
      </c>
      <c r="K7985" s="144">
        <v>1</v>
      </c>
      <c r="L7985" s="144">
        <v>1</v>
      </c>
      <c r="M7985" s="144">
        <v>1</v>
      </c>
      <c r="N7985" s="144">
        <v>1</v>
      </c>
      <c r="O7985" s="144">
        <v>1</v>
      </c>
      <c r="P7985" s="144">
        <v>1</v>
      </c>
      <c r="Q7985" s="144">
        <v>0</v>
      </c>
      <c r="R7985" s="144">
        <v>1</v>
      </c>
      <c r="S7985" s="144">
        <v>1</v>
      </c>
      <c r="T7985" s="144">
        <v>0</v>
      </c>
      <c r="U7985" s="192"/>
      <c r="V7985" s="192"/>
      <c r="W7985" s="192"/>
      <c r="X7985" s="192"/>
      <c r="Y7985" s="192"/>
      <c r="Z7985" s="192"/>
      <c r="AA7985" s="192"/>
      <c r="AB7985" s="192"/>
      <c r="AC7985" s="192"/>
      <c r="AD7985" s="192"/>
      <c r="AE7985" s="192"/>
      <c r="AF7985" s="192"/>
      <c r="AG7985" s="192"/>
      <c r="AH7985" s="192"/>
      <c r="AI7985" s="192"/>
      <c r="AJ7985" s="192"/>
      <c r="AK7985" s="192"/>
      <c r="AL7985" s="192"/>
      <c r="AM7985" s="192"/>
      <c r="AN7985" s="192"/>
      <c r="AO7985" s="192"/>
      <c r="AP7985" s="192"/>
      <c r="AQ7985" s="192"/>
      <c r="AR7985" s="192"/>
      <c r="AS7985" s="192"/>
      <c r="AT7985" s="192"/>
      <c r="AU7985" s="192"/>
      <c r="AV7985" s="192"/>
      <c r="AW7985" s="192"/>
      <c r="AX7985" s="192"/>
      <c r="AY7985" s="192"/>
      <c r="AZ7985" s="192"/>
      <c r="BA7985" s="192"/>
      <c r="BB7985" s="107">
        <v>45447</v>
      </c>
    </row>
    <row r="7986" spans="1:54" s="20" customFormat="1" ht="13.95" customHeight="1" x14ac:dyDescent="0.25">
      <c r="A7986" s="19" t="s">
        <v>19156</v>
      </c>
      <c r="B7986" s="143" t="s">
        <v>19150</v>
      </c>
      <c r="C7986" s="144" t="s">
        <v>19157</v>
      </c>
      <c r="D7986" s="144" t="s">
        <v>19158</v>
      </c>
      <c r="E7986" s="144">
        <v>1978</v>
      </c>
      <c r="F7986" s="144">
        <v>2177</v>
      </c>
      <c r="G7986" s="144" t="s">
        <v>1</v>
      </c>
      <c r="H7986" s="144">
        <v>1</v>
      </c>
      <c r="I7986" s="144">
        <v>1</v>
      </c>
      <c r="J7986" s="144">
        <v>1</v>
      </c>
      <c r="K7986" s="144">
        <v>1</v>
      </c>
      <c r="L7986" s="144">
        <v>0</v>
      </c>
      <c r="M7986" s="144">
        <v>1</v>
      </c>
      <c r="N7986" s="144">
        <v>0</v>
      </c>
      <c r="O7986" s="144">
        <v>0</v>
      </c>
      <c r="P7986" s="144">
        <v>1</v>
      </c>
      <c r="Q7986" s="144">
        <v>0</v>
      </c>
      <c r="R7986" s="144">
        <v>0</v>
      </c>
      <c r="S7986" s="144">
        <v>0</v>
      </c>
      <c r="T7986" s="144">
        <v>0</v>
      </c>
      <c r="U7986" s="192"/>
      <c r="V7986" s="192"/>
      <c r="W7986" s="192"/>
      <c r="X7986" s="192"/>
      <c r="Y7986" s="192"/>
      <c r="Z7986" s="192"/>
      <c r="AA7986" s="192"/>
      <c r="AB7986" s="192"/>
      <c r="AC7986" s="192"/>
      <c r="AD7986" s="192"/>
      <c r="AE7986" s="192"/>
      <c r="AF7986" s="192"/>
      <c r="AG7986" s="192"/>
      <c r="AH7986" s="192"/>
      <c r="AI7986" s="192"/>
      <c r="AJ7986" s="192"/>
      <c r="AK7986" s="192"/>
      <c r="AL7986" s="192"/>
      <c r="AM7986" s="192"/>
      <c r="AN7986" s="192"/>
      <c r="AO7986" s="192"/>
      <c r="AP7986" s="192"/>
      <c r="AQ7986" s="192"/>
      <c r="AR7986" s="192"/>
      <c r="AS7986" s="192"/>
      <c r="AT7986" s="192"/>
      <c r="AU7986" s="192"/>
      <c r="AV7986" s="192"/>
      <c r="AW7986" s="192"/>
      <c r="AX7986" s="192"/>
      <c r="AY7986" s="192"/>
      <c r="AZ7986" s="192"/>
      <c r="BA7986" s="192"/>
      <c r="BB7986" s="107">
        <v>45447</v>
      </c>
    </row>
    <row r="7987" spans="1:54" s="20" customFormat="1" ht="13.95" customHeight="1" x14ac:dyDescent="0.25">
      <c r="A7987" s="19" t="s">
        <v>19159</v>
      </c>
      <c r="B7987" s="143" t="s">
        <v>19150</v>
      </c>
      <c r="C7987" s="144" t="s">
        <v>19160</v>
      </c>
      <c r="D7987" s="144" t="s">
        <v>19161</v>
      </c>
      <c r="E7987" s="144">
        <v>2003</v>
      </c>
      <c r="F7987" s="144">
        <v>2359</v>
      </c>
      <c r="G7987" s="144" t="s">
        <v>1</v>
      </c>
      <c r="H7987" s="144">
        <v>1</v>
      </c>
      <c r="I7987" s="144">
        <v>1</v>
      </c>
      <c r="J7987" s="144">
        <v>1</v>
      </c>
      <c r="K7987" s="144">
        <v>1</v>
      </c>
      <c r="L7987" s="144">
        <v>1</v>
      </c>
      <c r="M7987" s="144">
        <v>1</v>
      </c>
      <c r="N7987" s="144">
        <v>0</v>
      </c>
      <c r="O7987" s="144">
        <v>0</v>
      </c>
      <c r="P7987" s="144">
        <v>1</v>
      </c>
      <c r="Q7987" s="144">
        <v>0</v>
      </c>
      <c r="R7987" s="144">
        <v>1</v>
      </c>
      <c r="S7987" s="144">
        <v>1</v>
      </c>
      <c r="T7987" s="144">
        <v>0</v>
      </c>
      <c r="U7987" s="192"/>
      <c r="V7987" s="192"/>
      <c r="W7987" s="192"/>
      <c r="X7987" s="144">
        <v>0</v>
      </c>
      <c r="Y7987" s="192"/>
      <c r="Z7987" s="192"/>
      <c r="AA7987" s="144">
        <v>1</v>
      </c>
      <c r="AB7987" s="192"/>
      <c r="AC7987" s="192"/>
      <c r="AD7987" s="192"/>
      <c r="AE7987" s="192"/>
      <c r="AF7987" s="192"/>
      <c r="AG7987" s="192"/>
      <c r="AH7987" s="192"/>
      <c r="AI7987" s="192"/>
      <c r="AJ7987" s="192"/>
      <c r="AK7987" s="192"/>
      <c r="AL7987" s="192"/>
      <c r="AM7987" s="192"/>
      <c r="AN7987" s="192"/>
      <c r="AO7987" s="192"/>
      <c r="AP7987" s="192"/>
      <c r="AQ7987" s="192"/>
      <c r="AR7987" s="192"/>
      <c r="AS7987" s="192"/>
      <c r="AT7987" s="192"/>
      <c r="AU7987" s="192"/>
      <c r="AV7987" s="192"/>
      <c r="AW7987" s="192"/>
      <c r="AX7987" s="192"/>
      <c r="AY7987" s="192"/>
      <c r="AZ7987" s="192"/>
      <c r="BA7987" s="192"/>
      <c r="BB7987" s="107">
        <v>45447</v>
      </c>
    </row>
    <row r="7988" spans="1:54" s="20" customFormat="1" ht="13.95" customHeight="1" x14ac:dyDescent="0.25">
      <c r="A7988" s="19" t="s">
        <v>19162</v>
      </c>
      <c r="B7988" s="143" t="s">
        <v>19150</v>
      </c>
      <c r="C7988" s="144" t="s">
        <v>9326</v>
      </c>
      <c r="D7988" s="144" t="s">
        <v>19163</v>
      </c>
      <c r="E7988" s="144">
        <v>2000</v>
      </c>
      <c r="F7988" s="144">
        <v>7140</v>
      </c>
      <c r="G7988" s="144" t="s">
        <v>1</v>
      </c>
      <c r="H7988" s="144">
        <v>1</v>
      </c>
      <c r="I7988" s="144">
        <v>1</v>
      </c>
      <c r="J7988" s="144">
        <v>1</v>
      </c>
      <c r="K7988" s="144">
        <v>1</v>
      </c>
      <c r="L7988" s="144">
        <v>0</v>
      </c>
      <c r="M7988" s="144">
        <v>0</v>
      </c>
      <c r="N7988" s="144">
        <v>0</v>
      </c>
      <c r="O7988" s="144">
        <v>0</v>
      </c>
      <c r="P7988" s="144">
        <v>1</v>
      </c>
      <c r="Q7988" s="144">
        <v>0</v>
      </c>
      <c r="R7988" s="144">
        <v>0</v>
      </c>
      <c r="S7988" s="144">
        <v>0</v>
      </c>
      <c r="T7988" s="144">
        <v>0</v>
      </c>
      <c r="U7988" s="192"/>
      <c r="V7988" s="192"/>
      <c r="W7988" s="144">
        <v>1</v>
      </c>
      <c r="X7988" s="192"/>
      <c r="Y7988" s="192"/>
      <c r="Z7988" s="192"/>
      <c r="AA7988" s="192"/>
      <c r="AB7988" s="192"/>
      <c r="AC7988" s="192"/>
      <c r="AD7988" s="192"/>
      <c r="AE7988" s="192"/>
      <c r="AF7988" s="192"/>
      <c r="AG7988" s="192"/>
      <c r="AH7988" s="192"/>
      <c r="AI7988" s="192"/>
      <c r="AJ7988" s="192"/>
      <c r="AK7988" s="192"/>
      <c r="AL7988" s="192"/>
      <c r="AM7988" s="192"/>
      <c r="AN7988" s="192"/>
      <c r="AO7988" s="192"/>
      <c r="AP7988" s="192"/>
      <c r="AQ7988" s="192"/>
      <c r="AR7988" s="192"/>
      <c r="AS7988" s="192"/>
      <c r="AT7988" s="192"/>
      <c r="AU7988" s="144">
        <v>1</v>
      </c>
      <c r="AV7988" s="192"/>
      <c r="AW7988" s="192"/>
      <c r="AX7988" s="192"/>
      <c r="AY7988" s="192"/>
      <c r="AZ7988" s="192"/>
      <c r="BA7988" s="144" t="s">
        <v>19164</v>
      </c>
      <c r="BB7988" s="107">
        <v>45447</v>
      </c>
    </row>
    <row r="7989" spans="1:54" s="20" customFormat="1" ht="13.95" customHeight="1" x14ac:dyDescent="0.25">
      <c r="A7989" s="19" t="s">
        <v>19165</v>
      </c>
      <c r="B7989" s="143" t="s">
        <v>19150</v>
      </c>
      <c r="C7989" s="144" t="s">
        <v>19166</v>
      </c>
      <c r="D7989" s="144" t="s">
        <v>19167</v>
      </c>
      <c r="E7989" s="144">
        <v>1994</v>
      </c>
      <c r="F7989" s="144">
        <v>8900</v>
      </c>
      <c r="G7989" s="144" t="s">
        <v>10</v>
      </c>
      <c r="H7989" s="144">
        <v>1</v>
      </c>
      <c r="I7989" s="144">
        <v>1</v>
      </c>
      <c r="J7989" s="144">
        <v>1</v>
      </c>
      <c r="K7989" s="144">
        <v>0</v>
      </c>
      <c r="L7989" s="144">
        <v>0</v>
      </c>
      <c r="M7989" s="144">
        <v>0</v>
      </c>
      <c r="N7989" s="144">
        <v>0</v>
      </c>
      <c r="O7989" s="144">
        <v>0</v>
      </c>
      <c r="P7989" s="144">
        <v>0</v>
      </c>
      <c r="Q7989" s="144">
        <v>0</v>
      </c>
      <c r="R7989" s="144">
        <v>0</v>
      </c>
      <c r="S7989" s="144">
        <v>0</v>
      </c>
      <c r="T7989" s="144">
        <v>0</v>
      </c>
      <c r="U7989" s="144">
        <v>0</v>
      </c>
      <c r="V7989" s="144">
        <v>0</v>
      </c>
      <c r="W7989" s="144">
        <v>1</v>
      </c>
      <c r="X7989" s="144">
        <v>0</v>
      </c>
      <c r="Y7989" s="144">
        <v>0</v>
      </c>
      <c r="Z7989" s="144">
        <v>0</v>
      </c>
      <c r="AA7989" s="144">
        <v>0</v>
      </c>
      <c r="AB7989" s="144">
        <v>0</v>
      </c>
      <c r="AC7989" s="144">
        <v>0</v>
      </c>
      <c r="AD7989" s="144">
        <v>0</v>
      </c>
      <c r="AE7989" s="144">
        <v>0</v>
      </c>
      <c r="AF7989" s="144">
        <v>0</v>
      </c>
      <c r="AG7989" s="144">
        <v>0</v>
      </c>
      <c r="AH7989" s="144">
        <v>0</v>
      </c>
      <c r="AI7989" s="144">
        <v>0</v>
      </c>
      <c r="AJ7989" s="144">
        <v>0</v>
      </c>
      <c r="AK7989" s="144">
        <v>0</v>
      </c>
      <c r="AL7989" s="144">
        <v>0</v>
      </c>
      <c r="AM7989" s="144">
        <v>0</v>
      </c>
      <c r="AN7989" s="144">
        <v>0</v>
      </c>
      <c r="AO7989" s="144">
        <v>0</v>
      </c>
      <c r="AP7989" s="144">
        <v>0</v>
      </c>
      <c r="AQ7989" s="144">
        <v>0</v>
      </c>
      <c r="AR7989" s="144">
        <v>0</v>
      </c>
      <c r="AS7989" s="144">
        <v>0</v>
      </c>
      <c r="AT7989" s="193" t="s">
        <v>174</v>
      </c>
      <c r="AU7989" s="144">
        <v>1</v>
      </c>
      <c r="AV7989" s="144">
        <v>0</v>
      </c>
      <c r="AW7989" s="144">
        <v>0</v>
      </c>
      <c r="AX7989" s="144"/>
      <c r="AY7989" s="144"/>
      <c r="AZ7989" s="144"/>
      <c r="BA7989" s="144"/>
      <c r="BB7989" s="107">
        <v>45447</v>
      </c>
    </row>
    <row r="7990" spans="1:54" s="20" customFormat="1" ht="13.95" customHeight="1" x14ac:dyDescent="0.25">
      <c r="A7990" s="19" t="s">
        <v>19168</v>
      </c>
      <c r="B7990" s="143" t="s">
        <v>19150</v>
      </c>
      <c r="C7990" s="144" t="s">
        <v>19169</v>
      </c>
      <c r="D7990" s="144" t="s">
        <v>19170</v>
      </c>
      <c r="E7990" s="144">
        <v>1992</v>
      </c>
      <c r="F7990" s="144">
        <v>16855</v>
      </c>
      <c r="G7990" s="144" t="s">
        <v>3</v>
      </c>
      <c r="H7990" s="144">
        <v>1</v>
      </c>
      <c r="I7990" s="144">
        <v>1</v>
      </c>
      <c r="J7990" s="144">
        <v>1</v>
      </c>
      <c r="K7990" s="144">
        <v>1</v>
      </c>
      <c r="L7990" s="144">
        <v>1</v>
      </c>
      <c r="M7990" s="144">
        <v>0</v>
      </c>
      <c r="N7990" s="144">
        <v>1</v>
      </c>
      <c r="O7990" s="144">
        <v>1</v>
      </c>
      <c r="P7990" s="144">
        <v>1</v>
      </c>
      <c r="Q7990" s="144">
        <v>1</v>
      </c>
      <c r="R7990" s="144">
        <v>1</v>
      </c>
      <c r="S7990" s="144">
        <v>1</v>
      </c>
      <c r="T7990" s="144">
        <v>0</v>
      </c>
      <c r="U7990" s="144">
        <v>0</v>
      </c>
      <c r="V7990" s="144">
        <v>0</v>
      </c>
      <c r="W7990" s="144">
        <v>1</v>
      </c>
      <c r="X7990" s="144">
        <v>0</v>
      </c>
      <c r="Y7990" s="144">
        <v>0</v>
      </c>
      <c r="Z7990" s="144">
        <v>1</v>
      </c>
      <c r="AA7990" s="144">
        <v>0</v>
      </c>
      <c r="AB7990" s="144">
        <v>0</v>
      </c>
      <c r="AC7990" s="144">
        <v>0</v>
      </c>
      <c r="AD7990" s="144">
        <v>0</v>
      </c>
      <c r="AE7990" s="144">
        <v>1</v>
      </c>
      <c r="AF7990" s="144">
        <v>0</v>
      </c>
      <c r="AG7990" s="144">
        <v>0</v>
      </c>
      <c r="AH7990" s="144">
        <v>0</v>
      </c>
      <c r="AI7990" s="144">
        <v>0</v>
      </c>
      <c r="AJ7990" s="144">
        <v>0</v>
      </c>
      <c r="AK7990" s="144">
        <v>0</v>
      </c>
      <c r="AL7990" s="144">
        <v>0</v>
      </c>
      <c r="AM7990" s="144">
        <v>0</v>
      </c>
      <c r="AN7990" s="144">
        <v>0</v>
      </c>
      <c r="AO7990" s="144">
        <v>1</v>
      </c>
      <c r="AP7990" s="144">
        <v>0</v>
      </c>
      <c r="AQ7990" s="144">
        <v>1</v>
      </c>
      <c r="AR7990" s="144">
        <v>0</v>
      </c>
      <c r="AS7990" s="144">
        <v>0</v>
      </c>
      <c r="AT7990" s="144">
        <v>1</v>
      </c>
      <c r="AU7990" s="144">
        <v>1</v>
      </c>
      <c r="AV7990" s="144">
        <v>0</v>
      </c>
      <c r="AW7990" s="144">
        <v>0</v>
      </c>
      <c r="AX7990" s="144"/>
      <c r="AY7990" s="144"/>
      <c r="AZ7990" s="144"/>
      <c r="BA7990" s="194" t="s">
        <v>24382</v>
      </c>
      <c r="BB7990" s="107">
        <v>45447</v>
      </c>
    </row>
    <row r="7991" spans="1:54" ht="13.95" customHeight="1" x14ac:dyDescent="0.25">
      <c r="A7991" s="14" t="s">
        <v>19171</v>
      </c>
      <c r="B7991" s="109" t="s">
        <v>21560</v>
      </c>
      <c r="C7991" s="93" t="s">
        <v>21561</v>
      </c>
      <c r="D7991" s="93" t="s">
        <v>19173</v>
      </c>
      <c r="E7991" s="93">
        <v>1989</v>
      </c>
      <c r="F7991" s="93">
        <v>20</v>
      </c>
      <c r="G7991" s="93" t="s">
        <v>12</v>
      </c>
      <c r="H7991" s="111">
        <v>0</v>
      </c>
      <c r="I7991" s="111">
        <v>0</v>
      </c>
      <c r="J7991" s="111">
        <v>0</v>
      </c>
      <c r="K7991" s="111">
        <v>0</v>
      </c>
      <c r="L7991" s="111">
        <v>0</v>
      </c>
      <c r="M7991" s="111">
        <v>0</v>
      </c>
      <c r="N7991" s="111">
        <v>0</v>
      </c>
      <c r="O7991" s="111">
        <v>0</v>
      </c>
      <c r="P7991" s="111">
        <v>0</v>
      </c>
      <c r="Q7991" s="111">
        <v>0</v>
      </c>
      <c r="R7991" s="111">
        <v>0</v>
      </c>
      <c r="S7991" s="111">
        <v>0</v>
      </c>
      <c r="T7991" s="111">
        <v>0</v>
      </c>
      <c r="U7991" s="145"/>
      <c r="V7991" s="145"/>
      <c r="W7991" s="145"/>
      <c r="X7991" s="145"/>
      <c r="Y7991" s="145"/>
      <c r="Z7991" s="145"/>
      <c r="AA7991" s="145"/>
      <c r="AB7991" s="145"/>
      <c r="AC7991" s="145"/>
      <c r="AD7991" s="145"/>
      <c r="AE7991" s="145"/>
      <c r="AF7991" s="145"/>
      <c r="AG7991" s="145"/>
      <c r="AH7991" s="145"/>
      <c r="AI7991" s="145"/>
      <c r="AJ7991" s="145"/>
      <c r="AK7991" s="145"/>
      <c r="AL7991" s="145"/>
      <c r="AM7991" s="145"/>
      <c r="AN7991" s="145"/>
      <c r="AO7991" s="145"/>
      <c r="AP7991" s="145"/>
      <c r="AQ7991" s="145"/>
      <c r="AR7991" s="145"/>
      <c r="AS7991" s="145"/>
      <c r="AT7991" s="145"/>
      <c r="AU7991" s="145"/>
      <c r="AV7991" s="145"/>
      <c r="AW7991" s="145"/>
      <c r="AX7991" s="146"/>
      <c r="AY7991" s="146"/>
      <c r="AZ7991" s="146"/>
      <c r="BA7991" s="146"/>
      <c r="BB7991" s="107">
        <v>44336</v>
      </c>
    </row>
    <row r="7992" spans="1:54" ht="13.95" customHeight="1" x14ac:dyDescent="0.25">
      <c r="A7992" s="14" t="s">
        <v>19174</v>
      </c>
      <c r="B7992" s="109" t="s">
        <v>19172</v>
      </c>
      <c r="C7992" s="93" t="s">
        <v>19175</v>
      </c>
      <c r="D7992" s="93" t="s">
        <v>19176</v>
      </c>
      <c r="E7992" s="93">
        <v>1990</v>
      </c>
      <c r="F7992" s="93">
        <v>41</v>
      </c>
      <c r="G7992" s="93" t="s">
        <v>12</v>
      </c>
      <c r="H7992" s="111">
        <v>0</v>
      </c>
      <c r="I7992" s="111">
        <v>0</v>
      </c>
      <c r="J7992" s="111">
        <v>0</v>
      </c>
      <c r="K7992" s="111">
        <v>0</v>
      </c>
      <c r="L7992" s="111">
        <v>0</v>
      </c>
      <c r="M7992" s="111">
        <v>0</v>
      </c>
      <c r="N7992" s="111">
        <v>0</v>
      </c>
      <c r="O7992" s="111">
        <v>0</v>
      </c>
      <c r="P7992" s="111">
        <v>0</v>
      </c>
      <c r="Q7992" s="111">
        <v>0</v>
      </c>
      <c r="R7992" s="111">
        <v>0</v>
      </c>
      <c r="S7992" s="111">
        <v>0</v>
      </c>
      <c r="T7992" s="111">
        <v>0</v>
      </c>
      <c r="U7992" s="145"/>
      <c r="V7992" s="145"/>
      <c r="W7992" s="145"/>
      <c r="X7992" s="145"/>
      <c r="Y7992" s="145"/>
      <c r="Z7992" s="145"/>
      <c r="AA7992" s="145"/>
      <c r="AB7992" s="145"/>
      <c r="AC7992" s="145"/>
      <c r="AD7992" s="145"/>
      <c r="AE7992" s="145"/>
      <c r="AF7992" s="145"/>
      <c r="AG7992" s="145"/>
      <c r="AH7992" s="145"/>
      <c r="AI7992" s="145"/>
      <c r="AJ7992" s="145"/>
      <c r="AK7992" s="145"/>
      <c r="AL7992" s="145"/>
      <c r="AM7992" s="145"/>
      <c r="AN7992" s="145"/>
      <c r="AO7992" s="145"/>
      <c r="AP7992" s="145"/>
      <c r="AQ7992" s="145"/>
      <c r="AR7992" s="145"/>
      <c r="AS7992" s="145"/>
      <c r="AT7992" s="145"/>
      <c r="AU7992" s="145"/>
      <c r="AV7992" s="145"/>
      <c r="AW7992" s="145"/>
      <c r="AX7992" s="146"/>
      <c r="AY7992" s="146"/>
      <c r="AZ7992" s="146"/>
      <c r="BA7992" s="146"/>
      <c r="BB7992" s="107">
        <v>44336</v>
      </c>
    </row>
    <row r="7993" spans="1:54" ht="13.95" customHeight="1" x14ac:dyDescent="0.25">
      <c r="A7993" s="14" t="s">
        <v>19177</v>
      </c>
      <c r="B7993" s="109" t="s">
        <v>19172</v>
      </c>
      <c r="C7993" s="93" t="s">
        <v>20350</v>
      </c>
      <c r="D7993" s="93" t="s">
        <v>19178</v>
      </c>
      <c r="E7993" s="93">
        <v>1984</v>
      </c>
      <c r="F7993" s="93">
        <v>59</v>
      </c>
      <c r="G7993" s="93" t="s">
        <v>12</v>
      </c>
      <c r="H7993" s="111">
        <v>0</v>
      </c>
      <c r="I7993" s="111">
        <v>0</v>
      </c>
      <c r="J7993" s="111">
        <v>1</v>
      </c>
      <c r="K7993" s="111">
        <v>0</v>
      </c>
      <c r="L7993" s="111">
        <v>0</v>
      </c>
      <c r="M7993" s="111">
        <v>0</v>
      </c>
      <c r="N7993" s="111">
        <v>0</v>
      </c>
      <c r="O7993" s="111">
        <v>0</v>
      </c>
      <c r="P7993" s="111">
        <v>0</v>
      </c>
      <c r="Q7993" s="111">
        <v>0</v>
      </c>
      <c r="R7993" s="111">
        <v>0</v>
      </c>
      <c r="S7993" s="111">
        <v>0</v>
      </c>
      <c r="T7993" s="111">
        <v>0</v>
      </c>
      <c r="U7993" s="145"/>
      <c r="V7993" s="145"/>
      <c r="W7993" s="145"/>
      <c r="X7993" s="145"/>
      <c r="Y7993" s="145"/>
      <c r="Z7993" s="145"/>
      <c r="AA7993" s="145"/>
      <c r="AB7993" s="145"/>
      <c r="AC7993" s="145"/>
      <c r="AD7993" s="145"/>
      <c r="AE7993" s="145"/>
      <c r="AF7993" s="145"/>
      <c r="AG7993" s="145"/>
      <c r="AH7993" s="145"/>
      <c r="AI7993" s="145"/>
      <c r="AJ7993" s="145"/>
      <c r="AK7993" s="145"/>
      <c r="AL7993" s="145"/>
      <c r="AM7993" s="145"/>
      <c r="AN7993" s="145"/>
      <c r="AO7993" s="145"/>
      <c r="AP7993" s="145"/>
      <c r="AQ7993" s="145"/>
      <c r="AR7993" s="145"/>
      <c r="AS7993" s="145"/>
      <c r="AT7993" s="145"/>
      <c r="AU7993" s="145"/>
      <c r="AV7993" s="145"/>
      <c r="AW7993" s="145"/>
      <c r="AX7993" s="146"/>
      <c r="AY7993" s="146"/>
      <c r="AZ7993" s="146"/>
      <c r="BA7993" s="146"/>
      <c r="BB7993" s="107">
        <v>44336</v>
      </c>
    </row>
    <row r="7994" spans="1:54" ht="13.95" customHeight="1" x14ac:dyDescent="0.25">
      <c r="A7994" s="14" t="s">
        <v>19179</v>
      </c>
      <c r="B7994" s="109" t="s">
        <v>21562</v>
      </c>
      <c r="C7994" s="93" t="s">
        <v>19180</v>
      </c>
      <c r="D7994" s="93" t="s">
        <v>19181</v>
      </c>
      <c r="E7994" s="93">
        <v>1991</v>
      </c>
      <c r="F7994" s="93">
        <v>90</v>
      </c>
      <c r="G7994" s="93" t="s">
        <v>12</v>
      </c>
      <c r="H7994" s="111">
        <v>0</v>
      </c>
      <c r="I7994" s="111">
        <v>0</v>
      </c>
      <c r="J7994" s="111">
        <v>0</v>
      </c>
      <c r="K7994" s="111">
        <v>0</v>
      </c>
      <c r="L7994" s="111">
        <v>0</v>
      </c>
      <c r="M7994" s="111">
        <v>0</v>
      </c>
      <c r="N7994" s="111">
        <v>0</v>
      </c>
      <c r="O7994" s="111">
        <v>0</v>
      </c>
      <c r="P7994" s="111">
        <v>0</v>
      </c>
      <c r="Q7994" s="111">
        <v>0</v>
      </c>
      <c r="R7994" s="111">
        <v>0</v>
      </c>
      <c r="S7994" s="111">
        <v>0</v>
      </c>
      <c r="T7994" s="111">
        <v>0</v>
      </c>
      <c r="U7994" s="145"/>
      <c r="V7994" s="145"/>
      <c r="W7994" s="145"/>
      <c r="X7994" s="145"/>
      <c r="Y7994" s="145"/>
      <c r="Z7994" s="145"/>
      <c r="AA7994" s="145"/>
      <c r="AB7994" s="145"/>
      <c r="AC7994" s="145"/>
      <c r="AD7994" s="145"/>
      <c r="AE7994" s="145"/>
      <c r="AF7994" s="145"/>
      <c r="AG7994" s="145"/>
      <c r="AH7994" s="145"/>
      <c r="AI7994" s="145"/>
      <c r="AJ7994" s="145"/>
      <c r="AK7994" s="145"/>
      <c r="AL7994" s="145"/>
      <c r="AM7994" s="145"/>
      <c r="AN7994" s="145"/>
      <c r="AO7994" s="145"/>
      <c r="AP7994" s="145"/>
      <c r="AQ7994" s="145"/>
      <c r="AR7994" s="145"/>
      <c r="AS7994" s="145"/>
      <c r="AT7994" s="145"/>
      <c r="AU7994" s="145"/>
      <c r="AV7994" s="145"/>
      <c r="AW7994" s="145"/>
      <c r="AX7994" s="146"/>
      <c r="AY7994" s="146"/>
      <c r="AZ7994" s="146"/>
      <c r="BA7994" s="146"/>
      <c r="BB7994" s="107">
        <v>44336</v>
      </c>
    </row>
    <row r="7995" spans="1:54" ht="13.95" customHeight="1" x14ac:dyDescent="0.25">
      <c r="A7995" s="14" t="s">
        <v>19182</v>
      </c>
      <c r="B7995" s="109" t="s">
        <v>21562</v>
      </c>
      <c r="C7995" s="93" t="s">
        <v>19183</v>
      </c>
      <c r="D7995" s="93" t="s">
        <v>19184</v>
      </c>
      <c r="E7995" s="93">
        <v>2002</v>
      </c>
      <c r="F7995" s="93">
        <v>100</v>
      </c>
      <c r="G7995" s="93" t="s">
        <v>12</v>
      </c>
      <c r="H7995" s="111">
        <v>0</v>
      </c>
      <c r="I7995" s="111">
        <v>0</v>
      </c>
      <c r="J7995" s="111">
        <v>0</v>
      </c>
      <c r="K7995" s="111">
        <v>0</v>
      </c>
      <c r="L7995" s="111">
        <v>0</v>
      </c>
      <c r="M7995" s="111">
        <v>0</v>
      </c>
      <c r="N7995" s="111">
        <v>0</v>
      </c>
      <c r="O7995" s="111">
        <v>0</v>
      </c>
      <c r="P7995" s="111">
        <v>0</v>
      </c>
      <c r="Q7995" s="111">
        <v>0</v>
      </c>
      <c r="R7995" s="111">
        <v>0</v>
      </c>
      <c r="S7995" s="111">
        <v>0</v>
      </c>
      <c r="T7995" s="111">
        <v>0</v>
      </c>
      <c r="U7995" s="145"/>
      <c r="V7995" s="145"/>
      <c r="W7995" s="145"/>
      <c r="X7995" s="145"/>
      <c r="Y7995" s="145"/>
      <c r="Z7995" s="145"/>
      <c r="AA7995" s="145"/>
      <c r="AB7995" s="145"/>
      <c r="AC7995" s="145"/>
      <c r="AD7995" s="145"/>
      <c r="AE7995" s="145"/>
      <c r="AF7995" s="145"/>
      <c r="AG7995" s="145"/>
      <c r="AH7995" s="145"/>
      <c r="AI7995" s="145"/>
      <c r="AJ7995" s="145"/>
      <c r="AK7995" s="145"/>
      <c r="AL7995" s="145"/>
      <c r="AM7995" s="145"/>
      <c r="AN7995" s="145"/>
      <c r="AO7995" s="145"/>
      <c r="AP7995" s="145"/>
      <c r="AQ7995" s="145"/>
      <c r="AR7995" s="145"/>
      <c r="AS7995" s="145"/>
      <c r="AT7995" s="145"/>
      <c r="AU7995" s="145"/>
      <c r="AV7995" s="145"/>
      <c r="AW7995" s="145"/>
      <c r="AX7995" s="146"/>
      <c r="AY7995" s="146"/>
      <c r="AZ7995" s="146"/>
      <c r="BA7995" s="146"/>
      <c r="BB7995" s="107">
        <v>44336</v>
      </c>
    </row>
    <row r="7996" spans="1:54" ht="13.95" customHeight="1" x14ac:dyDescent="0.25">
      <c r="A7996" s="14" t="s">
        <v>19185</v>
      </c>
      <c r="B7996" s="109" t="s">
        <v>19172</v>
      </c>
      <c r="C7996" s="93" t="s">
        <v>19186</v>
      </c>
      <c r="D7996" s="93" t="s">
        <v>19187</v>
      </c>
      <c r="E7996" s="93">
        <v>2003</v>
      </c>
      <c r="F7996" s="93">
        <v>112.24</v>
      </c>
      <c r="G7996" s="93" t="s">
        <v>12</v>
      </c>
      <c r="H7996" s="111">
        <v>0</v>
      </c>
      <c r="I7996" s="111">
        <v>0</v>
      </c>
      <c r="J7996" s="111">
        <v>0</v>
      </c>
      <c r="K7996" s="111">
        <v>0</v>
      </c>
      <c r="L7996" s="111">
        <v>0</v>
      </c>
      <c r="M7996" s="111">
        <v>0</v>
      </c>
      <c r="N7996" s="111">
        <v>0</v>
      </c>
      <c r="O7996" s="111">
        <v>0</v>
      </c>
      <c r="P7996" s="111">
        <v>0</v>
      </c>
      <c r="Q7996" s="111">
        <v>0</v>
      </c>
      <c r="R7996" s="111">
        <v>0</v>
      </c>
      <c r="S7996" s="111">
        <v>0</v>
      </c>
      <c r="T7996" s="111">
        <v>0</v>
      </c>
      <c r="U7996" s="145"/>
      <c r="V7996" s="145"/>
      <c r="W7996" s="145"/>
      <c r="X7996" s="145"/>
      <c r="Y7996" s="145"/>
      <c r="Z7996" s="145"/>
      <c r="AA7996" s="145"/>
      <c r="AB7996" s="145"/>
      <c r="AC7996" s="145"/>
      <c r="AD7996" s="145"/>
      <c r="AE7996" s="145"/>
      <c r="AF7996" s="145"/>
      <c r="AG7996" s="145"/>
      <c r="AH7996" s="145"/>
      <c r="AI7996" s="145"/>
      <c r="AJ7996" s="145"/>
      <c r="AK7996" s="145"/>
      <c r="AL7996" s="145"/>
      <c r="AM7996" s="145"/>
      <c r="AN7996" s="145"/>
      <c r="AO7996" s="145"/>
      <c r="AP7996" s="145"/>
      <c r="AQ7996" s="145"/>
      <c r="AR7996" s="145"/>
      <c r="AS7996" s="145"/>
      <c r="AT7996" s="145"/>
      <c r="AU7996" s="145"/>
      <c r="AV7996" s="145"/>
      <c r="AW7996" s="145"/>
      <c r="AX7996" s="146"/>
      <c r="AY7996" s="146"/>
      <c r="AZ7996" s="146"/>
      <c r="BA7996" s="146"/>
      <c r="BB7996" s="107">
        <v>44336</v>
      </c>
    </row>
    <row r="7997" spans="1:54" ht="13.95" customHeight="1" x14ac:dyDescent="0.25">
      <c r="A7997" s="14" t="s">
        <v>19188</v>
      </c>
      <c r="B7997" s="109" t="s">
        <v>19172</v>
      </c>
      <c r="C7997" s="93" t="s">
        <v>19189</v>
      </c>
      <c r="D7997" s="93" t="s">
        <v>19190</v>
      </c>
      <c r="E7997" s="93">
        <v>1980</v>
      </c>
      <c r="F7997" s="93">
        <v>151.16</v>
      </c>
      <c r="G7997" s="93" t="s">
        <v>12</v>
      </c>
      <c r="H7997" s="111">
        <v>0</v>
      </c>
      <c r="I7997" s="111">
        <v>0</v>
      </c>
      <c r="J7997" s="111">
        <v>0</v>
      </c>
      <c r="K7997" s="111">
        <v>0</v>
      </c>
      <c r="L7997" s="111">
        <v>1</v>
      </c>
      <c r="M7997" s="111">
        <v>0</v>
      </c>
      <c r="N7997" s="111">
        <v>0</v>
      </c>
      <c r="O7997" s="111">
        <v>0</v>
      </c>
      <c r="P7997" s="111">
        <v>1</v>
      </c>
      <c r="Q7997" s="111">
        <v>0</v>
      </c>
      <c r="R7997" s="111">
        <v>1</v>
      </c>
      <c r="S7997" s="111">
        <v>0</v>
      </c>
      <c r="T7997" s="111">
        <v>0</v>
      </c>
      <c r="U7997" s="145"/>
      <c r="V7997" s="145"/>
      <c r="W7997" s="145"/>
      <c r="X7997" s="145"/>
      <c r="Y7997" s="145"/>
      <c r="Z7997" s="145"/>
      <c r="AA7997" s="145"/>
      <c r="AB7997" s="145"/>
      <c r="AC7997" s="145"/>
      <c r="AD7997" s="145"/>
      <c r="AE7997" s="145"/>
      <c r="AF7997" s="145"/>
      <c r="AG7997" s="145"/>
      <c r="AH7997" s="145"/>
      <c r="AI7997" s="145"/>
      <c r="AJ7997" s="145"/>
      <c r="AK7997" s="145"/>
      <c r="AL7997" s="145"/>
      <c r="AM7997" s="145"/>
      <c r="AN7997" s="145"/>
      <c r="AO7997" s="145"/>
      <c r="AP7997" s="145"/>
      <c r="AQ7997" s="145"/>
      <c r="AR7997" s="145"/>
      <c r="AS7997" s="145"/>
      <c r="AT7997" s="145"/>
      <c r="AU7997" s="145"/>
      <c r="AV7997" s="145"/>
      <c r="AW7997" s="145"/>
      <c r="AX7997" s="146"/>
      <c r="AY7997" s="146"/>
      <c r="AZ7997" s="146"/>
      <c r="BA7997" s="146"/>
      <c r="BB7997" s="107">
        <v>44336</v>
      </c>
    </row>
    <row r="7998" spans="1:54" ht="13.95" customHeight="1" x14ac:dyDescent="0.25">
      <c r="A7998" s="14" t="s">
        <v>19191</v>
      </c>
      <c r="B7998" s="109" t="s">
        <v>19172</v>
      </c>
      <c r="C7998" s="93" t="s">
        <v>19192</v>
      </c>
      <c r="D7998" s="93" t="s">
        <v>19193</v>
      </c>
      <c r="E7998" s="93">
        <v>1989</v>
      </c>
      <c r="F7998" s="93">
        <v>250</v>
      </c>
      <c r="G7998" s="93" t="s">
        <v>12</v>
      </c>
      <c r="H7998" s="111">
        <v>0</v>
      </c>
      <c r="I7998" s="111">
        <v>0</v>
      </c>
      <c r="J7998" s="111">
        <v>0</v>
      </c>
      <c r="K7998" s="111">
        <v>0</v>
      </c>
      <c r="L7998" s="111">
        <v>0</v>
      </c>
      <c r="M7998" s="111">
        <v>0</v>
      </c>
      <c r="N7998" s="111">
        <v>0</v>
      </c>
      <c r="O7998" s="111">
        <v>0</v>
      </c>
      <c r="P7998" s="111">
        <v>0</v>
      </c>
      <c r="Q7998" s="111">
        <v>0</v>
      </c>
      <c r="R7998" s="111">
        <v>0</v>
      </c>
      <c r="S7998" s="111">
        <v>0</v>
      </c>
      <c r="T7998" s="111">
        <v>0</v>
      </c>
      <c r="U7998" s="145"/>
      <c r="V7998" s="145"/>
      <c r="W7998" s="145"/>
      <c r="X7998" s="145"/>
      <c r="Y7998" s="145"/>
      <c r="Z7998" s="145"/>
      <c r="AA7998" s="145"/>
      <c r="AB7998" s="145"/>
      <c r="AC7998" s="145"/>
      <c r="AD7998" s="145"/>
      <c r="AE7998" s="145"/>
      <c r="AF7998" s="145"/>
      <c r="AG7998" s="145"/>
      <c r="AH7998" s="145"/>
      <c r="AI7998" s="145"/>
      <c r="AJ7998" s="145"/>
      <c r="AK7998" s="145"/>
      <c r="AL7998" s="145"/>
      <c r="AM7998" s="145"/>
      <c r="AN7998" s="145"/>
      <c r="AO7998" s="145"/>
      <c r="AP7998" s="145"/>
      <c r="AQ7998" s="145"/>
      <c r="AR7998" s="145"/>
      <c r="AS7998" s="145"/>
      <c r="AT7998" s="145"/>
      <c r="AU7998" s="145"/>
      <c r="AV7998" s="145"/>
      <c r="AW7998" s="145"/>
      <c r="AX7998" s="146"/>
      <c r="AY7998" s="146"/>
      <c r="AZ7998" s="146"/>
      <c r="BA7998" s="146"/>
      <c r="BB7998" s="107">
        <v>44336</v>
      </c>
    </row>
    <row r="7999" spans="1:54" ht="13.95" customHeight="1" x14ac:dyDescent="0.25">
      <c r="A7999" s="14" t="s">
        <v>19194</v>
      </c>
      <c r="B7999" s="109" t="s">
        <v>21562</v>
      </c>
      <c r="C7999" s="93" t="s">
        <v>19195</v>
      </c>
      <c r="D7999" s="93" t="s">
        <v>19196</v>
      </c>
      <c r="E7999" s="93">
        <v>1992</v>
      </c>
      <c r="F7999" s="93">
        <v>277</v>
      </c>
      <c r="G7999" s="93" t="s">
        <v>12</v>
      </c>
      <c r="H7999" s="111">
        <v>0</v>
      </c>
      <c r="I7999" s="111">
        <v>0</v>
      </c>
      <c r="J7999" s="111">
        <v>0</v>
      </c>
      <c r="K7999" s="111">
        <v>0</v>
      </c>
      <c r="L7999" s="111">
        <v>0</v>
      </c>
      <c r="M7999" s="111">
        <v>0</v>
      </c>
      <c r="N7999" s="111">
        <v>0</v>
      </c>
      <c r="O7999" s="111">
        <v>1</v>
      </c>
      <c r="P7999" s="111">
        <v>1</v>
      </c>
      <c r="Q7999" s="111">
        <v>0</v>
      </c>
      <c r="R7999" s="111">
        <v>0</v>
      </c>
      <c r="S7999" s="111">
        <v>0</v>
      </c>
      <c r="T7999" s="111">
        <v>0</v>
      </c>
      <c r="U7999" s="145"/>
      <c r="V7999" s="145"/>
      <c r="W7999" s="145"/>
      <c r="X7999" s="145"/>
      <c r="Y7999" s="145"/>
      <c r="Z7999" s="145"/>
      <c r="AA7999" s="145"/>
      <c r="AB7999" s="145"/>
      <c r="AC7999" s="145"/>
      <c r="AD7999" s="145"/>
      <c r="AE7999" s="145"/>
      <c r="AF7999" s="145"/>
      <c r="AG7999" s="145"/>
      <c r="AH7999" s="145"/>
      <c r="AI7999" s="145"/>
      <c r="AJ7999" s="145"/>
      <c r="AK7999" s="145"/>
      <c r="AL7999" s="145"/>
      <c r="AM7999" s="145"/>
      <c r="AN7999" s="145"/>
      <c r="AO7999" s="145"/>
      <c r="AP7999" s="145"/>
      <c r="AQ7999" s="145"/>
      <c r="AR7999" s="145"/>
      <c r="AS7999" s="145"/>
      <c r="AT7999" s="145"/>
      <c r="AU7999" s="145"/>
      <c r="AV7999" s="145"/>
      <c r="AW7999" s="145"/>
      <c r="AX7999" s="146"/>
      <c r="AY7999" s="146"/>
      <c r="AZ7999" s="146"/>
      <c r="BA7999" s="146"/>
      <c r="BB7999" s="107">
        <v>44336</v>
      </c>
    </row>
    <row r="8000" spans="1:54" ht="13.95" customHeight="1" x14ac:dyDescent="0.25">
      <c r="A8000" s="14" t="s">
        <v>19197</v>
      </c>
      <c r="B8000" s="109" t="s">
        <v>21562</v>
      </c>
      <c r="C8000" s="93" t="s">
        <v>19198</v>
      </c>
      <c r="D8000" s="93" t="s">
        <v>19199</v>
      </c>
      <c r="E8000" s="93">
        <v>1984</v>
      </c>
      <c r="F8000" s="93">
        <v>288</v>
      </c>
      <c r="G8000" s="93" t="s">
        <v>12</v>
      </c>
      <c r="H8000" s="111">
        <v>0</v>
      </c>
      <c r="I8000" s="111">
        <v>0</v>
      </c>
      <c r="J8000" s="111">
        <v>0</v>
      </c>
      <c r="K8000" s="111">
        <v>0</v>
      </c>
      <c r="L8000" s="111">
        <v>0</v>
      </c>
      <c r="M8000" s="111">
        <v>0</v>
      </c>
      <c r="N8000" s="111">
        <v>0</v>
      </c>
      <c r="O8000" s="111">
        <v>1</v>
      </c>
      <c r="P8000" s="111">
        <v>0</v>
      </c>
      <c r="Q8000" s="111">
        <v>0</v>
      </c>
      <c r="R8000" s="111">
        <v>1</v>
      </c>
      <c r="S8000" s="111">
        <v>0</v>
      </c>
      <c r="T8000" s="111">
        <v>0</v>
      </c>
      <c r="U8000" s="145"/>
      <c r="V8000" s="145"/>
      <c r="W8000" s="145"/>
      <c r="X8000" s="145"/>
      <c r="Y8000" s="145"/>
      <c r="Z8000" s="145"/>
      <c r="AA8000" s="145"/>
      <c r="AB8000" s="145"/>
      <c r="AC8000" s="145"/>
      <c r="AD8000" s="145"/>
      <c r="AE8000" s="145"/>
      <c r="AF8000" s="145"/>
      <c r="AG8000" s="145"/>
      <c r="AH8000" s="145"/>
      <c r="AI8000" s="145"/>
      <c r="AJ8000" s="145"/>
      <c r="AK8000" s="145"/>
      <c r="AL8000" s="145"/>
      <c r="AM8000" s="145"/>
      <c r="AN8000" s="145"/>
      <c r="AO8000" s="145"/>
      <c r="AP8000" s="145"/>
      <c r="AQ8000" s="145"/>
      <c r="AR8000" s="145"/>
      <c r="AS8000" s="145"/>
      <c r="AT8000" s="145"/>
      <c r="AU8000" s="145"/>
      <c r="AV8000" s="145"/>
      <c r="AW8000" s="145"/>
      <c r="AX8000" s="146"/>
      <c r="AY8000" s="146"/>
      <c r="AZ8000" s="146"/>
      <c r="BA8000" s="146"/>
      <c r="BB8000" s="107">
        <v>44336</v>
      </c>
    </row>
    <row r="8001" spans="1:54" ht="13.95" customHeight="1" x14ac:dyDescent="0.25">
      <c r="A8001" s="14" t="s">
        <v>19200</v>
      </c>
      <c r="B8001" s="109" t="s">
        <v>21562</v>
      </c>
      <c r="C8001" s="93" t="s">
        <v>19201</v>
      </c>
      <c r="D8001" s="93" t="s">
        <v>21563</v>
      </c>
      <c r="E8001" s="93">
        <v>2006</v>
      </c>
      <c r="F8001" s="93">
        <v>300</v>
      </c>
      <c r="G8001" s="93" t="s">
        <v>12</v>
      </c>
      <c r="H8001" s="111">
        <v>0</v>
      </c>
      <c r="I8001" s="111">
        <v>0</v>
      </c>
      <c r="J8001" s="111">
        <v>0</v>
      </c>
      <c r="K8001" s="111">
        <v>0</v>
      </c>
      <c r="L8001" s="111">
        <v>0</v>
      </c>
      <c r="M8001" s="111">
        <v>0</v>
      </c>
      <c r="N8001" s="111">
        <v>0</v>
      </c>
      <c r="O8001" s="111">
        <v>0</v>
      </c>
      <c r="P8001" s="111">
        <v>0</v>
      </c>
      <c r="Q8001" s="111">
        <v>0</v>
      </c>
      <c r="R8001" s="111">
        <v>0</v>
      </c>
      <c r="S8001" s="111">
        <v>0</v>
      </c>
      <c r="T8001" s="111">
        <v>0</v>
      </c>
      <c r="U8001" s="145"/>
      <c r="V8001" s="145"/>
      <c r="W8001" s="145"/>
      <c r="X8001" s="145"/>
      <c r="Y8001" s="145"/>
      <c r="Z8001" s="145"/>
      <c r="AA8001" s="145"/>
      <c r="AB8001" s="145"/>
      <c r="AC8001" s="145"/>
      <c r="AD8001" s="145"/>
      <c r="AE8001" s="145"/>
      <c r="AF8001" s="145"/>
      <c r="AG8001" s="145"/>
      <c r="AH8001" s="145"/>
      <c r="AI8001" s="145"/>
      <c r="AJ8001" s="145"/>
      <c r="AK8001" s="145"/>
      <c r="AL8001" s="145"/>
      <c r="AM8001" s="145"/>
      <c r="AN8001" s="145"/>
      <c r="AO8001" s="145"/>
      <c r="AP8001" s="145"/>
      <c r="AQ8001" s="145"/>
      <c r="AR8001" s="145"/>
      <c r="AS8001" s="145"/>
      <c r="AT8001" s="145"/>
      <c r="AU8001" s="145"/>
      <c r="AV8001" s="145"/>
      <c r="AW8001" s="145"/>
      <c r="AX8001" s="146"/>
      <c r="AY8001" s="146"/>
      <c r="AZ8001" s="146"/>
      <c r="BA8001" s="146"/>
      <c r="BB8001" s="107">
        <v>44336</v>
      </c>
    </row>
    <row r="8002" spans="1:54" ht="13.95" customHeight="1" x14ac:dyDescent="0.25">
      <c r="A8002" s="14" t="s">
        <v>19202</v>
      </c>
      <c r="B8002" s="109" t="s">
        <v>21562</v>
      </c>
      <c r="C8002" s="93" t="s">
        <v>19203</v>
      </c>
      <c r="D8002" s="93" t="s">
        <v>21564</v>
      </c>
      <c r="E8002" s="93">
        <v>2006</v>
      </c>
      <c r="F8002" s="93">
        <v>300</v>
      </c>
      <c r="G8002" s="93" t="s">
        <v>12</v>
      </c>
      <c r="H8002" s="111">
        <v>0</v>
      </c>
      <c r="I8002" s="111">
        <v>0</v>
      </c>
      <c r="J8002" s="111">
        <v>0</v>
      </c>
      <c r="K8002" s="111">
        <v>0</v>
      </c>
      <c r="L8002" s="111">
        <v>0</v>
      </c>
      <c r="M8002" s="111">
        <v>0</v>
      </c>
      <c r="N8002" s="111">
        <v>0</v>
      </c>
      <c r="O8002" s="111">
        <v>0</v>
      </c>
      <c r="P8002" s="111">
        <v>0</v>
      </c>
      <c r="Q8002" s="111">
        <v>0</v>
      </c>
      <c r="R8002" s="111">
        <v>0</v>
      </c>
      <c r="S8002" s="111">
        <v>0</v>
      </c>
      <c r="T8002" s="111">
        <v>0</v>
      </c>
      <c r="U8002" s="145"/>
      <c r="V8002" s="145"/>
      <c r="W8002" s="145"/>
      <c r="X8002" s="145"/>
      <c r="Y8002" s="145"/>
      <c r="Z8002" s="145"/>
      <c r="AA8002" s="145"/>
      <c r="AB8002" s="145"/>
      <c r="AC8002" s="145"/>
      <c r="AD8002" s="145"/>
      <c r="AE8002" s="145"/>
      <c r="AF8002" s="145"/>
      <c r="AG8002" s="145"/>
      <c r="AH8002" s="145"/>
      <c r="AI8002" s="145"/>
      <c r="AJ8002" s="145"/>
      <c r="AK8002" s="145"/>
      <c r="AL8002" s="145"/>
      <c r="AM8002" s="145"/>
      <c r="AN8002" s="145"/>
      <c r="AO8002" s="145"/>
      <c r="AP8002" s="145"/>
      <c r="AQ8002" s="145"/>
      <c r="AR8002" s="145"/>
      <c r="AS8002" s="145"/>
      <c r="AT8002" s="145"/>
      <c r="AU8002" s="145"/>
      <c r="AV8002" s="145"/>
      <c r="AW8002" s="145"/>
      <c r="AX8002" s="146"/>
      <c r="AY8002" s="146"/>
      <c r="AZ8002" s="146"/>
      <c r="BA8002" s="146"/>
      <c r="BB8002" s="107">
        <v>44336</v>
      </c>
    </row>
    <row r="8003" spans="1:54" ht="13.95" customHeight="1" x14ac:dyDescent="0.25">
      <c r="A8003" s="14" t="s">
        <v>19204</v>
      </c>
      <c r="B8003" s="109" t="s">
        <v>19172</v>
      </c>
      <c r="C8003" s="93" t="s">
        <v>19205</v>
      </c>
      <c r="D8003" s="93" t="s">
        <v>19206</v>
      </c>
      <c r="E8003" s="93">
        <v>2007</v>
      </c>
      <c r="F8003" s="93">
        <v>330</v>
      </c>
      <c r="G8003" s="93" t="s">
        <v>12</v>
      </c>
      <c r="H8003" s="111">
        <v>0</v>
      </c>
      <c r="I8003" s="111">
        <v>0</v>
      </c>
      <c r="J8003" s="111">
        <v>1</v>
      </c>
      <c r="K8003" s="111">
        <v>1</v>
      </c>
      <c r="L8003" s="111">
        <v>0</v>
      </c>
      <c r="M8003" s="111">
        <v>0</v>
      </c>
      <c r="N8003" s="111">
        <v>0</v>
      </c>
      <c r="O8003" s="111">
        <v>0</v>
      </c>
      <c r="P8003" s="111">
        <v>0</v>
      </c>
      <c r="Q8003" s="111">
        <v>0</v>
      </c>
      <c r="R8003" s="111">
        <v>0</v>
      </c>
      <c r="S8003" s="111">
        <v>0</v>
      </c>
      <c r="T8003" s="111">
        <v>0</v>
      </c>
      <c r="U8003" s="145"/>
      <c r="V8003" s="145"/>
      <c r="W8003" s="145"/>
      <c r="X8003" s="145"/>
      <c r="Y8003" s="145"/>
      <c r="Z8003" s="145"/>
      <c r="AA8003" s="145"/>
      <c r="AB8003" s="145"/>
      <c r="AC8003" s="145"/>
      <c r="AD8003" s="145"/>
      <c r="AE8003" s="145"/>
      <c r="AF8003" s="145"/>
      <c r="AG8003" s="145"/>
      <c r="AH8003" s="145"/>
      <c r="AI8003" s="145"/>
      <c r="AJ8003" s="145"/>
      <c r="AK8003" s="145"/>
      <c r="AL8003" s="145"/>
      <c r="AM8003" s="145"/>
      <c r="AN8003" s="145"/>
      <c r="AO8003" s="145"/>
      <c r="AP8003" s="145"/>
      <c r="AQ8003" s="145"/>
      <c r="AR8003" s="145"/>
      <c r="AS8003" s="145"/>
      <c r="AT8003" s="145"/>
      <c r="AU8003" s="145"/>
      <c r="AV8003" s="145"/>
      <c r="AW8003" s="145"/>
      <c r="AX8003" s="146"/>
      <c r="AY8003" s="146"/>
      <c r="AZ8003" s="146"/>
      <c r="BA8003" s="146"/>
      <c r="BB8003" s="107">
        <v>44336</v>
      </c>
    </row>
    <row r="8004" spans="1:54" ht="13.95" customHeight="1" x14ac:dyDescent="0.25">
      <c r="A8004" s="14" t="s">
        <v>19207</v>
      </c>
      <c r="B8004" s="109" t="s">
        <v>21562</v>
      </c>
      <c r="C8004" s="93" t="s">
        <v>19208</v>
      </c>
      <c r="D8004" s="93" t="s">
        <v>19209</v>
      </c>
      <c r="E8004" s="93">
        <v>1992</v>
      </c>
      <c r="F8004" s="93">
        <v>350</v>
      </c>
      <c r="G8004" s="93" t="s">
        <v>12</v>
      </c>
      <c r="H8004" s="111">
        <v>0</v>
      </c>
      <c r="I8004" s="111">
        <v>0</v>
      </c>
      <c r="J8004" s="111">
        <v>0</v>
      </c>
      <c r="K8004" s="111">
        <v>0</v>
      </c>
      <c r="L8004" s="111">
        <v>0</v>
      </c>
      <c r="M8004" s="111">
        <v>0</v>
      </c>
      <c r="N8004" s="111">
        <v>0</v>
      </c>
      <c r="O8004" s="111">
        <v>0</v>
      </c>
      <c r="P8004" s="111">
        <v>0</v>
      </c>
      <c r="Q8004" s="111">
        <v>0</v>
      </c>
      <c r="R8004" s="111">
        <v>0</v>
      </c>
      <c r="S8004" s="111">
        <v>0</v>
      </c>
      <c r="T8004" s="111">
        <v>0</v>
      </c>
      <c r="U8004" s="145"/>
      <c r="V8004" s="145"/>
      <c r="W8004" s="145"/>
      <c r="X8004" s="145"/>
      <c r="Y8004" s="145"/>
      <c r="Z8004" s="145"/>
      <c r="AA8004" s="145"/>
      <c r="AB8004" s="145"/>
      <c r="AC8004" s="145"/>
      <c r="AD8004" s="145"/>
      <c r="AE8004" s="145"/>
      <c r="AF8004" s="145"/>
      <c r="AG8004" s="145"/>
      <c r="AH8004" s="145"/>
      <c r="AI8004" s="145"/>
      <c r="AJ8004" s="145"/>
      <c r="AK8004" s="145"/>
      <c r="AL8004" s="145"/>
      <c r="AM8004" s="145"/>
      <c r="AN8004" s="145"/>
      <c r="AO8004" s="145"/>
      <c r="AP8004" s="145"/>
      <c r="AQ8004" s="145"/>
      <c r="AR8004" s="145"/>
      <c r="AS8004" s="145"/>
      <c r="AT8004" s="145"/>
      <c r="AU8004" s="145"/>
      <c r="AV8004" s="145"/>
      <c r="AW8004" s="145"/>
      <c r="AX8004" s="146"/>
      <c r="AY8004" s="146"/>
      <c r="AZ8004" s="146"/>
      <c r="BA8004" s="146"/>
      <c r="BB8004" s="107">
        <v>44336</v>
      </c>
    </row>
    <row r="8005" spans="1:54" ht="13.95" customHeight="1" x14ac:dyDescent="0.25">
      <c r="A8005" s="14" t="s">
        <v>19210</v>
      </c>
      <c r="B8005" s="109" t="s">
        <v>19172</v>
      </c>
      <c r="C8005" s="93" t="s">
        <v>19211</v>
      </c>
      <c r="D8005" s="93" t="s">
        <v>19212</v>
      </c>
      <c r="E8005" s="93">
        <v>1990</v>
      </c>
      <c r="F8005" s="93">
        <v>424</v>
      </c>
      <c r="G8005" s="93" t="s">
        <v>1</v>
      </c>
      <c r="H8005" s="111">
        <v>0</v>
      </c>
      <c r="I8005" s="111">
        <v>0</v>
      </c>
      <c r="J8005" s="111">
        <v>0</v>
      </c>
      <c r="K8005" s="111">
        <v>1</v>
      </c>
      <c r="L8005" s="111">
        <v>0</v>
      </c>
      <c r="M8005" s="111">
        <v>0</v>
      </c>
      <c r="N8005" s="111">
        <v>0</v>
      </c>
      <c r="O8005" s="111">
        <v>0</v>
      </c>
      <c r="P8005" s="111">
        <v>0</v>
      </c>
      <c r="Q8005" s="111">
        <v>0</v>
      </c>
      <c r="R8005" s="111">
        <v>0</v>
      </c>
      <c r="S8005" s="111">
        <v>1</v>
      </c>
      <c r="T8005" s="111">
        <v>0</v>
      </c>
      <c r="U8005" s="145"/>
      <c r="V8005" s="145"/>
      <c r="W8005" s="145"/>
      <c r="X8005" s="145"/>
      <c r="Y8005" s="145"/>
      <c r="Z8005" s="145"/>
      <c r="AA8005" s="145"/>
      <c r="AB8005" s="145"/>
      <c r="AC8005" s="145"/>
      <c r="AD8005" s="145"/>
      <c r="AE8005" s="145"/>
      <c r="AF8005" s="145"/>
      <c r="AG8005" s="145"/>
      <c r="AH8005" s="145"/>
      <c r="AI8005" s="145"/>
      <c r="AJ8005" s="145"/>
      <c r="AK8005" s="145"/>
      <c r="AL8005" s="145"/>
      <c r="AM8005" s="145"/>
      <c r="AN8005" s="145"/>
      <c r="AO8005" s="145"/>
      <c r="AP8005" s="145"/>
      <c r="AQ8005" s="145"/>
      <c r="AR8005" s="145"/>
      <c r="AS8005" s="145"/>
      <c r="AT8005" s="145"/>
      <c r="AU8005" s="145"/>
      <c r="AV8005" s="145"/>
      <c r="AW8005" s="145"/>
      <c r="AX8005" s="146"/>
      <c r="AY8005" s="146"/>
      <c r="AZ8005" s="146"/>
      <c r="BA8005" s="146"/>
      <c r="BB8005" s="107">
        <v>44336</v>
      </c>
    </row>
    <row r="8006" spans="1:54" ht="13.95" customHeight="1" x14ac:dyDescent="0.25">
      <c r="A8006" s="14" t="s">
        <v>19213</v>
      </c>
      <c r="B8006" s="109" t="s">
        <v>21562</v>
      </c>
      <c r="C8006" s="93" t="s">
        <v>19214</v>
      </c>
      <c r="D8006" s="93" t="s">
        <v>19215</v>
      </c>
      <c r="E8006" s="93">
        <v>2007</v>
      </c>
      <c r="F8006" s="93">
        <v>502</v>
      </c>
      <c r="G8006" s="93" t="s">
        <v>12</v>
      </c>
      <c r="H8006" s="111">
        <v>0</v>
      </c>
      <c r="I8006" s="111">
        <v>0</v>
      </c>
      <c r="J8006" s="111">
        <v>1</v>
      </c>
      <c r="K8006" s="111">
        <v>0</v>
      </c>
      <c r="L8006" s="111">
        <v>0</v>
      </c>
      <c r="M8006" s="111">
        <v>0</v>
      </c>
      <c r="N8006" s="111">
        <v>0</v>
      </c>
      <c r="O8006" s="111">
        <v>0</v>
      </c>
      <c r="P8006" s="111">
        <v>0</v>
      </c>
      <c r="Q8006" s="111">
        <v>0</v>
      </c>
      <c r="R8006" s="111">
        <v>0</v>
      </c>
      <c r="S8006" s="111">
        <v>0</v>
      </c>
      <c r="T8006" s="111">
        <v>0</v>
      </c>
      <c r="U8006" s="145"/>
      <c r="V8006" s="145"/>
      <c r="W8006" s="145"/>
      <c r="X8006" s="145"/>
      <c r="Y8006" s="145"/>
      <c r="Z8006" s="145"/>
      <c r="AA8006" s="145"/>
      <c r="AB8006" s="145"/>
      <c r="AC8006" s="145"/>
      <c r="AD8006" s="145"/>
      <c r="AE8006" s="145"/>
      <c r="AF8006" s="145"/>
      <c r="AG8006" s="145"/>
      <c r="AH8006" s="145"/>
      <c r="AI8006" s="145"/>
      <c r="AJ8006" s="145"/>
      <c r="AK8006" s="145"/>
      <c r="AL8006" s="145"/>
      <c r="AM8006" s="145"/>
      <c r="AN8006" s="145"/>
      <c r="AO8006" s="145"/>
      <c r="AP8006" s="145"/>
      <c r="AQ8006" s="145"/>
      <c r="AR8006" s="145"/>
      <c r="AS8006" s="145"/>
      <c r="AT8006" s="145"/>
      <c r="AU8006" s="145"/>
      <c r="AV8006" s="145"/>
      <c r="AW8006" s="145"/>
      <c r="AX8006" s="146"/>
      <c r="AY8006" s="146"/>
      <c r="AZ8006" s="146"/>
      <c r="BA8006" s="146"/>
      <c r="BB8006" s="107">
        <v>44336</v>
      </c>
    </row>
    <row r="8007" spans="1:54" ht="13.95" customHeight="1" x14ac:dyDescent="0.25">
      <c r="A8007" s="14" t="s">
        <v>19216</v>
      </c>
      <c r="B8007" s="109" t="s">
        <v>19172</v>
      </c>
      <c r="C8007" s="93" t="s">
        <v>19217</v>
      </c>
      <c r="D8007" s="93" t="s">
        <v>19218</v>
      </c>
      <c r="E8007" s="93">
        <v>2005</v>
      </c>
      <c r="F8007" s="93">
        <v>737</v>
      </c>
      <c r="G8007" s="93" t="s">
        <v>12</v>
      </c>
      <c r="H8007" s="111">
        <v>1</v>
      </c>
      <c r="I8007" s="111">
        <v>0</v>
      </c>
      <c r="J8007" s="111">
        <v>0</v>
      </c>
      <c r="K8007" s="111">
        <v>0</v>
      </c>
      <c r="L8007" s="111">
        <v>0</v>
      </c>
      <c r="M8007" s="111">
        <v>0</v>
      </c>
      <c r="N8007" s="111">
        <v>0</v>
      </c>
      <c r="O8007" s="111">
        <v>0</v>
      </c>
      <c r="P8007" s="111">
        <v>0</v>
      </c>
      <c r="Q8007" s="111">
        <v>0</v>
      </c>
      <c r="R8007" s="111">
        <v>0</v>
      </c>
      <c r="S8007" s="111">
        <v>0</v>
      </c>
      <c r="T8007" s="111">
        <v>0</v>
      </c>
      <c r="U8007" s="145"/>
      <c r="V8007" s="145"/>
      <c r="W8007" s="145"/>
      <c r="X8007" s="145"/>
      <c r="Y8007" s="145"/>
      <c r="Z8007" s="145"/>
      <c r="AA8007" s="145"/>
      <c r="AB8007" s="145"/>
      <c r="AC8007" s="145"/>
      <c r="AD8007" s="145"/>
      <c r="AE8007" s="145"/>
      <c r="AF8007" s="145"/>
      <c r="AG8007" s="145"/>
      <c r="AH8007" s="145"/>
      <c r="AI8007" s="145"/>
      <c r="AJ8007" s="145"/>
      <c r="AK8007" s="145"/>
      <c r="AL8007" s="145"/>
      <c r="AM8007" s="145"/>
      <c r="AN8007" s="145"/>
      <c r="AO8007" s="145"/>
      <c r="AP8007" s="145"/>
      <c r="AQ8007" s="145"/>
      <c r="AR8007" s="145"/>
      <c r="AS8007" s="145"/>
      <c r="AT8007" s="145"/>
      <c r="AU8007" s="145"/>
      <c r="AV8007" s="145"/>
      <c r="AW8007" s="145"/>
      <c r="AX8007" s="146"/>
      <c r="AY8007" s="146"/>
      <c r="AZ8007" s="146"/>
      <c r="BA8007" s="146"/>
      <c r="BB8007" s="107">
        <v>44336</v>
      </c>
    </row>
    <row r="8008" spans="1:54" ht="13.95" customHeight="1" x14ac:dyDescent="0.25">
      <c r="A8008" s="14" t="s">
        <v>19219</v>
      </c>
      <c r="B8008" s="109" t="s">
        <v>21562</v>
      </c>
      <c r="C8008" s="93" t="s">
        <v>19220</v>
      </c>
      <c r="D8008" s="93" t="s">
        <v>19221</v>
      </c>
      <c r="E8008" s="93">
        <v>2007</v>
      </c>
      <c r="F8008" s="93">
        <v>975</v>
      </c>
      <c r="G8008" s="93" t="s">
        <v>12</v>
      </c>
      <c r="H8008" s="111">
        <v>1</v>
      </c>
      <c r="I8008" s="111">
        <v>1</v>
      </c>
      <c r="J8008" s="111">
        <v>1</v>
      </c>
      <c r="K8008" s="111">
        <v>0</v>
      </c>
      <c r="L8008" s="111">
        <v>0</v>
      </c>
      <c r="M8008" s="111">
        <v>0</v>
      </c>
      <c r="N8008" s="111">
        <v>0</v>
      </c>
      <c r="O8008" s="111">
        <v>0</v>
      </c>
      <c r="P8008" s="111">
        <v>0</v>
      </c>
      <c r="Q8008" s="111">
        <v>0</v>
      </c>
      <c r="R8008" s="111">
        <v>0</v>
      </c>
      <c r="S8008" s="111">
        <v>0</v>
      </c>
      <c r="T8008" s="111">
        <v>0</v>
      </c>
      <c r="U8008" s="145"/>
      <c r="V8008" s="145"/>
      <c r="W8008" s="145"/>
      <c r="X8008" s="145"/>
      <c r="Y8008" s="145"/>
      <c r="Z8008" s="145"/>
      <c r="AA8008" s="145"/>
      <c r="AB8008" s="145"/>
      <c r="AC8008" s="145"/>
      <c r="AD8008" s="145"/>
      <c r="AE8008" s="145"/>
      <c r="AF8008" s="145"/>
      <c r="AG8008" s="145"/>
      <c r="AH8008" s="145"/>
      <c r="AI8008" s="145"/>
      <c r="AJ8008" s="145"/>
      <c r="AK8008" s="145"/>
      <c r="AL8008" s="145"/>
      <c r="AM8008" s="145"/>
      <c r="AN8008" s="145"/>
      <c r="AO8008" s="145"/>
      <c r="AP8008" s="145"/>
      <c r="AQ8008" s="145"/>
      <c r="AR8008" s="145"/>
      <c r="AS8008" s="145"/>
      <c r="AT8008" s="145"/>
      <c r="AU8008" s="111">
        <v>1</v>
      </c>
      <c r="AV8008" s="145"/>
      <c r="AW8008" s="145"/>
      <c r="AX8008" s="146"/>
      <c r="AY8008" s="146"/>
      <c r="AZ8008" s="146"/>
      <c r="BA8008" s="146"/>
      <c r="BB8008" s="107">
        <v>44336</v>
      </c>
    </row>
    <row r="8009" spans="1:54" ht="13.95" customHeight="1" x14ac:dyDescent="0.25">
      <c r="A8009" s="14" t="s">
        <v>19222</v>
      </c>
      <c r="B8009" s="109" t="s">
        <v>19172</v>
      </c>
      <c r="C8009" s="93" t="s">
        <v>19223</v>
      </c>
      <c r="D8009" s="93" t="s">
        <v>19224</v>
      </c>
      <c r="E8009" s="93">
        <v>2003</v>
      </c>
      <c r="F8009" s="93">
        <v>1066.28</v>
      </c>
      <c r="G8009" s="93" t="s">
        <v>12</v>
      </c>
      <c r="H8009" s="111">
        <v>1</v>
      </c>
      <c r="I8009" s="111">
        <v>1</v>
      </c>
      <c r="J8009" s="111">
        <v>1</v>
      </c>
      <c r="K8009" s="111">
        <v>0</v>
      </c>
      <c r="L8009" s="111">
        <v>0</v>
      </c>
      <c r="M8009" s="111">
        <v>0</v>
      </c>
      <c r="N8009" s="111">
        <v>0</v>
      </c>
      <c r="O8009" s="111">
        <v>0</v>
      </c>
      <c r="P8009" s="111">
        <v>0</v>
      </c>
      <c r="Q8009" s="111">
        <v>0</v>
      </c>
      <c r="R8009" s="111">
        <v>0</v>
      </c>
      <c r="S8009" s="111">
        <v>0</v>
      </c>
      <c r="T8009" s="111">
        <v>0</v>
      </c>
      <c r="U8009" s="145"/>
      <c r="V8009" s="145"/>
      <c r="W8009" s="145"/>
      <c r="X8009" s="145"/>
      <c r="Y8009" s="145"/>
      <c r="Z8009" s="145"/>
      <c r="AA8009" s="145"/>
      <c r="AB8009" s="145"/>
      <c r="AC8009" s="145"/>
      <c r="AD8009" s="145"/>
      <c r="AE8009" s="145"/>
      <c r="AF8009" s="145"/>
      <c r="AG8009" s="145"/>
      <c r="AH8009" s="145"/>
      <c r="AI8009" s="145"/>
      <c r="AJ8009" s="145"/>
      <c r="AK8009" s="145"/>
      <c r="AL8009" s="145"/>
      <c r="AM8009" s="145"/>
      <c r="AN8009" s="145"/>
      <c r="AO8009" s="145"/>
      <c r="AP8009" s="145"/>
      <c r="AQ8009" s="145"/>
      <c r="AR8009" s="145"/>
      <c r="AS8009" s="145"/>
      <c r="AT8009" s="145"/>
      <c r="AU8009" s="145"/>
      <c r="AV8009" s="145"/>
      <c r="AW8009" s="111">
        <v>1</v>
      </c>
      <c r="AX8009" s="146"/>
      <c r="AY8009" s="146"/>
      <c r="AZ8009" s="146"/>
      <c r="BA8009" s="146"/>
      <c r="BB8009" s="107">
        <v>44336</v>
      </c>
    </row>
    <row r="8010" spans="1:54" ht="13.95" customHeight="1" x14ac:dyDescent="0.25">
      <c r="A8010" s="14" t="s">
        <v>19225</v>
      </c>
      <c r="B8010" s="109" t="s">
        <v>19172</v>
      </c>
      <c r="C8010" s="93" t="s">
        <v>19226</v>
      </c>
      <c r="D8010" s="93" t="s">
        <v>19227</v>
      </c>
      <c r="E8010" s="93">
        <v>1990</v>
      </c>
      <c r="F8010" s="93">
        <v>1145</v>
      </c>
      <c r="G8010" s="93" t="s">
        <v>1</v>
      </c>
      <c r="H8010" s="111">
        <v>1</v>
      </c>
      <c r="I8010" s="111">
        <v>0</v>
      </c>
      <c r="J8010" s="111">
        <v>1</v>
      </c>
      <c r="K8010" s="111">
        <v>0</v>
      </c>
      <c r="L8010" s="111">
        <v>1</v>
      </c>
      <c r="M8010" s="111">
        <v>0</v>
      </c>
      <c r="N8010" s="111">
        <v>0</v>
      </c>
      <c r="O8010" s="111">
        <v>1</v>
      </c>
      <c r="P8010" s="111">
        <v>1</v>
      </c>
      <c r="Q8010" s="111">
        <v>0</v>
      </c>
      <c r="R8010" s="111">
        <v>1</v>
      </c>
      <c r="S8010" s="111">
        <v>0</v>
      </c>
      <c r="T8010" s="111">
        <v>0</v>
      </c>
      <c r="U8010" s="145"/>
      <c r="V8010" s="145"/>
      <c r="W8010" s="145"/>
      <c r="X8010" s="145"/>
      <c r="Y8010" s="145"/>
      <c r="Z8010" s="145"/>
      <c r="AA8010" s="145"/>
      <c r="AB8010" s="145"/>
      <c r="AC8010" s="145"/>
      <c r="AD8010" s="145"/>
      <c r="AE8010" s="145"/>
      <c r="AF8010" s="145"/>
      <c r="AG8010" s="145"/>
      <c r="AH8010" s="145"/>
      <c r="AI8010" s="145"/>
      <c r="AJ8010" s="145"/>
      <c r="AK8010" s="145"/>
      <c r="AL8010" s="145"/>
      <c r="AM8010" s="145"/>
      <c r="AN8010" s="145"/>
      <c r="AO8010" s="145"/>
      <c r="AP8010" s="145"/>
      <c r="AQ8010" s="145"/>
      <c r="AR8010" s="145"/>
      <c r="AS8010" s="145"/>
      <c r="AT8010" s="145"/>
      <c r="AU8010" s="145"/>
      <c r="AV8010" s="145"/>
      <c r="AW8010" s="145"/>
      <c r="AX8010" s="146"/>
      <c r="AY8010" s="146"/>
      <c r="AZ8010" s="146"/>
      <c r="BA8010" s="146"/>
      <c r="BB8010" s="107">
        <v>44336</v>
      </c>
    </row>
    <row r="8011" spans="1:54" ht="13.95" customHeight="1" x14ac:dyDescent="0.25">
      <c r="A8011" s="14" t="s">
        <v>19228</v>
      </c>
      <c r="B8011" s="109" t="s">
        <v>21562</v>
      </c>
      <c r="C8011" s="93" t="s">
        <v>19229</v>
      </c>
      <c r="D8011" s="93" t="s">
        <v>19230</v>
      </c>
      <c r="E8011" s="93">
        <v>2002</v>
      </c>
      <c r="F8011" s="93">
        <v>1248</v>
      </c>
      <c r="G8011" s="93" t="s">
        <v>12</v>
      </c>
      <c r="H8011" s="111">
        <v>1</v>
      </c>
      <c r="I8011" s="111">
        <v>1</v>
      </c>
      <c r="J8011" s="111">
        <v>1</v>
      </c>
      <c r="K8011" s="111">
        <v>0</v>
      </c>
      <c r="L8011" s="111">
        <v>0</v>
      </c>
      <c r="M8011" s="111">
        <v>0</v>
      </c>
      <c r="N8011" s="111">
        <v>0</v>
      </c>
      <c r="O8011" s="111">
        <v>0</v>
      </c>
      <c r="P8011" s="111">
        <v>0</v>
      </c>
      <c r="Q8011" s="111">
        <v>0</v>
      </c>
      <c r="R8011" s="111">
        <v>0</v>
      </c>
      <c r="S8011" s="111">
        <v>0</v>
      </c>
      <c r="T8011" s="111">
        <v>0</v>
      </c>
      <c r="U8011" s="145"/>
      <c r="V8011" s="145"/>
      <c r="W8011" s="145"/>
      <c r="X8011" s="145"/>
      <c r="Y8011" s="145"/>
      <c r="Z8011" s="145"/>
      <c r="AA8011" s="145"/>
      <c r="AB8011" s="145"/>
      <c r="AC8011" s="145"/>
      <c r="AD8011" s="145"/>
      <c r="AE8011" s="145"/>
      <c r="AF8011" s="145"/>
      <c r="AG8011" s="145"/>
      <c r="AH8011" s="145"/>
      <c r="AI8011" s="145"/>
      <c r="AJ8011" s="145"/>
      <c r="AK8011" s="145"/>
      <c r="AL8011" s="145"/>
      <c r="AM8011" s="145"/>
      <c r="AN8011" s="145"/>
      <c r="AO8011" s="145"/>
      <c r="AP8011" s="145"/>
      <c r="AQ8011" s="145"/>
      <c r="AR8011" s="145"/>
      <c r="AS8011" s="145"/>
      <c r="AT8011" s="145"/>
      <c r="AU8011" s="145"/>
      <c r="AV8011" s="145"/>
      <c r="AW8011" s="145"/>
      <c r="AX8011" s="146"/>
      <c r="AY8011" s="146"/>
      <c r="AZ8011" s="146"/>
      <c r="BA8011" s="146"/>
      <c r="BB8011" s="107">
        <v>44336</v>
      </c>
    </row>
    <row r="8012" spans="1:54" ht="13.95" customHeight="1" x14ac:dyDescent="0.25">
      <c r="A8012" s="14" t="s">
        <v>19231</v>
      </c>
      <c r="B8012" s="109" t="s">
        <v>21562</v>
      </c>
      <c r="C8012" s="93" t="s">
        <v>19232</v>
      </c>
      <c r="D8012" s="93" t="s">
        <v>19233</v>
      </c>
      <c r="E8012" s="93">
        <v>2004</v>
      </c>
      <c r="F8012" s="93">
        <v>1274</v>
      </c>
      <c r="G8012" s="93" t="s">
        <v>12</v>
      </c>
      <c r="H8012" s="111">
        <v>1</v>
      </c>
      <c r="I8012" s="111">
        <v>0</v>
      </c>
      <c r="J8012" s="111">
        <v>1</v>
      </c>
      <c r="K8012" s="111">
        <v>0</v>
      </c>
      <c r="L8012" s="111">
        <v>0</v>
      </c>
      <c r="M8012" s="111">
        <v>0</v>
      </c>
      <c r="N8012" s="111">
        <v>0</v>
      </c>
      <c r="O8012" s="111">
        <v>0</v>
      </c>
      <c r="P8012" s="111">
        <v>0</v>
      </c>
      <c r="Q8012" s="111">
        <v>0</v>
      </c>
      <c r="R8012" s="111">
        <v>0</v>
      </c>
      <c r="S8012" s="111">
        <v>0</v>
      </c>
      <c r="T8012" s="111">
        <v>0</v>
      </c>
      <c r="U8012" s="145"/>
      <c r="V8012" s="145"/>
      <c r="W8012" s="145"/>
      <c r="X8012" s="145"/>
      <c r="Y8012" s="145"/>
      <c r="Z8012" s="145"/>
      <c r="AA8012" s="145"/>
      <c r="AB8012" s="145"/>
      <c r="AC8012" s="145"/>
      <c r="AD8012" s="145"/>
      <c r="AE8012" s="145"/>
      <c r="AF8012" s="145"/>
      <c r="AG8012" s="145"/>
      <c r="AH8012" s="145"/>
      <c r="AI8012" s="145"/>
      <c r="AJ8012" s="145"/>
      <c r="AK8012" s="145"/>
      <c r="AL8012" s="145"/>
      <c r="AM8012" s="145"/>
      <c r="AN8012" s="145"/>
      <c r="AO8012" s="145"/>
      <c r="AP8012" s="145"/>
      <c r="AQ8012" s="145"/>
      <c r="AR8012" s="145"/>
      <c r="AS8012" s="145"/>
      <c r="AT8012" s="145"/>
      <c r="AU8012" s="111">
        <v>1</v>
      </c>
      <c r="AV8012" s="145"/>
      <c r="AW8012" s="145"/>
      <c r="AX8012" s="146"/>
      <c r="AY8012" s="146"/>
      <c r="AZ8012" s="146"/>
      <c r="BA8012" s="146"/>
      <c r="BB8012" s="107">
        <v>44336</v>
      </c>
    </row>
    <row r="8013" spans="1:54" ht="13.95" customHeight="1" x14ac:dyDescent="0.25">
      <c r="A8013" s="14" t="s">
        <v>19234</v>
      </c>
      <c r="B8013" s="109" t="s">
        <v>21562</v>
      </c>
      <c r="C8013" s="93" t="s">
        <v>19235</v>
      </c>
      <c r="D8013" s="93" t="s">
        <v>19236</v>
      </c>
      <c r="E8013" s="93">
        <v>1990</v>
      </c>
      <c r="F8013" s="93">
        <v>1603</v>
      </c>
      <c r="G8013" s="93" t="s">
        <v>1</v>
      </c>
      <c r="H8013" s="111">
        <v>0</v>
      </c>
      <c r="I8013" s="111">
        <v>0</v>
      </c>
      <c r="J8013" s="111">
        <v>1</v>
      </c>
      <c r="K8013" s="111">
        <v>0</v>
      </c>
      <c r="L8013" s="111">
        <v>1</v>
      </c>
      <c r="M8013" s="111">
        <v>0</v>
      </c>
      <c r="N8013" s="111">
        <v>0</v>
      </c>
      <c r="O8013" s="111">
        <v>1</v>
      </c>
      <c r="P8013" s="111">
        <v>1</v>
      </c>
      <c r="Q8013" s="111">
        <v>0</v>
      </c>
      <c r="R8013" s="111">
        <v>1</v>
      </c>
      <c r="S8013" s="111">
        <v>0</v>
      </c>
      <c r="T8013" s="111">
        <v>0</v>
      </c>
      <c r="U8013" s="145"/>
      <c r="V8013" s="145"/>
      <c r="W8013" s="145"/>
      <c r="X8013" s="145"/>
      <c r="Y8013" s="145"/>
      <c r="Z8013" s="145"/>
      <c r="AA8013" s="145"/>
      <c r="AB8013" s="145"/>
      <c r="AC8013" s="145"/>
      <c r="AD8013" s="145"/>
      <c r="AE8013" s="145"/>
      <c r="AF8013" s="145"/>
      <c r="AG8013" s="145"/>
      <c r="AH8013" s="145"/>
      <c r="AI8013" s="145"/>
      <c r="AJ8013" s="145"/>
      <c r="AK8013" s="145"/>
      <c r="AL8013" s="145"/>
      <c r="AM8013" s="145"/>
      <c r="AN8013" s="145"/>
      <c r="AO8013" s="145"/>
      <c r="AP8013" s="145"/>
      <c r="AQ8013" s="145"/>
      <c r="AR8013" s="145"/>
      <c r="AS8013" s="145"/>
      <c r="AT8013" s="145"/>
      <c r="AU8013" s="145"/>
      <c r="AV8013" s="145"/>
      <c r="AW8013" s="145"/>
      <c r="AX8013" s="146"/>
      <c r="AY8013" s="146"/>
      <c r="AZ8013" s="146"/>
      <c r="BA8013" s="146"/>
      <c r="BB8013" s="107">
        <v>44336</v>
      </c>
    </row>
    <row r="8014" spans="1:54" ht="13.95" customHeight="1" x14ac:dyDescent="0.25">
      <c r="A8014" s="14" t="s">
        <v>19237</v>
      </c>
      <c r="B8014" s="109" t="s">
        <v>21562</v>
      </c>
      <c r="C8014" s="93" t="s">
        <v>19238</v>
      </c>
      <c r="D8014" s="93" t="s">
        <v>19239</v>
      </c>
      <c r="E8014" s="93">
        <v>1991</v>
      </c>
      <c r="F8014" s="93">
        <v>3367</v>
      </c>
      <c r="G8014" s="93" t="s">
        <v>12</v>
      </c>
      <c r="H8014" s="111">
        <v>1</v>
      </c>
      <c r="I8014" s="111">
        <v>1</v>
      </c>
      <c r="J8014" s="111">
        <v>1</v>
      </c>
      <c r="K8014" s="111">
        <v>0</v>
      </c>
      <c r="L8014" s="111">
        <v>0</v>
      </c>
      <c r="M8014" s="111">
        <v>0</v>
      </c>
      <c r="N8014" s="111">
        <v>0</v>
      </c>
      <c r="O8014" s="111">
        <v>0</v>
      </c>
      <c r="P8014" s="111">
        <v>0</v>
      </c>
      <c r="Q8014" s="111">
        <v>0</v>
      </c>
      <c r="R8014" s="111">
        <v>0</v>
      </c>
      <c r="S8014" s="111">
        <v>0</v>
      </c>
      <c r="T8014" s="111">
        <v>0</v>
      </c>
      <c r="U8014" s="145"/>
      <c r="V8014" s="145"/>
      <c r="W8014" s="145"/>
      <c r="X8014" s="145"/>
      <c r="Y8014" s="145"/>
      <c r="Z8014" s="145"/>
      <c r="AA8014" s="145"/>
      <c r="AB8014" s="145"/>
      <c r="AC8014" s="145"/>
      <c r="AD8014" s="145"/>
      <c r="AE8014" s="145"/>
      <c r="AF8014" s="145"/>
      <c r="AG8014" s="145"/>
      <c r="AH8014" s="145"/>
      <c r="AI8014" s="145"/>
      <c r="AJ8014" s="145"/>
      <c r="AK8014" s="145"/>
      <c r="AL8014" s="145"/>
      <c r="AM8014" s="145"/>
      <c r="AN8014" s="145"/>
      <c r="AO8014" s="145"/>
      <c r="AP8014" s="145"/>
      <c r="AQ8014" s="145"/>
      <c r="AR8014" s="145"/>
      <c r="AS8014" s="111">
        <v>1</v>
      </c>
      <c r="AT8014" s="145"/>
      <c r="AU8014" s="145"/>
      <c r="AV8014" s="145"/>
      <c r="AW8014" s="145"/>
      <c r="AX8014" s="146"/>
      <c r="AY8014" s="146"/>
      <c r="AZ8014" s="146"/>
      <c r="BA8014" s="146"/>
      <c r="BB8014" s="107">
        <v>44336</v>
      </c>
    </row>
    <row r="8015" spans="1:54" ht="13.95" customHeight="1" x14ac:dyDescent="0.25">
      <c r="A8015" s="14" t="s">
        <v>19240</v>
      </c>
      <c r="B8015" s="109" t="s">
        <v>21562</v>
      </c>
      <c r="C8015" s="93" t="s">
        <v>19241</v>
      </c>
      <c r="D8015" s="93" t="s">
        <v>19242</v>
      </c>
      <c r="E8015" s="93">
        <v>1999</v>
      </c>
      <c r="F8015" s="93">
        <v>7230.97</v>
      </c>
      <c r="G8015" s="93" t="s">
        <v>1</v>
      </c>
      <c r="H8015" s="111">
        <v>1</v>
      </c>
      <c r="I8015" s="111">
        <v>1</v>
      </c>
      <c r="J8015" s="111">
        <v>1</v>
      </c>
      <c r="K8015" s="111">
        <v>0</v>
      </c>
      <c r="L8015" s="111">
        <v>1</v>
      </c>
      <c r="M8015" s="111">
        <v>1</v>
      </c>
      <c r="N8015" s="111">
        <v>0</v>
      </c>
      <c r="O8015" s="111">
        <v>1</v>
      </c>
      <c r="P8015" s="111">
        <v>1</v>
      </c>
      <c r="Q8015" s="111">
        <v>0</v>
      </c>
      <c r="R8015" s="111">
        <v>0</v>
      </c>
      <c r="S8015" s="111">
        <v>0</v>
      </c>
      <c r="T8015" s="111">
        <v>0</v>
      </c>
      <c r="U8015" s="145"/>
      <c r="V8015" s="145"/>
      <c r="W8015" s="145"/>
      <c r="X8015" s="145"/>
      <c r="Y8015" s="145"/>
      <c r="Z8015" s="145"/>
      <c r="AA8015" s="145"/>
      <c r="AB8015" s="145"/>
      <c r="AC8015" s="145"/>
      <c r="AD8015" s="145"/>
      <c r="AE8015" s="145"/>
      <c r="AF8015" s="145"/>
      <c r="AG8015" s="145"/>
      <c r="AH8015" s="145"/>
      <c r="AI8015" s="145"/>
      <c r="AJ8015" s="145"/>
      <c r="AK8015" s="145"/>
      <c r="AL8015" s="145"/>
      <c r="AM8015" s="145"/>
      <c r="AN8015" s="145"/>
      <c r="AO8015" s="145"/>
      <c r="AP8015" s="145"/>
      <c r="AQ8015" s="145"/>
      <c r="AR8015" s="145"/>
      <c r="AS8015" s="111" t="s">
        <v>400</v>
      </c>
      <c r="AT8015" s="111">
        <v>1</v>
      </c>
      <c r="AU8015" s="145"/>
      <c r="AV8015" s="145"/>
      <c r="AW8015" s="145"/>
      <c r="AX8015" s="146"/>
      <c r="AY8015" s="146"/>
      <c r="AZ8015" s="146"/>
      <c r="BA8015" s="146"/>
      <c r="BB8015" s="107">
        <v>44336</v>
      </c>
    </row>
    <row r="8016" spans="1:54" ht="13.95" customHeight="1" x14ac:dyDescent="0.25">
      <c r="A8016" s="14" t="s">
        <v>19243</v>
      </c>
      <c r="B8016" s="109" t="s">
        <v>21562</v>
      </c>
      <c r="C8016" s="93" t="s">
        <v>19244</v>
      </c>
      <c r="D8016" s="93" t="s">
        <v>19245</v>
      </c>
      <c r="E8016" s="93">
        <v>1994</v>
      </c>
      <c r="F8016" s="195">
        <v>79337</v>
      </c>
      <c r="G8016" s="93" t="s">
        <v>12</v>
      </c>
      <c r="H8016" s="111">
        <v>1</v>
      </c>
      <c r="I8016" s="111">
        <v>1</v>
      </c>
      <c r="J8016" s="111">
        <v>1</v>
      </c>
      <c r="K8016" s="111">
        <v>1</v>
      </c>
      <c r="L8016" s="111">
        <v>1</v>
      </c>
      <c r="M8016" s="111">
        <v>0</v>
      </c>
      <c r="N8016" s="111">
        <v>1</v>
      </c>
      <c r="O8016" s="111">
        <v>1</v>
      </c>
      <c r="P8016" s="111">
        <v>1</v>
      </c>
      <c r="Q8016" s="111">
        <v>1</v>
      </c>
      <c r="R8016" s="111">
        <v>0</v>
      </c>
      <c r="S8016" s="111">
        <v>0</v>
      </c>
      <c r="T8016" s="111">
        <v>0</v>
      </c>
      <c r="U8016" s="145"/>
      <c r="V8016" s="145"/>
      <c r="W8016" s="111">
        <v>1</v>
      </c>
      <c r="X8016" s="145"/>
      <c r="Y8016" s="145"/>
      <c r="Z8016" s="145"/>
      <c r="AA8016" s="145"/>
      <c r="AB8016" s="111">
        <v>1</v>
      </c>
      <c r="AC8016" s="145"/>
      <c r="AD8016" s="111">
        <v>1</v>
      </c>
      <c r="AE8016" s="145"/>
      <c r="AF8016" s="145"/>
      <c r="AG8016" s="145"/>
      <c r="AH8016" s="145"/>
      <c r="AI8016" s="145"/>
      <c r="AJ8016" s="145"/>
      <c r="AK8016" s="145"/>
      <c r="AL8016" s="145"/>
      <c r="AM8016" s="145"/>
      <c r="AN8016" s="111">
        <v>1</v>
      </c>
      <c r="AO8016" s="111">
        <v>1</v>
      </c>
      <c r="AP8016" s="145"/>
      <c r="AQ8016" s="145"/>
      <c r="AR8016" s="111">
        <v>1</v>
      </c>
      <c r="AS8016" s="145"/>
      <c r="AT8016" s="111">
        <v>1</v>
      </c>
      <c r="AU8016" s="111">
        <v>1</v>
      </c>
      <c r="AV8016" s="145"/>
      <c r="AW8016" s="111">
        <v>1</v>
      </c>
      <c r="AX8016" s="196" t="s">
        <v>21565</v>
      </c>
      <c r="AY8016" s="112" t="s">
        <v>20351</v>
      </c>
      <c r="AZ8016" s="146"/>
      <c r="BA8016" s="146"/>
      <c r="BB8016" s="107">
        <v>44336</v>
      </c>
    </row>
    <row r="8017" spans="1:54" ht="13.95" customHeight="1" x14ac:dyDescent="0.25">
      <c r="A8017" s="14" t="s">
        <v>19246</v>
      </c>
      <c r="B8017" s="109" t="s">
        <v>21562</v>
      </c>
      <c r="C8017" s="93" t="s">
        <v>19247</v>
      </c>
      <c r="D8017" s="93" t="s">
        <v>19248</v>
      </c>
      <c r="E8017" s="93">
        <v>2005</v>
      </c>
      <c r="F8017" s="93">
        <v>6638.89</v>
      </c>
      <c r="G8017" s="93" t="s">
        <v>1</v>
      </c>
      <c r="H8017" s="111">
        <v>1</v>
      </c>
      <c r="I8017" s="111">
        <v>1</v>
      </c>
      <c r="J8017" s="111">
        <v>1</v>
      </c>
      <c r="K8017" s="111">
        <v>0</v>
      </c>
      <c r="L8017" s="111">
        <v>0</v>
      </c>
      <c r="M8017" s="111">
        <v>0</v>
      </c>
      <c r="N8017" s="111">
        <v>0</v>
      </c>
      <c r="O8017" s="111">
        <v>0</v>
      </c>
      <c r="P8017" s="111">
        <v>0</v>
      </c>
      <c r="Q8017" s="111">
        <v>0</v>
      </c>
      <c r="R8017" s="111">
        <v>0</v>
      </c>
      <c r="S8017" s="111">
        <v>0</v>
      </c>
      <c r="T8017" s="111">
        <v>0</v>
      </c>
      <c r="U8017" s="145"/>
      <c r="V8017" s="145"/>
      <c r="W8017" s="111">
        <v>1</v>
      </c>
      <c r="X8017" s="145"/>
      <c r="Y8017" s="145"/>
      <c r="Z8017" s="145"/>
      <c r="AA8017" s="145"/>
      <c r="AB8017" s="145"/>
      <c r="AC8017" s="145"/>
      <c r="AD8017" s="145"/>
      <c r="AE8017" s="145"/>
      <c r="AF8017" s="145"/>
      <c r="AG8017" s="145"/>
      <c r="AH8017" s="145"/>
      <c r="AI8017" s="145"/>
      <c r="AJ8017" s="145"/>
      <c r="AK8017" s="145"/>
      <c r="AL8017" s="145"/>
      <c r="AM8017" s="145"/>
      <c r="AN8017" s="145"/>
      <c r="AO8017" s="145"/>
      <c r="AP8017" s="145"/>
      <c r="AQ8017" s="145"/>
      <c r="AR8017" s="145"/>
      <c r="AS8017" s="111" t="s">
        <v>400</v>
      </c>
      <c r="AT8017" s="111">
        <v>1</v>
      </c>
      <c r="AU8017" s="111">
        <v>1</v>
      </c>
      <c r="AV8017" s="145"/>
      <c r="AW8017" s="145"/>
      <c r="AX8017" s="146"/>
      <c r="AY8017" s="146"/>
      <c r="AZ8017" s="146"/>
      <c r="BA8017" s="146"/>
      <c r="BB8017" s="107">
        <v>44336</v>
      </c>
    </row>
    <row r="8018" spans="1:54" ht="13.95" customHeight="1" x14ac:dyDescent="0.25">
      <c r="A8018" s="14" t="s">
        <v>19249</v>
      </c>
      <c r="B8018" s="109" t="s">
        <v>21562</v>
      </c>
      <c r="C8018" s="93" t="s">
        <v>19250</v>
      </c>
      <c r="D8018" s="93" t="s">
        <v>19251</v>
      </c>
      <c r="E8018" s="93">
        <v>2001</v>
      </c>
      <c r="F8018" s="93">
        <v>2587</v>
      </c>
      <c r="G8018" s="93" t="s">
        <v>1</v>
      </c>
      <c r="H8018" s="111">
        <v>1</v>
      </c>
      <c r="I8018" s="111">
        <v>1</v>
      </c>
      <c r="J8018" s="111">
        <v>1</v>
      </c>
      <c r="K8018" s="111">
        <v>0</v>
      </c>
      <c r="L8018" s="111">
        <v>0</v>
      </c>
      <c r="M8018" s="111">
        <v>0</v>
      </c>
      <c r="N8018" s="111">
        <v>0</v>
      </c>
      <c r="O8018" s="111">
        <v>0</v>
      </c>
      <c r="P8018" s="111">
        <v>0</v>
      </c>
      <c r="Q8018" s="111">
        <v>0</v>
      </c>
      <c r="R8018" s="111">
        <v>0</v>
      </c>
      <c r="S8018" s="111">
        <v>0</v>
      </c>
      <c r="T8018" s="111">
        <v>0</v>
      </c>
      <c r="U8018" s="145"/>
      <c r="V8018" s="145"/>
      <c r="W8018" s="145"/>
      <c r="X8018" s="145"/>
      <c r="Y8018" s="145"/>
      <c r="Z8018" s="145"/>
      <c r="AA8018" s="145"/>
      <c r="AB8018" s="145"/>
      <c r="AC8018" s="145"/>
      <c r="AD8018" s="145"/>
      <c r="AE8018" s="145"/>
      <c r="AF8018" s="145"/>
      <c r="AG8018" s="145"/>
      <c r="AH8018" s="145"/>
      <c r="AI8018" s="145"/>
      <c r="AJ8018" s="145"/>
      <c r="AK8018" s="145"/>
      <c r="AL8018" s="145"/>
      <c r="AM8018" s="145"/>
      <c r="AN8018" s="145"/>
      <c r="AO8018" s="145"/>
      <c r="AP8018" s="145"/>
      <c r="AQ8018" s="145"/>
      <c r="AR8018" s="145"/>
      <c r="AS8018" s="111" t="s">
        <v>400</v>
      </c>
      <c r="AT8018" s="145"/>
      <c r="AU8018" s="145"/>
      <c r="AV8018" s="145"/>
      <c r="AW8018" s="145"/>
      <c r="AX8018" s="146"/>
      <c r="AY8018" s="146"/>
      <c r="AZ8018" s="146"/>
      <c r="BA8018" s="146"/>
      <c r="BB8018" s="107">
        <v>44336</v>
      </c>
    </row>
    <row r="8019" spans="1:54" ht="13.95" customHeight="1" x14ac:dyDescent="0.25">
      <c r="A8019" s="14" t="s">
        <v>19252</v>
      </c>
      <c r="B8019" s="109" t="s">
        <v>21562</v>
      </c>
      <c r="C8019" s="93" t="s">
        <v>19253</v>
      </c>
      <c r="D8019" s="93" t="s">
        <v>19254</v>
      </c>
      <c r="E8019" s="93">
        <v>1991</v>
      </c>
      <c r="F8019" s="93">
        <v>1460</v>
      </c>
      <c r="G8019" s="93" t="s">
        <v>12</v>
      </c>
      <c r="H8019" s="111">
        <v>0</v>
      </c>
      <c r="I8019" s="111">
        <v>0</v>
      </c>
      <c r="J8019" s="111">
        <v>1</v>
      </c>
      <c r="K8019" s="111">
        <v>0</v>
      </c>
      <c r="L8019" s="111">
        <v>0</v>
      </c>
      <c r="M8019" s="111">
        <v>0</v>
      </c>
      <c r="N8019" s="111">
        <v>0</v>
      </c>
      <c r="O8019" s="111">
        <v>0</v>
      </c>
      <c r="P8019" s="111">
        <v>0</v>
      </c>
      <c r="Q8019" s="111">
        <v>0</v>
      </c>
      <c r="R8019" s="111">
        <v>0</v>
      </c>
      <c r="S8019" s="111">
        <v>0</v>
      </c>
      <c r="T8019" s="111">
        <v>0</v>
      </c>
      <c r="U8019" s="145"/>
      <c r="V8019" s="145"/>
      <c r="W8019" s="145"/>
      <c r="X8019" s="145"/>
      <c r="Y8019" s="145"/>
      <c r="Z8019" s="145"/>
      <c r="AA8019" s="145"/>
      <c r="AB8019" s="145"/>
      <c r="AC8019" s="145"/>
      <c r="AD8019" s="145"/>
      <c r="AE8019" s="145"/>
      <c r="AF8019" s="145"/>
      <c r="AG8019" s="145"/>
      <c r="AH8019" s="145"/>
      <c r="AI8019" s="145"/>
      <c r="AJ8019" s="145"/>
      <c r="AK8019" s="145"/>
      <c r="AL8019" s="145"/>
      <c r="AM8019" s="145"/>
      <c r="AN8019" s="145"/>
      <c r="AO8019" s="145"/>
      <c r="AP8019" s="145"/>
      <c r="AQ8019" s="145"/>
      <c r="AR8019" s="145"/>
      <c r="AS8019" s="145"/>
      <c r="AT8019" s="145"/>
      <c r="AU8019" s="145"/>
      <c r="AV8019" s="145"/>
      <c r="AW8019" s="145"/>
      <c r="AX8019" s="146"/>
      <c r="AY8019" s="146"/>
      <c r="AZ8019" s="146"/>
      <c r="BA8019" s="146"/>
      <c r="BB8019" s="107">
        <v>44336</v>
      </c>
    </row>
    <row r="8020" spans="1:54" ht="13.95" customHeight="1" x14ac:dyDescent="0.25">
      <c r="A8020" s="14" t="s">
        <v>19255</v>
      </c>
      <c r="B8020" s="109" t="s">
        <v>21562</v>
      </c>
      <c r="C8020" s="93" t="s">
        <v>19256</v>
      </c>
      <c r="D8020" s="93" t="s">
        <v>19257</v>
      </c>
      <c r="E8020" s="93">
        <v>1990</v>
      </c>
      <c r="F8020" s="93">
        <v>440</v>
      </c>
      <c r="G8020" s="93" t="s">
        <v>12</v>
      </c>
      <c r="H8020" s="111">
        <v>0</v>
      </c>
      <c r="I8020" s="111">
        <v>0</v>
      </c>
      <c r="J8020" s="111">
        <v>0</v>
      </c>
      <c r="K8020" s="111">
        <v>0</v>
      </c>
      <c r="L8020" s="111">
        <v>0</v>
      </c>
      <c r="M8020" s="111">
        <v>0</v>
      </c>
      <c r="N8020" s="111">
        <v>0</v>
      </c>
      <c r="O8020" s="111">
        <v>0</v>
      </c>
      <c r="P8020" s="111">
        <v>0</v>
      </c>
      <c r="Q8020" s="111">
        <v>0</v>
      </c>
      <c r="R8020" s="111">
        <v>0</v>
      </c>
      <c r="S8020" s="111">
        <v>0</v>
      </c>
      <c r="T8020" s="111">
        <v>0</v>
      </c>
      <c r="U8020" s="145"/>
      <c r="V8020" s="145"/>
      <c r="W8020" s="145"/>
      <c r="X8020" s="145"/>
      <c r="Y8020" s="145"/>
      <c r="Z8020" s="145"/>
      <c r="AA8020" s="145"/>
      <c r="AB8020" s="145"/>
      <c r="AC8020" s="145"/>
      <c r="AD8020" s="145"/>
      <c r="AE8020" s="145"/>
      <c r="AF8020" s="145"/>
      <c r="AG8020" s="145"/>
      <c r="AH8020" s="145"/>
      <c r="AI8020" s="145"/>
      <c r="AJ8020" s="145"/>
      <c r="AK8020" s="145"/>
      <c r="AL8020" s="145"/>
      <c r="AM8020" s="145"/>
      <c r="AN8020" s="145"/>
      <c r="AO8020" s="145"/>
      <c r="AP8020" s="145"/>
      <c r="AQ8020" s="145"/>
      <c r="AR8020" s="145"/>
      <c r="AS8020" s="145"/>
      <c r="AT8020" s="145"/>
      <c r="AU8020" s="145"/>
      <c r="AV8020" s="145"/>
      <c r="AW8020" s="145"/>
      <c r="AX8020" s="146"/>
      <c r="AY8020" s="146"/>
      <c r="AZ8020" s="146"/>
      <c r="BA8020" s="146"/>
      <c r="BB8020" s="107">
        <v>44336</v>
      </c>
    </row>
    <row r="8021" spans="1:54" ht="13.95" customHeight="1" x14ac:dyDescent="0.25">
      <c r="A8021" s="14" t="s">
        <v>19258</v>
      </c>
      <c r="B8021" s="109" t="s">
        <v>21562</v>
      </c>
      <c r="C8021" s="93" t="s">
        <v>19259</v>
      </c>
      <c r="D8021" s="93" t="s">
        <v>19260</v>
      </c>
      <c r="E8021" s="93">
        <v>1987</v>
      </c>
      <c r="F8021" s="93">
        <v>209</v>
      </c>
      <c r="G8021" s="93" t="s">
        <v>12</v>
      </c>
      <c r="H8021" s="111">
        <v>1</v>
      </c>
      <c r="I8021" s="111">
        <v>0</v>
      </c>
      <c r="J8021" s="111">
        <v>1</v>
      </c>
      <c r="K8021" s="111">
        <v>0</v>
      </c>
      <c r="L8021" s="111">
        <v>0</v>
      </c>
      <c r="M8021" s="111">
        <v>0</v>
      </c>
      <c r="N8021" s="111">
        <v>0</v>
      </c>
      <c r="O8021" s="111">
        <v>0</v>
      </c>
      <c r="P8021" s="111">
        <v>0</v>
      </c>
      <c r="Q8021" s="111">
        <v>0</v>
      </c>
      <c r="R8021" s="111">
        <v>0</v>
      </c>
      <c r="S8021" s="111">
        <v>0</v>
      </c>
      <c r="T8021" s="111">
        <v>0</v>
      </c>
      <c r="U8021" s="145"/>
      <c r="V8021" s="145"/>
      <c r="W8021" s="145"/>
      <c r="X8021" s="145"/>
      <c r="Y8021" s="145"/>
      <c r="Z8021" s="145"/>
      <c r="AA8021" s="145"/>
      <c r="AB8021" s="145"/>
      <c r="AC8021" s="145"/>
      <c r="AD8021" s="145"/>
      <c r="AE8021" s="145"/>
      <c r="AF8021" s="145"/>
      <c r="AG8021" s="145"/>
      <c r="AH8021" s="145"/>
      <c r="AI8021" s="145"/>
      <c r="AJ8021" s="145"/>
      <c r="AK8021" s="145"/>
      <c r="AL8021" s="145"/>
      <c r="AM8021" s="145"/>
      <c r="AN8021" s="145"/>
      <c r="AO8021" s="145"/>
      <c r="AP8021" s="145"/>
      <c r="AQ8021" s="145"/>
      <c r="AR8021" s="145"/>
      <c r="AS8021" s="145"/>
      <c r="AT8021" s="145"/>
      <c r="AU8021" s="145"/>
      <c r="AV8021" s="145"/>
      <c r="AW8021" s="145"/>
      <c r="AX8021" s="146"/>
      <c r="AY8021" s="146"/>
      <c r="AZ8021" s="146"/>
      <c r="BA8021" s="146"/>
      <c r="BB8021" s="107">
        <v>44336</v>
      </c>
    </row>
    <row r="8022" spans="1:54" ht="13.95" customHeight="1" x14ac:dyDescent="0.25">
      <c r="A8022" s="14" t="s">
        <v>19261</v>
      </c>
      <c r="B8022" s="109" t="s">
        <v>21562</v>
      </c>
      <c r="C8022" s="93" t="s">
        <v>19262</v>
      </c>
      <c r="D8022" s="93" t="s">
        <v>19263</v>
      </c>
      <c r="E8022" s="93">
        <v>2013</v>
      </c>
      <c r="F8022" s="93">
        <v>3844.01</v>
      </c>
      <c r="G8022" s="93" t="s">
        <v>1</v>
      </c>
      <c r="H8022" s="111">
        <v>1</v>
      </c>
      <c r="I8022" s="111">
        <v>1</v>
      </c>
      <c r="J8022" s="111">
        <v>1</v>
      </c>
      <c r="K8022" s="111">
        <v>1</v>
      </c>
      <c r="L8022" s="111">
        <v>1</v>
      </c>
      <c r="M8022" s="111">
        <v>1</v>
      </c>
      <c r="N8022" s="111">
        <v>0</v>
      </c>
      <c r="O8022" s="111">
        <v>0</v>
      </c>
      <c r="P8022" s="111">
        <v>1</v>
      </c>
      <c r="Q8022" s="111">
        <v>0</v>
      </c>
      <c r="R8022" s="111">
        <v>0</v>
      </c>
      <c r="S8022" s="111">
        <v>0</v>
      </c>
      <c r="T8022" s="111">
        <v>0</v>
      </c>
      <c r="U8022" s="145"/>
      <c r="V8022" s="145"/>
      <c r="W8022" s="145"/>
      <c r="X8022" s="145"/>
      <c r="Y8022" s="145"/>
      <c r="Z8022" s="145"/>
      <c r="AA8022" s="145"/>
      <c r="AB8022" s="145"/>
      <c r="AC8022" s="145"/>
      <c r="AD8022" s="145"/>
      <c r="AE8022" s="145"/>
      <c r="AF8022" s="145"/>
      <c r="AG8022" s="145"/>
      <c r="AH8022" s="145"/>
      <c r="AI8022" s="145"/>
      <c r="AJ8022" s="145"/>
      <c r="AK8022" s="145"/>
      <c r="AL8022" s="145"/>
      <c r="AM8022" s="145"/>
      <c r="AN8022" s="145"/>
      <c r="AO8022" s="145"/>
      <c r="AP8022" s="145"/>
      <c r="AQ8022" s="145"/>
      <c r="AR8022" s="145"/>
      <c r="AS8022" s="145"/>
      <c r="AT8022" s="145"/>
      <c r="AU8022" s="111">
        <v>1</v>
      </c>
      <c r="AV8022" s="145"/>
      <c r="AW8022" s="145"/>
      <c r="AX8022" s="146"/>
      <c r="AY8022" s="146"/>
      <c r="AZ8022" s="146"/>
      <c r="BA8022" s="146"/>
      <c r="BB8022" s="107">
        <v>44336</v>
      </c>
    </row>
    <row r="8023" spans="1:54" ht="13.95" customHeight="1" x14ac:dyDescent="0.25">
      <c r="A8023" s="14" t="s">
        <v>19264</v>
      </c>
      <c r="B8023" s="109" t="s">
        <v>19172</v>
      </c>
      <c r="C8023" s="93" t="s">
        <v>19265</v>
      </c>
      <c r="D8023" s="93" t="s">
        <v>19266</v>
      </c>
      <c r="E8023" s="93">
        <v>2013</v>
      </c>
      <c r="F8023" s="93">
        <v>374</v>
      </c>
      <c r="G8023" s="93" t="s">
        <v>1</v>
      </c>
      <c r="H8023" s="111">
        <v>0</v>
      </c>
      <c r="I8023" s="111">
        <v>0</v>
      </c>
      <c r="J8023" s="111">
        <v>1</v>
      </c>
      <c r="K8023" s="111">
        <v>0</v>
      </c>
      <c r="L8023" s="111">
        <v>0</v>
      </c>
      <c r="M8023" s="111">
        <v>0</v>
      </c>
      <c r="N8023" s="111">
        <v>0</v>
      </c>
      <c r="O8023" s="111">
        <v>0</v>
      </c>
      <c r="P8023" s="111">
        <v>0</v>
      </c>
      <c r="Q8023" s="111">
        <v>0</v>
      </c>
      <c r="R8023" s="111">
        <v>0</v>
      </c>
      <c r="S8023" s="111">
        <v>0</v>
      </c>
      <c r="T8023" s="111">
        <v>0</v>
      </c>
      <c r="U8023" s="145"/>
      <c r="V8023" s="145"/>
      <c r="W8023" s="145"/>
      <c r="X8023" s="145"/>
      <c r="Y8023" s="145"/>
      <c r="Z8023" s="145"/>
      <c r="AA8023" s="145"/>
      <c r="AB8023" s="145"/>
      <c r="AC8023" s="145"/>
      <c r="AD8023" s="145"/>
      <c r="AE8023" s="145"/>
      <c r="AF8023" s="145"/>
      <c r="AG8023" s="145"/>
      <c r="AH8023" s="145"/>
      <c r="AI8023" s="145"/>
      <c r="AJ8023" s="145"/>
      <c r="AK8023" s="145"/>
      <c r="AL8023" s="145"/>
      <c r="AM8023" s="145"/>
      <c r="AN8023" s="145"/>
      <c r="AO8023" s="145"/>
      <c r="AP8023" s="145"/>
      <c r="AQ8023" s="145"/>
      <c r="AR8023" s="145"/>
      <c r="AS8023" s="145"/>
      <c r="AT8023" s="145"/>
      <c r="AU8023" s="145"/>
      <c r="AV8023" s="145"/>
      <c r="AW8023" s="145"/>
      <c r="AX8023" s="146"/>
      <c r="AY8023" s="146"/>
      <c r="AZ8023" s="146"/>
      <c r="BA8023" s="146"/>
      <c r="BB8023" s="107">
        <v>44336</v>
      </c>
    </row>
    <row r="8024" spans="1:54" ht="13.95" customHeight="1" x14ac:dyDescent="0.25">
      <c r="A8024" s="14" t="s">
        <v>19267</v>
      </c>
      <c r="B8024" s="109" t="s">
        <v>21562</v>
      </c>
      <c r="C8024" s="93" t="s">
        <v>19268</v>
      </c>
      <c r="D8024" s="93" t="s">
        <v>19269</v>
      </c>
      <c r="E8024" s="93">
        <v>2014</v>
      </c>
      <c r="F8024" s="93">
        <v>1000.04</v>
      </c>
      <c r="G8024" s="93" t="s">
        <v>1</v>
      </c>
      <c r="H8024" s="111">
        <v>0</v>
      </c>
      <c r="I8024" s="111">
        <v>0</v>
      </c>
      <c r="J8024" s="111">
        <v>1</v>
      </c>
      <c r="K8024" s="111">
        <v>0</v>
      </c>
      <c r="L8024" s="111">
        <v>0</v>
      </c>
      <c r="M8024" s="111">
        <v>0</v>
      </c>
      <c r="N8024" s="111">
        <v>0</v>
      </c>
      <c r="O8024" s="111">
        <v>0</v>
      </c>
      <c r="P8024" s="111">
        <v>0</v>
      </c>
      <c r="Q8024" s="111">
        <v>0</v>
      </c>
      <c r="R8024" s="111">
        <v>0</v>
      </c>
      <c r="S8024" s="111">
        <v>0</v>
      </c>
      <c r="T8024" s="111">
        <v>0</v>
      </c>
      <c r="U8024" s="145"/>
      <c r="V8024" s="145"/>
      <c r="W8024" s="145"/>
      <c r="X8024" s="111">
        <v>1</v>
      </c>
      <c r="Y8024" s="145"/>
      <c r="Z8024" s="145"/>
      <c r="AA8024" s="145"/>
      <c r="AB8024" s="145"/>
      <c r="AC8024" s="145"/>
      <c r="AD8024" s="145"/>
      <c r="AE8024" s="145"/>
      <c r="AF8024" s="145"/>
      <c r="AG8024" s="145"/>
      <c r="AH8024" s="145"/>
      <c r="AI8024" s="145"/>
      <c r="AJ8024" s="145"/>
      <c r="AK8024" s="145"/>
      <c r="AL8024" s="145"/>
      <c r="AM8024" s="145"/>
      <c r="AN8024" s="145"/>
      <c r="AO8024" s="145"/>
      <c r="AP8024" s="145"/>
      <c r="AQ8024" s="145"/>
      <c r="AR8024" s="145"/>
      <c r="AS8024" s="145"/>
      <c r="AT8024" s="145"/>
      <c r="AU8024" s="145"/>
      <c r="AV8024" s="145"/>
      <c r="AW8024" s="111">
        <v>1</v>
      </c>
      <c r="AX8024" s="146"/>
      <c r="AY8024" s="146"/>
      <c r="AZ8024" s="146"/>
      <c r="BA8024" s="146"/>
      <c r="BB8024" s="107">
        <v>44336</v>
      </c>
    </row>
    <row r="8025" spans="1:54" ht="13.95" customHeight="1" x14ac:dyDescent="0.25">
      <c r="A8025" s="14" t="s">
        <v>19270</v>
      </c>
      <c r="B8025" s="109" t="s">
        <v>19172</v>
      </c>
      <c r="C8025" s="93" t="s">
        <v>19271</v>
      </c>
      <c r="D8025" s="93" t="s">
        <v>19272</v>
      </c>
      <c r="E8025" s="93">
        <v>2014</v>
      </c>
      <c r="F8025" s="93">
        <v>923.23</v>
      </c>
      <c r="G8025" s="93" t="s">
        <v>1</v>
      </c>
      <c r="H8025" s="111">
        <v>0</v>
      </c>
      <c r="I8025" s="111">
        <v>0</v>
      </c>
      <c r="J8025" s="111">
        <v>1</v>
      </c>
      <c r="K8025" s="111">
        <v>1</v>
      </c>
      <c r="L8025" s="111">
        <v>0</v>
      </c>
      <c r="M8025" s="111">
        <v>0</v>
      </c>
      <c r="N8025" s="111">
        <v>0</v>
      </c>
      <c r="O8025" s="111">
        <v>0</v>
      </c>
      <c r="P8025" s="111">
        <v>1</v>
      </c>
      <c r="Q8025" s="111">
        <v>0</v>
      </c>
      <c r="R8025" s="111">
        <v>0</v>
      </c>
      <c r="S8025" s="111">
        <v>0</v>
      </c>
      <c r="T8025" s="111">
        <v>0</v>
      </c>
      <c r="U8025" s="145"/>
      <c r="V8025" s="145"/>
      <c r="W8025" s="145"/>
      <c r="X8025" s="145"/>
      <c r="Y8025" s="145"/>
      <c r="Z8025" s="145"/>
      <c r="AA8025" s="145"/>
      <c r="AB8025" s="145"/>
      <c r="AC8025" s="145"/>
      <c r="AD8025" s="145"/>
      <c r="AE8025" s="145"/>
      <c r="AF8025" s="145"/>
      <c r="AG8025" s="145"/>
      <c r="AH8025" s="145"/>
      <c r="AI8025" s="145"/>
      <c r="AJ8025" s="145"/>
      <c r="AK8025" s="145"/>
      <c r="AL8025" s="145"/>
      <c r="AM8025" s="145"/>
      <c r="AN8025" s="145"/>
      <c r="AO8025" s="145"/>
      <c r="AP8025" s="145"/>
      <c r="AQ8025" s="145"/>
      <c r="AR8025" s="145"/>
      <c r="AS8025" s="145"/>
      <c r="AT8025" s="145"/>
      <c r="AU8025" s="145"/>
      <c r="AV8025" s="145"/>
      <c r="AW8025" s="111">
        <v>1</v>
      </c>
      <c r="AX8025" s="146"/>
      <c r="AY8025" s="146"/>
      <c r="AZ8025" s="146"/>
      <c r="BA8025" s="146"/>
      <c r="BB8025" s="107">
        <v>44336</v>
      </c>
    </row>
    <row r="8026" spans="1:54" ht="13.95" customHeight="1" x14ac:dyDescent="0.25">
      <c r="A8026" s="14" t="s">
        <v>19273</v>
      </c>
      <c r="B8026" s="109" t="s">
        <v>21562</v>
      </c>
      <c r="C8026" s="93" t="s">
        <v>19274</v>
      </c>
      <c r="D8026" s="93" t="s">
        <v>19275</v>
      </c>
      <c r="E8026" s="93">
        <v>2014</v>
      </c>
      <c r="F8026" s="93">
        <v>1000.03</v>
      </c>
      <c r="G8026" s="93" t="s">
        <v>1</v>
      </c>
      <c r="H8026" s="111">
        <v>0</v>
      </c>
      <c r="I8026" s="111">
        <v>0</v>
      </c>
      <c r="J8026" s="111">
        <v>1</v>
      </c>
      <c r="K8026" s="111">
        <v>1</v>
      </c>
      <c r="L8026" s="111">
        <v>1</v>
      </c>
      <c r="M8026" s="111">
        <v>0</v>
      </c>
      <c r="N8026" s="111">
        <v>0</v>
      </c>
      <c r="O8026" s="111">
        <v>0</v>
      </c>
      <c r="P8026" s="111">
        <v>1</v>
      </c>
      <c r="Q8026" s="111">
        <v>0</v>
      </c>
      <c r="R8026" s="111">
        <v>0</v>
      </c>
      <c r="S8026" s="111">
        <v>0</v>
      </c>
      <c r="T8026" s="111">
        <v>0</v>
      </c>
      <c r="U8026" s="145"/>
      <c r="V8026" s="145"/>
      <c r="W8026" s="145"/>
      <c r="X8026" s="145"/>
      <c r="Y8026" s="145"/>
      <c r="Z8026" s="145"/>
      <c r="AA8026" s="145"/>
      <c r="AB8026" s="145"/>
      <c r="AC8026" s="145"/>
      <c r="AD8026" s="145"/>
      <c r="AE8026" s="145"/>
      <c r="AF8026" s="145"/>
      <c r="AG8026" s="145"/>
      <c r="AH8026" s="145"/>
      <c r="AI8026" s="145"/>
      <c r="AJ8026" s="145"/>
      <c r="AK8026" s="145"/>
      <c r="AL8026" s="145"/>
      <c r="AM8026" s="145"/>
      <c r="AN8026" s="145"/>
      <c r="AO8026" s="145"/>
      <c r="AP8026" s="145"/>
      <c r="AQ8026" s="145"/>
      <c r="AR8026" s="145"/>
      <c r="AS8026" s="145"/>
      <c r="AT8026" s="145"/>
      <c r="AU8026" s="145"/>
      <c r="AV8026" s="145"/>
      <c r="AW8026" s="111">
        <v>1</v>
      </c>
      <c r="AX8026" s="146"/>
      <c r="AY8026" s="146"/>
      <c r="AZ8026" s="146"/>
      <c r="BA8026" s="146"/>
      <c r="BB8026" s="107">
        <v>44336</v>
      </c>
    </row>
    <row r="8027" spans="1:54" ht="13.95" customHeight="1" x14ac:dyDescent="0.25">
      <c r="A8027" s="14" t="s">
        <v>19276</v>
      </c>
      <c r="B8027" s="109" t="s">
        <v>21562</v>
      </c>
      <c r="C8027" s="93" t="s">
        <v>19277</v>
      </c>
      <c r="D8027" s="93" t="s">
        <v>19278</v>
      </c>
      <c r="E8027" s="93">
        <v>2014</v>
      </c>
      <c r="F8027" s="93">
        <v>3925.9</v>
      </c>
      <c r="G8027" s="93" t="s">
        <v>1</v>
      </c>
      <c r="H8027" s="111">
        <v>1</v>
      </c>
      <c r="I8027" s="111">
        <v>1</v>
      </c>
      <c r="J8027" s="111">
        <v>1</v>
      </c>
      <c r="K8027" s="111">
        <v>0</v>
      </c>
      <c r="L8027" s="111">
        <v>0</v>
      </c>
      <c r="M8027" s="111">
        <v>0</v>
      </c>
      <c r="N8027" s="111">
        <v>1</v>
      </c>
      <c r="O8027" s="111">
        <v>0</v>
      </c>
      <c r="P8027" s="111">
        <v>0</v>
      </c>
      <c r="Q8027" s="111">
        <v>0</v>
      </c>
      <c r="R8027" s="111">
        <v>0</v>
      </c>
      <c r="S8027" s="111">
        <v>0</v>
      </c>
      <c r="T8027" s="111">
        <v>0</v>
      </c>
      <c r="U8027" s="145"/>
      <c r="V8027" s="145"/>
      <c r="W8027" s="145"/>
      <c r="X8027" s="145"/>
      <c r="Y8027" s="145"/>
      <c r="Z8027" s="145"/>
      <c r="AA8027" s="145"/>
      <c r="AB8027" s="145"/>
      <c r="AC8027" s="145"/>
      <c r="AD8027" s="145"/>
      <c r="AE8027" s="145"/>
      <c r="AF8027" s="145"/>
      <c r="AG8027" s="145"/>
      <c r="AH8027" s="145"/>
      <c r="AI8027" s="145"/>
      <c r="AJ8027" s="145"/>
      <c r="AK8027" s="145"/>
      <c r="AL8027" s="145"/>
      <c r="AM8027" s="145"/>
      <c r="AN8027" s="145"/>
      <c r="AO8027" s="145"/>
      <c r="AP8027" s="145"/>
      <c r="AQ8027" s="145"/>
      <c r="AR8027" s="145"/>
      <c r="AS8027" s="111" t="s">
        <v>400</v>
      </c>
      <c r="AT8027" s="145"/>
      <c r="AU8027" s="145"/>
      <c r="AV8027" s="145"/>
      <c r="AW8027" s="111">
        <v>1</v>
      </c>
      <c r="AX8027" s="146"/>
      <c r="AY8027" s="146"/>
      <c r="AZ8027" s="146"/>
      <c r="BA8027" s="146"/>
      <c r="BB8027" s="107">
        <v>44336</v>
      </c>
    </row>
    <row r="8028" spans="1:54" ht="13.95" customHeight="1" x14ac:dyDescent="0.25">
      <c r="A8028" s="14" t="s">
        <v>19279</v>
      </c>
      <c r="B8028" s="109" t="s">
        <v>21562</v>
      </c>
      <c r="C8028" s="93" t="s">
        <v>19280</v>
      </c>
      <c r="D8028" s="93" t="s">
        <v>19281</v>
      </c>
      <c r="E8028" s="93">
        <v>2014</v>
      </c>
      <c r="F8028" s="93">
        <v>1200</v>
      </c>
      <c r="G8028" s="93" t="s">
        <v>1</v>
      </c>
      <c r="H8028" s="111">
        <v>0</v>
      </c>
      <c r="I8028" s="111">
        <v>0</v>
      </c>
      <c r="J8028" s="111">
        <v>0</v>
      </c>
      <c r="K8028" s="111">
        <v>0</v>
      </c>
      <c r="L8028" s="111">
        <v>0</v>
      </c>
      <c r="M8028" s="111">
        <v>0</v>
      </c>
      <c r="N8028" s="111">
        <v>0</v>
      </c>
      <c r="O8028" s="111">
        <v>0</v>
      </c>
      <c r="P8028" s="111">
        <v>0</v>
      </c>
      <c r="Q8028" s="111">
        <v>0</v>
      </c>
      <c r="R8028" s="111">
        <v>0</v>
      </c>
      <c r="S8028" s="111">
        <v>0</v>
      </c>
      <c r="T8028" s="111">
        <v>0</v>
      </c>
      <c r="U8028" s="145"/>
      <c r="V8028" s="145"/>
      <c r="W8028" s="145"/>
      <c r="X8028" s="145"/>
      <c r="Y8028" s="145"/>
      <c r="Z8028" s="145"/>
      <c r="AA8028" s="145"/>
      <c r="AB8028" s="145"/>
      <c r="AC8028" s="145"/>
      <c r="AD8028" s="145"/>
      <c r="AE8028" s="145"/>
      <c r="AF8028" s="145"/>
      <c r="AG8028" s="145"/>
      <c r="AH8028" s="145"/>
      <c r="AI8028" s="145"/>
      <c r="AJ8028" s="145"/>
      <c r="AK8028" s="145"/>
      <c r="AL8028" s="145"/>
      <c r="AM8028" s="145"/>
      <c r="AN8028" s="145"/>
      <c r="AO8028" s="145"/>
      <c r="AP8028" s="145"/>
      <c r="AQ8028" s="145"/>
      <c r="AR8028" s="145"/>
      <c r="AS8028" s="145"/>
      <c r="AT8028" s="145"/>
      <c r="AU8028" s="145"/>
      <c r="AV8028" s="145"/>
      <c r="AW8028" s="145"/>
      <c r="AX8028" s="146"/>
      <c r="AY8028" s="146"/>
      <c r="AZ8028" s="146"/>
      <c r="BA8028" s="146"/>
      <c r="BB8028" s="107">
        <v>44336</v>
      </c>
    </row>
    <row r="8029" spans="1:54" s="8" customFormat="1" ht="15.75" customHeight="1" x14ac:dyDescent="0.25">
      <c r="A8029" s="219" t="s">
        <v>19282</v>
      </c>
      <c r="B8029" s="220" t="s">
        <v>19881</v>
      </c>
      <c r="C8029" s="98" t="s">
        <v>19283</v>
      </c>
      <c r="D8029" s="98" t="s">
        <v>19284</v>
      </c>
      <c r="E8029" s="141">
        <v>1980</v>
      </c>
      <c r="F8029" s="141">
        <v>728</v>
      </c>
      <c r="G8029" s="98" t="s">
        <v>1</v>
      </c>
      <c r="H8029" s="98">
        <v>1</v>
      </c>
      <c r="I8029" s="98">
        <v>0</v>
      </c>
      <c r="J8029" s="98">
        <v>1</v>
      </c>
      <c r="K8029" s="98">
        <v>0</v>
      </c>
      <c r="L8029" s="98">
        <v>0</v>
      </c>
      <c r="M8029" s="98">
        <v>0</v>
      </c>
      <c r="N8029" s="98">
        <v>0</v>
      </c>
      <c r="O8029" s="98">
        <v>0</v>
      </c>
      <c r="P8029" s="98">
        <v>0</v>
      </c>
      <c r="Q8029" s="98">
        <v>0</v>
      </c>
      <c r="R8029" s="98">
        <v>0</v>
      </c>
      <c r="S8029" s="98">
        <v>0</v>
      </c>
      <c r="T8029" s="98">
        <v>0</v>
      </c>
      <c r="U8029" s="99"/>
      <c r="V8029" s="99"/>
      <c r="W8029" s="99"/>
      <c r="X8029" s="99"/>
      <c r="Y8029" s="99"/>
      <c r="Z8029" s="99"/>
      <c r="AA8029" s="99"/>
      <c r="AB8029" s="99"/>
      <c r="AC8029" s="99"/>
      <c r="AD8029" s="99"/>
      <c r="AE8029" s="99"/>
      <c r="AF8029" s="99"/>
      <c r="AG8029" s="99"/>
      <c r="AH8029" s="99"/>
      <c r="AI8029" s="99"/>
      <c r="AJ8029" s="99"/>
      <c r="AK8029" s="99"/>
      <c r="AL8029" s="99"/>
      <c r="AM8029" s="99"/>
      <c r="AN8029" s="99"/>
      <c r="AO8029" s="99"/>
      <c r="AP8029" s="99"/>
      <c r="AQ8029" s="99"/>
      <c r="AR8029" s="99"/>
      <c r="AS8029" s="99"/>
      <c r="AT8029" s="99"/>
      <c r="AU8029" s="99"/>
      <c r="AV8029" s="99"/>
      <c r="AW8029" s="99"/>
      <c r="AX8029" s="99"/>
      <c r="AY8029" s="99"/>
      <c r="AZ8029" s="99"/>
      <c r="BA8029" s="99"/>
      <c r="BB8029" s="221">
        <v>45884</v>
      </c>
    </row>
    <row r="8030" spans="1:54" s="8" customFormat="1" ht="15.75" customHeight="1" x14ac:dyDescent="0.25">
      <c r="A8030" s="219" t="s">
        <v>19285</v>
      </c>
      <c r="B8030" s="220" t="s">
        <v>19881</v>
      </c>
      <c r="C8030" s="98" t="s">
        <v>19286</v>
      </c>
      <c r="D8030" s="98" t="s">
        <v>19287</v>
      </c>
      <c r="E8030" s="141">
        <v>1992</v>
      </c>
      <c r="F8030" s="141">
        <v>1126</v>
      </c>
      <c r="G8030" s="98" t="s">
        <v>1</v>
      </c>
      <c r="H8030" s="98">
        <v>1</v>
      </c>
      <c r="I8030" s="98">
        <v>0</v>
      </c>
      <c r="J8030" s="98">
        <v>1</v>
      </c>
      <c r="K8030" s="98">
        <v>0</v>
      </c>
      <c r="L8030" s="98">
        <v>0</v>
      </c>
      <c r="M8030" s="98">
        <v>0</v>
      </c>
      <c r="N8030" s="98">
        <v>0</v>
      </c>
      <c r="O8030" s="98">
        <v>0</v>
      </c>
      <c r="P8030" s="98">
        <v>0</v>
      </c>
      <c r="Q8030" s="98">
        <v>0</v>
      </c>
      <c r="R8030" s="98">
        <v>0</v>
      </c>
      <c r="S8030" s="98">
        <v>0</v>
      </c>
      <c r="T8030" s="98">
        <v>0</v>
      </c>
      <c r="U8030" s="99"/>
      <c r="V8030" s="99"/>
      <c r="W8030" s="99"/>
      <c r="X8030" s="99"/>
      <c r="Y8030" s="99"/>
      <c r="Z8030" s="99"/>
      <c r="AA8030" s="99"/>
      <c r="AB8030" s="99"/>
      <c r="AC8030" s="99"/>
      <c r="AD8030" s="99"/>
      <c r="AE8030" s="99"/>
      <c r="AF8030" s="99"/>
      <c r="AG8030" s="99"/>
      <c r="AH8030" s="99"/>
      <c r="AI8030" s="99"/>
      <c r="AJ8030" s="99"/>
      <c r="AK8030" s="99"/>
      <c r="AL8030" s="99"/>
      <c r="AM8030" s="99"/>
      <c r="AN8030" s="99"/>
      <c r="AO8030" s="99"/>
      <c r="AP8030" s="99"/>
      <c r="AQ8030" s="99"/>
      <c r="AR8030" s="99"/>
      <c r="AS8030" s="99"/>
      <c r="AT8030" s="98">
        <v>1</v>
      </c>
      <c r="AU8030" s="99"/>
      <c r="AV8030" s="99"/>
      <c r="AW8030" s="99"/>
      <c r="AX8030" s="99"/>
      <c r="AY8030" s="99"/>
      <c r="AZ8030" s="99"/>
      <c r="BA8030" s="99"/>
      <c r="BB8030" s="221">
        <v>45884</v>
      </c>
    </row>
    <row r="8031" spans="1:54" s="8" customFormat="1" ht="15.75" customHeight="1" x14ac:dyDescent="0.25">
      <c r="A8031" s="219" t="s">
        <v>19288</v>
      </c>
      <c r="B8031" s="220" t="s">
        <v>19881</v>
      </c>
      <c r="C8031" s="98" t="s">
        <v>19132</v>
      </c>
      <c r="D8031" s="98" t="s">
        <v>19289</v>
      </c>
      <c r="E8031" s="141">
        <v>1986</v>
      </c>
      <c r="F8031" s="141">
        <v>1318</v>
      </c>
      <c r="G8031" s="98" t="s">
        <v>1</v>
      </c>
      <c r="H8031" s="98">
        <v>1</v>
      </c>
      <c r="I8031" s="98">
        <v>0</v>
      </c>
      <c r="J8031" s="98">
        <v>1</v>
      </c>
      <c r="K8031" s="98">
        <v>0</v>
      </c>
      <c r="L8031" s="98">
        <v>1</v>
      </c>
      <c r="M8031" s="98">
        <v>0</v>
      </c>
      <c r="N8031" s="98">
        <v>0</v>
      </c>
      <c r="O8031" s="98">
        <v>1</v>
      </c>
      <c r="P8031" s="98">
        <v>0</v>
      </c>
      <c r="Q8031" s="98">
        <v>0</v>
      </c>
      <c r="R8031" s="98">
        <v>0</v>
      </c>
      <c r="S8031" s="98">
        <v>0</v>
      </c>
      <c r="T8031" s="98">
        <v>0</v>
      </c>
      <c r="U8031" s="99"/>
      <c r="V8031" s="99"/>
      <c r="W8031" s="99"/>
      <c r="X8031" s="99"/>
      <c r="Y8031" s="99"/>
      <c r="Z8031" s="99"/>
      <c r="AA8031" s="99"/>
      <c r="AB8031" s="99"/>
      <c r="AC8031" s="99"/>
      <c r="AD8031" s="99"/>
      <c r="AE8031" s="99"/>
      <c r="AF8031" s="99"/>
      <c r="AG8031" s="99"/>
      <c r="AH8031" s="99"/>
      <c r="AI8031" s="99"/>
      <c r="AJ8031" s="99"/>
      <c r="AK8031" s="99"/>
      <c r="AL8031" s="99"/>
      <c r="AM8031" s="99"/>
      <c r="AN8031" s="99"/>
      <c r="AO8031" s="99"/>
      <c r="AP8031" s="99"/>
      <c r="AQ8031" s="99"/>
      <c r="AR8031" s="99"/>
      <c r="AS8031" s="99"/>
      <c r="AT8031" s="98">
        <v>1</v>
      </c>
      <c r="AU8031" s="99"/>
      <c r="AV8031" s="99"/>
      <c r="AW8031" s="99"/>
      <c r="AX8031" s="99"/>
      <c r="AY8031" s="99"/>
      <c r="AZ8031" s="99"/>
      <c r="BA8031" s="99"/>
      <c r="BB8031" s="221">
        <v>45884</v>
      </c>
    </row>
    <row r="8032" spans="1:54" s="8" customFormat="1" ht="15.75" customHeight="1" x14ac:dyDescent="0.25">
      <c r="A8032" s="219" t="s">
        <v>19290</v>
      </c>
      <c r="B8032" s="220" t="s">
        <v>19881</v>
      </c>
      <c r="C8032" s="98" t="s">
        <v>19291</v>
      </c>
      <c r="D8032" s="98" t="s">
        <v>19292</v>
      </c>
      <c r="E8032" s="141">
        <v>1989</v>
      </c>
      <c r="F8032" s="141">
        <v>1477</v>
      </c>
      <c r="G8032" s="98" t="s">
        <v>1</v>
      </c>
      <c r="H8032" s="98">
        <v>1</v>
      </c>
      <c r="I8032" s="98">
        <v>0</v>
      </c>
      <c r="J8032" s="98">
        <v>1</v>
      </c>
      <c r="K8032" s="98">
        <v>0</v>
      </c>
      <c r="L8032" s="98">
        <v>0</v>
      </c>
      <c r="M8032" s="98">
        <v>0</v>
      </c>
      <c r="N8032" s="98">
        <v>0</v>
      </c>
      <c r="O8032" s="98">
        <v>0</v>
      </c>
      <c r="P8032" s="98">
        <v>0</v>
      </c>
      <c r="Q8032" s="98">
        <v>0</v>
      </c>
      <c r="R8032" s="98">
        <v>0</v>
      </c>
      <c r="S8032" s="98">
        <v>0</v>
      </c>
      <c r="T8032" s="98">
        <v>0</v>
      </c>
      <c r="U8032" s="99"/>
      <c r="V8032" s="99"/>
      <c r="W8032" s="99"/>
      <c r="X8032" s="99"/>
      <c r="Y8032" s="99"/>
      <c r="Z8032" s="99"/>
      <c r="AA8032" s="99"/>
      <c r="AB8032" s="99"/>
      <c r="AC8032" s="99"/>
      <c r="AD8032" s="99"/>
      <c r="AE8032" s="99"/>
      <c r="AF8032" s="99"/>
      <c r="AG8032" s="99"/>
      <c r="AH8032" s="99"/>
      <c r="AI8032" s="99"/>
      <c r="AJ8032" s="99"/>
      <c r="AK8032" s="99"/>
      <c r="AL8032" s="99"/>
      <c r="AM8032" s="99"/>
      <c r="AN8032" s="99"/>
      <c r="AO8032" s="99"/>
      <c r="AP8032" s="99"/>
      <c r="AQ8032" s="99"/>
      <c r="AR8032" s="99"/>
      <c r="AS8032" s="99"/>
      <c r="AT8032" s="99"/>
      <c r="AU8032" s="99"/>
      <c r="AV8032" s="99"/>
      <c r="AW8032" s="99"/>
      <c r="AX8032" s="99"/>
      <c r="AY8032" s="99"/>
      <c r="AZ8032" s="99"/>
      <c r="BA8032" s="99"/>
      <c r="BB8032" s="221">
        <v>45884</v>
      </c>
    </row>
    <row r="8033" spans="1:54" s="8" customFormat="1" ht="15.75" customHeight="1" x14ac:dyDescent="0.25">
      <c r="A8033" s="219" t="s">
        <v>19293</v>
      </c>
      <c r="B8033" s="220" t="s">
        <v>19881</v>
      </c>
      <c r="C8033" s="98" t="s">
        <v>19294</v>
      </c>
      <c r="D8033" s="98" t="s">
        <v>19295</v>
      </c>
      <c r="E8033" s="141">
        <v>1981</v>
      </c>
      <c r="F8033" s="141">
        <v>1749</v>
      </c>
      <c r="G8033" s="98" t="s">
        <v>1</v>
      </c>
      <c r="H8033" s="98">
        <v>1</v>
      </c>
      <c r="I8033" s="98">
        <v>0</v>
      </c>
      <c r="J8033" s="98">
        <v>1</v>
      </c>
      <c r="K8033" s="98">
        <v>1</v>
      </c>
      <c r="L8033" s="98">
        <v>1</v>
      </c>
      <c r="M8033" s="98">
        <v>0</v>
      </c>
      <c r="N8033" s="98">
        <v>1</v>
      </c>
      <c r="O8033" s="98">
        <v>0</v>
      </c>
      <c r="P8033" s="98">
        <v>1</v>
      </c>
      <c r="Q8033" s="98">
        <v>0</v>
      </c>
      <c r="R8033" s="98">
        <v>0</v>
      </c>
      <c r="S8033" s="98">
        <v>0</v>
      </c>
      <c r="T8033" s="98">
        <v>0</v>
      </c>
      <c r="U8033" s="99"/>
      <c r="V8033" s="99"/>
      <c r="W8033" s="99"/>
      <c r="X8033" s="99"/>
      <c r="Y8033" s="99"/>
      <c r="Z8033" s="99"/>
      <c r="AA8033" s="99"/>
      <c r="AB8033" s="99"/>
      <c r="AC8033" s="99"/>
      <c r="AD8033" s="99"/>
      <c r="AE8033" s="99"/>
      <c r="AF8033" s="99"/>
      <c r="AG8033" s="99"/>
      <c r="AH8033" s="99"/>
      <c r="AI8033" s="99"/>
      <c r="AJ8033" s="99"/>
      <c r="AK8033" s="99"/>
      <c r="AL8033" s="99"/>
      <c r="AM8033" s="99"/>
      <c r="AN8033" s="99"/>
      <c r="AO8033" s="99"/>
      <c r="AP8033" s="99"/>
      <c r="AQ8033" s="99"/>
      <c r="AR8033" s="99"/>
      <c r="AS8033" s="99"/>
      <c r="AT8033" s="99"/>
      <c r="AU8033" s="99"/>
      <c r="AV8033" s="99"/>
      <c r="AW8033" s="99"/>
      <c r="AX8033" s="99"/>
      <c r="AY8033" s="99"/>
      <c r="AZ8033" s="99"/>
      <c r="BA8033" s="99"/>
      <c r="BB8033" s="221">
        <v>45884</v>
      </c>
    </row>
    <row r="8034" spans="1:54" s="8" customFormat="1" ht="15.75" customHeight="1" x14ac:dyDescent="0.25">
      <c r="A8034" s="219" t="s">
        <v>19296</v>
      </c>
      <c r="B8034" s="220" t="s">
        <v>19881</v>
      </c>
      <c r="C8034" s="98" t="s">
        <v>6310</v>
      </c>
      <c r="D8034" s="98" t="s">
        <v>19297</v>
      </c>
      <c r="E8034" s="141">
        <v>2005</v>
      </c>
      <c r="F8034" s="141">
        <v>1885</v>
      </c>
      <c r="G8034" s="98" t="s">
        <v>1</v>
      </c>
      <c r="H8034" s="98">
        <v>1</v>
      </c>
      <c r="I8034" s="98">
        <v>0</v>
      </c>
      <c r="J8034" s="98">
        <v>1</v>
      </c>
      <c r="K8034" s="98">
        <v>1</v>
      </c>
      <c r="L8034" s="98">
        <v>0</v>
      </c>
      <c r="M8034" s="98">
        <v>1</v>
      </c>
      <c r="N8034" s="98">
        <v>1</v>
      </c>
      <c r="O8034" s="98">
        <v>0</v>
      </c>
      <c r="P8034" s="98">
        <v>1</v>
      </c>
      <c r="Q8034" s="98">
        <v>0</v>
      </c>
      <c r="R8034" s="98">
        <v>0</v>
      </c>
      <c r="S8034" s="98">
        <v>0</v>
      </c>
      <c r="T8034" s="98">
        <v>0</v>
      </c>
      <c r="U8034" s="99"/>
      <c r="V8034" s="99"/>
      <c r="W8034" s="99"/>
      <c r="X8034" s="99"/>
      <c r="Y8034" s="99"/>
      <c r="Z8034" s="99"/>
      <c r="AA8034" s="99"/>
      <c r="AB8034" s="99"/>
      <c r="AC8034" s="99"/>
      <c r="AD8034" s="99"/>
      <c r="AE8034" s="99"/>
      <c r="AF8034" s="99"/>
      <c r="AG8034" s="99"/>
      <c r="AH8034" s="99"/>
      <c r="AI8034" s="99"/>
      <c r="AJ8034" s="99"/>
      <c r="AK8034" s="99"/>
      <c r="AL8034" s="99"/>
      <c r="AM8034" s="99"/>
      <c r="AN8034" s="99"/>
      <c r="AO8034" s="99"/>
      <c r="AP8034" s="99"/>
      <c r="AQ8034" s="99"/>
      <c r="AR8034" s="99"/>
      <c r="AS8034" s="99"/>
      <c r="AT8034" s="99"/>
      <c r="AU8034" s="99"/>
      <c r="AV8034" s="99"/>
      <c r="AW8034" s="99"/>
      <c r="AX8034" s="99"/>
      <c r="AY8034" s="99"/>
      <c r="AZ8034" s="99"/>
      <c r="BA8034" s="99"/>
      <c r="BB8034" s="221">
        <v>45884</v>
      </c>
    </row>
    <row r="8035" spans="1:54" s="8" customFormat="1" ht="15.75" customHeight="1" x14ac:dyDescent="0.25">
      <c r="A8035" s="219" t="s">
        <v>19298</v>
      </c>
      <c r="B8035" s="220" t="s">
        <v>19881</v>
      </c>
      <c r="C8035" s="98" t="s">
        <v>1512</v>
      </c>
      <c r="D8035" s="98" t="s">
        <v>19299</v>
      </c>
      <c r="E8035" s="141">
        <v>1983</v>
      </c>
      <c r="F8035" s="141">
        <v>2280</v>
      </c>
      <c r="G8035" s="98" t="s">
        <v>1</v>
      </c>
      <c r="H8035" s="98">
        <v>1</v>
      </c>
      <c r="I8035" s="98">
        <v>0</v>
      </c>
      <c r="J8035" s="98">
        <v>1</v>
      </c>
      <c r="K8035" s="98">
        <v>0</v>
      </c>
      <c r="L8035" s="98">
        <v>0</v>
      </c>
      <c r="M8035" s="98">
        <v>1</v>
      </c>
      <c r="N8035" s="98">
        <v>1</v>
      </c>
      <c r="O8035" s="98">
        <v>0</v>
      </c>
      <c r="P8035" s="98">
        <v>1</v>
      </c>
      <c r="Q8035" s="98">
        <v>0</v>
      </c>
      <c r="R8035" s="98">
        <v>0</v>
      </c>
      <c r="S8035" s="98">
        <v>0</v>
      </c>
      <c r="T8035" s="98">
        <v>0</v>
      </c>
      <c r="U8035" s="99"/>
      <c r="V8035" s="99"/>
      <c r="W8035" s="99"/>
      <c r="X8035" s="99"/>
      <c r="Y8035" s="99"/>
      <c r="Z8035" s="99"/>
      <c r="AA8035" s="99"/>
      <c r="AB8035" s="99"/>
      <c r="AC8035" s="99"/>
      <c r="AD8035" s="99"/>
      <c r="AE8035" s="99"/>
      <c r="AF8035" s="99"/>
      <c r="AG8035" s="99"/>
      <c r="AH8035" s="99"/>
      <c r="AI8035" s="99"/>
      <c r="AJ8035" s="99"/>
      <c r="AK8035" s="99"/>
      <c r="AL8035" s="99"/>
      <c r="AM8035" s="99"/>
      <c r="AN8035" s="99"/>
      <c r="AO8035" s="99"/>
      <c r="AP8035" s="99"/>
      <c r="AQ8035" s="99"/>
      <c r="AR8035" s="99"/>
      <c r="AS8035" s="99"/>
      <c r="AT8035" s="98">
        <v>1</v>
      </c>
      <c r="AU8035" s="99"/>
      <c r="AV8035" s="99"/>
      <c r="AW8035" s="99"/>
      <c r="AX8035" s="99"/>
      <c r="AY8035" s="99"/>
      <c r="AZ8035" s="99"/>
      <c r="BA8035" s="99"/>
      <c r="BB8035" s="221">
        <v>45884</v>
      </c>
    </row>
    <row r="8036" spans="1:54" s="8" customFormat="1" ht="15.75" customHeight="1" x14ac:dyDescent="0.25">
      <c r="A8036" s="219" t="s">
        <v>19300</v>
      </c>
      <c r="B8036" s="220" t="s">
        <v>19881</v>
      </c>
      <c r="C8036" s="98" t="s">
        <v>19301</v>
      </c>
      <c r="D8036" s="98" t="s">
        <v>19302</v>
      </c>
      <c r="E8036" s="141">
        <v>1979</v>
      </c>
      <c r="F8036" s="141">
        <v>2675</v>
      </c>
      <c r="G8036" s="98" t="s">
        <v>1</v>
      </c>
      <c r="H8036" s="98">
        <v>1</v>
      </c>
      <c r="I8036" s="98">
        <v>0</v>
      </c>
      <c r="J8036" s="98">
        <v>1</v>
      </c>
      <c r="K8036" s="98">
        <v>0</v>
      </c>
      <c r="L8036" s="98">
        <v>1</v>
      </c>
      <c r="M8036" s="98">
        <v>0</v>
      </c>
      <c r="N8036" s="98">
        <v>0</v>
      </c>
      <c r="O8036" s="98">
        <v>1</v>
      </c>
      <c r="P8036" s="223">
        <v>0</v>
      </c>
      <c r="Q8036" s="98">
        <v>0</v>
      </c>
      <c r="R8036" s="98">
        <v>0</v>
      </c>
      <c r="S8036" s="98">
        <v>0</v>
      </c>
      <c r="T8036" s="98">
        <v>0</v>
      </c>
      <c r="U8036" s="99"/>
      <c r="V8036" s="99"/>
      <c r="W8036" s="99"/>
      <c r="X8036" s="99"/>
      <c r="Y8036" s="99"/>
      <c r="Z8036" s="99"/>
      <c r="AA8036" s="99"/>
      <c r="AB8036" s="99"/>
      <c r="AC8036" s="99"/>
      <c r="AD8036" s="99"/>
      <c r="AE8036" s="99"/>
      <c r="AF8036" s="99"/>
      <c r="AG8036" s="99"/>
      <c r="AH8036" s="99"/>
      <c r="AI8036" s="99"/>
      <c r="AJ8036" s="99"/>
      <c r="AK8036" s="99"/>
      <c r="AL8036" s="99"/>
      <c r="AM8036" s="99"/>
      <c r="AN8036" s="99"/>
      <c r="AO8036" s="99"/>
      <c r="AP8036" s="99"/>
      <c r="AQ8036" s="99"/>
      <c r="AR8036" s="99"/>
      <c r="AS8036" s="99"/>
      <c r="AT8036" s="99"/>
      <c r="AU8036" s="99"/>
      <c r="AV8036" s="99"/>
      <c r="AW8036" s="99"/>
      <c r="AX8036" s="99"/>
      <c r="AY8036" s="99"/>
      <c r="AZ8036" s="99"/>
      <c r="BA8036" s="99"/>
      <c r="BB8036" s="221">
        <v>45884</v>
      </c>
    </row>
    <row r="8037" spans="1:54" s="8" customFormat="1" ht="15.75" customHeight="1" x14ac:dyDescent="0.25">
      <c r="A8037" s="219" t="s">
        <v>19303</v>
      </c>
      <c r="B8037" s="220" t="s">
        <v>19881</v>
      </c>
      <c r="C8037" s="98" t="s">
        <v>19304</v>
      </c>
      <c r="D8037" s="98" t="s">
        <v>19305</v>
      </c>
      <c r="E8037" s="141">
        <v>1992</v>
      </c>
      <c r="F8037" s="141">
        <v>11372</v>
      </c>
      <c r="G8037" s="98" t="s">
        <v>3</v>
      </c>
      <c r="H8037" s="98">
        <v>1</v>
      </c>
      <c r="I8037" s="98">
        <v>0</v>
      </c>
      <c r="J8037" s="98">
        <v>1</v>
      </c>
      <c r="K8037" s="98">
        <v>0</v>
      </c>
      <c r="L8037" s="98">
        <v>1</v>
      </c>
      <c r="M8037" s="98">
        <v>1</v>
      </c>
      <c r="N8037" s="98">
        <v>1</v>
      </c>
      <c r="O8037" s="98">
        <v>0</v>
      </c>
      <c r="P8037" s="98">
        <v>1</v>
      </c>
      <c r="Q8037" s="98">
        <v>0</v>
      </c>
      <c r="R8037" s="98">
        <v>1</v>
      </c>
      <c r="S8037" s="98">
        <v>0</v>
      </c>
      <c r="T8037" s="98">
        <v>1</v>
      </c>
      <c r="U8037" s="98">
        <v>0</v>
      </c>
      <c r="V8037" s="98">
        <v>0</v>
      </c>
      <c r="W8037" s="98">
        <v>1</v>
      </c>
      <c r="X8037" s="98">
        <v>0</v>
      </c>
      <c r="Y8037" s="98">
        <v>0</v>
      </c>
      <c r="Z8037" s="98">
        <v>0</v>
      </c>
      <c r="AA8037" s="98">
        <v>0</v>
      </c>
      <c r="AB8037" s="98">
        <v>0</v>
      </c>
      <c r="AC8037" s="98">
        <v>0</v>
      </c>
      <c r="AD8037" s="98">
        <v>0</v>
      </c>
      <c r="AE8037" s="98">
        <v>0</v>
      </c>
      <c r="AF8037" s="98">
        <v>0</v>
      </c>
      <c r="AG8037" s="98">
        <v>0</v>
      </c>
      <c r="AH8037" s="98">
        <v>0</v>
      </c>
      <c r="AI8037" s="98">
        <v>0</v>
      </c>
      <c r="AJ8037" s="98">
        <v>0</v>
      </c>
      <c r="AK8037" s="98">
        <v>0</v>
      </c>
      <c r="AL8037" s="98">
        <v>0</v>
      </c>
      <c r="AM8037" s="98">
        <v>0</v>
      </c>
      <c r="AN8037" s="98">
        <v>0</v>
      </c>
      <c r="AO8037" s="98">
        <v>0</v>
      </c>
      <c r="AP8037" s="98">
        <v>0</v>
      </c>
      <c r="AQ8037" s="98">
        <v>0</v>
      </c>
      <c r="AR8037" s="98">
        <v>0</v>
      </c>
      <c r="AS8037" s="98">
        <v>1</v>
      </c>
      <c r="AT8037" s="98">
        <v>1</v>
      </c>
      <c r="AU8037" s="98">
        <v>1</v>
      </c>
      <c r="AV8037" s="98">
        <v>0</v>
      </c>
      <c r="AW8037" s="98">
        <v>0</v>
      </c>
      <c r="AX8037" s="98" t="s">
        <v>174</v>
      </c>
      <c r="AY8037" s="98" t="s">
        <v>174</v>
      </c>
      <c r="AZ8037" s="98" t="s">
        <v>174</v>
      </c>
      <c r="BA8037" s="98"/>
      <c r="BB8037" s="221">
        <v>45884</v>
      </c>
    </row>
    <row r="8038" spans="1:54" s="8" customFormat="1" ht="15.75" customHeight="1" x14ac:dyDescent="0.25">
      <c r="A8038" s="219" t="s">
        <v>19306</v>
      </c>
      <c r="B8038" s="220" t="s">
        <v>19881</v>
      </c>
      <c r="C8038" s="98" t="s">
        <v>19307</v>
      </c>
      <c r="D8038" s="98" t="s">
        <v>19308</v>
      </c>
      <c r="E8038" s="141">
        <v>1957</v>
      </c>
      <c r="F8038" s="141">
        <v>6337</v>
      </c>
      <c r="G8038" s="98" t="s">
        <v>12</v>
      </c>
      <c r="H8038" s="98">
        <v>0</v>
      </c>
      <c r="I8038" s="98">
        <v>0</v>
      </c>
      <c r="J8038" s="98">
        <v>0</v>
      </c>
      <c r="K8038" s="98">
        <v>0</v>
      </c>
      <c r="L8038" s="98">
        <v>0</v>
      </c>
      <c r="M8038" s="98">
        <v>0</v>
      </c>
      <c r="N8038" s="98">
        <v>0</v>
      </c>
      <c r="O8038" s="98">
        <v>0</v>
      </c>
      <c r="P8038" s="98">
        <v>0</v>
      </c>
      <c r="Q8038" s="98">
        <v>0</v>
      </c>
      <c r="R8038" s="98">
        <v>0</v>
      </c>
      <c r="S8038" s="98">
        <v>0</v>
      </c>
      <c r="T8038" s="98">
        <v>0</v>
      </c>
      <c r="U8038" s="99"/>
      <c r="V8038" s="99"/>
      <c r="W8038" s="99"/>
      <c r="X8038" s="99"/>
      <c r="Y8038" s="99"/>
      <c r="Z8038" s="99"/>
      <c r="AA8038" s="99"/>
      <c r="AB8038" s="99"/>
      <c r="AC8038" s="99"/>
      <c r="AD8038" s="99"/>
      <c r="AE8038" s="99"/>
      <c r="AF8038" s="99"/>
      <c r="AG8038" s="99"/>
      <c r="AH8038" s="99"/>
      <c r="AI8038" s="99"/>
      <c r="AJ8038" s="99"/>
      <c r="AK8038" s="99"/>
      <c r="AL8038" s="99"/>
      <c r="AM8038" s="99"/>
      <c r="AN8038" s="99"/>
      <c r="AO8038" s="99"/>
      <c r="AP8038" s="99"/>
      <c r="AQ8038" s="99"/>
      <c r="AR8038" s="99"/>
      <c r="AS8038" s="99"/>
      <c r="AT8038" s="99"/>
      <c r="AU8038" s="99"/>
      <c r="AV8038" s="99"/>
      <c r="AW8038" s="99"/>
      <c r="AX8038" s="99"/>
      <c r="AY8038" s="99"/>
      <c r="AZ8038" s="99"/>
      <c r="BA8038" s="99"/>
      <c r="BB8038" s="221">
        <v>45884</v>
      </c>
    </row>
    <row r="8039" spans="1:54" s="8" customFormat="1" ht="15.75" customHeight="1" x14ac:dyDescent="0.25">
      <c r="A8039" s="219" t="s">
        <v>19309</v>
      </c>
      <c r="B8039" s="220" t="s">
        <v>19881</v>
      </c>
      <c r="C8039" s="98" t="s">
        <v>19310</v>
      </c>
      <c r="D8039" s="98" t="s">
        <v>19311</v>
      </c>
      <c r="E8039" s="141" t="s">
        <v>174</v>
      </c>
      <c r="F8039" s="141">
        <v>4481</v>
      </c>
      <c r="G8039" s="98" t="s">
        <v>12</v>
      </c>
      <c r="H8039" s="98">
        <v>1</v>
      </c>
      <c r="I8039" s="98">
        <v>0</v>
      </c>
      <c r="J8039" s="98">
        <v>0</v>
      </c>
      <c r="K8039" s="98">
        <v>0</v>
      </c>
      <c r="L8039" s="98">
        <v>0</v>
      </c>
      <c r="M8039" s="98">
        <v>0</v>
      </c>
      <c r="N8039" s="98">
        <v>0</v>
      </c>
      <c r="O8039" s="98">
        <v>0</v>
      </c>
      <c r="P8039" s="98">
        <v>0</v>
      </c>
      <c r="Q8039" s="98">
        <v>0</v>
      </c>
      <c r="R8039" s="98">
        <v>0</v>
      </c>
      <c r="S8039" s="98">
        <v>0</v>
      </c>
      <c r="T8039" s="98">
        <v>0</v>
      </c>
      <c r="U8039" s="99"/>
      <c r="V8039" s="99"/>
      <c r="W8039" s="99"/>
      <c r="X8039" s="99"/>
      <c r="Y8039" s="99"/>
      <c r="Z8039" s="99"/>
      <c r="AA8039" s="99"/>
      <c r="AB8039" s="99"/>
      <c r="AC8039" s="99"/>
      <c r="AD8039" s="99"/>
      <c r="AE8039" s="99"/>
      <c r="AF8039" s="99"/>
      <c r="AG8039" s="99"/>
      <c r="AH8039" s="99"/>
      <c r="AI8039" s="99"/>
      <c r="AJ8039" s="99"/>
      <c r="AK8039" s="99"/>
      <c r="AL8039" s="99"/>
      <c r="AM8039" s="99"/>
      <c r="AN8039" s="99"/>
      <c r="AO8039" s="99"/>
      <c r="AP8039" s="99"/>
      <c r="AQ8039" s="99"/>
      <c r="AR8039" s="99"/>
      <c r="AS8039" s="99"/>
      <c r="AT8039" s="99"/>
      <c r="AU8039" s="99"/>
      <c r="AV8039" s="99"/>
      <c r="AW8039" s="99"/>
      <c r="AX8039" s="99"/>
      <c r="AY8039" s="99"/>
      <c r="AZ8039" s="99"/>
      <c r="BA8039" s="99"/>
      <c r="BB8039" s="221">
        <v>45884</v>
      </c>
    </row>
    <row r="8040" spans="1:54" s="8" customFormat="1" ht="15.75" customHeight="1" x14ac:dyDescent="0.25">
      <c r="A8040" s="219" t="s">
        <v>19312</v>
      </c>
      <c r="B8040" s="220" t="s">
        <v>19881</v>
      </c>
      <c r="C8040" s="98" t="s">
        <v>19313</v>
      </c>
      <c r="D8040" s="98" t="s">
        <v>19314</v>
      </c>
      <c r="E8040" s="141">
        <v>1985</v>
      </c>
      <c r="F8040" s="141">
        <v>6973</v>
      </c>
      <c r="G8040" s="98" t="s">
        <v>8</v>
      </c>
      <c r="H8040" s="98">
        <v>0</v>
      </c>
      <c r="I8040" s="98">
        <v>0</v>
      </c>
      <c r="J8040" s="98">
        <v>0</v>
      </c>
      <c r="K8040" s="98">
        <v>0</v>
      </c>
      <c r="L8040" s="98">
        <v>0</v>
      </c>
      <c r="M8040" s="98">
        <v>0</v>
      </c>
      <c r="N8040" s="98">
        <v>0</v>
      </c>
      <c r="O8040" s="98">
        <v>0</v>
      </c>
      <c r="P8040" s="98">
        <v>0</v>
      </c>
      <c r="Q8040" s="98">
        <v>0</v>
      </c>
      <c r="R8040" s="98">
        <v>0</v>
      </c>
      <c r="S8040" s="98">
        <v>0</v>
      </c>
      <c r="T8040" s="98">
        <v>0</v>
      </c>
      <c r="U8040" s="99"/>
      <c r="V8040" s="99"/>
      <c r="W8040" s="99"/>
      <c r="X8040" s="99"/>
      <c r="Y8040" s="99"/>
      <c r="Z8040" s="99"/>
      <c r="AA8040" s="99"/>
      <c r="AB8040" s="99"/>
      <c r="AC8040" s="99"/>
      <c r="AD8040" s="99"/>
      <c r="AE8040" s="99"/>
      <c r="AF8040" s="99"/>
      <c r="AG8040" s="99"/>
      <c r="AH8040" s="99"/>
      <c r="AI8040" s="99"/>
      <c r="AJ8040" s="99"/>
      <c r="AK8040" s="99"/>
      <c r="AL8040" s="99"/>
      <c r="AM8040" s="99"/>
      <c r="AN8040" s="99"/>
      <c r="AO8040" s="99"/>
      <c r="AP8040" s="99"/>
      <c r="AQ8040" s="99"/>
      <c r="AR8040" s="99"/>
      <c r="AS8040" s="99"/>
      <c r="AT8040" s="99"/>
      <c r="AU8040" s="99"/>
      <c r="AV8040" s="99"/>
      <c r="AW8040" s="99"/>
      <c r="AX8040" s="99"/>
      <c r="AY8040" s="99"/>
      <c r="AZ8040" s="99"/>
      <c r="BA8040" s="99"/>
      <c r="BB8040" s="221">
        <v>45884</v>
      </c>
    </row>
    <row r="8041" spans="1:54" s="8" customFormat="1" ht="15.75" customHeight="1" x14ac:dyDescent="0.25">
      <c r="A8041" s="219" t="s">
        <v>19315</v>
      </c>
      <c r="B8041" s="220" t="s">
        <v>19881</v>
      </c>
      <c r="C8041" s="98" t="s">
        <v>19316</v>
      </c>
      <c r="D8041" s="98" t="s">
        <v>19317</v>
      </c>
      <c r="E8041" s="141">
        <v>1982</v>
      </c>
      <c r="F8041" s="141">
        <v>2845</v>
      </c>
      <c r="G8041" s="98" t="s">
        <v>12</v>
      </c>
      <c r="H8041" s="98">
        <v>0</v>
      </c>
      <c r="I8041" s="98">
        <v>0</v>
      </c>
      <c r="J8041" s="98">
        <v>1</v>
      </c>
      <c r="K8041" s="98">
        <v>0</v>
      </c>
      <c r="L8041" s="98">
        <v>0</v>
      </c>
      <c r="M8041" s="98">
        <v>0</v>
      </c>
      <c r="N8041" s="98">
        <v>0</v>
      </c>
      <c r="O8041" s="98">
        <v>0</v>
      </c>
      <c r="P8041" s="98">
        <v>0</v>
      </c>
      <c r="Q8041" s="98">
        <v>0</v>
      </c>
      <c r="R8041" s="98">
        <v>0</v>
      </c>
      <c r="S8041" s="98">
        <v>0</v>
      </c>
      <c r="T8041" s="98">
        <v>0</v>
      </c>
      <c r="U8041" s="99"/>
      <c r="V8041" s="99"/>
      <c r="W8041" s="99"/>
      <c r="X8041" s="99"/>
      <c r="Y8041" s="99"/>
      <c r="Z8041" s="99"/>
      <c r="AA8041" s="99"/>
      <c r="AB8041" s="99"/>
      <c r="AC8041" s="99"/>
      <c r="AD8041" s="99"/>
      <c r="AE8041" s="99"/>
      <c r="AF8041" s="99"/>
      <c r="AG8041" s="99"/>
      <c r="AH8041" s="99"/>
      <c r="AI8041" s="99"/>
      <c r="AJ8041" s="99"/>
      <c r="AK8041" s="99"/>
      <c r="AL8041" s="99"/>
      <c r="AM8041" s="99"/>
      <c r="AN8041" s="99"/>
      <c r="AO8041" s="99"/>
      <c r="AP8041" s="99"/>
      <c r="AQ8041" s="99"/>
      <c r="AR8041" s="99"/>
      <c r="AS8041" s="99"/>
      <c r="AT8041" s="99"/>
      <c r="AU8041" s="99"/>
      <c r="AV8041" s="99"/>
      <c r="AW8041" s="99"/>
      <c r="AX8041" s="99"/>
      <c r="AY8041" s="99"/>
      <c r="AZ8041" s="99"/>
      <c r="BA8041" s="99"/>
      <c r="BB8041" s="221">
        <v>45884</v>
      </c>
    </row>
    <row r="8042" spans="1:54" s="8" customFormat="1" ht="15.75" customHeight="1" x14ac:dyDescent="0.25">
      <c r="A8042" s="219" t="s">
        <v>19318</v>
      </c>
      <c r="B8042" s="220" t="s">
        <v>19881</v>
      </c>
      <c r="C8042" s="98" t="s">
        <v>19319</v>
      </c>
      <c r="D8042" s="98" t="s">
        <v>19320</v>
      </c>
      <c r="E8042" s="141">
        <v>1992</v>
      </c>
      <c r="F8042" s="141">
        <v>238</v>
      </c>
      <c r="G8042" s="98" t="s">
        <v>12</v>
      </c>
      <c r="H8042" s="98">
        <v>0</v>
      </c>
      <c r="I8042" s="98">
        <v>0</v>
      </c>
      <c r="J8042" s="98">
        <v>1</v>
      </c>
      <c r="K8042" s="98">
        <v>0</v>
      </c>
      <c r="L8042" s="98">
        <v>0</v>
      </c>
      <c r="M8042" s="98">
        <v>0</v>
      </c>
      <c r="N8042" s="98">
        <v>0</v>
      </c>
      <c r="O8042" s="98">
        <v>1</v>
      </c>
      <c r="P8042" s="98">
        <v>0</v>
      </c>
      <c r="Q8042" s="98">
        <v>0</v>
      </c>
      <c r="R8042" s="98">
        <v>0</v>
      </c>
      <c r="S8042" s="98">
        <v>0</v>
      </c>
      <c r="T8042" s="98">
        <v>0</v>
      </c>
      <c r="U8042" s="99"/>
      <c r="V8042" s="99"/>
      <c r="W8042" s="99"/>
      <c r="X8042" s="99"/>
      <c r="Y8042" s="99"/>
      <c r="Z8042" s="99"/>
      <c r="AA8042" s="99"/>
      <c r="AB8042" s="99"/>
      <c r="AC8042" s="99"/>
      <c r="AD8042" s="99"/>
      <c r="AE8042" s="99"/>
      <c r="AF8042" s="99"/>
      <c r="AG8042" s="99"/>
      <c r="AH8042" s="99"/>
      <c r="AI8042" s="99"/>
      <c r="AJ8042" s="99"/>
      <c r="AK8042" s="99"/>
      <c r="AL8042" s="99"/>
      <c r="AM8042" s="99"/>
      <c r="AN8042" s="99"/>
      <c r="AO8042" s="99"/>
      <c r="AP8042" s="99"/>
      <c r="AQ8042" s="99"/>
      <c r="AR8042" s="99"/>
      <c r="AS8042" s="99"/>
      <c r="AT8042" s="99"/>
      <c r="AU8042" s="99"/>
      <c r="AV8042" s="99"/>
      <c r="AW8042" s="99"/>
      <c r="AX8042" s="99"/>
      <c r="AY8042" s="99"/>
      <c r="AZ8042" s="99"/>
      <c r="BA8042" s="99"/>
      <c r="BB8042" s="221">
        <v>45884</v>
      </c>
    </row>
    <row r="8043" spans="1:54" s="8" customFormat="1" ht="15.75" customHeight="1" x14ac:dyDescent="0.25">
      <c r="A8043" s="219" t="s">
        <v>19321</v>
      </c>
      <c r="B8043" s="220" t="s">
        <v>19881</v>
      </c>
      <c r="C8043" s="98" t="s">
        <v>19322</v>
      </c>
      <c r="D8043" s="98" t="s">
        <v>19323</v>
      </c>
      <c r="E8043" s="141">
        <v>1986</v>
      </c>
      <c r="F8043" s="141">
        <v>2270</v>
      </c>
      <c r="G8043" s="98" t="s">
        <v>12</v>
      </c>
      <c r="H8043" s="98">
        <v>1</v>
      </c>
      <c r="I8043" s="98">
        <v>1</v>
      </c>
      <c r="J8043" s="98">
        <v>1</v>
      </c>
      <c r="K8043" s="98">
        <v>0</v>
      </c>
      <c r="L8043" s="98">
        <v>0</v>
      </c>
      <c r="M8043" s="98">
        <v>0</v>
      </c>
      <c r="N8043" s="98">
        <v>0</v>
      </c>
      <c r="O8043" s="98">
        <v>0</v>
      </c>
      <c r="P8043" s="98">
        <v>0</v>
      </c>
      <c r="Q8043" s="98">
        <v>0</v>
      </c>
      <c r="R8043" s="98">
        <v>0</v>
      </c>
      <c r="S8043" s="98">
        <v>0</v>
      </c>
      <c r="T8043" s="98">
        <v>0</v>
      </c>
      <c r="U8043" s="99"/>
      <c r="V8043" s="99"/>
      <c r="W8043" s="99"/>
      <c r="X8043" s="99"/>
      <c r="Y8043" s="99"/>
      <c r="Z8043" s="99"/>
      <c r="AA8043" s="99"/>
      <c r="AB8043" s="99"/>
      <c r="AC8043" s="99"/>
      <c r="AD8043" s="99"/>
      <c r="AE8043" s="99"/>
      <c r="AF8043" s="99"/>
      <c r="AG8043" s="99"/>
      <c r="AH8043" s="99"/>
      <c r="AI8043" s="99"/>
      <c r="AJ8043" s="99"/>
      <c r="AK8043" s="99"/>
      <c r="AL8043" s="99"/>
      <c r="AM8043" s="99"/>
      <c r="AN8043" s="99"/>
      <c r="AO8043" s="99"/>
      <c r="AP8043" s="99"/>
      <c r="AQ8043" s="99"/>
      <c r="AR8043" s="99"/>
      <c r="AS8043" s="99"/>
      <c r="AT8043" s="99"/>
      <c r="AU8043" s="99"/>
      <c r="AV8043" s="99"/>
      <c r="AW8043" s="99"/>
      <c r="AX8043" s="99"/>
      <c r="AY8043" s="99"/>
      <c r="AZ8043" s="99"/>
      <c r="BA8043" s="99"/>
      <c r="BB8043" s="221">
        <v>45884</v>
      </c>
    </row>
    <row r="8044" spans="1:54" s="8" customFormat="1" ht="15.75" customHeight="1" x14ac:dyDescent="0.25">
      <c r="A8044" s="219" t="s">
        <v>19324</v>
      </c>
      <c r="B8044" s="220" t="s">
        <v>19881</v>
      </c>
      <c r="C8044" s="98" t="s">
        <v>5702</v>
      </c>
      <c r="D8044" s="98" t="s">
        <v>19325</v>
      </c>
      <c r="E8044" s="141">
        <v>1983</v>
      </c>
      <c r="F8044" s="141">
        <v>2524</v>
      </c>
      <c r="G8044" s="98" t="s">
        <v>12</v>
      </c>
      <c r="H8044" s="98">
        <v>0</v>
      </c>
      <c r="I8044" s="98">
        <v>0</v>
      </c>
      <c r="J8044" s="98">
        <v>0</v>
      </c>
      <c r="K8044" s="98">
        <v>0</v>
      </c>
      <c r="L8044" s="98">
        <v>0</v>
      </c>
      <c r="M8044" s="98">
        <v>0</v>
      </c>
      <c r="N8044" s="98">
        <v>0</v>
      </c>
      <c r="O8044" s="98">
        <v>0</v>
      </c>
      <c r="P8044" s="98">
        <v>0</v>
      </c>
      <c r="Q8044" s="98">
        <v>0</v>
      </c>
      <c r="R8044" s="98">
        <v>0</v>
      </c>
      <c r="S8044" s="98">
        <v>0</v>
      </c>
      <c r="T8044" s="98">
        <v>0</v>
      </c>
      <c r="U8044" s="99"/>
      <c r="V8044" s="99"/>
      <c r="W8044" s="99"/>
      <c r="X8044" s="99"/>
      <c r="Y8044" s="99"/>
      <c r="Z8044" s="99"/>
      <c r="AA8044" s="99"/>
      <c r="AB8044" s="99"/>
      <c r="AC8044" s="99"/>
      <c r="AD8044" s="99"/>
      <c r="AE8044" s="99"/>
      <c r="AF8044" s="99"/>
      <c r="AG8044" s="99"/>
      <c r="AH8044" s="99"/>
      <c r="AI8044" s="99"/>
      <c r="AJ8044" s="99"/>
      <c r="AK8044" s="99"/>
      <c r="AL8044" s="99"/>
      <c r="AM8044" s="99"/>
      <c r="AN8044" s="99"/>
      <c r="AO8044" s="99"/>
      <c r="AP8044" s="99"/>
      <c r="AQ8044" s="99"/>
      <c r="AR8044" s="99"/>
      <c r="AS8044" s="99"/>
      <c r="AT8044" s="98">
        <v>1</v>
      </c>
      <c r="AU8044" s="99"/>
      <c r="AV8044" s="99"/>
      <c r="AW8044" s="99"/>
      <c r="AX8044" s="99"/>
      <c r="AY8044" s="99"/>
      <c r="AZ8044" s="99"/>
      <c r="BA8044" s="99"/>
      <c r="BB8044" s="221">
        <v>45884</v>
      </c>
    </row>
    <row r="8045" spans="1:54" s="8" customFormat="1" ht="15.75" customHeight="1" x14ac:dyDescent="0.25">
      <c r="A8045" s="219" t="s">
        <v>19326</v>
      </c>
      <c r="B8045" s="220" t="s">
        <v>19881</v>
      </c>
      <c r="C8045" s="98" t="s">
        <v>19327</v>
      </c>
      <c r="D8045" s="98" t="s">
        <v>19328</v>
      </c>
      <c r="E8045" s="141">
        <v>1992</v>
      </c>
      <c r="F8045" s="141">
        <v>3134</v>
      </c>
      <c r="G8045" s="98" t="s">
        <v>12</v>
      </c>
      <c r="H8045" s="98">
        <v>0</v>
      </c>
      <c r="I8045" s="98">
        <v>0</v>
      </c>
      <c r="J8045" s="98">
        <v>1</v>
      </c>
      <c r="K8045" s="98">
        <v>0</v>
      </c>
      <c r="L8045" s="98">
        <v>1</v>
      </c>
      <c r="M8045" s="98">
        <v>0</v>
      </c>
      <c r="N8045" s="98">
        <v>0</v>
      </c>
      <c r="O8045" s="98">
        <v>0</v>
      </c>
      <c r="P8045" s="98">
        <v>1</v>
      </c>
      <c r="Q8045" s="98">
        <v>0</v>
      </c>
      <c r="R8045" s="98">
        <v>0</v>
      </c>
      <c r="S8045" s="98">
        <v>0</v>
      </c>
      <c r="T8045" s="98">
        <v>0</v>
      </c>
      <c r="U8045" s="99"/>
      <c r="V8045" s="99"/>
      <c r="W8045" s="99"/>
      <c r="X8045" s="99"/>
      <c r="Y8045" s="99"/>
      <c r="Z8045" s="99"/>
      <c r="AA8045" s="99"/>
      <c r="AB8045" s="99"/>
      <c r="AC8045" s="99"/>
      <c r="AD8045" s="99"/>
      <c r="AE8045" s="99"/>
      <c r="AF8045" s="99"/>
      <c r="AG8045" s="99"/>
      <c r="AH8045" s="99"/>
      <c r="AI8045" s="99"/>
      <c r="AJ8045" s="99"/>
      <c r="AK8045" s="99"/>
      <c r="AL8045" s="99"/>
      <c r="AM8045" s="99"/>
      <c r="AN8045" s="99"/>
      <c r="AO8045" s="99"/>
      <c r="AP8045" s="99"/>
      <c r="AQ8045" s="99"/>
      <c r="AR8045" s="99"/>
      <c r="AS8045" s="99"/>
      <c r="AT8045" s="99"/>
      <c r="AU8045" s="99"/>
      <c r="AV8045" s="99"/>
      <c r="AW8045" s="99"/>
      <c r="AX8045" s="99"/>
      <c r="AY8045" s="99"/>
      <c r="AZ8045" s="99"/>
      <c r="BA8045" s="99"/>
      <c r="BB8045" s="221">
        <v>45884</v>
      </c>
    </row>
    <row r="8046" spans="1:54" s="8" customFormat="1" ht="15.75" customHeight="1" x14ac:dyDescent="0.25">
      <c r="A8046" s="219" t="s">
        <v>19329</v>
      </c>
      <c r="B8046" s="220" t="s">
        <v>19881</v>
      </c>
      <c r="C8046" s="98" t="s">
        <v>19330</v>
      </c>
      <c r="D8046" s="98" t="s">
        <v>19331</v>
      </c>
      <c r="E8046" s="141">
        <v>1986</v>
      </c>
      <c r="F8046" s="141">
        <v>1121</v>
      </c>
      <c r="G8046" s="98" t="s">
        <v>12</v>
      </c>
      <c r="H8046" s="98">
        <v>0</v>
      </c>
      <c r="I8046" s="98">
        <v>0</v>
      </c>
      <c r="J8046" s="98">
        <v>1</v>
      </c>
      <c r="K8046" s="98">
        <v>1</v>
      </c>
      <c r="L8046" s="98">
        <v>1</v>
      </c>
      <c r="M8046" s="98">
        <v>0</v>
      </c>
      <c r="N8046" s="98">
        <v>0</v>
      </c>
      <c r="O8046" s="98">
        <v>1</v>
      </c>
      <c r="P8046" s="98">
        <v>0</v>
      </c>
      <c r="Q8046" s="98">
        <v>0</v>
      </c>
      <c r="R8046" s="98">
        <v>0</v>
      </c>
      <c r="S8046" s="98">
        <v>0</v>
      </c>
      <c r="T8046" s="98">
        <v>0</v>
      </c>
      <c r="U8046" s="99"/>
      <c r="V8046" s="99"/>
      <c r="W8046" s="99"/>
      <c r="X8046" s="99"/>
      <c r="Y8046" s="99"/>
      <c r="Z8046" s="99"/>
      <c r="AA8046" s="99"/>
      <c r="AB8046" s="99"/>
      <c r="AC8046" s="99"/>
      <c r="AD8046" s="99"/>
      <c r="AE8046" s="99"/>
      <c r="AF8046" s="99"/>
      <c r="AG8046" s="99"/>
      <c r="AH8046" s="99"/>
      <c r="AI8046" s="99"/>
      <c r="AJ8046" s="99"/>
      <c r="AK8046" s="99"/>
      <c r="AL8046" s="99"/>
      <c r="AM8046" s="99"/>
      <c r="AN8046" s="99"/>
      <c r="AO8046" s="99"/>
      <c r="AP8046" s="99"/>
      <c r="AQ8046" s="99"/>
      <c r="AR8046" s="99"/>
      <c r="AS8046" s="99"/>
      <c r="AT8046" s="99"/>
      <c r="AU8046" s="99"/>
      <c r="AV8046" s="99"/>
      <c r="AW8046" s="99"/>
      <c r="AX8046" s="99"/>
      <c r="AY8046" s="99"/>
      <c r="AZ8046" s="99"/>
      <c r="BA8046" s="99"/>
      <c r="BB8046" s="221">
        <v>45884</v>
      </c>
    </row>
    <row r="8047" spans="1:54" s="21" customFormat="1" ht="13.95" customHeight="1" x14ac:dyDescent="0.15">
      <c r="A8047" s="15" t="s">
        <v>19332</v>
      </c>
      <c r="B8047" s="110" t="s">
        <v>20395</v>
      </c>
      <c r="C8047" s="98" t="s">
        <v>19333</v>
      </c>
      <c r="D8047" s="98" t="s">
        <v>19334</v>
      </c>
      <c r="E8047" s="98">
        <v>1987</v>
      </c>
      <c r="F8047" s="98">
        <v>21831</v>
      </c>
      <c r="G8047" s="98" t="s">
        <v>3</v>
      </c>
      <c r="H8047" s="98">
        <v>1</v>
      </c>
      <c r="I8047" s="98">
        <v>0</v>
      </c>
      <c r="J8047" s="98">
        <v>1</v>
      </c>
      <c r="K8047" s="98">
        <v>0</v>
      </c>
      <c r="L8047" s="98">
        <v>0</v>
      </c>
      <c r="M8047" s="98">
        <v>0</v>
      </c>
      <c r="N8047" s="98">
        <v>0</v>
      </c>
      <c r="O8047" s="98">
        <v>1</v>
      </c>
      <c r="P8047" s="98">
        <v>1</v>
      </c>
      <c r="Q8047" s="98">
        <v>0</v>
      </c>
      <c r="R8047" s="98">
        <v>0</v>
      </c>
      <c r="S8047" s="98">
        <v>0</v>
      </c>
      <c r="T8047" s="98">
        <v>0</v>
      </c>
      <c r="U8047" s="98">
        <v>0</v>
      </c>
      <c r="V8047" s="98">
        <v>0</v>
      </c>
      <c r="W8047" s="98">
        <v>1</v>
      </c>
      <c r="X8047" s="98">
        <v>0</v>
      </c>
      <c r="Y8047" s="98">
        <v>0</v>
      </c>
      <c r="Z8047" s="98">
        <v>0</v>
      </c>
      <c r="AA8047" s="98">
        <v>0</v>
      </c>
      <c r="AB8047" s="98">
        <v>0</v>
      </c>
      <c r="AC8047" s="98">
        <v>0</v>
      </c>
      <c r="AD8047" s="98">
        <v>0</v>
      </c>
      <c r="AE8047" s="98">
        <v>0</v>
      </c>
      <c r="AF8047" s="98">
        <v>0</v>
      </c>
      <c r="AG8047" s="98">
        <v>0</v>
      </c>
      <c r="AH8047" s="98">
        <v>0</v>
      </c>
      <c r="AI8047" s="98">
        <v>0</v>
      </c>
      <c r="AJ8047" s="98">
        <v>0</v>
      </c>
      <c r="AK8047" s="98">
        <v>0</v>
      </c>
      <c r="AL8047" s="98">
        <v>0</v>
      </c>
      <c r="AM8047" s="98">
        <v>0</v>
      </c>
      <c r="AN8047" s="98">
        <v>0</v>
      </c>
      <c r="AO8047" s="98">
        <v>1</v>
      </c>
      <c r="AP8047" s="98">
        <v>0</v>
      </c>
      <c r="AQ8047" s="98">
        <v>0</v>
      </c>
      <c r="AR8047" s="98" ph="1">
        <v>0</v>
      </c>
      <c r="AS8047" s="98">
        <v>0</v>
      </c>
      <c r="AT8047" s="129" t="s">
        <v>174</v>
      </c>
      <c r="AU8047" s="98">
        <v>1</v>
      </c>
      <c r="AV8047" s="98">
        <v>0</v>
      </c>
      <c r="AW8047" s="98">
        <v>0</v>
      </c>
      <c r="AX8047" s="98" t="s">
        <v>174</v>
      </c>
      <c r="AY8047" s="98" t="s">
        <v>19335</v>
      </c>
      <c r="AZ8047" s="98"/>
      <c r="BA8047" s="98"/>
      <c r="BB8047" s="107">
        <v>45065</v>
      </c>
    </row>
    <row r="8048" spans="1:54" s="8" customFormat="1" ht="13.95" customHeight="1" x14ac:dyDescent="0.25">
      <c r="A8048" s="229" t="s">
        <v>19336</v>
      </c>
      <c r="B8048" s="96" t="s">
        <v>19882</v>
      </c>
      <c r="C8048" s="93" t="s">
        <v>19337</v>
      </c>
      <c r="D8048" s="93" t="s">
        <v>19338</v>
      </c>
      <c r="E8048" s="111" t="s">
        <v>174</v>
      </c>
      <c r="F8048" s="111">
        <v>414</v>
      </c>
      <c r="G8048" s="93" t="s">
        <v>12</v>
      </c>
      <c r="H8048" s="111">
        <v>0</v>
      </c>
      <c r="I8048" s="111">
        <v>0</v>
      </c>
      <c r="J8048" s="111">
        <v>0</v>
      </c>
      <c r="K8048" s="111">
        <v>0</v>
      </c>
      <c r="L8048" s="111">
        <v>1</v>
      </c>
      <c r="M8048" s="111">
        <v>0</v>
      </c>
      <c r="N8048" s="111">
        <v>0</v>
      </c>
      <c r="O8048" s="111">
        <v>0</v>
      </c>
      <c r="P8048" s="111">
        <v>1</v>
      </c>
      <c r="Q8048" s="111">
        <v>0</v>
      </c>
      <c r="R8048" s="111">
        <v>0</v>
      </c>
      <c r="S8048" s="111">
        <v>0</v>
      </c>
      <c r="T8048" s="111">
        <v>0</v>
      </c>
      <c r="U8048" s="145"/>
      <c r="V8048" s="145"/>
      <c r="W8048" s="145"/>
      <c r="X8048" s="145"/>
      <c r="Y8048" s="145"/>
      <c r="Z8048" s="145"/>
      <c r="AA8048" s="145"/>
      <c r="AB8048" s="145"/>
      <c r="AC8048" s="145"/>
      <c r="AD8048" s="145"/>
      <c r="AE8048" s="145"/>
      <c r="AF8048" s="145"/>
      <c r="AG8048" s="145"/>
      <c r="AH8048" s="145"/>
      <c r="AI8048" s="145"/>
      <c r="AJ8048" s="145"/>
      <c r="AK8048" s="145"/>
      <c r="AL8048" s="145"/>
      <c r="AM8048" s="145"/>
      <c r="AN8048" s="145"/>
      <c r="AO8048" s="145"/>
      <c r="AP8048" s="145"/>
      <c r="AQ8048" s="145"/>
      <c r="AR8048" s="145"/>
      <c r="AS8048" s="145"/>
      <c r="AT8048" s="145"/>
      <c r="AU8048" s="145"/>
      <c r="AV8048" s="145"/>
      <c r="AW8048" s="145"/>
      <c r="AX8048" s="145"/>
      <c r="AY8048" s="146"/>
      <c r="AZ8048" s="146"/>
      <c r="BA8048" s="146"/>
      <c r="BB8048" s="221">
        <v>45884</v>
      </c>
    </row>
    <row r="8049" spans="1:54" s="8" customFormat="1" ht="13.95" customHeight="1" x14ac:dyDescent="0.25">
      <c r="A8049" s="229" t="s">
        <v>19339</v>
      </c>
      <c r="B8049" s="96" t="s">
        <v>19882</v>
      </c>
      <c r="C8049" s="93" t="s">
        <v>19340</v>
      </c>
      <c r="D8049" s="93" t="s">
        <v>19341</v>
      </c>
      <c r="E8049" s="111" t="s">
        <v>174</v>
      </c>
      <c r="F8049" s="111">
        <v>561</v>
      </c>
      <c r="G8049" s="93" t="s">
        <v>5</v>
      </c>
      <c r="H8049" s="111">
        <v>0</v>
      </c>
      <c r="I8049" s="111">
        <v>0</v>
      </c>
      <c r="J8049" s="111">
        <v>0</v>
      </c>
      <c r="K8049" s="111">
        <v>0</v>
      </c>
      <c r="L8049" s="111">
        <v>0</v>
      </c>
      <c r="M8049" s="111">
        <v>0</v>
      </c>
      <c r="N8049" s="111">
        <v>0</v>
      </c>
      <c r="O8049" s="111">
        <v>0</v>
      </c>
      <c r="P8049" s="111">
        <v>0</v>
      </c>
      <c r="Q8049" s="111">
        <v>0</v>
      </c>
      <c r="R8049" s="111">
        <v>0</v>
      </c>
      <c r="S8049" s="111">
        <v>0</v>
      </c>
      <c r="T8049" s="111">
        <v>0</v>
      </c>
      <c r="U8049" s="145"/>
      <c r="V8049" s="145"/>
      <c r="W8049" s="145"/>
      <c r="X8049" s="145"/>
      <c r="Y8049" s="145"/>
      <c r="Z8049" s="145"/>
      <c r="AA8049" s="145"/>
      <c r="AB8049" s="145"/>
      <c r="AC8049" s="145"/>
      <c r="AD8049" s="145"/>
      <c r="AE8049" s="145"/>
      <c r="AF8049" s="145"/>
      <c r="AG8049" s="145"/>
      <c r="AH8049" s="145"/>
      <c r="AI8049" s="145"/>
      <c r="AJ8049" s="145"/>
      <c r="AK8049" s="145"/>
      <c r="AL8049" s="145"/>
      <c r="AM8049" s="145"/>
      <c r="AN8049" s="145"/>
      <c r="AO8049" s="145"/>
      <c r="AP8049" s="145"/>
      <c r="AQ8049" s="145"/>
      <c r="AR8049" s="145"/>
      <c r="AS8049" s="145"/>
      <c r="AT8049" s="145"/>
      <c r="AU8049" s="145"/>
      <c r="AV8049" s="145"/>
      <c r="AW8049" s="145"/>
      <c r="AX8049" s="145"/>
      <c r="AY8049" s="146"/>
      <c r="AZ8049" s="146"/>
      <c r="BA8049" s="146"/>
      <c r="BB8049" s="221">
        <v>45884</v>
      </c>
    </row>
    <row r="8050" spans="1:54" s="8" customFormat="1" ht="13.95" customHeight="1" x14ac:dyDescent="0.25">
      <c r="A8050" s="229" t="s">
        <v>19342</v>
      </c>
      <c r="B8050" s="96" t="s">
        <v>19882</v>
      </c>
      <c r="C8050" s="93" t="s">
        <v>19343</v>
      </c>
      <c r="D8050" s="93" t="s">
        <v>19344</v>
      </c>
      <c r="E8050" s="111" t="s">
        <v>174</v>
      </c>
      <c r="F8050" s="111">
        <v>647</v>
      </c>
      <c r="G8050" s="93" t="s">
        <v>12</v>
      </c>
      <c r="H8050" s="111">
        <v>0</v>
      </c>
      <c r="I8050" s="111">
        <v>0</v>
      </c>
      <c r="J8050" s="111">
        <v>1</v>
      </c>
      <c r="K8050" s="111">
        <v>1</v>
      </c>
      <c r="L8050" s="111">
        <v>1</v>
      </c>
      <c r="M8050" s="111">
        <v>0</v>
      </c>
      <c r="N8050" s="111">
        <v>0</v>
      </c>
      <c r="O8050" s="111">
        <v>1</v>
      </c>
      <c r="P8050" s="111">
        <v>0</v>
      </c>
      <c r="Q8050" s="111">
        <v>0</v>
      </c>
      <c r="R8050" s="111">
        <v>1</v>
      </c>
      <c r="S8050" s="111">
        <v>0</v>
      </c>
      <c r="T8050" s="111">
        <v>0</v>
      </c>
      <c r="U8050" s="145"/>
      <c r="V8050" s="145"/>
      <c r="W8050" s="145"/>
      <c r="X8050" s="145"/>
      <c r="Y8050" s="145"/>
      <c r="Z8050" s="145"/>
      <c r="AA8050" s="145"/>
      <c r="AB8050" s="145"/>
      <c r="AC8050" s="145"/>
      <c r="AD8050" s="145"/>
      <c r="AE8050" s="145"/>
      <c r="AF8050" s="145"/>
      <c r="AG8050" s="145"/>
      <c r="AH8050" s="145"/>
      <c r="AI8050" s="145"/>
      <c r="AJ8050" s="145"/>
      <c r="AK8050" s="145"/>
      <c r="AL8050" s="145"/>
      <c r="AM8050" s="145"/>
      <c r="AN8050" s="145"/>
      <c r="AO8050" s="145"/>
      <c r="AP8050" s="145"/>
      <c r="AQ8050" s="145"/>
      <c r="AR8050" s="145"/>
      <c r="AS8050" s="145"/>
      <c r="AT8050" s="145"/>
      <c r="AU8050" s="145"/>
      <c r="AV8050" s="145"/>
      <c r="AW8050" s="145"/>
      <c r="AX8050" s="145"/>
      <c r="AY8050" s="146"/>
      <c r="AZ8050" s="146"/>
      <c r="BA8050" s="146"/>
      <c r="BB8050" s="221">
        <v>45884</v>
      </c>
    </row>
    <row r="8051" spans="1:54" s="8" customFormat="1" ht="13.95" customHeight="1" x14ac:dyDescent="0.25">
      <c r="A8051" s="229" t="s">
        <v>19345</v>
      </c>
      <c r="B8051" s="96" t="s">
        <v>19882</v>
      </c>
      <c r="C8051" s="93" t="s">
        <v>19346</v>
      </c>
      <c r="D8051" s="93" t="s">
        <v>20574</v>
      </c>
      <c r="E8051" s="111" t="s">
        <v>174</v>
      </c>
      <c r="F8051" s="111">
        <v>771</v>
      </c>
      <c r="G8051" s="93" t="s">
        <v>1</v>
      </c>
      <c r="H8051" s="111">
        <v>1</v>
      </c>
      <c r="I8051" s="111">
        <v>1</v>
      </c>
      <c r="J8051" s="111">
        <v>0</v>
      </c>
      <c r="K8051" s="111">
        <v>1</v>
      </c>
      <c r="L8051" s="111">
        <v>1</v>
      </c>
      <c r="M8051" s="111">
        <v>0</v>
      </c>
      <c r="N8051" s="111">
        <v>1</v>
      </c>
      <c r="O8051" s="111">
        <v>1</v>
      </c>
      <c r="P8051" s="111">
        <v>1</v>
      </c>
      <c r="Q8051" s="111">
        <v>0</v>
      </c>
      <c r="R8051" s="111">
        <v>0</v>
      </c>
      <c r="S8051" s="111">
        <v>1</v>
      </c>
      <c r="T8051" s="111">
        <v>0</v>
      </c>
      <c r="U8051" s="145"/>
      <c r="V8051" s="145"/>
      <c r="W8051" s="145"/>
      <c r="X8051" s="145"/>
      <c r="Y8051" s="145"/>
      <c r="Z8051" s="145"/>
      <c r="AA8051" s="111">
        <v>1</v>
      </c>
      <c r="AB8051" s="145"/>
      <c r="AC8051" s="145"/>
      <c r="AD8051" s="145"/>
      <c r="AE8051" s="145"/>
      <c r="AF8051" s="145"/>
      <c r="AG8051" s="145"/>
      <c r="AH8051" s="145"/>
      <c r="AI8051" s="145"/>
      <c r="AJ8051" s="145"/>
      <c r="AK8051" s="145"/>
      <c r="AL8051" s="145"/>
      <c r="AM8051" s="145"/>
      <c r="AN8051" s="145"/>
      <c r="AO8051" s="145"/>
      <c r="AP8051" s="145"/>
      <c r="AQ8051" s="145"/>
      <c r="AR8051" s="145"/>
      <c r="AS8051" s="145"/>
      <c r="AT8051" s="111">
        <v>1</v>
      </c>
      <c r="AU8051" s="145"/>
      <c r="AV8051" s="145"/>
      <c r="AW8051" s="145"/>
      <c r="AX8051" s="145"/>
      <c r="AY8051" s="146"/>
      <c r="AZ8051" s="146"/>
      <c r="BA8051" s="146"/>
      <c r="BB8051" s="221">
        <v>45884</v>
      </c>
    </row>
    <row r="8052" spans="1:54" s="8" customFormat="1" ht="13.95" customHeight="1" x14ac:dyDescent="0.25">
      <c r="A8052" s="229" t="s">
        <v>19347</v>
      </c>
      <c r="B8052" s="96" t="s">
        <v>19882</v>
      </c>
      <c r="C8052" s="93" t="s">
        <v>19348</v>
      </c>
      <c r="D8052" s="93" t="s">
        <v>19349</v>
      </c>
      <c r="E8052" s="111" t="s">
        <v>174</v>
      </c>
      <c r="F8052" s="111">
        <v>1263</v>
      </c>
      <c r="G8052" s="93" t="s">
        <v>1</v>
      </c>
      <c r="H8052" s="111">
        <v>1</v>
      </c>
      <c r="I8052" s="111">
        <v>1</v>
      </c>
      <c r="J8052" s="111">
        <v>1</v>
      </c>
      <c r="K8052" s="111">
        <v>1</v>
      </c>
      <c r="L8052" s="111">
        <v>1</v>
      </c>
      <c r="M8052" s="111">
        <v>0</v>
      </c>
      <c r="N8052" s="111">
        <v>0</v>
      </c>
      <c r="O8052" s="111">
        <v>1</v>
      </c>
      <c r="P8052" s="111">
        <v>1</v>
      </c>
      <c r="Q8052" s="111">
        <v>0</v>
      </c>
      <c r="R8052" s="111">
        <v>0</v>
      </c>
      <c r="S8052" s="111">
        <v>0</v>
      </c>
      <c r="T8052" s="111">
        <v>0</v>
      </c>
      <c r="U8052" s="145"/>
      <c r="V8052" s="145"/>
      <c r="W8052" s="145"/>
      <c r="X8052" s="145"/>
      <c r="Y8052" s="145"/>
      <c r="Z8052" s="145"/>
      <c r="AA8052" s="145"/>
      <c r="AB8052" s="145"/>
      <c r="AC8052" s="145"/>
      <c r="AD8052" s="145"/>
      <c r="AE8052" s="145"/>
      <c r="AF8052" s="145"/>
      <c r="AG8052" s="145"/>
      <c r="AH8052" s="145"/>
      <c r="AI8052" s="145"/>
      <c r="AJ8052" s="145"/>
      <c r="AK8052" s="145"/>
      <c r="AL8052" s="145"/>
      <c r="AM8052" s="145"/>
      <c r="AN8052" s="145"/>
      <c r="AO8052" s="145"/>
      <c r="AP8052" s="145"/>
      <c r="AQ8052" s="145"/>
      <c r="AR8052" s="145"/>
      <c r="AS8052" s="145"/>
      <c r="AT8052" s="111">
        <v>1</v>
      </c>
      <c r="AU8052" s="145"/>
      <c r="AV8052" s="145"/>
      <c r="AW8052" s="145"/>
      <c r="AX8052" s="145"/>
      <c r="AY8052" s="146"/>
      <c r="AZ8052" s="146"/>
      <c r="BA8052" s="112" t="s">
        <v>21486</v>
      </c>
      <c r="BB8052" s="221">
        <v>45884</v>
      </c>
    </row>
    <row r="8053" spans="1:54" s="8" customFormat="1" ht="13.95" customHeight="1" x14ac:dyDescent="0.25">
      <c r="A8053" s="229" t="s">
        <v>19350</v>
      </c>
      <c r="B8053" s="96" t="s">
        <v>19882</v>
      </c>
      <c r="C8053" s="93" t="s">
        <v>9587</v>
      </c>
      <c r="D8053" s="93" t="s">
        <v>19351</v>
      </c>
      <c r="E8053" s="111" t="s">
        <v>174</v>
      </c>
      <c r="F8053" s="111">
        <v>1494</v>
      </c>
      <c r="G8053" s="93" t="s">
        <v>1</v>
      </c>
      <c r="H8053" s="111">
        <v>1</v>
      </c>
      <c r="I8053" s="111">
        <v>0</v>
      </c>
      <c r="J8053" s="111">
        <v>1</v>
      </c>
      <c r="K8053" s="111">
        <v>1</v>
      </c>
      <c r="L8053" s="111">
        <v>1</v>
      </c>
      <c r="M8053" s="111">
        <v>0</v>
      </c>
      <c r="N8053" s="111">
        <v>1</v>
      </c>
      <c r="O8053" s="111">
        <v>0</v>
      </c>
      <c r="P8053" s="111">
        <v>1</v>
      </c>
      <c r="Q8053" s="111">
        <v>0</v>
      </c>
      <c r="R8053" s="111">
        <v>0</v>
      </c>
      <c r="S8053" s="111">
        <v>0</v>
      </c>
      <c r="T8053" s="111">
        <v>0</v>
      </c>
      <c r="U8053" s="145"/>
      <c r="V8053" s="145"/>
      <c r="W8053" s="145"/>
      <c r="X8053" s="145"/>
      <c r="Y8053" s="145"/>
      <c r="Z8053" s="145"/>
      <c r="AA8053" s="145"/>
      <c r="AB8053" s="145"/>
      <c r="AC8053" s="145"/>
      <c r="AD8053" s="145"/>
      <c r="AE8053" s="145"/>
      <c r="AF8053" s="145"/>
      <c r="AG8053" s="145"/>
      <c r="AH8053" s="145"/>
      <c r="AI8053" s="145"/>
      <c r="AJ8053" s="145"/>
      <c r="AK8053" s="145"/>
      <c r="AL8053" s="145"/>
      <c r="AM8053" s="145"/>
      <c r="AN8053" s="145"/>
      <c r="AO8053" s="145"/>
      <c r="AP8053" s="145"/>
      <c r="AQ8053" s="145"/>
      <c r="AR8053" s="145"/>
      <c r="AS8053" s="145"/>
      <c r="AT8053" s="145"/>
      <c r="AU8053" s="145"/>
      <c r="AV8053" s="145"/>
      <c r="AW8053" s="145"/>
      <c r="AX8053" s="145"/>
      <c r="AY8053" s="146"/>
      <c r="AZ8053" s="146"/>
      <c r="BA8053" s="146"/>
      <c r="BB8053" s="221">
        <v>45884</v>
      </c>
    </row>
    <row r="8054" spans="1:54" s="8" customFormat="1" ht="13.95" customHeight="1" x14ac:dyDescent="0.25">
      <c r="A8054" s="229" t="s">
        <v>19352</v>
      </c>
      <c r="B8054" s="96" t="s">
        <v>19882</v>
      </c>
      <c r="C8054" s="93" t="s">
        <v>19353</v>
      </c>
      <c r="D8054" s="93" t="s">
        <v>19354</v>
      </c>
      <c r="E8054" s="111" t="s">
        <v>174</v>
      </c>
      <c r="F8054" s="111">
        <v>1504</v>
      </c>
      <c r="G8054" s="93" t="s">
        <v>12</v>
      </c>
      <c r="H8054" s="111">
        <v>0</v>
      </c>
      <c r="I8054" s="111">
        <v>0</v>
      </c>
      <c r="J8054" s="111">
        <v>1</v>
      </c>
      <c r="K8054" s="111">
        <v>0</v>
      </c>
      <c r="L8054" s="111">
        <v>1</v>
      </c>
      <c r="M8054" s="111">
        <v>0</v>
      </c>
      <c r="N8054" s="111">
        <v>0</v>
      </c>
      <c r="O8054" s="111">
        <v>1</v>
      </c>
      <c r="P8054" s="111">
        <v>1</v>
      </c>
      <c r="Q8054" s="111">
        <v>0</v>
      </c>
      <c r="R8054" s="111">
        <v>0</v>
      </c>
      <c r="S8054" s="111">
        <v>0</v>
      </c>
      <c r="T8054" s="111">
        <v>0</v>
      </c>
      <c r="U8054" s="145"/>
      <c r="V8054" s="145"/>
      <c r="W8054" s="145"/>
      <c r="X8054" s="145"/>
      <c r="Y8054" s="145"/>
      <c r="Z8054" s="145"/>
      <c r="AA8054" s="145"/>
      <c r="AB8054" s="145"/>
      <c r="AC8054" s="145"/>
      <c r="AD8054" s="145"/>
      <c r="AE8054" s="145"/>
      <c r="AF8054" s="145"/>
      <c r="AG8054" s="145"/>
      <c r="AH8054" s="145"/>
      <c r="AI8054" s="145"/>
      <c r="AJ8054" s="145"/>
      <c r="AK8054" s="145"/>
      <c r="AL8054" s="145"/>
      <c r="AM8054" s="145"/>
      <c r="AN8054" s="145"/>
      <c r="AO8054" s="145"/>
      <c r="AP8054" s="145"/>
      <c r="AQ8054" s="145"/>
      <c r="AR8054" s="145"/>
      <c r="AS8054" s="145"/>
      <c r="AT8054" s="145"/>
      <c r="AU8054" s="145"/>
      <c r="AV8054" s="145"/>
      <c r="AW8054" s="145"/>
      <c r="AX8054" s="145"/>
      <c r="AY8054" s="146"/>
      <c r="AZ8054" s="146"/>
      <c r="BA8054" s="146"/>
      <c r="BB8054" s="221">
        <v>45884</v>
      </c>
    </row>
    <row r="8055" spans="1:54" s="8" customFormat="1" ht="13.95" customHeight="1" x14ac:dyDescent="0.25">
      <c r="A8055" s="229" t="s">
        <v>19355</v>
      </c>
      <c r="B8055" s="96" t="s">
        <v>19882</v>
      </c>
      <c r="C8055" s="93" t="s">
        <v>19356</v>
      </c>
      <c r="D8055" s="93" t="s">
        <v>19357</v>
      </c>
      <c r="E8055" s="111" t="s">
        <v>174</v>
      </c>
      <c r="F8055" s="111">
        <v>1647</v>
      </c>
      <c r="G8055" s="93" t="s">
        <v>1</v>
      </c>
      <c r="H8055" s="111">
        <v>1</v>
      </c>
      <c r="I8055" s="111">
        <v>0</v>
      </c>
      <c r="J8055" s="111">
        <v>1</v>
      </c>
      <c r="K8055" s="111">
        <v>1</v>
      </c>
      <c r="L8055" s="111">
        <v>0</v>
      </c>
      <c r="M8055" s="111">
        <v>0</v>
      </c>
      <c r="N8055" s="111">
        <v>1</v>
      </c>
      <c r="O8055" s="111">
        <v>0</v>
      </c>
      <c r="P8055" s="111">
        <v>1</v>
      </c>
      <c r="Q8055" s="111">
        <v>0</v>
      </c>
      <c r="R8055" s="111">
        <v>0</v>
      </c>
      <c r="S8055" s="111">
        <v>1</v>
      </c>
      <c r="T8055" s="111">
        <v>0</v>
      </c>
      <c r="U8055" s="145"/>
      <c r="V8055" s="145"/>
      <c r="W8055" s="145"/>
      <c r="X8055" s="145"/>
      <c r="Y8055" s="145"/>
      <c r="Z8055" s="145"/>
      <c r="AA8055" s="145"/>
      <c r="AB8055" s="145"/>
      <c r="AC8055" s="145"/>
      <c r="AD8055" s="145"/>
      <c r="AE8055" s="145"/>
      <c r="AF8055" s="145"/>
      <c r="AG8055" s="145"/>
      <c r="AH8055" s="145"/>
      <c r="AI8055" s="145"/>
      <c r="AJ8055" s="145"/>
      <c r="AK8055" s="145"/>
      <c r="AL8055" s="145"/>
      <c r="AM8055" s="145"/>
      <c r="AN8055" s="145"/>
      <c r="AO8055" s="145"/>
      <c r="AP8055" s="145"/>
      <c r="AQ8055" s="145"/>
      <c r="AR8055" s="145"/>
      <c r="AS8055" s="145"/>
      <c r="AT8055" s="111">
        <v>1</v>
      </c>
      <c r="AU8055" s="145"/>
      <c r="AV8055" s="145"/>
      <c r="AW8055" s="145"/>
      <c r="AX8055" s="145"/>
      <c r="AY8055" s="146"/>
      <c r="AZ8055" s="146"/>
      <c r="BA8055" s="146"/>
      <c r="BB8055" s="221">
        <v>45884</v>
      </c>
    </row>
    <row r="8056" spans="1:54" s="8" customFormat="1" ht="13.95" customHeight="1" x14ac:dyDescent="0.25">
      <c r="A8056" s="229" t="s">
        <v>19358</v>
      </c>
      <c r="B8056" s="96" t="s">
        <v>19882</v>
      </c>
      <c r="C8056" s="93" t="s">
        <v>19359</v>
      </c>
      <c r="D8056" s="93" t="s">
        <v>19360</v>
      </c>
      <c r="E8056" s="111" t="s">
        <v>174</v>
      </c>
      <c r="F8056" s="111">
        <v>1804</v>
      </c>
      <c r="G8056" s="93" t="s">
        <v>1</v>
      </c>
      <c r="H8056" s="111">
        <v>1</v>
      </c>
      <c r="I8056" s="111">
        <v>1</v>
      </c>
      <c r="J8056" s="111">
        <v>1</v>
      </c>
      <c r="K8056" s="111">
        <v>0</v>
      </c>
      <c r="L8056" s="111">
        <v>0</v>
      </c>
      <c r="M8056" s="111">
        <v>0</v>
      </c>
      <c r="N8056" s="111">
        <v>0</v>
      </c>
      <c r="O8056" s="111">
        <v>1</v>
      </c>
      <c r="P8056" s="111">
        <v>1</v>
      </c>
      <c r="Q8056" s="111">
        <v>0</v>
      </c>
      <c r="R8056" s="111">
        <v>1</v>
      </c>
      <c r="S8056" s="111">
        <v>0</v>
      </c>
      <c r="T8056" s="111">
        <v>0</v>
      </c>
      <c r="U8056" s="111">
        <v>1</v>
      </c>
      <c r="V8056" s="145"/>
      <c r="W8056" s="145"/>
      <c r="X8056" s="145"/>
      <c r="Y8056" s="145"/>
      <c r="Z8056" s="145"/>
      <c r="AA8056" s="145"/>
      <c r="AB8056" s="145"/>
      <c r="AC8056" s="145"/>
      <c r="AD8056" s="145"/>
      <c r="AE8056" s="145"/>
      <c r="AF8056" s="145"/>
      <c r="AG8056" s="145"/>
      <c r="AH8056" s="145"/>
      <c r="AI8056" s="145"/>
      <c r="AJ8056" s="145"/>
      <c r="AK8056" s="145"/>
      <c r="AL8056" s="145"/>
      <c r="AM8056" s="145"/>
      <c r="AN8056" s="145"/>
      <c r="AO8056" s="145"/>
      <c r="AP8056" s="145"/>
      <c r="AQ8056" s="145"/>
      <c r="AR8056" s="145"/>
      <c r="AS8056" s="145"/>
      <c r="AT8056" s="111">
        <v>1</v>
      </c>
      <c r="AU8056" s="145"/>
      <c r="AV8056" s="145"/>
      <c r="AW8056" s="145"/>
      <c r="AX8056" s="145"/>
      <c r="AY8056" s="146"/>
      <c r="AZ8056" s="146"/>
      <c r="BA8056" s="146"/>
      <c r="BB8056" s="221">
        <v>45884</v>
      </c>
    </row>
    <row r="8057" spans="1:54" s="8" customFormat="1" ht="12" x14ac:dyDescent="0.25">
      <c r="A8057" s="229" t="s">
        <v>19361</v>
      </c>
      <c r="B8057" s="96" t="s">
        <v>19882</v>
      </c>
      <c r="C8057" s="93" t="s">
        <v>18859</v>
      </c>
      <c r="D8057" s="93" t="s">
        <v>19362</v>
      </c>
      <c r="E8057" s="111" t="s">
        <v>174</v>
      </c>
      <c r="F8057" s="111">
        <v>2260</v>
      </c>
      <c r="G8057" s="93" t="s">
        <v>1</v>
      </c>
      <c r="H8057" s="111">
        <v>1</v>
      </c>
      <c r="I8057" s="111">
        <v>1</v>
      </c>
      <c r="J8057" s="111">
        <v>1</v>
      </c>
      <c r="K8057" s="111">
        <v>0</v>
      </c>
      <c r="L8057" s="111">
        <v>0</v>
      </c>
      <c r="M8057" s="111">
        <v>1</v>
      </c>
      <c r="N8057" s="111">
        <v>0</v>
      </c>
      <c r="O8057" s="111">
        <v>0</v>
      </c>
      <c r="P8057" s="111">
        <v>1</v>
      </c>
      <c r="Q8057" s="111">
        <v>0</v>
      </c>
      <c r="R8057" s="111">
        <v>0</v>
      </c>
      <c r="S8057" s="111">
        <v>0</v>
      </c>
      <c r="T8057" s="111">
        <v>1</v>
      </c>
      <c r="U8057" s="145"/>
      <c r="V8057" s="145"/>
      <c r="W8057" s="145"/>
      <c r="X8057" s="145"/>
      <c r="Y8057" s="145"/>
      <c r="Z8057" s="145"/>
      <c r="AA8057" s="145"/>
      <c r="AB8057" s="145"/>
      <c r="AC8057" s="145"/>
      <c r="AD8057" s="145"/>
      <c r="AE8057" s="145"/>
      <c r="AF8057" s="145"/>
      <c r="AG8057" s="145"/>
      <c r="AH8057" s="145"/>
      <c r="AI8057" s="145"/>
      <c r="AJ8057" s="145"/>
      <c r="AK8057" s="145"/>
      <c r="AL8057" s="145"/>
      <c r="AM8057" s="145"/>
      <c r="AN8057" s="145"/>
      <c r="AO8057" s="145"/>
      <c r="AP8057" s="145"/>
      <c r="AQ8057" s="145"/>
      <c r="AR8057" s="145"/>
      <c r="AS8057" s="145"/>
      <c r="AT8057" s="111">
        <v>1</v>
      </c>
      <c r="AU8057" s="145"/>
      <c r="AV8057" s="145"/>
      <c r="AW8057" s="145"/>
      <c r="AX8057" s="145"/>
      <c r="AY8057" s="146"/>
      <c r="AZ8057" s="146"/>
      <c r="BA8057" s="112" t="s">
        <v>19363</v>
      </c>
      <c r="BB8057" s="221">
        <v>45884</v>
      </c>
    </row>
    <row r="8058" spans="1:54" s="8" customFormat="1" ht="12" x14ac:dyDescent="0.25">
      <c r="A8058" s="229" t="s">
        <v>19364</v>
      </c>
      <c r="B8058" s="96" t="s">
        <v>19882</v>
      </c>
      <c r="C8058" s="93" t="s">
        <v>19365</v>
      </c>
      <c r="D8058" s="93" t="s">
        <v>19366</v>
      </c>
      <c r="E8058" s="111" t="s">
        <v>174</v>
      </c>
      <c r="F8058" s="111">
        <v>2491</v>
      </c>
      <c r="G8058" s="93" t="s">
        <v>1</v>
      </c>
      <c r="H8058" s="111">
        <v>1</v>
      </c>
      <c r="I8058" s="111">
        <v>1</v>
      </c>
      <c r="J8058" s="111">
        <v>1</v>
      </c>
      <c r="K8058" s="111">
        <v>0</v>
      </c>
      <c r="L8058" s="111">
        <v>1</v>
      </c>
      <c r="M8058" s="111">
        <v>0</v>
      </c>
      <c r="N8058" s="111">
        <v>1</v>
      </c>
      <c r="O8058" s="111">
        <v>1</v>
      </c>
      <c r="P8058" s="111">
        <v>1</v>
      </c>
      <c r="Q8058" s="111">
        <v>0</v>
      </c>
      <c r="R8058" s="111">
        <v>0</v>
      </c>
      <c r="S8058" s="111">
        <v>0</v>
      </c>
      <c r="T8058" s="111">
        <v>0</v>
      </c>
      <c r="U8058" s="145"/>
      <c r="V8058" s="145"/>
      <c r="W8058" s="145"/>
      <c r="X8058" s="145"/>
      <c r="Y8058" s="145"/>
      <c r="Z8058" s="145"/>
      <c r="AA8058" s="145"/>
      <c r="AB8058" s="145"/>
      <c r="AC8058" s="145"/>
      <c r="AD8058" s="145"/>
      <c r="AE8058" s="145"/>
      <c r="AF8058" s="145"/>
      <c r="AG8058" s="145"/>
      <c r="AH8058" s="145"/>
      <c r="AI8058" s="145"/>
      <c r="AJ8058" s="145"/>
      <c r="AK8058" s="145"/>
      <c r="AL8058" s="145"/>
      <c r="AM8058" s="145"/>
      <c r="AN8058" s="145"/>
      <c r="AO8058" s="145"/>
      <c r="AP8058" s="145"/>
      <c r="AQ8058" s="145"/>
      <c r="AR8058" s="145"/>
      <c r="AS8058" s="145"/>
      <c r="AT8058" s="111">
        <v>1</v>
      </c>
      <c r="AU8058" s="145"/>
      <c r="AV8058" s="145"/>
      <c r="AW8058" s="145"/>
      <c r="AX8058" s="145"/>
      <c r="AY8058" s="146"/>
      <c r="AZ8058" s="146"/>
      <c r="BA8058" s="112"/>
      <c r="BB8058" s="221">
        <v>45884</v>
      </c>
    </row>
    <row r="8059" spans="1:54" s="8" customFormat="1" ht="12" x14ac:dyDescent="0.25">
      <c r="A8059" s="229" t="s">
        <v>19367</v>
      </c>
      <c r="B8059" s="96" t="s">
        <v>19882</v>
      </c>
      <c r="C8059" s="93" t="s">
        <v>19368</v>
      </c>
      <c r="D8059" s="93" t="s">
        <v>19369</v>
      </c>
      <c r="E8059" s="111" t="s">
        <v>174</v>
      </c>
      <c r="F8059" s="111">
        <v>2773</v>
      </c>
      <c r="G8059" s="93" t="s">
        <v>1</v>
      </c>
      <c r="H8059" s="111">
        <v>1</v>
      </c>
      <c r="I8059" s="111">
        <v>0</v>
      </c>
      <c r="J8059" s="111">
        <v>1</v>
      </c>
      <c r="K8059" s="111">
        <v>0</v>
      </c>
      <c r="L8059" s="111">
        <v>1</v>
      </c>
      <c r="M8059" s="111">
        <v>0</v>
      </c>
      <c r="N8059" s="111">
        <v>1</v>
      </c>
      <c r="O8059" s="111">
        <v>1</v>
      </c>
      <c r="P8059" s="111">
        <v>0</v>
      </c>
      <c r="Q8059" s="111">
        <v>0</v>
      </c>
      <c r="R8059" s="111">
        <v>0</v>
      </c>
      <c r="S8059" s="111">
        <v>0</v>
      </c>
      <c r="T8059" s="111">
        <v>0</v>
      </c>
      <c r="U8059" s="145"/>
      <c r="V8059" s="145"/>
      <c r="W8059" s="145"/>
      <c r="X8059" s="145"/>
      <c r="Y8059" s="145"/>
      <c r="Z8059" s="145"/>
      <c r="AA8059" s="145"/>
      <c r="AB8059" s="145"/>
      <c r="AC8059" s="145"/>
      <c r="AD8059" s="145"/>
      <c r="AE8059" s="145"/>
      <c r="AF8059" s="145"/>
      <c r="AG8059" s="145"/>
      <c r="AH8059" s="145"/>
      <c r="AI8059" s="145"/>
      <c r="AJ8059" s="145"/>
      <c r="AK8059" s="145"/>
      <c r="AL8059" s="145"/>
      <c r="AM8059" s="145"/>
      <c r="AN8059" s="145"/>
      <c r="AO8059" s="145"/>
      <c r="AP8059" s="145"/>
      <c r="AQ8059" s="145"/>
      <c r="AR8059" s="145"/>
      <c r="AS8059" s="145"/>
      <c r="AT8059" s="111">
        <v>1</v>
      </c>
      <c r="AU8059" s="145"/>
      <c r="AV8059" s="145"/>
      <c r="AW8059" s="145"/>
      <c r="AX8059" s="145"/>
      <c r="AY8059" s="146"/>
      <c r="AZ8059" s="146"/>
      <c r="BA8059" s="112" t="s">
        <v>21487</v>
      </c>
      <c r="BB8059" s="221">
        <v>45884</v>
      </c>
    </row>
    <row r="8060" spans="1:54" s="8" customFormat="1" ht="12" x14ac:dyDescent="0.25">
      <c r="A8060" s="229" t="s">
        <v>19370</v>
      </c>
      <c r="B8060" s="96" t="s">
        <v>19882</v>
      </c>
      <c r="C8060" s="93" t="s">
        <v>19371</v>
      </c>
      <c r="D8060" s="93" t="s">
        <v>19372</v>
      </c>
      <c r="E8060" s="111" t="s">
        <v>174</v>
      </c>
      <c r="F8060" s="111">
        <v>2915</v>
      </c>
      <c r="G8060" s="93" t="s">
        <v>1</v>
      </c>
      <c r="H8060" s="111">
        <v>1</v>
      </c>
      <c r="I8060" s="111">
        <v>1</v>
      </c>
      <c r="J8060" s="111">
        <v>1</v>
      </c>
      <c r="K8060" s="111">
        <v>1</v>
      </c>
      <c r="L8060" s="111">
        <v>1</v>
      </c>
      <c r="M8060" s="111">
        <v>1</v>
      </c>
      <c r="N8060" s="111">
        <v>0</v>
      </c>
      <c r="O8060" s="111">
        <v>0</v>
      </c>
      <c r="P8060" s="111">
        <v>1</v>
      </c>
      <c r="Q8060" s="111">
        <v>0</v>
      </c>
      <c r="R8060" s="111">
        <v>0</v>
      </c>
      <c r="S8060" s="111">
        <v>0</v>
      </c>
      <c r="T8060" s="111">
        <v>0</v>
      </c>
      <c r="U8060" s="111">
        <v>1</v>
      </c>
      <c r="V8060" s="145"/>
      <c r="W8060" s="145"/>
      <c r="X8060" s="145"/>
      <c r="Y8060" s="145"/>
      <c r="Z8060" s="145"/>
      <c r="AA8060" s="145"/>
      <c r="AB8060" s="145"/>
      <c r="AC8060" s="145"/>
      <c r="AD8060" s="145"/>
      <c r="AE8060" s="145"/>
      <c r="AF8060" s="145"/>
      <c r="AG8060" s="145"/>
      <c r="AH8060" s="145"/>
      <c r="AI8060" s="145"/>
      <c r="AJ8060" s="145"/>
      <c r="AK8060" s="145"/>
      <c r="AL8060" s="145"/>
      <c r="AM8060" s="145"/>
      <c r="AN8060" s="145"/>
      <c r="AO8060" s="145"/>
      <c r="AP8060" s="145"/>
      <c r="AQ8060" s="145"/>
      <c r="AR8060" s="145"/>
      <c r="AS8060" s="145"/>
      <c r="AT8060" s="111">
        <v>1</v>
      </c>
      <c r="AU8060" s="145"/>
      <c r="AV8060" s="145"/>
      <c r="AW8060" s="145"/>
      <c r="AX8060" s="145"/>
      <c r="AY8060" s="146"/>
      <c r="AZ8060" s="146"/>
      <c r="BA8060" s="146"/>
      <c r="BB8060" s="221">
        <v>45884</v>
      </c>
    </row>
    <row r="8061" spans="1:54" s="8" customFormat="1" ht="12" x14ac:dyDescent="0.25">
      <c r="A8061" s="229" t="s">
        <v>19373</v>
      </c>
      <c r="B8061" s="96" t="s">
        <v>19882</v>
      </c>
      <c r="C8061" s="93" t="s">
        <v>19374</v>
      </c>
      <c r="D8061" s="93" t="s">
        <v>20575</v>
      </c>
      <c r="E8061" s="111" t="s">
        <v>174</v>
      </c>
      <c r="F8061" s="111">
        <v>3305</v>
      </c>
      <c r="G8061" s="93" t="s">
        <v>1</v>
      </c>
      <c r="H8061" s="111">
        <v>1</v>
      </c>
      <c r="I8061" s="111">
        <v>0</v>
      </c>
      <c r="J8061" s="111">
        <v>1</v>
      </c>
      <c r="K8061" s="111">
        <v>0</v>
      </c>
      <c r="L8061" s="111">
        <v>1</v>
      </c>
      <c r="M8061" s="111">
        <v>0</v>
      </c>
      <c r="N8061" s="111">
        <v>0</v>
      </c>
      <c r="O8061" s="111">
        <v>1</v>
      </c>
      <c r="P8061" s="111">
        <v>1</v>
      </c>
      <c r="Q8061" s="111">
        <v>1</v>
      </c>
      <c r="R8061" s="111">
        <v>0</v>
      </c>
      <c r="S8061" s="111">
        <v>1</v>
      </c>
      <c r="T8061" s="111">
        <v>0</v>
      </c>
      <c r="U8061" s="145"/>
      <c r="V8061" s="145"/>
      <c r="W8061" s="145"/>
      <c r="X8061" s="145"/>
      <c r="Y8061" s="145"/>
      <c r="Z8061" s="145"/>
      <c r="AA8061" s="145"/>
      <c r="AB8061" s="145"/>
      <c r="AC8061" s="145"/>
      <c r="AD8061" s="145"/>
      <c r="AE8061" s="145"/>
      <c r="AF8061" s="145"/>
      <c r="AG8061" s="145"/>
      <c r="AH8061" s="145"/>
      <c r="AI8061" s="145"/>
      <c r="AJ8061" s="145"/>
      <c r="AK8061" s="145"/>
      <c r="AL8061" s="145"/>
      <c r="AM8061" s="145"/>
      <c r="AN8061" s="145"/>
      <c r="AO8061" s="145"/>
      <c r="AP8061" s="145"/>
      <c r="AQ8061" s="145"/>
      <c r="AR8061" s="145"/>
      <c r="AS8061" s="145"/>
      <c r="AT8061" s="111">
        <v>1</v>
      </c>
      <c r="AU8061" s="145"/>
      <c r="AV8061" s="145"/>
      <c r="AW8061" s="145"/>
      <c r="AX8061" s="145"/>
      <c r="AY8061" s="146"/>
      <c r="AZ8061" s="146"/>
      <c r="BA8061" s="146"/>
      <c r="BB8061" s="221">
        <v>45884</v>
      </c>
    </row>
    <row r="8062" spans="1:54" s="8" customFormat="1" ht="12" x14ac:dyDescent="0.25">
      <c r="A8062" s="229" t="s">
        <v>19375</v>
      </c>
      <c r="B8062" s="96" t="s">
        <v>19882</v>
      </c>
      <c r="C8062" s="93" t="s">
        <v>19376</v>
      </c>
      <c r="D8062" s="93" t="s">
        <v>19377</v>
      </c>
      <c r="E8062" s="111" t="s">
        <v>174</v>
      </c>
      <c r="F8062" s="111">
        <v>3461</v>
      </c>
      <c r="G8062" s="93" t="s">
        <v>1</v>
      </c>
      <c r="H8062" s="111">
        <v>1</v>
      </c>
      <c r="I8062" s="111">
        <v>1</v>
      </c>
      <c r="J8062" s="111">
        <v>1</v>
      </c>
      <c r="K8062" s="111">
        <v>0</v>
      </c>
      <c r="L8062" s="111">
        <v>1</v>
      </c>
      <c r="M8062" s="111">
        <v>0</v>
      </c>
      <c r="N8062" s="111">
        <v>0</v>
      </c>
      <c r="O8062" s="111">
        <v>1</v>
      </c>
      <c r="P8062" s="111">
        <v>1</v>
      </c>
      <c r="Q8062" s="111">
        <v>0</v>
      </c>
      <c r="R8062" s="111">
        <v>0</v>
      </c>
      <c r="S8062" s="111">
        <v>0</v>
      </c>
      <c r="T8062" s="111">
        <v>0</v>
      </c>
      <c r="U8062" s="145"/>
      <c r="V8062" s="145"/>
      <c r="W8062" s="145"/>
      <c r="X8062" s="145"/>
      <c r="Y8062" s="145"/>
      <c r="Z8062" s="145"/>
      <c r="AA8062" s="111">
        <v>1</v>
      </c>
      <c r="AB8062" s="145"/>
      <c r="AC8062" s="145"/>
      <c r="AD8062" s="145"/>
      <c r="AE8062" s="145"/>
      <c r="AF8062" s="145"/>
      <c r="AG8062" s="145"/>
      <c r="AH8062" s="145"/>
      <c r="AI8062" s="145"/>
      <c r="AJ8062" s="145"/>
      <c r="AK8062" s="145"/>
      <c r="AL8062" s="145"/>
      <c r="AM8062" s="145"/>
      <c r="AN8062" s="145"/>
      <c r="AO8062" s="145"/>
      <c r="AP8062" s="145"/>
      <c r="AQ8062" s="145"/>
      <c r="AR8062" s="145"/>
      <c r="AS8062" s="145"/>
      <c r="AT8062" s="111">
        <v>1</v>
      </c>
      <c r="AU8062" s="145"/>
      <c r="AV8062" s="145"/>
      <c r="AW8062" s="145"/>
      <c r="AX8062" s="145"/>
      <c r="AY8062" s="146"/>
      <c r="AZ8062" s="146"/>
      <c r="BA8062" s="112" t="s">
        <v>21488</v>
      </c>
      <c r="BB8062" s="221">
        <v>45884</v>
      </c>
    </row>
    <row r="8063" spans="1:54" s="8" customFormat="1" ht="12" x14ac:dyDescent="0.25">
      <c r="A8063" s="229" t="s">
        <v>19378</v>
      </c>
      <c r="B8063" s="96" t="s">
        <v>19882</v>
      </c>
      <c r="C8063" s="93" t="s">
        <v>19379</v>
      </c>
      <c r="D8063" s="93" t="s">
        <v>19380</v>
      </c>
      <c r="E8063" s="111" t="s">
        <v>174</v>
      </c>
      <c r="F8063" s="111">
        <v>3602</v>
      </c>
      <c r="G8063" s="93" t="s">
        <v>1</v>
      </c>
      <c r="H8063" s="111">
        <v>1</v>
      </c>
      <c r="I8063" s="111">
        <v>0</v>
      </c>
      <c r="J8063" s="111">
        <v>1</v>
      </c>
      <c r="K8063" s="111">
        <v>0</v>
      </c>
      <c r="L8063" s="111">
        <v>1</v>
      </c>
      <c r="M8063" s="111">
        <v>0</v>
      </c>
      <c r="N8063" s="111">
        <v>1</v>
      </c>
      <c r="O8063" s="111">
        <v>1</v>
      </c>
      <c r="P8063" s="111">
        <v>1</v>
      </c>
      <c r="Q8063" s="111">
        <v>0</v>
      </c>
      <c r="R8063" s="111">
        <v>0</v>
      </c>
      <c r="S8063" s="111">
        <v>1</v>
      </c>
      <c r="T8063" s="111">
        <v>1</v>
      </c>
      <c r="U8063" s="145"/>
      <c r="V8063" s="145"/>
      <c r="W8063" s="145"/>
      <c r="X8063" s="145"/>
      <c r="Y8063" s="145"/>
      <c r="Z8063" s="145"/>
      <c r="AA8063" s="145"/>
      <c r="AB8063" s="145"/>
      <c r="AC8063" s="145"/>
      <c r="AD8063" s="145"/>
      <c r="AE8063" s="145"/>
      <c r="AF8063" s="145"/>
      <c r="AG8063" s="145"/>
      <c r="AH8063" s="145"/>
      <c r="AI8063" s="145"/>
      <c r="AJ8063" s="145"/>
      <c r="AK8063" s="145"/>
      <c r="AL8063" s="145"/>
      <c r="AM8063" s="145"/>
      <c r="AN8063" s="145"/>
      <c r="AO8063" s="145"/>
      <c r="AP8063" s="145"/>
      <c r="AQ8063" s="145"/>
      <c r="AR8063" s="145"/>
      <c r="AS8063" s="145"/>
      <c r="AT8063" s="111">
        <v>1</v>
      </c>
      <c r="AU8063" s="145"/>
      <c r="AV8063" s="145"/>
      <c r="AW8063" s="145"/>
      <c r="AX8063" s="145"/>
      <c r="AY8063" s="146"/>
      <c r="AZ8063" s="146"/>
      <c r="BA8063" s="112" t="s">
        <v>20576</v>
      </c>
      <c r="BB8063" s="221">
        <v>45884</v>
      </c>
    </row>
    <row r="8064" spans="1:54" s="8" customFormat="1" ht="12" x14ac:dyDescent="0.25">
      <c r="A8064" s="229" t="s">
        <v>19381</v>
      </c>
      <c r="B8064" s="96" t="s">
        <v>19882</v>
      </c>
      <c r="C8064" s="93" t="s">
        <v>19382</v>
      </c>
      <c r="D8064" s="93" t="s">
        <v>19383</v>
      </c>
      <c r="E8064" s="111" t="s">
        <v>174</v>
      </c>
      <c r="F8064" s="111">
        <v>3628</v>
      </c>
      <c r="G8064" s="93" t="s">
        <v>1</v>
      </c>
      <c r="H8064" s="111">
        <v>0</v>
      </c>
      <c r="I8064" s="111">
        <v>0</v>
      </c>
      <c r="J8064" s="111">
        <v>0</v>
      </c>
      <c r="K8064" s="111">
        <v>0</v>
      </c>
      <c r="L8064" s="111">
        <v>0</v>
      </c>
      <c r="M8064" s="111">
        <v>0</v>
      </c>
      <c r="N8064" s="111">
        <v>0</v>
      </c>
      <c r="O8064" s="111">
        <v>0</v>
      </c>
      <c r="P8064" s="111">
        <v>0</v>
      </c>
      <c r="Q8064" s="111">
        <v>0</v>
      </c>
      <c r="R8064" s="111">
        <v>0</v>
      </c>
      <c r="S8064" s="111">
        <v>0</v>
      </c>
      <c r="T8064" s="111">
        <v>0</v>
      </c>
      <c r="U8064" s="145"/>
      <c r="V8064" s="145"/>
      <c r="W8064" s="145"/>
      <c r="X8064" s="145"/>
      <c r="Y8064" s="145"/>
      <c r="Z8064" s="145"/>
      <c r="AA8064" s="145"/>
      <c r="AB8064" s="145"/>
      <c r="AC8064" s="145"/>
      <c r="AD8064" s="145"/>
      <c r="AE8064" s="145"/>
      <c r="AF8064" s="145"/>
      <c r="AG8064" s="145"/>
      <c r="AH8064" s="145"/>
      <c r="AI8064" s="145"/>
      <c r="AJ8064" s="145"/>
      <c r="AK8064" s="145"/>
      <c r="AL8064" s="145"/>
      <c r="AM8064" s="145"/>
      <c r="AN8064" s="145"/>
      <c r="AO8064" s="145"/>
      <c r="AP8064" s="145"/>
      <c r="AQ8064" s="145"/>
      <c r="AR8064" s="145"/>
      <c r="AS8064" s="145"/>
      <c r="AT8064" s="111">
        <v>1</v>
      </c>
      <c r="AU8064" s="145"/>
      <c r="AV8064" s="145"/>
      <c r="AW8064" s="145"/>
      <c r="AX8064" s="145"/>
      <c r="AY8064" s="146"/>
      <c r="AZ8064" s="146"/>
      <c r="BA8064" s="146"/>
      <c r="BB8064" s="221">
        <v>45884</v>
      </c>
    </row>
    <row r="8065" spans="1:54" s="8" customFormat="1" ht="12" x14ac:dyDescent="0.25">
      <c r="A8065" s="229" t="s">
        <v>19384</v>
      </c>
      <c r="B8065" s="96" t="s">
        <v>19882</v>
      </c>
      <c r="C8065" s="93" t="s">
        <v>19385</v>
      </c>
      <c r="D8065" s="93" t="s">
        <v>19386</v>
      </c>
      <c r="E8065" s="111" t="s">
        <v>174</v>
      </c>
      <c r="F8065" s="111">
        <v>4838</v>
      </c>
      <c r="G8065" s="93" t="s">
        <v>5</v>
      </c>
      <c r="H8065" s="111">
        <v>1</v>
      </c>
      <c r="I8065" s="111">
        <v>1</v>
      </c>
      <c r="J8065" s="111">
        <v>1</v>
      </c>
      <c r="K8065" s="111">
        <v>0</v>
      </c>
      <c r="L8065" s="111">
        <v>0</v>
      </c>
      <c r="M8065" s="111">
        <v>0</v>
      </c>
      <c r="N8065" s="111">
        <v>0</v>
      </c>
      <c r="O8065" s="111">
        <v>0</v>
      </c>
      <c r="P8065" s="111">
        <v>0</v>
      </c>
      <c r="Q8065" s="111">
        <v>0</v>
      </c>
      <c r="R8065" s="111">
        <v>0</v>
      </c>
      <c r="S8065" s="111">
        <v>0</v>
      </c>
      <c r="T8065" s="111">
        <v>0</v>
      </c>
      <c r="U8065" s="145"/>
      <c r="V8065" s="145"/>
      <c r="W8065" s="145"/>
      <c r="X8065" s="145"/>
      <c r="Y8065" s="145"/>
      <c r="Z8065" s="145"/>
      <c r="AA8065" s="145"/>
      <c r="AB8065" s="145"/>
      <c r="AC8065" s="145"/>
      <c r="AD8065" s="145"/>
      <c r="AE8065" s="145"/>
      <c r="AF8065" s="145"/>
      <c r="AG8065" s="145"/>
      <c r="AH8065" s="145"/>
      <c r="AI8065" s="145"/>
      <c r="AJ8065" s="145"/>
      <c r="AK8065" s="145"/>
      <c r="AL8065" s="145"/>
      <c r="AM8065" s="145"/>
      <c r="AN8065" s="145"/>
      <c r="AO8065" s="111">
        <v>1</v>
      </c>
      <c r="AP8065" s="145"/>
      <c r="AQ8065" s="111">
        <v>1</v>
      </c>
      <c r="AR8065" s="145"/>
      <c r="AS8065" s="145"/>
      <c r="AT8065" s="145"/>
      <c r="AU8065" s="145"/>
      <c r="AV8065" s="145"/>
      <c r="AW8065" s="145"/>
      <c r="AX8065" s="145"/>
      <c r="AY8065" s="146"/>
      <c r="AZ8065" s="146"/>
      <c r="BA8065" s="112" t="s">
        <v>20577</v>
      </c>
      <c r="BB8065" s="221">
        <v>45884</v>
      </c>
    </row>
    <row r="8066" spans="1:54" s="8" customFormat="1" ht="12" x14ac:dyDescent="0.25">
      <c r="A8066" s="229" t="s">
        <v>19387</v>
      </c>
      <c r="B8066" s="96" t="s">
        <v>19882</v>
      </c>
      <c r="C8066" s="93" t="s">
        <v>19388</v>
      </c>
      <c r="D8066" s="93" t="s">
        <v>19389</v>
      </c>
      <c r="E8066" s="111" t="s">
        <v>174</v>
      </c>
      <c r="F8066" s="111">
        <v>5473</v>
      </c>
      <c r="G8066" s="93" t="s">
        <v>1</v>
      </c>
      <c r="H8066" s="111">
        <v>1</v>
      </c>
      <c r="I8066" s="111">
        <v>1</v>
      </c>
      <c r="J8066" s="111">
        <v>1</v>
      </c>
      <c r="K8066" s="111">
        <v>0</v>
      </c>
      <c r="L8066" s="111">
        <v>1</v>
      </c>
      <c r="M8066" s="111">
        <v>0</v>
      </c>
      <c r="N8066" s="111">
        <v>1</v>
      </c>
      <c r="O8066" s="111">
        <v>1</v>
      </c>
      <c r="P8066" s="111">
        <v>1</v>
      </c>
      <c r="Q8066" s="111">
        <v>0</v>
      </c>
      <c r="R8066" s="111">
        <v>1</v>
      </c>
      <c r="S8066" s="111">
        <v>0</v>
      </c>
      <c r="T8066" s="111">
        <v>0</v>
      </c>
      <c r="U8066" s="145"/>
      <c r="V8066" s="145"/>
      <c r="W8066" s="145"/>
      <c r="X8066" s="145"/>
      <c r="Y8066" s="145"/>
      <c r="Z8066" s="145"/>
      <c r="AA8066" s="145"/>
      <c r="AB8066" s="145"/>
      <c r="AC8066" s="145"/>
      <c r="AD8066" s="145"/>
      <c r="AE8066" s="145"/>
      <c r="AF8066" s="145"/>
      <c r="AG8066" s="145"/>
      <c r="AH8066" s="145"/>
      <c r="AI8066" s="145"/>
      <c r="AJ8066" s="145"/>
      <c r="AK8066" s="145"/>
      <c r="AL8066" s="145"/>
      <c r="AM8066" s="145"/>
      <c r="AN8066" s="145"/>
      <c r="AO8066" s="145"/>
      <c r="AP8066" s="145"/>
      <c r="AQ8066" s="145"/>
      <c r="AR8066" s="145"/>
      <c r="AS8066" s="145"/>
      <c r="AT8066" s="111">
        <v>1</v>
      </c>
      <c r="AU8066" s="145"/>
      <c r="AV8066" s="145"/>
      <c r="AW8066" s="145"/>
      <c r="AX8066" s="145"/>
      <c r="AY8066" s="146"/>
      <c r="AZ8066" s="146"/>
      <c r="BA8066" s="112" t="s">
        <v>21488</v>
      </c>
      <c r="BB8066" s="221">
        <v>45884</v>
      </c>
    </row>
    <row r="8067" spans="1:54" s="8" customFormat="1" ht="12" x14ac:dyDescent="0.25">
      <c r="A8067" s="229" t="s">
        <v>19390</v>
      </c>
      <c r="B8067" s="96" t="s">
        <v>19882</v>
      </c>
      <c r="C8067" s="93" t="s">
        <v>19391</v>
      </c>
      <c r="D8067" s="93" t="s">
        <v>19392</v>
      </c>
      <c r="E8067" s="111" t="s">
        <v>174</v>
      </c>
      <c r="F8067" s="111">
        <v>133500</v>
      </c>
      <c r="G8067" s="93" t="s">
        <v>12</v>
      </c>
      <c r="H8067" s="111">
        <v>1</v>
      </c>
      <c r="I8067" s="111">
        <v>0</v>
      </c>
      <c r="J8067" s="111">
        <v>0</v>
      </c>
      <c r="K8067" s="111" t="s">
        <v>400</v>
      </c>
      <c r="L8067" s="111" t="s">
        <v>400</v>
      </c>
      <c r="M8067" s="111" t="s">
        <v>400</v>
      </c>
      <c r="N8067" s="111" t="s">
        <v>400</v>
      </c>
      <c r="O8067" s="111" t="s">
        <v>400</v>
      </c>
      <c r="P8067" s="111" t="s">
        <v>400</v>
      </c>
      <c r="Q8067" s="111" t="s">
        <v>400</v>
      </c>
      <c r="R8067" s="111" t="s">
        <v>400</v>
      </c>
      <c r="S8067" s="111" t="s">
        <v>400</v>
      </c>
      <c r="T8067" s="111" t="s">
        <v>400</v>
      </c>
      <c r="U8067" s="145"/>
      <c r="V8067" s="145"/>
      <c r="W8067" s="145"/>
      <c r="X8067" s="145"/>
      <c r="Y8067" s="145"/>
      <c r="Z8067" s="145"/>
      <c r="AA8067" s="145"/>
      <c r="AB8067" s="145"/>
      <c r="AC8067" s="145"/>
      <c r="AD8067" s="145"/>
      <c r="AE8067" s="145"/>
      <c r="AF8067" s="145"/>
      <c r="AG8067" s="145"/>
      <c r="AH8067" s="145"/>
      <c r="AI8067" s="145"/>
      <c r="AJ8067" s="145"/>
      <c r="AK8067" s="145"/>
      <c r="AL8067" s="145"/>
      <c r="AM8067" s="145"/>
      <c r="AN8067" s="145"/>
      <c r="AO8067" s="145"/>
      <c r="AP8067" s="145"/>
      <c r="AQ8067" s="145"/>
      <c r="AR8067" s="145"/>
      <c r="AS8067" s="145"/>
      <c r="AT8067" s="145"/>
      <c r="AU8067" s="145"/>
      <c r="AV8067" s="145"/>
      <c r="AW8067" s="145"/>
      <c r="AX8067" s="145"/>
      <c r="AY8067" s="146"/>
      <c r="AZ8067" s="146"/>
      <c r="BA8067" s="146"/>
      <c r="BB8067" s="221">
        <v>45884</v>
      </c>
    </row>
    <row r="8068" spans="1:54" s="8" customFormat="1" ht="12" x14ac:dyDescent="0.25">
      <c r="A8068" s="229" t="s">
        <v>19393</v>
      </c>
      <c r="B8068" s="96" t="s">
        <v>19882</v>
      </c>
      <c r="C8068" s="93" t="s">
        <v>19394</v>
      </c>
      <c r="D8068" s="93" t="s">
        <v>19395</v>
      </c>
      <c r="E8068" s="111" t="s">
        <v>174</v>
      </c>
      <c r="F8068" s="111">
        <v>72000</v>
      </c>
      <c r="G8068" s="93" t="s">
        <v>12</v>
      </c>
      <c r="H8068" s="111">
        <v>0</v>
      </c>
      <c r="I8068" s="111">
        <v>0</v>
      </c>
      <c r="J8068" s="111">
        <v>0</v>
      </c>
      <c r="K8068" s="111">
        <v>0</v>
      </c>
      <c r="L8068" s="111">
        <v>0</v>
      </c>
      <c r="M8068" s="111">
        <v>0</v>
      </c>
      <c r="N8068" s="111">
        <v>0</v>
      </c>
      <c r="O8068" s="111">
        <v>0</v>
      </c>
      <c r="P8068" s="111">
        <v>0</v>
      </c>
      <c r="Q8068" s="111">
        <v>0</v>
      </c>
      <c r="R8068" s="111">
        <v>0</v>
      </c>
      <c r="S8068" s="111">
        <v>0</v>
      </c>
      <c r="T8068" s="111">
        <v>0</v>
      </c>
      <c r="U8068" s="145"/>
      <c r="V8068" s="145"/>
      <c r="W8068" s="145"/>
      <c r="X8068" s="145"/>
      <c r="Y8068" s="145"/>
      <c r="Z8068" s="145"/>
      <c r="AA8068" s="145"/>
      <c r="AB8068" s="145"/>
      <c r="AC8068" s="145"/>
      <c r="AD8068" s="145"/>
      <c r="AE8068" s="145"/>
      <c r="AF8068" s="145"/>
      <c r="AG8068" s="145"/>
      <c r="AH8068" s="145"/>
      <c r="AI8068" s="145"/>
      <c r="AJ8068" s="145"/>
      <c r="AK8068" s="145"/>
      <c r="AL8068" s="145"/>
      <c r="AM8068" s="145"/>
      <c r="AN8068" s="145"/>
      <c r="AO8068" s="145"/>
      <c r="AP8068" s="145"/>
      <c r="AQ8068" s="145"/>
      <c r="AR8068" s="145"/>
      <c r="AS8068" s="145"/>
      <c r="AT8068" s="145"/>
      <c r="AU8068" s="145"/>
      <c r="AV8068" s="145"/>
      <c r="AW8068" s="145"/>
      <c r="AX8068" s="145"/>
      <c r="AY8068" s="146"/>
      <c r="AZ8068" s="146"/>
      <c r="BA8068" s="146"/>
      <c r="BB8068" s="221">
        <v>45884</v>
      </c>
    </row>
    <row r="8069" spans="1:54" s="8" customFormat="1" ht="12" x14ac:dyDescent="0.25">
      <c r="A8069" s="229" t="s">
        <v>19396</v>
      </c>
      <c r="B8069" s="96" t="s">
        <v>19882</v>
      </c>
      <c r="C8069" s="93" t="s">
        <v>19397</v>
      </c>
      <c r="D8069" s="93" t="s">
        <v>19398</v>
      </c>
      <c r="E8069" s="111" t="s">
        <v>174</v>
      </c>
      <c r="F8069" s="111">
        <v>18187</v>
      </c>
      <c r="G8069" s="93" t="s">
        <v>3</v>
      </c>
      <c r="H8069" s="111">
        <v>1</v>
      </c>
      <c r="I8069" s="111">
        <v>0</v>
      </c>
      <c r="J8069" s="111">
        <v>1</v>
      </c>
      <c r="K8069" s="111">
        <v>1</v>
      </c>
      <c r="L8069" s="111">
        <v>0</v>
      </c>
      <c r="M8069" s="111">
        <v>0</v>
      </c>
      <c r="N8069" s="111">
        <v>0</v>
      </c>
      <c r="O8069" s="111">
        <v>0</v>
      </c>
      <c r="P8069" s="111">
        <v>0</v>
      </c>
      <c r="Q8069" s="111">
        <v>0</v>
      </c>
      <c r="R8069" s="111">
        <v>0</v>
      </c>
      <c r="S8069" s="111">
        <v>0</v>
      </c>
      <c r="T8069" s="111">
        <v>0</v>
      </c>
      <c r="U8069" s="111">
        <v>0</v>
      </c>
      <c r="V8069" s="111">
        <v>0</v>
      </c>
      <c r="W8069" s="111">
        <v>1</v>
      </c>
      <c r="X8069" s="111">
        <v>0</v>
      </c>
      <c r="Y8069" s="111">
        <v>0</v>
      </c>
      <c r="Z8069" s="111">
        <v>1</v>
      </c>
      <c r="AA8069" s="111">
        <v>0</v>
      </c>
      <c r="AB8069" s="111">
        <v>0</v>
      </c>
      <c r="AC8069" s="111">
        <v>0</v>
      </c>
      <c r="AD8069" s="111">
        <v>0</v>
      </c>
      <c r="AE8069" s="111">
        <v>0</v>
      </c>
      <c r="AF8069" s="111">
        <v>1</v>
      </c>
      <c r="AG8069" s="111">
        <v>0</v>
      </c>
      <c r="AH8069" s="111">
        <v>0</v>
      </c>
      <c r="AI8069" s="111">
        <v>0</v>
      </c>
      <c r="AJ8069" s="111">
        <v>0</v>
      </c>
      <c r="AK8069" s="111">
        <v>0</v>
      </c>
      <c r="AL8069" s="111">
        <v>0</v>
      </c>
      <c r="AM8069" s="111">
        <v>0</v>
      </c>
      <c r="AN8069" s="111">
        <v>0</v>
      </c>
      <c r="AO8069" s="111">
        <v>1</v>
      </c>
      <c r="AP8069" s="111">
        <v>0</v>
      </c>
      <c r="AQ8069" s="111">
        <v>0</v>
      </c>
      <c r="AR8069" s="111">
        <v>1</v>
      </c>
      <c r="AS8069" s="111">
        <v>0</v>
      </c>
      <c r="AT8069" s="111" t="s">
        <v>174</v>
      </c>
      <c r="AU8069" s="111">
        <v>0</v>
      </c>
      <c r="AV8069" s="111">
        <v>1</v>
      </c>
      <c r="AW8069" s="111">
        <v>0</v>
      </c>
      <c r="AX8069" s="111"/>
      <c r="AY8069" s="111"/>
      <c r="AZ8069" s="112"/>
      <c r="BA8069" s="112" t="s">
        <v>21489</v>
      </c>
      <c r="BB8069" s="221">
        <v>45884</v>
      </c>
    </row>
    <row r="8070" spans="1:54" s="8" customFormat="1" ht="12" x14ac:dyDescent="0.25">
      <c r="A8070" s="229" t="s">
        <v>19399</v>
      </c>
      <c r="B8070" s="96" t="s">
        <v>19882</v>
      </c>
      <c r="C8070" s="93" t="s">
        <v>19400</v>
      </c>
      <c r="D8070" s="93" t="s">
        <v>24457</v>
      </c>
      <c r="E8070" s="111" t="s">
        <v>174</v>
      </c>
      <c r="F8070" s="111">
        <v>19500</v>
      </c>
      <c r="G8070" s="93" t="s">
        <v>3</v>
      </c>
      <c r="H8070" s="111">
        <v>1</v>
      </c>
      <c r="I8070" s="111">
        <v>1</v>
      </c>
      <c r="J8070" s="111">
        <v>1</v>
      </c>
      <c r="K8070" s="111">
        <v>0</v>
      </c>
      <c r="L8070" s="111">
        <v>0</v>
      </c>
      <c r="M8070" s="111">
        <v>0</v>
      </c>
      <c r="N8070" s="111">
        <v>0</v>
      </c>
      <c r="O8070" s="111">
        <v>0</v>
      </c>
      <c r="P8070" s="111" t="s">
        <v>400</v>
      </c>
      <c r="Q8070" s="111" t="s">
        <v>400</v>
      </c>
      <c r="R8070" s="111" t="s">
        <v>400</v>
      </c>
      <c r="S8070" s="111" t="s">
        <v>400</v>
      </c>
      <c r="T8070" s="111" t="s">
        <v>400</v>
      </c>
      <c r="U8070" s="111" t="s">
        <v>400</v>
      </c>
      <c r="V8070" s="111" t="s">
        <v>400</v>
      </c>
      <c r="W8070" s="111" t="s">
        <v>400</v>
      </c>
      <c r="X8070" s="111" t="s">
        <v>400</v>
      </c>
      <c r="Y8070" s="111" t="s">
        <v>400</v>
      </c>
      <c r="Z8070" s="111" t="s">
        <v>400</v>
      </c>
      <c r="AA8070" s="111" t="s">
        <v>400</v>
      </c>
      <c r="AB8070" s="111" t="s">
        <v>400</v>
      </c>
      <c r="AC8070" s="111" t="s">
        <v>400</v>
      </c>
      <c r="AD8070" s="111" t="s">
        <v>400</v>
      </c>
      <c r="AE8070" s="111" t="s">
        <v>400</v>
      </c>
      <c r="AF8070" s="111" t="s">
        <v>400</v>
      </c>
      <c r="AG8070" s="111" t="s">
        <v>400</v>
      </c>
      <c r="AH8070" s="111" t="s">
        <v>400</v>
      </c>
      <c r="AI8070" s="111" t="s">
        <v>400</v>
      </c>
      <c r="AJ8070" s="111" t="s">
        <v>400</v>
      </c>
      <c r="AK8070" s="111" t="s">
        <v>400</v>
      </c>
      <c r="AL8070" s="111" t="s">
        <v>400</v>
      </c>
      <c r="AM8070" s="111">
        <v>1</v>
      </c>
      <c r="AN8070" s="111" t="s">
        <v>400</v>
      </c>
      <c r="AO8070" s="111">
        <v>1</v>
      </c>
      <c r="AP8070" s="111" t="s">
        <v>400</v>
      </c>
      <c r="AQ8070" s="111" t="s">
        <v>400</v>
      </c>
      <c r="AR8070" s="111" t="s">
        <v>400</v>
      </c>
      <c r="AS8070" s="111">
        <v>1</v>
      </c>
      <c r="AT8070" s="111" t="s">
        <v>400</v>
      </c>
      <c r="AU8070" s="111">
        <v>1</v>
      </c>
      <c r="AV8070" s="111">
        <v>1</v>
      </c>
      <c r="AW8070" s="111" t="s">
        <v>400</v>
      </c>
      <c r="AX8070" s="111"/>
      <c r="AY8070" s="111"/>
      <c r="AZ8070" s="112"/>
      <c r="BA8070" s="112" t="s">
        <v>21929</v>
      </c>
      <c r="BB8070" s="221">
        <v>45884</v>
      </c>
    </row>
    <row r="8071" spans="1:54" s="8" customFormat="1" ht="12" x14ac:dyDescent="0.25">
      <c r="A8071" s="229" t="s">
        <v>19401</v>
      </c>
      <c r="B8071" s="96" t="s">
        <v>19882</v>
      </c>
      <c r="C8071" s="93" t="s">
        <v>19402</v>
      </c>
      <c r="D8071" s="93" t="s">
        <v>19403</v>
      </c>
      <c r="E8071" s="111" t="s">
        <v>174</v>
      </c>
      <c r="F8071" s="111">
        <v>77345</v>
      </c>
      <c r="G8071" s="93" t="s">
        <v>10</v>
      </c>
      <c r="H8071" s="111">
        <v>1</v>
      </c>
      <c r="I8071" s="111">
        <v>1</v>
      </c>
      <c r="J8071" s="111">
        <v>1</v>
      </c>
      <c r="K8071" s="111">
        <v>0</v>
      </c>
      <c r="L8071" s="111">
        <v>0</v>
      </c>
      <c r="M8071" s="111">
        <v>1</v>
      </c>
      <c r="N8071" s="111">
        <v>0</v>
      </c>
      <c r="O8071" s="111">
        <v>1</v>
      </c>
      <c r="P8071" s="111">
        <v>1</v>
      </c>
      <c r="Q8071" s="111">
        <v>0</v>
      </c>
      <c r="R8071" s="111">
        <v>0</v>
      </c>
      <c r="S8071" s="111">
        <v>0</v>
      </c>
      <c r="T8071" s="111">
        <v>1</v>
      </c>
      <c r="U8071" s="111">
        <v>0</v>
      </c>
      <c r="V8071" s="111">
        <v>0</v>
      </c>
      <c r="W8071" s="111">
        <v>0</v>
      </c>
      <c r="X8071" s="111">
        <v>0</v>
      </c>
      <c r="Y8071" s="111">
        <v>0</v>
      </c>
      <c r="Z8071" s="111">
        <v>0</v>
      </c>
      <c r="AA8071" s="111">
        <v>0</v>
      </c>
      <c r="AB8071" s="111">
        <v>0</v>
      </c>
      <c r="AC8071" s="111">
        <v>0</v>
      </c>
      <c r="AD8071" s="111">
        <v>0</v>
      </c>
      <c r="AE8071" s="111">
        <v>0</v>
      </c>
      <c r="AF8071" s="111">
        <v>0</v>
      </c>
      <c r="AG8071" s="111">
        <v>0</v>
      </c>
      <c r="AH8071" s="111">
        <v>0</v>
      </c>
      <c r="AI8071" s="111">
        <v>0</v>
      </c>
      <c r="AJ8071" s="111">
        <v>0</v>
      </c>
      <c r="AK8071" s="111">
        <v>0</v>
      </c>
      <c r="AL8071" s="111">
        <v>0</v>
      </c>
      <c r="AM8071" s="111">
        <v>0</v>
      </c>
      <c r="AN8071" s="111">
        <v>0</v>
      </c>
      <c r="AO8071" s="111">
        <v>1</v>
      </c>
      <c r="AP8071" s="111">
        <v>1</v>
      </c>
      <c r="AQ8071" s="111">
        <v>0</v>
      </c>
      <c r="AR8071" s="111">
        <v>1</v>
      </c>
      <c r="AS8071" s="111">
        <v>0</v>
      </c>
      <c r="AT8071" s="111" t="s">
        <v>174</v>
      </c>
      <c r="AU8071" s="111">
        <v>0</v>
      </c>
      <c r="AV8071" s="111">
        <v>1</v>
      </c>
      <c r="AW8071" s="111">
        <v>0</v>
      </c>
      <c r="AX8071" s="111"/>
      <c r="AY8071" s="111"/>
      <c r="AZ8071" s="112"/>
      <c r="BA8071" s="112" t="s">
        <v>20578</v>
      </c>
      <c r="BB8071" s="221">
        <v>45884</v>
      </c>
    </row>
    <row r="8072" spans="1:54" s="8" customFormat="1" ht="12" x14ac:dyDescent="0.25">
      <c r="A8072" s="229" t="s">
        <v>19404</v>
      </c>
      <c r="B8072" s="96" t="s">
        <v>19882</v>
      </c>
      <c r="C8072" s="93" t="s">
        <v>19405</v>
      </c>
      <c r="D8072" s="93" t="s">
        <v>19406</v>
      </c>
      <c r="E8072" s="111" t="s">
        <v>174</v>
      </c>
      <c r="F8072" s="111">
        <v>101296</v>
      </c>
      <c r="G8072" s="93" t="s">
        <v>6</v>
      </c>
      <c r="H8072" s="111">
        <v>1</v>
      </c>
      <c r="I8072" s="111">
        <v>1</v>
      </c>
      <c r="J8072" s="111">
        <v>1</v>
      </c>
      <c r="K8072" s="111">
        <v>0</v>
      </c>
      <c r="L8072" s="111">
        <v>0</v>
      </c>
      <c r="M8072" s="111">
        <v>0</v>
      </c>
      <c r="N8072" s="111">
        <v>1</v>
      </c>
      <c r="O8072" s="111">
        <v>0</v>
      </c>
      <c r="P8072" s="111">
        <v>0</v>
      </c>
      <c r="Q8072" s="111">
        <v>0</v>
      </c>
      <c r="R8072" s="111">
        <v>0</v>
      </c>
      <c r="S8072" s="111">
        <v>0</v>
      </c>
      <c r="T8072" s="111">
        <v>0</v>
      </c>
      <c r="U8072" s="111">
        <v>0</v>
      </c>
      <c r="V8072" s="111">
        <v>0</v>
      </c>
      <c r="W8072" s="111">
        <v>1</v>
      </c>
      <c r="X8072" s="111">
        <v>0</v>
      </c>
      <c r="Y8072" s="111">
        <v>0</v>
      </c>
      <c r="Z8072" s="111">
        <v>0</v>
      </c>
      <c r="AA8072" s="111">
        <v>0</v>
      </c>
      <c r="AB8072" s="111">
        <v>1</v>
      </c>
      <c r="AC8072" s="111">
        <v>0</v>
      </c>
      <c r="AD8072" s="111">
        <v>0</v>
      </c>
      <c r="AE8072" s="111">
        <v>0</v>
      </c>
      <c r="AF8072" s="111">
        <v>0</v>
      </c>
      <c r="AG8072" s="111">
        <v>0</v>
      </c>
      <c r="AH8072" s="111">
        <v>0</v>
      </c>
      <c r="AI8072" s="111">
        <v>0</v>
      </c>
      <c r="AJ8072" s="111">
        <v>0</v>
      </c>
      <c r="AK8072" s="111">
        <v>0</v>
      </c>
      <c r="AL8072" s="111">
        <v>0</v>
      </c>
      <c r="AM8072" s="111">
        <v>0</v>
      </c>
      <c r="AN8072" s="111">
        <v>0</v>
      </c>
      <c r="AO8072" s="111">
        <v>1</v>
      </c>
      <c r="AP8072" s="111">
        <v>0</v>
      </c>
      <c r="AQ8072" s="111">
        <v>0</v>
      </c>
      <c r="AR8072" s="111">
        <v>1</v>
      </c>
      <c r="AS8072" s="111">
        <v>0</v>
      </c>
      <c r="AT8072" s="111" t="s">
        <v>400</v>
      </c>
      <c r="AU8072" s="111">
        <v>1</v>
      </c>
      <c r="AV8072" s="111">
        <v>0</v>
      </c>
      <c r="AW8072" s="111">
        <v>0</v>
      </c>
      <c r="AX8072" s="111"/>
      <c r="AY8072" s="111"/>
      <c r="AZ8072" s="112"/>
      <c r="BA8072" s="112" t="s">
        <v>20352</v>
      </c>
      <c r="BB8072" s="221">
        <v>45884</v>
      </c>
    </row>
    <row r="8073" spans="1:54" s="8" customFormat="1" ht="15.75" customHeight="1" x14ac:dyDescent="0.25">
      <c r="A8073" s="289" t="s">
        <v>24386</v>
      </c>
      <c r="B8073" s="250" t="s">
        <v>24383</v>
      </c>
      <c r="C8073" s="140" t="s">
        <v>24384</v>
      </c>
      <c r="D8073" s="93" t="s">
        <v>24385</v>
      </c>
      <c r="E8073" s="111" t="s">
        <v>174</v>
      </c>
      <c r="F8073" s="234">
        <v>1376</v>
      </c>
      <c r="G8073" s="140" t="s">
        <v>20277</v>
      </c>
      <c r="H8073" s="233">
        <v>1</v>
      </c>
      <c r="I8073" s="233">
        <v>1</v>
      </c>
      <c r="J8073" s="140">
        <v>0</v>
      </c>
      <c r="K8073" s="233">
        <v>1</v>
      </c>
      <c r="L8073" s="140">
        <v>0</v>
      </c>
      <c r="M8073" s="140">
        <v>0</v>
      </c>
      <c r="N8073" s="140">
        <v>0</v>
      </c>
      <c r="O8073" s="140">
        <v>0</v>
      </c>
      <c r="P8073" s="233">
        <v>1</v>
      </c>
      <c r="Q8073" s="233">
        <v>1</v>
      </c>
      <c r="R8073" s="140">
        <v>0</v>
      </c>
      <c r="S8073" s="140">
        <v>0</v>
      </c>
      <c r="T8073" s="140">
        <v>0</v>
      </c>
      <c r="U8073" s="140">
        <v>0</v>
      </c>
      <c r="V8073" s="140">
        <v>0</v>
      </c>
      <c r="W8073" s="140">
        <v>0</v>
      </c>
      <c r="X8073" s="140">
        <v>0</v>
      </c>
      <c r="Y8073" s="140">
        <v>0</v>
      </c>
      <c r="Z8073" s="140">
        <v>0</v>
      </c>
      <c r="AA8073" s="140">
        <v>0</v>
      </c>
      <c r="AB8073" s="140">
        <v>0</v>
      </c>
      <c r="AC8073" s="140">
        <v>0</v>
      </c>
      <c r="AD8073" s="140">
        <v>0</v>
      </c>
      <c r="AE8073" s="140">
        <v>0</v>
      </c>
      <c r="AF8073" s="140">
        <v>0</v>
      </c>
      <c r="AG8073" s="140">
        <v>0</v>
      </c>
      <c r="AH8073" s="140">
        <v>0</v>
      </c>
      <c r="AI8073" s="140">
        <v>0</v>
      </c>
      <c r="AJ8073" s="140">
        <v>0</v>
      </c>
      <c r="AK8073" s="140">
        <v>0</v>
      </c>
      <c r="AL8073" s="140">
        <v>0</v>
      </c>
      <c r="AM8073" s="140">
        <v>0</v>
      </c>
      <c r="AN8073" s="140">
        <v>0</v>
      </c>
      <c r="AO8073" s="140">
        <v>0</v>
      </c>
      <c r="AP8073" s="140">
        <v>0</v>
      </c>
      <c r="AQ8073" s="140">
        <v>0</v>
      </c>
      <c r="AR8073" s="140">
        <v>0</v>
      </c>
      <c r="AS8073" s="140">
        <v>0</v>
      </c>
      <c r="AT8073" s="140">
        <v>0</v>
      </c>
      <c r="AU8073" s="140">
        <v>0</v>
      </c>
      <c r="AV8073" s="140">
        <v>0</v>
      </c>
      <c r="AW8073" s="140">
        <v>0</v>
      </c>
      <c r="AX8073" s="140"/>
      <c r="AY8073" s="140"/>
      <c r="AZ8073" s="140"/>
      <c r="BA8073" s="140"/>
      <c r="BB8073" s="221">
        <v>45884</v>
      </c>
    </row>
    <row r="8074" spans="1:54" s="292" customFormat="1" ht="13.2" x14ac:dyDescent="0.25">
      <c r="A8074" s="290" t="s">
        <v>19407</v>
      </c>
      <c r="B8074" s="291" t="s">
        <v>24387</v>
      </c>
      <c r="C8074" s="197" t="s">
        <v>19408</v>
      </c>
      <c r="D8074" s="197" t="s">
        <v>19409</v>
      </c>
      <c r="E8074" s="198">
        <v>2001</v>
      </c>
      <c r="F8074" s="198">
        <v>515</v>
      </c>
      <c r="G8074" s="197" t="s">
        <v>1</v>
      </c>
      <c r="H8074" s="198">
        <v>0</v>
      </c>
      <c r="I8074" s="198">
        <v>0</v>
      </c>
      <c r="J8074" s="198">
        <v>1</v>
      </c>
      <c r="K8074" s="198">
        <v>1</v>
      </c>
      <c r="L8074" s="198">
        <v>0</v>
      </c>
      <c r="M8074" s="198">
        <v>0</v>
      </c>
      <c r="N8074" s="198">
        <v>0</v>
      </c>
      <c r="O8074" s="198">
        <v>1</v>
      </c>
      <c r="P8074" s="198">
        <v>1</v>
      </c>
      <c r="Q8074" s="198">
        <v>0</v>
      </c>
      <c r="R8074" s="198">
        <v>1</v>
      </c>
      <c r="S8074" s="198">
        <v>0</v>
      </c>
      <c r="T8074" s="198">
        <v>0</v>
      </c>
      <c r="U8074" s="199"/>
      <c r="V8074" s="199"/>
      <c r="W8074" s="199"/>
      <c r="X8074" s="199"/>
      <c r="Y8074" s="199"/>
      <c r="Z8074" s="199"/>
      <c r="AA8074" s="199"/>
      <c r="AB8074" s="199"/>
      <c r="AC8074" s="199"/>
      <c r="AD8074" s="199"/>
      <c r="AE8074" s="199"/>
      <c r="AF8074" s="199"/>
      <c r="AG8074" s="199"/>
      <c r="AH8074" s="199"/>
      <c r="AI8074" s="199"/>
      <c r="AJ8074" s="199"/>
      <c r="AK8074" s="199"/>
      <c r="AL8074" s="199"/>
      <c r="AM8074" s="199"/>
      <c r="AN8074" s="199"/>
      <c r="AO8074" s="199"/>
      <c r="AP8074" s="199"/>
      <c r="AQ8074" s="199"/>
      <c r="AR8074" s="199"/>
      <c r="AS8074" s="199"/>
      <c r="AT8074" s="199"/>
      <c r="AU8074" s="199"/>
      <c r="AV8074" s="199"/>
      <c r="AW8074" s="199"/>
      <c r="AX8074" s="200"/>
      <c r="AY8074" s="200"/>
      <c r="AZ8074" s="200"/>
      <c r="BA8074" s="200"/>
      <c r="BB8074" s="221">
        <v>45884</v>
      </c>
    </row>
    <row r="8075" spans="1:54" s="292" customFormat="1" ht="13.2" x14ac:dyDescent="0.25">
      <c r="A8075" s="290" t="s">
        <v>19410</v>
      </c>
      <c r="B8075" s="291" t="s">
        <v>24387</v>
      </c>
      <c r="C8075" s="197" t="s">
        <v>14911</v>
      </c>
      <c r="D8075" s="197" t="s">
        <v>19411</v>
      </c>
      <c r="E8075" s="198">
        <v>1991</v>
      </c>
      <c r="F8075" s="198">
        <v>584</v>
      </c>
      <c r="G8075" s="197" t="s">
        <v>1</v>
      </c>
      <c r="H8075" s="198">
        <v>0</v>
      </c>
      <c r="I8075" s="198">
        <v>0</v>
      </c>
      <c r="J8075" s="198">
        <v>0</v>
      </c>
      <c r="K8075" s="198">
        <v>0</v>
      </c>
      <c r="L8075" s="198">
        <v>1</v>
      </c>
      <c r="M8075" s="198">
        <v>0</v>
      </c>
      <c r="N8075" s="198">
        <v>0</v>
      </c>
      <c r="O8075" s="198">
        <v>1</v>
      </c>
      <c r="P8075" s="198">
        <v>1</v>
      </c>
      <c r="Q8075" s="198">
        <v>0</v>
      </c>
      <c r="R8075" s="198">
        <v>1</v>
      </c>
      <c r="S8075" s="198">
        <v>0</v>
      </c>
      <c r="T8075" s="198">
        <v>0</v>
      </c>
      <c r="U8075" s="199"/>
      <c r="V8075" s="199"/>
      <c r="W8075" s="199"/>
      <c r="X8075" s="199"/>
      <c r="Y8075" s="199"/>
      <c r="Z8075" s="199"/>
      <c r="AA8075" s="199"/>
      <c r="AB8075" s="199"/>
      <c r="AC8075" s="199"/>
      <c r="AD8075" s="199"/>
      <c r="AE8075" s="199"/>
      <c r="AF8075" s="199"/>
      <c r="AG8075" s="199"/>
      <c r="AH8075" s="199"/>
      <c r="AI8075" s="199"/>
      <c r="AJ8075" s="199"/>
      <c r="AK8075" s="199"/>
      <c r="AL8075" s="199"/>
      <c r="AM8075" s="199"/>
      <c r="AN8075" s="199"/>
      <c r="AO8075" s="199"/>
      <c r="AP8075" s="199"/>
      <c r="AQ8075" s="199"/>
      <c r="AR8075" s="199"/>
      <c r="AS8075" s="199"/>
      <c r="AT8075" s="199"/>
      <c r="AU8075" s="199"/>
      <c r="AV8075" s="199"/>
      <c r="AW8075" s="199"/>
      <c r="AX8075" s="200"/>
      <c r="AY8075" s="200"/>
      <c r="AZ8075" s="200"/>
      <c r="BA8075" s="200"/>
      <c r="BB8075" s="221">
        <v>45884</v>
      </c>
    </row>
    <row r="8076" spans="1:54" s="292" customFormat="1" ht="13.2" x14ac:dyDescent="0.25">
      <c r="A8076" s="290" t="s">
        <v>19412</v>
      </c>
      <c r="B8076" s="291" t="s">
        <v>24387</v>
      </c>
      <c r="C8076" s="197" t="s">
        <v>19413</v>
      </c>
      <c r="D8076" s="197" t="s">
        <v>19414</v>
      </c>
      <c r="E8076" s="198">
        <v>2002</v>
      </c>
      <c r="F8076" s="198">
        <v>753</v>
      </c>
      <c r="G8076" s="197" t="s">
        <v>1</v>
      </c>
      <c r="H8076" s="198">
        <v>0</v>
      </c>
      <c r="I8076" s="198">
        <v>0</v>
      </c>
      <c r="J8076" s="198">
        <v>1</v>
      </c>
      <c r="K8076" s="198">
        <v>0</v>
      </c>
      <c r="L8076" s="198">
        <v>0</v>
      </c>
      <c r="M8076" s="198">
        <v>0</v>
      </c>
      <c r="N8076" s="198">
        <v>1</v>
      </c>
      <c r="O8076" s="198">
        <v>1</v>
      </c>
      <c r="P8076" s="198">
        <v>1</v>
      </c>
      <c r="Q8076" s="198">
        <v>0</v>
      </c>
      <c r="R8076" s="198">
        <v>1</v>
      </c>
      <c r="S8076" s="198">
        <v>0</v>
      </c>
      <c r="T8076" s="198">
        <v>0</v>
      </c>
      <c r="U8076" s="199"/>
      <c r="V8076" s="199"/>
      <c r="W8076" s="199"/>
      <c r="X8076" s="199"/>
      <c r="Y8076" s="199"/>
      <c r="Z8076" s="199"/>
      <c r="AA8076" s="199"/>
      <c r="AB8076" s="199"/>
      <c r="AC8076" s="199"/>
      <c r="AD8076" s="199"/>
      <c r="AE8076" s="199"/>
      <c r="AF8076" s="199"/>
      <c r="AG8076" s="199"/>
      <c r="AH8076" s="199"/>
      <c r="AI8076" s="199"/>
      <c r="AJ8076" s="199"/>
      <c r="AK8076" s="199"/>
      <c r="AL8076" s="199"/>
      <c r="AM8076" s="199"/>
      <c r="AN8076" s="199"/>
      <c r="AO8076" s="199"/>
      <c r="AP8076" s="199"/>
      <c r="AQ8076" s="199"/>
      <c r="AR8076" s="199"/>
      <c r="AS8076" s="199"/>
      <c r="AT8076" s="199"/>
      <c r="AU8076" s="199"/>
      <c r="AV8076" s="199"/>
      <c r="AW8076" s="199"/>
      <c r="AX8076" s="200"/>
      <c r="AY8076" s="200"/>
      <c r="AZ8076" s="200"/>
      <c r="BA8076" s="200"/>
      <c r="BB8076" s="221">
        <v>45884</v>
      </c>
    </row>
    <row r="8077" spans="1:54" s="292" customFormat="1" ht="13.2" x14ac:dyDescent="0.25">
      <c r="A8077" s="290" t="s">
        <v>19415</v>
      </c>
      <c r="B8077" s="291" t="s">
        <v>24387</v>
      </c>
      <c r="C8077" s="197" t="s">
        <v>2301</v>
      </c>
      <c r="D8077" s="197" t="s">
        <v>19416</v>
      </c>
      <c r="E8077" s="198">
        <v>1990</v>
      </c>
      <c r="F8077" s="198">
        <v>1147</v>
      </c>
      <c r="G8077" s="197" t="s">
        <v>1</v>
      </c>
      <c r="H8077" s="198">
        <v>0</v>
      </c>
      <c r="I8077" s="198">
        <v>0</v>
      </c>
      <c r="J8077" s="198">
        <v>1</v>
      </c>
      <c r="K8077" s="198">
        <v>0</v>
      </c>
      <c r="L8077" s="198">
        <v>1</v>
      </c>
      <c r="M8077" s="198">
        <v>1</v>
      </c>
      <c r="N8077" s="198">
        <v>0</v>
      </c>
      <c r="O8077" s="198">
        <v>1</v>
      </c>
      <c r="P8077" s="198">
        <v>1</v>
      </c>
      <c r="Q8077" s="198">
        <v>0</v>
      </c>
      <c r="R8077" s="198">
        <v>1</v>
      </c>
      <c r="S8077" s="198">
        <v>0</v>
      </c>
      <c r="T8077" s="198">
        <v>0</v>
      </c>
      <c r="U8077" s="199"/>
      <c r="V8077" s="199"/>
      <c r="W8077" s="199"/>
      <c r="X8077" s="199"/>
      <c r="Y8077" s="199"/>
      <c r="Z8077" s="199"/>
      <c r="AA8077" s="199"/>
      <c r="AB8077" s="199"/>
      <c r="AC8077" s="199"/>
      <c r="AD8077" s="199"/>
      <c r="AE8077" s="199"/>
      <c r="AF8077" s="199"/>
      <c r="AG8077" s="199"/>
      <c r="AH8077" s="199"/>
      <c r="AI8077" s="199"/>
      <c r="AJ8077" s="199"/>
      <c r="AK8077" s="199"/>
      <c r="AL8077" s="199"/>
      <c r="AM8077" s="199"/>
      <c r="AN8077" s="199"/>
      <c r="AO8077" s="199"/>
      <c r="AP8077" s="199"/>
      <c r="AQ8077" s="199"/>
      <c r="AR8077" s="199"/>
      <c r="AS8077" s="199"/>
      <c r="AT8077" s="199"/>
      <c r="AU8077" s="199"/>
      <c r="AV8077" s="199"/>
      <c r="AW8077" s="199"/>
      <c r="AX8077" s="200"/>
      <c r="AY8077" s="200"/>
      <c r="AZ8077" s="200"/>
      <c r="BA8077" s="200"/>
      <c r="BB8077" s="221">
        <v>45884</v>
      </c>
    </row>
    <row r="8078" spans="1:54" s="292" customFormat="1" ht="13.2" x14ac:dyDescent="0.25">
      <c r="A8078" s="290" t="s">
        <v>19417</v>
      </c>
      <c r="B8078" s="291" t="s">
        <v>24387</v>
      </c>
      <c r="C8078" s="197" t="s">
        <v>19418</v>
      </c>
      <c r="D8078" s="197" t="s">
        <v>19419</v>
      </c>
      <c r="E8078" s="198">
        <v>1972</v>
      </c>
      <c r="F8078" s="198">
        <v>1648</v>
      </c>
      <c r="G8078" s="197" t="s">
        <v>1</v>
      </c>
      <c r="H8078" s="198">
        <v>0</v>
      </c>
      <c r="I8078" s="198">
        <v>0</v>
      </c>
      <c r="J8078" s="198">
        <v>1</v>
      </c>
      <c r="K8078" s="198">
        <v>0</v>
      </c>
      <c r="L8078" s="198">
        <v>0</v>
      </c>
      <c r="M8078" s="198">
        <v>0</v>
      </c>
      <c r="N8078" s="198">
        <v>0</v>
      </c>
      <c r="O8078" s="198">
        <v>1</v>
      </c>
      <c r="P8078" s="198">
        <v>1</v>
      </c>
      <c r="Q8078" s="198">
        <v>0</v>
      </c>
      <c r="R8078" s="198">
        <v>1</v>
      </c>
      <c r="S8078" s="198">
        <v>1</v>
      </c>
      <c r="T8078" s="198">
        <v>0</v>
      </c>
      <c r="U8078" s="199"/>
      <c r="V8078" s="199"/>
      <c r="W8078" s="199"/>
      <c r="X8078" s="199"/>
      <c r="Y8078" s="199"/>
      <c r="Z8078" s="199"/>
      <c r="AA8078" s="199"/>
      <c r="AB8078" s="199"/>
      <c r="AC8078" s="199"/>
      <c r="AD8078" s="199"/>
      <c r="AE8078" s="199"/>
      <c r="AF8078" s="199"/>
      <c r="AG8078" s="199"/>
      <c r="AH8078" s="199"/>
      <c r="AI8078" s="199"/>
      <c r="AJ8078" s="199"/>
      <c r="AK8078" s="199"/>
      <c r="AL8078" s="199"/>
      <c r="AM8078" s="199"/>
      <c r="AN8078" s="199"/>
      <c r="AO8078" s="199"/>
      <c r="AP8078" s="199"/>
      <c r="AQ8078" s="199"/>
      <c r="AR8078" s="199"/>
      <c r="AS8078" s="199"/>
      <c r="AT8078" s="199"/>
      <c r="AU8078" s="199"/>
      <c r="AV8078" s="199"/>
      <c r="AW8078" s="199"/>
      <c r="AX8078" s="200"/>
      <c r="AY8078" s="200"/>
      <c r="AZ8078" s="200"/>
      <c r="BA8078" s="200"/>
      <c r="BB8078" s="221">
        <v>45884</v>
      </c>
    </row>
    <row r="8079" spans="1:54" s="292" customFormat="1" ht="13.2" x14ac:dyDescent="0.25">
      <c r="A8079" s="290" t="s">
        <v>19420</v>
      </c>
      <c r="B8079" s="291" t="s">
        <v>24387</v>
      </c>
      <c r="C8079" s="197" t="s">
        <v>19421</v>
      </c>
      <c r="D8079" s="197" t="s">
        <v>19422</v>
      </c>
      <c r="E8079" s="198">
        <v>1972</v>
      </c>
      <c r="F8079" s="198">
        <v>1836</v>
      </c>
      <c r="G8079" s="197" t="s">
        <v>1</v>
      </c>
      <c r="H8079" s="198">
        <v>0</v>
      </c>
      <c r="I8079" s="198">
        <v>0</v>
      </c>
      <c r="J8079" s="198">
        <v>1</v>
      </c>
      <c r="K8079" s="198">
        <v>0</v>
      </c>
      <c r="L8079" s="198">
        <v>1</v>
      </c>
      <c r="M8079" s="198">
        <v>0</v>
      </c>
      <c r="N8079" s="198">
        <v>0</v>
      </c>
      <c r="O8079" s="198">
        <v>1</v>
      </c>
      <c r="P8079" s="198">
        <v>1</v>
      </c>
      <c r="Q8079" s="198">
        <v>0</v>
      </c>
      <c r="R8079" s="198">
        <v>1</v>
      </c>
      <c r="S8079" s="198">
        <v>0</v>
      </c>
      <c r="T8079" s="198">
        <v>0</v>
      </c>
      <c r="U8079" s="199"/>
      <c r="V8079" s="199"/>
      <c r="W8079" s="199"/>
      <c r="X8079" s="199"/>
      <c r="Y8079" s="199"/>
      <c r="Z8079" s="199"/>
      <c r="AA8079" s="199"/>
      <c r="AB8079" s="199"/>
      <c r="AC8079" s="199"/>
      <c r="AD8079" s="199"/>
      <c r="AE8079" s="199"/>
      <c r="AF8079" s="199"/>
      <c r="AG8079" s="199"/>
      <c r="AH8079" s="199"/>
      <c r="AI8079" s="199"/>
      <c r="AJ8079" s="199"/>
      <c r="AK8079" s="199"/>
      <c r="AL8079" s="199"/>
      <c r="AM8079" s="199"/>
      <c r="AN8079" s="199"/>
      <c r="AO8079" s="199"/>
      <c r="AP8079" s="199"/>
      <c r="AQ8079" s="199"/>
      <c r="AR8079" s="199"/>
      <c r="AS8079" s="199"/>
      <c r="AT8079" s="199"/>
      <c r="AU8079" s="199"/>
      <c r="AV8079" s="199"/>
      <c r="AW8079" s="199"/>
      <c r="AX8079" s="200"/>
      <c r="AY8079" s="200"/>
      <c r="AZ8079" s="200"/>
      <c r="BA8079" s="200"/>
      <c r="BB8079" s="221">
        <v>45884</v>
      </c>
    </row>
    <row r="8080" spans="1:54" s="292" customFormat="1" ht="13.2" x14ac:dyDescent="0.25">
      <c r="A8080" s="290" t="s">
        <v>19423</v>
      </c>
      <c r="B8080" s="291" t="s">
        <v>24387</v>
      </c>
      <c r="C8080" s="197" t="s">
        <v>19424</v>
      </c>
      <c r="D8080" s="197" t="s">
        <v>19425</v>
      </c>
      <c r="E8080" s="198">
        <v>1972</v>
      </c>
      <c r="F8080" s="198">
        <v>2007</v>
      </c>
      <c r="G8080" s="197" t="s">
        <v>1</v>
      </c>
      <c r="H8080" s="198">
        <v>0</v>
      </c>
      <c r="I8080" s="198">
        <v>0</v>
      </c>
      <c r="J8080" s="198">
        <v>1</v>
      </c>
      <c r="K8080" s="198">
        <v>0</v>
      </c>
      <c r="L8080" s="198">
        <v>0</v>
      </c>
      <c r="M8080" s="198">
        <v>0</v>
      </c>
      <c r="N8080" s="198">
        <v>0</v>
      </c>
      <c r="O8080" s="198">
        <v>1</v>
      </c>
      <c r="P8080" s="198">
        <v>1</v>
      </c>
      <c r="Q8080" s="198">
        <v>1</v>
      </c>
      <c r="R8080" s="198">
        <v>1</v>
      </c>
      <c r="S8080" s="198">
        <v>1</v>
      </c>
      <c r="T8080" s="198">
        <v>0</v>
      </c>
      <c r="U8080" s="199"/>
      <c r="V8080" s="199"/>
      <c r="W8080" s="199"/>
      <c r="X8080" s="199"/>
      <c r="Y8080" s="199"/>
      <c r="Z8080" s="199"/>
      <c r="AA8080" s="199"/>
      <c r="AB8080" s="199"/>
      <c r="AC8080" s="199"/>
      <c r="AD8080" s="199"/>
      <c r="AE8080" s="199"/>
      <c r="AF8080" s="199"/>
      <c r="AG8080" s="199"/>
      <c r="AH8080" s="199"/>
      <c r="AI8080" s="199"/>
      <c r="AJ8080" s="199"/>
      <c r="AK8080" s="199"/>
      <c r="AL8080" s="199"/>
      <c r="AM8080" s="199"/>
      <c r="AN8080" s="199"/>
      <c r="AO8080" s="199"/>
      <c r="AP8080" s="199"/>
      <c r="AQ8080" s="199"/>
      <c r="AR8080" s="199"/>
      <c r="AS8080" s="199"/>
      <c r="AT8080" s="199"/>
      <c r="AU8080" s="199"/>
      <c r="AV8080" s="199"/>
      <c r="AW8080" s="199"/>
      <c r="AX8080" s="200"/>
      <c r="AY8080" s="200"/>
      <c r="AZ8080" s="200"/>
      <c r="BA8080" s="200"/>
      <c r="BB8080" s="221">
        <v>45884</v>
      </c>
    </row>
    <row r="8081" spans="1:75" s="292" customFormat="1" ht="13.2" x14ac:dyDescent="0.25">
      <c r="A8081" s="290" t="s">
        <v>19426</v>
      </c>
      <c r="B8081" s="291" t="s">
        <v>24387</v>
      </c>
      <c r="C8081" s="197" t="s">
        <v>19427</v>
      </c>
      <c r="D8081" s="197" t="s">
        <v>19428</v>
      </c>
      <c r="E8081" s="198">
        <v>1972</v>
      </c>
      <c r="F8081" s="198">
        <v>2209</v>
      </c>
      <c r="G8081" s="197" t="s">
        <v>1</v>
      </c>
      <c r="H8081" s="198">
        <v>0</v>
      </c>
      <c r="I8081" s="198">
        <v>0</v>
      </c>
      <c r="J8081" s="198">
        <v>1</v>
      </c>
      <c r="K8081" s="198">
        <v>0</v>
      </c>
      <c r="L8081" s="198">
        <v>1</v>
      </c>
      <c r="M8081" s="198">
        <v>0</v>
      </c>
      <c r="N8081" s="198">
        <v>1</v>
      </c>
      <c r="O8081" s="198">
        <v>1</v>
      </c>
      <c r="P8081" s="198">
        <v>0</v>
      </c>
      <c r="Q8081" s="198">
        <v>1</v>
      </c>
      <c r="R8081" s="198">
        <v>1</v>
      </c>
      <c r="S8081" s="198">
        <v>0</v>
      </c>
      <c r="T8081" s="198">
        <v>0</v>
      </c>
      <c r="U8081" s="199"/>
      <c r="V8081" s="199"/>
      <c r="W8081" s="199"/>
      <c r="X8081" s="199"/>
      <c r="Y8081" s="199"/>
      <c r="Z8081" s="199"/>
      <c r="AA8081" s="199"/>
      <c r="AB8081" s="199"/>
      <c r="AC8081" s="199"/>
      <c r="AD8081" s="199"/>
      <c r="AE8081" s="199"/>
      <c r="AF8081" s="199"/>
      <c r="AG8081" s="199"/>
      <c r="AH8081" s="199"/>
      <c r="AI8081" s="199"/>
      <c r="AJ8081" s="199"/>
      <c r="AK8081" s="199"/>
      <c r="AL8081" s="199"/>
      <c r="AM8081" s="199"/>
      <c r="AN8081" s="199"/>
      <c r="AO8081" s="199"/>
      <c r="AP8081" s="199"/>
      <c r="AQ8081" s="199"/>
      <c r="AR8081" s="199"/>
      <c r="AS8081" s="199"/>
      <c r="AT8081" s="199"/>
      <c r="AU8081" s="199"/>
      <c r="AV8081" s="199"/>
      <c r="AW8081" s="199"/>
      <c r="AX8081" s="200"/>
      <c r="AY8081" s="200"/>
      <c r="AZ8081" s="200"/>
      <c r="BA8081" s="200"/>
      <c r="BB8081" s="221">
        <v>45884</v>
      </c>
      <c r="BC8081" s="104"/>
      <c r="BD8081" s="104"/>
      <c r="BE8081" s="104"/>
      <c r="BF8081" s="104"/>
      <c r="BG8081" s="104"/>
      <c r="BH8081" s="104"/>
      <c r="BI8081" s="104"/>
      <c r="BJ8081" s="104"/>
      <c r="BK8081" s="104"/>
      <c r="BL8081" s="104"/>
      <c r="BM8081" s="104"/>
      <c r="BN8081" s="104"/>
      <c r="BO8081" s="104"/>
      <c r="BP8081" s="104"/>
      <c r="BQ8081" s="104"/>
      <c r="BR8081" s="104"/>
      <c r="BS8081" s="104"/>
      <c r="BT8081" s="104"/>
      <c r="BU8081" s="104"/>
      <c r="BV8081" s="104"/>
      <c r="BW8081" s="104"/>
    </row>
    <row r="8082" spans="1:75" s="292" customFormat="1" ht="13.2" x14ac:dyDescent="0.25">
      <c r="A8082" s="290" t="s">
        <v>19429</v>
      </c>
      <c r="B8082" s="291" t="s">
        <v>24387</v>
      </c>
      <c r="C8082" s="197" t="s">
        <v>19430</v>
      </c>
      <c r="D8082" s="197" t="s">
        <v>19431</v>
      </c>
      <c r="E8082" s="198">
        <v>1990</v>
      </c>
      <c r="F8082" s="198">
        <v>2383</v>
      </c>
      <c r="G8082" s="197" t="s">
        <v>1</v>
      </c>
      <c r="H8082" s="198">
        <v>1</v>
      </c>
      <c r="I8082" s="198">
        <v>0</v>
      </c>
      <c r="J8082" s="198">
        <v>1</v>
      </c>
      <c r="K8082" s="198">
        <v>0</v>
      </c>
      <c r="L8082" s="198">
        <v>0</v>
      </c>
      <c r="M8082" s="198">
        <v>0</v>
      </c>
      <c r="N8082" s="198">
        <v>0</v>
      </c>
      <c r="O8082" s="198">
        <v>0</v>
      </c>
      <c r="P8082" s="198">
        <v>0</v>
      </c>
      <c r="Q8082" s="198">
        <v>0</v>
      </c>
      <c r="R8082" s="198">
        <v>0</v>
      </c>
      <c r="S8082" s="198">
        <v>0</v>
      </c>
      <c r="T8082" s="198">
        <v>0</v>
      </c>
      <c r="U8082" s="199"/>
      <c r="V8082" s="199"/>
      <c r="W8082" s="199"/>
      <c r="X8082" s="199"/>
      <c r="Y8082" s="199"/>
      <c r="Z8082" s="199"/>
      <c r="AA8082" s="199"/>
      <c r="AB8082" s="199"/>
      <c r="AC8082" s="199"/>
      <c r="AD8082" s="199"/>
      <c r="AE8082" s="199"/>
      <c r="AF8082" s="199"/>
      <c r="AG8082" s="199"/>
      <c r="AH8082" s="199"/>
      <c r="AI8082" s="199"/>
      <c r="AJ8082" s="199"/>
      <c r="AK8082" s="199"/>
      <c r="AL8082" s="199"/>
      <c r="AM8082" s="199"/>
      <c r="AN8082" s="199"/>
      <c r="AO8082" s="199"/>
      <c r="AP8082" s="199"/>
      <c r="AQ8082" s="199"/>
      <c r="AR8082" s="199"/>
      <c r="AS8082" s="199"/>
      <c r="AT8082" s="199"/>
      <c r="AU8082" s="199"/>
      <c r="AV8082" s="199"/>
      <c r="AW8082" s="199"/>
      <c r="AX8082" s="200"/>
      <c r="AY8082" s="200"/>
      <c r="AZ8082" s="200"/>
      <c r="BA8082" s="200"/>
      <c r="BB8082" s="221">
        <v>45884</v>
      </c>
      <c r="BC8082" s="104"/>
      <c r="BD8082" s="104"/>
      <c r="BE8082" s="104"/>
      <c r="BF8082" s="104"/>
      <c r="BG8082" s="104"/>
      <c r="BH8082" s="104"/>
      <c r="BI8082" s="104"/>
      <c r="BJ8082" s="104"/>
      <c r="BK8082" s="104"/>
      <c r="BL8082" s="104"/>
      <c r="BM8082" s="104"/>
      <c r="BN8082" s="104"/>
      <c r="BO8082" s="104"/>
      <c r="BP8082" s="104"/>
      <c r="BQ8082" s="104"/>
      <c r="BR8082" s="104"/>
      <c r="BS8082" s="104"/>
      <c r="BT8082" s="104"/>
      <c r="BU8082" s="104"/>
      <c r="BV8082" s="104"/>
      <c r="BW8082" s="104"/>
    </row>
    <row r="8083" spans="1:75" s="292" customFormat="1" ht="13.2" x14ac:dyDescent="0.25">
      <c r="A8083" s="290" t="s">
        <v>19432</v>
      </c>
      <c r="B8083" s="291" t="s">
        <v>24387</v>
      </c>
      <c r="C8083" s="197" t="s">
        <v>19433</v>
      </c>
      <c r="D8083" s="197" t="s">
        <v>19434</v>
      </c>
      <c r="E8083" s="198">
        <v>1972</v>
      </c>
      <c r="F8083" s="198">
        <v>2670</v>
      </c>
      <c r="G8083" s="197" t="s">
        <v>1</v>
      </c>
      <c r="H8083" s="198">
        <v>0</v>
      </c>
      <c r="I8083" s="198">
        <v>0</v>
      </c>
      <c r="J8083" s="198">
        <v>1</v>
      </c>
      <c r="K8083" s="198">
        <v>0</v>
      </c>
      <c r="L8083" s="198">
        <v>0</v>
      </c>
      <c r="M8083" s="198">
        <v>0</v>
      </c>
      <c r="N8083" s="198">
        <v>0</v>
      </c>
      <c r="O8083" s="198">
        <v>1</v>
      </c>
      <c r="P8083" s="198">
        <v>1</v>
      </c>
      <c r="Q8083" s="198">
        <v>1</v>
      </c>
      <c r="R8083" s="198">
        <v>0</v>
      </c>
      <c r="S8083" s="198">
        <v>0</v>
      </c>
      <c r="T8083" s="198">
        <v>0</v>
      </c>
      <c r="U8083" s="199"/>
      <c r="V8083" s="199"/>
      <c r="W8083" s="199"/>
      <c r="X8083" s="199"/>
      <c r="Y8083" s="199"/>
      <c r="Z8083" s="199"/>
      <c r="AA8083" s="199"/>
      <c r="AB8083" s="199"/>
      <c r="AC8083" s="199"/>
      <c r="AD8083" s="199"/>
      <c r="AE8083" s="199"/>
      <c r="AF8083" s="199"/>
      <c r="AG8083" s="199"/>
      <c r="AH8083" s="199"/>
      <c r="AI8083" s="199"/>
      <c r="AJ8083" s="199"/>
      <c r="AK8083" s="199"/>
      <c r="AL8083" s="199"/>
      <c r="AM8083" s="199"/>
      <c r="AN8083" s="199"/>
      <c r="AO8083" s="199"/>
      <c r="AP8083" s="199"/>
      <c r="AQ8083" s="199"/>
      <c r="AR8083" s="199"/>
      <c r="AS8083" s="199"/>
      <c r="AT8083" s="199"/>
      <c r="AU8083" s="199"/>
      <c r="AV8083" s="199"/>
      <c r="AW8083" s="199"/>
      <c r="AX8083" s="200"/>
      <c r="AY8083" s="200"/>
      <c r="AZ8083" s="200"/>
      <c r="BA8083" s="200"/>
      <c r="BB8083" s="221">
        <v>45884</v>
      </c>
      <c r="BC8083" s="104"/>
      <c r="BD8083" s="104"/>
      <c r="BE8083" s="104"/>
      <c r="BF8083" s="104"/>
      <c r="BG8083" s="104"/>
      <c r="BH8083" s="104"/>
      <c r="BI8083" s="104"/>
      <c r="BJ8083" s="104"/>
      <c r="BK8083" s="104"/>
      <c r="BL8083" s="104"/>
      <c r="BM8083" s="104"/>
      <c r="BN8083" s="104"/>
      <c r="BO8083" s="104"/>
      <c r="BP8083" s="104"/>
      <c r="BQ8083" s="104"/>
      <c r="BR8083" s="104"/>
      <c r="BS8083" s="104"/>
      <c r="BT8083" s="104"/>
      <c r="BU8083" s="104"/>
      <c r="BV8083" s="104"/>
      <c r="BW8083" s="104"/>
    </row>
    <row r="8084" spans="1:75" s="292" customFormat="1" ht="13.2" x14ac:dyDescent="0.25">
      <c r="A8084" s="290" t="s">
        <v>19435</v>
      </c>
      <c r="B8084" s="291" t="s">
        <v>24387</v>
      </c>
      <c r="C8084" s="197" t="s">
        <v>24388</v>
      </c>
      <c r="D8084" s="197" t="s">
        <v>19436</v>
      </c>
      <c r="E8084" s="198">
        <v>1972</v>
      </c>
      <c r="F8084" s="198">
        <v>2678</v>
      </c>
      <c r="G8084" s="197" t="s">
        <v>1</v>
      </c>
      <c r="H8084" s="198">
        <v>0</v>
      </c>
      <c r="I8084" s="198">
        <v>0</v>
      </c>
      <c r="J8084" s="198">
        <v>1</v>
      </c>
      <c r="K8084" s="198">
        <v>0</v>
      </c>
      <c r="L8084" s="198">
        <v>1</v>
      </c>
      <c r="M8084" s="198">
        <v>0</v>
      </c>
      <c r="N8084" s="198">
        <v>0</v>
      </c>
      <c r="O8084" s="198">
        <v>1</v>
      </c>
      <c r="P8084" s="198">
        <v>1</v>
      </c>
      <c r="Q8084" s="198">
        <v>0</v>
      </c>
      <c r="R8084" s="198">
        <v>1</v>
      </c>
      <c r="S8084" s="198">
        <v>0</v>
      </c>
      <c r="T8084" s="198">
        <v>0</v>
      </c>
      <c r="U8084" s="199"/>
      <c r="V8084" s="199"/>
      <c r="W8084" s="199"/>
      <c r="X8084" s="199"/>
      <c r="Y8084" s="199"/>
      <c r="Z8084" s="199"/>
      <c r="AA8084" s="199"/>
      <c r="AB8084" s="199"/>
      <c r="AC8084" s="199"/>
      <c r="AD8084" s="199"/>
      <c r="AE8084" s="199"/>
      <c r="AF8084" s="199"/>
      <c r="AG8084" s="199"/>
      <c r="AH8084" s="199"/>
      <c r="AI8084" s="199"/>
      <c r="AJ8084" s="199"/>
      <c r="AK8084" s="199"/>
      <c r="AL8084" s="199"/>
      <c r="AM8084" s="199"/>
      <c r="AN8084" s="199"/>
      <c r="AO8084" s="199"/>
      <c r="AP8084" s="199"/>
      <c r="AQ8084" s="199"/>
      <c r="AR8084" s="199"/>
      <c r="AS8084" s="199"/>
      <c r="AT8084" s="199"/>
      <c r="AU8084" s="199"/>
      <c r="AV8084" s="199"/>
      <c r="AW8084" s="199"/>
      <c r="AX8084" s="200"/>
      <c r="AY8084" s="200"/>
      <c r="AZ8084" s="200"/>
      <c r="BA8084" s="200"/>
      <c r="BB8084" s="221">
        <v>45884</v>
      </c>
      <c r="BC8084" s="104"/>
      <c r="BD8084" s="104"/>
      <c r="BE8084" s="104"/>
      <c r="BF8084" s="104"/>
      <c r="BG8084" s="104"/>
      <c r="BH8084" s="104"/>
      <c r="BI8084" s="104"/>
      <c r="BJ8084" s="104"/>
      <c r="BK8084" s="104"/>
      <c r="BL8084" s="104"/>
      <c r="BM8084" s="104"/>
      <c r="BN8084" s="104"/>
      <c r="BO8084" s="104"/>
      <c r="BP8084" s="104"/>
      <c r="BQ8084" s="104"/>
      <c r="BR8084" s="104"/>
      <c r="BS8084" s="104"/>
      <c r="BT8084" s="104"/>
      <c r="BU8084" s="104"/>
      <c r="BV8084" s="104"/>
      <c r="BW8084" s="104"/>
    </row>
    <row r="8085" spans="1:75" s="292" customFormat="1" ht="13.2" x14ac:dyDescent="0.25">
      <c r="A8085" s="290" t="s">
        <v>19437</v>
      </c>
      <c r="B8085" s="291" t="s">
        <v>24387</v>
      </c>
      <c r="C8085" s="197" t="s">
        <v>19438</v>
      </c>
      <c r="D8085" s="197" t="s">
        <v>19439</v>
      </c>
      <c r="E8085" s="198">
        <v>1986</v>
      </c>
      <c r="F8085" s="198">
        <v>3847</v>
      </c>
      <c r="G8085" s="197" t="s">
        <v>1</v>
      </c>
      <c r="H8085" s="198">
        <v>1</v>
      </c>
      <c r="I8085" s="198">
        <v>1</v>
      </c>
      <c r="J8085" s="198">
        <v>1</v>
      </c>
      <c r="K8085" s="198">
        <v>0</v>
      </c>
      <c r="L8085" s="198">
        <v>0</v>
      </c>
      <c r="M8085" s="198">
        <v>0</v>
      </c>
      <c r="N8085" s="198">
        <v>0</v>
      </c>
      <c r="O8085" s="198">
        <v>0</v>
      </c>
      <c r="P8085" s="198">
        <v>0</v>
      </c>
      <c r="Q8085" s="198">
        <v>0</v>
      </c>
      <c r="R8085" s="198">
        <v>0</v>
      </c>
      <c r="S8085" s="198">
        <v>0</v>
      </c>
      <c r="T8085" s="198">
        <v>0</v>
      </c>
      <c r="U8085" s="199"/>
      <c r="V8085" s="199"/>
      <c r="W8085" s="199"/>
      <c r="X8085" s="199"/>
      <c r="Y8085" s="199"/>
      <c r="Z8085" s="199"/>
      <c r="AA8085" s="199"/>
      <c r="AB8085" s="199"/>
      <c r="AC8085" s="199"/>
      <c r="AD8085" s="199"/>
      <c r="AE8085" s="199"/>
      <c r="AF8085" s="199"/>
      <c r="AG8085" s="199"/>
      <c r="AH8085" s="199"/>
      <c r="AI8085" s="199"/>
      <c r="AJ8085" s="199"/>
      <c r="AK8085" s="199"/>
      <c r="AL8085" s="199"/>
      <c r="AM8085" s="199"/>
      <c r="AN8085" s="199"/>
      <c r="AO8085" s="199"/>
      <c r="AP8085" s="199"/>
      <c r="AQ8085" s="199"/>
      <c r="AR8085" s="199"/>
      <c r="AS8085" s="199"/>
      <c r="AT8085" s="199"/>
      <c r="AU8085" s="199"/>
      <c r="AV8085" s="199"/>
      <c r="AW8085" s="199"/>
      <c r="AX8085" s="200"/>
      <c r="AY8085" s="200"/>
      <c r="AZ8085" s="200"/>
      <c r="BA8085" s="201" t="s">
        <v>19440</v>
      </c>
      <c r="BB8085" s="221">
        <v>45884</v>
      </c>
      <c r="BC8085" s="104"/>
      <c r="BD8085" s="104"/>
      <c r="BE8085" s="104"/>
      <c r="BF8085" s="104"/>
      <c r="BG8085" s="104"/>
      <c r="BH8085" s="104"/>
      <c r="BI8085" s="104"/>
      <c r="BJ8085" s="104"/>
      <c r="BK8085" s="104"/>
      <c r="BL8085" s="104"/>
      <c r="BM8085" s="104"/>
      <c r="BN8085" s="104"/>
      <c r="BO8085" s="104"/>
      <c r="BP8085" s="104"/>
      <c r="BQ8085" s="104"/>
      <c r="BR8085" s="104"/>
      <c r="BS8085" s="104"/>
      <c r="BT8085" s="104"/>
      <c r="BU8085" s="104"/>
      <c r="BV8085" s="104"/>
      <c r="BW8085" s="104"/>
    </row>
    <row r="8086" spans="1:75" s="292" customFormat="1" ht="13.2" x14ac:dyDescent="0.25">
      <c r="A8086" s="290" t="s">
        <v>19441</v>
      </c>
      <c r="B8086" s="291" t="s">
        <v>24387</v>
      </c>
      <c r="C8086" s="197" t="s">
        <v>19442</v>
      </c>
      <c r="D8086" s="197" t="s">
        <v>19443</v>
      </c>
      <c r="E8086" s="198">
        <v>1990</v>
      </c>
      <c r="F8086" s="198">
        <v>3877</v>
      </c>
      <c r="G8086" s="197" t="s">
        <v>1</v>
      </c>
      <c r="H8086" s="198">
        <v>1</v>
      </c>
      <c r="I8086" s="198">
        <v>0</v>
      </c>
      <c r="J8086" s="198">
        <v>1</v>
      </c>
      <c r="K8086" s="198">
        <v>1</v>
      </c>
      <c r="L8086" s="198">
        <v>1</v>
      </c>
      <c r="M8086" s="198">
        <v>1</v>
      </c>
      <c r="N8086" s="198">
        <v>1</v>
      </c>
      <c r="O8086" s="198">
        <v>1</v>
      </c>
      <c r="P8086" s="198">
        <v>1</v>
      </c>
      <c r="Q8086" s="198">
        <v>0</v>
      </c>
      <c r="R8086" s="198">
        <v>1</v>
      </c>
      <c r="S8086" s="198">
        <v>0</v>
      </c>
      <c r="T8086" s="198">
        <v>0</v>
      </c>
      <c r="U8086" s="199"/>
      <c r="V8086" s="199"/>
      <c r="W8086" s="199"/>
      <c r="X8086" s="199"/>
      <c r="Y8086" s="199"/>
      <c r="Z8086" s="199"/>
      <c r="AA8086" s="199"/>
      <c r="AB8086" s="199"/>
      <c r="AC8086" s="199"/>
      <c r="AD8086" s="199"/>
      <c r="AE8086" s="199"/>
      <c r="AF8086" s="199"/>
      <c r="AG8086" s="199"/>
      <c r="AH8086" s="199"/>
      <c r="AI8086" s="199"/>
      <c r="AJ8086" s="199"/>
      <c r="AK8086" s="199"/>
      <c r="AL8086" s="199"/>
      <c r="AM8086" s="199"/>
      <c r="AN8086" s="199"/>
      <c r="AO8086" s="199"/>
      <c r="AP8086" s="199"/>
      <c r="AQ8086" s="199"/>
      <c r="AR8086" s="199"/>
      <c r="AS8086" s="199"/>
      <c r="AT8086" s="199"/>
      <c r="AU8086" s="199"/>
      <c r="AV8086" s="199"/>
      <c r="AW8086" s="199"/>
      <c r="AX8086" s="200"/>
      <c r="AY8086" s="200"/>
      <c r="AZ8086" s="200"/>
      <c r="BA8086" s="200"/>
      <c r="BB8086" s="221">
        <v>45884</v>
      </c>
      <c r="BC8086" s="104"/>
      <c r="BD8086" s="104"/>
      <c r="BE8086" s="104"/>
      <c r="BF8086" s="104"/>
      <c r="BG8086" s="104"/>
      <c r="BH8086" s="104"/>
      <c r="BI8086" s="104"/>
      <c r="BJ8086" s="104"/>
      <c r="BK8086" s="104"/>
      <c r="BL8086" s="104"/>
      <c r="BM8086" s="104"/>
      <c r="BN8086" s="104"/>
      <c r="BO8086" s="104"/>
      <c r="BP8086" s="104"/>
      <c r="BQ8086" s="104"/>
      <c r="BR8086" s="104"/>
      <c r="BS8086" s="104"/>
      <c r="BT8086" s="104"/>
      <c r="BU8086" s="104"/>
      <c r="BV8086" s="104"/>
      <c r="BW8086" s="104"/>
    </row>
    <row r="8087" spans="1:75" s="292" customFormat="1" ht="13.2" x14ac:dyDescent="0.25">
      <c r="A8087" s="290" t="s">
        <v>19444</v>
      </c>
      <c r="B8087" s="291" t="s">
        <v>24387</v>
      </c>
      <c r="C8087" s="197" t="s">
        <v>19445</v>
      </c>
      <c r="D8087" s="197" t="s">
        <v>19446</v>
      </c>
      <c r="E8087" s="198">
        <v>1986</v>
      </c>
      <c r="F8087" s="198">
        <v>5649</v>
      </c>
      <c r="G8087" s="197" t="s">
        <v>1</v>
      </c>
      <c r="H8087" s="198">
        <v>1</v>
      </c>
      <c r="I8087" s="198">
        <v>0</v>
      </c>
      <c r="J8087" s="198">
        <v>1</v>
      </c>
      <c r="K8087" s="198">
        <v>0</v>
      </c>
      <c r="L8087" s="198">
        <v>0</v>
      </c>
      <c r="M8087" s="198">
        <v>0</v>
      </c>
      <c r="N8087" s="198">
        <v>0</v>
      </c>
      <c r="O8087" s="198">
        <v>0</v>
      </c>
      <c r="P8087" s="198">
        <v>0</v>
      </c>
      <c r="Q8087" s="198">
        <v>0</v>
      </c>
      <c r="R8087" s="198">
        <v>0</v>
      </c>
      <c r="S8087" s="198">
        <v>0</v>
      </c>
      <c r="T8087" s="198">
        <v>0</v>
      </c>
      <c r="U8087" s="199"/>
      <c r="V8087" s="199"/>
      <c r="W8087" s="199"/>
      <c r="X8087" s="199"/>
      <c r="Y8087" s="199"/>
      <c r="Z8087" s="199"/>
      <c r="AA8087" s="199"/>
      <c r="AB8087" s="199"/>
      <c r="AC8087" s="199"/>
      <c r="AD8087" s="199"/>
      <c r="AE8087" s="199"/>
      <c r="AF8087" s="199"/>
      <c r="AG8087" s="199"/>
      <c r="AH8087" s="199"/>
      <c r="AI8087" s="199"/>
      <c r="AJ8087" s="199"/>
      <c r="AK8087" s="199"/>
      <c r="AL8087" s="199"/>
      <c r="AM8087" s="199"/>
      <c r="AN8087" s="199"/>
      <c r="AO8087" s="199"/>
      <c r="AP8087" s="199"/>
      <c r="AQ8087" s="199"/>
      <c r="AR8087" s="199"/>
      <c r="AS8087" s="199"/>
      <c r="AT8087" s="199"/>
      <c r="AU8087" s="199"/>
      <c r="AV8087" s="199"/>
      <c r="AW8087" s="199"/>
      <c r="AX8087" s="200"/>
      <c r="AY8087" s="200"/>
      <c r="AZ8087" s="200"/>
      <c r="BA8087" s="201" t="s">
        <v>19447</v>
      </c>
      <c r="BB8087" s="221">
        <v>45884</v>
      </c>
      <c r="BC8087" s="104"/>
      <c r="BD8087" s="104"/>
      <c r="BE8087" s="104"/>
      <c r="BF8087" s="104"/>
      <c r="BG8087" s="104"/>
      <c r="BH8087" s="104"/>
      <c r="BI8087" s="104"/>
      <c r="BJ8087" s="104"/>
      <c r="BK8087" s="104"/>
      <c r="BL8087" s="104"/>
      <c r="BM8087" s="104"/>
      <c r="BN8087" s="104"/>
      <c r="BO8087" s="104"/>
      <c r="BP8087" s="104"/>
      <c r="BQ8087" s="104"/>
      <c r="BR8087" s="104"/>
      <c r="BS8087" s="104"/>
      <c r="BT8087" s="104"/>
      <c r="BU8087" s="104"/>
      <c r="BV8087" s="104"/>
      <c r="BW8087" s="104"/>
    </row>
    <row r="8088" spans="1:75" s="292" customFormat="1" ht="13.2" x14ac:dyDescent="0.25">
      <c r="A8088" s="290" t="s">
        <v>19448</v>
      </c>
      <c r="B8088" s="291" t="s">
        <v>24387</v>
      </c>
      <c r="C8088" s="197" t="s">
        <v>14201</v>
      </c>
      <c r="D8088" s="197" t="s">
        <v>19449</v>
      </c>
      <c r="E8088" s="198">
        <v>1990</v>
      </c>
      <c r="F8088" s="198">
        <v>3742</v>
      </c>
      <c r="G8088" s="197" t="s">
        <v>1</v>
      </c>
      <c r="H8088" s="198">
        <v>0</v>
      </c>
      <c r="I8088" s="198">
        <v>0</v>
      </c>
      <c r="J8088" s="198">
        <v>1</v>
      </c>
      <c r="K8088" s="198">
        <v>0</v>
      </c>
      <c r="L8088" s="198">
        <v>0</v>
      </c>
      <c r="M8088" s="198">
        <v>0</v>
      </c>
      <c r="N8088" s="198">
        <v>0</v>
      </c>
      <c r="O8088" s="198">
        <v>0</v>
      </c>
      <c r="P8088" s="198">
        <v>0</v>
      </c>
      <c r="Q8088" s="198">
        <v>0</v>
      </c>
      <c r="R8088" s="198">
        <v>0</v>
      </c>
      <c r="S8088" s="198">
        <v>0</v>
      </c>
      <c r="T8088" s="198">
        <v>0</v>
      </c>
      <c r="U8088" s="199"/>
      <c r="V8088" s="199"/>
      <c r="W8088" s="199"/>
      <c r="X8088" s="199"/>
      <c r="Y8088" s="199"/>
      <c r="Z8088" s="199"/>
      <c r="AA8088" s="199"/>
      <c r="AB8088" s="199"/>
      <c r="AC8088" s="199"/>
      <c r="AD8088" s="199"/>
      <c r="AE8088" s="199"/>
      <c r="AF8088" s="199"/>
      <c r="AG8088" s="199"/>
      <c r="AH8088" s="199"/>
      <c r="AI8088" s="199"/>
      <c r="AJ8088" s="199"/>
      <c r="AK8088" s="199"/>
      <c r="AL8088" s="199"/>
      <c r="AM8088" s="199"/>
      <c r="AN8088" s="199"/>
      <c r="AO8088" s="199"/>
      <c r="AP8088" s="199"/>
      <c r="AQ8088" s="199"/>
      <c r="AR8088" s="199"/>
      <c r="AS8088" s="199"/>
      <c r="AT8088" s="199"/>
      <c r="AU8088" s="199"/>
      <c r="AV8088" s="199"/>
      <c r="AW8088" s="199"/>
      <c r="AX8088" s="200"/>
      <c r="AY8088" s="200"/>
      <c r="AZ8088" s="200"/>
      <c r="BA8088" s="201" t="s">
        <v>19447</v>
      </c>
      <c r="BB8088" s="221">
        <v>45884</v>
      </c>
      <c r="BC8088" s="104"/>
      <c r="BD8088" s="104"/>
      <c r="BE8088" s="104"/>
      <c r="BF8088" s="104"/>
      <c r="BG8088" s="104"/>
      <c r="BH8088" s="104"/>
      <c r="BI8088" s="104"/>
      <c r="BJ8088" s="104"/>
      <c r="BK8088" s="104"/>
      <c r="BL8088" s="104"/>
      <c r="BM8088" s="104"/>
      <c r="BN8088" s="104"/>
      <c r="BO8088" s="104"/>
      <c r="BP8088" s="104"/>
      <c r="BQ8088" s="104"/>
      <c r="BR8088" s="104"/>
      <c r="BS8088" s="104"/>
      <c r="BT8088" s="104"/>
      <c r="BU8088" s="104"/>
      <c r="BV8088" s="104"/>
      <c r="BW8088" s="104"/>
    </row>
    <row r="8089" spans="1:75" s="292" customFormat="1" ht="13.2" x14ac:dyDescent="0.25">
      <c r="A8089" s="290" t="s">
        <v>19450</v>
      </c>
      <c r="B8089" s="291" t="s">
        <v>24387</v>
      </c>
      <c r="C8089" s="197" t="s">
        <v>19451</v>
      </c>
      <c r="D8089" s="197" t="s">
        <v>19452</v>
      </c>
      <c r="E8089" s="198">
        <v>1972</v>
      </c>
      <c r="F8089" s="198">
        <v>10437</v>
      </c>
      <c r="G8089" s="197" t="s">
        <v>3</v>
      </c>
      <c r="H8089" s="198">
        <v>1</v>
      </c>
      <c r="I8089" s="198">
        <v>0</v>
      </c>
      <c r="J8089" s="198">
        <v>1</v>
      </c>
      <c r="K8089" s="198">
        <v>0</v>
      </c>
      <c r="L8089" s="198">
        <v>0</v>
      </c>
      <c r="M8089" s="198">
        <v>0</v>
      </c>
      <c r="N8089" s="198">
        <v>0</v>
      </c>
      <c r="O8089" s="198">
        <v>1</v>
      </c>
      <c r="P8089" s="198">
        <v>1</v>
      </c>
      <c r="Q8089" s="198">
        <v>1</v>
      </c>
      <c r="R8089" s="198">
        <v>1</v>
      </c>
      <c r="S8089" s="198">
        <v>0</v>
      </c>
      <c r="T8089" s="198">
        <v>0</v>
      </c>
      <c r="U8089" s="198">
        <v>0</v>
      </c>
      <c r="V8089" s="198">
        <v>0</v>
      </c>
      <c r="W8089" s="198">
        <v>0</v>
      </c>
      <c r="X8089" s="198">
        <v>0</v>
      </c>
      <c r="Y8089" s="198">
        <v>0</v>
      </c>
      <c r="Z8089" s="198">
        <v>0</v>
      </c>
      <c r="AA8089" s="293">
        <v>1</v>
      </c>
      <c r="AB8089" s="198">
        <v>0</v>
      </c>
      <c r="AC8089" s="198">
        <v>0</v>
      </c>
      <c r="AD8089" s="198">
        <v>0</v>
      </c>
      <c r="AE8089" s="198">
        <v>0</v>
      </c>
      <c r="AF8089" s="198">
        <v>0</v>
      </c>
      <c r="AG8089" s="198">
        <v>0</v>
      </c>
      <c r="AH8089" s="198">
        <v>0</v>
      </c>
      <c r="AI8089" s="198">
        <v>0</v>
      </c>
      <c r="AJ8089" s="198">
        <v>0</v>
      </c>
      <c r="AK8089" s="198">
        <v>0</v>
      </c>
      <c r="AL8089" s="198">
        <v>0</v>
      </c>
      <c r="AM8089" s="198">
        <v>0</v>
      </c>
      <c r="AN8089" s="198">
        <v>0</v>
      </c>
      <c r="AO8089" s="198">
        <v>0</v>
      </c>
      <c r="AP8089" s="198">
        <v>0</v>
      </c>
      <c r="AQ8089" s="198">
        <v>0</v>
      </c>
      <c r="AR8089" s="198">
        <v>0</v>
      </c>
      <c r="AS8089" s="198">
        <v>0</v>
      </c>
      <c r="AT8089" s="198" t="s">
        <v>400</v>
      </c>
      <c r="AU8089" s="198">
        <v>0</v>
      </c>
      <c r="AV8089" s="198">
        <v>0</v>
      </c>
      <c r="AW8089" s="198">
        <v>0</v>
      </c>
      <c r="AX8089" s="201" t="s">
        <v>24389</v>
      </c>
      <c r="AY8089" s="201" t="s">
        <v>13259</v>
      </c>
      <c r="AZ8089" s="201"/>
      <c r="BA8089" s="201" t="s">
        <v>19440</v>
      </c>
      <c r="BB8089" s="221">
        <v>45884</v>
      </c>
      <c r="BC8089" s="104"/>
      <c r="BD8089" s="104"/>
      <c r="BE8089" s="104"/>
      <c r="BF8089" s="104"/>
      <c r="BG8089" s="104"/>
      <c r="BH8089" s="104"/>
      <c r="BI8089" s="104"/>
      <c r="BJ8089" s="104"/>
      <c r="BK8089" s="104"/>
      <c r="BL8089" s="104"/>
      <c r="BM8089" s="104"/>
      <c r="BN8089" s="104"/>
      <c r="BO8089" s="104"/>
      <c r="BP8089" s="104"/>
      <c r="BQ8089" s="104"/>
      <c r="BR8089" s="104"/>
      <c r="BS8089" s="104"/>
      <c r="BT8089" s="104"/>
      <c r="BU8089" s="104"/>
      <c r="BV8089" s="104"/>
      <c r="BW8089" s="104"/>
    </row>
    <row r="8090" spans="1:75" s="292" customFormat="1" ht="13.2" x14ac:dyDescent="0.25">
      <c r="A8090" s="290" t="s">
        <v>19453</v>
      </c>
      <c r="B8090" s="291" t="s">
        <v>24387</v>
      </c>
      <c r="C8090" s="197" t="s">
        <v>24390</v>
      </c>
      <c r="D8090" s="197" t="s">
        <v>19454</v>
      </c>
      <c r="E8090" s="198">
        <v>1990</v>
      </c>
      <c r="F8090" s="198">
        <v>52861</v>
      </c>
      <c r="G8090" s="197" t="s">
        <v>8</v>
      </c>
      <c r="H8090" s="198">
        <v>1</v>
      </c>
      <c r="I8090" s="198">
        <v>0</v>
      </c>
      <c r="J8090" s="198">
        <v>0</v>
      </c>
      <c r="K8090" s="198">
        <v>0</v>
      </c>
      <c r="L8090" s="198">
        <v>0</v>
      </c>
      <c r="M8090" s="198">
        <v>0</v>
      </c>
      <c r="N8090" s="198">
        <v>0</v>
      </c>
      <c r="O8090" s="198">
        <v>0</v>
      </c>
      <c r="P8090" s="198">
        <v>0</v>
      </c>
      <c r="Q8090" s="198">
        <v>0</v>
      </c>
      <c r="R8090" s="198">
        <v>0</v>
      </c>
      <c r="S8090" s="198">
        <v>0</v>
      </c>
      <c r="T8090" s="198">
        <v>0</v>
      </c>
      <c r="U8090" s="198">
        <v>0</v>
      </c>
      <c r="V8090" s="198">
        <v>0</v>
      </c>
      <c r="W8090" s="198">
        <v>0</v>
      </c>
      <c r="X8090" s="198">
        <v>0</v>
      </c>
      <c r="Y8090" s="198">
        <v>0</v>
      </c>
      <c r="Z8090" s="198">
        <v>0</v>
      </c>
      <c r="AA8090" s="198">
        <v>0</v>
      </c>
      <c r="AB8090" s="198">
        <v>0</v>
      </c>
      <c r="AC8090" s="198">
        <v>0</v>
      </c>
      <c r="AD8090" s="198">
        <v>0</v>
      </c>
      <c r="AE8090" s="198">
        <v>0</v>
      </c>
      <c r="AF8090" s="198">
        <v>0</v>
      </c>
      <c r="AG8090" s="198">
        <v>0</v>
      </c>
      <c r="AH8090" s="198">
        <v>0</v>
      </c>
      <c r="AI8090" s="198">
        <v>0</v>
      </c>
      <c r="AJ8090" s="198">
        <v>0</v>
      </c>
      <c r="AK8090" s="198">
        <v>0</v>
      </c>
      <c r="AL8090" s="198">
        <v>0</v>
      </c>
      <c r="AM8090" s="198">
        <v>0</v>
      </c>
      <c r="AN8090" s="198">
        <v>0</v>
      </c>
      <c r="AO8090" s="198">
        <v>0</v>
      </c>
      <c r="AP8090" s="198">
        <v>0</v>
      </c>
      <c r="AQ8090" s="198">
        <v>0</v>
      </c>
      <c r="AR8090" s="198">
        <v>0</v>
      </c>
      <c r="AS8090" s="198">
        <v>0</v>
      </c>
      <c r="AT8090" s="198" t="s">
        <v>400</v>
      </c>
      <c r="AU8090" s="198">
        <v>1</v>
      </c>
      <c r="AV8090" s="198">
        <v>0</v>
      </c>
      <c r="AW8090" s="198">
        <v>0</v>
      </c>
      <c r="AX8090" s="201"/>
      <c r="AY8090" s="201"/>
      <c r="AZ8090" s="201"/>
      <c r="BA8090" s="201"/>
      <c r="BB8090" s="221">
        <v>45884</v>
      </c>
      <c r="BC8090" s="104"/>
      <c r="BD8090" s="104"/>
      <c r="BE8090" s="104"/>
      <c r="BF8090" s="104"/>
      <c r="BG8090" s="104"/>
      <c r="BH8090" s="104"/>
      <c r="BI8090" s="104"/>
      <c r="BJ8090" s="104"/>
      <c r="BK8090" s="104"/>
      <c r="BL8090" s="104"/>
      <c r="BM8090" s="104"/>
      <c r="BN8090" s="104"/>
      <c r="BO8090" s="104"/>
      <c r="BP8090" s="104"/>
      <c r="BQ8090" s="104"/>
      <c r="BR8090" s="104"/>
      <c r="BS8090" s="104"/>
      <c r="BT8090" s="104"/>
      <c r="BU8090" s="104"/>
      <c r="BV8090" s="104"/>
      <c r="BW8090" s="104"/>
    </row>
    <row r="8091" spans="1:75" s="292" customFormat="1" ht="13.2" x14ac:dyDescent="0.25">
      <c r="A8091" s="290" t="s">
        <v>19455</v>
      </c>
      <c r="B8091" s="291" t="s">
        <v>24387</v>
      </c>
      <c r="C8091" s="197" t="s">
        <v>19456</v>
      </c>
      <c r="D8091" s="197" t="s">
        <v>19457</v>
      </c>
      <c r="E8091" s="198">
        <v>1972</v>
      </c>
      <c r="F8091" s="198">
        <v>38858</v>
      </c>
      <c r="G8091" s="197" t="s">
        <v>3</v>
      </c>
      <c r="H8091" s="198">
        <v>1</v>
      </c>
      <c r="I8091" s="198">
        <v>1</v>
      </c>
      <c r="J8091" s="198">
        <v>1</v>
      </c>
      <c r="K8091" s="198">
        <v>1</v>
      </c>
      <c r="L8091" s="198">
        <v>1</v>
      </c>
      <c r="M8091" s="198">
        <v>1</v>
      </c>
      <c r="N8091" s="198">
        <v>1</v>
      </c>
      <c r="O8091" s="198">
        <v>1</v>
      </c>
      <c r="P8091" s="198">
        <v>1</v>
      </c>
      <c r="Q8091" s="198">
        <v>0</v>
      </c>
      <c r="R8091" s="198">
        <v>1</v>
      </c>
      <c r="S8091" s="198">
        <v>1</v>
      </c>
      <c r="T8091" s="198">
        <v>0</v>
      </c>
      <c r="U8091" s="198">
        <v>0</v>
      </c>
      <c r="V8091" s="198">
        <v>0</v>
      </c>
      <c r="W8091" s="198">
        <v>0</v>
      </c>
      <c r="X8091" s="198">
        <v>0</v>
      </c>
      <c r="Y8091" s="198">
        <v>1</v>
      </c>
      <c r="Z8091" s="198">
        <v>1</v>
      </c>
      <c r="AA8091" s="198">
        <v>0</v>
      </c>
      <c r="AB8091" s="198">
        <v>1</v>
      </c>
      <c r="AC8091" s="198">
        <v>0</v>
      </c>
      <c r="AD8091" s="198">
        <v>0</v>
      </c>
      <c r="AE8091" s="198">
        <v>0</v>
      </c>
      <c r="AF8091" s="198">
        <v>1</v>
      </c>
      <c r="AG8091" s="198">
        <v>1</v>
      </c>
      <c r="AH8091" s="198">
        <v>0</v>
      </c>
      <c r="AI8091" s="198">
        <v>0</v>
      </c>
      <c r="AJ8091" s="198">
        <v>0</v>
      </c>
      <c r="AK8091" s="198">
        <v>0</v>
      </c>
      <c r="AL8091" s="198">
        <v>0</v>
      </c>
      <c r="AM8091" s="198">
        <v>0</v>
      </c>
      <c r="AN8091" s="198">
        <v>0</v>
      </c>
      <c r="AO8091" s="198">
        <v>1</v>
      </c>
      <c r="AP8091" s="198">
        <v>0</v>
      </c>
      <c r="AQ8091" s="198">
        <v>0</v>
      </c>
      <c r="AR8091" s="198">
        <v>1</v>
      </c>
      <c r="AS8091" s="198">
        <v>0</v>
      </c>
      <c r="AT8091" s="198">
        <v>1</v>
      </c>
      <c r="AU8091" s="198">
        <v>1</v>
      </c>
      <c r="AV8091" s="198">
        <v>0</v>
      </c>
      <c r="AW8091" s="198">
        <v>1</v>
      </c>
      <c r="AX8091" s="201" t="s">
        <v>24389</v>
      </c>
      <c r="AY8091" s="202" t="s">
        <v>19458</v>
      </c>
      <c r="AZ8091" s="201" t="s">
        <v>22134</v>
      </c>
      <c r="BA8091" s="201" t="s">
        <v>19459</v>
      </c>
      <c r="BB8091" s="221">
        <v>45884</v>
      </c>
      <c r="BC8091" s="104"/>
      <c r="BD8091" s="104"/>
      <c r="BE8091" s="104"/>
      <c r="BF8091" s="104"/>
      <c r="BG8091" s="104"/>
      <c r="BH8091" s="104"/>
      <c r="BI8091" s="104"/>
      <c r="BJ8091" s="104"/>
      <c r="BK8091" s="104"/>
      <c r="BL8091" s="104"/>
      <c r="BM8091" s="104"/>
      <c r="BN8091" s="104"/>
      <c r="BO8091" s="104"/>
      <c r="BP8091" s="104"/>
      <c r="BQ8091" s="104"/>
      <c r="BR8091" s="104"/>
      <c r="BS8091" s="104"/>
      <c r="BT8091" s="104"/>
      <c r="BU8091" s="104"/>
      <c r="BV8091" s="104"/>
      <c r="BW8091" s="104"/>
    </row>
    <row r="8092" spans="1:75" s="292" customFormat="1" ht="13.2" x14ac:dyDescent="0.25">
      <c r="A8092" s="290" t="s">
        <v>19460</v>
      </c>
      <c r="B8092" s="291" t="s">
        <v>24387</v>
      </c>
      <c r="C8092" s="197" t="s">
        <v>19461</v>
      </c>
      <c r="D8092" s="197" t="s">
        <v>19462</v>
      </c>
      <c r="E8092" s="198">
        <v>1996</v>
      </c>
      <c r="F8092" s="198">
        <v>48847</v>
      </c>
      <c r="G8092" s="197" t="s">
        <v>7</v>
      </c>
      <c r="H8092" s="198">
        <v>1</v>
      </c>
      <c r="I8092" s="198">
        <v>1</v>
      </c>
      <c r="J8092" s="198">
        <v>1</v>
      </c>
      <c r="K8092" s="198">
        <v>0</v>
      </c>
      <c r="L8092" s="198">
        <v>0</v>
      </c>
      <c r="M8092" s="198">
        <v>0</v>
      </c>
      <c r="N8092" s="198">
        <v>0</v>
      </c>
      <c r="O8092" s="198">
        <v>0</v>
      </c>
      <c r="P8092" s="198">
        <v>0</v>
      </c>
      <c r="Q8092" s="198">
        <v>0</v>
      </c>
      <c r="R8092" s="198">
        <v>0</v>
      </c>
      <c r="S8092" s="198">
        <v>0</v>
      </c>
      <c r="T8092" s="198">
        <v>0</v>
      </c>
      <c r="U8092" s="198">
        <v>0</v>
      </c>
      <c r="V8092" s="198">
        <v>0</v>
      </c>
      <c r="W8092" s="198">
        <v>0</v>
      </c>
      <c r="X8092" s="198">
        <v>0</v>
      </c>
      <c r="Y8092" s="198">
        <v>0</v>
      </c>
      <c r="Z8092" s="198">
        <v>1</v>
      </c>
      <c r="AA8092" s="198">
        <v>0</v>
      </c>
      <c r="AB8092" s="198">
        <v>0</v>
      </c>
      <c r="AC8092" s="198">
        <v>0</v>
      </c>
      <c r="AD8092" s="198">
        <v>1</v>
      </c>
      <c r="AE8092" s="198">
        <v>0</v>
      </c>
      <c r="AF8092" s="198">
        <v>0</v>
      </c>
      <c r="AG8092" s="198">
        <v>0</v>
      </c>
      <c r="AH8092" s="198">
        <v>1</v>
      </c>
      <c r="AI8092" s="198">
        <v>0</v>
      </c>
      <c r="AJ8092" s="198">
        <v>0</v>
      </c>
      <c r="AK8092" s="198">
        <v>0</v>
      </c>
      <c r="AL8092" s="198">
        <v>0</v>
      </c>
      <c r="AM8092" s="198">
        <v>0</v>
      </c>
      <c r="AN8092" s="198">
        <v>0</v>
      </c>
      <c r="AO8092" s="198">
        <v>1</v>
      </c>
      <c r="AP8092" s="198">
        <v>0</v>
      </c>
      <c r="AQ8092" s="198">
        <v>0</v>
      </c>
      <c r="AR8092" s="198">
        <v>1</v>
      </c>
      <c r="AS8092" s="198">
        <v>0</v>
      </c>
      <c r="AT8092" s="198" t="s">
        <v>400</v>
      </c>
      <c r="AU8092" s="198">
        <v>1</v>
      </c>
      <c r="AV8092" s="198">
        <v>0</v>
      </c>
      <c r="AW8092" s="198">
        <v>1</v>
      </c>
      <c r="AX8092" s="201" t="s">
        <v>24391</v>
      </c>
      <c r="AY8092" s="201" t="s">
        <v>22135</v>
      </c>
      <c r="AZ8092" s="201"/>
      <c r="BA8092" s="201" t="s">
        <v>19459</v>
      </c>
      <c r="BB8092" s="221">
        <v>45884</v>
      </c>
      <c r="BC8092" s="104"/>
      <c r="BD8092" s="104"/>
      <c r="BE8092" s="104"/>
      <c r="BF8092" s="104"/>
      <c r="BG8092" s="104"/>
      <c r="BH8092" s="104"/>
      <c r="BI8092" s="104"/>
      <c r="BJ8092" s="104"/>
      <c r="BK8092" s="104"/>
      <c r="BL8092" s="104"/>
      <c r="BM8092" s="104"/>
      <c r="BN8092" s="104"/>
      <c r="BO8092" s="104"/>
      <c r="BP8092" s="104"/>
      <c r="BQ8092" s="104"/>
      <c r="BR8092" s="104"/>
      <c r="BS8092" s="104"/>
      <c r="BT8092" s="104"/>
      <c r="BU8092" s="104"/>
      <c r="BV8092" s="104"/>
      <c r="BW8092" s="104"/>
    </row>
    <row r="8093" spans="1:75" s="292" customFormat="1" ht="13.2" x14ac:dyDescent="0.25">
      <c r="A8093" s="290" t="s">
        <v>19463</v>
      </c>
      <c r="B8093" s="291" t="s">
        <v>24387</v>
      </c>
      <c r="C8093" s="197" t="s">
        <v>19464</v>
      </c>
      <c r="D8093" s="197" t="s">
        <v>19465</v>
      </c>
      <c r="E8093" s="198">
        <v>1989</v>
      </c>
      <c r="F8093" s="198">
        <v>62864</v>
      </c>
      <c r="G8093" s="197" t="s">
        <v>7</v>
      </c>
      <c r="H8093" s="198">
        <v>1</v>
      </c>
      <c r="I8093" s="198">
        <v>1</v>
      </c>
      <c r="J8093" s="198">
        <v>1</v>
      </c>
      <c r="K8093" s="198">
        <v>1</v>
      </c>
      <c r="L8093" s="198">
        <v>1</v>
      </c>
      <c r="M8093" s="198">
        <v>1</v>
      </c>
      <c r="N8093" s="198">
        <v>1</v>
      </c>
      <c r="O8093" s="198">
        <v>1</v>
      </c>
      <c r="P8093" s="198">
        <v>1</v>
      </c>
      <c r="Q8093" s="198">
        <v>0</v>
      </c>
      <c r="R8093" s="198">
        <v>0</v>
      </c>
      <c r="S8093" s="198">
        <v>0</v>
      </c>
      <c r="T8093" s="198">
        <v>0</v>
      </c>
      <c r="U8093" s="198">
        <v>0</v>
      </c>
      <c r="V8093" s="198">
        <v>0</v>
      </c>
      <c r="W8093" s="198">
        <v>0</v>
      </c>
      <c r="X8093" s="198">
        <v>0</v>
      </c>
      <c r="Y8093" s="198">
        <v>0</v>
      </c>
      <c r="Z8093" s="198">
        <v>1</v>
      </c>
      <c r="AA8093" s="198">
        <v>0</v>
      </c>
      <c r="AB8093" s="198">
        <v>1</v>
      </c>
      <c r="AC8093" s="198">
        <v>0</v>
      </c>
      <c r="AD8093" s="198">
        <v>0</v>
      </c>
      <c r="AE8093" s="198">
        <v>1</v>
      </c>
      <c r="AF8093" s="198">
        <v>1</v>
      </c>
      <c r="AG8093" s="198">
        <v>0</v>
      </c>
      <c r="AH8093" s="198">
        <v>0</v>
      </c>
      <c r="AI8093" s="198">
        <v>0</v>
      </c>
      <c r="AJ8093" s="198">
        <v>0</v>
      </c>
      <c r="AK8093" s="198">
        <v>0</v>
      </c>
      <c r="AL8093" s="198">
        <v>0</v>
      </c>
      <c r="AM8093" s="198">
        <v>0</v>
      </c>
      <c r="AN8093" s="198">
        <v>1</v>
      </c>
      <c r="AO8093" s="198">
        <v>1</v>
      </c>
      <c r="AP8093" s="198">
        <v>0</v>
      </c>
      <c r="AQ8093" s="198">
        <v>0</v>
      </c>
      <c r="AR8093" s="198">
        <v>1</v>
      </c>
      <c r="AS8093" s="198">
        <v>0</v>
      </c>
      <c r="AT8093" s="198" t="s">
        <v>400</v>
      </c>
      <c r="AU8093" s="198">
        <v>1</v>
      </c>
      <c r="AV8093" s="198">
        <v>0</v>
      </c>
      <c r="AW8093" s="198">
        <v>1</v>
      </c>
      <c r="AX8093" s="201" t="s">
        <v>19466</v>
      </c>
      <c r="AY8093" s="201" t="s">
        <v>22136</v>
      </c>
      <c r="AZ8093" s="147" t="s">
        <v>24392</v>
      </c>
      <c r="BA8093" s="201" t="s">
        <v>22137</v>
      </c>
      <c r="BB8093" s="221">
        <v>45884</v>
      </c>
      <c r="BC8093" s="104"/>
      <c r="BD8093" s="104"/>
      <c r="BE8093" s="104"/>
      <c r="BF8093" s="104"/>
      <c r="BG8093" s="104"/>
      <c r="BH8093" s="104"/>
      <c r="BI8093" s="104"/>
      <c r="BJ8093" s="104"/>
      <c r="BK8093" s="104"/>
      <c r="BL8093" s="104"/>
      <c r="BM8093" s="104"/>
      <c r="BN8093" s="104"/>
      <c r="BO8093" s="104"/>
      <c r="BP8093" s="104"/>
      <c r="BQ8093" s="104"/>
      <c r="BR8093" s="104"/>
      <c r="BS8093" s="104"/>
      <c r="BT8093" s="104"/>
      <c r="BU8093" s="104"/>
      <c r="BV8093" s="104"/>
      <c r="BW8093" s="104"/>
    </row>
    <row r="8094" spans="1:75" s="292" customFormat="1" ht="13.2" x14ac:dyDescent="0.25">
      <c r="A8094" s="290" t="s">
        <v>19467</v>
      </c>
      <c r="B8094" s="291" t="s">
        <v>24387</v>
      </c>
      <c r="C8094" s="197" t="s">
        <v>24393</v>
      </c>
      <c r="D8094" s="197" t="s">
        <v>19468</v>
      </c>
      <c r="E8094" s="198">
        <v>1990</v>
      </c>
      <c r="F8094" s="198">
        <v>226000</v>
      </c>
      <c r="G8094" s="197" t="s">
        <v>10</v>
      </c>
      <c r="H8094" s="198">
        <v>1</v>
      </c>
      <c r="I8094" s="198">
        <v>1</v>
      </c>
      <c r="J8094" s="198">
        <v>1</v>
      </c>
      <c r="K8094" s="198">
        <v>0</v>
      </c>
      <c r="L8094" s="198">
        <v>0</v>
      </c>
      <c r="M8094" s="198">
        <v>0</v>
      </c>
      <c r="N8094" s="198">
        <v>0</v>
      </c>
      <c r="O8094" s="198">
        <v>0</v>
      </c>
      <c r="P8094" s="198">
        <v>0</v>
      </c>
      <c r="Q8094" s="198">
        <v>0</v>
      </c>
      <c r="R8094" s="198">
        <v>0</v>
      </c>
      <c r="S8094" s="198">
        <v>0</v>
      </c>
      <c r="T8094" s="198">
        <v>0</v>
      </c>
      <c r="U8094" s="198">
        <v>0</v>
      </c>
      <c r="V8094" s="198">
        <v>0</v>
      </c>
      <c r="W8094" s="198">
        <v>1</v>
      </c>
      <c r="X8094" s="198">
        <v>0</v>
      </c>
      <c r="Y8094" s="198">
        <v>0</v>
      </c>
      <c r="Z8094" s="198">
        <v>0</v>
      </c>
      <c r="AA8094" s="198">
        <v>0</v>
      </c>
      <c r="AB8094" s="198">
        <v>0</v>
      </c>
      <c r="AC8094" s="198">
        <v>0</v>
      </c>
      <c r="AD8094" s="198">
        <v>0</v>
      </c>
      <c r="AE8094" s="198">
        <v>0</v>
      </c>
      <c r="AF8094" s="198">
        <v>0</v>
      </c>
      <c r="AG8094" s="198">
        <v>0</v>
      </c>
      <c r="AH8094" s="198">
        <v>0</v>
      </c>
      <c r="AI8094" s="198">
        <v>0</v>
      </c>
      <c r="AJ8094" s="198">
        <v>0</v>
      </c>
      <c r="AK8094" s="198">
        <v>0</v>
      </c>
      <c r="AL8094" s="198">
        <v>0</v>
      </c>
      <c r="AM8094" s="198">
        <v>0</v>
      </c>
      <c r="AN8094" s="198">
        <v>0</v>
      </c>
      <c r="AO8094" s="198">
        <v>0</v>
      </c>
      <c r="AP8094" s="198">
        <v>0</v>
      </c>
      <c r="AQ8094" s="198">
        <v>0</v>
      </c>
      <c r="AR8094" s="198">
        <v>0</v>
      </c>
      <c r="AS8094" s="198">
        <v>0</v>
      </c>
      <c r="AT8094" s="198" t="s">
        <v>400</v>
      </c>
      <c r="AU8094" s="198">
        <v>1</v>
      </c>
      <c r="AV8094" s="198">
        <v>0</v>
      </c>
      <c r="AW8094" s="198">
        <v>0</v>
      </c>
      <c r="AX8094" s="201" t="s">
        <v>19469</v>
      </c>
      <c r="AY8094" s="201" t="s">
        <v>24394</v>
      </c>
      <c r="AZ8094" s="147" t="s">
        <v>24395</v>
      </c>
      <c r="BA8094" s="201" t="s">
        <v>24458</v>
      </c>
      <c r="BB8094" s="221">
        <v>45884</v>
      </c>
      <c r="BC8094" s="104"/>
      <c r="BD8094" s="104"/>
      <c r="BE8094" s="104"/>
      <c r="BF8094" s="104"/>
      <c r="BG8094" s="104"/>
      <c r="BH8094" s="104"/>
      <c r="BI8094" s="104"/>
      <c r="BJ8094" s="104"/>
      <c r="BK8094" s="104"/>
      <c r="BL8094" s="104"/>
      <c r="BM8094" s="104"/>
      <c r="BN8094" s="104"/>
      <c r="BO8094" s="104"/>
      <c r="BP8094" s="104"/>
      <c r="BQ8094" s="104"/>
      <c r="BR8094" s="104"/>
      <c r="BS8094" s="104"/>
      <c r="BT8094" s="104"/>
      <c r="BU8094" s="104"/>
      <c r="BV8094" s="104"/>
      <c r="BW8094" s="104"/>
    </row>
    <row r="8095" spans="1:75" s="8" customFormat="1" ht="14.1" customHeight="1" x14ac:dyDescent="0.25">
      <c r="A8095" s="106" t="s">
        <v>19470</v>
      </c>
      <c r="B8095" s="203" t="s">
        <v>24396</v>
      </c>
      <c r="C8095" s="204" t="s">
        <v>19471</v>
      </c>
      <c r="D8095" s="204" t="s">
        <v>19472</v>
      </c>
      <c r="E8095" s="204">
        <v>1985</v>
      </c>
      <c r="F8095" s="204">
        <v>18210</v>
      </c>
      <c r="G8095" s="204" t="s">
        <v>12</v>
      </c>
      <c r="H8095" s="205">
        <v>1</v>
      </c>
      <c r="I8095" s="205">
        <v>1</v>
      </c>
      <c r="J8095" s="205">
        <v>1</v>
      </c>
      <c r="K8095" s="205">
        <v>0</v>
      </c>
      <c r="L8095" s="205">
        <v>1</v>
      </c>
      <c r="M8095" s="205">
        <v>1</v>
      </c>
      <c r="N8095" s="205">
        <v>1</v>
      </c>
      <c r="O8095" s="205">
        <v>0</v>
      </c>
      <c r="P8095" s="205">
        <v>1</v>
      </c>
      <c r="Q8095" s="205">
        <v>0</v>
      </c>
      <c r="R8095" s="205">
        <v>0</v>
      </c>
      <c r="S8095" s="205">
        <v>1</v>
      </c>
      <c r="T8095" s="205">
        <v>0</v>
      </c>
      <c r="U8095" s="205">
        <v>0</v>
      </c>
      <c r="V8095" s="205">
        <v>0</v>
      </c>
      <c r="W8095" s="205">
        <v>0</v>
      </c>
      <c r="X8095" s="205">
        <v>0</v>
      </c>
      <c r="Y8095" s="205">
        <v>0</v>
      </c>
      <c r="Z8095" s="205">
        <v>1</v>
      </c>
      <c r="AA8095" s="205">
        <v>0</v>
      </c>
      <c r="AB8095" s="205">
        <v>1</v>
      </c>
      <c r="AC8095" s="205">
        <v>0</v>
      </c>
      <c r="AD8095" s="205">
        <v>0</v>
      </c>
      <c r="AE8095" s="205">
        <v>0</v>
      </c>
      <c r="AF8095" s="205">
        <v>0</v>
      </c>
      <c r="AG8095" s="205">
        <v>0</v>
      </c>
      <c r="AH8095" s="205">
        <v>0</v>
      </c>
      <c r="AI8095" s="205">
        <v>0</v>
      </c>
      <c r="AJ8095" s="205">
        <v>0</v>
      </c>
      <c r="AK8095" s="205">
        <v>0</v>
      </c>
      <c r="AL8095" s="205">
        <v>0</v>
      </c>
      <c r="AM8095" s="205">
        <v>0</v>
      </c>
      <c r="AN8095" s="205">
        <v>0</v>
      </c>
      <c r="AO8095" s="205">
        <v>0</v>
      </c>
      <c r="AP8095" s="205">
        <v>0</v>
      </c>
      <c r="AQ8095" s="205">
        <v>0</v>
      </c>
      <c r="AR8095" s="205">
        <v>0</v>
      </c>
      <c r="AS8095" s="205">
        <v>0</v>
      </c>
      <c r="AT8095" s="205">
        <v>1</v>
      </c>
      <c r="AU8095" s="205">
        <v>1</v>
      </c>
      <c r="AV8095" s="205">
        <v>0</v>
      </c>
      <c r="AW8095" s="205">
        <v>0</v>
      </c>
      <c r="AX8095" s="206" t="s">
        <v>19473</v>
      </c>
      <c r="AY8095" s="206" t="s">
        <v>19474</v>
      </c>
      <c r="AZ8095" s="147" t="s">
        <v>24397</v>
      </c>
      <c r="BA8095" s="206"/>
      <c r="BB8095" s="107">
        <v>45447</v>
      </c>
      <c r="BC8095" s="105"/>
      <c r="BD8095" s="105"/>
      <c r="BE8095" s="105"/>
      <c r="BF8095" s="105"/>
      <c r="BG8095" s="105"/>
      <c r="BH8095" s="105"/>
      <c r="BI8095" s="105"/>
      <c r="BJ8095" s="105"/>
      <c r="BK8095" s="105"/>
      <c r="BL8095" s="105"/>
      <c r="BM8095" s="105"/>
      <c r="BN8095" s="105"/>
      <c r="BO8095" s="105"/>
      <c r="BP8095" s="105"/>
      <c r="BQ8095" s="105"/>
      <c r="BR8095" s="105"/>
      <c r="BS8095" s="105"/>
      <c r="BT8095" s="105"/>
      <c r="BU8095" s="105"/>
      <c r="BV8095" s="105"/>
      <c r="BW8095" s="105"/>
    </row>
    <row r="8096" spans="1:75" ht="12" x14ac:dyDescent="0.25">
      <c r="H8096" s="10" t="s">
        <v>21973</v>
      </c>
      <c r="I8096" s="10"/>
      <c r="J8096" s="10"/>
      <c r="K8096" s="10"/>
      <c r="L8096" s="10"/>
      <c r="M8096" s="10"/>
      <c r="N8096" s="10"/>
      <c r="O8096" s="10"/>
      <c r="P8096" s="10"/>
      <c r="Q8096" s="10"/>
      <c r="R8096" s="10"/>
      <c r="S8096" s="10"/>
      <c r="T8096" s="10"/>
      <c r="U8096" s="10"/>
      <c r="V8096" s="10"/>
      <c r="W8096" s="10"/>
      <c r="X8096" s="10"/>
      <c r="Y8096" s="10"/>
      <c r="Z8096" s="10"/>
      <c r="AA8096" s="10"/>
      <c r="AB8096" s="10"/>
      <c r="AC8096" s="10"/>
      <c r="AD8096" s="10"/>
      <c r="AE8096" s="10"/>
      <c r="AF8096" s="10"/>
      <c r="AG8096" s="10"/>
      <c r="AH8096" s="10"/>
      <c r="AI8096" s="10"/>
      <c r="AJ8096" s="10"/>
      <c r="AK8096" s="10"/>
      <c r="AL8096" s="10"/>
      <c r="AM8096" s="10"/>
      <c r="AN8096" s="10"/>
      <c r="AO8096" s="10"/>
      <c r="AP8096" s="10"/>
      <c r="AQ8096" s="10"/>
      <c r="AR8096" s="10"/>
      <c r="AS8096" s="10"/>
      <c r="AT8096" s="10"/>
      <c r="AU8096" s="10"/>
      <c r="AV8096" s="10"/>
      <c r="AW8096" s="10"/>
      <c r="BB8096" s="108"/>
    </row>
    <row r="8579" spans="44:44" ht="15.75" customHeight="1" x14ac:dyDescent="0.15">
      <c r="AR8579" s="9" ph="1"/>
    </row>
    <row r="8889" spans="44:44" ht="15.75" customHeight="1" x14ac:dyDescent="0.15">
      <c r="AR8889" s="9" ph="1"/>
    </row>
    <row r="10733" spans="44:44" ht="15.75" customHeight="1" x14ac:dyDescent="0.15">
      <c r="AR10733" s="9" ph="1"/>
    </row>
    <row r="11264" spans="44:44" ht="15.75" customHeight="1" x14ac:dyDescent="0.15">
      <c r="AR11264" s="9" ph="1"/>
    </row>
    <row r="11574" spans="44:44" ht="15.75" customHeight="1" x14ac:dyDescent="0.15">
      <c r="AR11574" s="9" ph="1"/>
    </row>
    <row r="11863" spans="44:44" ht="15.75" customHeight="1" x14ac:dyDescent="0.15">
      <c r="AR11863" s="9" ph="1"/>
    </row>
    <row r="11926" spans="44:44" ht="15.75" customHeight="1" x14ac:dyDescent="0.15">
      <c r="AR11926" s="9" ph="1"/>
    </row>
    <row r="12106" spans="44:44" ht="15.75" customHeight="1" x14ac:dyDescent="0.15">
      <c r="AR12106" s="9" ph="1"/>
    </row>
    <row r="12169" spans="44:44" ht="15.75" customHeight="1" x14ac:dyDescent="0.15">
      <c r="AR12169" s="9" ph="1"/>
    </row>
    <row r="12255" spans="44:44" ht="15.75" customHeight="1" x14ac:dyDescent="0.15">
      <c r="AR12255" s="9" ph="1"/>
    </row>
    <row r="12318" spans="44:44" ht="15.75" customHeight="1" x14ac:dyDescent="0.15">
      <c r="AR12318" s="9" ph="1"/>
    </row>
    <row r="12334" spans="44:44" ht="15.75" customHeight="1" x14ac:dyDescent="0.15">
      <c r="AR12334" s="9" ph="1"/>
    </row>
    <row r="12420" spans="44:44" ht="15.75" customHeight="1" x14ac:dyDescent="0.15">
      <c r="AR12420" s="9" ph="1"/>
    </row>
    <row r="12483" spans="44:44" ht="15.75" customHeight="1" x14ac:dyDescent="0.15">
      <c r="AR12483" s="9" ph="1"/>
    </row>
    <row r="12525" spans="44:44" ht="15.75" customHeight="1" x14ac:dyDescent="0.15">
      <c r="AR12525" s="9" ph="1"/>
    </row>
    <row r="12529" spans="44:44" ht="15.75" customHeight="1" x14ac:dyDescent="0.15">
      <c r="AR12529" s="9" ph="1"/>
    </row>
    <row r="12571" spans="44:44" ht="15.75" customHeight="1" x14ac:dyDescent="0.15">
      <c r="AR12571" s="9" ph="1"/>
    </row>
    <row r="12578" spans="44:44" ht="15.75" customHeight="1" x14ac:dyDescent="0.15">
      <c r="AR12578" s="9" ph="1"/>
    </row>
    <row r="12582" spans="44:44" ht="15.75" customHeight="1" x14ac:dyDescent="0.15">
      <c r="AR12582" s="9" ph="1"/>
    </row>
    <row r="12624" spans="44:44" ht="15.75" customHeight="1" x14ac:dyDescent="0.15">
      <c r="AR12624" s="9" ph="1"/>
    </row>
    <row r="12644" spans="44:44" ht="15.75" customHeight="1" x14ac:dyDescent="0.15">
      <c r="AR12644" s="9" ph="1"/>
    </row>
    <row r="12651" spans="44:44" ht="15.75" customHeight="1" x14ac:dyDescent="0.15">
      <c r="AR12651" s="9" ph="1"/>
    </row>
    <row r="12655" spans="44:44" ht="15.75" customHeight="1" x14ac:dyDescent="0.15">
      <c r="AR12655" s="9" ph="1"/>
    </row>
    <row r="12697" spans="44:44" ht="15.75" customHeight="1" x14ac:dyDescent="0.15">
      <c r="AR12697" s="9" ph="1"/>
    </row>
    <row r="12716" spans="44:44" ht="15.75" customHeight="1" x14ac:dyDescent="0.15">
      <c r="AR12716" s="9" ph="1"/>
    </row>
    <row r="12723" spans="44:44" ht="15.75" customHeight="1" x14ac:dyDescent="0.15">
      <c r="AR12723" s="9" ph="1"/>
    </row>
    <row r="12735" spans="44:44" ht="15.75" customHeight="1" x14ac:dyDescent="0.15">
      <c r="AR12735" s="9" ph="1"/>
    </row>
    <row r="12754" spans="44:44" ht="15.75" customHeight="1" x14ac:dyDescent="0.15">
      <c r="AR12754" s="9" ph="1"/>
    </row>
    <row r="12761" spans="44:44" ht="15.75" customHeight="1" x14ac:dyDescent="0.15">
      <c r="AR12761" s="9" ph="1"/>
    </row>
    <row r="12772" spans="44:44" ht="15.75" customHeight="1" x14ac:dyDescent="0.15">
      <c r="AR12772" s="9" ph="1"/>
    </row>
    <row r="12779" spans="44:44" ht="15.75" customHeight="1" x14ac:dyDescent="0.15">
      <c r="AR12779" s="9" ph="1"/>
    </row>
    <row r="12782" spans="44:44" ht="15.75" customHeight="1" x14ac:dyDescent="0.15">
      <c r="AR12782" s="9" ph="1"/>
    </row>
    <row r="12793" spans="44:44" ht="15.75" customHeight="1" x14ac:dyDescent="0.15">
      <c r="AR12793" s="9" ph="1"/>
    </row>
    <row r="12800" spans="44:44" ht="15.75" customHeight="1" x14ac:dyDescent="0.15">
      <c r="AR12800" s="9" ph="1"/>
    </row>
    <row r="12829" spans="44:44" ht="15.75" customHeight="1" x14ac:dyDescent="0.15">
      <c r="AR12829" s="9" ph="1"/>
    </row>
    <row r="12848" spans="44:44" ht="15.75" customHeight="1" x14ac:dyDescent="0.15">
      <c r="AR12848" s="9" ph="1"/>
    </row>
    <row r="12855" spans="44:44" ht="15.75" customHeight="1" x14ac:dyDescent="0.15">
      <c r="AR12855" s="9" ph="1"/>
    </row>
    <row r="12867" spans="44:44" ht="15.75" customHeight="1" x14ac:dyDescent="0.15">
      <c r="AR12867" s="9" ph="1"/>
    </row>
    <row r="12886" spans="44:44" ht="15.75" customHeight="1" x14ac:dyDescent="0.15">
      <c r="AR12886" s="9" ph="1"/>
    </row>
    <row r="12893" spans="44:44" ht="15.75" customHeight="1" x14ac:dyDescent="0.15">
      <c r="AR12893" s="9" ph="1"/>
    </row>
    <row r="12904" spans="44:44" ht="15.75" customHeight="1" x14ac:dyDescent="0.15">
      <c r="AR12904" s="9" ph="1"/>
    </row>
    <row r="12911" spans="44:44" ht="15.75" customHeight="1" x14ac:dyDescent="0.15">
      <c r="AR12911" s="9" ph="1"/>
    </row>
    <row r="12914" spans="44:44" ht="15.75" customHeight="1" x14ac:dyDescent="0.15">
      <c r="AR12914" s="9" ph="1"/>
    </row>
    <row r="12925" spans="44:44" ht="15.75" customHeight="1" x14ac:dyDescent="0.15">
      <c r="AR12925" s="9" ph="1"/>
    </row>
    <row r="12932" spans="44:44" ht="15.75" customHeight="1" x14ac:dyDescent="0.15">
      <c r="AR12932" s="9" ph="1"/>
    </row>
    <row r="12933" spans="44:44" ht="15.75" customHeight="1" x14ac:dyDescent="0.15">
      <c r="AR12933" s="9" ph="1"/>
    </row>
    <row r="12937" spans="44:44" ht="15.75" customHeight="1" x14ac:dyDescent="0.15">
      <c r="AR12937" s="9" ph="1"/>
    </row>
    <row r="12979" spans="44:44" ht="15.75" customHeight="1" x14ac:dyDescent="0.15">
      <c r="AR12979" s="9" ph="1"/>
    </row>
    <row r="12998" spans="44:44" ht="15.75" customHeight="1" x14ac:dyDescent="0.15">
      <c r="AR12998" s="9" ph="1"/>
    </row>
    <row r="13005" spans="44:44" ht="15.75" customHeight="1" x14ac:dyDescent="0.15">
      <c r="AR13005" s="9" ph="1"/>
    </row>
    <row r="13017" spans="44:44" ht="15.75" customHeight="1" x14ac:dyDescent="0.15">
      <c r="AR13017" s="9" ph="1"/>
    </row>
    <row r="13036" spans="44:44" ht="15.75" customHeight="1" x14ac:dyDescent="0.15">
      <c r="AR13036" s="9" ph="1"/>
    </row>
    <row r="13043" spans="44:44" ht="15.75" customHeight="1" x14ac:dyDescent="0.15">
      <c r="AR13043" s="9" ph="1"/>
    </row>
    <row r="13054" spans="44:44" ht="15.75" customHeight="1" x14ac:dyDescent="0.15">
      <c r="AR13054" s="9" ph="1"/>
    </row>
    <row r="13061" spans="44:44" ht="15.75" customHeight="1" x14ac:dyDescent="0.15">
      <c r="AR13061" s="9" ph="1"/>
    </row>
    <row r="13064" spans="44:44" ht="15.75" customHeight="1" x14ac:dyDescent="0.15">
      <c r="AR13064" s="9" ph="1"/>
    </row>
    <row r="13075" spans="44:44" ht="15.75" customHeight="1" x14ac:dyDescent="0.15">
      <c r="AR13075" s="9" ph="1"/>
    </row>
    <row r="13082" spans="44:44" ht="15.75" customHeight="1" x14ac:dyDescent="0.15">
      <c r="AR13082" s="9" ph="1"/>
    </row>
    <row r="13111" spans="44:44" ht="15.75" customHeight="1" x14ac:dyDescent="0.15">
      <c r="AR13111" s="9" ph="1"/>
    </row>
    <row r="13130" spans="44:44" ht="15.75" customHeight="1" x14ac:dyDescent="0.15">
      <c r="AR13130" s="9" ph="1"/>
    </row>
    <row r="13137" spans="44:44" ht="15.75" customHeight="1" x14ac:dyDescent="0.15">
      <c r="AR13137" s="9" ph="1"/>
    </row>
    <row r="13149" spans="44:44" ht="15.75" customHeight="1" x14ac:dyDescent="0.15">
      <c r="AR13149" s="9" ph="1"/>
    </row>
    <row r="13168" spans="44:44" ht="15.75" customHeight="1" x14ac:dyDescent="0.15">
      <c r="AR13168" s="9" ph="1"/>
    </row>
    <row r="13175" spans="44:44" ht="15.75" customHeight="1" x14ac:dyDescent="0.15">
      <c r="AR13175" s="9" ph="1"/>
    </row>
    <row r="13186" spans="44:44" ht="15.75" customHeight="1" x14ac:dyDescent="0.15">
      <c r="AR13186" s="9" ph="1"/>
    </row>
    <row r="13193" spans="44:44" ht="15.75" customHeight="1" x14ac:dyDescent="0.15">
      <c r="AR13193" s="9" ph="1"/>
    </row>
    <row r="13196" spans="44:44" ht="15.75" customHeight="1" x14ac:dyDescent="0.15">
      <c r="AR13196" s="9" ph="1"/>
    </row>
    <row r="13207" spans="44:44" ht="15.75" customHeight="1" x14ac:dyDescent="0.15">
      <c r="AR13207" s="9" ph="1"/>
    </row>
    <row r="13214" spans="44:44" ht="15.75" customHeight="1" x14ac:dyDescent="0.15">
      <c r="AR13214" s="9" ph="1"/>
    </row>
    <row r="13218" spans="44:44" ht="15.75" customHeight="1" x14ac:dyDescent="0.15">
      <c r="AR13218" s="9" ph="1"/>
    </row>
    <row r="13221" spans="44:44" ht="15.75" customHeight="1" x14ac:dyDescent="0.15">
      <c r="AR13221" s="9" ph="1"/>
    </row>
    <row r="13232" spans="44:44" ht="15.75" customHeight="1" x14ac:dyDescent="0.15">
      <c r="AR13232" s="9" ph="1"/>
    </row>
    <row r="13239" spans="44:44" ht="15.75" customHeight="1" x14ac:dyDescent="0.15">
      <c r="AR13239" s="9" ph="1"/>
    </row>
    <row r="13250" spans="44:44" ht="15.75" customHeight="1" x14ac:dyDescent="0.15">
      <c r="AR13250" s="9" ph="1"/>
    </row>
    <row r="13257" spans="44:44" ht="15.75" customHeight="1" x14ac:dyDescent="0.15">
      <c r="AR13257" s="9" ph="1"/>
    </row>
    <row r="13286" spans="44:44" ht="15.75" customHeight="1" x14ac:dyDescent="0.15">
      <c r="AR13286" s="9" ph="1"/>
    </row>
    <row r="13305" spans="44:44" ht="15.75" customHeight="1" x14ac:dyDescent="0.15">
      <c r="AR13305" s="9" ph="1"/>
    </row>
    <row r="13312" spans="44:44" ht="15.75" customHeight="1" x14ac:dyDescent="0.15">
      <c r="AR13312" s="9" ph="1"/>
    </row>
    <row r="13324" spans="44:44" ht="15.75" customHeight="1" x14ac:dyDescent="0.15">
      <c r="AR13324" s="9" ph="1"/>
    </row>
    <row r="13343" spans="44:44" ht="15.75" customHeight="1" x14ac:dyDescent="0.15">
      <c r="AR13343" s="9" ph="1"/>
    </row>
    <row r="13350" spans="44:44" ht="15.75" customHeight="1" x14ac:dyDescent="0.15">
      <c r="AR13350" s="9" ph="1"/>
    </row>
    <row r="13361" spans="44:44" ht="15.75" customHeight="1" x14ac:dyDescent="0.15">
      <c r="AR13361" s="9" ph="1"/>
    </row>
    <row r="13368" spans="44:44" ht="15.75" customHeight="1" x14ac:dyDescent="0.15">
      <c r="AR13368" s="9" ph="1"/>
    </row>
    <row r="13371" spans="44:44" ht="15.75" customHeight="1" x14ac:dyDescent="0.15">
      <c r="AR13371" s="9" ph="1"/>
    </row>
    <row r="13382" spans="44:44" ht="15.75" customHeight="1" x14ac:dyDescent="0.15">
      <c r="AR13382" s="9" ph="1"/>
    </row>
    <row r="13389" spans="44:44" ht="15.75" customHeight="1" x14ac:dyDescent="0.15">
      <c r="AR13389" s="9" ph="1"/>
    </row>
    <row r="13393" spans="44:44" ht="15.75" customHeight="1" x14ac:dyDescent="0.15">
      <c r="AR13393" s="9" ph="1"/>
    </row>
    <row r="13396" spans="44:44" ht="15.75" customHeight="1" x14ac:dyDescent="0.15">
      <c r="AR13396" s="9" ph="1"/>
    </row>
    <row r="13407" spans="44:44" ht="15.75" customHeight="1" x14ac:dyDescent="0.15">
      <c r="AR13407" s="9" ph="1"/>
    </row>
    <row r="13414" spans="44:44" ht="15.75" customHeight="1" x14ac:dyDescent="0.15">
      <c r="AR13414" s="9" ph="1"/>
    </row>
    <row r="13420" spans="44:44" ht="15.75" customHeight="1" x14ac:dyDescent="0.15">
      <c r="AR13420" s="9" ph="1"/>
    </row>
    <row r="13432" spans="44:44" ht="15.75" customHeight="1" x14ac:dyDescent="0.15">
      <c r="AR13432" s="9" ph="1"/>
    </row>
    <row r="13451" spans="44:44" ht="15.75" customHeight="1" x14ac:dyDescent="0.15">
      <c r="AR13451" s="9" ph="1"/>
    </row>
    <row r="13458" spans="44:44" ht="15.75" customHeight="1" x14ac:dyDescent="0.15">
      <c r="AR13458" s="9" ph="1"/>
    </row>
    <row r="13469" spans="44:44" ht="15.75" customHeight="1" x14ac:dyDescent="0.15">
      <c r="AR13469" s="9" ph="1"/>
    </row>
    <row r="13476" spans="44:44" ht="15.75" customHeight="1" x14ac:dyDescent="0.15">
      <c r="AR13476" s="9" ph="1"/>
    </row>
    <row r="13479" spans="44:44" ht="15.75" customHeight="1" x14ac:dyDescent="0.15">
      <c r="AR13479" s="9" ph="1"/>
    </row>
    <row r="13490" spans="44:44" ht="15.75" customHeight="1" x14ac:dyDescent="0.15">
      <c r="AR13490" s="9" ph="1"/>
    </row>
    <row r="13497" spans="44:44" ht="15.75" customHeight="1" x14ac:dyDescent="0.15">
      <c r="AR13497" s="9" ph="1"/>
    </row>
    <row r="13501" spans="44:44" ht="15.75" customHeight="1" x14ac:dyDescent="0.15">
      <c r="AR13501" s="9" ph="1"/>
    </row>
    <row r="13504" spans="44:44" ht="15.75" customHeight="1" x14ac:dyDescent="0.15">
      <c r="AR13504" s="9" ph="1"/>
    </row>
    <row r="13515" spans="44:44" ht="15.75" customHeight="1" x14ac:dyDescent="0.15">
      <c r="AR13515" s="9" ph="1"/>
    </row>
    <row r="13522" spans="44:44" ht="15.75" customHeight="1" x14ac:dyDescent="0.15">
      <c r="AR13522" s="9" ph="1"/>
    </row>
    <row r="13533" spans="44:44" ht="15.75" customHeight="1" x14ac:dyDescent="0.15">
      <c r="AR13533" s="9" ph="1"/>
    </row>
    <row r="13540" spans="44:44" ht="15.75" customHeight="1" x14ac:dyDescent="0.15">
      <c r="AR13540" s="9" ph="1"/>
    </row>
    <row r="13569" spans="44:44" ht="15.75" customHeight="1" x14ac:dyDescent="0.15">
      <c r="AR13569" s="9" ph="1"/>
    </row>
    <row r="13588" spans="44:44" ht="15.75" customHeight="1" x14ac:dyDescent="0.15">
      <c r="AR13588" s="9" ph="1"/>
    </row>
    <row r="13595" spans="44:44" ht="15.75" customHeight="1" x14ac:dyDescent="0.15">
      <c r="AR13595" s="9" ph="1"/>
    </row>
    <row r="13607" spans="44:44" ht="15.75" customHeight="1" x14ac:dyDescent="0.15">
      <c r="AR13607" s="9" ph="1"/>
    </row>
    <row r="13626" spans="44:44" ht="15.75" customHeight="1" x14ac:dyDescent="0.15">
      <c r="AR13626" s="9" ph="1"/>
    </row>
    <row r="13633" spans="44:44" ht="15.75" customHeight="1" x14ac:dyDescent="0.15">
      <c r="AR13633" s="9" ph="1"/>
    </row>
    <row r="13644" spans="44:44" ht="15.75" customHeight="1" x14ac:dyDescent="0.15">
      <c r="AR13644" s="9" ph="1"/>
    </row>
    <row r="13651" spans="44:44" ht="15.75" customHeight="1" x14ac:dyDescent="0.15">
      <c r="AR13651" s="9" ph="1"/>
    </row>
    <row r="13654" spans="44:44" ht="15.75" customHeight="1" x14ac:dyDescent="0.15">
      <c r="AR13654" s="9" ph="1"/>
    </row>
    <row r="13665" spans="44:44" ht="15.75" customHeight="1" x14ac:dyDescent="0.15">
      <c r="AR13665" s="9" ph="1"/>
    </row>
    <row r="13672" spans="44:44" ht="15.75" customHeight="1" x14ac:dyDescent="0.15">
      <c r="AR13672" s="9" ph="1"/>
    </row>
    <row r="13676" spans="44:44" ht="15.75" customHeight="1" x14ac:dyDescent="0.15">
      <c r="AR13676" s="9" ph="1"/>
    </row>
    <row r="13679" spans="44:44" ht="15.75" customHeight="1" x14ac:dyDescent="0.15">
      <c r="AR13679" s="9" ph="1"/>
    </row>
    <row r="13690" spans="44:44" ht="15.75" customHeight="1" x14ac:dyDescent="0.15">
      <c r="AR13690" s="9" ph="1"/>
    </row>
    <row r="13697" spans="44:44" ht="15.75" customHeight="1" x14ac:dyDescent="0.15">
      <c r="AR13697" s="9" ph="1"/>
    </row>
    <row r="13715" spans="44:44" ht="15.75" customHeight="1" x14ac:dyDescent="0.15">
      <c r="AR13715" s="9" ph="1"/>
    </row>
    <row r="13719" spans="44:44" ht="15.75" customHeight="1" x14ac:dyDescent="0.15">
      <c r="AR13719" s="9" ph="1"/>
    </row>
    <row r="13761" spans="44:44" ht="15.75" customHeight="1" x14ac:dyDescent="0.15">
      <c r="AR13761" s="9" ph="1"/>
    </row>
    <row r="13768" spans="44:44" ht="15.75" customHeight="1" x14ac:dyDescent="0.15">
      <c r="AR13768" s="9" ph="1"/>
    </row>
    <row r="13772" spans="44:44" ht="15.75" customHeight="1" x14ac:dyDescent="0.15">
      <c r="AR13772" s="9" ph="1"/>
    </row>
    <row r="13814" spans="44:44" ht="15.75" customHeight="1" x14ac:dyDescent="0.15">
      <c r="AR13814" s="9" ph="1"/>
    </row>
    <row r="13834" spans="44:44" ht="15.75" customHeight="1" x14ac:dyDescent="0.15">
      <c r="AR13834" s="9" ph="1"/>
    </row>
    <row r="13841" spans="44:44" ht="15.75" customHeight="1" x14ac:dyDescent="0.15">
      <c r="AR13841" s="9" ph="1"/>
    </row>
    <row r="13845" spans="44:44" ht="15.75" customHeight="1" x14ac:dyDescent="0.15">
      <c r="AR13845" s="9" ph="1"/>
    </row>
    <row r="13887" spans="44:44" ht="15.75" customHeight="1" x14ac:dyDescent="0.15">
      <c r="AR13887" s="9" ph="1"/>
    </row>
    <row r="13906" spans="44:44" ht="15.75" customHeight="1" x14ac:dyDescent="0.15">
      <c r="AR13906" s="9" ph="1"/>
    </row>
    <row r="13913" spans="44:44" ht="15.75" customHeight="1" x14ac:dyDescent="0.15">
      <c r="AR13913" s="9" ph="1"/>
    </row>
    <row r="13925" spans="44:44" ht="15.75" customHeight="1" x14ac:dyDescent="0.15">
      <c r="AR13925" s="9" ph="1"/>
    </row>
    <row r="13944" spans="44:44" ht="15.75" customHeight="1" x14ac:dyDescent="0.15">
      <c r="AR13944" s="9" ph="1"/>
    </row>
    <row r="13951" spans="44:44" ht="15.75" customHeight="1" x14ac:dyDescent="0.15">
      <c r="AR13951" s="9" ph="1"/>
    </row>
    <row r="13962" spans="44:44" ht="15.75" customHeight="1" x14ac:dyDescent="0.15">
      <c r="AR13962" s="9" ph="1"/>
    </row>
    <row r="13969" spans="44:44" ht="15.75" customHeight="1" x14ac:dyDescent="0.15">
      <c r="AR13969" s="9" ph="1"/>
    </row>
    <row r="13972" spans="44:44" ht="15.75" customHeight="1" x14ac:dyDescent="0.15">
      <c r="AR13972" s="9" ph="1"/>
    </row>
    <row r="13983" spans="44:44" ht="15.75" customHeight="1" x14ac:dyDescent="0.15">
      <c r="AR13983" s="9" ph="1"/>
    </row>
    <row r="13990" spans="44:44" ht="15.75" customHeight="1" x14ac:dyDescent="0.15">
      <c r="AR13990" s="9" ph="1"/>
    </row>
    <row r="14019" spans="44:44" ht="15.75" customHeight="1" x14ac:dyDescent="0.15">
      <c r="AR14019" s="9" ph="1"/>
    </row>
    <row r="14038" spans="44:44" ht="15.75" customHeight="1" x14ac:dyDescent="0.15">
      <c r="AR14038" s="9" ph="1"/>
    </row>
    <row r="14045" spans="44:44" ht="15.75" customHeight="1" x14ac:dyDescent="0.15">
      <c r="AR14045" s="9" ph="1"/>
    </row>
    <row r="14057" spans="44:44" ht="15.75" customHeight="1" x14ac:dyDescent="0.15">
      <c r="AR14057" s="9" ph="1"/>
    </row>
    <row r="14076" spans="44:44" ht="15.75" customHeight="1" x14ac:dyDescent="0.15">
      <c r="AR14076" s="9" ph="1"/>
    </row>
    <row r="14083" spans="44:44" ht="15.75" customHeight="1" x14ac:dyDescent="0.15">
      <c r="AR14083" s="9" ph="1"/>
    </row>
    <row r="14094" spans="44:44" ht="15.75" customHeight="1" x14ac:dyDescent="0.15">
      <c r="AR14094" s="9" ph="1"/>
    </row>
    <row r="14101" spans="44:44" ht="15.75" customHeight="1" x14ac:dyDescent="0.15">
      <c r="AR14101" s="9" ph="1"/>
    </row>
    <row r="14104" spans="44:44" ht="15.75" customHeight="1" x14ac:dyDescent="0.15">
      <c r="AR14104" s="9" ph="1"/>
    </row>
    <row r="14115" spans="44:44" ht="15.75" customHeight="1" x14ac:dyDescent="0.15">
      <c r="AR14115" s="9" ph="1"/>
    </row>
    <row r="14122" spans="44:44" ht="15.75" customHeight="1" x14ac:dyDescent="0.15">
      <c r="AR14122" s="9" ph="1"/>
    </row>
    <row r="14123" spans="44:44" ht="15.75" customHeight="1" x14ac:dyDescent="0.15">
      <c r="AR14123" s="9" ph="1"/>
    </row>
    <row r="14127" spans="44:44" ht="15.75" customHeight="1" x14ac:dyDescent="0.15">
      <c r="AR14127" s="9" ph="1"/>
    </row>
    <row r="14169" spans="44:44" ht="15.75" customHeight="1" x14ac:dyDescent="0.15">
      <c r="AR14169" s="9" ph="1"/>
    </row>
    <row r="14188" spans="44:44" ht="15.75" customHeight="1" x14ac:dyDescent="0.15">
      <c r="AR14188" s="9" ph="1"/>
    </row>
    <row r="14195" spans="44:44" ht="15.75" customHeight="1" x14ac:dyDescent="0.15">
      <c r="AR14195" s="9" ph="1"/>
    </row>
    <row r="14207" spans="44:44" ht="15.75" customHeight="1" x14ac:dyDescent="0.15">
      <c r="AR14207" s="9" ph="1"/>
    </row>
    <row r="14226" spans="44:44" ht="15.75" customHeight="1" x14ac:dyDescent="0.15">
      <c r="AR14226" s="9" ph="1"/>
    </row>
    <row r="14233" spans="44:44" ht="15.75" customHeight="1" x14ac:dyDescent="0.15">
      <c r="AR14233" s="9" ph="1"/>
    </row>
    <row r="14244" spans="44:44" ht="15.75" customHeight="1" x14ac:dyDescent="0.15">
      <c r="AR14244" s="9" ph="1"/>
    </row>
    <row r="14251" spans="44:44" ht="15.75" customHeight="1" x14ac:dyDescent="0.15">
      <c r="AR14251" s="9" ph="1"/>
    </row>
    <row r="14254" spans="44:44" ht="15.75" customHeight="1" x14ac:dyDescent="0.15">
      <c r="AR14254" s="9" ph="1"/>
    </row>
    <row r="14265" spans="44:44" ht="15.75" customHeight="1" x14ac:dyDescent="0.15">
      <c r="AR14265" s="9" ph="1"/>
    </row>
    <row r="14272" spans="44:44" ht="15.75" customHeight="1" x14ac:dyDescent="0.15">
      <c r="AR14272" s="9" ph="1"/>
    </row>
    <row r="14301" spans="44:44" ht="15.75" customHeight="1" x14ac:dyDescent="0.15">
      <c r="AR14301" s="9" ph="1"/>
    </row>
    <row r="14320" spans="44:44" ht="15.75" customHeight="1" x14ac:dyDescent="0.15">
      <c r="AR14320" s="9" ph="1"/>
    </row>
    <row r="14327" spans="44:44" ht="15.75" customHeight="1" x14ac:dyDescent="0.15">
      <c r="AR14327" s="9" ph="1"/>
    </row>
    <row r="14339" spans="44:44" ht="15.75" customHeight="1" x14ac:dyDescent="0.15">
      <c r="AR14339" s="9" ph="1"/>
    </row>
    <row r="14358" spans="44:44" ht="15.75" customHeight="1" x14ac:dyDescent="0.15">
      <c r="AR14358" s="9" ph="1"/>
    </row>
    <row r="14365" spans="44:44" ht="15.75" customHeight="1" x14ac:dyDescent="0.15">
      <c r="AR14365" s="9" ph="1"/>
    </row>
    <row r="14376" spans="44:44" ht="15.75" customHeight="1" x14ac:dyDescent="0.15">
      <c r="AR14376" s="9" ph="1"/>
    </row>
    <row r="14383" spans="44:44" ht="15.75" customHeight="1" x14ac:dyDescent="0.15">
      <c r="AR14383" s="9" ph="1"/>
    </row>
    <row r="14386" spans="44:44" ht="15.75" customHeight="1" x14ac:dyDescent="0.15">
      <c r="AR14386" s="9" ph="1"/>
    </row>
    <row r="14397" spans="44:44" ht="15.75" customHeight="1" x14ac:dyDescent="0.15">
      <c r="AR14397" s="9" ph="1"/>
    </row>
    <row r="14404" spans="44:44" ht="15.75" customHeight="1" x14ac:dyDescent="0.15">
      <c r="AR14404" s="9" ph="1"/>
    </row>
    <row r="14408" spans="44:44" ht="15.75" customHeight="1" x14ac:dyDescent="0.15">
      <c r="AR14408" s="9" ph="1"/>
    </row>
    <row r="14411" spans="44:44" ht="15.75" customHeight="1" x14ac:dyDescent="0.15">
      <c r="AR14411" s="9" ph="1"/>
    </row>
    <row r="14422" spans="44:44" ht="15.75" customHeight="1" x14ac:dyDescent="0.15">
      <c r="AR14422" s="9" ph="1"/>
    </row>
    <row r="14429" spans="44:44" ht="15.75" customHeight="1" x14ac:dyDescent="0.15">
      <c r="AR14429" s="9" ph="1"/>
    </row>
    <row r="14440" spans="44:44" ht="15.75" customHeight="1" x14ac:dyDescent="0.15">
      <c r="AR14440" s="9" ph="1"/>
    </row>
    <row r="14447" spans="44:44" ht="15.75" customHeight="1" x14ac:dyDescent="0.15">
      <c r="AR14447" s="9" ph="1"/>
    </row>
    <row r="14476" spans="44:44" ht="15.75" customHeight="1" x14ac:dyDescent="0.15">
      <c r="AR14476" s="9" ph="1"/>
    </row>
    <row r="14495" spans="44:44" ht="15.75" customHeight="1" x14ac:dyDescent="0.15">
      <c r="AR14495" s="9" ph="1"/>
    </row>
    <row r="14502" spans="44:44" ht="15.75" customHeight="1" x14ac:dyDescent="0.15">
      <c r="AR14502" s="9" ph="1"/>
    </row>
    <row r="14514" spans="44:44" ht="15.75" customHeight="1" x14ac:dyDescent="0.15">
      <c r="AR14514" s="9" ph="1"/>
    </row>
    <row r="14533" spans="44:44" ht="15.75" customHeight="1" x14ac:dyDescent="0.15">
      <c r="AR14533" s="9" ph="1"/>
    </row>
    <row r="14540" spans="44:44" ht="15.75" customHeight="1" x14ac:dyDescent="0.15">
      <c r="AR14540" s="9" ph="1"/>
    </row>
    <row r="14551" spans="44:44" ht="15.75" customHeight="1" x14ac:dyDescent="0.15">
      <c r="AR14551" s="9" ph="1"/>
    </row>
    <row r="14558" spans="44:44" ht="15.75" customHeight="1" x14ac:dyDescent="0.15">
      <c r="AR14558" s="9" ph="1"/>
    </row>
    <row r="14561" spans="44:44" ht="15.75" customHeight="1" x14ac:dyDescent="0.15">
      <c r="AR14561" s="9" ph="1"/>
    </row>
    <row r="14572" spans="44:44" ht="15.75" customHeight="1" x14ac:dyDescent="0.15">
      <c r="AR14572" s="9" ph="1"/>
    </row>
    <row r="14579" spans="44:44" ht="15.75" customHeight="1" x14ac:dyDescent="0.15">
      <c r="AR14579" s="9" ph="1"/>
    </row>
    <row r="14583" spans="44:44" ht="15.75" customHeight="1" x14ac:dyDescent="0.15">
      <c r="AR14583" s="9" ph="1"/>
    </row>
    <row r="14586" spans="44:44" ht="15.75" customHeight="1" x14ac:dyDescent="0.15">
      <c r="AR14586" s="9" ph="1"/>
    </row>
    <row r="14597" spans="44:44" ht="15.75" customHeight="1" x14ac:dyDescent="0.15">
      <c r="AR14597" s="9" ph="1"/>
    </row>
    <row r="14604" spans="44:44" ht="15.75" customHeight="1" x14ac:dyDescent="0.15">
      <c r="AR14604" s="9" ph="1"/>
    </row>
    <row r="14610" spans="44:44" ht="15.75" customHeight="1" x14ac:dyDescent="0.15">
      <c r="AR14610" s="9" ph="1"/>
    </row>
    <row r="14622" spans="44:44" ht="15.75" customHeight="1" x14ac:dyDescent="0.15">
      <c r="AR14622" s="9" ph="1"/>
    </row>
    <row r="14641" spans="44:44" ht="15.75" customHeight="1" x14ac:dyDescent="0.15">
      <c r="AR14641" s="9" ph="1"/>
    </row>
    <row r="14648" spans="44:44" ht="15.75" customHeight="1" x14ac:dyDescent="0.15">
      <c r="AR14648" s="9" ph="1"/>
    </row>
    <row r="14659" spans="44:44" ht="15.75" customHeight="1" x14ac:dyDescent="0.15">
      <c r="AR14659" s="9" ph="1"/>
    </row>
    <row r="14666" spans="44:44" ht="15.75" customHeight="1" x14ac:dyDescent="0.15">
      <c r="AR14666" s="9" ph="1"/>
    </row>
    <row r="14669" spans="44:44" ht="15.75" customHeight="1" x14ac:dyDescent="0.15">
      <c r="AR14669" s="9" ph="1"/>
    </row>
    <row r="14680" spans="44:44" ht="15.75" customHeight="1" x14ac:dyDescent="0.15">
      <c r="AR14680" s="9" ph="1"/>
    </row>
    <row r="14687" spans="44:44" ht="15.75" customHeight="1" x14ac:dyDescent="0.15">
      <c r="AR14687" s="9" ph="1"/>
    </row>
    <row r="14691" spans="44:44" ht="15.75" customHeight="1" x14ac:dyDescent="0.15">
      <c r="AR14691" s="9" ph="1"/>
    </row>
    <row r="14694" spans="44:44" ht="15.75" customHeight="1" x14ac:dyDescent="0.15">
      <c r="AR14694" s="9" ph="1"/>
    </row>
    <row r="14705" spans="44:44" ht="15.75" customHeight="1" x14ac:dyDescent="0.15">
      <c r="AR14705" s="9" ph="1"/>
    </row>
    <row r="14712" spans="44:44" ht="15.75" customHeight="1" x14ac:dyDescent="0.15">
      <c r="AR14712" s="9" ph="1"/>
    </row>
    <row r="14723" spans="44:44" ht="15.75" customHeight="1" x14ac:dyDescent="0.15">
      <c r="AR14723" s="9" ph="1"/>
    </row>
    <row r="14730" spans="44:44" ht="15.75" customHeight="1" x14ac:dyDescent="0.15">
      <c r="AR14730" s="9" ph="1"/>
    </row>
    <row r="14759" spans="44:44" ht="15.75" customHeight="1" x14ac:dyDescent="0.15">
      <c r="AR14759" s="9" ph="1"/>
    </row>
    <row r="14778" spans="44:44" ht="15.75" customHeight="1" x14ac:dyDescent="0.15">
      <c r="AR14778" s="9" ph="1"/>
    </row>
    <row r="14785" spans="44:44" ht="15.75" customHeight="1" x14ac:dyDescent="0.15">
      <c r="AR14785" s="9" ph="1"/>
    </row>
    <row r="14797" spans="44:44" ht="15.75" customHeight="1" x14ac:dyDescent="0.15">
      <c r="AR14797" s="9" ph="1"/>
    </row>
    <row r="14816" spans="44:44" ht="15.75" customHeight="1" x14ac:dyDescent="0.15">
      <c r="AR14816" s="9" ph="1"/>
    </row>
    <row r="14823" spans="44:44" ht="15.75" customHeight="1" x14ac:dyDescent="0.15">
      <c r="AR14823" s="9" ph="1"/>
    </row>
    <row r="14834" spans="44:44" ht="15.75" customHeight="1" x14ac:dyDescent="0.15">
      <c r="AR14834" s="9" ph="1"/>
    </row>
    <row r="14841" spans="44:44" ht="15.75" customHeight="1" x14ac:dyDescent="0.15">
      <c r="AR14841" s="9" ph="1"/>
    </row>
    <row r="14844" spans="44:44" ht="15.75" customHeight="1" x14ac:dyDescent="0.15">
      <c r="AR14844" s="9" ph="1"/>
    </row>
    <row r="14855" spans="44:44" ht="15.75" customHeight="1" x14ac:dyDescent="0.15">
      <c r="AR14855" s="9" ph="1"/>
    </row>
    <row r="14862" spans="44:44" ht="15.75" customHeight="1" x14ac:dyDescent="0.15">
      <c r="AR14862" s="9" ph="1"/>
    </row>
    <row r="14866" spans="44:44" ht="15.75" customHeight="1" x14ac:dyDescent="0.15">
      <c r="AR14866" s="9" ph="1"/>
    </row>
    <row r="14869" spans="44:44" ht="15.75" customHeight="1" x14ac:dyDescent="0.15">
      <c r="AR14869" s="9" ph="1"/>
    </row>
    <row r="14880" spans="44:44" ht="15.75" customHeight="1" x14ac:dyDescent="0.15">
      <c r="AR14880" s="9" ph="1"/>
    </row>
    <row r="14887" spans="44:44" ht="15.75" customHeight="1" x14ac:dyDescent="0.15">
      <c r="AR14887" s="9" ph="1"/>
    </row>
    <row r="14895" spans="44:44" ht="15.75" customHeight="1" x14ac:dyDescent="0.15">
      <c r="AR14895" s="9" ph="1"/>
    </row>
    <row r="14902" spans="44:44" ht="15.75" customHeight="1" x14ac:dyDescent="0.15">
      <c r="AR14902" s="9" ph="1"/>
    </row>
    <row r="14913" spans="44:44" ht="15.75" customHeight="1" x14ac:dyDescent="0.15">
      <c r="AR14913" s="9" ph="1"/>
    </row>
    <row r="14920" spans="44:44" ht="15.75" customHeight="1" x14ac:dyDescent="0.15">
      <c r="AR14920" s="9" ph="1"/>
    </row>
    <row r="14923" spans="44:44" ht="15.75" customHeight="1" x14ac:dyDescent="0.15">
      <c r="AR14923" s="9" ph="1"/>
    </row>
    <row r="14934" spans="44:44" ht="15.75" customHeight="1" x14ac:dyDescent="0.15">
      <c r="AR14934" s="9" ph="1"/>
    </row>
    <row r="14941" spans="44:44" ht="15.75" customHeight="1" x14ac:dyDescent="0.15">
      <c r="AR14941" s="9" ph="1"/>
    </row>
    <row r="14945" spans="44:44" ht="15.75" customHeight="1" x14ac:dyDescent="0.15">
      <c r="AR14945" s="9" ph="1"/>
    </row>
    <row r="14948" spans="44:44" ht="15.75" customHeight="1" x14ac:dyDescent="0.15">
      <c r="AR14948" s="9" ph="1"/>
    </row>
    <row r="14959" spans="44:44" ht="15.75" customHeight="1" x14ac:dyDescent="0.15">
      <c r="AR14959" s="9" ph="1"/>
    </row>
    <row r="14966" spans="44:44" ht="15.75" customHeight="1" x14ac:dyDescent="0.15">
      <c r="AR14966" s="9" ph="1"/>
    </row>
    <row r="14967" spans="44:44" ht="15.75" customHeight="1" x14ac:dyDescent="0.15">
      <c r="AR14967" s="9" ph="1"/>
    </row>
    <row r="14978" spans="44:44" ht="15.75" customHeight="1" x14ac:dyDescent="0.15">
      <c r="AR14978" s="9" ph="1"/>
    </row>
    <row r="14985" spans="44:44" ht="15.75" customHeight="1" x14ac:dyDescent="0.15">
      <c r="AR14985" s="9" ph="1"/>
    </row>
    <row r="14988" spans="44:44" ht="15.75" customHeight="1" x14ac:dyDescent="0.15">
      <c r="AR14988" s="9" ph="1"/>
    </row>
    <row r="14999" spans="44:44" ht="15.75" customHeight="1" x14ac:dyDescent="0.15">
      <c r="AR14999" s="9" ph="1"/>
    </row>
    <row r="15006" spans="44:44" ht="15.75" customHeight="1" x14ac:dyDescent="0.15">
      <c r="AR15006" s="9" ph="1"/>
    </row>
    <row r="15010" spans="44:44" ht="15.75" customHeight="1" x14ac:dyDescent="0.15">
      <c r="AR15010" s="9" ph="1"/>
    </row>
    <row r="15013" spans="44:44" ht="15.75" customHeight="1" x14ac:dyDescent="0.15">
      <c r="AR15013" s="9" ph="1"/>
    </row>
    <row r="15024" spans="44:44" ht="15.75" customHeight="1" x14ac:dyDescent="0.15">
      <c r="AR15024" s="9" ph="1"/>
    </row>
    <row r="15031" spans="44:44" ht="15.75" customHeight="1" x14ac:dyDescent="0.15">
      <c r="AR15031" s="9" ph="1"/>
    </row>
    <row r="15042" spans="44:44" ht="15.75" customHeight="1" x14ac:dyDescent="0.15">
      <c r="AR15042" s="9" ph="1"/>
    </row>
    <row r="15049" spans="44:44" ht="15.75" customHeight="1" x14ac:dyDescent="0.15">
      <c r="AR15049" s="9" ph="1"/>
    </row>
    <row r="15078" spans="44:44" ht="15.75" customHeight="1" x14ac:dyDescent="0.15">
      <c r="AR15078" s="9" ph="1"/>
    </row>
    <row r="15097" spans="44:44" ht="15.75" customHeight="1" x14ac:dyDescent="0.15">
      <c r="AR15097" s="9" ph="1"/>
    </row>
    <row r="15104" spans="44:44" ht="15.75" customHeight="1" x14ac:dyDescent="0.15">
      <c r="AR15104" s="9" ph="1"/>
    </row>
    <row r="15116" spans="44:44" ht="15.75" customHeight="1" x14ac:dyDescent="0.15">
      <c r="AR15116" s="9" ph="1"/>
    </row>
    <row r="15135" spans="44:44" ht="15.75" customHeight="1" x14ac:dyDescent="0.15">
      <c r="AR15135" s="9" ph="1"/>
    </row>
    <row r="15142" spans="44:44" ht="15.75" customHeight="1" x14ac:dyDescent="0.15">
      <c r="AR15142" s="9" ph="1"/>
    </row>
    <row r="15153" spans="44:44" ht="15.75" customHeight="1" x14ac:dyDescent="0.15">
      <c r="AR15153" s="9" ph="1"/>
    </row>
    <row r="15160" spans="44:44" ht="15.75" customHeight="1" x14ac:dyDescent="0.15">
      <c r="AR15160" s="9" ph="1"/>
    </row>
    <row r="15163" spans="44:44" ht="15.75" customHeight="1" x14ac:dyDescent="0.15">
      <c r="AR15163" s="9" ph="1"/>
    </row>
    <row r="15174" spans="44:44" ht="15.75" customHeight="1" x14ac:dyDescent="0.15">
      <c r="AR15174" s="9" ph="1"/>
    </row>
    <row r="15181" spans="44:44" ht="15.75" customHeight="1" x14ac:dyDescent="0.15">
      <c r="AR15181" s="9" ph="1"/>
    </row>
    <row r="15185" spans="44:44" ht="15.75" customHeight="1" x14ac:dyDescent="0.15">
      <c r="AR15185" s="9" ph="1"/>
    </row>
    <row r="15188" spans="44:44" ht="15.75" customHeight="1" x14ac:dyDescent="0.15">
      <c r="AR15188" s="9" ph="1"/>
    </row>
    <row r="15199" spans="44:44" ht="15.75" customHeight="1" x14ac:dyDescent="0.15">
      <c r="AR15199" s="9" ph="1"/>
    </row>
    <row r="15206" spans="44:44" ht="15.75" customHeight="1" x14ac:dyDescent="0.15">
      <c r="AR15206" s="9" ph="1"/>
    </row>
    <row r="15212" spans="44:44" ht="15.75" customHeight="1" x14ac:dyDescent="0.15">
      <c r="AR15212" s="9" ph="1"/>
    </row>
    <row r="15224" spans="44:44" ht="15.75" customHeight="1" x14ac:dyDescent="0.15">
      <c r="AR15224" s="9" ph="1"/>
    </row>
    <row r="15243" spans="44:44" ht="15.75" customHeight="1" x14ac:dyDescent="0.15">
      <c r="AR15243" s="9" ph="1"/>
    </row>
    <row r="15250" spans="44:44" ht="15.75" customHeight="1" x14ac:dyDescent="0.15">
      <c r="AR15250" s="9" ph="1"/>
    </row>
    <row r="15261" spans="44:44" ht="15.75" customHeight="1" x14ac:dyDescent="0.15">
      <c r="AR15261" s="9" ph="1"/>
    </row>
    <row r="15268" spans="44:44" ht="15.75" customHeight="1" x14ac:dyDescent="0.15">
      <c r="AR15268" s="9" ph="1"/>
    </row>
    <row r="15271" spans="44:44" ht="15.75" customHeight="1" x14ac:dyDescent="0.15">
      <c r="AR15271" s="9" ph="1"/>
    </row>
    <row r="15282" spans="44:44" ht="15.75" customHeight="1" x14ac:dyDescent="0.15">
      <c r="AR15282" s="9" ph="1"/>
    </row>
    <row r="15289" spans="44:44" ht="15.75" customHeight="1" x14ac:dyDescent="0.15">
      <c r="AR15289" s="9" ph="1"/>
    </row>
    <row r="15293" spans="44:44" ht="15.75" customHeight="1" x14ac:dyDescent="0.15">
      <c r="AR15293" s="9" ph="1"/>
    </row>
    <row r="15296" spans="44:44" ht="15.75" customHeight="1" x14ac:dyDescent="0.15">
      <c r="AR15296" s="9" ph="1"/>
    </row>
    <row r="15307" spans="44:44" ht="15.75" customHeight="1" x14ac:dyDescent="0.15">
      <c r="AR15307" s="9" ph="1"/>
    </row>
    <row r="15314" spans="44:44" ht="15.75" customHeight="1" x14ac:dyDescent="0.15">
      <c r="AR15314" s="9" ph="1"/>
    </row>
    <row r="15325" spans="44:44" ht="15.75" customHeight="1" x14ac:dyDescent="0.15">
      <c r="AR15325" s="9" ph="1"/>
    </row>
    <row r="15332" spans="44:44" ht="15.75" customHeight="1" x14ac:dyDescent="0.15">
      <c r="AR15332" s="9" ph="1"/>
    </row>
    <row r="15361" spans="44:44" ht="15.75" customHeight="1" x14ac:dyDescent="0.15">
      <c r="AR15361" s="9" ph="1"/>
    </row>
    <row r="15380" spans="44:44" ht="15.75" customHeight="1" x14ac:dyDescent="0.15">
      <c r="AR15380" s="9" ph="1"/>
    </row>
    <row r="15387" spans="44:44" ht="15.75" customHeight="1" x14ac:dyDescent="0.15">
      <c r="AR15387" s="9" ph="1"/>
    </row>
    <row r="15399" spans="44:44" ht="15.75" customHeight="1" x14ac:dyDescent="0.15">
      <c r="AR15399" s="9" ph="1"/>
    </row>
    <row r="15418" spans="44:44" ht="15.75" customHeight="1" x14ac:dyDescent="0.15">
      <c r="AR15418" s="9" ph="1"/>
    </row>
    <row r="15425" spans="44:44" ht="15.75" customHeight="1" x14ac:dyDescent="0.15">
      <c r="AR15425" s="9" ph="1"/>
    </row>
    <row r="15436" spans="44:44" ht="15.75" customHeight="1" x14ac:dyDescent="0.15">
      <c r="AR15436" s="9" ph="1"/>
    </row>
    <row r="15443" spans="44:44" ht="15.75" customHeight="1" x14ac:dyDescent="0.15">
      <c r="AR15443" s="9" ph="1"/>
    </row>
    <row r="15446" spans="44:44" ht="15.75" customHeight="1" x14ac:dyDescent="0.15">
      <c r="AR15446" s="9" ph="1"/>
    </row>
    <row r="15457" spans="44:44" ht="15.75" customHeight="1" x14ac:dyDescent="0.15">
      <c r="AR15457" s="9" ph="1"/>
    </row>
    <row r="15464" spans="44:44" ht="15.75" customHeight="1" x14ac:dyDescent="0.15">
      <c r="AR15464" s="9" ph="1"/>
    </row>
    <row r="15468" spans="44:44" ht="15.75" customHeight="1" x14ac:dyDescent="0.15">
      <c r="AR15468" s="9" ph="1"/>
    </row>
    <row r="15471" spans="44:44" ht="15.75" customHeight="1" x14ac:dyDescent="0.15">
      <c r="AR15471" s="9" ph="1"/>
    </row>
    <row r="15482" spans="44:44" ht="15.75" customHeight="1" x14ac:dyDescent="0.15">
      <c r="AR15482" s="9" ph="1"/>
    </row>
    <row r="15489" spans="44:44" ht="15.75" customHeight="1" x14ac:dyDescent="0.15">
      <c r="AR15489" s="9" ph="1"/>
    </row>
    <row r="15497" spans="44:44" ht="15.75" customHeight="1" x14ac:dyDescent="0.15">
      <c r="AR15497" s="9" ph="1"/>
    </row>
    <row r="15504" spans="44:44" ht="15.75" customHeight="1" x14ac:dyDescent="0.15">
      <c r="AR15504" s="9" ph="1"/>
    </row>
    <row r="15515" spans="44:44" ht="15.75" customHeight="1" x14ac:dyDescent="0.15">
      <c r="AR15515" s="9" ph="1"/>
    </row>
    <row r="15522" spans="44:44" ht="15.75" customHeight="1" x14ac:dyDescent="0.15">
      <c r="AR15522" s="9" ph="1"/>
    </row>
    <row r="15525" spans="44:44" ht="15.75" customHeight="1" x14ac:dyDescent="0.15">
      <c r="AR15525" s="9" ph="1"/>
    </row>
    <row r="15536" spans="44:44" ht="15.75" customHeight="1" x14ac:dyDescent="0.15">
      <c r="AR15536" s="9" ph="1"/>
    </row>
    <row r="15543" spans="44:44" ht="15.75" customHeight="1" x14ac:dyDescent="0.15">
      <c r="AR15543" s="9" ph="1"/>
    </row>
    <row r="15547" spans="44:44" ht="15.75" customHeight="1" x14ac:dyDescent="0.15">
      <c r="AR15547" s="9" ph="1"/>
    </row>
    <row r="15550" spans="44:44" ht="15.75" customHeight="1" x14ac:dyDescent="0.15">
      <c r="AR15550" s="9" ph="1"/>
    </row>
    <row r="15561" spans="44:44" ht="15.75" customHeight="1" x14ac:dyDescent="0.15">
      <c r="AR15561" s="9" ph="1"/>
    </row>
    <row r="15568" spans="44:44" ht="15.75" customHeight="1" x14ac:dyDescent="0.15">
      <c r="AR15568" s="9" ph="1"/>
    </row>
    <row r="15573" spans="44:44" ht="15.75" customHeight="1" x14ac:dyDescent="0.15">
      <c r="AR15573" s="9" ph="1"/>
    </row>
    <row r="15580" spans="44:44" ht="15.75" customHeight="1" x14ac:dyDescent="0.15">
      <c r="AR15580" s="9" ph="1"/>
    </row>
    <row r="15583" spans="44:44" ht="15.75" customHeight="1" x14ac:dyDescent="0.15">
      <c r="AR15583" s="9" ph="1"/>
    </row>
    <row r="15594" spans="44:44" ht="15.75" customHeight="1" x14ac:dyDescent="0.15">
      <c r="AR15594" s="9" ph="1"/>
    </row>
    <row r="15601" spans="44:44" ht="15.75" customHeight="1" x14ac:dyDescent="0.15">
      <c r="AR15601" s="9" ph="1"/>
    </row>
    <row r="15605" spans="44:44" ht="15.75" customHeight="1" x14ac:dyDescent="0.15">
      <c r="AR15605" s="9" ph="1"/>
    </row>
    <row r="15608" spans="44:44" ht="15.75" customHeight="1" x14ac:dyDescent="0.15">
      <c r="AR15608" s="9" ph="1"/>
    </row>
    <row r="15619" spans="44:44" ht="15.75" customHeight="1" x14ac:dyDescent="0.15">
      <c r="AR15619" s="9" ph="1"/>
    </row>
    <row r="15626" spans="44:44" ht="15.75" customHeight="1" x14ac:dyDescent="0.15">
      <c r="AR15626" s="9" ph="1"/>
    </row>
    <row r="15637" spans="44:44" ht="15.75" customHeight="1" x14ac:dyDescent="0.15">
      <c r="AR15637" s="9" ph="1"/>
    </row>
    <row r="15644" spans="44:44" ht="15.75" customHeight="1" x14ac:dyDescent="0.15">
      <c r="AR15644" s="9" ph="1"/>
    </row>
    <row r="15673" spans="44:44" ht="15.75" customHeight="1" x14ac:dyDescent="0.15">
      <c r="AR15673" s="9" ph="1"/>
    </row>
    <row r="15692" spans="44:44" ht="15.75" customHeight="1" x14ac:dyDescent="0.15">
      <c r="AR15692" s="9" ph="1"/>
    </row>
    <row r="15699" spans="44:44" ht="15.75" customHeight="1" x14ac:dyDescent="0.15">
      <c r="AR15699" s="9" ph="1"/>
    </row>
    <row r="15711" spans="44:44" ht="15.75" customHeight="1" x14ac:dyDescent="0.15">
      <c r="AR15711" s="9" ph="1"/>
    </row>
    <row r="15730" spans="44:44" ht="15.75" customHeight="1" x14ac:dyDescent="0.15">
      <c r="AR15730" s="9" ph="1"/>
    </row>
    <row r="15737" spans="44:44" ht="15.75" customHeight="1" x14ac:dyDescent="0.15">
      <c r="AR15737" s="9" ph="1"/>
    </row>
    <row r="15748" spans="44:44" ht="15.75" customHeight="1" x14ac:dyDescent="0.15">
      <c r="AR15748" s="9" ph="1"/>
    </row>
    <row r="15755" spans="44:44" ht="15.75" customHeight="1" x14ac:dyDescent="0.15">
      <c r="AR15755" s="9" ph="1"/>
    </row>
    <row r="15758" spans="44:44" ht="15.75" customHeight="1" x14ac:dyDescent="0.15">
      <c r="AR15758" s="9" ph="1"/>
    </row>
    <row r="15769" spans="44:44" ht="15.75" customHeight="1" x14ac:dyDescent="0.15">
      <c r="AR15769" s="9" ph="1"/>
    </row>
    <row r="15776" spans="44:44" ht="15.75" customHeight="1" x14ac:dyDescent="0.15">
      <c r="AR15776" s="9" ph="1"/>
    </row>
    <row r="15780" spans="44:44" ht="15.75" customHeight="1" x14ac:dyDescent="0.15">
      <c r="AR15780" s="9" ph="1"/>
    </row>
    <row r="15783" spans="44:44" ht="15.75" customHeight="1" x14ac:dyDescent="0.15">
      <c r="AR15783" s="9" ph="1"/>
    </row>
    <row r="15794" spans="44:44" ht="15.75" customHeight="1" x14ac:dyDescent="0.15">
      <c r="AR15794" s="9" ph="1"/>
    </row>
    <row r="15801" spans="44:44" ht="15.75" customHeight="1" x14ac:dyDescent="0.15">
      <c r="AR15801" s="9" ph="1"/>
    </row>
    <row r="15809" spans="44:44" ht="15.75" customHeight="1" x14ac:dyDescent="0.15">
      <c r="AR15809" s="9" ph="1"/>
    </row>
    <row r="15816" spans="44:44" ht="15.75" customHeight="1" x14ac:dyDescent="0.15">
      <c r="AR15816" s="9" ph="1"/>
    </row>
    <row r="15827" spans="44:44" ht="15.75" customHeight="1" x14ac:dyDescent="0.15">
      <c r="AR15827" s="9" ph="1"/>
    </row>
    <row r="15834" spans="44:44" ht="15.75" customHeight="1" x14ac:dyDescent="0.15">
      <c r="AR15834" s="9" ph="1"/>
    </row>
    <row r="15837" spans="44:44" ht="15.75" customHeight="1" x14ac:dyDescent="0.15">
      <c r="AR15837" s="9" ph="1"/>
    </row>
    <row r="15848" spans="44:44" ht="15.75" customHeight="1" x14ac:dyDescent="0.15">
      <c r="AR15848" s="9" ph="1"/>
    </row>
    <row r="15855" spans="44:44" ht="15.75" customHeight="1" x14ac:dyDescent="0.15">
      <c r="AR15855" s="9" ph="1"/>
    </row>
    <row r="15859" spans="44:44" ht="15.75" customHeight="1" x14ac:dyDescent="0.15">
      <c r="AR15859" s="9" ph="1"/>
    </row>
    <row r="15862" spans="44:44" ht="15.75" customHeight="1" x14ac:dyDescent="0.15">
      <c r="AR15862" s="9" ph="1"/>
    </row>
    <row r="15873" spans="44:44" ht="15.75" customHeight="1" x14ac:dyDescent="0.15">
      <c r="AR15873" s="9" ph="1"/>
    </row>
    <row r="15880" spans="44:44" ht="15.75" customHeight="1" x14ac:dyDescent="0.15">
      <c r="AR15880" s="9" ph="1"/>
    </row>
    <row r="15882" spans="44:44" ht="15.75" customHeight="1" x14ac:dyDescent="0.15">
      <c r="AR15882" s="9" ph="1"/>
    </row>
    <row r="15911" spans="44:44" ht="15.75" customHeight="1" x14ac:dyDescent="0.15">
      <c r="AR15911" s="9" ph="1"/>
    </row>
    <row r="15930" spans="44:44" ht="15.75" customHeight="1" x14ac:dyDescent="0.15">
      <c r="AR15930" s="9" ph="1"/>
    </row>
    <row r="15937" spans="44:44" ht="15.75" customHeight="1" x14ac:dyDescent="0.15">
      <c r="AR15937" s="9" ph="1"/>
    </row>
    <row r="15949" spans="44:44" ht="15.75" customHeight="1" x14ac:dyDescent="0.15">
      <c r="AR15949" s="9" ph="1"/>
    </row>
    <row r="15968" spans="44:44" ht="15.75" customHeight="1" x14ac:dyDescent="0.15">
      <c r="AR15968" s="9" ph="1"/>
    </row>
    <row r="15975" spans="44:44" ht="15.75" customHeight="1" x14ac:dyDescent="0.15">
      <c r="AR15975" s="9" ph="1"/>
    </row>
    <row r="15986" spans="44:44" ht="15.75" customHeight="1" x14ac:dyDescent="0.15">
      <c r="AR15986" s="9" ph="1"/>
    </row>
    <row r="15993" spans="44:44" ht="15.75" customHeight="1" x14ac:dyDescent="0.15">
      <c r="AR15993" s="9" ph="1"/>
    </row>
    <row r="15996" spans="44:44" ht="15.75" customHeight="1" x14ac:dyDescent="0.15">
      <c r="AR15996" s="9" ph="1"/>
    </row>
    <row r="16007" spans="44:44" ht="15.75" customHeight="1" x14ac:dyDescent="0.15">
      <c r="AR16007" s="9" ph="1"/>
    </row>
    <row r="16014" spans="44:44" ht="15.75" customHeight="1" x14ac:dyDescent="0.15">
      <c r="AR16014" s="9" ph="1"/>
    </row>
    <row r="16018" spans="44:44" ht="15.75" customHeight="1" x14ac:dyDescent="0.15">
      <c r="AR16018" s="9" ph="1"/>
    </row>
    <row r="16021" spans="44:44" ht="15.75" customHeight="1" x14ac:dyDescent="0.15">
      <c r="AR16021" s="9" ph="1"/>
    </row>
    <row r="16032" spans="44:44" ht="15.75" customHeight="1" x14ac:dyDescent="0.15">
      <c r="AR16032" s="9" ph="1"/>
    </row>
    <row r="16039" spans="44:44" ht="15.75" customHeight="1" x14ac:dyDescent="0.15">
      <c r="AR16039" s="9" ph="1"/>
    </row>
    <row r="16047" spans="44:44" ht="15.75" customHeight="1" x14ac:dyDescent="0.15">
      <c r="AR16047" s="9" ph="1"/>
    </row>
    <row r="16054" spans="44:44" ht="15.75" customHeight="1" x14ac:dyDescent="0.15">
      <c r="AR16054" s="9" ph="1"/>
    </row>
    <row r="16065" spans="44:44" ht="15.75" customHeight="1" x14ac:dyDescent="0.15">
      <c r="AR16065" s="9" ph="1"/>
    </row>
    <row r="16072" spans="44:44" ht="15.75" customHeight="1" x14ac:dyDescent="0.15">
      <c r="AR16072" s="9" ph="1"/>
    </row>
    <row r="16075" spans="44:44" ht="15.75" customHeight="1" x14ac:dyDescent="0.15">
      <c r="AR16075" s="9" ph="1"/>
    </row>
    <row r="16086" spans="44:44" ht="15.75" customHeight="1" x14ac:dyDescent="0.15">
      <c r="AR16086" s="9" ph="1"/>
    </row>
    <row r="16093" spans="44:44" ht="15.75" customHeight="1" x14ac:dyDescent="0.15">
      <c r="AR16093" s="9" ph="1"/>
    </row>
    <row r="16097" spans="44:44" ht="15.75" customHeight="1" x14ac:dyDescent="0.15">
      <c r="AR16097" s="9" ph="1"/>
    </row>
    <row r="16100" spans="44:44" ht="15.75" customHeight="1" x14ac:dyDescent="0.15">
      <c r="AR16100" s="9" ph="1"/>
    </row>
    <row r="16111" spans="44:44" ht="15.75" customHeight="1" x14ac:dyDescent="0.15">
      <c r="AR16111" s="9" ph="1"/>
    </row>
    <row r="16118" spans="44:44" ht="15.75" customHeight="1" x14ac:dyDescent="0.15">
      <c r="AR16118" s="9" ph="1"/>
    </row>
    <row r="16129" spans="44:44" ht="15.75" customHeight="1" x14ac:dyDescent="0.15">
      <c r="AR16129" s="9" ph="1"/>
    </row>
    <row r="16136" spans="44:44" ht="15.75" customHeight="1" x14ac:dyDescent="0.15">
      <c r="AR16136" s="9" ph="1"/>
    </row>
    <row r="16138" spans="44:44" ht="15.75" customHeight="1" x14ac:dyDescent="0.15">
      <c r="AR16138" s="9" ph="1"/>
    </row>
    <row r="16145" spans="44:44" ht="15.75" customHeight="1" x14ac:dyDescent="0.15">
      <c r="AR16145" s="9" ph="1"/>
    </row>
    <row r="16156" spans="44:44" ht="15.75" customHeight="1" x14ac:dyDescent="0.15">
      <c r="AR16156" s="9" ph="1"/>
    </row>
    <row r="16163" spans="44:44" ht="15.75" customHeight="1" x14ac:dyDescent="0.15">
      <c r="AR16163" s="9" ph="1"/>
    </row>
    <row r="16165" spans="44:44" ht="15.75" customHeight="1" x14ac:dyDescent="0.15">
      <c r="AR16165" s="9" ph="1"/>
    </row>
    <row r="16166" spans="44:44" ht="15.75" customHeight="1" x14ac:dyDescent="0.15">
      <c r="AR16166" s="9" ph="1"/>
    </row>
    <row r="16177" spans="44:44" ht="15.75" customHeight="1" x14ac:dyDescent="0.15">
      <c r="AR16177" s="9" ph="1"/>
    </row>
    <row r="16184" spans="44:44" ht="15.75" customHeight="1" x14ac:dyDescent="0.15">
      <c r="AR16184" s="9" ph="1"/>
    </row>
    <row r="16187" spans="44:44" ht="15.75" customHeight="1" x14ac:dyDescent="0.15">
      <c r="AR16187" s="9" ph="1"/>
    </row>
    <row r="16198" spans="44:44" ht="15.75" customHeight="1" x14ac:dyDescent="0.15">
      <c r="AR16198" s="9" ph="1"/>
    </row>
    <row r="16205" spans="44:44" ht="15.75" customHeight="1" x14ac:dyDescent="0.15">
      <c r="AR16205" s="9" ph="1"/>
    </row>
    <row r="16209" spans="44:44" ht="15.75" customHeight="1" x14ac:dyDescent="0.15">
      <c r="AR16209" s="9" ph="1"/>
    </row>
    <row r="16212" spans="44:44" ht="15.75" customHeight="1" x14ac:dyDescent="0.15">
      <c r="AR16212" s="9" ph="1"/>
    </row>
    <row r="16223" spans="44:44" ht="15.75" customHeight="1" x14ac:dyDescent="0.15">
      <c r="AR16223" s="9" ph="1"/>
    </row>
    <row r="16230" spans="44:44" ht="15.75" customHeight="1" x14ac:dyDescent="0.15">
      <c r="AR16230" s="9" ph="1"/>
    </row>
    <row r="16241" spans="44:44" ht="15.75" customHeight="1" x14ac:dyDescent="0.15">
      <c r="AR16241" s="9" ph="1"/>
    </row>
    <row r="16248" spans="44:44" ht="15.75" customHeight="1" x14ac:dyDescent="0.15">
      <c r="AR16248" s="9" ph="1"/>
    </row>
    <row r="16277" spans="44:44" ht="15.75" customHeight="1" x14ac:dyDescent="0.15">
      <c r="AR16277" s="9" ph="1"/>
    </row>
    <row r="16296" spans="44:44" ht="15.75" customHeight="1" x14ac:dyDescent="0.15">
      <c r="AR16296" s="9" ph="1"/>
    </row>
    <row r="16303" spans="44:44" ht="15.75" customHeight="1" x14ac:dyDescent="0.15">
      <c r="AR16303" s="9" ph="1"/>
    </row>
    <row r="16315" spans="44:44" ht="15.75" customHeight="1" x14ac:dyDescent="0.15">
      <c r="AR16315" s="9" ph="1"/>
    </row>
    <row r="16334" spans="44:44" ht="15.75" customHeight="1" x14ac:dyDescent="0.15">
      <c r="AR16334" s="9" ph="1"/>
    </row>
    <row r="16341" spans="44:44" ht="15.75" customHeight="1" x14ac:dyDescent="0.15">
      <c r="AR16341" s="9" ph="1"/>
    </row>
    <row r="16352" spans="44:44" ht="15.75" customHeight="1" x14ac:dyDescent="0.15">
      <c r="AR16352" s="9" ph="1"/>
    </row>
    <row r="16359" spans="44:44" ht="15.75" customHeight="1" x14ac:dyDescent="0.15">
      <c r="AR16359" s="9" ph="1"/>
    </row>
    <row r="16362" spans="44:44" ht="15.75" customHeight="1" x14ac:dyDescent="0.15">
      <c r="AR16362" s="9" ph="1"/>
    </row>
    <row r="16373" spans="44:44" ht="15.75" customHeight="1" x14ac:dyDescent="0.15">
      <c r="AR16373" s="9" ph="1"/>
    </row>
    <row r="16380" spans="44:44" ht="15.75" customHeight="1" x14ac:dyDescent="0.15">
      <c r="AR16380" s="9" ph="1"/>
    </row>
    <row r="16384" spans="44:44" ht="15.75" customHeight="1" x14ac:dyDescent="0.15">
      <c r="AR16384" s="9" ph="1"/>
    </row>
    <row r="16387" spans="44:44" ht="15.75" customHeight="1" x14ac:dyDescent="0.15">
      <c r="AR16387" s="9" ph="1"/>
    </row>
    <row r="16398" spans="44:44" ht="15.75" customHeight="1" x14ac:dyDescent="0.15">
      <c r="AR16398" s="9" ph="1"/>
    </row>
    <row r="16405" spans="44:44" ht="15.75" customHeight="1" x14ac:dyDescent="0.15">
      <c r="AR16405" s="9" ph="1"/>
    </row>
    <row r="16411" spans="44:44" ht="15.75" customHeight="1" x14ac:dyDescent="0.15">
      <c r="AR16411" s="9" ph="1"/>
    </row>
    <row r="16423" spans="44:44" ht="15.75" customHeight="1" x14ac:dyDescent="0.15">
      <c r="AR16423" s="9" ph="1"/>
    </row>
    <row r="16442" spans="44:44" ht="15.75" customHeight="1" x14ac:dyDescent="0.15">
      <c r="AR16442" s="9" ph="1"/>
    </row>
    <row r="16449" spans="44:44" ht="15.75" customHeight="1" x14ac:dyDescent="0.15">
      <c r="AR16449" s="9" ph="1"/>
    </row>
    <row r="16460" spans="44:44" ht="15.75" customHeight="1" x14ac:dyDescent="0.15">
      <c r="AR16460" s="9" ph="1"/>
    </row>
    <row r="16467" spans="44:44" ht="15.75" customHeight="1" x14ac:dyDescent="0.15">
      <c r="AR16467" s="9" ph="1"/>
    </row>
    <row r="16470" spans="44:44" ht="15.75" customHeight="1" x14ac:dyDescent="0.15">
      <c r="AR16470" s="9" ph="1"/>
    </row>
    <row r="16481" spans="44:44" ht="15.75" customHeight="1" x14ac:dyDescent="0.15">
      <c r="AR16481" s="9" ph="1"/>
    </row>
    <row r="16488" spans="44:44" ht="15.75" customHeight="1" x14ac:dyDescent="0.15">
      <c r="AR16488" s="9" ph="1"/>
    </row>
    <row r="16492" spans="44:44" ht="15.75" customHeight="1" x14ac:dyDescent="0.15">
      <c r="AR16492" s="9" ph="1"/>
    </row>
    <row r="16495" spans="44:44" ht="15.75" customHeight="1" x14ac:dyDescent="0.15">
      <c r="AR16495" s="9" ph="1"/>
    </row>
    <row r="16506" spans="44:44" ht="15.75" customHeight="1" x14ac:dyDescent="0.15">
      <c r="AR16506" s="9" ph="1"/>
    </row>
    <row r="16513" spans="44:44" ht="15.75" customHeight="1" x14ac:dyDescent="0.15">
      <c r="AR16513" s="9" ph="1"/>
    </row>
    <row r="16524" spans="44:44" ht="15.75" customHeight="1" x14ac:dyDescent="0.15">
      <c r="AR16524" s="9" ph="1"/>
    </row>
    <row r="16531" spans="44:44" ht="15.75" customHeight="1" x14ac:dyDescent="0.15">
      <c r="AR16531" s="9" ph="1"/>
    </row>
    <row r="16560" spans="44:44" ht="15.75" customHeight="1" x14ac:dyDescent="0.15">
      <c r="AR16560" s="9" ph="1"/>
    </row>
    <row r="16579" spans="44:44" ht="15.75" customHeight="1" x14ac:dyDescent="0.15">
      <c r="AR16579" s="9" ph="1"/>
    </row>
    <row r="16586" spans="44:44" ht="15.75" customHeight="1" x14ac:dyDescent="0.15">
      <c r="AR16586" s="9" ph="1"/>
    </row>
    <row r="16598" spans="44:44" ht="15.75" customHeight="1" x14ac:dyDescent="0.15">
      <c r="AR16598" s="9" ph="1"/>
    </row>
    <row r="16617" spans="44:44" ht="15.75" customHeight="1" x14ac:dyDescent="0.15">
      <c r="AR16617" s="9" ph="1"/>
    </row>
    <row r="16624" spans="44:44" ht="15.75" customHeight="1" x14ac:dyDescent="0.15">
      <c r="AR16624" s="9" ph="1"/>
    </row>
    <row r="16635" spans="44:44" ht="15.75" customHeight="1" x14ac:dyDescent="0.15">
      <c r="AR16635" s="9" ph="1"/>
    </row>
    <row r="16642" spans="44:44" ht="15.75" customHeight="1" x14ac:dyDescent="0.15">
      <c r="AR16642" s="9" ph="1"/>
    </row>
    <row r="16645" spans="44:44" ht="15.75" customHeight="1" x14ac:dyDescent="0.15">
      <c r="AR16645" s="9" ph="1"/>
    </row>
    <row r="16656" spans="44:44" ht="15.75" customHeight="1" x14ac:dyDescent="0.15">
      <c r="AR16656" s="9" ph="1"/>
    </row>
    <row r="16663" spans="44:44" ht="15.75" customHeight="1" x14ac:dyDescent="0.15">
      <c r="AR16663" s="9" ph="1"/>
    </row>
    <row r="16667" spans="44:44" ht="15.75" customHeight="1" x14ac:dyDescent="0.15">
      <c r="AR16667" s="9" ph="1"/>
    </row>
    <row r="16670" spans="44:44" ht="15.75" customHeight="1" x14ac:dyDescent="0.15">
      <c r="AR16670" s="9" ph="1"/>
    </row>
    <row r="16681" spans="44:44" ht="15.75" customHeight="1" x14ac:dyDescent="0.15">
      <c r="AR16681" s="9" ph="1"/>
    </row>
    <row r="16688" spans="44:44" ht="15.75" customHeight="1" x14ac:dyDescent="0.15">
      <c r="AR16688" s="9" ph="1"/>
    </row>
    <row r="16696" spans="44:44" ht="15.75" customHeight="1" x14ac:dyDescent="0.15">
      <c r="AR16696" s="9" ph="1"/>
    </row>
    <row r="16703" spans="44:44" ht="15.75" customHeight="1" x14ac:dyDescent="0.15">
      <c r="AR16703" s="9" ph="1"/>
    </row>
    <row r="16714" spans="44:44" ht="15.75" customHeight="1" x14ac:dyDescent="0.15">
      <c r="AR16714" s="9" ph="1"/>
    </row>
    <row r="16721" spans="44:44" ht="15.75" customHeight="1" x14ac:dyDescent="0.15">
      <c r="AR16721" s="9" ph="1"/>
    </row>
    <row r="16724" spans="44:44" ht="15.75" customHeight="1" x14ac:dyDescent="0.15">
      <c r="AR16724" s="9" ph="1"/>
    </row>
    <row r="16735" spans="44:44" ht="15.75" customHeight="1" x14ac:dyDescent="0.15">
      <c r="AR16735" s="9" ph="1"/>
    </row>
    <row r="16742" spans="44:44" ht="15.75" customHeight="1" x14ac:dyDescent="0.15">
      <c r="AR16742" s="9" ph="1"/>
    </row>
    <row r="16746" spans="44:44" ht="15.75" customHeight="1" x14ac:dyDescent="0.15">
      <c r="AR16746" s="9" ph="1"/>
    </row>
    <row r="16749" spans="44:44" ht="15.75" customHeight="1" x14ac:dyDescent="0.15">
      <c r="AR16749" s="9" ph="1"/>
    </row>
    <row r="16760" spans="44:44" ht="15.75" customHeight="1" x14ac:dyDescent="0.15">
      <c r="AR16760" s="9" ph="1"/>
    </row>
    <row r="16767" spans="44:44" ht="15.75" customHeight="1" x14ac:dyDescent="0.15">
      <c r="AR16767" s="9" ph="1"/>
    </row>
    <row r="16772" spans="44:44" ht="15.75" customHeight="1" x14ac:dyDescent="0.15">
      <c r="AR16772" s="9" ph="1"/>
    </row>
    <row r="16779" spans="44:44" ht="15.75" customHeight="1" x14ac:dyDescent="0.15">
      <c r="AR16779" s="9" ph="1"/>
    </row>
    <row r="16782" spans="44:44" ht="15.75" customHeight="1" x14ac:dyDescent="0.15">
      <c r="AR16782" s="9" ph="1"/>
    </row>
    <row r="16793" spans="44:44" ht="15.75" customHeight="1" x14ac:dyDescent="0.15">
      <c r="AR16793" s="9" ph="1"/>
    </row>
    <row r="16800" spans="44:44" ht="15.75" customHeight="1" x14ac:dyDescent="0.15">
      <c r="AR16800" s="9" ph="1"/>
    </row>
    <row r="16804" spans="44:44" ht="15.75" customHeight="1" x14ac:dyDescent="0.15">
      <c r="AR16804" s="9" ph="1"/>
    </row>
    <row r="16807" spans="44:44" ht="15.75" customHeight="1" x14ac:dyDescent="0.15">
      <c r="AR16807" s="9" ph="1"/>
    </row>
    <row r="16818" spans="44:44" ht="15.75" customHeight="1" x14ac:dyDescent="0.15">
      <c r="AR16818" s="9" ph="1"/>
    </row>
    <row r="16825" spans="44:44" ht="15.75" customHeight="1" x14ac:dyDescent="0.15">
      <c r="AR16825" s="9" ph="1"/>
    </row>
    <row r="16836" spans="44:44" ht="15.75" customHeight="1" x14ac:dyDescent="0.15">
      <c r="AR16836" s="9" ph="1"/>
    </row>
    <row r="16843" spans="44:44" ht="15.75" customHeight="1" x14ac:dyDescent="0.15">
      <c r="AR16843" s="9" ph="1"/>
    </row>
    <row r="16872" spans="44:44" ht="15.75" customHeight="1" x14ac:dyDescent="0.15">
      <c r="AR16872" s="9" ph="1"/>
    </row>
    <row r="16891" spans="44:44" ht="15.75" customHeight="1" x14ac:dyDescent="0.15">
      <c r="AR16891" s="9" ph="1"/>
    </row>
    <row r="16898" spans="44:44" ht="15.75" customHeight="1" x14ac:dyDescent="0.15">
      <c r="AR16898" s="9" ph="1"/>
    </row>
    <row r="16910" spans="44:44" ht="15.75" customHeight="1" x14ac:dyDescent="0.15">
      <c r="AR16910" s="9" ph="1"/>
    </row>
    <row r="16929" spans="44:44" ht="15.75" customHeight="1" x14ac:dyDescent="0.15">
      <c r="AR16929" s="9" ph="1"/>
    </row>
    <row r="16936" spans="44:44" ht="15.75" customHeight="1" x14ac:dyDescent="0.15">
      <c r="AR16936" s="9" ph="1"/>
    </row>
    <row r="16947" spans="44:44" ht="15.75" customHeight="1" x14ac:dyDescent="0.15">
      <c r="AR16947" s="9" ph="1"/>
    </row>
    <row r="16954" spans="44:44" ht="15.75" customHeight="1" x14ac:dyDescent="0.15">
      <c r="AR16954" s="9" ph="1"/>
    </row>
    <row r="16957" spans="44:44" ht="15.75" customHeight="1" x14ac:dyDescent="0.15">
      <c r="AR16957" s="9" ph="1"/>
    </row>
    <row r="16968" spans="44:44" ht="15.75" customHeight="1" x14ac:dyDescent="0.15">
      <c r="AR16968" s="9" ph="1"/>
    </row>
    <row r="16975" spans="44:44" ht="15.75" customHeight="1" x14ac:dyDescent="0.15">
      <c r="AR16975" s="9" ph="1"/>
    </row>
    <row r="16979" spans="44:44" ht="15.75" customHeight="1" x14ac:dyDescent="0.15">
      <c r="AR16979" s="9" ph="1"/>
    </row>
    <row r="16982" spans="44:44" ht="15.75" customHeight="1" x14ac:dyDescent="0.15">
      <c r="AR16982" s="9" ph="1"/>
    </row>
    <row r="16993" spans="44:44" ht="15.75" customHeight="1" x14ac:dyDescent="0.15">
      <c r="AR16993" s="9" ph="1"/>
    </row>
    <row r="17000" spans="44:44" ht="15.75" customHeight="1" x14ac:dyDescent="0.15">
      <c r="AR17000" s="9" ph="1"/>
    </row>
    <row r="17008" spans="44:44" ht="15.75" customHeight="1" x14ac:dyDescent="0.15">
      <c r="AR17008" s="9" ph="1"/>
    </row>
    <row r="17015" spans="44:44" ht="15.75" customHeight="1" x14ac:dyDescent="0.15">
      <c r="AR17015" s="9" ph="1"/>
    </row>
    <row r="17026" spans="44:44" ht="15.75" customHeight="1" x14ac:dyDescent="0.15">
      <c r="AR17026" s="9" ph="1"/>
    </row>
    <row r="17033" spans="44:44" ht="15.75" customHeight="1" x14ac:dyDescent="0.15">
      <c r="AR17033" s="9" ph="1"/>
    </row>
    <row r="17036" spans="44:44" ht="15.75" customHeight="1" x14ac:dyDescent="0.15">
      <c r="AR17036" s="9" ph="1"/>
    </row>
    <row r="17047" spans="44:44" ht="15.75" customHeight="1" x14ac:dyDescent="0.15">
      <c r="AR17047" s="9" ph="1"/>
    </row>
    <row r="17054" spans="44:44" ht="15.75" customHeight="1" x14ac:dyDescent="0.15">
      <c r="AR17054" s="9" ph="1"/>
    </row>
    <row r="17058" spans="44:44" ht="15.75" customHeight="1" x14ac:dyDescent="0.15">
      <c r="AR17058" s="9" ph="1"/>
    </row>
    <row r="17061" spans="44:44" ht="15.75" customHeight="1" x14ac:dyDescent="0.15">
      <c r="AR17061" s="9" ph="1"/>
    </row>
    <row r="17072" spans="44:44" ht="15.75" customHeight="1" x14ac:dyDescent="0.15">
      <c r="AR17072" s="9" ph="1"/>
    </row>
    <row r="17079" spans="44:44" ht="15.75" customHeight="1" x14ac:dyDescent="0.15">
      <c r="AR17079" s="9" ph="1"/>
    </row>
    <row r="17081" spans="44:44" ht="15.75" customHeight="1" x14ac:dyDescent="0.15">
      <c r="AR17081" s="9" ph="1"/>
    </row>
    <row r="17110" spans="44:44" ht="15.75" customHeight="1" x14ac:dyDescent="0.15">
      <c r="AR17110" s="9" ph="1"/>
    </row>
    <row r="17129" spans="44:44" ht="15.75" customHeight="1" x14ac:dyDescent="0.15">
      <c r="AR17129" s="9" ph="1"/>
    </row>
    <row r="17136" spans="44:44" ht="15.75" customHeight="1" x14ac:dyDescent="0.15">
      <c r="AR17136" s="9" ph="1"/>
    </row>
    <row r="17148" spans="44:44" ht="15.75" customHeight="1" x14ac:dyDescent="0.15">
      <c r="AR17148" s="9" ph="1"/>
    </row>
    <row r="17167" spans="44:44" ht="15.75" customHeight="1" x14ac:dyDescent="0.15">
      <c r="AR17167" s="9" ph="1"/>
    </row>
    <row r="17174" spans="44:44" ht="15.75" customHeight="1" x14ac:dyDescent="0.15">
      <c r="AR17174" s="9" ph="1"/>
    </row>
    <row r="17185" spans="44:44" ht="15.75" customHeight="1" x14ac:dyDescent="0.15">
      <c r="AR17185" s="9" ph="1"/>
    </row>
    <row r="17192" spans="44:44" ht="15.75" customHeight="1" x14ac:dyDescent="0.15">
      <c r="AR17192" s="9" ph="1"/>
    </row>
    <row r="17195" spans="44:44" ht="15.75" customHeight="1" x14ac:dyDescent="0.15">
      <c r="AR17195" s="9" ph="1"/>
    </row>
    <row r="17206" spans="44:44" ht="15.75" customHeight="1" x14ac:dyDescent="0.15">
      <c r="AR17206" s="9" ph="1"/>
    </row>
    <row r="17213" spans="44:44" ht="15.75" customHeight="1" x14ac:dyDescent="0.15">
      <c r="AR17213" s="9" ph="1"/>
    </row>
    <row r="17217" spans="44:44" ht="15.75" customHeight="1" x14ac:dyDescent="0.15">
      <c r="AR17217" s="9" ph="1"/>
    </row>
    <row r="17220" spans="44:44" ht="15.75" customHeight="1" x14ac:dyDescent="0.15">
      <c r="AR17220" s="9" ph="1"/>
    </row>
    <row r="17231" spans="44:44" ht="15.75" customHeight="1" x14ac:dyDescent="0.15">
      <c r="AR17231" s="9" ph="1"/>
    </row>
    <row r="17238" spans="44:44" ht="15.75" customHeight="1" x14ac:dyDescent="0.15">
      <c r="AR17238" s="9" ph="1"/>
    </row>
    <row r="17246" spans="44:44" ht="15.75" customHeight="1" x14ac:dyDescent="0.15">
      <c r="AR17246" s="9" ph="1"/>
    </row>
    <row r="17253" spans="44:44" ht="15.75" customHeight="1" x14ac:dyDescent="0.15">
      <c r="AR17253" s="9" ph="1"/>
    </row>
    <row r="17264" spans="44:44" ht="15.75" customHeight="1" x14ac:dyDescent="0.15">
      <c r="AR17264" s="9" ph="1"/>
    </row>
    <row r="17271" spans="44:44" ht="15.75" customHeight="1" x14ac:dyDescent="0.15">
      <c r="AR17271" s="9" ph="1"/>
    </row>
    <row r="17274" spans="44:44" ht="15.75" customHeight="1" x14ac:dyDescent="0.15">
      <c r="AR17274" s="9" ph="1"/>
    </row>
    <row r="17285" spans="44:44" ht="15.75" customHeight="1" x14ac:dyDescent="0.15">
      <c r="AR17285" s="9" ph="1"/>
    </row>
    <row r="17292" spans="44:44" ht="15.75" customHeight="1" x14ac:dyDescent="0.15">
      <c r="AR17292" s="9" ph="1"/>
    </row>
    <row r="17296" spans="44:44" ht="15.75" customHeight="1" x14ac:dyDescent="0.15">
      <c r="AR17296" s="9" ph="1"/>
    </row>
    <row r="17299" spans="44:44" ht="15.75" customHeight="1" x14ac:dyDescent="0.15">
      <c r="AR17299" s="9" ph="1"/>
    </row>
    <row r="17310" spans="44:44" ht="15.75" customHeight="1" x14ac:dyDescent="0.15">
      <c r="AR17310" s="9" ph="1"/>
    </row>
    <row r="17317" spans="44:44" ht="15.75" customHeight="1" x14ac:dyDescent="0.15">
      <c r="AR17317" s="9" ph="1"/>
    </row>
    <row r="17328" spans="44:44" ht="15.75" customHeight="1" x14ac:dyDescent="0.15">
      <c r="AR17328" s="9" ph="1"/>
    </row>
    <row r="17335" spans="44:44" ht="15.75" customHeight="1" x14ac:dyDescent="0.15">
      <c r="AR17335" s="9" ph="1"/>
    </row>
    <row r="17337" spans="44:44" ht="15.75" customHeight="1" x14ac:dyDescent="0.15">
      <c r="AR17337" s="9" ph="1"/>
    </row>
    <row r="17344" spans="44:44" ht="15.75" customHeight="1" x14ac:dyDescent="0.15">
      <c r="AR17344" s="9" ph="1"/>
    </row>
    <row r="17355" spans="44:44" ht="15.75" customHeight="1" x14ac:dyDescent="0.15">
      <c r="AR17355" s="9" ph="1"/>
    </row>
    <row r="17362" spans="44:44" ht="15.75" customHeight="1" x14ac:dyDescent="0.15">
      <c r="AR17362" s="9" ph="1"/>
    </row>
    <row r="17367" spans="44:44" ht="15.75" customHeight="1" x14ac:dyDescent="0.15">
      <c r="AR17367" s="9" ph="1"/>
    </row>
    <row r="17374" spans="44:44" ht="15.75" customHeight="1" x14ac:dyDescent="0.15">
      <c r="AR17374" s="9" ph="1"/>
    </row>
    <row r="17379" spans="44:44" ht="15.75" customHeight="1" x14ac:dyDescent="0.15">
      <c r="AR17379" s="9" ph="1"/>
    </row>
    <row r="17386" spans="44:44" ht="15.75" customHeight="1" x14ac:dyDescent="0.15">
      <c r="AR17386" s="9" ph="1"/>
    </row>
    <row r="17389" spans="44:44" ht="15.75" customHeight="1" x14ac:dyDescent="0.15">
      <c r="AR17389" s="9" ph="1"/>
    </row>
    <row r="17400" spans="44:44" ht="15.75" customHeight="1" x14ac:dyDescent="0.15">
      <c r="AR17400" s="9" ph="1"/>
    </row>
    <row r="17407" spans="44:44" ht="15.75" customHeight="1" x14ac:dyDescent="0.15">
      <c r="AR17407" s="9" ph="1"/>
    </row>
    <row r="17411" spans="44:44" ht="15.75" customHeight="1" x14ac:dyDescent="0.15">
      <c r="AR17411" s="9" ph="1"/>
    </row>
    <row r="17414" spans="44:44" ht="15.75" customHeight="1" x14ac:dyDescent="0.15">
      <c r="AR17414" s="9" ph="1"/>
    </row>
    <row r="17425" spans="44:44" ht="15.75" customHeight="1" x14ac:dyDescent="0.15">
      <c r="AR17425" s="9" ph="1"/>
    </row>
    <row r="17432" spans="44:44" ht="15.75" customHeight="1" x14ac:dyDescent="0.15">
      <c r="AR17432" s="9" ph="1"/>
    </row>
    <row r="17443" spans="44:44" ht="15.75" customHeight="1" x14ac:dyDescent="0.15">
      <c r="AR17443" s="9" ph="1"/>
    </row>
    <row r="17450" spans="44:44" ht="15.75" customHeight="1" x14ac:dyDescent="0.15">
      <c r="AR17450" s="9" ph="1"/>
    </row>
    <row r="17479" spans="44:44" ht="15.75" customHeight="1" x14ac:dyDescent="0.15">
      <c r="AR17479" s="9" ph="1"/>
    </row>
    <row r="17498" spans="44:44" ht="15.75" customHeight="1" x14ac:dyDescent="0.15">
      <c r="AR17498" s="9" ph="1"/>
    </row>
    <row r="17505" spans="44:44" ht="15.75" customHeight="1" x14ac:dyDescent="0.15">
      <c r="AR17505" s="9" ph="1"/>
    </row>
    <row r="17517" spans="44:44" ht="15.75" customHeight="1" x14ac:dyDescent="0.15">
      <c r="AR17517" s="9" ph="1"/>
    </row>
    <row r="17536" spans="44:44" ht="15.75" customHeight="1" x14ac:dyDescent="0.15">
      <c r="AR17536" s="9" ph="1"/>
    </row>
    <row r="17543" spans="44:44" ht="15.75" customHeight="1" x14ac:dyDescent="0.15">
      <c r="AR17543" s="9" ph="1"/>
    </row>
    <row r="17554" spans="44:44" ht="15.75" customHeight="1" x14ac:dyDescent="0.15">
      <c r="AR17554" s="9" ph="1"/>
    </row>
    <row r="17561" spans="44:44" ht="15.75" customHeight="1" x14ac:dyDescent="0.15">
      <c r="AR17561" s="9" ph="1"/>
    </row>
    <row r="17564" spans="44:44" ht="15.75" customHeight="1" x14ac:dyDescent="0.15">
      <c r="AR17564" s="9" ph="1"/>
    </row>
    <row r="17575" spans="44:44" ht="15.75" customHeight="1" x14ac:dyDescent="0.15">
      <c r="AR17575" s="9" ph="1"/>
    </row>
    <row r="17582" spans="44:44" ht="15.75" customHeight="1" x14ac:dyDescent="0.15">
      <c r="AR17582" s="9" ph="1"/>
    </row>
    <row r="17586" spans="44:44" ht="15.75" customHeight="1" x14ac:dyDescent="0.15">
      <c r="AR17586" s="9" ph="1"/>
    </row>
    <row r="17589" spans="44:44" ht="15.75" customHeight="1" x14ac:dyDescent="0.15">
      <c r="AR17589" s="9" ph="1"/>
    </row>
    <row r="17600" spans="44:44" ht="15.75" customHeight="1" x14ac:dyDescent="0.15">
      <c r="AR17600" s="9" ph="1"/>
    </row>
    <row r="17607" spans="44:44" ht="15.75" customHeight="1" x14ac:dyDescent="0.15">
      <c r="AR17607" s="9" ph="1"/>
    </row>
    <row r="17615" spans="44:44" ht="15.75" customHeight="1" x14ac:dyDescent="0.15">
      <c r="AR17615" s="9" ph="1"/>
    </row>
    <row r="17622" spans="44:44" ht="15.75" customHeight="1" x14ac:dyDescent="0.15">
      <c r="AR17622" s="9" ph="1"/>
    </row>
    <row r="17633" spans="44:44" ht="15.75" customHeight="1" x14ac:dyDescent="0.15">
      <c r="AR17633" s="9" ph="1"/>
    </row>
    <row r="17640" spans="44:44" ht="15.75" customHeight="1" x14ac:dyDescent="0.15">
      <c r="AR17640" s="9" ph="1"/>
    </row>
    <row r="17643" spans="44:44" ht="15.75" customHeight="1" x14ac:dyDescent="0.15">
      <c r="AR17643" s="9" ph="1"/>
    </row>
    <row r="17654" spans="44:44" ht="15.75" customHeight="1" x14ac:dyDescent="0.15">
      <c r="AR17654" s="9" ph="1"/>
    </row>
    <row r="17661" spans="44:44" ht="15.75" customHeight="1" x14ac:dyDescent="0.15">
      <c r="AR17661" s="9" ph="1"/>
    </row>
    <row r="17665" spans="44:44" ht="15.75" customHeight="1" x14ac:dyDescent="0.15">
      <c r="AR17665" s="9" ph="1"/>
    </row>
    <row r="17668" spans="44:44" ht="15.75" customHeight="1" x14ac:dyDescent="0.15">
      <c r="AR17668" s="9" ph="1"/>
    </row>
    <row r="17679" spans="44:44" ht="15.75" customHeight="1" x14ac:dyDescent="0.15">
      <c r="AR17679" s="9" ph="1"/>
    </row>
    <row r="17686" spans="44:44" ht="15.75" customHeight="1" x14ac:dyDescent="0.15">
      <c r="AR17686" s="9" ph="1"/>
    </row>
    <row r="17688" spans="44:44" ht="15.75" customHeight="1" x14ac:dyDescent="0.15">
      <c r="AR17688" s="9" ph="1"/>
    </row>
    <row r="17717" spans="44:44" ht="15.75" customHeight="1" x14ac:dyDescent="0.15">
      <c r="AR17717" s="9" ph="1"/>
    </row>
    <row r="17736" spans="44:44" ht="15.75" customHeight="1" x14ac:dyDescent="0.15">
      <c r="AR17736" s="9" ph="1"/>
    </row>
    <row r="17743" spans="44:44" ht="15.75" customHeight="1" x14ac:dyDescent="0.15">
      <c r="AR17743" s="9" ph="1"/>
    </row>
    <row r="17755" spans="44:44" ht="15.75" customHeight="1" x14ac:dyDescent="0.15">
      <c r="AR17755" s="9" ph="1"/>
    </row>
    <row r="17774" spans="44:44" ht="15.75" customHeight="1" x14ac:dyDescent="0.15">
      <c r="AR17774" s="9" ph="1"/>
    </row>
    <row r="17781" spans="44:44" ht="15.75" customHeight="1" x14ac:dyDescent="0.15">
      <c r="AR17781" s="9" ph="1"/>
    </row>
    <row r="17792" spans="44:44" ht="15.75" customHeight="1" x14ac:dyDescent="0.15">
      <c r="AR17792" s="9" ph="1"/>
    </row>
    <row r="17799" spans="44:44" ht="15.75" customHeight="1" x14ac:dyDescent="0.15">
      <c r="AR17799" s="9" ph="1"/>
    </row>
    <row r="17802" spans="44:44" ht="15.75" customHeight="1" x14ac:dyDescent="0.15">
      <c r="AR17802" s="9" ph="1"/>
    </row>
    <row r="17813" spans="44:44" ht="15.75" customHeight="1" x14ac:dyDescent="0.15">
      <c r="AR17813" s="9" ph="1"/>
    </row>
    <row r="17820" spans="44:44" ht="15.75" customHeight="1" x14ac:dyDescent="0.15">
      <c r="AR17820" s="9" ph="1"/>
    </row>
    <row r="17824" spans="44:44" ht="15.75" customHeight="1" x14ac:dyDescent="0.15">
      <c r="AR17824" s="9" ph="1"/>
    </row>
    <row r="17827" spans="44:44" ht="15.75" customHeight="1" x14ac:dyDescent="0.15">
      <c r="AR17827" s="9" ph="1"/>
    </row>
    <row r="17838" spans="44:44" ht="15.75" customHeight="1" x14ac:dyDescent="0.15">
      <c r="AR17838" s="9" ph="1"/>
    </row>
    <row r="17845" spans="44:44" ht="15.75" customHeight="1" x14ac:dyDescent="0.15">
      <c r="AR17845" s="9" ph="1"/>
    </row>
    <row r="17853" spans="44:44" ht="15.75" customHeight="1" x14ac:dyDescent="0.15">
      <c r="AR17853" s="9" ph="1"/>
    </row>
    <row r="17860" spans="44:44" ht="15.75" customHeight="1" x14ac:dyDescent="0.15">
      <c r="AR17860" s="9" ph="1"/>
    </row>
    <row r="17871" spans="44:44" ht="15.75" customHeight="1" x14ac:dyDescent="0.15">
      <c r="AR17871" s="9" ph="1"/>
    </row>
    <row r="17878" spans="44:44" ht="15.75" customHeight="1" x14ac:dyDescent="0.15">
      <c r="AR17878" s="9" ph="1"/>
    </row>
    <row r="17881" spans="44:44" ht="15.75" customHeight="1" x14ac:dyDescent="0.15">
      <c r="AR17881" s="9" ph="1"/>
    </row>
    <row r="17892" spans="44:44" ht="15.75" customHeight="1" x14ac:dyDescent="0.15">
      <c r="AR17892" s="9" ph="1"/>
    </row>
    <row r="17899" spans="44:44" ht="15.75" customHeight="1" x14ac:dyDescent="0.15">
      <c r="AR17899" s="9" ph="1"/>
    </row>
    <row r="17903" spans="44:44" ht="15.75" customHeight="1" x14ac:dyDescent="0.15">
      <c r="AR17903" s="9" ph="1"/>
    </row>
    <row r="17906" spans="44:44" ht="15.75" customHeight="1" x14ac:dyDescent="0.15">
      <c r="AR17906" s="9" ph="1"/>
    </row>
    <row r="17917" spans="44:44" ht="15.75" customHeight="1" x14ac:dyDescent="0.15">
      <c r="AR17917" s="9" ph="1"/>
    </row>
    <row r="17924" spans="44:44" ht="15.75" customHeight="1" x14ac:dyDescent="0.15">
      <c r="AR17924" s="9" ph="1"/>
    </row>
    <row r="17935" spans="44:44" ht="15.75" customHeight="1" x14ac:dyDescent="0.15">
      <c r="AR17935" s="9" ph="1"/>
    </row>
    <row r="17942" spans="44:44" ht="15.75" customHeight="1" x14ac:dyDescent="0.15">
      <c r="AR17942" s="9" ph="1"/>
    </row>
    <row r="17944" spans="44:44" ht="15.75" customHeight="1" x14ac:dyDescent="0.15">
      <c r="AR17944" s="9" ph="1"/>
    </row>
    <row r="17951" spans="44:44" ht="15.75" customHeight="1" x14ac:dyDescent="0.15">
      <c r="AR17951" s="9" ph="1"/>
    </row>
    <row r="17962" spans="44:44" ht="15.75" customHeight="1" x14ac:dyDescent="0.15">
      <c r="AR17962" s="9" ph="1"/>
    </row>
    <row r="17969" spans="44:44" ht="15.75" customHeight="1" x14ac:dyDescent="0.15">
      <c r="AR17969" s="9" ph="1"/>
    </row>
    <row r="17970" spans="44:44" ht="15.75" customHeight="1" x14ac:dyDescent="0.15">
      <c r="AR17970" s="9" ph="1"/>
    </row>
    <row r="17999" spans="44:44" ht="15.75" customHeight="1" x14ac:dyDescent="0.15">
      <c r="AR17999" s="9" ph="1"/>
    </row>
    <row r="18018" spans="44:44" ht="15.75" customHeight="1" x14ac:dyDescent="0.15">
      <c r="AR18018" s="9" ph="1"/>
    </row>
    <row r="18025" spans="44:44" ht="15.75" customHeight="1" x14ac:dyDescent="0.15">
      <c r="AR18025" s="9" ph="1"/>
    </row>
    <row r="18037" spans="44:44" ht="15.75" customHeight="1" x14ac:dyDescent="0.15">
      <c r="AR18037" s="9" ph="1"/>
    </row>
    <row r="18056" spans="44:44" ht="15.75" customHeight="1" x14ac:dyDescent="0.15">
      <c r="AR18056" s="9" ph="1"/>
    </row>
    <row r="18063" spans="44:44" ht="15.75" customHeight="1" x14ac:dyDescent="0.15">
      <c r="AR18063" s="9" ph="1"/>
    </row>
    <row r="18074" spans="44:44" ht="15.75" customHeight="1" x14ac:dyDescent="0.15">
      <c r="AR18074" s="9" ph="1"/>
    </row>
    <row r="18081" spans="44:44" ht="15.75" customHeight="1" x14ac:dyDescent="0.15">
      <c r="AR18081" s="9" ph="1"/>
    </row>
    <row r="18084" spans="44:44" ht="15.75" customHeight="1" x14ac:dyDescent="0.15">
      <c r="AR18084" s="9" ph="1"/>
    </row>
    <row r="18095" spans="44:44" ht="15.75" customHeight="1" x14ac:dyDescent="0.15">
      <c r="AR18095" s="9" ph="1"/>
    </row>
    <row r="18102" spans="44:44" ht="15.75" customHeight="1" x14ac:dyDescent="0.15">
      <c r="AR18102" s="9" ph="1"/>
    </row>
    <row r="18106" spans="44:44" ht="15.75" customHeight="1" x14ac:dyDescent="0.15">
      <c r="AR18106" s="9" ph="1"/>
    </row>
    <row r="18109" spans="44:44" ht="15.75" customHeight="1" x14ac:dyDescent="0.15">
      <c r="AR18109" s="9" ph="1"/>
    </row>
    <row r="18120" spans="44:44" ht="15.75" customHeight="1" x14ac:dyDescent="0.15">
      <c r="AR18120" s="9" ph="1"/>
    </row>
    <row r="18127" spans="44:44" ht="15.75" customHeight="1" x14ac:dyDescent="0.15">
      <c r="AR18127" s="9" ph="1"/>
    </row>
    <row r="18135" spans="44:44" ht="15.75" customHeight="1" x14ac:dyDescent="0.15">
      <c r="AR18135" s="9" ph="1"/>
    </row>
    <row r="18142" spans="44:44" ht="15.75" customHeight="1" x14ac:dyDescent="0.15">
      <c r="AR18142" s="9" ph="1"/>
    </row>
    <row r="18153" spans="44:44" ht="15.75" customHeight="1" x14ac:dyDescent="0.15">
      <c r="AR18153" s="9" ph="1"/>
    </row>
    <row r="18160" spans="44:44" ht="15.75" customHeight="1" x14ac:dyDescent="0.15">
      <c r="AR18160" s="9" ph="1"/>
    </row>
    <row r="18163" spans="44:44" ht="15.75" customHeight="1" x14ac:dyDescent="0.15">
      <c r="AR18163" s="9" ph="1"/>
    </row>
    <row r="18174" spans="44:44" ht="15.75" customHeight="1" x14ac:dyDescent="0.15">
      <c r="AR18174" s="9" ph="1"/>
    </row>
    <row r="18181" spans="44:44" ht="15.75" customHeight="1" x14ac:dyDescent="0.15">
      <c r="AR18181" s="9" ph="1"/>
    </row>
    <row r="18185" spans="44:44" ht="15.75" customHeight="1" x14ac:dyDescent="0.15">
      <c r="AR18185" s="9" ph="1"/>
    </row>
    <row r="18188" spans="44:44" ht="15.75" customHeight="1" x14ac:dyDescent="0.15">
      <c r="AR18188" s="9" ph="1"/>
    </row>
    <row r="18199" spans="44:44" ht="15.75" customHeight="1" x14ac:dyDescent="0.15">
      <c r="AR18199" s="9" ph="1"/>
    </row>
    <row r="18206" spans="44:44" ht="15.75" customHeight="1" x14ac:dyDescent="0.15">
      <c r="AR18206" s="9" ph="1"/>
    </row>
    <row r="18217" spans="44:44" ht="15.75" customHeight="1" x14ac:dyDescent="0.15">
      <c r="AR18217" s="9" ph="1"/>
    </row>
    <row r="18224" spans="44:44" ht="15.75" customHeight="1" x14ac:dyDescent="0.15">
      <c r="AR18224" s="9" ph="1"/>
    </row>
    <row r="18226" spans="44:44" ht="15.75" customHeight="1" x14ac:dyDescent="0.15">
      <c r="AR18226" s="9" ph="1"/>
    </row>
    <row r="18233" spans="44:44" ht="15.75" customHeight="1" x14ac:dyDescent="0.15">
      <c r="AR18233" s="9" ph="1"/>
    </row>
    <row r="18244" spans="44:44" ht="15.75" customHeight="1" x14ac:dyDescent="0.15">
      <c r="AR18244" s="9" ph="1"/>
    </row>
    <row r="18251" spans="44:44" ht="15.75" customHeight="1" x14ac:dyDescent="0.15">
      <c r="AR18251" s="9" ph="1"/>
    </row>
    <row r="18253" spans="44:44" ht="15.75" customHeight="1" x14ac:dyDescent="0.15">
      <c r="AR18253" s="9" ph="1"/>
    </row>
    <row r="18255" spans="44:44" ht="15.75" customHeight="1" x14ac:dyDescent="0.15">
      <c r="AR18255" s="9" ph="1"/>
    </row>
    <row r="18262" spans="44:44" ht="15.75" customHeight="1" x14ac:dyDescent="0.15">
      <c r="AR18262" s="9" ph="1"/>
    </row>
    <row r="18273" spans="44:44" ht="15.75" customHeight="1" x14ac:dyDescent="0.15">
      <c r="AR18273" s="9" ph="1"/>
    </row>
    <row r="18280" spans="44:44" ht="15.75" customHeight="1" x14ac:dyDescent="0.15">
      <c r="AR18280" s="9" ph="1"/>
    </row>
    <row r="18281" spans="44:44" ht="15.75" customHeight="1" x14ac:dyDescent="0.15">
      <c r="AR18281" s="9" ph="1"/>
    </row>
    <row r="18310" spans="44:44" ht="15.75" customHeight="1" x14ac:dyDescent="0.15">
      <c r="AR18310" s="9" ph="1"/>
    </row>
    <row r="18329" spans="44:44" ht="15.75" customHeight="1" x14ac:dyDescent="0.15">
      <c r="AR18329" s="9" ph="1"/>
    </row>
    <row r="18336" spans="44:44" ht="15.75" customHeight="1" x14ac:dyDescent="0.15">
      <c r="AR18336" s="9" ph="1"/>
    </row>
    <row r="18348" spans="44:44" ht="15.75" customHeight="1" x14ac:dyDescent="0.15">
      <c r="AR18348" s="9" ph="1"/>
    </row>
    <row r="18367" spans="44:44" ht="15.75" customHeight="1" x14ac:dyDescent="0.15">
      <c r="AR18367" s="9" ph="1"/>
    </row>
    <row r="18374" spans="44:44" ht="15.75" customHeight="1" x14ac:dyDescent="0.15">
      <c r="AR18374" s="9" ph="1"/>
    </row>
    <row r="18385" spans="44:44" ht="15.75" customHeight="1" x14ac:dyDescent="0.15">
      <c r="AR18385" s="9" ph="1"/>
    </row>
    <row r="18392" spans="44:44" ht="15.75" customHeight="1" x14ac:dyDescent="0.15">
      <c r="AR18392" s="9" ph="1"/>
    </row>
    <row r="18395" spans="44:44" ht="15.75" customHeight="1" x14ac:dyDescent="0.15">
      <c r="AR18395" s="9" ph="1"/>
    </row>
    <row r="18406" spans="44:44" ht="15.75" customHeight="1" x14ac:dyDescent="0.15">
      <c r="AR18406" s="9" ph="1"/>
    </row>
    <row r="18413" spans="44:44" ht="15.75" customHeight="1" x14ac:dyDescent="0.15">
      <c r="AR18413" s="9" ph="1"/>
    </row>
    <row r="18417" spans="44:44" ht="15.75" customHeight="1" x14ac:dyDescent="0.15">
      <c r="AR18417" s="9" ph="1"/>
    </row>
    <row r="18420" spans="44:44" ht="15.75" customHeight="1" x14ac:dyDescent="0.15">
      <c r="AR18420" s="9" ph="1"/>
    </row>
    <row r="18431" spans="44:44" ht="15.75" customHeight="1" x14ac:dyDescent="0.15">
      <c r="AR18431" s="9" ph="1"/>
    </row>
    <row r="18438" spans="44:44" ht="15.75" customHeight="1" x14ac:dyDescent="0.15">
      <c r="AR18438" s="9" ph="1"/>
    </row>
    <row r="18446" spans="44:44" ht="15.75" customHeight="1" x14ac:dyDescent="0.15">
      <c r="AR18446" s="9" ph="1"/>
    </row>
    <row r="18453" spans="44:44" ht="15.75" customHeight="1" x14ac:dyDescent="0.15">
      <c r="AR18453" s="9" ph="1"/>
    </row>
    <row r="18464" spans="44:44" ht="15.75" customHeight="1" x14ac:dyDescent="0.15">
      <c r="AR18464" s="9" ph="1"/>
    </row>
    <row r="18471" spans="44:44" ht="15.75" customHeight="1" x14ac:dyDescent="0.15">
      <c r="AR18471" s="9" ph="1"/>
    </row>
    <row r="18474" spans="44:44" ht="15.75" customHeight="1" x14ac:dyDescent="0.15">
      <c r="AR18474" s="9" ph="1"/>
    </row>
    <row r="18485" spans="44:44" ht="15.75" customHeight="1" x14ac:dyDescent="0.15">
      <c r="AR18485" s="9" ph="1"/>
    </row>
    <row r="18492" spans="44:44" ht="15.75" customHeight="1" x14ac:dyDescent="0.15">
      <c r="AR18492" s="9" ph="1"/>
    </row>
    <row r="18496" spans="44:44" ht="15.75" customHeight="1" x14ac:dyDescent="0.15">
      <c r="AR18496" s="9" ph="1"/>
    </row>
    <row r="18499" spans="44:44" ht="15.75" customHeight="1" x14ac:dyDescent="0.15">
      <c r="AR18499" s="9" ph="1"/>
    </row>
    <row r="18510" spans="44:44" ht="15.75" customHeight="1" x14ac:dyDescent="0.15">
      <c r="AR18510" s="9" ph="1"/>
    </row>
    <row r="18517" spans="44:44" ht="15.75" customHeight="1" x14ac:dyDescent="0.15">
      <c r="AR18517" s="9" ph="1"/>
    </row>
    <row r="18528" spans="44:44" ht="15.75" customHeight="1" x14ac:dyDescent="0.15">
      <c r="AR18528" s="9" ph="1"/>
    </row>
    <row r="18535" spans="44:44" ht="15.75" customHeight="1" x14ac:dyDescent="0.15">
      <c r="AR18535" s="9" ph="1"/>
    </row>
    <row r="18537" spans="44:44" ht="15.75" customHeight="1" x14ac:dyDescent="0.15">
      <c r="AR18537" s="9" ph="1"/>
    </row>
    <row r="18544" spans="44:44" ht="15.75" customHeight="1" x14ac:dyDescent="0.15">
      <c r="AR18544" s="9" ph="1"/>
    </row>
    <row r="18555" spans="44:44" ht="15.75" customHeight="1" x14ac:dyDescent="0.15">
      <c r="AR18555" s="9" ph="1"/>
    </row>
    <row r="18562" spans="44:44" ht="15.75" customHeight="1" x14ac:dyDescent="0.15">
      <c r="AR18562" s="9" ph="1"/>
    </row>
    <row r="18563" spans="44:44" ht="15.75" customHeight="1" x14ac:dyDescent="0.15">
      <c r="AR18563" s="9" ph="1"/>
    </row>
    <row r="18570" spans="44:44" ht="15.75" customHeight="1" x14ac:dyDescent="0.15">
      <c r="AR18570" s="9" ph="1"/>
    </row>
    <row r="18573" spans="44:44" ht="15.75" customHeight="1" x14ac:dyDescent="0.15">
      <c r="AR18573" s="9" ph="1"/>
    </row>
    <row r="18584" spans="44:44" ht="15.75" customHeight="1" x14ac:dyDescent="0.15">
      <c r="AR18584" s="9" ph="1"/>
    </row>
    <row r="18591" spans="44:44" ht="15.75" customHeight="1" x14ac:dyDescent="0.15">
      <c r="AR18591" s="9" ph="1"/>
    </row>
    <row r="18595" spans="44:44" ht="15.75" customHeight="1" x14ac:dyDescent="0.15">
      <c r="AR18595" s="9" ph="1"/>
    </row>
    <row r="18598" spans="44:44" ht="15.75" customHeight="1" x14ac:dyDescent="0.15">
      <c r="AR18598" s="9" ph="1"/>
    </row>
    <row r="18609" spans="44:44" ht="15.75" customHeight="1" x14ac:dyDescent="0.15">
      <c r="AR18609" s="9" ph="1"/>
    </row>
    <row r="18616" spans="44:44" ht="15.75" customHeight="1" x14ac:dyDescent="0.15">
      <c r="AR18616" s="9" ph="1"/>
    </row>
    <row r="18624" spans="44:44" ht="15.75" customHeight="1" x14ac:dyDescent="0.15">
      <c r="AR18624" s="9" ph="1"/>
    </row>
    <row r="18631" spans="44:44" ht="15.75" customHeight="1" x14ac:dyDescent="0.15">
      <c r="AR18631" s="9" ph="1"/>
    </row>
    <row r="18642" spans="44:44" ht="15.75" customHeight="1" x14ac:dyDescent="0.15">
      <c r="AR18642" s="9" ph="1"/>
    </row>
    <row r="18649" spans="44:44" ht="15.75" customHeight="1" x14ac:dyDescent="0.15">
      <c r="AR18649" s="9" ph="1"/>
    </row>
    <row r="18652" spans="44:44" ht="15.75" customHeight="1" x14ac:dyDescent="0.15">
      <c r="AR18652" s="9" ph="1"/>
    </row>
    <row r="18663" spans="44:44" ht="15.75" customHeight="1" x14ac:dyDescent="0.15">
      <c r="AR18663" s="9" ph="1"/>
    </row>
    <row r="18670" spans="44:44" ht="15.75" customHeight="1" x14ac:dyDescent="0.15">
      <c r="AR18670" s="9" ph="1"/>
    </row>
    <row r="18674" spans="44:44" ht="15.75" customHeight="1" x14ac:dyDescent="0.15">
      <c r="AR18674" s="9" ph="1"/>
    </row>
    <row r="18677" spans="44:44" ht="15.75" customHeight="1" x14ac:dyDescent="0.15">
      <c r="AR18677" s="9" ph="1"/>
    </row>
    <row r="18688" spans="44:44" ht="15.75" customHeight="1" x14ac:dyDescent="0.15">
      <c r="AR18688" s="9" ph="1"/>
    </row>
    <row r="18695" spans="44:44" ht="15.75" customHeight="1" x14ac:dyDescent="0.15">
      <c r="AR18695" s="9" ph="1"/>
    </row>
    <row r="18706" spans="44:44" ht="15.75" customHeight="1" x14ac:dyDescent="0.15">
      <c r="AR18706" s="9" ph="1"/>
    </row>
    <row r="18713" spans="44:44" ht="15.75" customHeight="1" x14ac:dyDescent="0.15">
      <c r="AR18713" s="9" ph="1"/>
    </row>
    <row r="18715" spans="44:44" ht="15.75" customHeight="1" x14ac:dyDescent="0.15">
      <c r="AR18715" s="9" ph="1"/>
    </row>
    <row r="18722" spans="44:44" ht="15.75" customHeight="1" x14ac:dyDescent="0.15">
      <c r="AR18722" s="9" ph="1"/>
    </row>
    <row r="18733" spans="44:44" ht="15.75" customHeight="1" x14ac:dyDescent="0.15">
      <c r="AR18733" s="9" ph="1"/>
    </row>
    <row r="18740" spans="44:44" ht="15.75" customHeight="1" x14ac:dyDescent="0.15">
      <c r="AR18740" s="9" ph="1"/>
    </row>
    <row r="18742" spans="44:44" ht="15.75" customHeight="1" x14ac:dyDescent="0.15">
      <c r="AR18742" s="9" ph="1"/>
    </row>
    <row r="18749" spans="44:44" ht="15.75" customHeight="1" x14ac:dyDescent="0.15">
      <c r="AR18749" s="9" ph="1"/>
    </row>
    <row r="18753" spans="44:44" ht="15.75" customHeight="1" x14ac:dyDescent="0.15">
      <c r="AR18753" s="9" ph="1"/>
    </row>
    <row r="18756" spans="44:44" ht="15.75" customHeight="1" x14ac:dyDescent="0.15">
      <c r="AR18756" s="9" ph="1"/>
    </row>
    <row r="18767" spans="44:44" ht="15.75" customHeight="1" x14ac:dyDescent="0.15">
      <c r="AR18767" s="9" ph="1"/>
    </row>
    <row r="18774" spans="44:44" ht="15.75" customHeight="1" x14ac:dyDescent="0.15">
      <c r="AR18774" s="9" ph="1"/>
    </row>
    <row r="18785" spans="44:44" ht="15.75" customHeight="1" x14ac:dyDescent="0.15">
      <c r="AR18785" s="9" ph="1"/>
    </row>
    <row r="18792" spans="44:44" ht="15.75" customHeight="1" x14ac:dyDescent="0.15">
      <c r="AR18792" s="9" ph="1"/>
    </row>
    <row r="18794" spans="44:44" ht="15.75" customHeight="1" x14ac:dyDescent="0.15">
      <c r="AR18794" s="9" ph="1"/>
    </row>
    <row r="18801" spans="44:44" ht="15.75" customHeight="1" x14ac:dyDescent="0.15">
      <c r="AR18801" s="9" ph="1"/>
    </row>
    <row r="18812" spans="44:44" ht="15.75" customHeight="1" x14ac:dyDescent="0.15">
      <c r="AR18812" s="9" ph="1"/>
    </row>
    <row r="18819" spans="44:44" ht="15.75" customHeight="1" x14ac:dyDescent="0.15">
      <c r="AR18819" s="9" ph="1"/>
    </row>
    <row r="18830" spans="44:44" ht="15.75" customHeight="1" x14ac:dyDescent="0.15">
      <c r="AR18830" s="9" ph="1"/>
    </row>
    <row r="18837" spans="44:44" ht="15.75" customHeight="1" x14ac:dyDescent="0.15">
      <c r="AR18837" s="9" ph="1"/>
    </row>
    <row r="18848" spans="44:44" ht="15.75" customHeight="1" x14ac:dyDescent="0.15">
      <c r="AR18848" s="9" ph="1"/>
    </row>
    <row r="18855" spans="44:44" ht="15.75" customHeight="1" x14ac:dyDescent="0.15">
      <c r="AR18855" s="9" ph="1"/>
    </row>
    <row r="18857" spans="44:44" ht="15.75" customHeight="1" x14ac:dyDescent="0.15">
      <c r="AR18857" s="9" ph="1"/>
    </row>
    <row r="18864" spans="44:44" ht="15.75" customHeight="1" x14ac:dyDescent="0.15">
      <c r="AR18864" s="9" ph="1"/>
    </row>
    <row r="18875" spans="44:44" ht="15.75" customHeight="1" x14ac:dyDescent="0.15">
      <c r="AR18875" s="9" ph="1"/>
    </row>
    <row r="18882" spans="44:44" ht="15.75" customHeight="1" x14ac:dyDescent="0.15">
      <c r="AR18882" s="9" ph="1"/>
    </row>
    <row r="18884" spans="44:44" ht="15.75" customHeight="1" x14ac:dyDescent="0.15">
      <c r="AR18884" s="9" ph="1"/>
    </row>
    <row r="18887" spans="44:44" ht="15.75" customHeight="1" x14ac:dyDescent="0.15">
      <c r="AR18887" s="9" ph="1"/>
    </row>
    <row r="18898" spans="44:44" ht="15.75" customHeight="1" x14ac:dyDescent="0.15">
      <c r="AR18898" s="9" ph="1"/>
    </row>
    <row r="18905" spans="44:44" ht="15.75" customHeight="1" x14ac:dyDescent="0.15">
      <c r="AR18905" s="9" ph="1"/>
    </row>
    <row r="18916" spans="44:44" ht="15.75" customHeight="1" x14ac:dyDescent="0.15">
      <c r="AR18916" s="9" ph="1"/>
    </row>
    <row r="18923" spans="44:44" ht="15.75" customHeight="1" x14ac:dyDescent="0.15">
      <c r="AR18923" s="9" ph="1"/>
    </row>
    <row r="18925" spans="44:44" ht="15.75" customHeight="1" x14ac:dyDescent="0.15">
      <c r="AR18925" s="9" ph="1"/>
    </row>
    <row r="18932" spans="44:44" ht="15.75" customHeight="1" x14ac:dyDescent="0.15">
      <c r="AR18932" s="9" ph="1"/>
    </row>
    <row r="18943" spans="44:44" ht="15.75" customHeight="1" x14ac:dyDescent="0.15">
      <c r="AR18943" s="9" ph="1"/>
    </row>
    <row r="18950" spans="44:44" ht="15.75" customHeight="1" x14ac:dyDescent="0.15">
      <c r="AR18950" s="9" ph="1"/>
    </row>
    <row r="18952" spans="44:44" ht="15.75" customHeight="1" x14ac:dyDescent="0.15">
      <c r="AR18952" s="9" ph="1"/>
    </row>
    <row r="18959" spans="44:44" ht="15.75" customHeight="1" x14ac:dyDescent="0.15">
      <c r="AR18959" s="9" ph="1"/>
    </row>
    <row r="18963" spans="44:44" ht="15.75" customHeight="1" x14ac:dyDescent="0.15">
      <c r="AR18963" s="9" ph="1"/>
    </row>
    <row r="18966" spans="44:44" ht="15.75" customHeight="1" x14ac:dyDescent="0.15">
      <c r="AR18966" s="9" ph="1"/>
    </row>
    <row r="18977" spans="44:44" ht="15.75" customHeight="1" x14ac:dyDescent="0.15">
      <c r="AR18977" s="9" ph="1"/>
    </row>
    <row r="18984" spans="44:44" ht="15.75" customHeight="1" x14ac:dyDescent="0.15">
      <c r="AR18984" s="9" ph="1"/>
    </row>
    <row r="18995" spans="44:44" ht="15.75" customHeight="1" x14ac:dyDescent="0.15">
      <c r="AR18995" s="9" ph="1"/>
    </row>
    <row r="19002" spans="44:44" ht="15.75" customHeight="1" x14ac:dyDescent="0.15">
      <c r="AR19002" s="9" ph="1"/>
    </row>
    <row r="19004" spans="44:44" ht="15.75" customHeight="1" x14ac:dyDescent="0.15">
      <c r="AR19004" s="9" ph="1"/>
    </row>
    <row r="19011" spans="44:44" ht="15.75" customHeight="1" x14ac:dyDescent="0.15">
      <c r="AR19011" s="9" ph="1"/>
    </row>
    <row r="19022" spans="44:44" ht="15.75" customHeight="1" x14ac:dyDescent="0.15">
      <c r="AR19022" s="9" ph="1"/>
    </row>
    <row r="19029" spans="44:44" ht="15.75" customHeight="1" x14ac:dyDescent="0.15">
      <c r="AR19029" s="9" ph="1"/>
    </row>
    <row r="19040" spans="44:44" ht="15.75" customHeight="1" x14ac:dyDescent="0.15">
      <c r="AR19040" s="9" ph="1"/>
    </row>
    <row r="19047" spans="44:44" ht="15.75" customHeight="1" x14ac:dyDescent="0.15">
      <c r="AR19047" s="9" ph="1"/>
    </row>
    <row r="19058" spans="44:44" ht="15.75" customHeight="1" x14ac:dyDescent="0.15">
      <c r="AR19058" s="9" ph="1"/>
    </row>
    <row r="19065" spans="44:44" ht="15.75" customHeight="1" x14ac:dyDescent="0.15">
      <c r="AR19065" s="9" ph="1"/>
    </row>
    <row r="19067" spans="44:44" ht="15.75" customHeight="1" x14ac:dyDescent="0.15">
      <c r="AR19067" s="9" ph="1"/>
    </row>
    <row r="19074" spans="44:44" ht="15.75" customHeight="1" x14ac:dyDescent="0.15">
      <c r="AR19074" s="9" ph="1"/>
    </row>
    <row r="19085" spans="44:44" ht="15.75" customHeight="1" x14ac:dyDescent="0.15">
      <c r="AR19085" s="9" ph="1"/>
    </row>
    <row r="19092" spans="44:44" ht="15.75" customHeight="1" x14ac:dyDescent="0.15">
      <c r="AR19092" s="9" ph="1"/>
    </row>
    <row r="19098" spans="44:44" ht="15.75" customHeight="1" x14ac:dyDescent="0.15">
      <c r="AR19098" s="9" ph="1"/>
    </row>
    <row r="19100" spans="44:44" ht="15.75" customHeight="1" x14ac:dyDescent="0.15">
      <c r="AR19100" s="9" ph="1"/>
    </row>
    <row r="19107" spans="44:44" ht="15.75" customHeight="1" x14ac:dyDescent="0.15">
      <c r="AR19107" s="9" ph="1"/>
    </row>
    <row r="19118" spans="44:44" ht="15.75" customHeight="1" x14ac:dyDescent="0.15">
      <c r="AR19118" s="9" ph="1"/>
    </row>
    <row r="19125" spans="44:44" ht="15.75" customHeight="1" x14ac:dyDescent="0.15">
      <c r="AR19125" s="9" ph="1"/>
    </row>
    <row r="19127" spans="44:44" ht="15.75" customHeight="1" x14ac:dyDescent="0.15">
      <c r="AR19127" s="9" ph="1"/>
    </row>
    <row r="19130" spans="44:44" ht="15.75" customHeight="1" x14ac:dyDescent="0.15">
      <c r="AR19130" s="9" ph="1"/>
    </row>
    <row r="19141" spans="44:44" ht="15.75" customHeight="1" x14ac:dyDescent="0.15">
      <c r="AR19141" s="9" ph="1"/>
    </row>
    <row r="19148" spans="44:44" ht="15.75" customHeight="1" x14ac:dyDescent="0.15">
      <c r="AR19148" s="9" ph="1"/>
    </row>
    <row r="19159" spans="44:44" ht="15.75" customHeight="1" x14ac:dyDescent="0.15">
      <c r="AR19159" s="9" ph="1"/>
    </row>
    <row r="19166" spans="44:44" ht="15.75" customHeight="1" x14ac:dyDescent="0.15">
      <c r="AR19166" s="9" ph="1"/>
    </row>
    <row r="19168" spans="44:44" ht="15.75" customHeight="1" x14ac:dyDescent="0.15">
      <c r="AR19168" s="9" ph="1"/>
    </row>
    <row r="19175" spans="44:44" ht="15.75" customHeight="1" x14ac:dyDescent="0.15">
      <c r="AR19175" s="9" ph="1"/>
    </row>
    <row r="19186" spans="44:44" ht="15.75" customHeight="1" x14ac:dyDescent="0.15">
      <c r="AR19186" s="9" ph="1"/>
    </row>
    <row r="19193" spans="44:44" ht="15.75" customHeight="1" x14ac:dyDescent="0.15">
      <c r="AR19193" s="9" ph="1"/>
    </row>
    <row r="19195" spans="44:44" ht="15.75" customHeight="1" x14ac:dyDescent="0.15">
      <c r="AR19195" s="9" ph="1"/>
    </row>
    <row r="19202" spans="44:44" ht="15.75" customHeight="1" x14ac:dyDescent="0.15">
      <c r="AR19202" s="9" ph="1"/>
    </row>
    <row r="19206" spans="44:44" ht="15.75" customHeight="1" x14ac:dyDescent="0.15">
      <c r="AR19206" s="9" ph="1"/>
    </row>
    <row r="19209" spans="44:44" ht="15.75" customHeight="1" x14ac:dyDescent="0.15">
      <c r="AR19209" s="9" ph="1"/>
    </row>
    <row r="19220" spans="44:44" ht="15.75" customHeight="1" x14ac:dyDescent="0.15">
      <c r="AR19220" s="9" ph="1"/>
    </row>
    <row r="19227" spans="44:44" ht="15.75" customHeight="1" x14ac:dyDescent="0.15">
      <c r="AR19227" s="9" ph="1"/>
    </row>
    <row r="19238" spans="44:44" ht="15.75" customHeight="1" x14ac:dyDescent="0.15">
      <c r="AR19238" s="9" ph="1"/>
    </row>
    <row r="19245" spans="44:44" ht="15.75" customHeight="1" x14ac:dyDescent="0.15">
      <c r="AR19245" s="9" ph="1"/>
    </row>
    <row r="19247" spans="44:44" ht="15.75" customHeight="1" x14ac:dyDescent="0.15">
      <c r="AR19247" s="9" ph="1"/>
    </row>
    <row r="19254" spans="44:44" ht="15.75" customHeight="1" x14ac:dyDescent="0.15">
      <c r="AR19254" s="9" ph="1"/>
    </row>
    <row r="19265" spans="44:44" ht="15.75" customHeight="1" x14ac:dyDescent="0.15">
      <c r="AR19265" s="9" ph="1"/>
    </row>
    <row r="19272" spans="44:44" ht="15.75" customHeight="1" x14ac:dyDescent="0.15">
      <c r="AR19272" s="9" ph="1"/>
    </row>
    <row r="19283" spans="44:44" ht="15.75" customHeight="1" x14ac:dyDescent="0.15">
      <c r="AR19283" s="9" ph="1"/>
    </row>
    <row r="19290" spans="44:44" ht="15.75" customHeight="1" x14ac:dyDescent="0.15">
      <c r="AR19290" s="9" ph="1"/>
    </row>
    <row r="19301" spans="44:44" ht="15.75" customHeight="1" x14ac:dyDescent="0.15">
      <c r="AR19301" s="9" ph="1"/>
    </row>
    <row r="19308" spans="44:44" ht="15.75" customHeight="1" x14ac:dyDescent="0.15">
      <c r="AR19308" s="9" ph="1"/>
    </row>
    <row r="19310" spans="44:44" ht="15.75" customHeight="1" x14ac:dyDescent="0.15">
      <c r="AR19310" s="9" ph="1"/>
    </row>
    <row r="19317" spans="44:44" ht="15.75" customHeight="1" x14ac:dyDescent="0.15">
      <c r="AR19317" s="9" ph="1"/>
    </row>
    <row r="19328" spans="44:44" ht="15.75" customHeight="1" x14ac:dyDescent="0.15">
      <c r="AR19328" s="9" ph="1"/>
    </row>
    <row r="19335" spans="44:44" ht="15.75" customHeight="1" x14ac:dyDescent="0.15">
      <c r="AR19335" s="9" ph="1"/>
    </row>
    <row r="19342" spans="44:44" ht="15.75" customHeight="1" x14ac:dyDescent="0.15">
      <c r="AR19342" s="9" ph="1"/>
    </row>
    <row r="19344" spans="44:44" ht="15.75" customHeight="1" x14ac:dyDescent="0.15">
      <c r="AR19344" s="9" ph="1"/>
    </row>
    <row r="19351" spans="44:44" ht="15.75" customHeight="1" x14ac:dyDescent="0.15">
      <c r="AR19351" s="9" ph="1"/>
    </row>
    <row r="19355" spans="44:44" ht="15.75" customHeight="1" x14ac:dyDescent="0.15">
      <c r="AR19355" s="9" ph="1"/>
    </row>
    <row r="19358" spans="44:44" ht="15.75" customHeight="1" x14ac:dyDescent="0.15">
      <c r="AR19358" s="9" ph="1"/>
    </row>
    <row r="19369" spans="44:44" ht="15.75" customHeight="1" x14ac:dyDescent="0.15">
      <c r="AR19369" s="9" ph="1"/>
    </row>
    <row r="19376" spans="44:44" ht="15.75" customHeight="1" x14ac:dyDescent="0.15">
      <c r="AR19376" s="9" ph="1"/>
    </row>
    <row r="19387" spans="44:44" ht="15.75" customHeight="1" x14ac:dyDescent="0.15">
      <c r="AR19387" s="9" ph="1"/>
    </row>
    <row r="19394" spans="44:44" ht="15.75" customHeight="1" x14ac:dyDescent="0.15">
      <c r="AR19394" s="9" ph="1"/>
    </row>
    <row r="19396" spans="44:44" ht="15.75" customHeight="1" x14ac:dyDescent="0.15">
      <c r="AR19396" s="9" ph="1"/>
    </row>
    <row r="19403" spans="44:44" ht="15.75" customHeight="1" x14ac:dyDescent="0.15">
      <c r="AR19403" s="9" ph="1"/>
    </row>
    <row r="19414" spans="44:44" ht="15.75" customHeight="1" x14ac:dyDescent="0.15">
      <c r="AR19414" s="9" ph="1"/>
    </row>
    <row r="19421" spans="44:44" ht="15.75" customHeight="1" x14ac:dyDescent="0.15">
      <c r="AR19421" s="9" ph="1"/>
    </row>
    <row r="19432" spans="44:44" ht="15.75" customHeight="1" x14ac:dyDescent="0.15">
      <c r="AR19432" s="9" ph="1"/>
    </row>
    <row r="19439" spans="44:44" ht="15.75" customHeight="1" x14ac:dyDescent="0.15">
      <c r="AR19439" s="9" ph="1"/>
    </row>
    <row r="19450" spans="44:44" ht="15.75" customHeight="1" x14ac:dyDescent="0.15">
      <c r="AR19450" s="9" ph="1"/>
    </row>
    <row r="19457" spans="44:44" ht="15.75" customHeight="1" x14ac:dyDescent="0.15">
      <c r="AR19457" s="9" ph="1"/>
    </row>
    <row r="19459" spans="44:44" ht="15.75" customHeight="1" x14ac:dyDescent="0.15">
      <c r="AR19459" s="9" ph="1"/>
    </row>
    <row r="19466" spans="44:44" ht="15.75" customHeight="1" x14ac:dyDescent="0.15">
      <c r="AR19466" s="9" ph="1"/>
    </row>
    <row r="19477" spans="44:44" ht="15.75" customHeight="1" x14ac:dyDescent="0.15">
      <c r="AR19477" s="9" ph="1"/>
    </row>
    <row r="19484" spans="44:44" ht="15.75" customHeight="1" x14ac:dyDescent="0.15">
      <c r="AR19484" s="9" ph="1"/>
    </row>
    <row r="19494" spans="44:44" ht="15.75" customHeight="1" x14ac:dyDescent="0.15">
      <c r="AR19494" s="9" ph="1"/>
    </row>
    <row r="19501" spans="44:44" ht="15.75" customHeight="1" x14ac:dyDescent="0.15">
      <c r="AR19501" s="9" ph="1"/>
    </row>
    <row r="19508" spans="44:44" ht="15.75" customHeight="1" x14ac:dyDescent="0.15">
      <c r="AR19508" s="9" ph="1"/>
    </row>
    <row r="19510" spans="44:44" ht="15.75" customHeight="1" x14ac:dyDescent="0.15">
      <c r="AR19510" s="9" ph="1"/>
    </row>
    <row r="19517" spans="44:44" ht="15.75" customHeight="1" x14ac:dyDescent="0.15">
      <c r="AR19517" s="9" ph="1"/>
    </row>
    <row r="19521" spans="44:44" ht="15.75" customHeight="1" x14ac:dyDescent="0.15">
      <c r="AR19521" s="9" ph="1"/>
    </row>
    <row r="19524" spans="44:44" ht="15.75" customHeight="1" x14ac:dyDescent="0.15">
      <c r="AR19524" s="9" ph="1"/>
    </row>
    <row r="19535" spans="44:44" ht="15.75" customHeight="1" x14ac:dyDescent="0.15">
      <c r="AR19535" s="9" ph="1"/>
    </row>
    <row r="19542" spans="44:44" ht="15.75" customHeight="1" x14ac:dyDescent="0.15">
      <c r="AR19542" s="9" ph="1"/>
    </row>
    <row r="19553" spans="44:44" ht="15.75" customHeight="1" x14ac:dyDescent="0.15">
      <c r="AR19553" s="9" ph="1"/>
    </row>
    <row r="19560" spans="44:44" ht="15.75" customHeight="1" x14ac:dyDescent="0.15">
      <c r="AR19560" s="9" ph="1"/>
    </row>
    <row r="19562" spans="44:44" ht="15.75" customHeight="1" x14ac:dyDescent="0.15">
      <c r="AR19562" s="9" ph="1"/>
    </row>
    <row r="19569" spans="44:44" ht="15.75" customHeight="1" x14ac:dyDescent="0.15">
      <c r="AR19569" s="9" ph="1"/>
    </row>
    <row r="19580" spans="44:44" ht="15.75" customHeight="1" x14ac:dyDescent="0.15">
      <c r="AR19580" s="9" ph="1"/>
    </row>
    <row r="19587" spans="44:44" ht="15.75" customHeight="1" x14ac:dyDescent="0.15">
      <c r="AR19587" s="9" ph="1"/>
    </row>
    <row r="19598" spans="44:44" ht="15.75" customHeight="1" x14ac:dyDescent="0.15">
      <c r="AR19598" s="9" ph="1"/>
    </row>
    <row r="19605" spans="44:44" ht="15.75" customHeight="1" x14ac:dyDescent="0.15">
      <c r="AR19605" s="9" ph="1"/>
    </row>
    <row r="19616" spans="44:44" ht="15.75" customHeight="1" x14ac:dyDescent="0.15">
      <c r="AR19616" s="9" ph="1"/>
    </row>
    <row r="19623" spans="44:44" ht="15.75" customHeight="1" x14ac:dyDescent="0.15">
      <c r="AR19623" s="9" ph="1"/>
    </row>
    <row r="19625" spans="44:44" ht="15.75" customHeight="1" x14ac:dyDescent="0.15">
      <c r="AR19625" s="9" ph="1"/>
    </row>
    <row r="19632" spans="44:44" ht="15.75" customHeight="1" x14ac:dyDescent="0.15">
      <c r="AR19632" s="9" ph="1"/>
    </row>
    <row r="19643" spans="44:44" ht="15.75" customHeight="1" x14ac:dyDescent="0.15">
      <c r="AR19643" s="9" ph="1"/>
    </row>
    <row r="19650" spans="44:44" ht="15.75" customHeight="1" x14ac:dyDescent="0.15">
      <c r="AR19650" s="9" ph="1"/>
    </row>
    <row r="19655" spans="44:44" ht="15.75" customHeight="1" x14ac:dyDescent="0.15">
      <c r="AR19655" s="9" ph="1"/>
    </row>
    <row r="19662" spans="44:44" ht="15.75" customHeight="1" x14ac:dyDescent="0.15">
      <c r="AR19662" s="9" ph="1"/>
    </row>
    <row r="19664" spans="44:44" ht="15.75" customHeight="1" x14ac:dyDescent="0.15">
      <c r="AR19664" s="9" ph="1"/>
    </row>
    <row r="19671" spans="44:44" ht="15.75" customHeight="1" x14ac:dyDescent="0.15">
      <c r="AR19671" s="9" ph="1"/>
    </row>
    <row r="19682" spans="44:44" ht="15.75" customHeight="1" x14ac:dyDescent="0.15">
      <c r="AR19682" s="9" ph="1"/>
    </row>
    <row r="19689" spans="44:44" ht="15.75" customHeight="1" x14ac:dyDescent="0.15">
      <c r="AR19689" s="9" ph="1"/>
    </row>
    <row r="19690" spans="44:44" ht="15.75" customHeight="1" x14ac:dyDescent="0.15">
      <c r="AR19690" s="9" ph="1"/>
    </row>
    <row r="19692" spans="44:44" ht="15.75" customHeight="1" x14ac:dyDescent="0.15">
      <c r="AR19692" s="9" ph="1"/>
    </row>
    <row r="19699" spans="44:44" ht="15.75" customHeight="1" x14ac:dyDescent="0.15">
      <c r="AR19699" s="9" ph="1"/>
    </row>
    <row r="19710" spans="44:44" ht="15.75" customHeight="1" x14ac:dyDescent="0.15">
      <c r="AR19710" s="9" ph="1"/>
    </row>
    <row r="19717" spans="44:44" ht="15.75" customHeight="1" x14ac:dyDescent="0.15">
      <c r="AR19717" s="9" ph="1"/>
    </row>
    <row r="19718" spans="44:44" ht="15.75" customHeight="1" x14ac:dyDescent="0.15">
      <c r="AR19718" s="9" ph="1"/>
    </row>
    <row r="19729" spans="44:44" ht="15.75" customHeight="1" x14ac:dyDescent="0.15">
      <c r="AR19729" s="9" ph="1"/>
    </row>
    <row r="19736" spans="44:44" ht="15.75" customHeight="1" x14ac:dyDescent="0.15">
      <c r="AR19736" s="9" ph="1"/>
    </row>
    <row r="19747" spans="44:44" ht="15.75" customHeight="1" x14ac:dyDescent="0.15">
      <c r="AR19747" s="9" ph="1"/>
    </row>
    <row r="19754" spans="44:44" ht="15.75" customHeight="1" x14ac:dyDescent="0.15">
      <c r="AR19754" s="9" ph="1"/>
    </row>
    <row r="19756" spans="44:44" ht="15.75" customHeight="1" x14ac:dyDescent="0.15">
      <c r="AR19756" s="9" ph="1"/>
    </row>
    <row r="19763" spans="44:44" ht="15.75" customHeight="1" x14ac:dyDescent="0.15">
      <c r="AR19763" s="9" ph="1"/>
    </row>
    <row r="19774" spans="44:44" ht="15.75" customHeight="1" x14ac:dyDescent="0.15">
      <c r="AR19774" s="9" ph="1"/>
    </row>
    <row r="19781" spans="44:44" ht="15.75" customHeight="1" x14ac:dyDescent="0.15">
      <c r="AR19781" s="9" ph="1"/>
    </row>
    <row r="19786" spans="44:44" ht="15.75" customHeight="1" x14ac:dyDescent="0.15">
      <c r="AR19786" s="9" ph="1"/>
    </row>
    <row r="19793" spans="44:44" ht="15.75" customHeight="1" x14ac:dyDescent="0.15">
      <c r="AR19793" s="9" ph="1"/>
    </row>
    <row r="19795" spans="44:44" ht="15.75" customHeight="1" x14ac:dyDescent="0.15">
      <c r="AR19795" s="9" ph="1"/>
    </row>
    <row r="19802" spans="44:44" ht="15.75" customHeight="1" x14ac:dyDescent="0.15">
      <c r="AR19802" s="9" ph="1"/>
    </row>
    <row r="19813" spans="44:44" ht="15.75" customHeight="1" x14ac:dyDescent="0.15">
      <c r="AR19813" s="9" ph="1"/>
    </row>
    <row r="19820" spans="44:44" ht="15.75" customHeight="1" x14ac:dyDescent="0.15">
      <c r="AR19820" s="9" ph="1"/>
    </row>
    <row r="19821" spans="44:44" ht="15.75" customHeight="1" x14ac:dyDescent="0.15">
      <c r="AR19821" s="9" ph="1"/>
    </row>
    <row r="19823" spans="44:44" ht="15.75" customHeight="1" x14ac:dyDescent="0.15">
      <c r="AR19823" s="9" ph="1"/>
    </row>
    <row r="19830" spans="44:44" ht="15.75" customHeight="1" x14ac:dyDescent="0.15">
      <c r="AR19830" s="9" ph="1"/>
    </row>
    <row r="19841" spans="44:44" ht="15.75" customHeight="1" x14ac:dyDescent="0.15">
      <c r="AR19841" s="9" ph="1"/>
    </row>
    <row r="19848" spans="44:44" ht="15.75" customHeight="1" x14ac:dyDescent="0.15">
      <c r="AR19848" s="9" ph="1"/>
    </row>
    <row r="19859" spans="44:44" ht="15.75" customHeight="1" x14ac:dyDescent="0.15">
      <c r="AR19859" s="9" ph="1"/>
    </row>
    <row r="19866" spans="44:44" ht="15.75" customHeight="1" x14ac:dyDescent="0.15">
      <c r="AR19866" s="9" ph="1"/>
    </row>
    <row r="19867" spans="44:44" ht="15.75" customHeight="1" x14ac:dyDescent="0.15">
      <c r="AR19867" s="9" ph="1"/>
    </row>
    <row r="19869" spans="44:44" ht="15.75" customHeight="1" x14ac:dyDescent="0.15">
      <c r="AR19869" s="9" ph="1"/>
    </row>
    <row r="19876" spans="44:44" ht="15.75" customHeight="1" x14ac:dyDescent="0.15">
      <c r="AR19876" s="9" ph="1"/>
    </row>
    <row r="19887" spans="44:44" ht="15.75" customHeight="1" x14ac:dyDescent="0.15">
      <c r="AR19887" s="9" ph="1"/>
    </row>
    <row r="19894" spans="44:44" ht="15.75" customHeight="1" x14ac:dyDescent="0.15">
      <c r="AR19894" s="9" ph="1"/>
    </row>
    <row r="19901" spans="44:44" ht="15.75" customHeight="1" x14ac:dyDescent="0.15">
      <c r="AR19901" s="9" ph="1"/>
    </row>
    <row r="19908" spans="44:44" ht="15.75" customHeight="1" x14ac:dyDescent="0.15">
      <c r="AR19908" s="9" ph="1"/>
    </row>
    <row r="19909" spans="44:44" ht="15.75" customHeight="1" x14ac:dyDescent="0.15">
      <c r="AR19909" s="9" ph="1"/>
    </row>
    <row r="19911" spans="44:44" ht="15.75" customHeight="1" x14ac:dyDescent="0.15">
      <c r="AR19911" s="9" ph="1"/>
    </row>
    <row r="19918" spans="44:44" ht="15.75" customHeight="1" x14ac:dyDescent="0.15">
      <c r="AR19918" s="9" ph="1"/>
    </row>
    <row r="19929" spans="44:44" ht="15.75" customHeight="1" x14ac:dyDescent="0.15">
      <c r="AR19929" s="9" ph="1"/>
    </row>
    <row r="19936" spans="44:44" ht="15.75" customHeight="1" x14ac:dyDescent="0.15">
      <c r="AR19936" s="9" ph="1"/>
    </row>
    <row r="19940" spans="44:44" ht="15.75" customHeight="1" x14ac:dyDescent="0.15">
      <c r="AR19940" s="9" ph="1"/>
    </row>
    <row r="19947" spans="44:44" ht="15.75" customHeight="1" x14ac:dyDescent="0.15">
      <c r="AR19947" s="9" ph="1"/>
    </row>
    <row r="19954" spans="44:44" ht="15.75" customHeight="1" x14ac:dyDescent="0.15">
      <c r="AR19954" s="9" ph="1"/>
    </row>
    <row r="19961" spans="44:44" ht="15.75" customHeight="1" x14ac:dyDescent="0.15">
      <c r="AR19961" s="9" ph="1"/>
    </row>
    <row r="19962" spans="44:44" ht="15.75" customHeight="1" x14ac:dyDescent="0.15">
      <c r="AR19962" s="9" ph="1"/>
    </row>
    <row r="19964" spans="44:44" ht="15.75" customHeight="1" x14ac:dyDescent="0.15">
      <c r="AR19964" s="9" ph="1"/>
    </row>
    <row r="19971" spans="44:44" ht="15.75" customHeight="1" x14ac:dyDescent="0.15">
      <c r="AR19971" s="9" ph="1"/>
    </row>
    <row r="19982" spans="44:44" ht="15.75" customHeight="1" x14ac:dyDescent="0.15">
      <c r="AR19982" s="9" ph="1"/>
    </row>
    <row r="19989" spans="44:44" ht="15.75" customHeight="1" x14ac:dyDescent="0.15">
      <c r="AR19989" s="9" ph="1"/>
    </row>
    <row r="19990" spans="44:44" ht="15.75" customHeight="1" x14ac:dyDescent="0.15">
      <c r="AR19990" s="9" ph="1"/>
    </row>
    <row r="19991" spans="44:44" ht="15.75" customHeight="1" x14ac:dyDescent="0.15">
      <c r="AR19991" s="9" ph="1"/>
    </row>
    <row r="19992" spans="44:44" ht="15.75" customHeight="1" x14ac:dyDescent="0.15">
      <c r="AR19992" s="9" ph="1"/>
    </row>
    <row r="19993" spans="44:44" ht="15.75" customHeight="1" x14ac:dyDescent="0.15">
      <c r="AR19993" s="9" ph="1"/>
    </row>
    <row r="19994" spans="44:44" ht="15.75" customHeight="1" x14ac:dyDescent="0.15">
      <c r="AR19994" s="9" ph="1"/>
    </row>
    <row r="19995" spans="44:44" ht="15.75" customHeight="1" x14ac:dyDescent="0.15">
      <c r="AR19995" s="9" ph="1"/>
    </row>
    <row r="19996" spans="44:44" ht="15.75" customHeight="1" x14ac:dyDescent="0.15">
      <c r="AR19996" s="9" ph="1"/>
    </row>
    <row r="19998" spans="44:44" ht="15.75" customHeight="1" x14ac:dyDescent="0.15">
      <c r="AR19998" s="9" ph="1"/>
    </row>
    <row r="20005" spans="44:44" ht="15.75" customHeight="1" x14ac:dyDescent="0.15">
      <c r="AR20005" s="9" ph="1"/>
    </row>
    <row r="20009" spans="44:44" ht="15.75" customHeight="1" x14ac:dyDescent="0.15">
      <c r="AR20009" s="9" ph="1"/>
    </row>
    <row r="20016" spans="44:44" ht="15.75" customHeight="1" x14ac:dyDescent="0.15">
      <c r="AR20016" s="9" ph="1"/>
    </row>
    <row r="20023" spans="44:44" ht="15.75" customHeight="1" x14ac:dyDescent="0.15">
      <c r="AR20023" s="9" ph="1"/>
    </row>
    <row r="20030" spans="44:44" ht="15.75" customHeight="1" x14ac:dyDescent="0.15">
      <c r="AR20030" s="9" ph="1"/>
    </row>
    <row r="20031" spans="44:44" ht="15.75" customHeight="1" x14ac:dyDescent="0.15">
      <c r="AR20031" s="9" ph="1"/>
    </row>
    <row r="20033" spans="44:44" ht="15.75" customHeight="1" x14ac:dyDescent="0.15">
      <c r="AR20033" s="9" ph="1"/>
    </row>
    <row r="20040" spans="44:44" ht="15.75" customHeight="1" x14ac:dyDescent="0.15">
      <c r="AR20040" s="9" ph="1"/>
    </row>
    <row r="20051" spans="44:44" ht="15.75" customHeight="1" x14ac:dyDescent="0.15">
      <c r="AR20051" s="9" ph="1"/>
    </row>
    <row r="20058" spans="44:44" ht="15.75" customHeight="1" x14ac:dyDescent="0.15">
      <c r="AR20058" s="9" ph="1"/>
    </row>
    <row r="20059" spans="44:44" ht="15.75" customHeight="1" x14ac:dyDescent="0.15">
      <c r="AR20059" s="9" ph="1"/>
    </row>
    <row r="20060" spans="44:44" ht="15.75" customHeight="1" x14ac:dyDescent="0.15">
      <c r="AR20060" s="9" ph="1"/>
    </row>
    <row r="20061" spans="44:44" ht="15.75" customHeight="1" x14ac:dyDescent="0.15">
      <c r="AR20061" s="9" ph="1"/>
    </row>
    <row r="20062" spans="44:44" ht="15.75" customHeight="1" x14ac:dyDescent="0.15">
      <c r="AR20062" s="9" ph="1"/>
    </row>
    <row r="20063" spans="44:44" ht="15.75" customHeight="1" x14ac:dyDescent="0.15">
      <c r="AR20063" s="9" ph="1"/>
    </row>
    <row r="20064" spans="44:44" ht="15.75" customHeight="1" x14ac:dyDescent="0.15">
      <c r="AR20064" s="9" ph="1"/>
    </row>
    <row r="20065" spans="44:44" ht="15.75" customHeight="1" x14ac:dyDescent="0.15">
      <c r="AR20065" s="9" ph="1"/>
    </row>
    <row r="20067" spans="44:44" ht="15.75" customHeight="1" x14ac:dyDescent="0.15">
      <c r="AR20067" s="9" ph="1"/>
    </row>
    <row r="20068" spans="44:44" ht="15.75" customHeight="1" x14ac:dyDescent="0.15">
      <c r="AR20068" s="9" ph="1"/>
    </row>
    <row r="20069" spans="44:44" ht="15.75" customHeight="1" x14ac:dyDescent="0.15">
      <c r="AR20069" s="9" ph="1"/>
    </row>
    <row r="20070" spans="44:44" ht="15.75" customHeight="1" x14ac:dyDescent="0.15">
      <c r="AR20070" s="9" ph="1"/>
    </row>
    <row r="20077" spans="44:44" ht="15.75" customHeight="1" x14ac:dyDescent="0.15">
      <c r="AR20077" s="9" ph="1"/>
    </row>
    <row r="20078" spans="44:44" ht="15.75" customHeight="1" x14ac:dyDescent="0.15">
      <c r="AR20078" s="9" ph="1"/>
    </row>
    <row r="20079" spans="44:44" ht="15.75" customHeight="1" x14ac:dyDescent="0.15">
      <c r="AR20079" s="9" ph="1"/>
    </row>
    <row r="20080" spans="44:44" ht="15.75" customHeight="1" x14ac:dyDescent="0.15">
      <c r="AR20080" s="9" ph="1"/>
    </row>
    <row r="20081" spans="44:44" ht="15.75" customHeight="1" x14ac:dyDescent="0.15">
      <c r="AR20081" s="9" ph="1"/>
    </row>
    <row r="20082" spans="44:44" ht="15.75" customHeight="1" x14ac:dyDescent="0.15">
      <c r="AR20082" s="9" ph="1"/>
    </row>
    <row r="20083" spans="44:44" ht="15.75" customHeight="1" x14ac:dyDescent="0.15">
      <c r="AR20083" s="9" ph="1"/>
    </row>
    <row r="20084" spans="44:44" ht="15.75" customHeight="1" x14ac:dyDescent="0.15">
      <c r="AR20084" s="9" ph="1"/>
    </row>
    <row r="20086" spans="44:44" ht="15.75" customHeight="1" x14ac:dyDescent="0.15">
      <c r="AR20086" s="9" ph="1"/>
    </row>
    <row r="20087" spans="44:44" ht="15.75" customHeight="1" x14ac:dyDescent="0.15">
      <c r="AR20087" s="9" ph="1"/>
    </row>
    <row r="20088" spans="44:44" ht="15.75" customHeight="1" x14ac:dyDescent="0.15">
      <c r="AR20088" s="9" ph="1"/>
    </row>
    <row r="20090" spans="44:44" ht="15.75" customHeight="1" x14ac:dyDescent="0.15">
      <c r="AR20090" s="9" ph="1"/>
    </row>
    <row r="20091" spans="44:44" ht="15.75" customHeight="1" x14ac:dyDescent="0.15">
      <c r="AR20091" s="9" ph="1"/>
    </row>
    <row r="20092" spans="44:44" ht="15.75" customHeight="1" x14ac:dyDescent="0.15">
      <c r="AR20092" s="9" ph="1"/>
    </row>
    <row r="20093" spans="44:44" ht="15.75" customHeight="1" x14ac:dyDescent="0.15">
      <c r="AR20093" s="9" ph="1"/>
    </row>
    <row r="20094" spans="44:44" ht="15.75" customHeight="1" x14ac:dyDescent="0.15">
      <c r="AR20094" s="9" ph="1"/>
    </row>
    <row r="20095" spans="44:44" ht="15.75" customHeight="1" x14ac:dyDescent="0.15">
      <c r="AR20095" s="9" ph="1"/>
    </row>
    <row r="20096" spans="44:44" ht="15.75" customHeight="1" x14ac:dyDescent="0.15">
      <c r="AR20096" s="9" ph="1"/>
    </row>
    <row r="20097" spans="44:44" ht="15.75" customHeight="1" x14ac:dyDescent="0.15">
      <c r="AR20097" s="9" ph="1"/>
    </row>
    <row r="20098" spans="44:44" ht="15.75" customHeight="1" x14ac:dyDescent="0.15">
      <c r="AR20098" s="9" ph="1"/>
    </row>
    <row r="20099" spans="44:44" ht="15.75" customHeight="1" x14ac:dyDescent="0.15">
      <c r="AR20099" s="9" ph="1"/>
    </row>
    <row r="20100" spans="44:44" ht="15.75" customHeight="1" x14ac:dyDescent="0.15">
      <c r="AR20100" s="9" ph="1"/>
    </row>
    <row r="20101" spans="44:44" ht="15.75" customHeight="1" x14ac:dyDescent="0.15">
      <c r="AR20101" s="9" ph="1"/>
    </row>
    <row r="20102" spans="44:44" ht="15.75" customHeight="1" x14ac:dyDescent="0.15">
      <c r="AR20102" s="9" ph="1"/>
    </row>
    <row r="20104" spans="44:44" ht="15.75" customHeight="1" x14ac:dyDescent="0.15">
      <c r="AR20104" s="9" ph="1"/>
    </row>
    <row r="20105" spans="44:44" ht="15.75" customHeight="1" x14ac:dyDescent="0.15">
      <c r="AR20105" s="9" ph="1"/>
    </row>
    <row r="20106" spans="44:44" ht="15.75" customHeight="1" x14ac:dyDescent="0.15">
      <c r="AR20106" s="9" ph="1"/>
    </row>
    <row r="20108" spans="44:44" ht="15.75" customHeight="1" x14ac:dyDescent="0.15">
      <c r="AR20108" s="9" ph="1"/>
    </row>
    <row r="20109" spans="44:44" ht="15.75" customHeight="1" x14ac:dyDescent="0.15">
      <c r="AR20109" s="9" ph="1"/>
    </row>
    <row r="20110" spans="44:44" ht="15.75" customHeight="1" x14ac:dyDescent="0.15">
      <c r="AR20110" s="9" ph="1"/>
    </row>
    <row r="20111" spans="44:44" ht="15.75" customHeight="1" x14ac:dyDescent="0.15">
      <c r="AR20111" s="9" ph="1"/>
    </row>
    <row r="20112" spans="44:44" ht="15.75" customHeight="1" x14ac:dyDescent="0.15">
      <c r="AR20112" s="9" ph="1"/>
    </row>
    <row r="20113" spans="44:44" ht="15.75" customHeight="1" x14ac:dyDescent="0.15">
      <c r="AR20113" s="9" ph="1"/>
    </row>
    <row r="20115" spans="44:44" ht="15.75" customHeight="1" x14ac:dyDescent="0.15">
      <c r="AR20115" s="9" ph="1"/>
    </row>
    <row r="20116" spans="44:44" ht="15.75" customHeight="1" x14ac:dyDescent="0.15">
      <c r="AR20116" s="9" ph="1"/>
    </row>
    <row r="20117" spans="44:44" ht="15.75" customHeight="1" x14ac:dyDescent="0.15">
      <c r="AR20117" s="9" ph="1"/>
    </row>
    <row r="20118" spans="44:44" ht="15.75" customHeight="1" x14ac:dyDescent="0.15">
      <c r="AR20118" s="9" ph="1"/>
    </row>
    <row r="20119" spans="44:44" ht="15.75" customHeight="1" x14ac:dyDescent="0.15">
      <c r="AR20119" s="9" ph="1"/>
    </row>
    <row r="20120" spans="44:44" ht="15.75" customHeight="1" x14ac:dyDescent="0.15">
      <c r="AR20120" s="9" ph="1"/>
    </row>
    <row r="20121" spans="44:44" ht="15.75" customHeight="1" x14ac:dyDescent="0.15">
      <c r="AR20121" s="9" ph="1"/>
    </row>
    <row r="20122" spans="44:44" ht="15.75" customHeight="1" x14ac:dyDescent="0.15">
      <c r="AR20122" s="9" ph="1"/>
    </row>
    <row r="20123" spans="44:44" ht="15.75" customHeight="1" x14ac:dyDescent="0.15">
      <c r="AR20123" s="9" ph="1"/>
    </row>
    <row r="20124" spans="44:44" ht="15.75" customHeight="1" x14ac:dyDescent="0.15">
      <c r="AR20124" s="9" ph="1"/>
    </row>
    <row r="20125" spans="44:44" ht="15.75" customHeight="1" x14ac:dyDescent="0.15">
      <c r="AR20125" s="9" ph="1"/>
    </row>
    <row r="20126" spans="44:44" ht="15.75" customHeight="1" x14ac:dyDescent="0.15">
      <c r="AR20126" s="9" ph="1"/>
    </row>
    <row r="20127" spans="44:44" ht="15.75" customHeight="1" x14ac:dyDescent="0.15">
      <c r="AR20127" s="9" ph="1"/>
    </row>
    <row r="20129" spans="44:44" ht="15.75" customHeight="1" x14ac:dyDescent="0.15">
      <c r="AR20129" s="9" ph="1"/>
    </row>
    <row r="20130" spans="44:44" ht="15.75" customHeight="1" x14ac:dyDescent="0.15">
      <c r="AR20130" s="9" ph="1"/>
    </row>
    <row r="20131" spans="44:44" ht="15.75" customHeight="1" x14ac:dyDescent="0.15">
      <c r="AR20131" s="9" ph="1"/>
    </row>
    <row r="20133" spans="44:44" ht="15.75" customHeight="1" x14ac:dyDescent="0.15">
      <c r="AR20133" s="9" ph="1"/>
    </row>
    <row r="20134" spans="44:44" ht="15.75" customHeight="1" x14ac:dyDescent="0.15">
      <c r="AR20134" s="9" ph="1"/>
    </row>
    <row r="20135" spans="44:44" ht="15.75" customHeight="1" x14ac:dyDescent="0.15">
      <c r="AR20135" s="9" ph="1"/>
    </row>
    <row r="20136" spans="44:44" ht="15.75" customHeight="1" x14ac:dyDescent="0.15">
      <c r="AR20136" s="9" ph="1"/>
    </row>
    <row r="20137" spans="44:44" ht="15.75" customHeight="1" x14ac:dyDescent="0.15">
      <c r="AR20137" s="9" ph="1"/>
    </row>
    <row r="20138" spans="44:44" ht="15.75" customHeight="1" x14ac:dyDescent="0.15">
      <c r="AR20138" s="9" ph="1"/>
    </row>
    <row r="20144" spans="44:44" ht="15.75" customHeight="1" x14ac:dyDescent="0.15">
      <c r="AR20144" s="9" ph="1"/>
    </row>
    <row r="20173" spans="44:44" ht="15.75" customHeight="1" x14ac:dyDescent="0.15">
      <c r="AR20173" s="9" ph="1"/>
    </row>
    <row r="20192" spans="44:44" ht="15.75" customHeight="1" x14ac:dyDescent="0.15">
      <c r="AR20192" s="9" ph="1"/>
    </row>
    <row r="20199" spans="44:44" ht="15.75" customHeight="1" x14ac:dyDescent="0.15">
      <c r="AR20199" s="9" ph="1"/>
    </row>
    <row r="20211" spans="44:44" ht="15.75" customHeight="1" x14ac:dyDescent="0.15">
      <c r="AR20211" s="9" ph="1"/>
    </row>
    <row r="20230" spans="44:44" ht="15.75" customHeight="1" x14ac:dyDescent="0.15">
      <c r="AR20230" s="9" ph="1"/>
    </row>
    <row r="20237" spans="44:44" ht="15.75" customHeight="1" x14ac:dyDescent="0.15">
      <c r="AR20237" s="9" ph="1"/>
    </row>
    <row r="20248" spans="44:44" ht="15.75" customHeight="1" x14ac:dyDescent="0.15">
      <c r="AR20248" s="9" ph="1"/>
    </row>
    <row r="20255" spans="44:44" ht="15.75" customHeight="1" x14ac:dyDescent="0.15">
      <c r="AR20255" s="9" ph="1"/>
    </row>
    <row r="20258" spans="44:44" ht="15.75" customHeight="1" x14ac:dyDescent="0.15">
      <c r="AR20258" s="9" ph="1"/>
    </row>
    <row r="20269" spans="44:44" ht="15.75" customHeight="1" x14ac:dyDescent="0.15">
      <c r="AR20269" s="9" ph="1"/>
    </row>
    <row r="20276" spans="44:44" ht="15.75" customHeight="1" x14ac:dyDescent="0.15">
      <c r="AR20276" s="9" ph="1"/>
    </row>
    <row r="20280" spans="44:44" ht="15.75" customHeight="1" x14ac:dyDescent="0.15">
      <c r="AR20280" s="9" ph="1"/>
    </row>
    <row r="20283" spans="44:44" ht="15.75" customHeight="1" x14ac:dyDescent="0.15">
      <c r="AR20283" s="9" ph="1"/>
    </row>
    <row r="20294" spans="44:44" ht="15.75" customHeight="1" x14ac:dyDescent="0.15">
      <c r="AR20294" s="9" ph="1"/>
    </row>
    <row r="20301" spans="44:44" ht="15.75" customHeight="1" x14ac:dyDescent="0.15">
      <c r="AR20301" s="9" ph="1"/>
    </row>
    <row r="20309" spans="44:44" ht="15.75" customHeight="1" x14ac:dyDescent="0.15">
      <c r="AR20309" s="9" ph="1"/>
    </row>
    <row r="20316" spans="44:44" ht="15.75" customHeight="1" x14ac:dyDescent="0.15">
      <c r="AR20316" s="9" ph="1"/>
    </row>
    <row r="20327" spans="44:44" ht="15.75" customHeight="1" x14ac:dyDescent="0.15">
      <c r="AR20327" s="9" ph="1"/>
    </row>
    <row r="20334" spans="44:44" ht="15.75" customHeight="1" x14ac:dyDescent="0.15">
      <c r="AR20334" s="9" ph="1"/>
    </row>
    <row r="20337" spans="44:44" ht="15.75" customHeight="1" x14ac:dyDescent="0.15">
      <c r="AR20337" s="9" ph="1"/>
    </row>
    <row r="20348" spans="44:44" ht="15.75" customHeight="1" x14ac:dyDescent="0.15">
      <c r="AR20348" s="9" ph="1"/>
    </row>
    <row r="20355" spans="44:44" ht="15.75" customHeight="1" x14ac:dyDescent="0.15">
      <c r="AR20355" s="9" ph="1"/>
    </row>
    <row r="20359" spans="44:44" ht="15.75" customHeight="1" x14ac:dyDescent="0.15">
      <c r="AR20359" s="9" ph="1"/>
    </row>
    <row r="20362" spans="44:44" ht="15.75" customHeight="1" x14ac:dyDescent="0.15">
      <c r="AR20362" s="9" ph="1"/>
    </row>
    <row r="20373" spans="44:44" ht="15.75" customHeight="1" x14ac:dyDescent="0.15">
      <c r="AR20373" s="9" ph="1"/>
    </row>
    <row r="20380" spans="44:44" ht="15.75" customHeight="1" x14ac:dyDescent="0.15">
      <c r="AR20380" s="9" ph="1"/>
    </row>
    <row r="20382" spans="44:44" ht="15.75" customHeight="1" x14ac:dyDescent="0.15">
      <c r="AR20382" s="9" ph="1"/>
    </row>
    <row r="20411" spans="44:44" ht="15.75" customHeight="1" x14ac:dyDescent="0.15">
      <c r="AR20411" s="9" ph="1"/>
    </row>
    <row r="20430" spans="44:44" ht="15.75" customHeight="1" x14ac:dyDescent="0.15">
      <c r="AR20430" s="9" ph="1"/>
    </row>
    <row r="20437" spans="44:44" ht="15.75" customHeight="1" x14ac:dyDescent="0.15">
      <c r="AR20437" s="9" ph="1"/>
    </row>
    <row r="20449" spans="44:44" ht="15.75" customHeight="1" x14ac:dyDescent="0.15">
      <c r="AR20449" s="9" ph="1"/>
    </row>
    <row r="20468" spans="44:44" ht="15.75" customHeight="1" x14ac:dyDescent="0.15">
      <c r="AR20468" s="9" ph="1"/>
    </row>
    <row r="20475" spans="44:44" ht="15.75" customHeight="1" x14ac:dyDescent="0.15">
      <c r="AR20475" s="9" ph="1"/>
    </row>
    <row r="20486" spans="44:44" ht="15.75" customHeight="1" x14ac:dyDescent="0.15">
      <c r="AR20486" s="9" ph="1"/>
    </row>
    <row r="20493" spans="44:44" ht="15.75" customHeight="1" x14ac:dyDescent="0.15">
      <c r="AR20493" s="9" ph="1"/>
    </row>
    <row r="20496" spans="44:44" ht="15.75" customHeight="1" x14ac:dyDescent="0.15">
      <c r="AR20496" s="9" ph="1"/>
    </row>
    <row r="20507" spans="44:44" ht="15.75" customHeight="1" x14ac:dyDescent="0.15">
      <c r="AR20507" s="9" ph="1"/>
    </row>
    <row r="20514" spans="44:44" ht="15.75" customHeight="1" x14ac:dyDescent="0.15">
      <c r="AR20514" s="9" ph="1"/>
    </row>
    <row r="20518" spans="44:44" ht="15.75" customHeight="1" x14ac:dyDescent="0.15">
      <c r="AR20518" s="9" ph="1"/>
    </row>
    <row r="20521" spans="44:44" ht="15.75" customHeight="1" x14ac:dyDescent="0.15">
      <c r="AR20521" s="9" ph="1"/>
    </row>
    <row r="20532" spans="44:44" ht="15.75" customHeight="1" x14ac:dyDescent="0.15">
      <c r="AR20532" s="9" ph="1"/>
    </row>
    <row r="20539" spans="44:44" ht="15.75" customHeight="1" x14ac:dyDescent="0.15">
      <c r="AR20539" s="9" ph="1"/>
    </row>
    <row r="20547" spans="44:44" ht="15.75" customHeight="1" x14ac:dyDescent="0.15">
      <c r="AR20547" s="9" ph="1"/>
    </row>
    <row r="20554" spans="44:44" ht="15.75" customHeight="1" x14ac:dyDescent="0.15">
      <c r="AR20554" s="9" ph="1"/>
    </row>
    <row r="20565" spans="44:44" ht="15.75" customHeight="1" x14ac:dyDescent="0.15">
      <c r="AR20565" s="9" ph="1"/>
    </row>
    <row r="20572" spans="44:44" ht="15.75" customHeight="1" x14ac:dyDescent="0.15">
      <c r="AR20572" s="9" ph="1"/>
    </row>
    <row r="20575" spans="44:44" ht="15.75" customHeight="1" x14ac:dyDescent="0.15">
      <c r="AR20575" s="9" ph="1"/>
    </row>
    <row r="20586" spans="44:44" ht="15.75" customHeight="1" x14ac:dyDescent="0.15">
      <c r="AR20586" s="9" ph="1"/>
    </row>
    <row r="20593" spans="44:44" ht="15.75" customHeight="1" x14ac:dyDescent="0.15">
      <c r="AR20593" s="9" ph="1"/>
    </row>
    <row r="20597" spans="44:44" ht="15.75" customHeight="1" x14ac:dyDescent="0.15">
      <c r="AR20597" s="9" ph="1"/>
    </row>
    <row r="20600" spans="44:44" ht="15.75" customHeight="1" x14ac:dyDescent="0.15">
      <c r="AR20600" s="9" ph="1"/>
    </row>
    <row r="20611" spans="44:44" ht="15.75" customHeight="1" x14ac:dyDescent="0.15">
      <c r="AR20611" s="9" ph="1"/>
    </row>
    <row r="20618" spans="44:44" ht="15.75" customHeight="1" x14ac:dyDescent="0.15">
      <c r="AR20618" s="9" ph="1"/>
    </row>
    <row r="20629" spans="44:44" ht="15.75" customHeight="1" x14ac:dyDescent="0.15">
      <c r="AR20629" s="9" ph="1"/>
    </row>
    <row r="20636" spans="44:44" ht="15.75" customHeight="1" x14ac:dyDescent="0.15">
      <c r="AR20636" s="9" ph="1"/>
    </row>
    <row r="20638" spans="44:44" ht="15.75" customHeight="1" x14ac:dyDescent="0.15">
      <c r="AR20638" s="9" ph="1"/>
    </row>
    <row r="20645" spans="44:44" ht="15.75" customHeight="1" x14ac:dyDescent="0.15">
      <c r="AR20645" s="9" ph="1"/>
    </row>
    <row r="20656" spans="44:44" ht="15.75" customHeight="1" x14ac:dyDescent="0.15">
      <c r="AR20656" s="9" ph="1"/>
    </row>
    <row r="20663" spans="44:44" ht="15.75" customHeight="1" x14ac:dyDescent="0.15">
      <c r="AR20663" s="9" ph="1"/>
    </row>
    <row r="20664" spans="44:44" ht="15.75" customHeight="1" x14ac:dyDescent="0.15">
      <c r="AR20664" s="9" ph="1"/>
    </row>
    <row r="20693" spans="44:44" ht="15.75" customHeight="1" x14ac:dyDescent="0.15">
      <c r="AR20693" s="9" ph="1"/>
    </row>
    <row r="20712" spans="44:44" ht="15.75" customHeight="1" x14ac:dyDescent="0.15">
      <c r="AR20712" s="9" ph="1"/>
    </row>
    <row r="20719" spans="44:44" ht="15.75" customHeight="1" x14ac:dyDescent="0.15">
      <c r="AR20719" s="9" ph="1"/>
    </row>
    <row r="20731" spans="44:44" ht="15.75" customHeight="1" x14ac:dyDescent="0.15">
      <c r="AR20731" s="9" ph="1"/>
    </row>
    <row r="20750" spans="44:44" ht="15.75" customHeight="1" x14ac:dyDescent="0.15">
      <c r="AR20750" s="9" ph="1"/>
    </row>
    <row r="20757" spans="44:44" ht="15.75" customHeight="1" x14ac:dyDescent="0.15">
      <c r="AR20757" s="9" ph="1"/>
    </row>
    <row r="20768" spans="44:44" ht="15.75" customHeight="1" x14ac:dyDescent="0.15">
      <c r="AR20768" s="9" ph="1"/>
    </row>
    <row r="20775" spans="44:44" ht="15.75" customHeight="1" x14ac:dyDescent="0.15">
      <c r="AR20775" s="9" ph="1"/>
    </row>
    <row r="20778" spans="44:44" ht="15.75" customHeight="1" x14ac:dyDescent="0.15">
      <c r="AR20778" s="9" ph="1"/>
    </row>
    <row r="20789" spans="44:44" ht="15.75" customHeight="1" x14ac:dyDescent="0.15">
      <c r="AR20789" s="9" ph="1"/>
    </row>
    <row r="20796" spans="44:44" ht="15.75" customHeight="1" x14ac:dyDescent="0.15">
      <c r="AR20796" s="9" ph="1"/>
    </row>
    <row r="20800" spans="44:44" ht="15.75" customHeight="1" x14ac:dyDescent="0.15">
      <c r="AR20800" s="9" ph="1"/>
    </row>
    <row r="20803" spans="44:44" ht="15.75" customHeight="1" x14ac:dyDescent="0.15">
      <c r="AR20803" s="9" ph="1"/>
    </row>
    <row r="20814" spans="44:44" ht="15.75" customHeight="1" x14ac:dyDescent="0.15">
      <c r="AR20814" s="9" ph="1"/>
    </row>
    <row r="20821" spans="44:44" ht="15.75" customHeight="1" x14ac:dyDescent="0.15">
      <c r="AR20821" s="9" ph="1"/>
    </row>
    <row r="20829" spans="44:44" ht="15.75" customHeight="1" x14ac:dyDescent="0.15">
      <c r="AR20829" s="9" ph="1"/>
    </row>
    <row r="20836" spans="44:44" ht="15.75" customHeight="1" x14ac:dyDescent="0.15">
      <c r="AR20836" s="9" ph="1"/>
    </row>
    <row r="20847" spans="44:44" ht="15.75" customHeight="1" x14ac:dyDescent="0.15">
      <c r="AR20847" s="9" ph="1"/>
    </row>
    <row r="20854" spans="44:44" ht="15.75" customHeight="1" x14ac:dyDescent="0.15">
      <c r="AR20854" s="9" ph="1"/>
    </row>
    <row r="20857" spans="44:44" ht="15.75" customHeight="1" x14ac:dyDescent="0.15">
      <c r="AR20857" s="9" ph="1"/>
    </row>
    <row r="20868" spans="44:44" ht="15.75" customHeight="1" x14ac:dyDescent="0.15">
      <c r="AR20868" s="9" ph="1"/>
    </row>
    <row r="20875" spans="44:44" ht="15.75" customHeight="1" x14ac:dyDescent="0.15">
      <c r="AR20875" s="9" ph="1"/>
    </row>
    <row r="20879" spans="44:44" ht="15.75" customHeight="1" x14ac:dyDescent="0.15">
      <c r="AR20879" s="9" ph="1"/>
    </row>
    <row r="20882" spans="44:44" ht="15.75" customHeight="1" x14ac:dyDescent="0.15">
      <c r="AR20882" s="9" ph="1"/>
    </row>
    <row r="20893" spans="44:44" ht="15.75" customHeight="1" x14ac:dyDescent="0.15">
      <c r="AR20893" s="9" ph="1"/>
    </row>
    <row r="20900" spans="44:44" ht="15.75" customHeight="1" x14ac:dyDescent="0.15">
      <c r="AR20900" s="9" ph="1"/>
    </row>
    <row r="20911" spans="44:44" ht="15.75" customHeight="1" x14ac:dyDescent="0.15">
      <c r="AR20911" s="9" ph="1"/>
    </row>
    <row r="20918" spans="44:44" ht="15.75" customHeight="1" x14ac:dyDescent="0.15">
      <c r="AR20918" s="9" ph="1"/>
    </row>
    <row r="20920" spans="44:44" ht="15.75" customHeight="1" x14ac:dyDescent="0.15">
      <c r="AR20920" s="9" ph="1"/>
    </row>
    <row r="20927" spans="44:44" ht="15.75" customHeight="1" x14ac:dyDescent="0.15">
      <c r="AR20927" s="9" ph="1"/>
    </row>
    <row r="20938" spans="44:44" ht="15.75" customHeight="1" x14ac:dyDescent="0.15">
      <c r="AR20938" s="9" ph="1"/>
    </row>
    <row r="20945" spans="44:44" ht="15.75" customHeight="1" x14ac:dyDescent="0.15">
      <c r="AR20945" s="9" ph="1"/>
    </row>
    <row r="20947" spans="44:44" ht="15.75" customHeight="1" x14ac:dyDescent="0.15">
      <c r="AR20947" s="9" ph="1"/>
    </row>
    <row r="20949" spans="44:44" ht="15.75" customHeight="1" x14ac:dyDescent="0.15">
      <c r="AR20949" s="9" ph="1"/>
    </row>
    <row r="20956" spans="44:44" ht="15.75" customHeight="1" x14ac:dyDescent="0.15">
      <c r="AR20956" s="9" ph="1"/>
    </row>
    <row r="20967" spans="44:44" ht="15.75" customHeight="1" x14ac:dyDescent="0.15">
      <c r="AR20967" s="9" ph="1"/>
    </row>
    <row r="20974" spans="44:44" ht="15.75" customHeight="1" x14ac:dyDescent="0.15">
      <c r="AR20974" s="9" ph="1"/>
    </row>
    <row r="20975" spans="44:44" ht="15.75" customHeight="1" x14ac:dyDescent="0.15">
      <c r="AR20975" s="9" ph="1"/>
    </row>
    <row r="21004" spans="44:44" ht="15.75" customHeight="1" x14ac:dyDescent="0.15">
      <c r="AR21004" s="9" ph="1"/>
    </row>
    <row r="21023" spans="44:44" ht="15.75" customHeight="1" x14ac:dyDescent="0.15">
      <c r="AR21023" s="9" ph="1"/>
    </row>
    <row r="21030" spans="44:44" ht="15.75" customHeight="1" x14ac:dyDescent="0.15">
      <c r="AR21030" s="9" ph="1"/>
    </row>
    <row r="21042" spans="44:44" ht="15.75" customHeight="1" x14ac:dyDescent="0.15">
      <c r="AR21042" s="9" ph="1"/>
    </row>
    <row r="21061" spans="44:44" ht="15.75" customHeight="1" x14ac:dyDescent="0.15">
      <c r="AR21061" s="9" ph="1"/>
    </row>
    <row r="21068" spans="44:44" ht="15.75" customHeight="1" x14ac:dyDescent="0.15">
      <c r="AR21068" s="9" ph="1"/>
    </row>
    <row r="21079" spans="44:44" ht="15.75" customHeight="1" x14ac:dyDescent="0.15">
      <c r="AR21079" s="9" ph="1"/>
    </row>
    <row r="21086" spans="44:44" ht="15.75" customHeight="1" x14ac:dyDescent="0.15">
      <c r="AR21086" s="9" ph="1"/>
    </row>
    <row r="21089" spans="44:44" ht="15.75" customHeight="1" x14ac:dyDescent="0.15">
      <c r="AR21089" s="9" ph="1"/>
    </row>
    <row r="21100" spans="44:44" ht="15.75" customHeight="1" x14ac:dyDescent="0.15">
      <c r="AR21100" s="9" ph="1"/>
    </row>
    <row r="21107" spans="44:44" ht="15.75" customHeight="1" x14ac:dyDescent="0.15">
      <c r="AR21107" s="9" ph="1"/>
    </row>
    <row r="21111" spans="44:44" ht="15.75" customHeight="1" x14ac:dyDescent="0.15">
      <c r="AR21111" s="9" ph="1"/>
    </row>
    <row r="21114" spans="44:44" ht="15.75" customHeight="1" x14ac:dyDescent="0.15">
      <c r="AR21114" s="9" ph="1"/>
    </row>
    <row r="21125" spans="44:44" ht="15.75" customHeight="1" x14ac:dyDescent="0.15">
      <c r="AR21125" s="9" ph="1"/>
    </row>
    <row r="21132" spans="44:44" ht="15.75" customHeight="1" x14ac:dyDescent="0.15">
      <c r="AR21132" s="9" ph="1"/>
    </row>
    <row r="21140" spans="44:44" ht="15.75" customHeight="1" x14ac:dyDescent="0.15">
      <c r="AR21140" s="9" ph="1"/>
    </row>
    <row r="21147" spans="44:44" ht="15.75" customHeight="1" x14ac:dyDescent="0.15">
      <c r="AR21147" s="9" ph="1"/>
    </row>
    <row r="21158" spans="44:44" ht="15.75" customHeight="1" x14ac:dyDescent="0.15">
      <c r="AR21158" s="9" ph="1"/>
    </row>
    <row r="21165" spans="44:44" ht="15.75" customHeight="1" x14ac:dyDescent="0.15">
      <c r="AR21165" s="9" ph="1"/>
    </row>
    <row r="21168" spans="44:44" ht="15.75" customHeight="1" x14ac:dyDescent="0.15">
      <c r="AR21168" s="9" ph="1"/>
    </row>
    <row r="21179" spans="44:44" ht="15.75" customHeight="1" x14ac:dyDescent="0.15">
      <c r="AR21179" s="9" ph="1"/>
    </row>
    <row r="21186" spans="44:44" ht="15.75" customHeight="1" x14ac:dyDescent="0.15">
      <c r="AR21186" s="9" ph="1"/>
    </row>
    <row r="21190" spans="44:44" ht="15.75" customHeight="1" x14ac:dyDescent="0.15">
      <c r="AR21190" s="9" ph="1"/>
    </row>
    <row r="21193" spans="44:44" ht="15.75" customHeight="1" x14ac:dyDescent="0.15">
      <c r="AR21193" s="9" ph="1"/>
    </row>
    <row r="21204" spans="44:44" ht="15.75" customHeight="1" x14ac:dyDescent="0.15">
      <c r="AR21204" s="9" ph="1"/>
    </row>
    <row r="21211" spans="44:44" ht="15.75" customHeight="1" x14ac:dyDescent="0.15">
      <c r="AR21211" s="9" ph="1"/>
    </row>
    <row r="21222" spans="44:44" ht="15.75" customHeight="1" x14ac:dyDescent="0.15">
      <c r="AR21222" s="9" ph="1"/>
    </row>
    <row r="21229" spans="44:44" ht="15.75" customHeight="1" x14ac:dyDescent="0.15">
      <c r="AR21229" s="9" ph="1"/>
    </row>
    <row r="21231" spans="44:44" ht="15.75" customHeight="1" x14ac:dyDescent="0.15">
      <c r="AR21231" s="9" ph="1"/>
    </row>
    <row r="21238" spans="44:44" ht="15.75" customHeight="1" x14ac:dyDescent="0.15">
      <c r="AR21238" s="9" ph="1"/>
    </row>
    <row r="21249" spans="44:44" ht="15.75" customHeight="1" x14ac:dyDescent="0.15">
      <c r="AR21249" s="9" ph="1"/>
    </row>
    <row r="21256" spans="44:44" ht="15.75" customHeight="1" x14ac:dyDescent="0.15">
      <c r="AR21256" s="9" ph="1"/>
    </row>
    <row r="21257" spans="44:44" ht="15.75" customHeight="1" x14ac:dyDescent="0.15">
      <c r="AR21257" s="9" ph="1"/>
    </row>
    <row r="21264" spans="44:44" ht="15.75" customHeight="1" x14ac:dyDescent="0.15">
      <c r="AR21264" s="9" ph="1"/>
    </row>
    <row r="21267" spans="44:44" ht="15.75" customHeight="1" x14ac:dyDescent="0.15">
      <c r="AR21267" s="9" ph="1"/>
    </row>
    <row r="21278" spans="44:44" ht="15.75" customHeight="1" x14ac:dyDescent="0.15">
      <c r="AR21278" s="9" ph="1"/>
    </row>
    <row r="21285" spans="44:44" ht="15.75" customHeight="1" x14ac:dyDescent="0.15">
      <c r="AR21285" s="9" ph="1"/>
    </row>
    <row r="21289" spans="44:44" ht="15.75" customHeight="1" x14ac:dyDescent="0.15">
      <c r="AR21289" s="9" ph="1"/>
    </row>
    <row r="21292" spans="44:44" ht="15.75" customHeight="1" x14ac:dyDescent="0.15">
      <c r="AR21292" s="9" ph="1"/>
    </row>
    <row r="21303" spans="44:44" ht="15.75" customHeight="1" x14ac:dyDescent="0.15">
      <c r="AR21303" s="9" ph="1"/>
    </row>
    <row r="21310" spans="44:44" ht="15.75" customHeight="1" x14ac:dyDescent="0.15">
      <c r="AR21310" s="9" ph="1"/>
    </row>
    <row r="21318" spans="44:44" ht="15.75" customHeight="1" x14ac:dyDescent="0.15">
      <c r="AR21318" s="9" ph="1"/>
    </row>
    <row r="21325" spans="44:44" ht="15.75" customHeight="1" x14ac:dyDescent="0.15">
      <c r="AR21325" s="9" ph="1"/>
    </row>
    <row r="21336" spans="44:44" ht="15.75" customHeight="1" x14ac:dyDescent="0.15">
      <c r="AR21336" s="9" ph="1"/>
    </row>
    <row r="21343" spans="44:44" ht="15.75" customHeight="1" x14ac:dyDescent="0.15">
      <c r="AR21343" s="9" ph="1"/>
    </row>
    <row r="21346" spans="44:44" ht="15.75" customHeight="1" x14ac:dyDescent="0.15">
      <c r="AR21346" s="9" ph="1"/>
    </row>
    <row r="21357" spans="44:44" ht="15.75" customHeight="1" x14ac:dyDescent="0.15">
      <c r="AR21357" s="9" ph="1"/>
    </row>
    <row r="21364" spans="44:44" ht="15.75" customHeight="1" x14ac:dyDescent="0.15">
      <c r="AR21364" s="9" ph="1"/>
    </row>
    <row r="21368" spans="44:44" ht="15.75" customHeight="1" x14ac:dyDescent="0.15">
      <c r="AR21368" s="9" ph="1"/>
    </row>
    <row r="21371" spans="44:44" ht="15.75" customHeight="1" x14ac:dyDescent="0.15">
      <c r="AR21371" s="9" ph="1"/>
    </row>
    <row r="21382" spans="44:44" ht="15.75" customHeight="1" x14ac:dyDescent="0.15">
      <c r="AR21382" s="9" ph="1"/>
    </row>
    <row r="21389" spans="44:44" ht="15.75" customHeight="1" x14ac:dyDescent="0.15">
      <c r="AR21389" s="9" ph="1"/>
    </row>
    <row r="21400" spans="44:44" ht="15.75" customHeight="1" x14ac:dyDescent="0.15">
      <c r="AR21400" s="9" ph="1"/>
    </row>
    <row r="21407" spans="44:44" ht="15.75" customHeight="1" x14ac:dyDescent="0.15">
      <c r="AR21407" s="9" ph="1"/>
    </row>
    <row r="21409" spans="44:44" ht="15.75" customHeight="1" x14ac:dyDescent="0.15">
      <c r="AR21409" s="9" ph="1"/>
    </row>
    <row r="21416" spans="44:44" ht="15.75" customHeight="1" x14ac:dyDescent="0.15">
      <c r="AR21416" s="9" ph="1"/>
    </row>
    <row r="21427" spans="44:44" ht="15.75" customHeight="1" x14ac:dyDescent="0.15">
      <c r="AR21427" s="9" ph="1"/>
    </row>
    <row r="21434" spans="44:44" ht="15.75" customHeight="1" x14ac:dyDescent="0.15">
      <c r="AR21434" s="9" ph="1"/>
    </row>
    <row r="21436" spans="44:44" ht="15.75" customHeight="1" x14ac:dyDescent="0.15">
      <c r="AR21436" s="9" ph="1"/>
    </row>
    <row r="21443" spans="44:44" ht="15.75" customHeight="1" x14ac:dyDescent="0.15">
      <c r="AR21443" s="9" ph="1"/>
    </row>
    <row r="21447" spans="44:44" ht="15.75" customHeight="1" x14ac:dyDescent="0.15">
      <c r="AR21447" s="9" ph="1"/>
    </row>
    <row r="21450" spans="44:44" ht="15.75" customHeight="1" x14ac:dyDescent="0.15">
      <c r="AR21450" s="9" ph="1"/>
    </row>
    <row r="21461" spans="44:44" ht="15.75" customHeight="1" x14ac:dyDescent="0.15">
      <c r="AR21461" s="9" ph="1"/>
    </row>
    <row r="21468" spans="44:44" ht="15.75" customHeight="1" x14ac:dyDescent="0.15">
      <c r="AR21468" s="9" ph="1"/>
    </row>
    <row r="21479" spans="44:44" ht="15.75" customHeight="1" x14ac:dyDescent="0.15">
      <c r="AR21479" s="9" ph="1"/>
    </row>
    <row r="21486" spans="44:44" ht="15.75" customHeight="1" x14ac:dyDescent="0.15">
      <c r="AR21486" s="9" ph="1"/>
    </row>
    <row r="21488" spans="44:44" ht="15.75" customHeight="1" x14ac:dyDescent="0.15">
      <c r="AR21488" s="9" ph="1"/>
    </row>
    <row r="21495" spans="44:44" ht="15.75" customHeight="1" x14ac:dyDescent="0.15">
      <c r="AR21495" s="9" ph="1"/>
    </row>
    <row r="21506" spans="44:44" ht="15.75" customHeight="1" x14ac:dyDescent="0.15">
      <c r="AR21506" s="9" ph="1"/>
    </row>
    <row r="21513" spans="44:44" ht="15.75" customHeight="1" x14ac:dyDescent="0.15">
      <c r="AR21513" s="9" ph="1"/>
    </row>
    <row r="21524" spans="44:44" ht="15.75" customHeight="1" x14ac:dyDescent="0.15">
      <c r="AR21524" s="9" ph="1"/>
    </row>
    <row r="21531" spans="44:44" ht="15.75" customHeight="1" x14ac:dyDescent="0.15">
      <c r="AR21531" s="9" ph="1"/>
    </row>
    <row r="21542" spans="44:44" ht="15.75" customHeight="1" x14ac:dyDescent="0.15">
      <c r="AR21542" s="9" ph="1"/>
    </row>
    <row r="21549" spans="44:44" ht="15.75" customHeight="1" x14ac:dyDescent="0.15">
      <c r="AR21549" s="9" ph="1"/>
    </row>
    <row r="21551" spans="44:44" ht="15.75" customHeight="1" x14ac:dyDescent="0.15">
      <c r="AR21551" s="9" ph="1"/>
    </row>
    <row r="21558" spans="44:44" ht="15.75" customHeight="1" x14ac:dyDescent="0.15">
      <c r="AR21558" s="9" ph="1"/>
    </row>
    <row r="21569" spans="44:44" ht="15.75" customHeight="1" x14ac:dyDescent="0.15">
      <c r="AR21569" s="9" ph="1"/>
    </row>
    <row r="21576" spans="44:44" ht="15.75" customHeight="1" x14ac:dyDescent="0.15">
      <c r="AR21576" s="9" ph="1"/>
    </row>
    <row r="21578" spans="44:44" ht="15.75" customHeight="1" x14ac:dyDescent="0.15">
      <c r="AR21578" s="9" ph="1"/>
    </row>
    <row r="21581" spans="44:44" ht="15.75" customHeight="1" x14ac:dyDescent="0.15">
      <c r="AR21581" s="9" ph="1"/>
    </row>
    <row r="21592" spans="44:44" ht="15.75" customHeight="1" x14ac:dyDescent="0.15">
      <c r="AR21592" s="9" ph="1"/>
    </row>
    <row r="21599" spans="44:44" ht="15.75" customHeight="1" x14ac:dyDescent="0.15">
      <c r="AR21599" s="9" ph="1"/>
    </row>
    <row r="21610" spans="44:44" ht="15.75" customHeight="1" x14ac:dyDescent="0.15">
      <c r="AR21610" s="9" ph="1"/>
    </row>
    <row r="21617" spans="44:44" ht="15.75" customHeight="1" x14ac:dyDescent="0.15">
      <c r="AR21617" s="9" ph="1"/>
    </row>
    <row r="21619" spans="44:44" ht="15.75" customHeight="1" x14ac:dyDescent="0.15">
      <c r="AR21619" s="9" ph="1"/>
    </row>
    <row r="21626" spans="44:44" ht="15.75" customHeight="1" x14ac:dyDescent="0.15">
      <c r="AR21626" s="9" ph="1"/>
    </row>
    <row r="21637" spans="44:44" ht="15.75" customHeight="1" x14ac:dyDescent="0.15">
      <c r="AR21637" s="9" ph="1"/>
    </row>
    <row r="21644" spans="44:44" ht="15.75" customHeight="1" x14ac:dyDescent="0.15">
      <c r="AR21644" s="9" ph="1"/>
    </row>
    <row r="21646" spans="44:44" ht="15.75" customHeight="1" x14ac:dyDescent="0.15">
      <c r="AR21646" s="9" ph="1"/>
    </row>
    <row r="21653" spans="44:44" ht="15.75" customHeight="1" x14ac:dyDescent="0.15">
      <c r="AR21653" s="9" ph="1"/>
    </row>
    <row r="21657" spans="44:44" ht="15.75" customHeight="1" x14ac:dyDescent="0.15">
      <c r="AR21657" s="9" ph="1"/>
    </row>
    <row r="21660" spans="44:44" ht="15.75" customHeight="1" x14ac:dyDescent="0.15">
      <c r="AR21660" s="9" ph="1"/>
    </row>
    <row r="21671" spans="44:44" ht="15.75" customHeight="1" x14ac:dyDescent="0.15">
      <c r="AR21671" s="9" ph="1"/>
    </row>
    <row r="21678" spans="44:44" ht="15.75" customHeight="1" x14ac:dyDescent="0.15">
      <c r="AR21678" s="9" ph="1"/>
    </row>
    <row r="21689" spans="44:44" ht="15.75" customHeight="1" x14ac:dyDescent="0.15">
      <c r="AR21689" s="9" ph="1"/>
    </row>
    <row r="21696" spans="44:44" ht="15.75" customHeight="1" x14ac:dyDescent="0.15">
      <c r="AR21696" s="9" ph="1"/>
    </row>
    <row r="21698" spans="44:44" ht="15.75" customHeight="1" x14ac:dyDescent="0.15">
      <c r="AR21698" s="9" ph="1"/>
    </row>
    <row r="21705" spans="44:44" ht="15.75" customHeight="1" x14ac:dyDescent="0.15">
      <c r="AR21705" s="9" ph="1"/>
    </row>
    <row r="21716" spans="44:44" ht="15.75" customHeight="1" x14ac:dyDescent="0.15">
      <c r="AR21716" s="9" ph="1"/>
    </row>
    <row r="21723" spans="44:44" ht="15.75" customHeight="1" x14ac:dyDescent="0.15">
      <c r="AR21723" s="9" ph="1"/>
    </row>
    <row r="21734" spans="44:44" ht="15.75" customHeight="1" x14ac:dyDescent="0.15">
      <c r="AR21734" s="9" ph="1"/>
    </row>
    <row r="21741" spans="44:44" ht="15.75" customHeight="1" x14ac:dyDescent="0.15">
      <c r="AR21741" s="9" ph="1"/>
    </row>
    <row r="21752" spans="44:44" ht="15.75" customHeight="1" x14ac:dyDescent="0.15">
      <c r="AR21752" s="9" ph="1"/>
    </row>
    <row r="21759" spans="44:44" ht="15.75" customHeight="1" x14ac:dyDescent="0.15">
      <c r="AR21759" s="9" ph="1"/>
    </row>
    <row r="21761" spans="44:44" ht="15.75" customHeight="1" x14ac:dyDescent="0.15">
      <c r="AR21761" s="9" ph="1"/>
    </row>
    <row r="21768" spans="44:44" ht="15.75" customHeight="1" x14ac:dyDescent="0.15">
      <c r="AR21768" s="9" ph="1"/>
    </row>
    <row r="21779" spans="44:44" ht="15.75" customHeight="1" x14ac:dyDescent="0.15">
      <c r="AR21779" s="9" ph="1"/>
    </row>
    <row r="21786" spans="44:44" ht="15.75" customHeight="1" x14ac:dyDescent="0.15">
      <c r="AR21786" s="9" ph="1"/>
    </row>
    <row r="21792" spans="44:44" ht="15.75" customHeight="1" x14ac:dyDescent="0.15">
      <c r="AR21792" s="9" ph="1"/>
    </row>
    <row r="21794" spans="44:44" ht="15.75" customHeight="1" x14ac:dyDescent="0.15">
      <c r="AR21794" s="9" ph="1"/>
    </row>
    <row r="21801" spans="44:44" ht="15.75" customHeight="1" x14ac:dyDescent="0.15">
      <c r="AR21801" s="9" ph="1"/>
    </row>
    <row r="21812" spans="44:44" ht="15.75" customHeight="1" x14ac:dyDescent="0.15">
      <c r="AR21812" s="9" ph="1"/>
    </row>
    <row r="21819" spans="44:44" ht="15.75" customHeight="1" x14ac:dyDescent="0.15">
      <c r="AR21819" s="9" ph="1"/>
    </row>
    <row r="21821" spans="44:44" ht="15.75" customHeight="1" x14ac:dyDescent="0.15">
      <c r="AR21821" s="9" ph="1"/>
    </row>
    <row r="21824" spans="44:44" ht="15.75" customHeight="1" x14ac:dyDescent="0.15">
      <c r="AR21824" s="9" ph="1"/>
    </row>
    <row r="21835" spans="44:44" ht="15.75" customHeight="1" x14ac:dyDescent="0.15">
      <c r="AR21835" s="9" ph="1"/>
    </row>
    <row r="21842" spans="44:44" ht="15.75" customHeight="1" x14ac:dyDescent="0.15">
      <c r="AR21842" s="9" ph="1"/>
    </row>
    <row r="21853" spans="44:44" ht="15.75" customHeight="1" x14ac:dyDescent="0.15">
      <c r="AR21853" s="9" ph="1"/>
    </row>
    <row r="21860" spans="44:44" ht="15.75" customHeight="1" x14ac:dyDescent="0.15">
      <c r="AR21860" s="9" ph="1"/>
    </row>
    <row r="21862" spans="44:44" ht="15.75" customHeight="1" x14ac:dyDescent="0.15">
      <c r="AR21862" s="9" ph="1"/>
    </row>
    <row r="21869" spans="44:44" ht="15.75" customHeight="1" x14ac:dyDescent="0.15">
      <c r="AR21869" s="9" ph="1"/>
    </row>
    <row r="21880" spans="44:44" ht="15.75" customHeight="1" x14ac:dyDescent="0.15">
      <c r="AR21880" s="9" ph="1"/>
    </row>
    <row r="21887" spans="44:44" ht="15.75" customHeight="1" x14ac:dyDescent="0.15">
      <c r="AR21887" s="9" ph="1"/>
    </row>
    <row r="21889" spans="44:44" ht="15.75" customHeight="1" x14ac:dyDescent="0.15">
      <c r="AR21889" s="9" ph="1"/>
    </row>
    <row r="21896" spans="44:44" ht="15.75" customHeight="1" x14ac:dyDescent="0.15">
      <c r="AR21896" s="9" ph="1"/>
    </row>
    <row r="21900" spans="44:44" ht="15.75" customHeight="1" x14ac:dyDescent="0.15">
      <c r="AR21900" s="9" ph="1"/>
    </row>
    <row r="21903" spans="44:44" ht="15.75" customHeight="1" x14ac:dyDescent="0.15">
      <c r="AR21903" s="9" ph="1"/>
    </row>
    <row r="21914" spans="44:44" ht="15.75" customHeight="1" x14ac:dyDescent="0.15">
      <c r="AR21914" s="9" ph="1"/>
    </row>
    <row r="21921" spans="44:44" ht="15.75" customHeight="1" x14ac:dyDescent="0.15">
      <c r="AR21921" s="9" ph="1"/>
    </row>
    <row r="21932" spans="44:44" ht="15.75" customHeight="1" x14ac:dyDescent="0.15">
      <c r="AR21932" s="9" ph="1"/>
    </row>
    <row r="21939" spans="44:44" ht="15.75" customHeight="1" x14ac:dyDescent="0.15">
      <c r="AR21939" s="9" ph="1"/>
    </row>
    <row r="21941" spans="44:44" ht="15.75" customHeight="1" x14ac:dyDescent="0.15">
      <c r="AR21941" s="9" ph="1"/>
    </row>
    <row r="21948" spans="44:44" ht="15.75" customHeight="1" x14ac:dyDescent="0.15">
      <c r="AR21948" s="9" ph="1"/>
    </row>
    <row r="21959" spans="44:44" ht="15.75" customHeight="1" x14ac:dyDescent="0.15">
      <c r="AR21959" s="9" ph="1"/>
    </row>
    <row r="21966" spans="44:44" ht="15.75" customHeight="1" x14ac:dyDescent="0.15">
      <c r="AR21966" s="9" ph="1"/>
    </row>
    <row r="21977" spans="44:44" ht="15.75" customHeight="1" x14ac:dyDescent="0.15">
      <c r="AR21977" s="9" ph="1"/>
    </row>
    <row r="21984" spans="44:44" ht="15.75" customHeight="1" x14ac:dyDescent="0.15">
      <c r="AR21984" s="9" ph="1"/>
    </row>
    <row r="21995" spans="44:44" ht="15.75" customHeight="1" x14ac:dyDescent="0.15">
      <c r="AR21995" s="9" ph="1"/>
    </row>
    <row r="22002" spans="44:44" ht="15.75" customHeight="1" x14ac:dyDescent="0.15">
      <c r="AR22002" s="9" ph="1"/>
    </row>
    <row r="22004" spans="44:44" ht="15.75" customHeight="1" x14ac:dyDescent="0.15">
      <c r="AR22004" s="9" ph="1"/>
    </row>
    <row r="22011" spans="44:44" ht="15.75" customHeight="1" x14ac:dyDescent="0.15">
      <c r="AR22011" s="9" ph="1"/>
    </row>
    <row r="22022" spans="44:44" ht="15.75" customHeight="1" x14ac:dyDescent="0.15">
      <c r="AR22022" s="9" ph="1"/>
    </row>
    <row r="22029" spans="44:44" ht="15.75" customHeight="1" x14ac:dyDescent="0.15">
      <c r="AR22029" s="9" ph="1"/>
    </row>
    <row r="22036" spans="44:44" ht="15.75" customHeight="1" x14ac:dyDescent="0.15">
      <c r="AR22036" s="9" ph="1"/>
    </row>
    <row r="22038" spans="44:44" ht="15.75" customHeight="1" x14ac:dyDescent="0.15">
      <c r="AR22038" s="9" ph="1"/>
    </row>
    <row r="22045" spans="44:44" ht="15.75" customHeight="1" x14ac:dyDescent="0.15">
      <c r="AR22045" s="9" ph="1"/>
    </row>
    <row r="22049" spans="44:44" ht="15.75" customHeight="1" x14ac:dyDescent="0.15">
      <c r="AR22049" s="9" ph="1"/>
    </row>
    <row r="22052" spans="44:44" ht="15.75" customHeight="1" x14ac:dyDescent="0.15">
      <c r="AR22052" s="9" ph="1"/>
    </row>
    <row r="22063" spans="44:44" ht="15.75" customHeight="1" x14ac:dyDescent="0.15">
      <c r="AR22063" s="9" ph="1"/>
    </row>
    <row r="22070" spans="44:44" ht="15.75" customHeight="1" x14ac:dyDescent="0.15">
      <c r="AR22070" s="9" ph="1"/>
    </row>
    <row r="22081" spans="44:44" ht="15.75" customHeight="1" x14ac:dyDescent="0.15">
      <c r="AR22081" s="9" ph="1"/>
    </row>
    <row r="22088" spans="44:44" ht="15.75" customHeight="1" x14ac:dyDescent="0.15">
      <c r="AR22088" s="9" ph="1"/>
    </row>
    <row r="22090" spans="44:44" ht="15.75" customHeight="1" x14ac:dyDescent="0.15">
      <c r="AR22090" s="9" ph="1"/>
    </row>
    <row r="22097" spans="44:44" ht="15.75" customHeight="1" x14ac:dyDescent="0.15">
      <c r="AR22097" s="9" ph="1"/>
    </row>
    <row r="22108" spans="44:44" ht="15.75" customHeight="1" x14ac:dyDescent="0.15">
      <c r="AR22108" s="9" ph="1"/>
    </row>
    <row r="22115" spans="44:44" ht="15.75" customHeight="1" x14ac:dyDescent="0.15">
      <c r="AR22115" s="9" ph="1"/>
    </row>
    <row r="22126" spans="44:44" ht="15.75" customHeight="1" x14ac:dyDescent="0.15">
      <c r="AR22126" s="9" ph="1"/>
    </row>
    <row r="22133" spans="44:44" ht="15.75" customHeight="1" x14ac:dyDescent="0.15">
      <c r="AR22133" s="9" ph="1"/>
    </row>
    <row r="22144" spans="44:44" ht="15.75" customHeight="1" x14ac:dyDescent="0.15">
      <c r="AR22144" s="9" ph="1"/>
    </row>
    <row r="22151" spans="44:44" ht="15.75" customHeight="1" x14ac:dyDescent="0.15">
      <c r="AR22151" s="9" ph="1"/>
    </row>
    <row r="22153" spans="44:44" ht="15.75" customHeight="1" x14ac:dyDescent="0.15">
      <c r="AR22153" s="9" ph="1"/>
    </row>
    <row r="22160" spans="44:44" ht="15.75" customHeight="1" x14ac:dyDescent="0.15">
      <c r="AR22160" s="9" ph="1"/>
    </row>
    <row r="22171" spans="44:44" ht="15.75" customHeight="1" x14ac:dyDescent="0.15">
      <c r="AR22171" s="9" ph="1"/>
    </row>
    <row r="22178" spans="44:44" ht="15.75" customHeight="1" x14ac:dyDescent="0.15">
      <c r="AR22178" s="9" ph="1"/>
    </row>
    <row r="22188" spans="44:44" ht="15.75" customHeight="1" x14ac:dyDescent="0.15">
      <c r="AR22188" s="9" ph="1"/>
    </row>
    <row r="22195" spans="44:44" ht="15.75" customHeight="1" x14ac:dyDescent="0.15">
      <c r="AR22195" s="9" ph="1"/>
    </row>
    <row r="22202" spans="44:44" ht="15.75" customHeight="1" x14ac:dyDescent="0.15">
      <c r="AR22202" s="9" ph="1"/>
    </row>
    <row r="22204" spans="44:44" ht="15.75" customHeight="1" x14ac:dyDescent="0.15">
      <c r="AR22204" s="9" ph="1"/>
    </row>
    <row r="22211" spans="44:44" ht="15.75" customHeight="1" x14ac:dyDescent="0.15">
      <c r="AR22211" s="9" ph="1"/>
    </row>
    <row r="22215" spans="44:44" ht="15.75" customHeight="1" x14ac:dyDescent="0.15">
      <c r="AR22215" s="9" ph="1"/>
    </row>
    <row r="22218" spans="44:44" ht="15.75" customHeight="1" x14ac:dyDescent="0.15">
      <c r="AR22218" s="9" ph="1"/>
    </row>
    <row r="22229" spans="44:44" ht="15.75" customHeight="1" x14ac:dyDescent="0.15">
      <c r="AR22229" s="9" ph="1"/>
    </row>
    <row r="22236" spans="44:44" ht="15.75" customHeight="1" x14ac:dyDescent="0.15">
      <c r="AR22236" s="9" ph="1"/>
    </row>
    <row r="22247" spans="44:44" ht="15.75" customHeight="1" x14ac:dyDescent="0.15">
      <c r="AR22247" s="9" ph="1"/>
    </row>
    <row r="22254" spans="44:44" ht="15.75" customHeight="1" x14ac:dyDescent="0.15">
      <c r="AR22254" s="9" ph="1"/>
    </row>
    <row r="22256" spans="44:44" ht="15.75" customHeight="1" x14ac:dyDescent="0.15">
      <c r="AR22256" s="9" ph="1"/>
    </row>
    <row r="22263" spans="44:44" ht="15.75" customHeight="1" x14ac:dyDescent="0.15">
      <c r="AR22263" s="9" ph="1"/>
    </row>
    <row r="22274" spans="44:44" ht="15.75" customHeight="1" x14ac:dyDescent="0.15">
      <c r="AR22274" s="9" ph="1"/>
    </row>
    <row r="22281" spans="44:44" ht="15.75" customHeight="1" x14ac:dyDescent="0.15">
      <c r="AR22281" s="9" ph="1"/>
    </row>
    <row r="22292" spans="44:44" ht="15.75" customHeight="1" x14ac:dyDescent="0.15">
      <c r="AR22292" s="9" ph="1"/>
    </row>
    <row r="22299" spans="44:44" ht="15.75" customHeight="1" x14ac:dyDescent="0.15">
      <c r="AR22299" s="9" ph="1"/>
    </row>
    <row r="22310" spans="44:44" ht="15.75" customHeight="1" x14ac:dyDescent="0.15">
      <c r="AR22310" s="9" ph="1"/>
    </row>
    <row r="22317" spans="44:44" ht="15.75" customHeight="1" x14ac:dyDescent="0.15">
      <c r="AR22317" s="9" ph="1"/>
    </row>
    <row r="22319" spans="44:44" ht="15.75" customHeight="1" x14ac:dyDescent="0.15">
      <c r="AR22319" s="9" ph="1"/>
    </row>
    <row r="22326" spans="44:44" ht="15.75" customHeight="1" x14ac:dyDescent="0.15">
      <c r="AR22326" s="9" ph="1"/>
    </row>
    <row r="22337" spans="44:44" ht="15.75" customHeight="1" x14ac:dyDescent="0.15">
      <c r="AR22337" s="9" ph="1"/>
    </row>
    <row r="22344" spans="44:44" ht="15.75" customHeight="1" x14ac:dyDescent="0.15">
      <c r="AR22344" s="9" ph="1"/>
    </row>
    <row r="22349" spans="44:44" ht="15.75" customHeight="1" x14ac:dyDescent="0.15">
      <c r="AR22349" s="9" ph="1"/>
    </row>
    <row r="22356" spans="44:44" ht="15.75" customHeight="1" x14ac:dyDescent="0.15">
      <c r="AR22356" s="9" ph="1"/>
    </row>
    <row r="22358" spans="44:44" ht="15.75" customHeight="1" x14ac:dyDescent="0.15">
      <c r="AR22358" s="9" ph="1"/>
    </row>
    <row r="22365" spans="44:44" ht="15.75" customHeight="1" x14ac:dyDescent="0.15">
      <c r="AR22365" s="9" ph="1"/>
    </row>
    <row r="22376" spans="44:44" ht="15.75" customHeight="1" x14ac:dyDescent="0.15">
      <c r="AR22376" s="9" ph="1"/>
    </row>
    <row r="22383" spans="44:44" ht="15.75" customHeight="1" x14ac:dyDescent="0.15">
      <c r="AR22383" s="9" ph="1"/>
    </row>
    <row r="22384" spans="44:44" ht="15.75" customHeight="1" x14ac:dyDescent="0.15">
      <c r="AR22384" s="9" ph="1"/>
    </row>
    <row r="22386" spans="44:44" ht="15.75" customHeight="1" x14ac:dyDescent="0.15">
      <c r="AR22386" s="9" ph="1"/>
    </row>
    <row r="22393" spans="44:44" ht="15.75" customHeight="1" x14ac:dyDescent="0.15">
      <c r="AR22393" s="9" ph="1"/>
    </row>
    <row r="22404" spans="44:44" ht="15.75" customHeight="1" x14ac:dyDescent="0.15">
      <c r="AR22404" s="9" ph="1"/>
    </row>
    <row r="22411" spans="44:44" ht="15.75" customHeight="1" x14ac:dyDescent="0.15">
      <c r="AR22411" s="9" ph="1"/>
    </row>
    <row r="22412" spans="44:44" ht="15.75" customHeight="1" x14ac:dyDescent="0.15">
      <c r="AR22412" s="9" ph="1"/>
    </row>
    <row r="22423" spans="44:44" ht="15.75" customHeight="1" x14ac:dyDescent="0.15">
      <c r="AR22423" s="9" ph="1"/>
    </row>
    <row r="22430" spans="44:44" ht="15.75" customHeight="1" x14ac:dyDescent="0.15">
      <c r="AR22430" s="9" ph="1"/>
    </row>
    <row r="22441" spans="44:44" ht="15.75" customHeight="1" x14ac:dyDescent="0.15">
      <c r="AR22441" s="9" ph="1"/>
    </row>
    <row r="22448" spans="44:44" ht="15.75" customHeight="1" x14ac:dyDescent="0.15">
      <c r="AR22448" s="9" ph="1"/>
    </row>
    <row r="22450" spans="44:44" ht="15.75" customHeight="1" x14ac:dyDescent="0.15">
      <c r="AR22450" s="9" ph="1"/>
    </row>
    <row r="22457" spans="44:44" ht="15.75" customHeight="1" x14ac:dyDescent="0.15">
      <c r="AR22457" s="9" ph="1"/>
    </row>
    <row r="22468" spans="44:44" ht="15.75" customHeight="1" x14ac:dyDescent="0.15">
      <c r="AR22468" s="9" ph="1"/>
    </row>
    <row r="22475" spans="44:44" ht="15.75" customHeight="1" x14ac:dyDescent="0.15">
      <c r="AR22475" s="9" ph="1"/>
    </row>
    <row r="22480" spans="44:44" ht="15.75" customHeight="1" x14ac:dyDescent="0.15">
      <c r="AR22480" s="9" ph="1"/>
    </row>
    <row r="22487" spans="44:44" ht="15.75" customHeight="1" x14ac:dyDescent="0.15">
      <c r="AR22487" s="9" ph="1"/>
    </row>
    <row r="22489" spans="44:44" ht="15.75" customHeight="1" x14ac:dyDescent="0.15">
      <c r="AR22489" s="9" ph="1"/>
    </row>
    <row r="22496" spans="44:44" ht="15.75" customHeight="1" x14ac:dyDescent="0.15">
      <c r="AR22496" s="9" ph="1"/>
    </row>
    <row r="22507" spans="44:44" ht="15.75" customHeight="1" x14ac:dyDescent="0.15">
      <c r="AR22507" s="9" ph="1"/>
    </row>
    <row r="22514" spans="44:44" ht="15.75" customHeight="1" x14ac:dyDescent="0.15">
      <c r="AR22514" s="9" ph="1"/>
    </row>
    <row r="22515" spans="44:44" ht="15.75" customHeight="1" x14ac:dyDescent="0.15">
      <c r="AR22515" s="9" ph="1"/>
    </row>
    <row r="22517" spans="44:44" ht="15.75" customHeight="1" x14ac:dyDescent="0.15">
      <c r="AR22517" s="9" ph="1"/>
    </row>
    <row r="22524" spans="44:44" ht="15.75" customHeight="1" x14ac:dyDescent="0.15">
      <c r="AR22524" s="9" ph="1"/>
    </row>
    <row r="22535" spans="44:44" ht="15.75" customHeight="1" x14ac:dyDescent="0.15">
      <c r="AR22535" s="9" ph="1"/>
    </row>
    <row r="22542" spans="44:44" ht="15.75" customHeight="1" x14ac:dyDescent="0.15">
      <c r="AR22542" s="9" ph="1"/>
    </row>
    <row r="22553" spans="44:44" ht="15.75" customHeight="1" x14ac:dyDescent="0.15">
      <c r="AR22553" s="9" ph="1"/>
    </row>
    <row r="22560" spans="44:44" ht="15.75" customHeight="1" x14ac:dyDescent="0.15">
      <c r="AR22560" s="9" ph="1"/>
    </row>
    <row r="22561" spans="44:44" ht="15.75" customHeight="1" x14ac:dyDescent="0.15">
      <c r="AR22561" s="9" ph="1"/>
    </row>
    <row r="22563" spans="44:44" ht="15.75" customHeight="1" x14ac:dyDescent="0.15">
      <c r="AR22563" s="9" ph="1"/>
    </row>
    <row r="22570" spans="44:44" ht="15.75" customHeight="1" x14ac:dyDescent="0.15">
      <c r="AR22570" s="9" ph="1"/>
    </row>
    <row r="22581" spans="44:44" ht="15.75" customHeight="1" x14ac:dyDescent="0.15">
      <c r="AR22581" s="9" ph="1"/>
    </row>
    <row r="22588" spans="44:44" ht="15.75" customHeight="1" x14ac:dyDescent="0.15">
      <c r="AR22588" s="9" ph="1"/>
    </row>
    <row r="22595" spans="44:44" ht="15.75" customHeight="1" x14ac:dyDescent="0.15">
      <c r="AR22595" s="9" ph="1"/>
    </row>
    <row r="22602" spans="44:44" ht="15.75" customHeight="1" x14ac:dyDescent="0.15">
      <c r="AR22602" s="9" ph="1"/>
    </row>
    <row r="22603" spans="44:44" ht="15.75" customHeight="1" x14ac:dyDescent="0.15">
      <c r="AR22603" s="9" ph="1"/>
    </row>
    <row r="22605" spans="44:44" ht="15.75" customHeight="1" x14ac:dyDescent="0.15">
      <c r="AR22605" s="9" ph="1"/>
    </row>
    <row r="22612" spans="44:44" ht="15.75" customHeight="1" x14ac:dyDescent="0.15">
      <c r="AR22612" s="9" ph="1"/>
    </row>
    <row r="22623" spans="44:44" ht="15.75" customHeight="1" x14ac:dyDescent="0.15">
      <c r="AR22623" s="9" ph="1"/>
    </row>
    <row r="22630" spans="44:44" ht="15.75" customHeight="1" x14ac:dyDescent="0.15">
      <c r="AR22630" s="9" ph="1"/>
    </row>
    <row r="22634" spans="44:44" ht="15.75" customHeight="1" x14ac:dyDescent="0.15">
      <c r="AR22634" s="9" ph="1"/>
    </row>
    <row r="22641" spans="44:44" ht="15.75" customHeight="1" x14ac:dyDescent="0.15">
      <c r="AR22641" s="9" ph="1"/>
    </row>
    <row r="22648" spans="44:44" ht="15.75" customHeight="1" x14ac:dyDescent="0.15">
      <c r="AR22648" s="9" ph="1"/>
    </row>
    <row r="22655" spans="44:44" ht="15.75" customHeight="1" x14ac:dyDescent="0.15">
      <c r="AR22655" s="9" ph="1"/>
    </row>
    <row r="22656" spans="44:44" ht="15.75" customHeight="1" x14ac:dyDescent="0.15">
      <c r="AR22656" s="9" ph="1"/>
    </row>
    <row r="22658" spans="44:44" ht="15.75" customHeight="1" x14ac:dyDescent="0.15">
      <c r="AR22658" s="9" ph="1"/>
    </row>
    <row r="22665" spans="44:44" ht="15.75" customHeight="1" x14ac:dyDescent="0.15">
      <c r="AR22665" s="9" ph="1"/>
    </row>
    <row r="22676" spans="44:44" ht="15.75" customHeight="1" x14ac:dyDescent="0.15">
      <c r="AR22676" s="9" ph="1"/>
    </row>
    <row r="22683" spans="44:44" ht="15.75" customHeight="1" x14ac:dyDescent="0.15">
      <c r="AR22683" s="9" ph="1"/>
    </row>
    <row r="22684" spans="44:44" ht="15.75" customHeight="1" x14ac:dyDescent="0.15">
      <c r="AR22684" s="9" ph="1"/>
    </row>
    <row r="22685" spans="44:44" ht="15.75" customHeight="1" x14ac:dyDescent="0.15">
      <c r="AR22685" s="9" ph="1"/>
    </row>
    <row r="22686" spans="44:44" ht="15.75" customHeight="1" x14ac:dyDescent="0.15">
      <c r="AR22686" s="9" ph="1"/>
    </row>
    <row r="22687" spans="44:44" ht="15.75" customHeight="1" x14ac:dyDescent="0.15">
      <c r="AR22687" s="9" ph="1"/>
    </row>
    <row r="22688" spans="44:44" ht="15.75" customHeight="1" x14ac:dyDescent="0.15">
      <c r="AR22688" s="9" ph="1"/>
    </row>
    <row r="22689" spans="44:44" ht="15.75" customHeight="1" x14ac:dyDescent="0.15">
      <c r="AR22689" s="9" ph="1"/>
    </row>
    <row r="22690" spans="44:44" ht="15.75" customHeight="1" x14ac:dyDescent="0.15">
      <c r="AR22690" s="9" ph="1"/>
    </row>
    <row r="22692" spans="44:44" ht="15.75" customHeight="1" x14ac:dyDescent="0.15">
      <c r="AR22692" s="9" ph="1"/>
    </row>
    <row r="22699" spans="44:44" ht="15.75" customHeight="1" x14ac:dyDescent="0.15">
      <c r="AR22699" s="9" ph="1"/>
    </row>
    <row r="22703" spans="44:44" ht="15.75" customHeight="1" x14ac:dyDescent="0.15">
      <c r="AR22703" s="9" ph="1"/>
    </row>
    <row r="22710" spans="44:44" ht="15.75" customHeight="1" x14ac:dyDescent="0.15">
      <c r="AR22710" s="9" ph="1"/>
    </row>
    <row r="22717" spans="44:44" ht="15.75" customHeight="1" x14ac:dyDescent="0.15">
      <c r="AR22717" s="9" ph="1"/>
    </row>
    <row r="22724" spans="44:44" ht="15.75" customHeight="1" x14ac:dyDescent="0.15">
      <c r="AR22724" s="9" ph="1"/>
    </row>
    <row r="22725" spans="44:44" ht="15.75" customHeight="1" x14ac:dyDescent="0.15">
      <c r="AR22725" s="9" ph="1"/>
    </row>
    <row r="22727" spans="44:44" ht="15.75" customHeight="1" x14ac:dyDescent="0.15">
      <c r="AR22727" s="9" ph="1"/>
    </row>
    <row r="22734" spans="44:44" ht="15.75" customHeight="1" x14ac:dyDescent="0.15">
      <c r="AR22734" s="9" ph="1"/>
    </row>
    <row r="22745" spans="44:44" ht="15.75" customHeight="1" x14ac:dyDescent="0.15">
      <c r="AR22745" s="9" ph="1"/>
    </row>
    <row r="22752" spans="44:44" ht="15.75" customHeight="1" x14ac:dyDescent="0.15">
      <c r="AR22752" s="9" ph="1"/>
    </row>
    <row r="22753" spans="44:44" ht="15.75" customHeight="1" x14ac:dyDescent="0.15">
      <c r="AR22753" s="9" ph="1"/>
    </row>
    <row r="22754" spans="44:44" ht="15.75" customHeight="1" x14ac:dyDescent="0.15">
      <c r="AR22754" s="9" ph="1"/>
    </row>
    <row r="22755" spans="44:44" ht="15.75" customHeight="1" x14ac:dyDescent="0.15">
      <c r="AR22755" s="9" ph="1"/>
    </row>
    <row r="22756" spans="44:44" ht="15.75" customHeight="1" x14ac:dyDescent="0.15">
      <c r="AR22756" s="9" ph="1"/>
    </row>
    <row r="22757" spans="44:44" ht="15.75" customHeight="1" x14ac:dyDescent="0.15">
      <c r="AR22757" s="9" ph="1"/>
    </row>
    <row r="22758" spans="44:44" ht="15.75" customHeight="1" x14ac:dyDescent="0.15">
      <c r="AR22758" s="9" ph="1"/>
    </row>
    <row r="22759" spans="44:44" ht="15.75" customHeight="1" x14ac:dyDescent="0.15">
      <c r="AR22759" s="9" ph="1"/>
    </row>
    <row r="22761" spans="44:44" ht="15.75" customHeight="1" x14ac:dyDescent="0.15">
      <c r="AR22761" s="9" ph="1"/>
    </row>
    <row r="22762" spans="44:44" ht="15.75" customHeight="1" x14ac:dyDescent="0.15">
      <c r="AR22762" s="9" ph="1"/>
    </row>
    <row r="22763" spans="44:44" ht="15.75" customHeight="1" x14ac:dyDescent="0.15">
      <c r="AR22763" s="9" ph="1"/>
    </row>
    <row r="22764" spans="44:44" ht="15.75" customHeight="1" x14ac:dyDescent="0.15">
      <c r="AR22764" s="9" ph="1"/>
    </row>
    <row r="22771" spans="44:44" ht="15.75" customHeight="1" x14ac:dyDescent="0.15">
      <c r="AR22771" s="9" ph="1"/>
    </row>
    <row r="22772" spans="44:44" ht="15.75" customHeight="1" x14ac:dyDescent="0.15">
      <c r="AR22772" s="9" ph="1"/>
    </row>
    <row r="22773" spans="44:44" ht="15.75" customHeight="1" x14ac:dyDescent="0.15">
      <c r="AR22773" s="9" ph="1"/>
    </row>
    <row r="22774" spans="44:44" ht="15.75" customHeight="1" x14ac:dyDescent="0.15">
      <c r="AR22774" s="9" ph="1"/>
    </row>
    <row r="22775" spans="44:44" ht="15.75" customHeight="1" x14ac:dyDescent="0.15">
      <c r="AR22775" s="9" ph="1"/>
    </row>
    <row r="22776" spans="44:44" ht="15.75" customHeight="1" x14ac:dyDescent="0.15">
      <c r="AR22776" s="9" ph="1"/>
    </row>
    <row r="22777" spans="44:44" ht="15.75" customHeight="1" x14ac:dyDescent="0.15">
      <c r="AR22777" s="9" ph="1"/>
    </row>
    <row r="22778" spans="44:44" ht="15.75" customHeight="1" x14ac:dyDescent="0.15">
      <c r="AR22778" s="9" ph="1"/>
    </row>
    <row r="22780" spans="44:44" ht="15.75" customHeight="1" x14ac:dyDescent="0.15">
      <c r="AR22780" s="9" ph="1"/>
    </row>
    <row r="22781" spans="44:44" ht="15.75" customHeight="1" x14ac:dyDescent="0.15">
      <c r="AR22781" s="9" ph="1"/>
    </row>
    <row r="22782" spans="44:44" ht="15.75" customHeight="1" x14ac:dyDescent="0.15">
      <c r="AR22782" s="9" ph="1"/>
    </row>
    <row r="22784" spans="44:44" ht="15.75" customHeight="1" x14ac:dyDescent="0.15">
      <c r="AR22784" s="9" ph="1"/>
    </row>
    <row r="22785" spans="44:44" ht="15.75" customHeight="1" x14ac:dyDescent="0.15">
      <c r="AR22785" s="9" ph="1"/>
    </row>
    <row r="22786" spans="44:44" ht="15.75" customHeight="1" x14ac:dyDescent="0.15">
      <c r="AR22786" s="9" ph="1"/>
    </row>
    <row r="22787" spans="44:44" ht="15.75" customHeight="1" x14ac:dyDescent="0.15">
      <c r="AR22787" s="9" ph="1"/>
    </row>
    <row r="22788" spans="44:44" ht="15.75" customHeight="1" x14ac:dyDescent="0.15">
      <c r="AR22788" s="9" ph="1"/>
    </row>
    <row r="22789" spans="44:44" ht="15.75" customHeight="1" x14ac:dyDescent="0.15">
      <c r="AR22789" s="9" ph="1"/>
    </row>
    <row r="22790" spans="44:44" ht="15.75" customHeight="1" x14ac:dyDescent="0.15">
      <c r="AR22790" s="9" ph="1"/>
    </row>
    <row r="22791" spans="44:44" ht="15.75" customHeight="1" x14ac:dyDescent="0.15">
      <c r="AR22791" s="9" ph="1"/>
    </row>
    <row r="22792" spans="44:44" ht="15.75" customHeight="1" x14ac:dyDescent="0.15">
      <c r="AR22792" s="9" ph="1"/>
    </row>
    <row r="22793" spans="44:44" ht="15.75" customHeight="1" x14ac:dyDescent="0.15">
      <c r="AR22793" s="9" ph="1"/>
    </row>
    <row r="22794" spans="44:44" ht="15.75" customHeight="1" x14ac:dyDescent="0.15">
      <c r="AR22794" s="9" ph="1"/>
    </row>
    <row r="22795" spans="44:44" ht="15.75" customHeight="1" x14ac:dyDescent="0.15">
      <c r="AR22795" s="9" ph="1"/>
    </row>
    <row r="22796" spans="44:44" ht="15.75" customHeight="1" x14ac:dyDescent="0.15">
      <c r="AR22796" s="9" ph="1"/>
    </row>
    <row r="22798" spans="44:44" ht="15.75" customHeight="1" x14ac:dyDescent="0.15">
      <c r="AR22798" s="9" ph="1"/>
    </row>
    <row r="22799" spans="44:44" ht="15.75" customHeight="1" x14ac:dyDescent="0.15">
      <c r="AR22799" s="9" ph="1"/>
    </row>
    <row r="22800" spans="44:44" ht="15.75" customHeight="1" x14ac:dyDescent="0.15">
      <c r="AR22800" s="9" ph="1"/>
    </row>
    <row r="22802" spans="44:44" ht="15.75" customHeight="1" x14ac:dyDescent="0.15">
      <c r="AR22802" s="9" ph="1"/>
    </row>
    <row r="22803" spans="44:44" ht="15.75" customHeight="1" x14ac:dyDescent="0.15">
      <c r="AR22803" s="9" ph="1"/>
    </row>
    <row r="22804" spans="44:44" ht="15.75" customHeight="1" x14ac:dyDescent="0.15">
      <c r="AR22804" s="9" ph="1"/>
    </row>
    <row r="22805" spans="44:44" ht="15.75" customHeight="1" x14ac:dyDescent="0.15">
      <c r="AR22805" s="9" ph="1"/>
    </row>
    <row r="22806" spans="44:44" ht="15.75" customHeight="1" x14ac:dyDescent="0.15">
      <c r="AR22806" s="9" ph="1"/>
    </row>
    <row r="22807" spans="44:44" ht="15.75" customHeight="1" x14ac:dyDescent="0.15">
      <c r="AR22807" s="9" ph="1"/>
    </row>
    <row r="22809" spans="44:44" ht="15.75" customHeight="1" x14ac:dyDescent="0.15">
      <c r="AR22809" s="9" ph="1"/>
    </row>
    <row r="22810" spans="44:44" ht="15.75" customHeight="1" x14ac:dyDescent="0.15">
      <c r="AR22810" s="9" ph="1"/>
    </row>
    <row r="22811" spans="44:44" ht="15.75" customHeight="1" x14ac:dyDescent="0.15">
      <c r="AR22811" s="9" ph="1"/>
    </row>
    <row r="22812" spans="44:44" ht="15.75" customHeight="1" x14ac:dyDescent="0.15">
      <c r="AR22812" s="9" ph="1"/>
    </row>
    <row r="22813" spans="44:44" ht="15.75" customHeight="1" x14ac:dyDescent="0.15">
      <c r="AR22813" s="9" ph="1"/>
    </row>
    <row r="22814" spans="44:44" ht="15.75" customHeight="1" x14ac:dyDescent="0.15">
      <c r="AR22814" s="9" ph="1"/>
    </row>
    <row r="22815" spans="44:44" ht="15.75" customHeight="1" x14ac:dyDescent="0.15">
      <c r="AR22815" s="9" ph="1"/>
    </row>
    <row r="22816" spans="44:44" ht="15.75" customHeight="1" x14ac:dyDescent="0.15">
      <c r="AR22816" s="9" ph="1"/>
    </row>
    <row r="22817" spans="44:44" ht="15.75" customHeight="1" x14ac:dyDescent="0.15">
      <c r="AR22817" s="9" ph="1"/>
    </row>
    <row r="22818" spans="44:44" ht="15.75" customHeight="1" x14ac:dyDescent="0.15">
      <c r="AR22818" s="9" ph="1"/>
    </row>
    <row r="22819" spans="44:44" ht="15.75" customHeight="1" x14ac:dyDescent="0.15">
      <c r="AR22819" s="9" ph="1"/>
    </row>
    <row r="22820" spans="44:44" ht="15.75" customHeight="1" x14ac:dyDescent="0.15">
      <c r="AR22820" s="9" ph="1"/>
    </row>
    <row r="22821" spans="44:44" ht="15.75" customHeight="1" x14ac:dyDescent="0.15">
      <c r="AR22821" s="9" ph="1"/>
    </row>
    <row r="22823" spans="44:44" ht="15.75" customHeight="1" x14ac:dyDescent="0.15">
      <c r="AR22823" s="9" ph="1"/>
    </row>
    <row r="22824" spans="44:44" ht="15.75" customHeight="1" x14ac:dyDescent="0.15">
      <c r="AR22824" s="9" ph="1"/>
    </row>
    <row r="22825" spans="44:44" ht="15.75" customHeight="1" x14ac:dyDescent="0.15">
      <c r="AR22825" s="9" ph="1"/>
    </row>
    <row r="22827" spans="44:44" ht="15.75" customHeight="1" x14ac:dyDescent="0.15">
      <c r="AR22827" s="9" ph="1"/>
    </row>
    <row r="22828" spans="44:44" ht="15.75" customHeight="1" x14ac:dyDescent="0.15">
      <c r="AR22828" s="9" ph="1"/>
    </row>
    <row r="22829" spans="44:44" ht="15.75" customHeight="1" x14ac:dyDescent="0.15">
      <c r="AR22829" s="9" ph="1"/>
    </row>
    <row r="22830" spans="44:44" ht="15.75" customHeight="1" x14ac:dyDescent="0.15">
      <c r="AR22830" s="9" ph="1"/>
    </row>
    <row r="22831" spans="44:44" ht="15.75" customHeight="1" x14ac:dyDescent="0.15">
      <c r="AR22831" s="9" ph="1"/>
    </row>
    <row r="22832" spans="44:44" ht="15.75" customHeight="1" x14ac:dyDescent="0.15">
      <c r="AR22832" s="9" ph="1"/>
    </row>
    <row r="22839" spans="44:44" ht="15.75" customHeight="1" x14ac:dyDescent="0.15">
      <c r="AR22839" s="9" ph="1"/>
    </row>
    <row r="22846" spans="44:44" ht="15.75" customHeight="1" x14ac:dyDescent="0.15">
      <c r="AR22846" s="9" ph="1"/>
    </row>
    <row r="22848" spans="44:44" ht="15.75" customHeight="1" x14ac:dyDescent="0.15">
      <c r="AR22848" s="9" ph="1"/>
    </row>
    <row r="22855" spans="44:44" ht="15.75" customHeight="1" x14ac:dyDescent="0.15">
      <c r="AR22855" s="9" ph="1"/>
    </row>
    <row r="22866" spans="44:44" ht="15.75" customHeight="1" x14ac:dyDescent="0.15">
      <c r="AR22866" s="9" ph="1"/>
    </row>
    <row r="22873" spans="44:44" ht="15.75" customHeight="1" x14ac:dyDescent="0.15">
      <c r="AR22873" s="9" ph="1"/>
    </row>
    <row r="22878" spans="44:44" ht="15.75" customHeight="1" x14ac:dyDescent="0.15">
      <c r="AR22878" s="9" ph="1"/>
    </row>
    <row r="22885" spans="44:44" ht="15.75" customHeight="1" x14ac:dyDescent="0.15">
      <c r="AR22885" s="9" ph="1"/>
    </row>
    <row r="22887" spans="44:44" ht="15.75" customHeight="1" x14ac:dyDescent="0.15">
      <c r="AR22887" s="9" ph="1"/>
    </row>
    <row r="22894" spans="44:44" ht="15.75" customHeight="1" x14ac:dyDescent="0.15">
      <c r="AR22894" s="9" ph="1"/>
    </row>
    <row r="22905" spans="44:44" ht="15.75" customHeight="1" x14ac:dyDescent="0.15">
      <c r="AR22905" s="9" ph="1"/>
    </row>
    <row r="22912" spans="44:44" ht="15.75" customHeight="1" x14ac:dyDescent="0.15">
      <c r="AR22912" s="9" ph="1"/>
    </row>
    <row r="22913" spans="44:44" ht="15.75" customHeight="1" x14ac:dyDescent="0.15">
      <c r="AR22913" s="9" ph="1"/>
    </row>
    <row r="22915" spans="44:44" ht="15.75" customHeight="1" x14ac:dyDescent="0.15">
      <c r="AR22915" s="9" ph="1"/>
    </row>
    <row r="22922" spans="44:44" ht="15.75" customHeight="1" x14ac:dyDescent="0.15">
      <c r="AR22922" s="9" ph="1"/>
    </row>
    <row r="22933" spans="44:44" ht="15.75" customHeight="1" x14ac:dyDescent="0.15">
      <c r="AR22933" s="9" ph="1"/>
    </row>
    <row r="22940" spans="44:44" ht="15.75" customHeight="1" x14ac:dyDescent="0.15">
      <c r="AR22940" s="9" ph="1"/>
    </row>
    <row r="22941" spans="44:44" ht="15.75" customHeight="1" x14ac:dyDescent="0.15">
      <c r="AR22941" s="9" ph="1"/>
    </row>
    <row r="22952" spans="44:44" ht="15.75" customHeight="1" x14ac:dyDescent="0.15">
      <c r="AR22952" s="9" ph="1"/>
    </row>
    <row r="22959" spans="44:44" ht="15.75" customHeight="1" x14ac:dyDescent="0.15">
      <c r="AR22959" s="9" ph="1"/>
    </row>
    <row r="22970" spans="44:44" ht="15.75" customHeight="1" x14ac:dyDescent="0.15">
      <c r="AR22970" s="9" ph="1"/>
    </row>
    <row r="22977" spans="44:44" ht="15.75" customHeight="1" x14ac:dyDescent="0.15">
      <c r="AR22977" s="9" ph="1"/>
    </row>
    <row r="22979" spans="44:44" ht="15.75" customHeight="1" x14ac:dyDescent="0.15">
      <c r="AR22979" s="9" ph="1"/>
    </row>
    <row r="22986" spans="44:44" ht="15.75" customHeight="1" x14ac:dyDescent="0.15">
      <c r="AR22986" s="9" ph="1"/>
    </row>
    <row r="22997" spans="44:44" ht="15.75" customHeight="1" x14ac:dyDescent="0.15">
      <c r="AR22997" s="9" ph="1"/>
    </row>
    <row r="23004" spans="44:44" ht="15.75" customHeight="1" x14ac:dyDescent="0.15">
      <c r="AR23004" s="9" ph="1"/>
    </row>
    <row r="23009" spans="44:44" ht="15.75" customHeight="1" x14ac:dyDescent="0.15">
      <c r="AR23009" s="9" ph="1"/>
    </row>
    <row r="23016" spans="44:44" ht="15.75" customHeight="1" x14ac:dyDescent="0.15">
      <c r="AR23016" s="9" ph="1"/>
    </row>
    <row r="23018" spans="44:44" ht="15.75" customHeight="1" x14ac:dyDescent="0.15">
      <c r="AR23018" s="9" ph="1"/>
    </row>
    <row r="23025" spans="44:44" ht="15.75" customHeight="1" x14ac:dyDescent="0.15">
      <c r="AR23025" s="9" ph="1"/>
    </row>
    <row r="23036" spans="44:44" ht="15.75" customHeight="1" x14ac:dyDescent="0.15">
      <c r="AR23036" s="9" ph="1"/>
    </row>
    <row r="23043" spans="44:44" ht="15.75" customHeight="1" x14ac:dyDescent="0.15">
      <c r="AR23043" s="9" ph="1"/>
    </row>
    <row r="23044" spans="44:44" ht="15.75" customHeight="1" x14ac:dyDescent="0.15">
      <c r="AR23044" s="9" ph="1"/>
    </row>
    <row r="23046" spans="44:44" ht="15.75" customHeight="1" x14ac:dyDescent="0.15">
      <c r="AR23046" s="9" ph="1"/>
    </row>
    <row r="23053" spans="44:44" ht="15.75" customHeight="1" x14ac:dyDescent="0.15">
      <c r="AR23053" s="9" ph="1"/>
    </row>
    <row r="23064" spans="44:44" ht="15.75" customHeight="1" x14ac:dyDescent="0.15">
      <c r="AR23064" s="9" ph="1"/>
    </row>
    <row r="23071" spans="44:44" ht="15.75" customHeight="1" x14ac:dyDescent="0.15">
      <c r="AR23071" s="9" ph="1"/>
    </row>
    <row r="23082" spans="44:44" ht="15.75" customHeight="1" x14ac:dyDescent="0.15">
      <c r="AR23082" s="9" ph="1"/>
    </row>
    <row r="23089" spans="44:44" ht="15.75" customHeight="1" x14ac:dyDescent="0.15">
      <c r="AR23089" s="9" ph="1"/>
    </row>
    <row r="23090" spans="44:44" ht="15.75" customHeight="1" x14ac:dyDescent="0.15">
      <c r="AR23090" s="9" ph="1"/>
    </row>
    <row r="23092" spans="44:44" ht="15.75" customHeight="1" x14ac:dyDescent="0.15">
      <c r="AR23092" s="9" ph="1"/>
    </row>
    <row r="23099" spans="44:44" ht="15.75" customHeight="1" x14ac:dyDescent="0.15">
      <c r="AR23099" s="9" ph="1"/>
    </row>
    <row r="23110" spans="44:44" ht="15.75" customHeight="1" x14ac:dyDescent="0.15">
      <c r="AR23110" s="9" ph="1"/>
    </row>
    <row r="23117" spans="44:44" ht="15.75" customHeight="1" x14ac:dyDescent="0.15">
      <c r="AR23117" s="9" ph="1"/>
    </row>
    <row r="23124" spans="44:44" ht="15.75" customHeight="1" x14ac:dyDescent="0.15">
      <c r="AR23124" s="9" ph="1"/>
    </row>
    <row r="23131" spans="44:44" ht="15.75" customHeight="1" x14ac:dyDescent="0.15">
      <c r="AR23131" s="9" ph="1"/>
    </row>
    <row r="23132" spans="44:44" ht="15.75" customHeight="1" x14ac:dyDescent="0.15">
      <c r="AR23132" s="9" ph="1"/>
    </row>
    <row r="23134" spans="44:44" ht="15.75" customHeight="1" x14ac:dyDescent="0.15">
      <c r="AR23134" s="9" ph="1"/>
    </row>
    <row r="23141" spans="44:44" ht="15.75" customHeight="1" x14ac:dyDescent="0.15">
      <c r="AR23141" s="9" ph="1"/>
    </row>
    <row r="23152" spans="44:44" ht="15.75" customHeight="1" x14ac:dyDescent="0.15">
      <c r="AR23152" s="9" ph="1"/>
    </row>
    <row r="23159" spans="44:44" ht="15.75" customHeight="1" x14ac:dyDescent="0.15">
      <c r="AR23159" s="9" ph="1"/>
    </row>
    <row r="23163" spans="44:44" ht="15.75" customHeight="1" x14ac:dyDescent="0.15">
      <c r="AR23163" s="9" ph="1"/>
    </row>
    <row r="23170" spans="44:44" ht="15.75" customHeight="1" x14ac:dyDescent="0.15">
      <c r="AR23170" s="9" ph="1"/>
    </row>
    <row r="23177" spans="44:44" ht="15.75" customHeight="1" x14ac:dyDescent="0.15">
      <c r="AR23177" s="9" ph="1"/>
    </row>
    <row r="23184" spans="44:44" ht="15.75" customHeight="1" x14ac:dyDescent="0.15">
      <c r="AR23184" s="9" ph="1"/>
    </row>
    <row r="23185" spans="44:44" ht="15.75" customHeight="1" x14ac:dyDescent="0.15">
      <c r="AR23185" s="9" ph="1"/>
    </row>
    <row r="23187" spans="44:44" ht="15.75" customHeight="1" x14ac:dyDescent="0.15">
      <c r="AR23187" s="9" ph="1"/>
    </row>
    <row r="23194" spans="44:44" ht="15.75" customHeight="1" x14ac:dyDescent="0.15">
      <c r="AR23194" s="9" ph="1"/>
    </row>
    <row r="23205" spans="44:44" ht="15.75" customHeight="1" x14ac:dyDescent="0.15">
      <c r="AR23205" s="9" ph="1"/>
    </row>
    <row r="23212" spans="44:44" ht="15.75" customHeight="1" x14ac:dyDescent="0.15">
      <c r="AR23212" s="9" ph="1"/>
    </row>
    <row r="23213" spans="44:44" ht="15.75" customHeight="1" x14ac:dyDescent="0.15">
      <c r="AR23213" s="9" ph="1"/>
    </row>
    <row r="23214" spans="44:44" ht="15.75" customHeight="1" x14ac:dyDescent="0.15">
      <c r="AR23214" s="9" ph="1"/>
    </row>
    <row r="23215" spans="44:44" ht="15.75" customHeight="1" x14ac:dyDescent="0.15">
      <c r="AR23215" s="9" ph="1"/>
    </row>
    <row r="23216" spans="44:44" ht="15.75" customHeight="1" x14ac:dyDescent="0.15">
      <c r="AR23216" s="9" ph="1"/>
    </row>
    <row r="23217" spans="44:44" ht="15.75" customHeight="1" x14ac:dyDescent="0.15">
      <c r="AR23217" s="9" ph="1"/>
    </row>
    <row r="23218" spans="44:44" ht="15.75" customHeight="1" x14ac:dyDescent="0.15">
      <c r="AR23218" s="9" ph="1"/>
    </row>
    <row r="23219" spans="44:44" ht="15.75" customHeight="1" x14ac:dyDescent="0.15">
      <c r="AR23219" s="9" ph="1"/>
    </row>
    <row r="23221" spans="44:44" ht="15.75" customHeight="1" x14ac:dyDescent="0.15">
      <c r="AR23221" s="9" ph="1"/>
    </row>
    <row r="23228" spans="44:44" ht="15.75" customHeight="1" x14ac:dyDescent="0.15">
      <c r="AR23228" s="9" ph="1"/>
    </row>
    <row r="23232" spans="44:44" ht="15.75" customHeight="1" x14ac:dyDescent="0.15">
      <c r="AR23232" s="9" ph="1"/>
    </row>
    <row r="23239" spans="44:44" ht="15.75" customHeight="1" x14ac:dyDescent="0.15">
      <c r="AR23239" s="9" ph="1"/>
    </row>
    <row r="23246" spans="44:44" ht="15.75" customHeight="1" x14ac:dyDescent="0.15">
      <c r="AR23246" s="9" ph="1"/>
    </row>
    <row r="23253" spans="44:44" ht="15.75" customHeight="1" x14ac:dyDescent="0.15">
      <c r="AR23253" s="9" ph="1"/>
    </row>
    <row r="23254" spans="44:44" ht="15.75" customHeight="1" x14ac:dyDescent="0.15">
      <c r="AR23254" s="9" ph="1"/>
    </row>
    <row r="23256" spans="44:44" ht="15.75" customHeight="1" x14ac:dyDescent="0.15">
      <c r="AR23256" s="9" ph="1"/>
    </row>
    <row r="23263" spans="44:44" ht="15.75" customHeight="1" x14ac:dyDescent="0.15">
      <c r="AR23263" s="9" ph="1"/>
    </row>
    <row r="23274" spans="44:44" ht="15.75" customHeight="1" x14ac:dyDescent="0.15">
      <c r="AR23274" s="9" ph="1"/>
    </row>
    <row r="23281" spans="44:44" ht="15.75" customHeight="1" x14ac:dyDescent="0.15">
      <c r="AR23281" s="9" ph="1"/>
    </row>
    <row r="23282" spans="44:44" ht="15.75" customHeight="1" x14ac:dyDescent="0.15">
      <c r="AR23282" s="9" ph="1"/>
    </row>
    <row r="23283" spans="44:44" ht="15.75" customHeight="1" x14ac:dyDescent="0.15">
      <c r="AR23283" s="9" ph="1"/>
    </row>
    <row r="23284" spans="44:44" ht="15.75" customHeight="1" x14ac:dyDescent="0.15">
      <c r="AR23284" s="9" ph="1"/>
    </row>
    <row r="23285" spans="44:44" ht="15.75" customHeight="1" x14ac:dyDescent="0.15">
      <c r="AR23285" s="9" ph="1"/>
    </row>
    <row r="23286" spans="44:44" ht="15.75" customHeight="1" x14ac:dyDescent="0.15">
      <c r="AR23286" s="9" ph="1"/>
    </row>
    <row r="23287" spans="44:44" ht="15.75" customHeight="1" x14ac:dyDescent="0.15">
      <c r="AR23287" s="9" ph="1"/>
    </row>
    <row r="23288" spans="44:44" ht="15.75" customHeight="1" x14ac:dyDescent="0.15">
      <c r="AR23288" s="9" ph="1"/>
    </row>
    <row r="23290" spans="44:44" ht="15.75" customHeight="1" x14ac:dyDescent="0.15">
      <c r="AR23290" s="9" ph="1"/>
    </row>
    <row r="23291" spans="44:44" ht="15.75" customHeight="1" x14ac:dyDescent="0.15">
      <c r="AR23291" s="9" ph="1"/>
    </row>
    <row r="23292" spans="44:44" ht="15.75" customHeight="1" x14ac:dyDescent="0.15">
      <c r="AR23292" s="9" ph="1"/>
    </row>
    <row r="23293" spans="44:44" ht="15.75" customHeight="1" x14ac:dyDescent="0.15">
      <c r="AR23293" s="9" ph="1"/>
    </row>
    <row r="23300" spans="44:44" ht="15.75" customHeight="1" x14ac:dyDescent="0.15">
      <c r="AR23300" s="9" ph="1"/>
    </row>
    <row r="23301" spans="44:44" ht="15.75" customHeight="1" x14ac:dyDescent="0.15">
      <c r="AR23301" s="9" ph="1"/>
    </row>
    <row r="23302" spans="44:44" ht="15.75" customHeight="1" x14ac:dyDescent="0.15">
      <c r="AR23302" s="9" ph="1"/>
    </row>
    <row r="23303" spans="44:44" ht="15.75" customHeight="1" x14ac:dyDescent="0.15">
      <c r="AR23303" s="9" ph="1"/>
    </row>
    <row r="23304" spans="44:44" ht="15.75" customHeight="1" x14ac:dyDescent="0.15">
      <c r="AR23304" s="9" ph="1"/>
    </row>
    <row r="23305" spans="44:44" ht="15.75" customHeight="1" x14ac:dyDescent="0.15">
      <c r="AR23305" s="9" ph="1"/>
    </row>
    <row r="23306" spans="44:44" ht="15.75" customHeight="1" x14ac:dyDescent="0.15">
      <c r="AR23306" s="9" ph="1"/>
    </row>
    <row r="23307" spans="44:44" ht="15.75" customHeight="1" x14ac:dyDescent="0.15">
      <c r="AR23307" s="9" ph="1"/>
    </row>
    <row r="23309" spans="44:44" ht="15.75" customHeight="1" x14ac:dyDescent="0.15">
      <c r="AR23309" s="9" ph="1"/>
    </row>
    <row r="23310" spans="44:44" ht="15.75" customHeight="1" x14ac:dyDescent="0.15">
      <c r="AR23310" s="9" ph="1"/>
    </row>
    <row r="23311" spans="44:44" ht="15.75" customHeight="1" x14ac:dyDescent="0.15">
      <c r="AR23311" s="9" ph="1"/>
    </row>
    <row r="23313" spans="44:44" ht="15.75" customHeight="1" x14ac:dyDescent="0.15">
      <c r="AR23313" s="9" ph="1"/>
    </row>
    <row r="23314" spans="44:44" ht="15.75" customHeight="1" x14ac:dyDescent="0.15">
      <c r="AR23314" s="9" ph="1"/>
    </row>
    <row r="23315" spans="44:44" ht="15.75" customHeight="1" x14ac:dyDescent="0.15">
      <c r="AR23315" s="9" ph="1"/>
    </row>
    <row r="23316" spans="44:44" ht="15.75" customHeight="1" x14ac:dyDescent="0.15">
      <c r="AR23316" s="9" ph="1"/>
    </row>
    <row r="23317" spans="44:44" ht="15.75" customHeight="1" x14ac:dyDescent="0.15">
      <c r="AR23317" s="9" ph="1"/>
    </row>
    <row r="23318" spans="44:44" ht="15.75" customHeight="1" x14ac:dyDescent="0.15">
      <c r="AR23318" s="9" ph="1"/>
    </row>
    <row r="23319" spans="44:44" ht="15.75" customHeight="1" x14ac:dyDescent="0.15">
      <c r="AR23319" s="9" ph="1"/>
    </row>
    <row r="23320" spans="44:44" ht="15.75" customHeight="1" x14ac:dyDescent="0.15">
      <c r="AR23320" s="9" ph="1"/>
    </row>
    <row r="23321" spans="44:44" ht="15.75" customHeight="1" x14ac:dyDescent="0.15">
      <c r="AR23321" s="9" ph="1"/>
    </row>
    <row r="23322" spans="44:44" ht="15.75" customHeight="1" x14ac:dyDescent="0.15">
      <c r="AR23322" s="9" ph="1"/>
    </row>
    <row r="23323" spans="44:44" ht="15.75" customHeight="1" x14ac:dyDescent="0.15">
      <c r="AR23323" s="9" ph="1"/>
    </row>
    <row r="23324" spans="44:44" ht="15.75" customHeight="1" x14ac:dyDescent="0.15">
      <c r="AR23324" s="9" ph="1"/>
    </row>
    <row r="23325" spans="44:44" ht="15.75" customHeight="1" x14ac:dyDescent="0.15">
      <c r="AR23325" s="9" ph="1"/>
    </row>
    <row r="23327" spans="44:44" ht="15.75" customHeight="1" x14ac:dyDescent="0.15">
      <c r="AR23327" s="9" ph="1"/>
    </row>
    <row r="23328" spans="44:44" ht="15.75" customHeight="1" x14ac:dyDescent="0.15">
      <c r="AR23328" s="9" ph="1"/>
    </row>
    <row r="23329" spans="44:44" ht="15.75" customHeight="1" x14ac:dyDescent="0.15">
      <c r="AR23329" s="9" ph="1"/>
    </row>
    <row r="23331" spans="44:44" ht="15.75" customHeight="1" x14ac:dyDescent="0.15">
      <c r="AR23331" s="9" ph="1"/>
    </row>
    <row r="23332" spans="44:44" ht="15.75" customHeight="1" x14ac:dyDescent="0.15">
      <c r="AR23332" s="9" ph="1"/>
    </row>
    <row r="23333" spans="44:44" ht="15.75" customHeight="1" x14ac:dyDescent="0.15">
      <c r="AR23333" s="9" ph="1"/>
    </row>
    <row r="23334" spans="44:44" ht="15.75" customHeight="1" x14ac:dyDescent="0.15">
      <c r="AR23334" s="9" ph="1"/>
    </row>
    <row r="23335" spans="44:44" ht="15.75" customHeight="1" x14ac:dyDescent="0.15">
      <c r="AR23335" s="9" ph="1"/>
    </row>
    <row r="23336" spans="44:44" ht="15.75" customHeight="1" x14ac:dyDescent="0.15">
      <c r="AR23336" s="9" ph="1"/>
    </row>
    <row r="23338" spans="44:44" ht="15.75" customHeight="1" x14ac:dyDescent="0.15">
      <c r="AR23338" s="9" ph="1"/>
    </row>
    <row r="23339" spans="44:44" ht="15.75" customHeight="1" x14ac:dyDescent="0.15">
      <c r="AR23339" s="9" ph="1"/>
    </row>
    <row r="23340" spans="44:44" ht="15.75" customHeight="1" x14ac:dyDescent="0.15">
      <c r="AR23340" s="9" ph="1"/>
    </row>
    <row r="23341" spans="44:44" ht="15.75" customHeight="1" x14ac:dyDescent="0.15">
      <c r="AR23341" s="9" ph="1"/>
    </row>
    <row r="23342" spans="44:44" ht="15.75" customHeight="1" x14ac:dyDescent="0.15">
      <c r="AR23342" s="9" ph="1"/>
    </row>
    <row r="23343" spans="44:44" ht="15.75" customHeight="1" x14ac:dyDescent="0.15">
      <c r="AR23343" s="9" ph="1"/>
    </row>
    <row r="23344" spans="44:44" ht="15.75" customHeight="1" x14ac:dyDescent="0.15">
      <c r="AR23344" s="9" ph="1"/>
    </row>
    <row r="23345" spans="44:44" ht="15.75" customHeight="1" x14ac:dyDescent="0.15">
      <c r="AR23345" s="9" ph="1"/>
    </row>
    <row r="23346" spans="44:44" ht="15.75" customHeight="1" x14ac:dyDescent="0.15">
      <c r="AR23346" s="9" ph="1"/>
    </row>
    <row r="23347" spans="44:44" ht="15.75" customHeight="1" x14ac:dyDescent="0.15">
      <c r="AR23347" s="9" ph="1"/>
    </row>
    <row r="23348" spans="44:44" ht="15.75" customHeight="1" x14ac:dyDescent="0.15">
      <c r="AR23348" s="9" ph="1"/>
    </row>
    <row r="23349" spans="44:44" ht="15.75" customHeight="1" x14ac:dyDescent="0.15">
      <c r="AR23349" s="9" ph="1"/>
    </row>
    <row r="23350" spans="44:44" ht="15.75" customHeight="1" x14ac:dyDescent="0.15">
      <c r="AR23350" s="9" ph="1"/>
    </row>
    <row r="23352" spans="44:44" ht="15.75" customHeight="1" x14ac:dyDescent="0.15">
      <c r="AR23352" s="9" ph="1"/>
    </row>
    <row r="23353" spans="44:44" ht="15.75" customHeight="1" x14ac:dyDescent="0.15">
      <c r="AR23353" s="9" ph="1"/>
    </row>
    <row r="23354" spans="44:44" ht="15.75" customHeight="1" x14ac:dyDescent="0.15">
      <c r="AR23354" s="9" ph="1"/>
    </row>
    <row r="23356" spans="44:44" ht="15.75" customHeight="1" x14ac:dyDescent="0.15">
      <c r="AR23356" s="9" ph="1"/>
    </row>
    <row r="23357" spans="44:44" ht="15.75" customHeight="1" x14ac:dyDescent="0.15">
      <c r="AR23357" s="9" ph="1"/>
    </row>
    <row r="23358" spans="44:44" ht="15.75" customHeight="1" x14ac:dyDescent="0.15">
      <c r="AR23358" s="9" ph="1"/>
    </row>
    <row r="23359" spans="44:44" ht="15.75" customHeight="1" x14ac:dyDescent="0.15">
      <c r="AR23359" s="9" ph="1"/>
    </row>
    <row r="23360" spans="44:44" ht="15.75" customHeight="1" x14ac:dyDescent="0.15">
      <c r="AR23360" s="9" ph="1"/>
    </row>
    <row r="23361" spans="44:44" ht="15.75" customHeight="1" x14ac:dyDescent="0.15">
      <c r="AR23361" s="9" ph="1"/>
    </row>
    <row r="23362" spans="44:44" ht="15.75" customHeight="1" x14ac:dyDescent="0.15">
      <c r="AR23362" s="9" ph="1"/>
    </row>
    <row r="23369" spans="44:44" ht="15.75" customHeight="1" x14ac:dyDescent="0.15">
      <c r="AR23369" s="9" ph="1"/>
    </row>
    <row r="23370" spans="44:44" ht="15.75" customHeight="1" x14ac:dyDescent="0.15">
      <c r="AR23370" s="9" ph="1"/>
    </row>
    <row r="23372" spans="44:44" ht="15.75" customHeight="1" x14ac:dyDescent="0.15">
      <c r="AR23372" s="9" ph="1"/>
    </row>
    <row r="23379" spans="44:44" ht="15.75" customHeight="1" x14ac:dyDescent="0.15">
      <c r="AR23379" s="9" ph="1"/>
    </row>
    <row r="23390" spans="44:44" ht="15.75" customHeight="1" x14ac:dyDescent="0.15">
      <c r="AR23390" s="9" ph="1"/>
    </row>
    <row r="23397" spans="44:44" ht="15.75" customHeight="1" x14ac:dyDescent="0.15">
      <c r="AR23397" s="9" ph="1"/>
    </row>
    <row r="23401" spans="44:44" ht="15.75" customHeight="1" x14ac:dyDescent="0.15">
      <c r="AR23401" s="9" ph="1"/>
    </row>
    <row r="23408" spans="44:44" ht="15.75" customHeight="1" x14ac:dyDescent="0.15">
      <c r="AR23408" s="9" ph="1"/>
    </row>
    <row r="23415" spans="44:44" ht="15.75" customHeight="1" x14ac:dyDescent="0.15">
      <c r="AR23415" s="9" ph="1"/>
    </row>
    <row r="23422" spans="44:44" ht="15.75" customHeight="1" x14ac:dyDescent="0.15">
      <c r="AR23422" s="9" ph="1"/>
    </row>
    <row r="23423" spans="44:44" ht="15.75" customHeight="1" x14ac:dyDescent="0.15">
      <c r="AR23423" s="9" ph="1"/>
    </row>
    <row r="23425" spans="44:44" ht="15.75" customHeight="1" x14ac:dyDescent="0.15">
      <c r="AR23425" s="9" ph="1"/>
    </row>
    <row r="23432" spans="44:44" ht="15.75" customHeight="1" x14ac:dyDescent="0.15">
      <c r="AR23432" s="9" ph="1"/>
    </row>
    <row r="23443" spans="44:44" ht="15.75" customHeight="1" x14ac:dyDescent="0.15">
      <c r="AR23443" s="9" ph="1"/>
    </row>
    <row r="23450" spans="44:44" ht="15.75" customHeight="1" x14ac:dyDescent="0.15">
      <c r="AR23450" s="9" ph="1"/>
    </row>
    <row r="23451" spans="44:44" ht="15.75" customHeight="1" x14ac:dyDescent="0.15">
      <c r="AR23451" s="9" ph="1"/>
    </row>
    <row r="23452" spans="44:44" ht="15.75" customHeight="1" x14ac:dyDescent="0.15">
      <c r="AR23452" s="9" ph="1"/>
    </row>
    <row r="23453" spans="44:44" ht="15.75" customHeight="1" x14ac:dyDescent="0.15">
      <c r="AR23453" s="9" ph="1"/>
    </row>
    <row r="23454" spans="44:44" ht="15.75" customHeight="1" x14ac:dyDescent="0.15">
      <c r="AR23454" s="9" ph="1"/>
    </row>
    <row r="23455" spans="44:44" ht="15.75" customHeight="1" x14ac:dyDescent="0.15">
      <c r="AR23455" s="9" ph="1"/>
    </row>
    <row r="23456" spans="44:44" ht="15.75" customHeight="1" x14ac:dyDescent="0.15">
      <c r="AR23456" s="9" ph="1"/>
    </row>
    <row r="23457" spans="44:44" ht="15.75" customHeight="1" x14ac:dyDescent="0.15">
      <c r="AR23457" s="9" ph="1"/>
    </row>
    <row r="23459" spans="44:44" ht="15.75" customHeight="1" x14ac:dyDescent="0.15">
      <c r="AR23459" s="9" ph="1"/>
    </row>
    <row r="23466" spans="44:44" ht="15.75" customHeight="1" x14ac:dyDescent="0.15">
      <c r="AR23466" s="9" ph="1"/>
    </row>
    <row r="23470" spans="44:44" ht="15.75" customHeight="1" x14ac:dyDescent="0.15">
      <c r="AR23470" s="9" ph="1"/>
    </row>
    <row r="23477" spans="44:44" ht="15.75" customHeight="1" x14ac:dyDescent="0.15">
      <c r="AR23477" s="9" ph="1"/>
    </row>
    <row r="23484" spans="44:44" ht="15.75" customHeight="1" x14ac:dyDescent="0.15">
      <c r="AR23484" s="9" ph="1"/>
    </row>
    <row r="23491" spans="44:44" ht="15.75" customHeight="1" x14ac:dyDescent="0.15">
      <c r="AR23491" s="9" ph="1"/>
    </row>
    <row r="23492" spans="44:44" ht="15.75" customHeight="1" x14ac:dyDescent="0.15">
      <c r="AR23492" s="9" ph="1"/>
    </row>
    <row r="23494" spans="44:44" ht="15.75" customHeight="1" x14ac:dyDescent="0.15">
      <c r="AR23494" s="9" ph="1"/>
    </row>
    <row r="23501" spans="44:44" ht="15.75" customHeight="1" x14ac:dyDescent="0.15">
      <c r="AR23501" s="9" ph="1"/>
    </row>
    <row r="23512" spans="44:44" ht="15.75" customHeight="1" x14ac:dyDescent="0.15">
      <c r="AR23512" s="9" ph="1"/>
    </row>
    <row r="23519" spans="44:44" ht="15.75" customHeight="1" x14ac:dyDescent="0.15">
      <c r="AR23519" s="9" ph="1"/>
    </row>
    <row r="23520" spans="44:44" ht="15.75" customHeight="1" x14ac:dyDescent="0.15">
      <c r="AR23520" s="9" ph="1"/>
    </row>
    <row r="23521" spans="44:44" ht="15.75" customHeight="1" x14ac:dyDescent="0.15">
      <c r="AR23521" s="9" ph="1"/>
    </row>
    <row r="23522" spans="44:44" ht="15.75" customHeight="1" x14ac:dyDescent="0.15">
      <c r="AR23522" s="9" ph="1"/>
    </row>
    <row r="23523" spans="44:44" ht="15.75" customHeight="1" x14ac:dyDescent="0.15">
      <c r="AR23523" s="9" ph="1"/>
    </row>
    <row r="23524" spans="44:44" ht="15.75" customHeight="1" x14ac:dyDescent="0.15">
      <c r="AR23524" s="9" ph="1"/>
    </row>
    <row r="23525" spans="44:44" ht="15.75" customHeight="1" x14ac:dyDescent="0.15">
      <c r="AR23525" s="9" ph="1"/>
    </row>
    <row r="23526" spans="44:44" ht="15.75" customHeight="1" x14ac:dyDescent="0.15">
      <c r="AR23526" s="9" ph="1"/>
    </row>
    <row r="23528" spans="44:44" ht="15.75" customHeight="1" x14ac:dyDescent="0.15">
      <c r="AR23528" s="9" ph="1"/>
    </row>
    <row r="23529" spans="44:44" ht="15.75" customHeight="1" x14ac:dyDescent="0.15">
      <c r="AR23529" s="9" ph="1"/>
    </row>
    <row r="23530" spans="44:44" ht="15.75" customHeight="1" x14ac:dyDescent="0.15">
      <c r="AR23530" s="9" ph="1"/>
    </row>
    <row r="23531" spans="44:44" ht="15.75" customHeight="1" x14ac:dyDescent="0.15">
      <c r="AR23531" s="9" ph="1"/>
    </row>
    <row r="23538" spans="44:44" ht="15.75" customHeight="1" x14ac:dyDescent="0.15">
      <c r="AR23538" s="9" ph="1"/>
    </row>
    <row r="23539" spans="44:44" ht="15.75" customHeight="1" x14ac:dyDescent="0.15">
      <c r="AR23539" s="9" ph="1"/>
    </row>
    <row r="23540" spans="44:44" ht="15.75" customHeight="1" x14ac:dyDescent="0.15">
      <c r="AR23540" s="9" ph="1"/>
    </row>
    <row r="23541" spans="44:44" ht="15.75" customHeight="1" x14ac:dyDescent="0.15">
      <c r="AR23541" s="9" ph="1"/>
    </row>
    <row r="23542" spans="44:44" ht="15.75" customHeight="1" x14ac:dyDescent="0.15">
      <c r="AR23542" s="9" ph="1"/>
    </row>
    <row r="23543" spans="44:44" ht="15.75" customHeight="1" x14ac:dyDescent="0.15">
      <c r="AR23543" s="9" ph="1"/>
    </row>
    <row r="23544" spans="44:44" ht="15.75" customHeight="1" x14ac:dyDescent="0.15">
      <c r="AR23544" s="9" ph="1"/>
    </row>
    <row r="23545" spans="44:44" ht="15.75" customHeight="1" x14ac:dyDescent="0.15">
      <c r="AR23545" s="9" ph="1"/>
    </row>
    <row r="23547" spans="44:44" ht="15.75" customHeight="1" x14ac:dyDescent="0.15">
      <c r="AR23547" s="9" ph="1"/>
    </row>
    <row r="23548" spans="44:44" ht="15.75" customHeight="1" x14ac:dyDescent="0.15">
      <c r="AR23548" s="9" ph="1"/>
    </row>
    <row r="23549" spans="44:44" ht="15.75" customHeight="1" x14ac:dyDescent="0.15">
      <c r="AR23549" s="9" ph="1"/>
    </row>
    <row r="23551" spans="44:44" ht="15.75" customHeight="1" x14ac:dyDescent="0.15">
      <c r="AR23551" s="9" ph="1"/>
    </row>
    <row r="23552" spans="44:44" ht="15.75" customHeight="1" x14ac:dyDescent="0.15">
      <c r="AR23552" s="9" ph="1"/>
    </row>
    <row r="23553" spans="44:44" ht="15.75" customHeight="1" x14ac:dyDescent="0.15">
      <c r="AR23553" s="9" ph="1"/>
    </row>
    <row r="23554" spans="44:44" ht="15.75" customHeight="1" x14ac:dyDescent="0.15">
      <c r="AR23554" s="9" ph="1"/>
    </row>
    <row r="23555" spans="44:44" ht="15.75" customHeight="1" x14ac:dyDescent="0.15">
      <c r="AR23555" s="9" ph="1"/>
    </row>
    <row r="23556" spans="44:44" ht="15.75" customHeight="1" x14ac:dyDescent="0.15">
      <c r="AR23556" s="9" ph="1"/>
    </row>
    <row r="23557" spans="44:44" ht="15.75" customHeight="1" x14ac:dyDescent="0.15">
      <c r="AR23557" s="9" ph="1"/>
    </row>
    <row r="23558" spans="44:44" ht="15.75" customHeight="1" x14ac:dyDescent="0.15">
      <c r="AR23558" s="9" ph="1"/>
    </row>
    <row r="23559" spans="44:44" ht="15.75" customHeight="1" x14ac:dyDescent="0.15">
      <c r="AR23559" s="9" ph="1"/>
    </row>
    <row r="23560" spans="44:44" ht="15.75" customHeight="1" x14ac:dyDescent="0.15">
      <c r="AR23560" s="9" ph="1"/>
    </row>
    <row r="23561" spans="44:44" ht="15.75" customHeight="1" x14ac:dyDescent="0.15">
      <c r="AR23561" s="9" ph="1"/>
    </row>
    <row r="23562" spans="44:44" ht="15.75" customHeight="1" x14ac:dyDescent="0.15">
      <c r="AR23562" s="9" ph="1"/>
    </row>
    <row r="23563" spans="44:44" ht="15.75" customHeight="1" x14ac:dyDescent="0.15">
      <c r="AR23563" s="9" ph="1"/>
    </row>
    <row r="23565" spans="44:44" ht="15.75" customHeight="1" x14ac:dyDescent="0.15">
      <c r="AR23565" s="9" ph="1"/>
    </row>
    <row r="23566" spans="44:44" ht="15.75" customHeight="1" x14ac:dyDescent="0.15">
      <c r="AR23566" s="9" ph="1"/>
    </row>
    <row r="23567" spans="44:44" ht="15.75" customHeight="1" x14ac:dyDescent="0.15">
      <c r="AR23567" s="9" ph="1"/>
    </row>
    <row r="23569" spans="44:44" ht="15.75" customHeight="1" x14ac:dyDescent="0.15">
      <c r="AR23569" s="9" ph="1"/>
    </row>
    <row r="23570" spans="44:44" ht="15.75" customHeight="1" x14ac:dyDescent="0.15">
      <c r="AR23570" s="9" ph="1"/>
    </row>
    <row r="23571" spans="44:44" ht="15.75" customHeight="1" x14ac:dyDescent="0.15">
      <c r="AR23571" s="9" ph="1"/>
    </row>
    <row r="23572" spans="44:44" ht="15.75" customHeight="1" x14ac:dyDescent="0.15">
      <c r="AR23572" s="9" ph="1"/>
    </row>
    <row r="23573" spans="44:44" ht="15.75" customHeight="1" x14ac:dyDescent="0.15">
      <c r="AR23573" s="9" ph="1"/>
    </row>
    <row r="23574" spans="44:44" ht="15.75" customHeight="1" x14ac:dyDescent="0.15">
      <c r="AR23574" s="9" ph="1"/>
    </row>
    <row r="23576" spans="44:44" ht="15.75" customHeight="1" x14ac:dyDescent="0.15">
      <c r="AR23576" s="9" ph="1"/>
    </row>
    <row r="23577" spans="44:44" ht="15.75" customHeight="1" x14ac:dyDescent="0.15">
      <c r="AR23577" s="9" ph="1"/>
    </row>
    <row r="23578" spans="44:44" ht="15.75" customHeight="1" x14ac:dyDescent="0.15">
      <c r="AR23578" s="9" ph="1"/>
    </row>
    <row r="23579" spans="44:44" ht="15.75" customHeight="1" x14ac:dyDescent="0.15">
      <c r="AR23579" s="9" ph="1"/>
    </row>
    <row r="23580" spans="44:44" ht="15.75" customHeight="1" x14ac:dyDescent="0.15">
      <c r="AR23580" s="9" ph="1"/>
    </row>
    <row r="23581" spans="44:44" ht="15.75" customHeight="1" x14ac:dyDescent="0.15">
      <c r="AR23581" s="9" ph="1"/>
    </row>
    <row r="23582" spans="44:44" ht="15.75" customHeight="1" x14ac:dyDescent="0.15">
      <c r="AR23582" s="9" ph="1"/>
    </row>
    <row r="23583" spans="44:44" ht="15.75" customHeight="1" x14ac:dyDescent="0.15">
      <c r="AR23583" s="9" ph="1"/>
    </row>
    <row r="23584" spans="44:44" ht="15.75" customHeight="1" x14ac:dyDescent="0.15">
      <c r="AR23584" s="9" ph="1"/>
    </row>
    <row r="23585" spans="44:44" ht="15.75" customHeight="1" x14ac:dyDescent="0.15">
      <c r="AR23585" s="9" ph="1"/>
    </row>
    <row r="23586" spans="44:44" ht="15.75" customHeight="1" x14ac:dyDescent="0.15">
      <c r="AR23586" s="9" ph="1"/>
    </row>
    <row r="23587" spans="44:44" ht="15.75" customHeight="1" x14ac:dyDescent="0.15">
      <c r="AR23587" s="9" ph="1"/>
    </row>
    <row r="23588" spans="44:44" ht="15.75" customHeight="1" x14ac:dyDescent="0.15">
      <c r="AR23588" s="9" ph="1"/>
    </row>
    <row r="23590" spans="44:44" ht="15.75" customHeight="1" x14ac:dyDescent="0.15">
      <c r="AR23590" s="9" ph="1"/>
    </row>
    <row r="23591" spans="44:44" ht="15.75" customHeight="1" x14ac:dyDescent="0.15">
      <c r="AR23591" s="9" ph="1"/>
    </row>
    <row r="23592" spans="44:44" ht="15.75" customHeight="1" x14ac:dyDescent="0.15">
      <c r="AR23592" s="9" ph="1"/>
    </row>
    <row r="23594" spans="44:44" ht="15.75" customHeight="1" x14ac:dyDescent="0.15">
      <c r="AR23594" s="9" ph="1"/>
    </row>
    <row r="23595" spans="44:44" ht="15.75" customHeight="1" x14ac:dyDescent="0.15">
      <c r="AR23595" s="9" ph="1"/>
    </row>
    <row r="23596" spans="44:44" ht="15.75" customHeight="1" x14ac:dyDescent="0.15">
      <c r="AR23596" s="9" ph="1"/>
    </row>
    <row r="23597" spans="44:44" ht="15.75" customHeight="1" x14ac:dyDescent="0.15">
      <c r="AR23597" s="9" ph="1"/>
    </row>
    <row r="23598" spans="44:44" ht="15.75" customHeight="1" x14ac:dyDescent="0.15">
      <c r="AR23598" s="9" ph="1"/>
    </row>
    <row r="23599" spans="44:44" ht="15.75" customHeight="1" x14ac:dyDescent="0.15">
      <c r="AR23599" s="9" ph="1"/>
    </row>
    <row r="23600" spans="44:44" ht="15.75" customHeight="1" x14ac:dyDescent="0.15">
      <c r="AR23600" s="9" ph="1"/>
    </row>
    <row r="23601" spans="44:44" ht="15.75" customHeight="1" x14ac:dyDescent="0.15">
      <c r="AR23601" s="9" ph="1"/>
    </row>
    <row r="23602" spans="44:44" ht="15.75" customHeight="1" x14ac:dyDescent="0.15">
      <c r="AR23602" s="9" ph="1"/>
    </row>
    <row r="23603" spans="44:44" ht="15.75" customHeight="1" x14ac:dyDescent="0.15">
      <c r="AR23603" s="9" ph="1"/>
    </row>
    <row r="23604" spans="44:44" ht="15.75" customHeight="1" x14ac:dyDescent="0.15">
      <c r="AR23604" s="9" ph="1"/>
    </row>
    <row r="23605" spans="44:44" ht="15.75" customHeight="1" x14ac:dyDescent="0.15">
      <c r="AR23605" s="9" ph="1"/>
    </row>
    <row r="23606" spans="44:44" ht="15.75" customHeight="1" x14ac:dyDescent="0.15">
      <c r="AR23606" s="9" ph="1"/>
    </row>
    <row r="23607" spans="44:44" ht="15.75" customHeight="1" x14ac:dyDescent="0.15">
      <c r="AR23607" s="9" ph="1"/>
    </row>
    <row r="23608" spans="44:44" ht="15.75" customHeight="1" x14ac:dyDescent="0.15">
      <c r="AR23608" s="9" ph="1"/>
    </row>
    <row r="23609" spans="44:44" ht="15.75" customHeight="1" x14ac:dyDescent="0.15">
      <c r="AR23609" s="9" ph="1"/>
    </row>
    <row r="23611" spans="44:44" ht="15.75" customHeight="1" x14ac:dyDescent="0.15">
      <c r="AR23611" s="9" ph="1"/>
    </row>
    <row r="23612" spans="44:44" ht="15.75" customHeight="1" x14ac:dyDescent="0.15">
      <c r="AR23612" s="9" ph="1"/>
    </row>
    <row r="23613" spans="44:44" ht="15.75" customHeight="1" x14ac:dyDescent="0.15">
      <c r="AR23613" s="9" ph="1"/>
    </row>
    <row r="23615" spans="44:44" ht="15.75" customHeight="1" x14ac:dyDescent="0.15">
      <c r="AR23615" s="9" ph="1"/>
    </row>
    <row r="23616" spans="44:44" ht="15.75" customHeight="1" x14ac:dyDescent="0.15">
      <c r="AR23616" s="9" ph="1"/>
    </row>
    <row r="23617" spans="44:44" ht="15.75" customHeight="1" x14ac:dyDescent="0.15">
      <c r="AR23617" s="9" ph="1"/>
    </row>
    <row r="23618" spans="44:44" ht="15.75" customHeight="1" x14ac:dyDescent="0.15">
      <c r="AR23618" s="9" ph="1"/>
    </row>
    <row r="23619" spans="44:44" ht="15.75" customHeight="1" x14ac:dyDescent="0.15">
      <c r="AR23619" s="9" ph="1"/>
    </row>
    <row r="23620" spans="44:44" ht="15.75" customHeight="1" x14ac:dyDescent="0.15">
      <c r="AR23620" s="9" ph="1"/>
    </row>
    <row r="23621" spans="44:44" ht="15.75" customHeight="1" x14ac:dyDescent="0.15">
      <c r="AR23621" s="9" ph="1"/>
    </row>
    <row r="23622" spans="44:44" ht="15.75" customHeight="1" x14ac:dyDescent="0.15">
      <c r="AR23622" s="9" ph="1"/>
    </row>
    <row r="23624" spans="44:44" ht="15.75" customHeight="1" x14ac:dyDescent="0.15">
      <c r="AR23624" s="9" ph="1"/>
    </row>
    <row r="23625" spans="44:44" ht="15.75" customHeight="1" x14ac:dyDescent="0.15">
      <c r="AR23625" s="9" ph="1"/>
    </row>
    <row r="23626" spans="44:44" ht="15.75" customHeight="1" x14ac:dyDescent="0.15">
      <c r="AR23626" s="9" ph="1"/>
    </row>
    <row r="23627" spans="44:44" ht="15.75" customHeight="1" x14ac:dyDescent="0.15">
      <c r="AR23627" s="9" ph="1"/>
    </row>
    <row r="23628" spans="44:44" ht="15.75" customHeight="1" x14ac:dyDescent="0.15">
      <c r="AR23628" s="9" ph="1"/>
    </row>
    <row r="23629" spans="44:44" ht="15.75" customHeight="1" x14ac:dyDescent="0.15">
      <c r="AR23629" s="9" ph="1"/>
    </row>
    <row r="23630" spans="44:44" ht="15.75" customHeight="1" x14ac:dyDescent="0.15">
      <c r="AR23630" s="9" ph="1"/>
    </row>
    <row r="23631" spans="44:44" ht="15.75" customHeight="1" x14ac:dyDescent="0.15">
      <c r="AR23631" s="9" ph="1"/>
    </row>
    <row r="23633" spans="44:44" ht="15.75" customHeight="1" x14ac:dyDescent="0.15">
      <c r="AR23633" s="9" ph="1"/>
    </row>
    <row r="23634" spans="44:44" ht="15.75" customHeight="1" x14ac:dyDescent="0.15">
      <c r="AR23634" s="9" ph="1"/>
    </row>
    <row r="23635" spans="44:44" ht="15.75" customHeight="1" x14ac:dyDescent="0.15">
      <c r="AR23635" s="9" ph="1"/>
    </row>
    <row r="23636" spans="44:44" ht="15.75" customHeight="1" x14ac:dyDescent="0.15">
      <c r="AR23636" s="9" ph="1"/>
    </row>
    <row r="23637" spans="44:44" ht="15.75" customHeight="1" x14ac:dyDescent="0.15">
      <c r="AR23637" s="9" ph="1"/>
    </row>
    <row r="23638" spans="44:44" ht="15.75" customHeight="1" x14ac:dyDescent="0.15">
      <c r="AR23638" s="9" ph="1"/>
    </row>
    <row r="23639" spans="44:44" ht="15.75" customHeight="1" x14ac:dyDescent="0.15">
      <c r="AR23639" s="9" ph="1"/>
    </row>
    <row r="23641" spans="44:44" ht="15.75" customHeight="1" x14ac:dyDescent="0.15">
      <c r="AR23641" s="9" ph="1"/>
    </row>
    <row r="23642" spans="44:44" ht="15.75" customHeight="1" x14ac:dyDescent="0.15">
      <c r="AR23642" s="9" ph="1"/>
    </row>
    <row r="23643" spans="44:44" ht="15.75" customHeight="1" x14ac:dyDescent="0.15">
      <c r="AR23643" s="9" ph="1"/>
    </row>
    <row r="23645" spans="44:44" ht="15.75" customHeight="1" x14ac:dyDescent="0.15">
      <c r="AR23645" s="9" ph="1"/>
    </row>
    <row r="23646" spans="44:44" ht="15.75" customHeight="1" x14ac:dyDescent="0.15">
      <c r="AR23646" s="9" ph="1"/>
    </row>
    <row r="23647" spans="44:44" ht="15.75" customHeight="1" x14ac:dyDescent="0.15">
      <c r="AR23647" s="9" ph="1"/>
    </row>
    <row r="23648" spans="44:44" ht="15.75" customHeight="1" x14ac:dyDescent="0.15">
      <c r="AR23648" s="9" ph="1"/>
    </row>
    <row r="23649" spans="44:44" ht="15.75" customHeight="1" x14ac:dyDescent="0.15">
      <c r="AR23649" s="9" ph="1"/>
    </row>
    <row r="23650" spans="44:44" ht="15.75" customHeight="1" x14ac:dyDescent="0.15">
      <c r="AR23650" s="9" ph="1"/>
    </row>
    <row r="23651" spans="44:44" ht="15.75" customHeight="1" x14ac:dyDescent="0.15">
      <c r="AR23651" s="9" ph="1"/>
    </row>
    <row r="23658" spans="44:44" ht="15.75" customHeight="1" x14ac:dyDescent="0.15">
      <c r="AR23658" s="9" ph="1"/>
    </row>
    <row r="23659" spans="44:44" ht="15.75" customHeight="1" x14ac:dyDescent="0.15">
      <c r="AR23659" s="9" ph="1"/>
    </row>
    <row r="23661" spans="44:44" ht="15.75" customHeight="1" x14ac:dyDescent="0.15">
      <c r="AR23661" s="9" ph="1"/>
    </row>
    <row r="23668" spans="44:44" ht="15.75" customHeight="1" x14ac:dyDescent="0.15">
      <c r="AR23668" s="9" ph="1"/>
    </row>
    <row r="23679" spans="44:44" ht="15.75" customHeight="1" x14ac:dyDescent="0.15">
      <c r="AR23679" s="9" ph="1"/>
    </row>
    <row r="23686" spans="44:44" ht="15.75" customHeight="1" x14ac:dyDescent="0.15">
      <c r="AR23686" s="9" ph="1"/>
    </row>
    <row r="23690" spans="44:44" ht="15.75" customHeight="1" x14ac:dyDescent="0.15">
      <c r="AR23690" s="9" ph="1"/>
    </row>
    <row r="23697" spans="44:44" ht="15.75" customHeight="1" x14ac:dyDescent="0.15">
      <c r="AR23697" s="9" ph="1"/>
    </row>
    <row r="23704" spans="44:44" ht="15.75" customHeight="1" x14ac:dyDescent="0.15">
      <c r="AR23704" s="9" ph="1"/>
    </row>
    <row r="23711" spans="44:44" ht="15.75" customHeight="1" x14ac:dyDescent="0.15">
      <c r="AR23711" s="9" ph="1"/>
    </row>
    <row r="23712" spans="44:44" ht="15.75" customHeight="1" x14ac:dyDescent="0.15">
      <c r="AR23712" s="9" ph="1"/>
    </row>
    <row r="23714" spans="44:44" ht="15.75" customHeight="1" x14ac:dyDescent="0.15">
      <c r="AR23714" s="9" ph="1"/>
    </row>
    <row r="23721" spans="44:44" ht="15.75" customHeight="1" x14ac:dyDescent="0.15">
      <c r="AR23721" s="9" ph="1"/>
    </row>
    <row r="23732" spans="44:44" ht="15.75" customHeight="1" x14ac:dyDescent="0.15">
      <c r="AR23732" s="9" ph="1"/>
    </row>
    <row r="23739" spans="44:44" ht="15.75" customHeight="1" x14ac:dyDescent="0.15">
      <c r="AR23739" s="9" ph="1"/>
    </row>
    <row r="23740" spans="44:44" ht="15.75" customHeight="1" x14ac:dyDescent="0.15">
      <c r="AR23740" s="9" ph="1"/>
    </row>
    <row r="23741" spans="44:44" ht="15.75" customHeight="1" x14ac:dyDescent="0.15">
      <c r="AR23741" s="9" ph="1"/>
    </row>
    <row r="23742" spans="44:44" ht="15.75" customHeight="1" x14ac:dyDescent="0.15">
      <c r="AR23742" s="9" ph="1"/>
    </row>
    <row r="23743" spans="44:44" ht="15.75" customHeight="1" x14ac:dyDescent="0.15">
      <c r="AR23743" s="9" ph="1"/>
    </row>
    <row r="23744" spans="44:44" ht="15.75" customHeight="1" x14ac:dyDescent="0.15">
      <c r="AR23744" s="9" ph="1"/>
    </row>
    <row r="23745" spans="44:44" ht="15.75" customHeight="1" x14ac:dyDescent="0.15">
      <c r="AR23745" s="9" ph="1"/>
    </row>
    <row r="23746" spans="44:44" ht="15.75" customHeight="1" x14ac:dyDescent="0.15">
      <c r="AR23746" s="9" ph="1"/>
    </row>
    <row r="23748" spans="44:44" ht="15.75" customHeight="1" x14ac:dyDescent="0.15">
      <c r="AR23748" s="9" ph="1"/>
    </row>
    <row r="23755" spans="44:44" ht="15.75" customHeight="1" x14ac:dyDescent="0.15">
      <c r="AR23755" s="9" ph="1"/>
    </row>
    <row r="23759" spans="44:44" ht="15.75" customHeight="1" x14ac:dyDescent="0.15">
      <c r="AR23759" s="9" ph="1"/>
    </row>
    <row r="23766" spans="44:44" ht="15.75" customHeight="1" x14ac:dyDescent="0.15">
      <c r="AR23766" s="9" ph="1"/>
    </row>
    <row r="23773" spans="44:44" ht="15.75" customHeight="1" x14ac:dyDescent="0.15">
      <c r="AR23773" s="9" ph="1"/>
    </row>
    <row r="23780" spans="44:44" ht="15.75" customHeight="1" x14ac:dyDescent="0.15">
      <c r="AR23780" s="9" ph="1"/>
    </row>
    <row r="23781" spans="44:44" ht="15.75" customHeight="1" x14ac:dyDescent="0.15">
      <c r="AR23781" s="9" ph="1"/>
    </row>
    <row r="23783" spans="44:44" ht="15.75" customHeight="1" x14ac:dyDescent="0.15">
      <c r="AR23783" s="9" ph="1"/>
    </row>
    <row r="23790" spans="44:44" ht="15.75" customHeight="1" x14ac:dyDescent="0.15">
      <c r="AR23790" s="9" ph="1"/>
    </row>
    <row r="23801" spans="44:44" ht="15.75" customHeight="1" x14ac:dyDescent="0.15">
      <c r="AR23801" s="9" ph="1"/>
    </row>
    <row r="23808" spans="44:44" ht="15.75" customHeight="1" x14ac:dyDescent="0.15">
      <c r="AR23808" s="9" ph="1"/>
    </row>
    <row r="23809" spans="44:44" ht="15.75" customHeight="1" x14ac:dyDescent="0.15">
      <c r="AR23809" s="9" ph="1"/>
    </row>
    <row r="23810" spans="44:44" ht="15.75" customHeight="1" x14ac:dyDescent="0.15">
      <c r="AR23810" s="9" ph="1"/>
    </row>
    <row r="23811" spans="44:44" ht="15.75" customHeight="1" x14ac:dyDescent="0.15">
      <c r="AR23811" s="9" ph="1"/>
    </row>
    <row r="23812" spans="44:44" ht="15.75" customHeight="1" x14ac:dyDescent="0.15">
      <c r="AR23812" s="9" ph="1"/>
    </row>
    <row r="23813" spans="44:44" ht="15.75" customHeight="1" x14ac:dyDescent="0.15">
      <c r="AR23813" s="9" ph="1"/>
    </row>
    <row r="23814" spans="44:44" ht="15.75" customHeight="1" x14ac:dyDescent="0.15">
      <c r="AR23814" s="9" ph="1"/>
    </row>
    <row r="23815" spans="44:44" ht="15.75" customHeight="1" x14ac:dyDescent="0.15">
      <c r="AR23815" s="9" ph="1"/>
    </row>
    <row r="23817" spans="44:44" ht="15.75" customHeight="1" x14ac:dyDescent="0.15">
      <c r="AR23817" s="9" ph="1"/>
    </row>
    <row r="23818" spans="44:44" ht="15.75" customHeight="1" x14ac:dyDescent="0.15">
      <c r="AR23818" s="9" ph="1"/>
    </row>
    <row r="23819" spans="44:44" ht="15.75" customHeight="1" x14ac:dyDescent="0.15">
      <c r="AR23819" s="9" ph="1"/>
    </row>
    <row r="23820" spans="44:44" ht="15.75" customHeight="1" x14ac:dyDescent="0.15">
      <c r="AR23820" s="9" ph="1"/>
    </row>
    <row r="23827" spans="44:44" ht="15.75" customHeight="1" x14ac:dyDescent="0.15">
      <c r="AR23827" s="9" ph="1"/>
    </row>
    <row r="23828" spans="44:44" ht="15.75" customHeight="1" x14ac:dyDescent="0.15">
      <c r="AR23828" s="9" ph="1"/>
    </row>
    <row r="23829" spans="44:44" ht="15.75" customHeight="1" x14ac:dyDescent="0.15">
      <c r="AR23829" s="9" ph="1"/>
    </row>
    <row r="23830" spans="44:44" ht="15.75" customHeight="1" x14ac:dyDescent="0.15">
      <c r="AR23830" s="9" ph="1"/>
    </row>
    <row r="23831" spans="44:44" ht="15.75" customHeight="1" x14ac:dyDescent="0.15">
      <c r="AR23831" s="9" ph="1"/>
    </row>
    <row r="23832" spans="44:44" ht="15.75" customHeight="1" x14ac:dyDescent="0.15">
      <c r="AR23832" s="9" ph="1"/>
    </row>
    <row r="23833" spans="44:44" ht="15.75" customHeight="1" x14ac:dyDescent="0.15">
      <c r="AR23833" s="9" ph="1"/>
    </row>
    <row r="23834" spans="44:44" ht="15.75" customHeight="1" x14ac:dyDescent="0.15">
      <c r="AR23834" s="9" ph="1"/>
    </row>
    <row r="23836" spans="44:44" ht="15.75" customHeight="1" x14ac:dyDescent="0.15">
      <c r="AR23836" s="9" ph="1"/>
    </row>
    <row r="23837" spans="44:44" ht="15.75" customHeight="1" x14ac:dyDescent="0.15">
      <c r="AR23837" s="9" ph="1"/>
    </row>
    <row r="23838" spans="44:44" ht="15.75" customHeight="1" x14ac:dyDescent="0.15">
      <c r="AR23838" s="9" ph="1"/>
    </row>
    <row r="23840" spans="44:44" ht="15.75" customHeight="1" x14ac:dyDescent="0.15">
      <c r="AR23840" s="9" ph="1"/>
    </row>
    <row r="23841" spans="44:44" ht="15.75" customHeight="1" x14ac:dyDescent="0.15">
      <c r="AR23841" s="9" ph="1"/>
    </row>
    <row r="23842" spans="44:44" ht="15.75" customHeight="1" x14ac:dyDescent="0.15">
      <c r="AR23842" s="9" ph="1"/>
    </row>
    <row r="23843" spans="44:44" ht="15.75" customHeight="1" x14ac:dyDescent="0.15">
      <c r="AR23843" s="9" ph="1"/>
    </row>
    <row r="23844" spans="44:44" ht="15.75" customHeight="1" x14ac:dyDescent="0.15">
      <c r="AR23844" s="9" ph="1"/>
    </row>
    <row r="23845" spans="44:44" ht="15.75" customHeight="1" x14ac:dyDescent="0.15">
      <c r="AR23845" s="9" ph="1"/>
    </row>
    <row r="23846" spans="44:44" ht="15.75" customHeight="1" x14ac:dyDescent="0.15">
      <c r="AR23846" s="9" ph="1"/>
    </row>
    <row r="23847" spans="44:44" ht="15.75" customHeight="1" x14ac:dyDescent="0.15">
      <c r="AR23847" s="9" ph="1"/>
    </row>
    <row r="23848" spans="44:44" ht="15.75" customHeight="1" x14ac:dyDescent="0.15">
      <c r="AR23848" s="9" ph="1"/>
    </row>
    <row r="23849" spans="44:44" ht="15.75" customHeight="1" x14ac:dyDescent="0.15">
      <c r="AR23849" s="9" ph="1"/>
    </row>
    <row r="23850" spans="44:44" ht="15.75" customHeight="1" x14ac:dyDescent="0.15">
      <c r="AR23850" s="9" ph="1"/>
    </row>
    <row r="23851" spans="44:44" ht="15.75" customHeight="1" x14ac:dyDescent="0.15">
      <c r="AR23851" s="9" ph="1"/>
    </row>
    <row r="23852" spans="44:44" ht="15.75" customHeight="1" x14ac:dyDescent="0.15">
      <c r="AR23852" s="9" ph="1"/>
    </row>
    <row r="23854" spans="44:44" ht="15.75" customHeight="1" x14ac:dyDescent="0.15">
      <c r="AR23854" s="9" ph="1"/>
    </row>
    <row r="23855" spans="44:44" ht="15.75" customHeight="1" x14ac:dyDescent="0.15">
      <c r="AR23855" s="9" ph="1"/>
    </row>
    <row r="23856" spans="44:44" ht="15.75" customHeight="1" x14ac:dyDescent="0.15">
      <c r="AR23856" s="9" ph="1"/>
    </row>
    <row r="23858" spans="44:44" ht="15.75" customHeight="1" x14ac:dyDescent="0.15">
      <c r="AR23858" s="9" ph="1"/>
    </row>
    <row r="23859" spans="44:44" ht="15.75" customHeight="1" x14ac:dyDescent="0.15">
      <c r="AR23859" s="9" ph="1"/>
    </row>
    <row r="23860" spans="44:44" ht="15.75" customHeight="1" x14ac:dyDescent="0.15">
      <c r="AR23860" s="9" ph="1"/>
    </row>
    <row r="23861" spans="44:44" ht="15.75" customHeight="1" x14ac:dyDescent="0.15">
      <c r="AR23861" s="9" ph="1"/>
    </row>
    <row r="23862" spans="44:44" ht="15.75" customHeight="1" x14ac:dyDescent="0.15">
      <c r="AR23862" s="9" ph="1"/>
    </row>
    <row r="23863" spans="44:44" ht="15.75" customHeight="1" x14ac:dyDescent="0.15">
      <c r="AR23863" s="9" ph="1"/>
    </row>
    <row r="23865" spans="44:44" ht="15.75" customHeight="1" x14ac:dyDescent="0.15">
      <c r="AR23865" s="9" ph="1"/>
    </row>
    <row r="23866" spans="44:44" ht="15.75" customHeight="1" x14ac:dyDescent="0.15">
      <c r="AR23866" s="9" ph="1"/>
    </row>
    <row r="23867" spans="44:44" ht="15.75" customHeight="1" x14ac:dyDescent="0.15">
      <c r="AR23867" s="9" ph="1"/>
    </row>
    <row r="23868" spans="44:44" ht="15.75" customHeight="1" x14ac:dyDescent="0.15">
      <c r="AR23868" s="9" ph="1"/>
    </row>
    <row r="23869" spans="44:44" ht="15.75" customHeight="1" x14ac:dyDescent="0.15">
      <c r="AR23869" s="9" ph="1"/>
    </row>
    <row r="23870" spans="44:44" ht="15.75" customHeight="1" x14ac:dyDescent="0.15">
      <c r="AR23870" s="9" ph="1"/>
    </row>
    <row r="23871" spans="44:44" ht="15.75" customHeight="1" x14ac:dyDescent="0.15">
      <c r="AR23871" s="9" ph="1"/>
    </row>
    <row r="23872" spans="44:44" ht="15.75" customHeight="1" x14ac:dyDescent="0.15">
      <c r="AR23872" s="9" ph="1"/>
    </row>
    <row r="23873" spans="44:44" ht="15.75" customHeight="1" x14ac:dyDescent="0.15">
      <c r="AR23873" s="9" ph="1"/>
    </row>
    <row r="23874" spans="44:44" ht="15.75" customHeight="1" x14ac:dyDescent="0.15">
      <c r="AR23874" s="9" ph="1"/>
    </row>
    <row r="23875" spans="44:44" ht="15.75" customHeight="1" x14ac:dyDescent="0.15">
      <c r="AR23875" s="9" ph="1"/>
    </row>
    <row r="23876" spans="44:44" ht="15.75" customHeight="1" x14ac:dyDescent="0.15">
      <c r="AR23876" s="9" ph="1"/>
    </row>
    <row r="23877" spans="44:44" ht="15.75" customHeight="1" x14ac:dyDescent="0.15">
      <c r="AR23877" s="9" ph="1"/>
    </row>
    <row r="23879" spans="44:44" ht="15.75" customHeight="1" x14ac:dyDescent="0.15">
      <c r="AR23879" s="9" ph="1"/>
    </row>
    <row r="23880" spans="44:44" ht="15.75" customHeight="1" x14ac:dyDescent="0.15">
      <c r="AR23880" s="9" ph="1"/>
    </row>
    <row r="23881" spans="44:44" ht="15.75" customHeight="1" x14ac:dyDescent="0.15">
      <c r="AR23881" s="9" ph="1"/>
    </row>
    <row r="23883" spans="44:44" ht="15.75" customHeight="1" x14ac:dyDescent="0.15">
      <c r="AR23883" s="9" ph="1"/>
    </row>
    <row r="23884" spans="44:44" ht="15.75" customHeight="1" x14ac:dyDescent="0.15">
      <c r="AR23884" s="9" ph="1"/>
    </row>
    <row r="23885" spans="44:44" ht="15.75" customHeight="1" x14ac:dyDescent="0.15">
      <c r="AR23885" s="9" ph="1"/>
    </row>
    <row r="23886" spans="44:44" ht="15.75" customHeight="1" x14ac:dyDescent="0.15">
      <c r="AR23886" s="9" ph="1"/>
    </row>
    <row r="23887" spans="44:44" ht="15.75" customHeight="1" x14ac:dyDescent="0.15">
      <c r="AR23887" s="9" ph="1"/>
    </row>
    <row r="23888" spans="44:44" ht="15.75" customHeight="1" x14ac:dyDescent="0.15">
      <c r="AR23888" s="9" ph="1"/>
    </row>
    <row r="23889" spans="44:44" ht="15.75" customHeight="1" x14ac:dyDescent="0.15">
      <c r="AR23889" s="9" ph="1"/>
    </row>
    <row r="23890" spans="44:44" ht="15.75" customHeight="1" x14ac:dyDescent="0.15">
      <c r="AR23890" s="9" ph="1"/>
    </row>
    <row r="23891" spans="44:44" ht="15.75" customHeight="1" x14ac:dyDescent="0.15">
      <c r="AR23891" s="9" ph="1"/>
    </row>
    <row r="23892" spans="44:44" ht="15.75" customHeight="1" x14ac:dyDescent="0.15">
      <c r="AR23892" s="9" ph="1"/>
    </row>
    <row r="23893" spans="44:44" ht="15.75" customHeight="1" x14ac:dyDescent="0.15">
      <c r="AR23893" s="9" ph="1"/>
    </row>
    <row r="23894" spans="44:44" ht="15.75" customHeight="1" x14ac:dyDescent="0.15">
      <c r="AR23894" s="9" ph="1"/>
    </row>
    <row r="23895" spans="44:44" ht="15.75" customHeight="1" x14ac:dyDescent="0.15">
      <c r="AR23895" s="9" ph="1"/>
    </row>
    <row r="23896" spans="44:44" ht="15.75" customHeight="1" x14ac:dyDescent="0.15">
      <c r="AR23896" s="9" ph="1"/>
    </row>
    <row r="23897" spans="44:44" ht="15.75" customHeight="1" x14ac:dyDescent="0.15">
      <c r="AR23897" s="9" ph="1"/>
    </row>
    <row r="23898" spans="44:44" ht="15.75" customHeight="1" x14ac:dyDescent="0.15">
      <c r="AR23898" s="9" ph="1"/>
    </row>
    <row r="23900" spans="44:44" ht="15.75" customHeight="1" x14ac:dyDescent="0.15">
      <c r="AR23900" s="9" ph="1"/>
    </row>
    <row r="23901" spans="44:44" ht="15.75" customHeight="1" x14ac:dyDescent="0.15">
      <c r="AR23901" s="9" ph="1"/>
    </row>
    <row r="23902" spans="44:44" ht="15.75" customHeight="1" x14ac:dyDescent="0.15">
      <c r="AR23902" s="9" ph="1"/>
    </row>
    <row r="23904" spans="44:44" ht="15.75" customHeight="1" x14ac:dyDescent="0.15">
      <c r="AR23904" s="9" ph="1"/>
    </row>
    <row r="23905" spans="44:44" ht="15.75" customHeight="1" x14ac:dyDescent="0.15">
      <c r="AR23905" s="9" ph="1"/>
    </row>
    <row r="23906" spans="44:44" ht="15.75" customHeight="1" x14ac:dyDescent="0.15">
      <c r="AR23906" s="9" ph="1"/>
    </row>
    <row r="23907" spans="44:44" ht="15.75" customHeight="1" x14ac:dyDescent="0.15">
      <c r="AR23907" s="9" ph="1"/>
    </row>
    <row r="23908" spans="44:44" ht="15.75" customHeight="1" x14ac:dyDescent="0.15">
      <c r="AR23908" s="9" ph="1"/>
    </row>
    <row r="23909" spans="44:44" ht="15.75" customHeight="1" x14ac:dyDescent="0.15">
      <c r="AR23909" s="9" ph="1"/>
    </row>
    <row r="23910" spans="44:44" ht="15.75" customHeight="1" x14ac:dyDescent="0.15">
      <c r="AR23910" s="9" ph="1"/>
    </row>
    <row r="23911" spans="44:44" ht="15.75" customHeight="1" x14ac:dyDescent="0.15">
      <c r="AR23911" s="9" ph="1"/>
    </row>
    <row r="23913" spans="44:44" ht="15.75" customHeight="1" x14ac:dyDescent="0.15">
      <c r="AR23913" s="9" ph="1"/>
    </row>
    <row r="23914" spans="44:44" ht="15.75" customHeight="1" x14ac:dyDescent="0.15">
      <c r="AR23914" s="9" ph="1"/>
    </row>
    <row r="23915" spans="44:44" ht="15.75" customHeight="1" x14ac:dyDescent="0.15">
      <c r="AR23915" s="9" ph="1"/>
    </row>
    <row r="23916" spans="44:44" ht="15.75" customHeight="1" x14ac:dyDescent="0.15">
      <c r="AR23916" s="9" ph="1"/>
    </row>
    <row r="23917" spans="44:44" ht="15.75" customHeight="1" x14ac:dyDescent="0.15">
      <c r="AR23917" s="9" ph="1"/>
    </row>
    <row r="23918" spans="44:44" ht="15.75" customHeight="1" x14ac:dyDescent="0.15">
      <c r="AR23918" s="9" ph="1"/>
    </row>
    <row r="23919" spans="44:44" ht="15.75" customHeight="1" x14ac:dyDescent="0.15">
      <c r="AR23919" s="9" ph="1"/>
    </row>
    <row r="23920" spans="44:44" ht="15.75" customHeight="1" x14ac:dyDescent="0.15">
      <c r="AR23920" s="9" ph="1"/>
    </row>
    <row r="23922" spans="44:44" ht="15.75" customHeight="1" x14ac:dyDescent="0.15">
      <c r="AR23922" s="9" ph="1"/>
    </row>
    <row r="23923" spans="44:44" ht="15.75" customHeight="1" x14ac:dyDescent="0.15">
      <c r="AR23923" s="9" ph="1"/>
    </row>
    <row r="23924" spans="44:44" ht="15.75" customHeight="1" x14ac:dyDescent="0.15">
      <c r="AR23924" s="9" ph="1"/>
    </row>
    <row r="23925" spans="44:44" ht="15.75" customHeight="1" x14ac:dyDescent="0.15">
      <c r="AR23925" s="9" ph="1"/>
    </row>
    <row r="23926" spans="44:44" ht="15.75" customHeight="1" x14ac:dyDescent="0.15">
      <c r="AR23926" s="9" ph="1"/>
    </row>
    <row r="23927" spans="44:44" ht="15.75" customHeight="1" x14ac:dyDescent="0.15">
      <c r="AR23927" s="9" ph="1"/>
    </row>
    <row r="23929" spans="44:44" ht="15.75" customHeight="1" x14ac:dyDescent="0.15">
      <c r="AR23929" s="9" ph="1"/>
    </row>
    <row r="23930" spans="44:44" ht="15.75" customHeight="1" x14ac:dyDescent="0.15">
      <c r="AR23930" s="9" ph="1"/>
    </row>
    <row r="23931" spans="44:44" ht="15.75" customHeight="1" x14ac:dyDescent="0.15">
      <c r="AR23931" s="9" ph="1"/>
    </row>
    <row r="23932" spans="44:44" ht="15.75" customHeight="1" x14ac:dyDescent="0.15">
      <c r="AR23932" s="9" ph="1"/>
    </row>
    <row r="23933" spans="44:44" ht="15.75" customHeight="1" x14ac:dyDescent="0.15">
      <c r="AR23933" s="9" ph="1"/>
    </row>
    <row r="23934" spans="44:44" ht="15.75" customHeight="1" x14ac:dyDescent="0.15">
      <c r="AR23934" s="9" ph="1"/>
    </row>
    <row r="23935" spans="44:44" ht="15.75" customHeight="1" x14ac:dyDescent="0.15">
      <c r="AR23935" s="9" ph="1"/>
    </row>
    <row r="23942" spans="44:44" ht="15.75" customHeight="1" x14ac:dyDescent="0.15">
      <c r="AR23942" s="9" ph="1"/>
    </row>
    <row r="23943" spans="44:44" ht="15.75" customHeight="1" x14ac:dyDescent="0.15">
      <c r="AR23943" s="9" ph="1"/>
    </row>
    <row r="23945" spans="44:44" ht="15.75" customHeight="1" x14ac:dyDescent="0.15">
      <c r="AR23945" s="9" ph="1"/>
    </row>
    <row r="23952" spans="44:44" ht="15.75" customHeight="1" x14ac:dyDescent="0.15">
      <c r="AR23952" s="9" ph="1"/>
    </row>
    <row r="23963" spans="44:44" ht="15.75" customHeight="1" x14ac:dyDescent="0.15">
      <c r="AR23963" s="9" ph="1"/>
    </row>
    <row r="23970" spans="44:44" ht="15.75" customHeight="1" x14ac:dyDescent="0.15">
      <c r="AR23970" s="9" ph="1"/>
    </row>
    <row r="23974" spans="44:44" ht="15.75" customHeight="1" x14ac:dyDescent="0.15">
      <c r="AR23974" s="9" ph="1"/>
    </row>
    <row r="23981" spans="44:44" ht="15.75" customHeight="1" x14ac:dyDescent="0.15">
      <c r="AR23981" s="9" ph="1"/>
    </row>
    <row r="23988" spans="44:44" ht="15.75" customHeight="1" x14ac:dyDescent="0.15">
      <c r="AR23988" s="9" ph="1"/>
    </row>
    <row r="23995" spans="44:44" ht="15.75" customHeight="1" x14ac:dyDescent="0.15">
      <c r="AR23995" s="9" ph="1"/>
    </row>
    <row r="23996" spans="44:44" ht="15.75" customHeight="1" x14ac:dyDescent="0.15">
      <c r="AR23996" s="9" ph="1"/>
    </row>
    <row r="23998" spans="44:44" ht="15.75" customHeight="1" x14ac:dyDescent="0.15">
      <c r="AR23998" s="9" ph="1"/>
    </row>
    <row r="24005" spans="44:44" ht="15.75" customHeight="1" x14ac:dyDescent="0.15">
      <c r="AR24005" s="9" ph="1"/>
    </row>
    <row r="24016" spans="44:44" ht="15.75" customHeight="1" x14ac:dyDescent="0.15">
      <c r="AR24016" s="9" ph="1"/>
    </row>
    <row r="24023" spans="44:44" ht="15.75" customHeight="1" x14ac:dyDescent="0.15">
      <c r="AR24023" s="9" ph="1"/>
    </row>
    <row r="24024" spans="44:44" ht="15.75" customHeight="1" x14ac:dyDescent="0.15">
      <c r="AR24024" s="9" ph="1"/>
    </row>
    <row r="24025" spans="44:44" ht="15.75" customHeight="1" x14ac:dyDescent="0.15">
      <c r="AR24025" s="9" ph="1"/>
    </row>
    <row r="24026" spans="44:44" ht="15.75" customHeight="1" x14ac:dyDescent="0.15">
      <c r="AR24026" s="9" ph="1"/>
    </row>
    <row r="24027" spans="44:44" ht="15.75" customHeight="1" x14ac:dyDescent="0.15">
      <c r="AR24027" s="9" ph="1"/>
    </row>
    <row r="24028" spans="44:44" ht="15.75" customHeight="1" x14ac:dyDescent="0.15">
      <c r="AR24028" s="9" ph="1"/>
    </row>
    <row r="24029" spans="44:44" ht="15.75" customHeight="1" x14ac:dyDescent="0.15">
      <c r="AR24029" s="9" ph="1"/>
    </row>
    <row r="24030" spans="44:44" ht="15.75" customHeight="1" x14ac:dyDescent="0.15">
      <c r="AR24030" s="9" ph="1"/>
    </row>
    <row r="24032" spans="44:44" ht="15.75" customHeight="1" x14ac:dyDescent="0.15">
      <c r="AR24032" s="9" ph="1"/>
    </row>
    <row r="24039" spans="44:44" ht="15.75" customHeight="1" x14ac:dyDescent="0.15">
      <c r="AR24039" s="9" ph="1"/>
    </row>
    <row r="24043" spans="44:44" ht="15.75" customHeight="1" x14ac:dyDescent="0.15">
      <c r="AR24043" s="9" ph="1"/>
    </row>
    <row r="24050" spans="44:44" ht="15.75" customHeight="1" x14ac:dyDescent="0.15">
      <c r="AR24050" s="9" ph="1"/>
    </row>
    <row r="24057" spans="44:44" ht="15.75" customHeight="1" x14ac:dyDescent="0.15">
      <c r="AR24057" s="9" ph="1"/>
    </row>
    <row r="24064" spans="44:44" ht="15.75" customHeight="1" x14ac:dyDescent="0.15">
      <c r="AR24064" s="9" ph="1"/>
    </row>
    <row r="24065" spans="44:44" ht="15.75" customHeight="1" x14ac:dyDescent="0.15">
      <c r="AR24065" s="9" ph="1"/>
    </row>
    <row r="24067" spans="44:44" ht="15.75" customHeight="1" x14ac:dyDescent="0.15">
      <c r="AR24067" s="9" ph="1"/>
    </row>
    <row r="24074" spans="44:44" ht="15.75" customHeight="1" x14ac:dyDescent="0.15">
      <c r="AR24074" s="9" ph="1"/>
    </row>
    <row r="24085" spans="44:44" ht="15.75" customHeight="1" x14ac:dyDescent="0.15">
      <c r="AR24085" s="9" ph="1"/>
    </row>
    <row r="24092" spans="44:44" ht="15.75" customHeight="1" x14ac:dyDescent="0.15">
      <c r="AR24092" s="9" ph="1"/>
    </row>
    <row r="24093" spans="44:44" ht="15.75" customHeight="1" x14ac:dyDescent="0.15">
      <c r="AR24093" s="9" ph="1"/>
    </row>
    <row r="24094" spans="44:44" ht="15.75" customHeight="1" x14ac:dyDescent="0.15">
      <c r="AR24094" s="9" ph="1"/>
    </row>
    <row r="24095" spans="44:44" ht="15.75" customHeight="1" x14ac:dyDescent="0.15">
      <c r="AR24095" s="9" ph="1"/>
    </row>
    <row r="24096" spans="44:44" ht="15.75" customHeight="1" x14ac:dyDescent="0.15">
      <c r="AR24096" s="9" ph="1"/>
    </row>
    <row r="24097" spans="44:44" ht="15.75" customHeight="1" x14ac:dyDescent="0.15">
      <c r="AR24097" s="9" ph="1"/>
    </row>
    <row r="24098" spans="44:44" ht="15.75" customHeight="1" x14ac:dyDescent="0.15">
      <c r="AR24098" s="9" ph="1"/>
    </row>
    <row r="24099" spans="44:44" ht="15.75" customHeight="1" x14ac:dyDescent="0.15">
      <c r="AR24099" s="9" ph="1"/>
    </row>
    <row r="24101" spans="44:44" ht="15.75" customHeight="1" x14ac:dyDescent="0.15">
      <c r="AR24101" s="9" ph="1"/>
    </row>
    <row r="24102" spans="44:44" ht="15.75" customHeight="1" x14ac:dyDescent="0.15">
      <c r="AR24102" s="9" ph="1"/>
    </row>
    <row r="24103" spans="44:44" ht="15.75" customHeight="1" x14ac:dyDescent="0.15">
      <c r="AR24103" s="9" ph="1"/>
    </row>
    <row r="24104" spans="44:44" ht="15.75" customHeight="1" x14ac:dyDescent="0.15">
      <c r="AR24104" s="9" ph="1"/>
    </row>
    <row r="24111" spans="44:44" ht="15.75" customHeight="1" x14ac:dyDescent="0.15">
      <c r="AR24111" s="9" ph="1"/>
    </row>
    <row r="24112" spans="44:44" ht="15.75" customHeight="1" x14ac:dyDescent="0.15">
      <c r="AR24112" s="9" ph="1"/>
    </row>
    <row r="24113" spans="44:44" ht="15.75" customHeight="1" x14ac:dyDescent="0.15">
      <c r="AR24113" s="9" ph="1"/>
    </row>
    <row r="24114" spans="44:44" ht="15.75" customHeight="1" x14ac:dyDescent="0.15">
      <c r="AR24114" s="9" ph="1"/>
    </row>
    <row r="24115" spans="44:44" ht="15.75" customHeight="1" x14ac:dyDescent="0.15">
      <c r="AR24115" s="9" ph="1"/>
    </row>
    <row r="24116" spans="44:44" ht="15.75" customHeight="1" x14ac:dyDescent="0.15">
      <c r="AR24116" s="9" ph="1"/>
    </row>
    <row r="24117" spans="44:44" ht="15.75" customHeight="1" x14ac:dyDescent="0.15">
      <c r="AR24117" s="9" ph="1"/>
    </row>
    <row r="24118" spans="44:44" ht="15.75" customHeight="1" x14ac:dyDescent="0.15">
      <c r="AR24118" s="9" ph="1"/>
    </row>
    <row r="24120" spans="44:44" ht="15.75" customHeight="1" x14ac:dyDescent="0.15">
      <c r="AR24120" s="9" ph="1"/>
    </row>
    <row r="24121" spans="44:44" ht="15.75" customHeight="1" x14ac:dyDescent="0.15">
      <c r="AR24121" s="9" ph="1"/>
    </row>
    <row r="24122" spans="44:44" ht="15.75" customHeight="1" x14ac:dyDescent="0.15">
      <c r="AR24122" s="9" ph="1"/>
    </row>
    <row r="24124" spans="44:44" ht="15.75" customHeight="1" x14ac:dyDescent="0.15">
      <c r="AR24124" s="9" ph="1"/>
    </row>
    <row r="24125" spans="44:44" ht="15.75" customHeight="1" x14ac:dyDescent="0.15">
      <c r="AR24125" s="9" ph="1"/>
    </row>
    <row r="24126" spans="44:44" ht="15.75" customHeight="1" x14ac:dyDescent="0.15">
      <c r="AR24126" s="9" ph="1"/>
    </row>
    <row r="24127" spans="44:44" ht="15.75" customHeight="1" x14ac:dyDescent="0.15">
      <c r="AR24127" s="9" ph="1"/>
    </row>
    <row r="24128" spans="44:44" ht="15.75" customHeight="1" x14ac:dyDescent="0.15">
      <c r="AR24128" s="9" ph="1"/>
    </row>
    <row r="24129" spans="44:44" ht="15.75" customHeight="1" x14ac:dyDescent="0.15">
      <c r="AR24129" s="9" ph="1"/>
    </row>
    <row r="24130" spans="44:44" ht="15.75" customHeight="1" x14ac:dyDescent="0.15">
      <c r="AR24130" s="9" ph="1"/>
    </row>
    <row r="24131" spans="44:44" ht="15.75" customHeight="1" x14ac:dyDescent="0.15">
      <c r="AR24131" s="9" ph="1"/>
    </row>
    <row r="24132" spans="44:44" ht="15.75" customHeight="1" x14ac:dyDescent="0.15">
      <c r="AR24132" s="9" ph="1"/>
    </row>
    <row r="24133" spans="44:44" ht="15.75" customHeight="1" x14ac:dyDescent="0.15">
      <c r="AR24133" s="9" ph="1"/>
    </row>
    <row r="24134" spans="44:44" ht="15.75" customHeight="1" x14ac:dyDescent="0.15">
      <c r="AR24134" s="9" ph="1"/>
    </row>
    <row r="24135" spans="44:44" ht="15.75" customHeight="1" x14ac:dyDescent="0.15">
      <c r="AR24135" s="9" ph="1"/>
    </row>
    <row r="24136" spans="44:44" ht="15.75" customHeight="1" x14ac:dyDescent="0.15">
      <c r="AR24136" s="9" ph="1"/>
    </row>
    <row r="24138" spans="44:44" ht="15.75" customHeight="1" x14ac:dyDescent="0.15">
      <c r="AR24138" s="9" ph="1"/>
    </row>
    <row r="24139" spans="44:44" ht="15.75" customHeight="1" x14ac:dyDescent="0.15">
      <c r="AR24139" s="9" ph="1"/>
    </row>
    <row r="24140" spans="44:44" ht="15.75" customHeight="1" x14ac:dyDescent="0.15">
      <c r="AR24140" s="9" ph="1"/>
    </row>
    <row r="24142" spans="44:44" ht="15.75" customHeight="1" x14ac:dyDescent="0.15">
      <c r="AR24142" s="9" ph="1"/>
    </row>
    <row r="24143" spans="44:44" ht="15.75" customHeight="1" x14ac:dyDescent="0.15">
      <c r="AR24143" s="9" ph="1"/>
    </row>
    <row r="24144" spans="44:44" ht="15.75" customHeight="1" x14ac:dyDescent="0.15">
      <c r="AR24144" s="9" ph="1"/>
    </row>
    <row r="24145" spans="44:44" ht="15.75" customHeight="1" x14ac:dyDescent="0.15">
      <c r="AR24145" s="9" ph="1"/>
    </row>
    <row r="24146" spans="44:44" ht="15.75" customHeight="1" x14ac:dyDescent="0.15">
      <c r="AR24146" s="9" ph="1"/>
    </row>
    <row r="24147" spans="44:44" ht="15.75" customHeight="1" x14ac:dyDescent="0.15">
      <c r="AR24147" s="9" ph="1"/>
    </row>
    <row r="24149" spans="44:44" ht="15.75" customHeight="1" x14ac:dyDescent="0.15">
      <c r="AR24149" s="9" ph="1"/>
    </row>
    <row r="24150" spans="44:44" ht="15.75" customHeight="1" x14ac:dyDescent="0.15">
      <c r="AR24150" s="9" ph="1"/>
    </row>
    <row r="24151" spans="44:44" ht="15.75" customHeight="1" x14ac:dyDescent="0.15">
      <c r="AR24151" s="9" ph="1"/>
    </row>
    <row r="24152" spans="44:44" ht="15.75" customHeight="1" x14ac:dyDescent="0.15">
      <c r="AR24152" s="9" ph="1"/>
    </row>
    <row r="24153" spans="44:44" ht="15.75" customHeight="1" x14ac:dyDescent="0.15">
      <c r="AR24153" s="9" ph="1"/>
    </row>
    <row r="24154" spans="44:44" ht="15.75" customHeight="1" x14ac:dyDescent="0.15">
      <c r="AR24154" s="9" ph="1"/>
    </row>
    <row r="24155" spans="44:44" ht="15.75" customHeight="1" x14ac:dyDescent="0.15">
      <c r="AR24155" s="9" ph="1"/>
    </row>
    <row r="24156" spans="44:44" ht="15.75" customHeight="1" x14ac:dyDescent="0.15">
      <c r="AR24156" s="9" ph="1"/>
    </row>
    <row r="24157" spans="44:44" ht="15.75" customHeight="1" x14ac:dyDescent="0.15">
      <c r="AR24157" s="9" ph="1"/>
    </row>
    <row r="24158" spans="44:44" ht="15.75" customHeight="1" x14ac:dyDescent="0.15">
      <c r="AR24158" s="9" ph="1"/>
    </row>
    <row r="24159" spans="44:44" ht="15.75" customHeight="1" x14ac:dyDescent="0.15">
      <c r="AR24159" s="9" ph="1"/>
    </row>
    <row r="24160" spans="44:44" ht="15.75" customHeight="1" x14ac:dyDescent="0.15">
      <c r="AR24160" s="9" ph="1"/>
    </row>
    <row r="24161" spans="44:44" ht="15.75" customHeight="1" x14ac:dyDescent="0.15">
      <c r="AR24161" s="9" ph="1"/>
    </row>
    <row r="24163" spans="44:44" ht="15.75" customHeight="1" x14ac:dyDescent="0.15">
      <c r="AR24163" s="9" ph="1"/>
    </row>
    <row r="24164" spans="44:44" ht="15.75" customHeight="1" x14ac:dyDescent="0.15">
      <c r="AR24164" s="9" ph="1"/>
    </row>
    <row r="24165" spans="44:44" ht="15.75" customHeight="1" x14ac:dyDescent="0.15">
      <c r="AR24165" s="9" ph="1"/>
    </row>
    <row r="24167" spans="44:44" ht="15.75" customHeight="1" x14ac:dyDescent="0.15">
      <c r="AR24167" s="9" ph="1"/>
    </row>
    <row r="24168" spans="44:44" ht="15.75" customHeight="1" x14ac:dyDescent="0.15">
      <c r="AR24168" s="9" ph="1"/>
    </row>
    <row r="24169" spans="44:44" ht="15.75" customHeight="1" x14ac:dyDescent="0.15">
      <c r="AR24169" s="9" ph="1"/>
    </row>
    <row r="24170" spans="44:44" ht="15.75" customHeight="1" x14ac:dyDescent="0.15">
      <c r="AR24170" s="9" ph="1"/>
    </row>
    <row r="24171" spans="44:44" ht="15.75" customHeight="1" x14ac:dyDescent="0.15">
      <c r="AR24171" s="9" ph="1"/>
    </row>
    <row r="24172" spans="44:44" ht="15.75" customHeight="1" x14ac:dyDescent="0.15">
      <c r="AR24172" s="9" ph="1"/>
    </row>
    <row r="24173" spans="44:44" ht="15.75" customHeight="1" x14ac:dyDescent="0.15">
      <c r="AR24173" s="9" ph="1"/>
    </row>
    <row r="24174" spans="44:44" ht="15.75" customHeight="1" x14ac:dyDescent="0.15">
      <c r="AR24174" s="9" ph="1"/>
    </row>
    <row r="24175" spans="44:44" ht="15.75" customHeight="1" x14ac:dyDescent="0.15">
      <c r="AR24175" s="9" ph="1"/>
    </row>
    <row r="24176" spans="44:44" ht="15.75" customHeight="1" x14ac:dyDescent="0.15">
      <c r="AR24176" s="9" ph="1"/>
    </row>
    <row r="24177" spans="44:44" ht="15.75" customHeight="1" x14ac:dyDescent="0.15">
      <c r="AR24177" s="9" ph="1"/>
    </row>
    <row r="24178" spans="44:44" ht="15.75" customHeight="1" x14ac:dyDescent="0.15">
      <c r="AR24178" s="9" ph="1"/>
    </row>
    <row r="24179" spans="44:44" ht="15.75" customHeight="1" x14ac:dyDescent="0.15">
      <c r="AR24179" s="9" ph="1"/>
    </row>
    <row r="24180" spans="44:44" ht="15.75" customHeight="1" x14ac:dyDescent="0.15">
      <c r="AR24180" s="9" ph="1"/>
    </row>
    <row r="24181" spans="44:44" ht="15.75" customHeight="1" x14ac:dyDescent="0.15">
      <c r="AR24181" s="9" ph="1"/>
    </row>
    <row r="24182" spans="44:44" ht="15.75" customHeight="1" x14ac:dyDescent="0.15">
      <c r="AR24182" s="9" ph="1"/>
    </row>
    <row r="24184" spans="44:44" ht="15.75" customHeight="1" x14ac:dyDescent="0.15">
      <c r="AR24184" s="9" ph="1"/>
    </row>
    <row r="24185" spans="44:44" ht="15.75" customHeight="1" x14ac:dyDescent="0.15">
      <c r="AR24185" s="9" ph="1"/>
    </row>
    <row r="24186" spans="44:44" ht="15.75" customHeight="1" x14ac:dyDescent="0.15">
      <c r="AR24186" s="9" ph="1"/>
    </row>
    <row r="24188" spans="44:44" ht="15.75" customHeight="1" x14ac:dyDescent="0.15">
      <c r="AR24188" s="9" ph="1"/>
    </row>
    <row r="24189" spans="44:44" ht="15.75" customHeight="1" x14ac:dyDescent="0.15">
      <c r="AR24189" s="9" ph="1"/>
    </row>
    <row r="24190" spans="44:44" ht="15.75" customHeight="1" x14ac:dyDescent="0.15">
      <c r="AR24190" s="9" ph="1"/>
    </row>
    <row r="24191" spans="44:44" ht="15.75" customHeight="1" x14ac:dyDescent="0.15">
      <c r="AR24191" s="9" ph="1"/>
    </row>
    <row r="24192" spans="44:44" ht="15.75" customHeight="1" x14ac:dyDescent="0.15">
      <c r="AR24192" s="9" ph="1"/>
    </row>
    <row r="24193" spans="44:44" ht="15.75" customHeight="1" x14ac:dyDescent="0.15">
      <c r="AR24193" s="9" ph="1"/>
    </row>
    <row r="24194" spans="44:44" ht="15.75" customHeight="1" x14ac:dyDescent="0.15">
      <c r="AR24194" s="9" ph="1"/>
    </row>
    <row r="24195" spans="44:44" ht="15.75" customHeight="1" x14ac:dyDescent="0.15">
      <c r="AR24195" s="9" ph="1"/>
    </row>
    <row r="24197" spans="44:44" ht="15.75" customHeight="1" x14ac:dyDescent="0.15">
      <c r="AR24197" s="9" ph="1"/>
    </row>
    <row r="24198" spans="44:44" ht="15.75" customHeight="1" x14ac:dyDescent="0.15">
      <c r="AR24198" s="9" ph="1"/>
    </row>
    <row r="24199" spans="44:44" ht="15.75" customHeight="1" x14ac:dyDescent="0.15">
      <c r="AR24199" s="9" ph="1"/>
    </row>
    <row r="24200" spans="44:44" ht="15.75" customHeight="1" x14ac:dyDescent="0.15">
      <c r="AR24200" s="9" ph="1"/>
    </row>
    <row r="24201" spans="44:44" ht="15.75" customHeight="1" x14ac:dyDescent="0.15">
      <c r="AR24201" s="9" ph="1"/>
    </row>
    <row r="24202" spans="44:44" ht="15.75" customHeight="1" x14ac:dyDescent="0.15">
      <c r="AR24202" s="9" ph="1"/>
    </row>
    <row r="24203" spans="44:44" ht="15.75" customHeight="1" x14ac:dyDescent="0.15">
      <c r="AR24203" s="9" ph="1"/>
    </row>
    <row r="24204" spans="44:44" ht="15.75" customHeight="1" x14ac:dyDescent="0.15">
      <c r="AR24204" s="9" ph="1"/>
    </row>
    <row r="24206" spans="44:44" ht="15.75" customHeight="1" x14ac:dyDescent="0.15">
      <c r="AR24206" s="9" ph="1"/>
    </row>
    <row r="24207" spans="44:44" ht="15.75" customHeight="1" x14ac:dyDescent="0.15">
      <c r="AR24207" s="9" ph="1"/>
    </row>
    <row r="24208" spans="44:44" ht="15.75" customHeight="1" x14ac:dyDescent="0.15">
      <c r="AR24208" s="9" ph="1"/>
    </row>
    <row r="24209" spans="44:44" ht="15.75" customHeight="1" x14ac:dyDescent="0.15">
      <c r="AR24209" s="9" ph="1"/>
    </row>
    <row r="24210" spans="44:44" ht="15.75" customHeight="1" x14ac:dyDescent="0.15">
      <c r="AR24210" s="9" ph="1"/>
    </row>
    <row r="24212" spans="44:44" ht="15.75" customHeight="1" x14ac:dyDescent="0.15">
      <c r="AR24212" s="9" ph="1"/>
    </row>
    <row r="24219" spans="44:44" ht="15.75" customHeight="1" x14ac:dyDescent="0.15">
      <c r="AR24219" s="9" ph="1"/>
    </row>
    <row r="24230" spans="44:44" ht="15.75" customHeight="1" x14ac:dyDescent="0.15">
      <c r="AR24230" s="9" ph="1"/>
    </row>
    <row r="24237" spans="44:44" ht="15.75" customHeight="1" x14ac:dyDescent="0.15">
      <c r="AR24237" s="9" ph="1"/>
    </row>
    <row r="24248" spans="44:44" ht="15.75" customHeight="1" x14ac:dyDescent="0.15">
      <c r="AR24248" s="9" ph="1"/>
    </row>
    <row r="24255" spans="44:44" ht="15.75" customHeight="1" x14ac:dyDescent="0.15">
      <c r="AR24255" s="9" ph="1"/>
    </row>
    <row r="24257" spans="44:44" ht="15.75" customHeight="1" x14ac:dyDescent="0.15">
      <c r="AR24257" s="9" ph="1"/>
    </row>
    <row r="24264" spans="44:44" ht="15.75" customHeight="1" x14ac:dyDescent="0.15">
      <c r="AR24264" s="9" ph="1"/>
    </row>
    <row r="24275" spans="44:44" ht="15.75" customHeight="1" x14ac:dyDescent="0.15">
      <c r="AR24275" s="9" ph="1"/>
    </row>
    <row r="24282" spans="44:44" ht="15.75" customHeight="1" x14ac:dyDescent="0.15">
      <c r="AR24282" s="9" ph="1"/>
    </row>
    <row r="24284" spans="44:44" ht="15.75" customHeight="1" x14ac:dyDescent="0.15">
      <c r="AR24284" s="9" ph="1"/>
    </row>
    <row r="24287" spans="44:44" ht="15.75" customHeight="1" x14ac:dyDescent="0.15">
      <c r="AR24287" s="9" ph="1"/>
    </row>
    <row r="24298" spans="44:44" ht="15.75" customHeight="1" x14ac:dyDescent="0.15">
      <c r="AR24298" s="9" ph="1"/>
    </row>
    <row r="24305" spans="44:44" ht="15.75" customHeight="1" x14ac:dyDescent="0.15">
      <c r="AR24305" s="9" ph="1"/>
    </row>
    <row r="24316" spans="44:44" ht="15.75" customHeight="1" x14ac:dyDescent="0.15">
      <c r="AR24316" s="9" ph="1"/>
    </row>
    <row r="24323" spans="44:44" ht="15.75" customHeight="1" x14ac:dyDescent="0.15">
      <c r="AR24323" s="9" ph="1"/>
    </row>
    <row r="24325" spans="44:44" ht="15.75" customHeight="1" x14ac:dyDescent="0.15">
      <c r="AR24325" s="9" ph="1"/>
    </row>
    <row r="24332" spans="44:44" ht="15.75" customHeight="1" x14ac:dyDescent="0.15">
      <c r="AR24332" s="9" ph="1"/>
    </row>
    <row r="24343" spans="44:44" ht="15.75" customHeight="1" x14ac:dyDescent="0.15">
      <c r="AR24343" s="9" ph="1"/>
    </row>
    <row r="24350" spans="44:44" ht="15.75" customHeight="1" x14ac:dyDescent="0.15">
      <c r="AR24350" s="9" ph="1"/>
    </row>
    <row r="24352" spans="44:44" ht="15.75" customHeight="1" x14ac:dyDescent="0.15">
      <c r="AR24352" s="9" ph="1"/>
    </row>
    <row r="24359" spans="44:44" ht="15.75" customHeight="1" x14ac:dyDescent="0.15">
      <c r="AR24359" s="9" ph="1"/>
    </row>
    <row r="24363" spans="44:44" ht="15.75" customHeight="1" x14ac:dyDescent="0.15">
      <c r="AR24363" s="9" ph="1"/>
    </row>
    <row r="24366" spans="44:44" ht="15.75" customHeight="1" x14ac:dyDescent="0.15">
      <c r="AR24366" s="9" ph="1"/>
    </row>
    <row r="24377" spans="44:44" ht="15.75" customHeight="1" x14ac:dyDescent="0.15">
      <c r="AR24377" s="9" ph="1"/>
    </row>
    <row r="24384" spans="44:44" ht="15.75" customHeight="1" x14ac:dyDescent="0.15">
      <c r="AR24384" s="9" ph="1"/>
    </row>
    <row r="24395" spans="44:44" ht="15.75" customHeight="1" x14ac:dyDescent="0.15">
      <c r="AR24395" s="9" ph="1"/>
    </row>
    <row r="24402" spans="44:44" ht="15.75" customHeight="1" x14ac:dyDescent="0.15">
      <c r="AR24402" s="9" ph="1"/>
    </row>
    <row r="24404" spans="44:44" ht="15.75" customHeight="1" x14ac:dyDescent="0.15">
      <c r="AR24404" s="9" ph="1"/>
    </row>
    <row r="24411" spans="44:44" ht="15.75" customHeight="1" x14ac:dyDescent="0.15">
      <c r="AR24411" s="9" ph="1"/>
    </row>
    <row r="24422" spans="44:44" ht="15.75" customHeight="1" x14ac:dyDescent="0.15">
      <c r="AR24422" s="9" ph="1"/>
    </row>
    <row r="24429" spans="44:44" ht="15.75" customHeight="1" x14ac:dyDescent="0.15">
      <c r="AR24429" s="9" ph="1"/>
    </row>
    <row r="24440" spans="44:44" ht="15.75" customHeight="1" x14ac:dyDescent="0.15">
      <c r="AR24440" s="9" ph="1"/>
    </row>
    <row r="24447" spans="44:44" ht="15.75" customHeight="1" x14ac:dyDescent="0.15">
      <c r="AR24447" s="9" ph="1"/>
    </row>
    <row r="24458" spans="44:44" ht="15.75" customHeight="1" x14ac:dyDescent="0.15">
      <c r="AR24458" s="9" ph="1"/>
    </row>
    <row r="24465" spans="44:44" ht="15.75" customHeight="1" x14ac:dyDescent="0.15">
      <c r="AR24465" s="9" ph="1"/>
    </row>
    <row r="24467" spans="44:44" ht="15.75" customHeight="1" x14ac:dyDescent="0.15">
      <c r="AR24467" s="9" ph="1"/>
    </row>
    <row r="24474" spans="44:44" ht="15.75" customHeight="1" x14ac:dyDescent="0.15">
      <c r="AR24474" s="9" ph="1"/>
    </row>
    <row r="24485" spans="44:44" ht="15.75" customHeight="1" x14ac:dyDescent="0.15">
      <c r="AR24485" s="9" ph="1"/>
    </row>
    <row r="24492" spans="44:44" ht="15.75" customHeight="1" x14ac:dyDescent="0.15">
      <c r="AR24492" s="9" ph="1"/>
    </row>
    <row r="24498" spans="44:44" ht="15.75" customHeight="1" x14ac:dyDescent="0.15">
      <c r="AR24498" s="9" ph="1"/>
    </row>
    <row r="24500" spans="44:44" ht="15.75" customHeight="1" x14ac:dyDescent="0.15">
      <c r="AR24500" s="9" ph="1"/>
    </row>
    <row r="24507" spans="44:44" ht="15.75" customHeight="1" x14ac:dyDescent="0.15">
      <c r="AR24507" s="9" ph="1"/>
    </row>
    <row r="24518" spans="44:44" ht="15.75" customHeight="1" x14ac:dyDescent="0.15">
      <c r="AR24518" s="9" ph="1"/>
    </row>
    <row r="24525" spans="44:44" ht="15.75" customHeight="1" x14ac:dyDescent="0.15">
      <c r="AR24525" s="9" ph="1"/>
    </row>
    <row r="24527" spans="44:44" ht="15.75" customHeight="1" x14ac:dyDescent="0.15">
      <c r="AR24527" s="9" ph="1"/>
    </row>
    <row r="24530" spans="44:44" ht="15.75" customHeight="1" x14ac:dyDescent="0.15">
      <c r="AR24530" s="9" ph="1"/>
    </row>
    <row r="24541" spans="44:44" ht="15.75" customHeight="1" x14ac:dyDescent="0.15">
      <c r="AR24541" s="9" ph="1"/>
    </row>
    <row r="24548" spans="44:44" ht="15.75" customHeight="1" x14ac:dyDescent="0.15">
      <c r="AR24548" s="9" ph="1"/>
    </row>
    <row r="24559" spans="44:44" ht="15.75" customHeight="1" x14ac:dyDescent="0.15">
      <c r="AR24559" s="9" ph="1"/>
    </row>
    <row r="24566" spans="44:44" ht="15.75" customHeight="1" x14ac:dyDescent="0.15">
      <c r="AR24566" s="9" ph="1"/>
    </row>
    <row r="24568" spans="44:44" ht="15.75" customHeight="1" x14ac:dyDescent="0.15">
      <c r="AR24568" s="9" ph="1"/>
    </row>
    <row r="24575" spans="44:44" ht="15.75" customHeight="1" x14ac:dyDescent="0.15">
      <c r="AR24575" s="9" ph="1"/>
    </row>
    <row r="24586" spans="44:44" ht="15.75" customHeight="1" x14ac:dyDescent="0.15">
      <c r="AR24586" s="9" ph="1"/>
    </row>
    <row r="24593" spans="44:44" ht="15.75" customHeight="1" x14ac:dyDescent="0.15">
      <c r="AR24593" s="9" ph="1"/>
    </row>
    <row r="24595" spans="44:44" ht="15.75" customHeight="1" x14ac:dyDescent="0.15">
      <c r="AR24595" s="9" ph="1"/>
    </row>
    <row r="24602" spans="44:44" ht="15.75" customHeight="1" x14ac:dyDescent="0.15">
      <c r="AR24602" s="9" ph="1"/>
    </row>
    <row r="24606" spans="44:44" ht="15.75" customHeight="1" x14ac:dyDescent="0.15">
      <c r="AR24606" s="9" ph="1"/>
    </row>
    <row r="24609" spans="44:44" ht="15.75" customHeight="1" x14ac:dyDescent="0.15">
      <c r="AR24609" s="9" ph="1"/>
    </row>
    <row r="24620" spans="44:44" ht="15.75" customHeight="1" x14ac:dyDescent="0.15">
      <c r="AR24620" s="9" ph="1"/>
    </row>
    <row r="24627" spans="44:44" ht="15.75" customHeight="1" x14ac:dyDescent="0.15">
      <c r="AR24627" s="9" ph="1"/>
    </row>
    <row r="24638" spans="44:44" ht="15.75" customHeight="1" x14ac:dyDescent="0.15">
      <c r="AR24638" s="9" ph="1"/>
    </row>
    <row r="24645" spans="44:44" ht="15.75" customHeight="1" x14ac:dyDescent="0.15">
      <c r="AR24645" s="9" ph="1"/>
    </row>
    <row r="24647" spans="44:44" ht="15.75" customHeight="1" x14ac:dyDescent="0.15">
      <c r="AR24647" s="9" ph="1"/>
    </row>
    <row r="24654" spans="44:44" ht="15.75" customHeight="1" x14ac:dyDescent="0.15">
      <c r="AR24654" s="9" ph="1"/>
    </row>
    <row r="24665" spans="44:44" ht="15.75" customHeight="1" x14ac:dyDescent="0.15">
      <c r="AR24665" s="9" ph="1"/>
    </row>
    <row r="24672" spans="44:44" ht="15.75" customHeight="1" x14ac:dyDescent="0.15">
      <c r="AR24672" s="9" ph="1"/>
    </row>
    <row r="24683" spans="44:44" ht="15.75" customHeight="1" x14ac:dyDescent="0.15">
      <c r="AR24683" s="9" ph="1"/>
    </row>
    <row r="24690" spans="44:44" ht="15.75" customHeight="1" x14ac:dyDescent="0.15">
      <c r="AR24690" s="9" ph="1"/>
    </row>
    <row r="24701" spans="44:44" ht="15.75" customHeight="1" x14ac:dyDescent="0.15">
      <c r="AR24701" s="9" ph="1"/>
    </row>
    <row r="24708" spans="44:44" ht="15.75" customHeight="1" x14ac:dyDescent="0.15">
      <c r="AR24708" s="9" ph="1"/>
    </row>
    <row r="24710" spans="44:44" ht="15.75" customHeight="1" x14ac:dyDescent="0.15">
      <c r="AR24710" s="9" ph="1"/>
    </row>
    <row r="24717" spans="44:44" ht="15.75" customHeight="1" x14ac:dyDescent="0.15">
      <c r="AR24717" s="9" ph="1"/>
    </row>
    <row r="24728" spans="44:44" ht="15.75" customHeight="1" x14ac:dyDescent="0.15">
      <c r="AR24728" s="9" ph="1"/>
    </row>
    <row r="24735" spans="44:44" ht="15.75" customHeight="1" x14ac:dyDescent="0.15">
      <c r="AR24735" s="9" ph="1"/>
    </row>
    <row r="24742" spans="44:44" ht="15.75" customHeight="1" x14ac:dyDescent="0.15">
      <c r="AR24742" s="9" ph="1"/>
    </row>
    <row r="24744" spans="44:44" ht="15.75" customHeight="1" x14ac:dyDescent="0.15">
      <c r="AR24744" s="9" ph="1"/>
    </row>
    <row r="24751" spans="44:44" ht="15.75" customHeight="1" x14ac:dyDescent="0.15">
      <c r="AR24751" s="9" ph="1"/>
    </row>
    <row r="24755" spans="44:44" ht="15.75" customHeight="1" x14ac:dyDescent="0.15">
      <c r="AR24755" s="9" ph="1"/>
    </row>
    <row r="24758" spans="44:44" ht="15.75" customHeight="1" x14ac:dyDescent="0.15">
      <c r="AR24758" s="9" ph="1"/>
    </row>
    <row r="24769" spans="44:44" ht="15.75" customHeight="1" x14ac:dyDescent="0.15">
      <c r="AR24769" s="9" ph="1"/>
    </row>
    <row r="24776" spans="44:44" ht="15.75" customHeight="1" x14ac:dyDescent="0.15">
      <c r="AR24776" s="9" ph="1"/>
    </row>
    <row r="24787" spans="44:44" ht="15.75" customHeight="1" x14ac:dyDescent="0.15">
      <c r="AR24787" s="9" ph="1"/>
    </row>
    <row r="24794" spans="44:44" ht="15.75" customHeight="1" x14ac:dyDescent="0.15">
      <c r="AR24794" s="9" ph="1"/>
    </row>
    <row r="24796" spans="44:44" ht="15.75" customHeight="1" x14ac:dyDescent="0.15">
      <c r="AR24796" s="9" ph="1"/>
    </row>
    <row r="24803" spans="44:44" ht="15.75" customHeight="1" x14ac:dyDescent="0.15">
      <c r="AR24803" s="9" ph="1"/>
    </row>
    <row r="24814" spans="44:44" ht="15.75" customHeight="1" x14ac:dyDescent="0.15">
      <c r="AR24814" s="9" ph="1"/>
    </row>
    <row r="24821" spans="44:44" ht="15.75" customHeight="1" x14ac:dyDescent="0.15">
      <c r="AR24821" s="9" ph="1"/>
    </row>
    <row r="24832" spans="44:44" ht="15.75" customHeight="1" x14ac:dyDescent="0.15">
      <c r="AR24832" s="9" ph="1"/>
    </row>
    <row r="24839" spans="44:44" ht="15.75" customHeight="1" x14ac:dyDescent="0.15">
      <c r="AR24839" s="9" ph="1"/>
    </row>
    <row r="24850" spans="44:44" ht="15.75" customHeight="1" x14ac:dyDescent="0.15">
      <c r="AR24850" s="9" ph="1"/>
    </row>
    <row r="24857" spans="44:44" ht="15.75" customHeight="1" x14ac:dyDescent="0.15">
      <c r="AR24857" s="9" ph="1"/>
    </row>
    <row r="24859" spans="44:44" ht="15.75" customHeight="1" x14ac:dyDescent="0.15">
      <c r="AR24859" s="9" ph="1"/>
    </row>
    <row r="24866" spans="44:44" ht="15.75" customHeight="1" x14ac:dyDescent="0.15">
      <c r="AR24866" s="9" ph="1"/>
    </row>
    <row r="24877" spans="44:44" ht="15.75" customHeight="1" x14ac:dyDescent="0.15">
      <c r="AR24877" s="9" ph="1"/>
    </row>
    <row r="24884" spans="44:44" ht="15.75" customHeight="1" x14ac:dyDescent="0.15">
      <c r="AR24884" s="9" ph="1"/>
    </row>
    <row r="24894" spans="44:44" ht="15.75" customHeight="1" x14ac:dyDescent="0.15">
      <c r="AR24894" s="9" ph="1"/>
    </row>
    <row r="24901" spans="44:44" ht="15.75" customHeight="1" x14ac:dyDescent="0.15">
      <c r="AR24901" s="9" ph="1"/>
    </row>
    <row r="24908" spans="44:44" ht="15.75" customHeight="1" x14ac:dyDescent="0.15">
      <c r="AR24908" s="9" ph="1"/>
    </row>
    <row r="24910" spans="44:44" ht="15.75" customHeight="1" x14ac:dyDescent="0.15">
      <c r="AR24910" s="9" ph="1"/>
    </row>
    <row r="24917" spans="44:44" ht="15.75" customHeight="1" x14ac:dyDescent="0.15">
      <c r="AR24917" s="9" ph="1"/>
    </row>
    <row r="24921" spans="44:44" ht="15.75" customHeight="1" x14ac:dyDescent="0.15">
      <c r="AR24921" s="9" ph="1"/>
    </row>
    <row r="24924" spans="44:44" ht="15.75" customHeight="1" x14ac:dyDescent="0.15">
      <c r="AR24924" s="9" ph="1"/>
    </row>
    <row r="24935" spans="44:44" ht="15.75" customHeight="1" x14ac:dyDescent="0.15">
      <c r="AR24935" s="9" ph="1"/>
    </row>
    <row r="24942" spans="44:44" ht="15.75" customHeight="1" x14ac:dyDescent="0.15">
      <c r="AR24942" s="9" ph="1"/>
    </row>
    <row r="24953" spans="44:44" ht="15.75" customHeight="1" x14ac:dyDescent="0.15">
      <c r="AR24953" s="9" ph="1"/>
    </row>
    <row r="24960" spans="44:44" ht="15.75" customHeight="1" x14ac:dyDescent="0.15">
      <c r="AR24960" s="9" ph="1"/>
    </row>
    <row r="24962" spans="44:44" ht="15.75" customHeight="1" x14ac:dyDescent="0.15">
      <c r="AR24962" s="9" ph="1"/>
    </row>
    <row r="24969" spans="44:44" ht="15.75" customHeight="1" x14ac:dyDescent="0.15">
      <c r="AR24969" s="9" ph="1"/>
    </row>
    <row r="24980" spans="44:44" ht="15.75" customHeight="1" x14ac:dyDescent="0.15">
      <c r="AR24980" s="9" ph="1"/>
    </row>
    <row r="24987" spans="44:44" ht="15.75" customHeight="1" x14ac:dyDescent="0.15">
      <c r="AR24987" s="9" ph="1"/>
    </row>
    <row r="24998" spans="44:44" ht="15.75" customHeight="1" x14ac:dyDescent="0.15">
      <c r="AR24998" s="9" ph="1"/>
    </row>
    <row r="25005" spans="44:44" ht="15.75" customHeight="1" x14ac:dyDescent="0.15">
      <c r="AR25005" s="9" ph="1"/>
    </row>
    <row r="25016" spans="44:44" ht="15.75" customHeight="1" x14ac:dyDescent="0.15">
      <c r="AR25016" s="9" ph="1"/>
    </row>
    <row r="25023" spans="44:44" ht="15.75" customHeight="1" x14ac:dyDescent="0.15">
      <c r="AR25023" s="9" ph="1"/>
    </row>
    <row r="25025" spans="44:44" ht="15.75" customHeight="1" x14ac:dyDescent="0.15">
      <c r="AR25025" s="9" ph="1"/>
    </row>
    <row r="25032" spans="44:44" ht="15.75" customHeight="1" x14ac:dyDescent="0.15">
      <c r="AR25032" s="9" ph="1"/>
    </row>
    <row r="25043" spans="44:44" ht="15.75" customHeight="1" x14ac:dyDescent="0.15">
      <c r="AR25043" s="9" ph="1"/>
    </row>
    <row r="25050" spans="44:44" ht="15.75" customHeight="1" x14ac:dyDescent="0.15">
      <c r="AR25050" s="9" ph="1"/>
    </row>
    <row r="25055" spans="44:44" ht="15.75" customHeight="1" x14ac:dyDescent="0.15">
      <c r="AR25055" s="9" ph="1"/>
    </row>
    <row r="25062" spans="44:44" ht="15.75" customHeight="1" x14ac:dyDescent="0.15">
      <c r="AR25062" s="9" ph="1"/>
    </row>
    <row r="25064" spans="44:44" ht="15.75" customHeight="1" x14ac:dyDescent="0.15">
      <c r="AR25064" s="9" ph="1"/>
    </row>
    <row r="25071" spans="44:44" ht="15.75" customHeight="1" x14ac:dyDescent="0.15">
      <c r="AR25071" s="9" ph="1"/>
    </row>
    <row r="25082" spans="44:44" ht="15.75" customHeight="1" x14ac:dyDescent="0.15">
      <c r="AR25082" s="9" ph="1"/>
    </row>
    <row r="25089" spans="44:44" ht="15.75" customHeight="1" x14ac:dyDescent="0.15">
      <c r="AR25089" s="9" ph="1"/>
    </row>
    <row r="25090" spans="44:44" ht="15.75" customHeight="1" x14ac:dyDescent="0.15">
      <c r="AR25090" s="9" ph="1"/>
    </row>
    <row r="25092" spans="44:44" ht="15.75" customHeight="1" x14ac:dyDescent="0.15">
      <c r="AR25092" s="9" ph="1"/>
    </row>
    <row r="25099" spans="44:44" ht="15.75" customHeight="1" x14ac:dyDescent="0.15">
      <c r="AR25099" s="9" ph="1"/>
    </row>
    <row r="25110" spans="44:44" ht="15.75" customHeight="1" x14ac:dyDescent="0.15">
      <c r="AR25110" s="9" ph="1"/>
    </row>
    <row r="25117" spans="44:44" ht="15.75" customHeight="1" x14ac:dyDescent="0.15">
      <c r="AR25117" s="9" ph="1"/>
    </row>
    <row r="25118" spans="44:44" ht="15.75" customHeight="1" x14ac:dyDescent="0.15">
      <c r="AR25118" s="9" ph="1"/>
    </row>
    <row r="25129" spans="44:44" ht="15.75" customHeight="1" x14ac:dyDescent="0.15">
      <c r="AR25129" s="9" ph="1"/>
    </row>
    <row r="25136" spans="44:44" ht="15.75" customHeight="1" x14ac:dyDescent="0.15">
      <c r="AR25136" s="9" ph="1"/>
    </row>
    <row r="25147" spans="44:44" ht="15.75" customHeight="1" x14ac:dyDescent="0.15">
      <c r="AR25147" s="9" ph="1"/>
    </row>
    <row r="25154" spans="44:44" ht="15.75" customHeight="1" x14ac:dyDescent="0.15">
      <c r="AR25154" s="9" ph="1"/>
    </row>
    <row r="25156" spans="44:44" ht="15.75" customHeight="1" x14ac:dyDescent="0.15">
      <c r="AR25156" s="9" ph="1"/>
    </row>
    <row r="25163" spans="44:44" ht="15.75" customHeight="1" x14ac:dyDescent="0.15">
      <c r="AR25163" s="9" ph="1"/>
    </row>
    <row r="25174" spans="44:44" ht="15.75" customHeight="1" x14ac:dyDescent="0.15">
      <c r="AR25174" s="9" ph="1"/>
    </row>
    <row r="25181" spans="44:44" ht="15.75" customHeight="1" x14ac:dyDescent="0.15">
      <c r="AR25181" s="9" ph="1"/>
    </row>
    <row r="25186" spans="44:44" ht="15.75" customHeight="1" x14ac:dyDescent="0.15">
      <c r="AR25186" s="9" ph="1"/>
    </row>
    <row r="25193" spans="44:44" ht="15.75" customHeight="1" x14ac:dyDescent="0.15">
      <c r="AR25193" s="9" ph="1"/>
    </row>
    <row r="25195" spans="44:44" ht="15.75" customHeight="1" x14ac:dyDescent="0.15">
      <c r="AR25195" s="9" ph="1"/>
    </row>
    <row r="25202" spans="44:44" ht="15.75" customHeight="1" x14ac:dyDescent="0.15">
      <c r="AR25202" s="9" ph="1"/>
    </row>
    <row r="25213" spans="44:44" ht="15.75" customHeight="1" x14ac:dyDescent="0.15">
      <c r="AR25213" s="9" ph="1"/>
    </row>
    <row r="25220" spans="44:44" ht="15.75" customHeight="1" x14ac:dyDescent="0.15">
      <c r="AR25220" s="9" ph="1"/>
    </row>
    <row r="25221" spans="44:44" ht="15.75" customHeight="1" x14ac:dyDescent="0.15">
      <c r="AR25221" s="9" ph="1"/>
    </row>
    <row r="25223" spans="44:44" ht="15.75" customHeight="1" x14ac:dyDescent="0.15">
      <c r="AR25223" s="9" ph="1"/>
    </row>
    <row r="25230" spans="44:44" ht="15.75" customHeight="1" x14ac:dyDescent="0.15">
      <c r="AR25230" s="9" ph="1"/>
    </row>
    <row r="25241" spans="44:44" ht="15.75" customHeight="1" x14ac:dyDescent="0.15">
      <c r="AR25241" s="9" ph="1"/>
    </row>
    <row r="25248" spans="44:44" ht="15.75" customHeight="1" x14ac:dyDescent="0.15">
      <c r="AR25248" s="9" ph="1"/>
    </row>
    <row r="25259" spans="44:44" ht="15.75" customHeight="1" x14ac:dyDescent="0.15">
      <c r="AR25259" s="9" ph="1"/>
    </row>
    <row r="25266" spans="44:44" ht="15.75" customHeight="1" x14ac:dyDescent="0.15">
      <c r="AR25266" s="9" ph="1"/>
    </row>
    <row r="25267" spans="44:44" ht="15.75" customHeight="1" x14ac:dyDescent="0.15">
      <c r="AR25267" s="9" ph="1"/>
    </row>
    <row r="25269" spans="44:44" ht="15.75" customHeight="1" x14ac:dyDescent="0.15">
      <c r="AR25269" s="9" ph="1"/>
    </row>
    <row r="25276" spans="44:44" ht="15.75" customHeight="1" x14ac:dyDescent="0.15">
      <c r="AR25276" s="9" ph="1"/>
    </row>
    <row r="25287" spans="44:44" ht="15.75" customHeight="1" x14ac:dyDescent="0.15">
      <c r="AR25287" s="9" ph="1"/>
    </row>
    <row r="25294" spans="44:44" ht="15.75" customHeight="1" x14ac:dyDescent="0.15">
      <c r="AR25294" s="9" ph="1"/>
    </row>
    <row r="25301" spans="44:44" ht="15.75" customHeight="1" x14ac:dyDescent="0.15">
      <c r="AR25301" s="9" ph="1"/>
    </row>
    <row r="25308" spans="44:44" ht="15.75" customHeight="1" x14ac:dyDescent="0.15">
      <c r="AR25308" s="9" ph="1"/>
    </row>
    <row r="25309" spans="44:44" ht="15.75" customHeight="1" x14ac:dyDescent="0.15">
      <c r="AR25309" s="9" ph="1"/>
    </row>
    <row r="25311" spans="44:44" ht="15.75" customHeight="1" x14ac:dyDescent="0.15">
      <c r="AR25311" s="9" ph="1"/>
    </row>
    <row r="25318" spans="44:44" ht="15.75" customHeight="1" x14ac:dyDescent="0.15">
      <c r="AR25318" s="9" ph="1"/>
    </row>
    <row r="25329" spans="44:44" ht="15.75" customHeight="1" x14ac:dyDescent="0.15">
      <c r="AR25329" s="9" ph="1"/>
    </row>
    <row r="25336" spans="44:44" ht="15.75" customHeight="1" x14ac:dyDescent="0.15">
      <c r="AR25336" s="9" ph="1"/>
    </row>
    <row r="25340" spans="44:44" ht="15.75" customHeight="1" x14ac:dyDescent="0.15">
      <c r="AR25340" s="9" ph="1"/>
    </row>
    <row r="25347" spans="44:44" ht="15.75" customHeight="1" x14ac:dyDescent="0.15">
      <c r="AR25347" s="9" ph="1"/>
    </row>
    <row r="25354" spans="44:44" ht="15.75" customHeight="1" x14ac:dyDescent="0.15">
      <c r="AR25354" s="9" ph="1"/>
    </row>
    <row r="25361" spans="44:44" ht="15.75" customHeight="1" x14ac:dyDescent="0.15">
      <c r="AR25361" s="9" ph="1"/>
    </row>
    <row r="25362" spans="44:44" ht="15.75" customHeight="1" x14ac:dyDescent="0.15">
      <c r="AR25362" s="9" ph="1"/>
    </row>
    <row r="25364" spans="44:44" ht="15.75" customHeight="1" x14ac:dyDescent="0.15">
      <c r="AR25364" s="9" ph="1"/>
    </row>
    <row r="25371" spans="44:44" ht="15.75" customHeight="1" x14ac:dyDescent="0.15">
      <c r="AR25371" s="9" ph="1"/>
    </row>
    <row r="25382" spans="44:44" ht="15.75" customHeight="1" x14ac:dyDescent="0.15">
      <c r="AR25382" s="9" ph="1"/>
    </row>
    <row r="25389" spans="44:44" ht="15.75" customHeight="1" x14ac:dyDescent="0.15">
      <c r="AR25389" s="9" ph="1"/>
    </row>
    <row r="25390" spans="44:44" ht="15.75" customHeight="1" x14ac:dyDescent="0.15">
      <c r="AR25390" s="9" ph="1"/>
    </row>
    <row r="25391" spans="44:44" ht="15.75" customHeight="1" x14ac:dyDescent="0.15">
      <c r="AR25391" s="9" ph="1"/>
    </row>
    <row r="25392" spans="44:44" ht="15.75" customHeight="1" x14ac:dyDescent="0.15">
      <c r="AR25392" s="9" ph="1"/>
    </row>
    <row r="25393" spans="44:44" ht="15.75" customHeight="1" x14ac:dyDescent="0.15">
      <c r="AR25393" s="9" ph="1"/>
    </row>
    <row r="25394" spans="44:44" ht="15.75" customHeight="1" x14ac:dyDescent="0.15">
      <c r="AR25394" s="9" ph="1"/>
    </row>
    <row r="25395" spans="44:44" ht="15.75" customHeight="1" x14ac:dyDescent="0.15">
      <c r="AR25395" s="9" ph="1"/>
    </row>
    <row r="25396" spans="44:44" ht="15.75" customHeight="1" x14ac:dyDescent="0.15">
      <c r="AR25396" s="9" ph="1"/>
    </row>
    <row r="25398" spans="44:44" ht="15.75" customHeight="1" x14ac:dyDescent="0.15">
      <c r="AR25398" s="9" ph="1"/>
    </row>
    <row r="25405" spans="44:44" ht="15.75" customHeight="1" x14ac:dyDescent="0.15">
      <c r="AR25405" s="9" ph="1"/>
    </row>
    <row r="25409" spans="44:44" ht="15.75" customHeight="1" x14ac:dyDescent="0.15">
      <c r="AR25409" s="9" ph="1"/>
    </row>
    <row r="25416" spans="44:44" ht="15.75" customHeight="1" x14ac:dyDescent="0.15">
      <c r="AR25416" s="9" ph="1"/>
    </row>
    <row r="25423" spans="44:44" ht="15.75" customHeight="1" x14ac:dyDescent="0.15">
      <c r="AR25423" s="9" ph="1"/>
    </row>
    <row r="25430" spans="44:44" ht="15.75" customHeight="1" x14ac:dyDescent="0.15">
      <c r="AR25430" s="9" ph="1"/>
    </row>
    <row r="25431" spans="44:44" ht="15.75" customHeight="1" x14ac:dyDescent="0.15">
      <c r="AR25431" s="9" ph="1"/>
    </row>
    <row r="25433" spans="44:44" ht="15.75" customHeight="1" x14ac:dyDescent="0.15">
      <c r="AR25433" s="9" ph="1"/>
    </row>
    <row r="25440" spans="44:44" ht="15.75" customHeight="1" x14ac:dyDescent="0.15">
      <c r="AR25440" s="9" ph="1"/>
    </row>
    <row r="25451" spans="44:44" ht="15.75" customHeight="1" x14ac:dyDescent="0.15">
      <c r="AR25451" s="9" ph="1"/>
    </row>
    <row r="25458" spans="44:44" ht="15.75" customHeight="1" x14ac:dyDescent="0.15">
      <c r="AR25458" s="9" ph="1"/>
    </row>
    <row r="25459" spans="44:44" ht="15.75" customHeight="1" x14ac:dyDescent="0.15">
      <c r="AR25459" s="9" ph="1"/>
    </row>
    <row r="25460" spans="44:44" ht="15.75" customHeight="1" x14ac:dyDescent="0.15">
      <c r="AR25460" s="9" ph="1"/>
    </row>
    <row r="25461" spans="44:44" ht="15.75" customHeight="1" x14ac:dyDescent="0.15">
      <c r="AR25461" s="9" ph="1"/>
    </row>
    <row r="25462" spans="44:44" ht="15.75" customHeight="1" x14ac:dyDescent="0.15">
      <c r="AR25462" s="9" ph="1"/>
    </row>
    <row r="25463" spans="44:44" ht="15.75" customHeight="1" x14ac:dyDescent="0.15">
      <c r="AR25463" s="9" ph="1"/>
    </row>
    <row r="25464" spans="44:44" ht="15.75" customHeight="1" x14ac:dyDescent="0.15">
      <c r="AR25464" s="9" ph="1"/>
    </row>
    <row r="25465" spans="44:44" ht="15.75" customHeight="1" x14ac:dyDescent="0.15">
      <c r="AR25465" s="9" ph="1"/>
    </row>
    <row r="25467" spans="44:44" ht="15.75" customHeight="1" x14ac:dyDescent="0.15">
      <c r="AR25467" s="9" ph="1"/>
    </row>
    <row r="25468" spans="44:44" ht="15.75" customHeight="1" x14ac:dyDescent="0.15">
      <c r="AR25468" s="9" ph="1"/>
    </row>
    <row r="25469" spans="44:44" ht="15.75" customHeight="1" x14ac:dyDescent="0.15">
      <c r="AR25469" s="9" ph="1"/>
    </row>
    <row r="25470" spans="44:44" ht="15.75" customHeight="1" x14ac:dyDescent="0.15">
      <c r="AR25470" s="9" ph="1"/>
    </row>
    <row r="25477" spans="44:44" ht="15.75" customHeight="1" x14ac:dyDescent="0.15">
      <c r="AR25477" s="9" ph="1"/>
    </row>
    <row r="25478" spans="44:44" ht="15.75" customHeight="1" x14ac:dyDescent="0.15">
      <c r="AR25478" s="9" ph="1"/>
    </row>
    <row r="25479" spans="44:44" ht="15.75" customHeight="1" x14ac:dyDescent="0.15">
      <c r="AR25479" s="9" ph="1"/>
    </row>
    <row r="25480" spans="44:44" ht="15.75" customHeight="1" x14ac:dyDescent="0.15">
      <c r="AR25480" s="9" ph="1"/>
    </row>
    <row r="25481" spans="44:44" ht="15.75" customHeight="1" x14ac:dyDescent="0.15">
      <c r="AR25481" s="9" ph="1"/>
    </row>
    <row r="25482" spans="44:44" ht="15.75" customHeight="1" x14ac:dyDescent="0.15">
      <c r="AR25482" s="9" ph="1"/>
    </row>
    <row r="25483" spans="44:44" ht="15.75" customHeight="1" x14ac:dyDescent="0.15">
      <c r="AR25483" s="9" ph="1"/>
    </row>
    <row r="25484" spans="44:44" ht="15.75" customHeight="1" x14ac:dyDescent="0.15">
      <c r="AR25484" s="9" ph="1"/>
    </row>
    <row r="25486" spans="44:44" ht="15.75" customHeight="1" x14ac:dyDescent="0.15">
      <c r="AR25486" s="9" ph="1"/>
    </row>
    <row r="25487" spans="44:44" ht="15.75" customHeight="1" x14ac:dyDescent="0.15">
      <c r="AR25487" s="9" ph="1"/>
    </row>
    <row r="25488" spans="44:44" ht="15.75" customHeight="1" x14ac:dyDescent="0.15">
      <c r="AR25488" s="9" ph="1"/>
    </row>
    <row r="25490" spans="44:44" ht="15.75" customHeight="1" x14ac:dyDescent="0.15">
      <c r="AR25490" s="9" ph="1"/>
    </row>
    <row r="25491" spans="44:44" ht="15.75" customHeight="1" x14ac:dyDescent="0.15">
      <c r="AR25491" s="9" ph="1"/>
    </row>
    <row r="25492" spans="44:44" ht="15.75" customHeight="1" x14ac:dyDescent="0.15">
      <c r="AR25492" s="9" ph="1"/>
    </row>
    <row r="25493" spans="44:44" ht="15.75" customHeight="1" x14ac:dyDescent="0.15">
      <c r="AR25493" s="9" ph="1"/>
    </row>
    <row r="25494" spans="44:44" ht="15.75" customHeight="1" x14ac:dyDescent="0.15">
      <c r="AR25494" s="9" ph="1"/>
    </row>
    <row r="25495" spans="44:44" ht="15.75" customHeight="1" x14ac:dyDescent="0.15">
      <c r="AR25495" s="9" ph="1"/>
    </row>
    <row r="25496" spans="44:44" ht="15.75" customHeight="1" x14ac:dyDescent="0.15">
      <c r="AR25496" s="9" ph="1"/>
    </row>
    <row r="25497" spans="44:44" ht="15.75" customHeight="1" x14ac:dyDescent="0.15">
      <c r="AR25497" s="9" ph="1"/>
    </row>
    <row r="25498" spans="44:44" ht="15.75" customHeight="1" x14ac:dyDescent="0.15">
      <c r="AR25498" s="9" ph="1"/>
    </row>
    <row r="25499" spans="44:44" ht="15.75" customHeight="1" x14ac:dyDescent="0.15">
      <c r="AR25499" s="9" ph="1"/>
    </row>
    <row r="25500" spans="44:44" ht="15.75" customHeight="1" x14ac:dyDescent="0.15">
      <c r="AR25500" s="9" ph="1"/>
    </row>
    <row r="25501" spans="44:44" ht="15.75" customHeight="1" x14ac:dyDescent="0.15">
      <c r="AR25501" s="9" ph="1"/>
    </row>
    <row r="25502" spans="44:44" ht="15.75" customHeight="1" x14ac:dyDescent="0.15">
      <c r="AR25502" s="9" ph="1"/>
    </row>
    <row r="25504" spans="44:44" ht="15.75" customHeight="1" x14ac:dyDescent="0.15">
      <c r="AR25504" s="9" ph="1"/>
    </row>
    <row r="25505" spans="44:44" ht="15.75" customHeight="1" x14ac:dyDescent="0.15">
      <c r="AR25505" s="9" ph="1"/>
    </row>
    <row r="25506" spans="44:44" ht="15.75" customHeight="1" x14ac:dyDescent="0.15">
      <c r="AR25506" s="9" ph="1"/>
    </row>
    <row r="25508" spans="44:44" ht="15.75" customHeight="1" x14ac:dyDescent="0.15">
      <c r="AR25508" s="9" ph="1"/>
    </row>
    <row r="25509" spans="44:44" ht="15.75" customHeight="1" x14ac:dyDescent="0.15">
      <c r="AR25509" s="9" ph="1"/>
    </row>
    <row r="25510" spans="44:44" ht="15.75" customHeight="1" x14ac:dyDescent="0.15">
      <c r="AR25510" s="9" ph="1"/>
    </row>
    <row r="25511" spans="44:44" ht="15.75" customHeight="1" x14ac:dyDescent="0.15">
      <c r="AR25511" s="9" ph="1"/>
    </row>
    <row r="25512" spans="44:44" ht="15.75" customHeight="1" x14ac:dyDescent="0.15">
      <c r="AR25512" s="9" ph="1"/>
    </row>
    <row r="25513" spans="44:44" ht="15.75" customHeight="1" x14ac:dyDescent="0.15">
      <c r="AR25513" s="9" ph="1"/>
    </row>
    <row r="25515" spans="44:44" ht="15.75" customHeight="1" x14ac:dyDescent="0.15">
      <c r="AR25515" s="9" ph="1"/>
    </row>
    <row r="25516" spans="44:44" ht="15.75" customHeight="1" x14ac:dyDescent="0.15">
      <c r="AR25516" s="9" ph="1"/>
    </row>
    <row r="25517" spans="44:44" ht="15.75" customHeight="1" x14ac:dyDescent="0.15">
      <c r="AR25517" s="9" ph="1"/>
    </row>
    <row r="25518" spans="44:44" ht="15.75" customHeight="1" x14ac:dyDescent="0.15">
      <c r="AR25518" s="9" ph="1"/>
    </row>
    <row r="25519" spans="44:44" ht="15.75" customHeight="1" x14ac:dyDescent="0.15">
      <c r="AR25519" s="9" ph="1"/>
    </row>
    <row r="25520" spans="44:44" ht="15.75" customHeight="1" x14ac:dyDescent="0.15">
      <c r="AR25520" s="9" ph="1"/>
    </row>
    <row r="25521" spans="44:44" ht="15.75" customHeight="1" x14ac:dyDescent="0.15">
      <c r="AR25521" s="9" ph="1"/>
    </row>
    <row r="25522" spans="44:44" ht="15.75" customHeight="1" x14ac:dyDescent="0.15">
      <c r="AR25522" s="9" ph="1"/>
    </row>
    <row r="25523" spans="44:44" ht="15.75" customHeight="1" x14ac:dyDescent="0.15">
      <c r="AR25523" s="9" ph="1"/>
    </row>
    <row r="25524" spans="44:44" ht="15.75" customHeight="1" x14ac:dyDescent="0.15">
      <c r="AR25524" s="9" ph="1"/>
    </row>
    <row r="25525" spans="44:44" ht="15.75" customHeight="1" x14ac:dyDescent="0.15">
      <c r="AR25525" s="9" ph="1"/>
    </row>
    <row r="25526" spans="44:44" ht="15.75" customHeight="1" x14ac:dyDescent="0.15">
      <c r="AR25526" s="9" ph="1"/>
    </row>
    <row r="25527" spans="44:44" ht="15.75" customHeight="1" x14ac:dyDescent="0.15">
      <c r="AR25527" s="9" ph="1"/>
    </row>
    <row r="25529" spans="44:44" ht="15.75" customHeight="1" x14ac:dyDescent="0.15">
      <c r="AR25529" s="9" ph="1"/>
    </row>
    <row r="25530" spans="44:44" ht="15.75" customHeight="1" x14ac:dyDescent="0.15">
      <c r="AR25530" s="9" ph="1"/>
    </row>
    <row r="25531" spans="44:44" ht="15.75" customHeight="1" x14ac:dyDescent="0.15">
      <c r="AR25531" s="9" ph="1"/>
    </row>
    <row r="25533" spans="44:44" ht="15.75" customHeight="1" x14ac:dyDescent="0.15">
      <c r="AR25533" s="9" ph="1"/>
    </row>
    <row r="25534" spans="44:44" ht="15.75" customHeight="1" x14ac:dyDescent="0.15">
      <c r="AR25534" s="9" ph="1"/>
    </row>
    <row r="25535" spans="44:44" ht="15.75" customHeight="1" x14ac:dyDescent="0.15">
      <c r="AR25535" s="9" ph="1"/>
    </row>
    <row r="25536" spans="44:44" ht="15.75" customHeight="1" x14ac:dyDescent="0.15">
      <c r="AR25536" s="9" ph="1"/>
    </row>
    <row r="25537" spans="44:44" ht="15.75" customHeight="1" x14ac:dyDescent="0.15">
      <c r="AR25537" s="9" ph="1"/>
    </row>
    <row r="25538" spans="44:44" ht="15.75" customHeight="1" x14ac:dyDescent="0.15">
      <c r="AR25538" s="9" ph="1"/>
    </row>
    <row r="25545" spans="44:44" ht="15.75" customHeight="1" x14ac:dyDescent="0.15">
      <c r="AR25545" s="9" ph="1"/>
    </row>
    <row r="25552" spans="44:44" ht="15.75" customHeight="1" x14ac:dyDescent="0.15">
      <c r="AR25552" s="9" ph="1"/>
    </row>
    <row r="25554" spans="44:44" ht="15.75" customHeight="1" x14ac:dyDescent="0.15">
      <c r="AR25554" s="9" ph="1"/>
    </row>
    <row r="25561" spans="44:44" ht="15.75" customHeight="1" x14ac:dyDescent="0.15">
      <c r="AR25561" s="9" ph="1"/>
    </row>
    <row r="25572" spans="44:44" ht="15.75" customHeight="1" x14ac:dyDescent="0.15">
      <c r="AR25572" s="9" ph="1"/>
    </row>
    <row r="25579" spans="44:44" ht="15.75" customHeight="1" x14ac:dyDescent="0.15">
      <c r="AR25579" s="9" ph="1"/>
    </row>
    <row r="25584" spans="44:44" ht="15.75" customHeight="1" x14ac:dyDescent="0.15">
      <c r="AR25584" s="9" ph="1"/>
    </row>
    <row r="25591" spans="44:44" ht="15.75" customHeight="1" x14ac:dyDescent="0.15">
      <c r="AR25591" s="9" ph="1"/>
    </row>
    <row r="25593" spans="44:44" ht="15.75" customHeight="1" x14ac:dyDescent="0.15">
      <c r="AR25593" s="9" ph="1"/>
    </row>
    <row r="25600" spans="44:44" ht="15.75" customHeight="1" x14ac:dyDescent="0.15">
      <c r="AR25600" s="9" ph="1"/>
    </row>
    <row r="25611" spans="44:44" ht="15.75" customHeight="1" x14ac:dyDescent="0.15">
      <c r="AR25611" s="9" ph="1"/>
    </row>
    <row r="25618" spans="44:44" ht="15.75" customHeight="1" x14ac:dyDescent="0.15">
      <c r="AR25618" s="9" ph="1"/>
    </row>
    <row r="25619" spans="44:44" ht="15.75" customHeight="1" x14ac:dyDescent="0.15">
      <c r="AR25619" s="9" ph="1"/>
    </row>
    <row r="25621" spans="44:44" ht="15.75" customHeight="1" x14ac:dyDescent="0.15">
      <c r="AR25621" s="9" ph="1"/>
    </row>
    <row r="25628" spans="44:44" ht="15.75" customHeight="1" x14ac:dyDescent="0.15">
      <c r="AR25628" s="9" ph="1"/>
    </row>
    <row r="25639" spans="44:44" ht="15.75" customHeight="1" x14ac:dyDescent="0.15">
      <c r="AR25639" s="9" ph="1"/>
    </row>
    <row r="25646" spans="44:44" ht="15.75" customHeight="1" x14ac:dyDescent="0.15">
      <c r="AR25646" s="9" ph="1"/>
    </row>
    <row r="25647" spans="44:44" ht="15.75" customHeight="1" x14ac:dyDescent="0.15">
      <c r="AR25647" s="9" ph="1"/>
    </row>
    <row r="25658" spans="44:44" ht="15.75" customHeight="1" x14ac:dyDescent="0.15">
      <c r="AR25658" s="9" ph="1"/>
    </row>
    <row r="25665" spans="44:44" ht="15.75" customHeight="1" x14ac:dyDescent="0.15">
      <c r="AR25665" s="9" ph="1"/>
    </row>
    <row r="25676" spans="44:44" ht="15.75" customHeight="1" x14ac:dyDescent="0.15">
      <c r="AR25676" s="9" ph="1"/>
    </row>
    <row r="25683" spans="44:44" ht="15.75" customHeight="1" x14ac:dyDescent="0.15">
      <c r="AR25683" s="9" ph="1"/>
    </row>
    <row r="25685" spans="44:44" ht="15.75" customHeight="1" x14ac:dyDescent="0.15">
      <c r="AR25685" s="9" ph="1"/>
    </row>
    <row r="25692" spans="44:44" ht="15.75" customHeight="1" x14ac:dyDescent="0.15">
      <c r="AR25692" s="9" ph="1"/>
    </row>
    <row r="25703" spans="44:44" ht="15.75" customHeight="1" x14ac:dyDescent="0.15">
      <c r="AR25703" s="9" ph="1"/>
    </row>
    <row r="25710" spans="44:44" ht="15.75" customHeight="1" x14ac:dyDescent="0.15">
      <c r="AR25710" s="9" ph="1"/>
    </row>
    <row r="25715" spans="44:44" ht="15.75" customHeight="1" x14ac:dyDescent="0.15">
      <c r="AR25715" s="9" ph="1"/>
    </row>
    <row r="25722" spans="44:44" ht="15.75" customHeight="1" x14ac:dyDescent="0.15">
      <c r="AR25722" s="9" ph="1"/>
    </row>
    <row r="25724" spans="44:44" ht="15.75" customHeight="1" x14ac:dyDescent="0.15">
      <c r="AR25724" s="9" ph="1"/>
    </row>
    <row r="25731" spans="44:44" ht="15.75" customHeight="1" x14ac:dyDescent="0.15">
      <c r="AR25731" s="9" ph="1"/>
    </row>
    <row r="25742" spans="44:44" ht="15.75" customHeight="1" x14ac:dyDescent="0.15">
      <c r="AR25742" s="9" ph="1"/>
    </row>
    <row r="25749" spans="44:44" ht="15.75" customHeight="1" x14ac:dyDescent="0.15">
      <c r="AR25749" s="9" ph="1"/>
    </row>
    <row r="25750" spans="44:44" ht="15.75" customHeight="1" x14ac:dyDescent="0.15">
      <c r="AR25750" s="9" ph="1"/>
    </row>
    <row r="25752" spans="44:44" ht="15.75" customHeight="1" x14ac:dyDescent="0.15">
      <c r="AR25752" s="9" ph="1"/>
    </row>
    <row r="25759" spans="44:44" ht="15.75" customHeight="1" x14ac:dyDescent="0.15">
      <c r="AR25759" s="9" ph="1"/>
    </row>
    <row r="25770" spans="44:44" ht="15.75" customHeight="1" x14ac:dyDescent="0.15">
      <c r="AR25770" s="9" ph="1"/>
    </row>
    <row r="25777" spans="44:44" ht="15.75" customHeight="1" x14ac:dyDescent="0.15">
      <c r="AR25777" s="9" ph="1"/>
    </row>
    <row r="25788" spans="44:44" ht="15.75" customHeight="1" x14ac:dyDescent="0.15">
      <c r="AR25788" s="9" ph="1"/>
    </row>
    <row r="25795" spans="44:44" ht="15.75" customHeight="1" x14ac:dyDescent="0.15">
      <c r="AR25795" s="9" ph="1"/>
    </row>
    <row r="25796" spans="44:44" ht="15.75" customHeight="1" x14ac:dyDescent="0.15">
      <c r="AR25796" s="9" ph="1"/>
    </row>
    <row r="25798" spans="44:44" ht="15.75" customHeight="1" x14ac:dyDescent="0.15">
      <c r="AR25798" s="9" ph="1"/>
    </row>
    <row r="25805" spans="44:44" ht="15.75" customHeight="1" x14ac:dyDescent="0.15">
      <c r="AR25805" s="9" ph="1"/>
    </row>
    <row r="25816" spans="44:44" ht="15.75" customHeight="1" x14ac:dyDescent="0.15">
      <c r="AR25816" s="9" ph="1"/>
    </row>
    <row r="25823" spans="44:44" ht="15.75" customHeight="1" x14ac:dyDescent="0.15">
      <c r="AR25823" s="9" ph="1"/>
    </row>
    <row r="25830" spans="44:44" ht="15.75" customHeight="1" x14ac:dyDescent="0.15">
      <c r="AR25830" s="9" ph="1"/>
    </row>
    <row r="25837" spans="44:44" ht="15.75" customHeight="1" x14ac:dyDescent="0.15">
      <c r="AR25837" s="9" ph="1"/>
    </row>
    <row r="25838" spans="44:44" ht="15.75" customHeight="1" x14ac:dyDescent="0.15">
      <c r="AR25838" s="9" ph="1"/>
    </row>
    <row r="25840" spans="44:44" ht="15.75" customHeight="1" x14ac:dyDescent="0.15">
      <c r="AR25840" s="9" ph="1"/>
    </row>
    <row r="25847" spans="44:44" ht="15.75" customHeight="1" x14ac:dyDescent="0.15">
      <c r="AR25847" s="9" ph="1"/>
    </row>
    <row r="25858" spans="44:44" ht="15.75" customHeight="1" x14ac:dyDescent="0.15">
      <c r="AR25858" s="9" ph="1"/>
    </row>
    <row r="25865" spans="44:44" ht="15.75" customHeight="1" x14ac:dyDescent="0.15">
      <c r="AR25865" s="9" ph="1"/>
    </row>
    <row r="25869" spans="44:44" ht="15.75" customHeight="1" x14ac:dyDescent="0.15">
      <c r="AR25869" s="9" ph="1"/>
    </row>
    <row r="25876" spans="44:44" ht="15.75" customHeight="1" x14ac:dyDescent="0.15">
      <c r="AR25876" s="9" ph="1"/>
    </row>
    <row r="25883" spans="44:44" ht="15.75" customHeight="1" x14ac:dyDescent="0.15">
      <c r="AR25883" s="9" ph="1"/>
    </row>
    <row r="25890" spans="44:44" ht="15.75" customHeight="1" x14ac:dyDescent="0.15">
      <c r="AR25890" s="9" ph="1"/>
    </row>
    <row r="25891" spans="44:44" ht="15.75" customHeight="1" x14ac:dyDescent="0.15">
      <c r="AR25891" s="9" ph="1"/>
    </row>
    <row r="25893" spans="44:44" ht="15.75" customHeight="1" x14ac:dyDescent="0.15">
      <c r="AR25893" s="9" ph="1"/>
    </row>
    <row r="25900" spans="44:44" ht="15.75" customHeight="1" x14ac:dyDescent="0.15">
      <c r="AR25900" s="9" ph="1"/>
    </row>
    <row r="25911" spans="44:44" ht="15.75" customHeight="1" x14ac:dyDescent="0.15">
      <c r="AR25911" s="9" ph="1"/>
    </row>
    <row r="25918" spans="44:44" ht="15.75" customHeight="1" x14ac:dyDescent="0.15">
      <c r="AR25918" s="9" ph="1"/>
    </row>
    <row r="25919" spans="44:44" ht="15.75" customHeight="1" x14ac:dyDescent="0.15">
      <c r="AR25919" s="9" ph="1"/>
    </row>
    <row r="25920" spans="44:44" ht="15.75" customHeight="1" x14ac:dyDescent="0.15">
      <c r="AR25920" s="9" ph="1"/>
    </row>
    <row r="25921" spans="44:44" ht="15.75" customHeight="1" x14ac:dyDescent="0.15">
      <c r="AR25921" s="9" ph="1"/>
    </row>
    <row r="25922" spans="44:44" ht="15.75" customHeight="1" x14ac:dyDescent="0.15">
      <c r="AR25922" s="9" ph="1"/>
    </row>
    <row r="25923" spans="44:44" ht="15.75" customHeight="1" x14ac:dyDescent="0.15">
      <c r="AR25923" s="9" ph="1"/>
    </row>
    <row r="25924" spans="44:44" ht="15.75" customHeight="1" x14ac:dyDescent="0.15">
      <c r="AR25924" s="9" ph="1"/>
    </row>
    <row r="25925" spans="44:44" ht="15.75" customHeight="1" x14ac:dyDescent="0.15">
      <c r="AR25925" s="9" ph="1"/>
    </row>
    <row r="25927" spans="44:44" ht="15.75" customHeight="1" x14ac:dyDescent="0.15">
      <c r="AR25927" s="9" ph="1"/>
    </row>
    <row r="25934" spans="44:44" ht="15.75" customHeight="1" x14ac:dyDescent="0.15">
      <c r="AR25934" s="9" ph="1"/>
    </row>
    <row r="25938" spans="44:44" ht="15.75" customHeight="1" x14ac:dyDescent="0.15">
      <c r="AR25938" s="9" ph="1"/>
    </row>
    <row r="25945" spans="44:44" ht="15.75" customHeight="1" x14ac:dyDescent="0.15">
      <c r="AR25945" s="9" ph="1"/>
    </row>
    <row r="25952" spans="44:44" ht="15.75" customHeight="1" x14ac:dyDescent="0.15">
      <c r="AR25952" s="9" ph="1"/>
    </row>
    <row r="25959" spans="44:44" ht="15.75" customHeight="1" x14ac:dyDescent="0.15">
      <c r="AR25959" s="9" ph="1"/>
    </row>
    <row r="25960" spans="44:44" ht="15.75" customHeight="1" x14ac:dyDescent="0.15">
      <c r="AR25960" s="9" ph="1"/>
    </row>
    <row r="25962" spans="44:44" ht="15.75" customHeight="1" x14ac:dyDescent="0.15">
      <c r="AR25962" s="9" ph="1"/>
    </row>
    <row r="25969" spans="44:44" ht="15.75" customHeight="1" x14ac:dyDescent="0.15">
      <c r="AR25969" s="9" ph="1"/>
    </row>
    <row r="25980" spans="44:44" ht="15.75" customHeight="1" x14ac:dyDescent="0.15">
      <c r="AR25980" s="9" ph="1"/>
    </row>
    <row r="25987" spans="44:44" ht="15.75" customHeight="1" x14ac:dyDescent="0.15">
      <c r="AR25987" s="9" ph="1"/>
    </row>
    <row r="25988" spans="44:44" ht="15.75" customHeight="1" x14ac:dyDescent="0.15">
      <c r="AR25988" s="9" ph="1"/>
    </row>
    <row r="25989" spans="44:44" ht="15.75" customHeight="1" x14ac:dyDescent="0.15">
      <c r="AR25989" s="9" ph="1"/>
    </row>
    <row r="25990" spans="44:44" ht="15.75" customHeight="1" x14ac:dyDescent="0.15">
      <c r="AR25990" s="9" ph="1"/>
    </row>
    <row r="25991" spans="44:44" ht="15.75" customHeight="1" x14ac:dyDescent="0.15">
      <c r="AR25991" s="9" ph="1"/>
    </row>
    <row r="25992" spans="44:44" ht="15.75" customHeight="1" x14ac:dyDescent="0.15">
      <c r="AR25992" s="9" ph="1"/>
    </row>
    <row r="25993" spans="44:44" ht="15.75" customHeight="1" x14ac:dyDescent="0.15">
      <c r="AR25993" s="9" ph="1"/>
    </row>
    <row r="25994" spans="44:44" ht="15.75" customHeight="1" x14ac:dyDescent="0.15">
      <c r="AR25994" s="9" ph="1"/>
    </row>
    <row r="25996" spans="44:44" ht="15.75" customHeight="1" x14ac:dyDescent="0.15">
      <c r="AR25996" s="9" ph="1"/>
    </row>
    <row r="25997" spans="44:44" ht="15.75" customHeight="1" x14ac:dyDescent="0.15">
      <c r="AR25997" s="9" ph="1"/>
    </row>
    <row r="25998" spans="44:44" ht="15.75" customHeight="1" x14ac:dyDescent="0.15">
      <c r="AR25998" s="9" ph="1"/>
    </row>
    <row r="25999" spans="44:44" ht="15.75" customHeight="1" x14ac:dyDescent="0.15">
      <c r="AR25999" s="9" ph="1"/>
    </row>
    <row r="26006" spans="44:44" ht="15.75" customHeight="1" x14ac:dyDescent="0.15">
      <c r="AR26006" s="9" ph="1"/>
    </row>
    <row r="26007" spans="44:44" ht="15.75" customHeight="1" x14ac:dyDescent="0.15">
      <c r="AR26007" s="9" ph="1"/>
    </row>
    <row r="26008" spans="44:44" ht="15.75" customHeight="1" x14ac:dyDescent="0.15">
      <c r="AR26008" s="9" ph="1"/>
    </row>
    <row r="26009" spans="44:44" ht="15.75" customHeight="1" x14ac:dyDescent="0.15">
      <c r="AR26009" s="9" ph="1"/>
    </row>
    <row r="26010" spans="44:44" ht="15.75" customHeight="1" x14ac:dyDescent="0.15">
      <c r="AR26010" s="9" ph="1"/>
    </row>
    <row r="26011" spans="44:44" ht="15.75" customHeight="1" x14ac:dyDescent="0.15">
      <c r="AR26011" s="9" ph="1"/>
    </row>
    <row r="26012" spans="44:44" ht="15.75" customHeight="1" x14ac:dyDescent="0.15">
      <c r="AR26012" s="9" ph="1"/>
    </row>
    <row r="26013" spans="44:44" ht="15.75" customHeight="1" x14ac:dyDescent="0.15">
      <c r="AR26013" s="9" ph="1"/>
    </row>
    <row r="26015" spans="44:44" ht="15.75" customHeight="1" x14ac:dyDescent="0.15">
      <c r="AR26015" s="9" ph="1"/>
    </row>
    <row r="26016" spans="44:44" ht="15.75" customHeight="1" x14ac:dyDescent="0.15">
      <c r="AR26016" s="9" ph="1"/>
    </row>
    <row r="26017" spans="44:44" ht="15.75" customHeight="1" x14ac:dyDescent="0.15">
      <c r="AR26017" s="9" ph="1"/>
    </row>
    <row r="26019" spans="44:44" ht="15.75" customHeight="1" x14ac:dyDescent="0.15">
      <c r="AR26019" s="9" ph="1"/>
    </row>
    <row r="26020" spans="44:44" ht="15.75" customHeight="1" x14ac:dyDescent="0.15">
      <c r="AR26020" s="9" ph="1"/>
    </row>
    <row r="26021" spans="44:44" ht="15.75" customHeight="1" x14ac:dyDescent="0.15">
      <c r="AR26021" s="9" ph="1"/>
    </row>
    <row r="26022" spans="44:44" ht="15.75" customHeight="1" x14ac:dyDescent="0.15">
      <c r="AR26022" s="9" ph="1"/>
    </row>
    <row r="26023" spans="44:44" ht="15.75" customHeight="1" x14ac:dyDescent="0.15">
      <c r="AR26023" s="9" ph="1"/>
    </row>
    <row r="26024" spans="44:44" ht="15.75" customHeight="1" x14ac:dyDescent="0.15">
      <c r="AR26024" s="9" ph="1"/>
    </row>
    <row r="26025" spans="44:44" ht="15.75" customHeight="1" x14ac:dyDescent="0.15">
      <c r="AR26025" s="9" ph="1"/>
    </row>
    <row r="26026" spans="44:44" ht="15.75" customHeight="1" x14ac:dyDescent="0.15">
      <c r="AR26026" s="9" ph="1"/>
    </row>
    <row r="26027" spans="44:44" ht="15.75" customHeight="1" x14ac:dyDescent="0.15">
      <c r="AR26027" s="9" ph="1"/>
    </row>
    <row r="26028" spans="44:44" ht="15.75" customHeight="1" x14ac:dyDescent="0.15">
      <c r="AR26028" s="9" ph="1"/>
    </row>
    <row r="26029" spans="44:44" ht="15.75" customHeight="1" x14ac:dyDescent="0.15">
      <c r="AR26029" s="9" ph="1"/>
    </row>
    <row r="26030" spans="44:44" ht="15.75" customHeight="1" x14ac:dyDescent="0.15">
      <c r="AR26030" s="9" ph="1"/>
    </row>
    <row r="26031" spans="44:44" ht="15.75" customHeight="1" x14ac:dyDescent="0.15">
      <c r="AR26031" s="9" ph="1"/>
    </row>
    <row r="26033" spans="44:44" ht="15.75" customHeight="1" x14ac:dyDescent="0.15">
      <c r="AR26033" s="9" ph="1"/>
    </row>
    <row r="26034" spans="44:44" ht="15.75" customHeight="1" x14ac:dyDescent="0.15">
      <c r="AR26034" s="9" ph="1"/>
    </row>
    <row r="26035" spans="44:44" ht="15.75" customHeight="1" x14ac:dyDescent="0.15">
      <c r="AR26035" s="9" ph="1"/>
    </row>
    <row r="26037" spans="44:44" ht="15.75" customHeight="1" x14ac:dyDescent="0.15">
      <c r="AR26037" s="9" ph="1"/>
    </row>
    <row r="26038" spans="44:44" ht="15.75" customHeight="1" x14ac:dyDescent="0.15">
      <c r="AR26038" s="9" ph="1"/>
    </row>
    <row r="26039" spans="44:44" ht="15.75" customHeight="1" x14ac:dyDescent="0.15">
      <c r="AR26039" s="9" ph="1"/>
    </row>
    <row r="26040" spans="44:44" ht="15.75" customHeight="1" x14ac:dyDescent="0.15">
      <c r="AR26040" s="9" ph="1"/>
    </row>
    <row r="26041" spans="44:44" ht="15.75" customHeight="1" x14ac:dyDescent="0.15">
      <c r="AR26041" s="9" ph="1"/>
    </row>
    <row r="26042" spans="44:44" ht="15.75" customHeight="1" x14ac:dyDescent="0.15">
      <c r="AR26042" s="9" ph="1"/>
    </row>
    <row r="26044" spans="44:44" ht="15.75" customHeight="1" x14ac:dyDescent="0.15">
      <c r="AR26044" s="9" ph="1"/>
    </row>
    <row r="26045" spans="44:44" ht="15.75" customHeight="1" x14ac:dyDescent="0.15">
      <c r="AR26045" s="9" ph="1"/>
    </row>
    <row r="26046" spans="44:44" ht="15.75" customHeight="1" x14ac:dyDescent="0.15">
      <c r="AR26046" s="9" ph="1"/>
    </row>
    <row r="26047" spans="44:44" ht="15.75" customHeight="1" x14ac:dyDescent="0.15">
      <c r="AR26047" s="9" ph="1"/>
    </row>
    <row r="26048" spans="44:44" ht="15.75" customHeight="1" x14ac:dyDescent="0.15">
      <c r="AR26048" s="9" ph="1"/>
    </row>
    <row r="26049" spans="44:44" ht="15.75" customHeight="1" x14ac:dyDescent="0.15">
      <c r="AR26049" s="9" ph="1"/>
    </row>
    <row r="26050" spans="44:44" ht="15.75" customHeight="1" x14ac:dyDescent="0.15">
      <c r="AR26050" s="9" ph="1"/>
    </row>
    <row r="26051" spans="44:44" ht="15.75" customHeight="1" x14ac:dyDescent="0.15">
      <c r="AR26051" s="9" ph="1"/>
    </row>
    <row r="26052" spans="44:44" ht="15.75" customHeight="1" x14ac:dyDescent="0.15">
      <c r="AR26052" s="9" ph="1"/>
    </row>
    <row r="26053" spans="44:44" ht="15.75" customHeight="1" x14ac:dyDescent="0.15">
      <c r="AR26053" s="9" ph="1"/>
    </row>
    <row r="26054" spans="44:44" ht="15.75" customHeight="1" x14ac:dyDescent="0.15">
      <c r="AR26054" s="9" ph="1"/>
    </row>
    <row r="26055" spans="44:44" ht="15.75" customHeight="1" x14ac:dyDescent="0.15">
      <c r="AR26055" s="9" ph="1"/>
    </row>
    <row r="26056" spans="44:44" ht="15.75" customHeight="1" x14ac:dyDescent="0.15">
      <c r="AR26056" s="9" ph="1"/>
    </row>
    <row r="26058" spans="44:44" ht="15.75" customHeight="1" x14ac:dyDescent="0.15">
      <c r="AR26058" s="9" ph="1"/>
    </row>
    <row r="26059" spans="44:44" ht="15.75" customHeight="1" x14ac:dyDescent="0.15">
      <c r="AR26059" s="9" ph="1"/>
    </row>
    <row r="26060" spans="44:44" ht="15.75" customHeight="1" x14ac:dyDescent="0.15">
      <c r="AR26060" s="9" ph="1"/>
    </row>
    <row r="26062" spans="44:44" ht="15.75" customHeight="1" x14ac:dyDescent="0.15">
      <c r="AR26062" s="9" ph="1"/>
    </row>
    <row r="26063" spans="44:44" ht="15.75" customHeight="1" x14ac:dyDescent="0.15">
      <c r="AR26063" s="9" ph="1"/>
    </row>
    <row r="26064" spans="44:44" ht="15.75" customHeight="1" x14ac:dyDescent="0.15">
      <c r="AR26064" s="9" ph="1"/>
    </row>
    <row r="26065" spans="44:44" ht="15.75" customHeight="1" x14ac:dyDescent="0.15">
      <c r="AR26065" s="9" ph="1"/>
    </row>
    <row r="26066" spans="44:44" ht="15.75" customHeight="1" x14ac:dyDescent="0.15">
      <c r="AR26066" s="9" ph="1"/>
    </row>
    <row r="26067" spans="44:44" ht="15.75" customHeight="1" x14ac:dyDescent="0.15">
      <c r="AR26067" s="9" ph="1"/>
    </row>
    <row r="26068" spans="44:44" ht="15.75" customHeight="1" x14ac:dyDescent="0.15">
      <c r="AR26068" s="9" ph="1"/>
    </row>
    <row r="26075" spans="44:44" ht="15.75" customHeight="1" x14ac:dyDescent="0.15">
      <c r="AR26075" s="9" ph="1"/>
    </row>
    <row r="26076" spans="44:44" ht="15.75" customHeight="1" x14ac:dyDescent="0.15">
      <c r="AR26076" s="9" ph="1"/>
    </row>
    <row r="26078" spans="44:44" ht="15.75" customHeight="1" x14ac:dyDescent="0.15">
      <c r="AR26078" s="9" ph="1"/>
    </row>
    <row r="26085" spans="44:44" ht="15.75" customHeight="1" x14ac:dyDescent="0.15">
      <c r="AR26085" s="9" ph="1"/>
    </row>
    <row r="26096" spans="44:44" ht="15.75" customHeight="1" x14ac:dyDescent="0.15">
      <c r="AR26096" s="9" ph="1"/>
    </row>
    <row r="26103" spans="44:44" ht="15.75" customHeight="1" x14ac:dyDescent="0.15">
      <c r="AR26103" s="9" ph="1"/>
    </row>
    <row r="26107" spans="44:44" ht="15.75" customHeight="1" x14ac:dyDescent="0.15">
      <c r="AR26107" s="9" ph="1"/>
    </row>
    <row r="26114" spans="44:44" ht="15.75" customHeight="1" x14ac:dyDescent="0.15">
      <c r="AR26114" s="9" ph="1"/>
    </row>
    <row r="26121" spans="44:44" ht="15.75" customHeight="1" x14ac:dyDescent="0.15">
      <c r="AR26121" s="9" ph="1"/>
    </row>
    <row r="26128" spans="44:44" ht="15.75" customHeight="1" x14ac:dyDescent="0.15">
      <c r="AR26128" s="9" ph="1"/>
    </row>
    <row r="26129" spans="44:44" ht="15.75" customHeight="1" x14ac:dyDescent="0.15">
      <c r="AR26129" s="9" ph="1"/>
    </row>
    <row r="26131" spans="44:44" ht="15.75" customHeight="1" x14ac:dyDescent="0.15">
      <c r="AR26131" s="9" ph="1"/>
    </row>
    <row r="26138" spans="44:44" ht="15.75" customHeight="1" x14ac:dyDescent="0.15">
      <c r="AR26138" s="9" ph="1"/>
    </row>
    <row r="26149" spans="44:44" ht="15.75" customHeight="1" x14ac:dyDescent="0.15">
      <c r="AR26149" s="9" ph="1"/>
    </row>
    <row r="26156" spans="44:44" ht="15.75" customHeight="1" x14ac:dyDescent="0.15">
      <c r="AR26156" s="9" ph="1"/>
    </row>
    <row r="26157" spans="44:44" ht="15.75" customHeight="1" x14ac:dyDescent="0.15">
      <c r="AR26157" s="9" ph="1"/>
    </row>
    <row r="26158" spans="44:44" ht="15.75" customHeight="1" x14ac:dyDescent="0.15">
      <c r="AR26158" s="9" ph="1"/>
    </row>
    <row r="26159" spans="44:44" ht="15.75" customHeight="1" x14ac:dyDescent="0.15">
      <c r="AR26159" s="9" ph="1"/>
    </row>
    <row r="26160" spans="44:44" ht="15.75" customHeight="1" x14ac:dyDescent="0.15">
      <c r="AR26160" s="9" ph="1"/>
    </row>
    <row r="26161" spans="44:44" ht="15.75" customHeight="1" x14ac:dyDescent="0.15">
      <c r="AR26161" s="9" ph="1"/>
    </row>
    <row r="26162" spans="44:44" ht="15.75" customHeight="1" x14ac:dyDescent="0.15">
      <c r="AR26162" s="9" ph="1"/>
    </row>
    <row r="26163" spans="44:44" ht="15.75" customHeight="1" x14ac:dyDescent="0.15">
      <c r="AR26163" s="9" ph="1"/>
    </row>
    <row r="26165" spans="44:44" ht="15.75" customHeight="1" x14ac:dyDescent="0.15">
      <c r="AR26165" s="9" ph="1"/>
    </row>
    <row r="26172" spans="44:44" ht="15.75" customHeight="1" x14ac:dyDescent="0.15">
      <c r="AR26172" s="9" ph="1"/>
    </row>
    <row r="26176" spans="44:44" ht="15.75" customHeight="1" x14ac:dyDescent="0.15">
      <c r="AR26176" s="9" ph="1"/>
    </row>
    <row r="26183" spans="44:44" ht="15.75" customHeight="1" x14ac:dyDescent="0.15">
      <c r="AR26183" s="9" ph="1"/>
    </row>
    <row r="26190" spans="44:44" ht="15.75" customHeight="1" x14ac:dyDescent="0.15">
      <c r="AR26190" s="9" ph="1"/>
    </row>
    <row r="26197" spans="44:44" ht="15.75" customHeight="1" x14ac:dyDescent="0.15">
      <c r="AR26197" s="9" ph="1"/>
    </row>
    <row r="26198" spans="44:44" ht="15.75" customHeight="1" x14ac:dyDescent="0.15">
      <c r="AR26198" s="9" ph="1"/>
    </row>
    <row r="26200" spans="44:44" ht="15.75" customHeight="1" x14ac:dyDescent="0.15">
      <c r="AR26200" s="9" ph="1"/>
    </row>
    <row r="26207" spans="44:44" ht="15.75" customHeight="1" x14ac:dyDescent="0.15">
      <c r="AR26207" s="9" ph="1"/>
    </row>
    <row r="26218" spans="44:44" ht="15.75" customHeight="1" x14ac:dyDescent="0.15">
      <c r="AR26218" s="9" ph="1"/>
    </row>
    <row r="26225" spans="44:44" ht="15.75" customHeight="1" x14ac:dyDescent="0.15">
      <c r="AR26225" s="9" ph="1"/>
    </row>
    <row r="26226" spans="44:44" ht="15.75" customHeight="1" x14ac:dyDescent="0.15">
      <c r="AR26226" s="9" ph="1"/>
    </row>
    <row r="26227" spans="44:44" ht="15.75" customHeight="1" x14ac:dyDescent="0.15">
      <c r="AR26227" s="9" ph="1"/>
    </row>
    <row r="26228" spans="44:44" ht="15.75" customHeight="1" x14ac:dyDescent="0.15">
      <c r="AR26228" s="9" ph="1"/>
    </row>
    <row r="26229" spans="44:44" ht="15.75" customHeight="1" x14ac:dyDescent="0.15">
      <c r="AR26229" s="9" ph="1"/>
    </row>
    <row r="26230" spans="44:44" ht="15.75" customHeight="1" x14ac:dyDescent="0.15">
      <c r="AR26230" s="9" ph="1"/>
    </row>
    <row r="26231" spans="44:44" ht="15.75" customHeight="1" x14ac:dyDescent="0.15">
      <c r="AR26231" s="9" ph="1"/>
    </row>
    <row r="26232" spans="44:44" ht="15.75" customHeight="1" x14ac:dyDescent="0.15">
      <c r="AR26232" s="9" ph="1"/>
    </row>
    <row r="26234" spans="44:44" ht="15.75" customHeight="1" x14ac:dyDescent="0.15">
      <c r="AR26234" s="9" ph="1"/>
    </row>
    <row r="26235" spans="44:44" ht="15.75" customHeight="1" x14ac:dyDescent="0.15">
      <c r="AR26235" s="9" ph="1"/>
    </row>
    <row r="26236" spans="44:44" ht="15.75" customHeight="1" x14ac:dyDescent="0.15">
      <c r="AR26236" s="9" ph="1"/>
    </row>
    <row r="26237" spans="44:44" ht="15.75" customHeight="1" x14ac:dyDescent="0.15">
      <c r="AR26237" s="9" ph="1"/>
    </row>
    <row r="26244" spans="44:44" ht="15.75" customHeight="1" x14ac:dyDescent="0.15">
      <c r="AR26244" s="9" ph="1"/>
    </row>
    <row r="26245" spans="44:44" ht="15.75" customHeight="1" x14ac:dyDescent="0.15">
      <c r="AR26245" s="9" ph="1"/>
    </row>
    <row r="26246" spans="44:44" ht="15.75" customHeight="1" x14ac:dyDescent="0.15">
      <c r="AR26246" s="9" ph="1"/>
    </row>
    <row r="26247" spans="44:44" ht="15.75" customHeight="1" x14ac:dyDescent="0.15">
      <c r="AR26247" s="9" ph="1"/>
    </row>
    <row r="26248" spans="44:44" ht="15.75" customHeight="1" x14ac:dyDescent="0.15">
      <c r="AR26248" s="9" ph="1"/>
    </row>
    <row r="26249" spans="44:44" ht="15.75" customHeight="1" x14ac:dyDescent="0.15">
      <c r="AR26249" s="9" ph="1"/>
    </row>
    <row r="26250" spans="44:44" ht="15.75" customHeight="1" x14ac:dyDescent="0.15">
      <c r="AR26250" s="9" ph="1"/>
    </row>
    <row r="26251" spans="44:44" ht="15.75" customHeight="1" x14ac:dyDescent="0.15">
      <c r="AR26251" s="9" ph="1"/>
    </row>
    <row r="26253" spans="44:44" ht="15.75" customHeight="1" x14ac:dyDescent="0.15">
      <c r="AR26253" s="9" ph="1"/>
    </row>
    <row r="26254" spans="44:44" ht="15.75" customHeight="1" x14ac:dyDescent="0.15">
      <c r="AR26254" s="9" ph="1"/>
    </row>
    <row r="26255" spans="44:44" ht="15.75" customHeight="1" x14ac:dyDescent="0.15">
      <c r="AR26255" s="9" ph="1"/>
    </row>
    <row r="26257" spans="44:44" ht="15.75" customHeight="1" x14ac:dyDescent="0.15">
      <c r="AR26257" s="9" ph="1"/>
    </row>
    <row r="26258" spans="44:44" ht="15.75" customHeight="1" x14ac:dyDescent="0.15">
      <c r="AR26258" s="9" ph="1"/>
    </row>
    <row r="26259" spans="44:44" ht="15.75" customHeight="1" x14ac:dyDescent="0.15">
      <c r="AR26259" s="9" ph="1"/>
    </row>
    <row r="26260" spans="44:44" ht="15.75" customHeight="1" x14ac:dyDescent="0.15">
      <c r="AR26260" s="9" ph="1"/>
    </row>
    <row r="26261" spans="44:44" ht="15.75" customHeight="1" x14ac:dyDescent="0.15">
      <c r="AR26261" s="9" ph="1"/>
    </row>
    <row r="26262" spans="44:44" ht="15.75" customHeight="1" x14ac:dyDescent="0.15">
      <c r="AR26262" s="9" ph="1"/>
    </row>
    <row r="26263" spans="44:44" ht="15.75" customHeight="1" x14ac:dyDescent="0.15">
      <c r="AR26263" s="9" ph="1"/>
    </row>
    <row r="26264" spans="44:44" ht="15.75" customHeight="1" x14ac:dyDescent="0.15">
      <c r="AR26264" s="9" ph="1"/>
    </row>
    <row r="26265" spans="44:44" ht="15.75" customHeight="1" x14ac:dyDescent="0.15">
      <c r="AR26265" s="9" ph="1"/>
    </row>
    <row r="26266" spans="44:44" ht="15.75" customHeight="1" x14ac:dyDescent="0.15">
      <c r="AR26266" s="9" ph="1"/>
    </row>
    <row r="26267" spans="44:44" ht="15.75" customHeight="1" x14ac:dyDescent="0.15">
      <c r="AR26267" s="9" ph="1"/>
    </row>
    <row r="26268" spans="44:44" ht="15.75" customHeight="1" x14ac:dyDescent="0.15">
      <c r="AR26268" s="9" ph="1"/>
    </row>
    <row r="26269" spans="44:44" ht="15.75" customHeight="1" x14ac:dyDescent="0.15">
      <c r="AR26269" s="9" ph="1"/>
    </row>
    <row r="26271" spans="44:44" ht="15.75" customHeight="1" x14ac:dyDescent="0.15">
      <c r="AR26271" s="9" ph="1"/>
    </row>
    <row r="26272" spans="44:44" ht="15.75" customHeight="1" x14ac:dyDescent="0.15">
      <c r="AR26272" s="9" ph="1"/>
    </row>
    <row r="26273" spans="44:44" ht="15.75" customHeight="1" x14ac:dyDescent="0.15">
      <c r="AR26273" s="9" ph="1"/>
    </row>
    <row r="26275" spans="44:44" ht="15.75" customHeight="1" x14ac:dyDescent="0.15">
      <c r="AR26275" s="9" ph="1"/>
    </row>
    <row r="26276" spans="44:44" ht="15.75" customHeight="1" x14ac:dyDescent="0.15">
      <c r="AR26276" s="9" ph="1"/>
    </row>
    <row r="26277" spans="44:44" ht="15.75" customHeight="1" x14ac:dyDescent="0.15">
      <c r="AR26277" s="9" ph="1"/>
    </row>
    <row r="26278" spans="44:44" ht="15.75" customHeight="1" x14ac:dyDescent="0.15">
      <c r="AR26278" s="9" ph="1"/>
    </row>
    <row r="26279" spans="44:44" ht="15.75" customHeight="1" x14ac:dyDescent="0.15">
      <c r="AR26279" s="9" ph="1"/>
    </row>
    <row r="26280" spans="44:44" ht="15.75" customHeight="1" x14ac:dyDescent="0.15">
      <c r="AR26280" s="9" ph="1"/>
    </row>
    <row r="26282" spans="44:44" ht="15.75" customHeight="1" x14ac:dyDescent="0.15">
      <c r="AR26282" s="9" ph="1"/>
    </row>
    <row r="26283" spans="44:44" ht="15.75" customHeight="1" x14ac:dyDescent="0.15">
      <c r="AR26283" s="9" ph="1"/>
    </row>
    <row r="26284" spans="44:44" ht="15.75" customHeight="1" x14ac:dyDescent="0.15">
      <c r="AR26284" s="9" ph="1"/>
    </row>
    <row r="26285" spans="44:44" ht="15.75" customHeight="1" x14ac:dyDescent="0.15">
      <c r="AR26285" s="9" ph="1"/>
    </row>
    <row r="26286" spans="44:44" ht="15.75" customHeight="1" x14ac:dyDescent="0.15">
      <c r="AR26286" s="9" ph="1"/>
    </row>
    <row r="26287" spans="44:44" ht="15.75" customHeight="1" x14ac:dyDescent="0.15">
      <c r="AR26287" s="9" ph="1"/>
    </row>
    <row r="26288" spans="44:44" ht="15.75" customHeight="1" x14ac:dyDescent="0.15">
      <c r="AR26288" s="9" ph="1"/>
    </row>
    <row r="26289" spans="44:44" ht="15.75" customHeight="1" x14ac:dyDescent="0.15">
      <c r="AR26289" s="9" ph="1"/>
    </row>
    <row r="26290" spans="44:44" ht="15.75" customHeight="1" x14ac:dyDescent="0.15">
      <c r="AR26290" s="9" ph="1"/>
    </row>
    <row r="26291" spans="44:44" ht="15.75" customHeight="1" x14ac:dyDescent="0.15">
      <c r="AR26291" s="9" ph="1"/>
    </row>
    <row r="26292" spans="44:44" ht="15.75" customHeight="1" x14ac:dyDescent="0.15">
      <c r="AR26292" s="9" ph="1"/>
    </row>
    <row r="26293" spans="44:44" ht="15.75" customHeight="1" x14ac:dyDescent="0.15">
      <c r="AR26293" s="9" ph="1"/>
    </row>
    <row r="26294" spans="44:44" ht="15.75" customHeight="1" x14ac:dyDescent="0.15">
      <c r="AR26294" s="9" ph="1"/>
    </row>
    <row r="26296" spans="44:44" ht="15.75" customHeight="1" x14ac:dyDescent="0.15">
      <c r="AR26296" s="9" ph="1"/>
    </row>
    <row r="26297" spans="44:44" ht="15.75" customHeight="1" x14ac:dyDescent="0.15">
      <c r="AR26297" s="9" ph="1"/>
    </row>
    <row r="26298" spans="44:44" ht="15.75" customHeight="1" x14ac:dyDescent="0.15">
      <c r="AR26298" s="9" ph="1"/>
    </row>
    <row r="26300" spans="44:44" ht="15.75" customHeight="1" x14ac:dyDescent="0.15">
      <c r="AR26300" s="9" ph="1"/>
    </row>
    <row r="26301" spans="44:44" ht="15.75" customHeight="1" x14ac:dyDescent="0.15">
      <c r="AR26301" s="9" ph="1"/>
    </row>
    <row r="26302" spans="44:44" ht="15.75" customHeight="1" x14ac:dyDescent="0.15">
      <c r="AR26302" s="9" ph="1"/>
    </row>
    <row r="26303" spans="44:44" ht="15.75" customHeight="1" x14ac:dyDescent="0.15">
      <c r="AR26303" s="9" ph="1"/>
    </row>
    <row r="26304" spans="44:44" ht="15.75" customHeight="1" x14ac:dyDescent="0.15">
      <c r="AR26304" s="9" ph="1"/>
    </row>
    <row r="26305" spans="44:44" ht="15.75" customHeight="1" x14ac:dyDescent="0.15">
      <c r="AR26305" s="9" ph="1"/>
    </row>
    <row r="26306" spans="44:44" ht="15.75" customHeight="1" x14ac:dyDescent="0.15">
      <c r="AR26306" s="9" ph="1"/>
    </row>
    <row r="26307" spans="44:44" ht="15.75" customHeight="1" x14ac:dyDescent="0.15">
      <c r="AR26307" s="9" ph="1"/>
    </row>
    <row r="26308" spans="44:44" ht="15.75" customHeight="1" x14ac:dyDescent="0.15">
      <c r="AR26308" s="9" ph="1"/>
    </row>
    <row r="26309" spans="44:44" ht="15.75" customHeight="1" x14ac:dyDescent="0.15">
      <c r="AR26309" s="9" ph="1"/>
    </row>
    <row r="26310" spans="44:44" ht="15.75" customHeight="1" x14ac:dyDescent="0.15">
      <c r="AR26310" s="9" ph="1"/>
    </row>
    <row r="26311" spans="44:44" ht="15.75" customHeight="1" x14ac:dyDescent="0.15">
      <c r="AR26311" s="9" ph="1"/>
    </row>
    <row r="26312" spans="44:44" ht="15.75" customHeight="1" x14ac:dyDescent="0.15">
      <c r="AR26312" s="9" ph="1"/>
    </row>
    <row r="26313" spans="44:44" ht="15.75" customHeight="1" x14ac:dyDescent="0.15">
      <c r="AR26313" s="9" ph="1"/>
    </row>
    <row r="26314" spans="44:44" ht="15.75" customHeight="1" x14ac:dyDescent="0.15">
      <c r="AR26314" s="9" ph="1"/>
    </row>
    <row r="26315" spans="44:44" ht="15.75" customHeight="1" x14ac:dyDescent="0.15">
      <c r="AR26315" s="9" ph="1"/>
    </row>
    <row r="26317" spans="44:44" ht="15.75" customHeight="1" x14ac:dyDescent="0.15">
      <c r="AR26317" s="9" ph="1"/>
    </row>
    <row r="26318" spans="44:44" ht="15.75" customHeight="1" x14ac:dyDescent="0.15">
      <c r="AR26318" s="9" ph="1"/>
    </row>
    <row r="26319" spans="44:44" ht="15.75" customHeight="1" x14ac:dyDescent="0.15">
      <c r="AR26319" s="9" ph="1"/>
    </row>
    <row r="26321" spans="44:44" ht="15.75" customHeight="1" x14ac:dyDescent="0.15">
      <c r="AR26321" s="9" ph="1"/>
    </row>
    <row r="26322" spans="44:44" ht="15.75" customHeight="1" x14ac:dyDescent="0.15">
      <c r="AR26322" s="9" ph="1"/>
    </row>
    <row r="26323" spans="44:44" ht="15.75" customHeight="1" x14ac:dyDescent="0.15">
      <c r="AR26323" s="9" ph="1"/>
    </row>
    <row r="26324" spans="44:44" ht="15.75" customHeight="1" x14ac:dyDescent="0.15">
      <c r="AR26324" s="9" ph="1"/>
    </row>
    <row r="26325" spans="44:44" ht="15.75" customHeight="1" x14ac:dyDescent="0.15">
      <c r="AR26325" s="9" ph="1"/>
    </row>
    <row r="26326" spans="44:44" ht="15.75" customHeight="1" x14ac:dyDescent="0.15">
      <c r="AR26326" s="9" ph="1"/>
    </row>
    <row r="26327" spans="44:44" ht="15.75" customHeight="1" x14ac:dyDescent="0.15">
      <c r="AR26327" s="9" ph="1"/>
    </row>
    <row r="26328" spans="44:44" ht="15.75" customHeight="1" x14ac:dyDescent="0.15">
      <c r="AR26328" s="9" ph="1"/>
    </row>
    <row r="26330" spans="44:44" ht="15.75" customHeight="1" x14ac:dyDescent="0.15">
      <c r="AR26330" s="9" ph="1"/>
    </row>
    <row r="26331" spans="44:44" ht="15.75" customHeight="1" x14ac:dyDescent="0.15">
      <c r="AR26331" s="9" ph="1"/>
    </row>
    <row r="26332" spans="44:44" ht="15.75" customHeight="1" x14ac:dyDescent="0.15">
      <c r="AR26332" s="9" ph="1"/>
    </row>
    <row r="26333" spans="44:44" ht="15.75" customHeight="1" x14ac:dyDescent="0.15">
      <c r="AR26333" s="9" ph="1"/>
    </row>
    <row r="26334" spans="44:44" ht="15.75" customHeight="1" x14ac:dyDescent="0.15">
      <c r="AR26334" s="9" ph="1"/>
    </row>
    <row r="26335" spans="44:44" ht="15.75" customHeight="1" x14ac:dyDescent="0.15">
      <c r="AR26335" s="9" ph="1"/>
    </row>
    <row r="26336" spans="44:44" ht="15.75" customHeight="1" x14ac:dyDescent="0.15">
      <c r="AR26336" s="9" ph="1"/>
    </row>
    <row r="26337" spans="44:44" ht="15.75" customHeight="1" x14ac:dyDescent="0.15">
      <c r="AR26337" s="9" ph="1"/>
    </row>
    <row r="26339" spans="44:44" ht="15.75" customHeight="1" x14ac:dyDescent="0.15">
      <c r="AR26339" s="9" ph="1"/>
    </row>
    <row r="26340" spans="44:44" ht="15.75" customHeight="1" x14ac:dyDescent="0.15">
      <c r="AR26340" s="9" ph="1"/>
    </row>
    <row r="26341" spans="44:44" ht="15.75" customHeight="1" x14ac:dyDescent="0.15">
      <c r="AR26341" s="9" ph="1"/>
    </row>
    <row r="26342" spans="44:44" ht="15.75" customHeight="1" x14ac:dyDescent="0.15">
      <c r="AR26342" s="9" ph="1"/>
    </row>
    <row r="26343" spans="44:44" ht="15.75" customHeight="1" x14ac:dyDescent="0.15">
      <c r="AR26343" s="9" ph="1"/>
    </row>
    <row r="26344" spans="44:44" ht="15.75" customHeight="1" x14ac:dyDescent="0.15">
      <c r="AR26344" s="9" ph="1"/>
    </row>
    <row r="26345" spans="44:44" ht="15.75" customHeight="1" x14ac:dyDescent="0.15">
      <c r="AR26345" s="9" ph="1"/>
    </row>
    <row r="26347" spans="44:44" ht="15.75" customHeight="1" x14ac:dyDescent="0.15">
      <c r="AR26347" s="9" ph="1"/>
    </row>
    <row r="26348" spans="44:44" ht="15.75" customHeight="1" x14ac:dyDescent="0.15">
      <c r="AR26348" s="9" ph="1"/>
    </row>
    <row r="26349" spans="44:44" ht="15.75" customHeight="1" x14ac:dyDescent="0.15">
      <c r="AR26349" s="9" ph="1"/>
    </row>
    <row r="26351" spans="44:44" ht="15.75" customHeight="1" x14ac:dyDescent="0.15">
      <c r="AR26351" s="9" ph="1"/>
    </row>
    <row r="26352" spans="44:44" ht="15.75" customHeight="1" x14ac:dyDescent="0.15">
      <c r="AR26352" s="9" ph="1"/>
    </row>
    <row r="26353" spans="44:44" ht="15.75" customHeight="1" x14ac:dyDescent="0.15">
      <c r="AR26353" s="9" ph="1"/>
    </row>
    <row r="26354" spans="44:44" ht="15.75" customHeight="1" x14ac:dyDescent="0.15">
      <c r="AR26354" s="9" ph="1"/>
    </row>
    <row r="26355" spans="44:44" ht="15.75" customHeight="1" x14ac:dyDescent="0.15">
      <c r="AR26355" s="9" ph="1"/>
    </row>
    <row r="26356" spans="44:44" ht="15.75" customHeight="1" x14ac:dyDescent="0.15">
      <c r="AR26356" s="9" ph="1"/>
    </row>
    <row r="26357" spans="44:44" ht="15.75" customHeight="1" x14ac:dyDescent="0.15">
      <c r="AR26357" s="9" ph="1"/>
    </row>
    <row r="26364" spans="44:44" ht="15.75" customHeight="1" x14ac:dyDescent="0.15">
      <c r="AR26364" s="9" ph="1"/>
    </row>
    <row r="26365" spans="44:44" ht="15.75" customHeight="1" x14ac:dyDescent="0.15">
      <c r="AR26365" s="9" ph="1"/>
    </row>
    <row r="26367" spans="44:44" ht="15.75" customHeight="1" x14ac:dyDescent="0.15">
      <c r="AR26367" s="9" ph="1"/>
    </row>
    <row r="26374" spans="44:44" ht="15.75" customHeight="1" x14ac:dyDescent="0.15">
      <c r="AR26374" s="9" ph="1"/>
    </row>
    <row r="26385" spans="44:44" ht="15.75" customHeight="1" x14ac:dyDescent="0.15">
      <c r="AR26385" s="9" ph="1"/>
    </row>
    <row r="26392" spans="44:44" ht="15.75" customHeight="1" x14ac:dyDescent="0.15">
      <c r="AR26392" s="9" ph="1"/>
    </row>
    <row r="26396" spans="44:44" ht="15.75" customHeight="1" x14ac:dyDescent="0.15">
      <c r="AR26396" s="9" ph="1"/>
    </row>
    <row r="26403" spans="44:44" ht="15.75" customHeight="1" x14ac:dyDescent="0.15">
      <c r="AR26403" s="9" ph="1"/>
    </row>
    <row r="26410" spans="44:44" ht="15.75" customHeight="1" x14ac:dyDescent="0.15">
      <c r="AR26410" s="9" ph="1"/>
    </row>
    <row r="26417" spans="44:44" ht="15.75" customHeight="1" x14ac:dyDescent="0.15">
      <c r="AR26417" s="9" ph="1"/>
    </row>
    <row r="26418" spans="44:44" ht="15.75" customHeight="1" x14ac:dyDescent="0.15">
      <c r="AR26418" s="9" ph="1"/>
    </row>
    <row r="26420" spans="44:44" ht="15.75" customHeight="1" x14ac:dyDescent="0.15">
      <c r="AR26420" s="9" ph="1"/>
    </row>
    <row r="26427" spans="44:44" ht="15.75" customHeight="1" x14ac:dyDescent="0.15">
      <c r="AR26427" s="9" ph="1"/>
    </row>
    <row r="26438" spans="44:44" ht="15.75" customHeight="1" x14ac:dyDescent="0.15">
      <c r="AR26438" s="9" ph="1"/>
    </row>
    <row r="26445" spans="44:44" ht="15.75" customHeight="1" x14ac:dyDescent="0.15">
      <c r="AR26445" s="9" ph="1"/>
    </row>
    <row r="26446" spans="44:44" ht="15.75" customHeight="1" x14ac:dyDescent="0.15">
      <c r="AR26446" s="9" ph="1"/>
    </row>
    <row r="26447" spans="44:44" ht="15.75" customHeight="1" x14ac:dyDescent="0.15">
      <c r="AR26447" s="9" ph="1"/>
    </row>
    <row r="26448" spans="44:44" ht="15.75" customHeight="1" x14ac:dyDescent="0.15">
      <c r="AR26448" s="9" ph="1"/>
    </row>
    <row r="26449" spans="44:44" ht="15.75" customHeight="1" x14ac:dyDescent="0.15">
      <c r="AR26449" s="9" ph="1"/>
    </row>
    <row r="26450" spans="44:44" ht="15.75" customHeight="1" x14ac:dyDescent="0.15">
      <c r="AR26450" s="9" ph="1"/>
    </row>
    <row r="26451" spans="44:44" ht="15.75" customHeight="1" x14ac:dyDescent="0.15">
      <c r="AR26451" s="9" ph="1"/>
    </row>
    <row r="26452" spans="44:44" ht="15.75" customHeight="1" x14ac:dyDescent="0.15">
      <c r="AR26452" s="9" ph="1"/>
    </row>
    <row r="26454" spans="44:44" ht="15.75" customHeight="1" x14ac:dyDescent="0.15">
      <c r="AR26454" s="9" ph="1"/>
    </row>
    <row r="26461" spans="44:44" ht="15.75" customHeight="1" x14ac:dyDescent="0.15">
      <c r="AR26461" s="9" ph="1"/>
    </row>
    <row r="26465" spans="44:44" ht="15.75" customHeight="1" x14ac:dyDescent="0.15">
      <c r="AR26465" s="9" ph="1"/>
    </row>
    <row r="26472" spans="44:44" ht="15.75" customHeight="1" x14ac:dyDescent="0.15">
      <c r="AR26472" s="9" ph="1"/>
    </row>
    <row r="26479" spans="44:44" ht="15.75" customHeight="1" x14ac:dyDescent="0.15">
      <c r="AR26479" s="9" ph="1"/>
    </row>
    <row r="26486" spans="44:44" ht="15.75" customHeight="1" x14ac:dyDescent="0.15">
      <c r="AR26486" s="9" ph="1"/>
    </row>
    <row r="26487" spans="44:44" ht="15.75" customHeight="1" x14ac:dyDescent="0.15">
      <c r="AR26487" s="9" ph="1"/>
    </row>
    <row r="26489" spans="44:44" ht="15.75" customHeight="1" x14ac:dyDescent="0.15">
      <c r="AR26489" s="9" ph="1"/>
    </row>
    <row r="26496" spans="44:44" ht="15.75" customHeight="1" x14ac:dyDescent="0.15">
      <c r="AR26496" s="9" ph="1"/>
    </row>
    <row r="26507" spans="44:44" ht="15.75" customHeight="1" x14ac:dyDescent="0.15">
      <c r="AR26507" s="9" ph="1"/>
    </row>
    <row r="26514" spans="44:44" ht="15.75" customHeight="1" x14ac:dyDescent="0.15">
      <c r="AR26514" s="9" ph="1"/>
    </row>
    <row r="26515" spans="44:44" ht="15.75" customHeight="1" x14ac:dyDescent="0.15">
      <c r="AR26515" s="9" ph="1"/>
    </row>
    <row r="26516" spans="44:44" ht="15.75" customHeight="1" x14ac:dyDescent="0.15">
      <c r="AR26516" s="9" ph="1"/>
    </row>
    <row r="26517" spans="44:44" ht="15.75" customHeight="1" x14ac:dyDescent="0.15">
      <c r="AR26517" s="9" ph="1"/>
    </row>
    <row r="26518" spans="44:44" ht="15.75" customHeight="1" x14ac:dyDescent="0.15">
      <c r="AR26518" s="9" ph="1"/>
    </row>
    <row r="26519" spans="44:44" ht="15.75" customHeight="1" x14ac:dyDescent="0.15">
      <c r="AR26519" s="9" ph="1"/>
    </row>
    <row r="26520" spans="44:44" ht="15.75" customHeight="1" x14ac:dyDescent="0.15">
      <c r="AR26520" s="9" ph="1"/>
    </row>
    <row r="26521" spans="44:44" ht="15.75" customHeight="1" x14ac:dyDescent="0.15">
      <c r="AR26521" s="9" ph="1"/>
    </row>
    <row r="26523" spans="44:44" ht="15.75" customHeight="1" x14ac:dyDescent="0.15">
      <c r="AR26523" s="9" ph="1"/>
    </row>
    <row r="26524" spans="44:44" ht="15.75" customHeight="1" x14ac:dyDescent="0.15">
      <c r="AR26524" s="9" ph="1"/>
    </row>
    <row r="26525" spans="44:44" ht="15.75" customHeight="1" x14ac:dyDescent="0.15">
      <c r="AR26525" s="9" ph="1"/>
    </row>
    <row r="26526" spans="44:44" ht="15.75" customHeight="1" x14ac:dyDescent="0.15">
      <c r="AR26526" s="9" ph="1"/>
    </row>
    <row r="26533" spans="44:44" ht="15.75" customHeight="1" x14ac:dyDescent="0.15">
      <c r="AR26533" s="9" ph="1"/>
    </row>
    <row r="26534" spans="44:44" ht="15.75" customHeight="1" x14ac:dyDescent="0.15">
      <c r="AR26534" s="9" ph="1"/>
    </row>
    <row r="26535" spans="44:44" ht="15.75" customHeight="1" x14ac:dyDescent="0.15">
      <c r="AR26535" s="9" ph="1"/>
    </row>
    <row r="26536" spans="44:44" ht="15.75" customHeight="1" x14ac:dyDescent="0.15">
      <c r="AR26536" s="9" ph="1"/>
    </row>
    <row r="26537" spans="44:44" ht="15.75" customHeight="1" x14ac:dyDescent="0.15">
      <c r="AR26537" s="9" ph="1"/>
    </row>
    <row r="26538" spans="44:44" ht="15.75" customHeight="1" x14ac:dyDescent="0.15">
      <c r="AR26538" s="9" ph="1"/>
    </row>
    <row r="26539" spans="44:44" ht="15.75" customHeight="1" x14ac:dyDescent="0.15">
      <c r="AR26539" s="9" ph="1"/>
    </row>
    <row r="26540" spans="44:44" ht="15.75" customHeight="1" x14ac:dyDescent="0.15">
      <c r="AR26540" s="9" ph="1"/>
    </row>
    <row r="26542" spans="44:44" ht="15.75" customHeight="1" x14ac:dyDescent="0.15">
      <c r="AR26542" s="9" ph="1"/>
    </row>
    <row r="26543" spans="44:44" ht="15.75" customHeight="1" x14ac:dyDescent="0.15">
      <c r="AR26543" s="9" ph="1"/>
    </row>
    <row r="26544" spans="44:44" ht="15.75" customHeight="1" x14ac:dyDescent="0.15">
      <c r="AR26544" s="9" ph="1"/>
    </row>
    <row r="26546" spans="44:44" ht="15.75" customHeight="1" x14ac:dyDescent="0.15">
      <c r="AR26546" s="9" ph="1"/>
    </row>
    <row r="26547" spans="44:44" ht="15.75" customHeight="1" x14ac:dyDescent="0.15">
      <c r="AR26547" s="9" ph="1"/>
    </row>
    <row r="26548" spans="44:44" ht="15.75" customHeight="1" x14ac:dyDescent="0.15">
      <c r="AR26548" s="9" ph="1"/>
    </row>
    <row r="26549" spans="44:44" ht="15.75" customHeight="1" x14ac:dyDescent="0.15">
      <c r="AR26549" s="9" ph="1"/>
    </row>
    <row r="26550" spans="44:44" ht="15.75" customHeight="1" x14ac:dyDescent="0.15">
      <c r="AR26550" s="9" ph="1"/>
    </row>
    <row r="26551" spans="44:44" ht="15.75" customHeight="1" x14ac:dyDescent="0.15">
      <c r="AR26551" s="9" ph="1"/>
    </row>
    <row r="26552" spans="44:44" ht="15.75" customHeight="1" x14ac:dyDescent="0.15">
      <c r="AR26552" s="9" ph="1"/>
    </row>
    <row r="26553" spans="44:44" ht="15.75" customHeight="1" x14ac:dyDescent="0.15">
      <c r="AR26553" s="9" ph="1"/>
    </row>
    <row r="26554" spans="44:44" ht="15.75" customHeight="1" x14ac:dyDescent="0.15">
      <c r="AR26554" s="9" ph="1"/>
    </row>
    <row r="26555" spans="44:44" ht="15.75" customHeight="1" x14ac:dyDescent="0.15">
      <c r="AR26555" s="9" ph="1"/>
    </row>
    <row r="26556" spans="44:44" ht="15.75" customHeight="1" x14ac:dyDescent="0.15">
      <c r="AR26556" s="9" ph="1"/>
    </row>
    <row r="26557" spans="44:44" ht="15.75" customHeight="1" x14ac:dyDescent="0.15">
      <c r="AR26557" s="9" ph="1"/>
    </row>
    <row r="26558" spans="44:44" ht="15.75" customHeight="1" x14ac:dyDescent="0.15">
      <c r="AR26558" s="9" ph="1"/>
    </row>
    <row r="26560" spans="44:44" ht="15.75" customHeight="1" x14ac:dyDescent="0.15">
      <c r="AR26560" s="9" ph="1"/>
    </row>
    <row r="26561" spans="44:44" ht="15.75" customHeight="1" x14ac:dyDescent="0.15">
      <c r="AR26561" s="9" ph="1"/>
    </row>
    <row r="26562" spans="44:44" ht="15.75" customHeight="1" x14ac:dyDescent="0.15">
      <c r="AR26562" s="9" ph="1"/>
    </row>
    <row r="26564" spans="44:44" ht="15.75" customHeight="1" x14ac:dyDescent="0.15">
      <c r="AR26564" s="9" ph="1"/>
    </row>
    <row r="26565" spans="44:44" ht="15.75" customHeight="1" x14ac:dyDescent="0.15">
      <c r="AR26565" s="9" ph="1"/>
    </row>
    <row r="26566" spans="44:44" ht="15.75" customHeight="1" x14ac:dyDescent="0.15">
      <c r="AR26566" s="9" ph="1"/>
    </row>
    <row r="26567" spans="44:44" ht="15.75" customHeight="1" x14ac:dyDescent="0.15">
      <c r="AR26567" s="9" ph="1"/>
    </row>
    <row r="26568" spans="44:44" ht="15.75" customHeight="1" x14ac:dyDescent="0.15">
      <c r="AR26568" s="9" ph="1"/>
    </row>
    <row r="26569" spans="44:44" ht="15.75" customHeight="1" x14ac:dyDescent="0.15">
      <c r="AR26569" s="9" ph="1"/>
    </row>
    <row r="26571" spans="44:44" ht="15.75" customHeight="1" x14ac:dyDescent="0.15">
      <c r="AR26571" s="9" ph="1"/>
    </row>
    <row r="26572" spans="44:44" ht="15.75" customHeight="1" x14ac:dyDescent="0.15">
      <c r="AR26572" s="9" ph="1"/>
    </row>
    <row r="26573" spans="44:44" ht="15.75" customHeight="1" x14ac:dyDescent="0.15">
      <c r="AR26573" s="9" ph="1"/>
    </row>
    <row r="26574" spans="44:44" ht="15.75" customHeight="1" x14ac:dyDescent="0.15">
      <c r="AR26574" s="9" ph="1"/>
    </row>
    <row r="26575" spans="44:44" ht="15.75" customHeight="1" x14ac:dyDescent="0.15">
      <c r="AR26575" s="9" ph="1"/>
    </row>
    <row r="26576" spans="44:44" ht="15.75" customHeight="1" x14ac:dyDescent="0.15">
      <c r="AR26576" s="9" ph="1"/>
    </row>
    <row r="26577" spans="44:44" ht="15.75" customHeight="1" x14ac:dyDescent="0.15">
      <c r="AR26577" s="9" ph="1"/>
    </row>
    <row r="26578" spans="44:44" ht="15.75" customHeight="1" x14ac:dyDescent="0.15">
      <c r="AR26578" s="9" ph="1"/>
    </row>
    <row r="26579" spans="44:44" ht="15.75" customHeight="1" x14ac:dyDescent="0.15">
      <c r="AR26579" s="9" ph="1"/>
    </row>
    <row r="26580" spans="44:44" ht="15.75" customHeight="1" x14ac:dyDescent="0.15">
      <c r="AR26580" s="9" ph="1"/>
    </row>
    <row r="26581" spans="44:44" ht="15.75" customHeight="1" x14ac:dyDescent="0.15">
      <c r="AR26581" s="9" ph="1"/>
    </row>
    <row r="26582" spans="44:44" ht="15.75" customHeight="1" x14ac:dyDescent="0.15">
      <c r="AR26582" s="9" ph="1"/>
    </row>
    <row r="26583" spans="44:44" ht="15.75" customHeight="1" x14ac:dyDescent="0.15">
      <c r="AR26583" s="9" ph="1"/>
    </row>
    <row r="26585" spans="44:44" ht="15.75" customHeight="1" x14ac:dyDescent="0.15">
      <c r="AR26585" s="9" ph="1"/>
    </row>
    <row r="26586" spans="44:44" ht="15.75" customHeight="1" x14ac:dyDescent="0.15">
      <c r="AR26586" s="9" ph="1"/>
    </row>
    <row r="26587" spans="44:44" ht="15.75" customHeight="1" x14ac:dyDescent="0.15">
      <c r="AR26587" s="9" ph="1"/>
    </row>
    <row r="26589" spans="44:44" ht="15.75" customHeight="1" x14ac:dyDescent="0.15">
      <c r="AR26589" s="9" ph="1"/>
    </row>
    <row r="26590" spans="44:44" ht="15.75" customHeight="1" x14ac:dyDescent="0.15">
      <c r="AR26590" s="9" ph="1"/>
    </row>
    <row r="26591" spans="44:44" ht="15.75" customHeight="1" x14ac:dyDescent="0.15">
      <c r="AR26591" s="9" ph="1"/>
    </row>
    <row r="26592" spans="44:44" ht="15.75" customHeight="1" x14ac:dyDescent="0.15">
      <c r="AR26592" s="9" ph="1"/>
    </row>
    <row r="26593" spans="44:44" ht="15.75" customHeight="1" x14ac:dyDescent="0.15">
      <c r="AR26593" s="9" ph="1"/>
    </row>
    <row r="26594" spans="44:44" ht="15.75" customHeight="1" x14ac:dyDescent="0.15">
      <c r="AR26594" s="9" ph="1"/>
    </row>
    <row r="26595" spans="44:44" ht="15.75" customHeight="1" x14ac:dyDescent="0.15">
      <c r="AR26595" s="9" ph="1"/>
    </row>
    <row r="26596" spans="44:44" ht="15.75" customHeight="1" x14ac:dyDescent="0.15">
      <c r="AR26596" s="9" ph="1"/>
    </row>
    <row r="26597" spans="44:44" ht="15.75" customHeight="1" x14ac:dyDescent="0.15">
      <c r="AR26597" s="9" ph="1"/>
    </row>
    <row r="26598" spans="44:44" ht="15.75" customHeight="1" x14ac:dyDescent="0.15">
      <c r="AR26598" s="9" ph="1"/>
    </row>
    <row r="26599" spans="44:44" ht="15.75" customHeight="1" x14ac:dyDescent="0.15">
      <c r="AR26599" s="9" ph="1"/>
    </row>
    <row r="26600" spans="44:44" ht="15.75" customHeight="1" x14ac:dyDescent="0.15">
      <c r="AR26600" s="9" ph="1"/>
    </row>
    <row r="26601" spans="44:44" ht="15.75" customHeight="1" x14ac:dyDescent="0.15">
      <c r="AR26601" s="9" ph="1"/>
    </row>
    <row r="26602" spans="44:44" ht="15.75" customHeight="1" x14ac:dyDescent="0.15">
      <c r="AR26602" s="9" ph="1"/>
    </row>
    <row r="26603" spans="44:44" ht="15.75" customHeight="1" x14ac:dyDescent="0.15">
      <c r="AR26603" s="9" ph="1"/>
    </row>
    <row r="26604" spans="44:44" ht="15.75" customHeight="1" x14ac:dyDescent="0.15">
      <c r="AR26604" s="9" ph="1"/>
    </row>
    <row r="26606" spans="44:44" ht="15.75" customHeight="1" x14ac:dyDescent="0.15">
      <c r="AR26606" s="9" ph="1"/>
    </row>
    <row r="26607" spans="44:44" ht="15.75" customHeight="1" x14ac:dyDescent="0.15">
      <c r="AR26607" s="9" ph="1"/>
    </row>
    <row r="26608" spans="44:44" ht="15.75" customHeight="1" x14ac:dyDescent="0.15">
      <c r="AR26608" s="9" ph="1"/>
    </row>
    <row r="26610" spans="44:44" ht="15.75" customHeight="1" x14ac:dyDescent="0.15">
      <c r="AR26610" s="9" ph="1"/>
    </row>
    <row r="26611" spans="44:44" ht="15.75" customHeight="1" x14ac:dyDescent="0.15">
      <c r="AR26611" s="9" ph="1"/>
    </row>
    <row r="26612" spans="44:44" ht="15.75" customHeight="1" x14ac:dyDescent="0.15">
      <c r="AR26612" s="9" ph="1"/>
    </row>
    <row r="26613" spans="44:44" ht="15.75" customHeight="1" x14ac:dyDescent="0.15">
      <c r="AR26613" s="9" ph="1"/>
    </row>
    <row r="26614" spans="44:44" ht="15.75" customHeight="1" x14ac:dyDescent="0.15">
      <c r="AR26614" s="9" ph="1"/>
    </row>
    <row r="26615" spans="44:44" ht="15.75" customHeight="1" x14ac:dyDescent="0.15">
      <c r="AR26615" s="9" ph="1"/>
    </row>
    <row r="26616" spans="44:44" ht="15.75" customHeight="1" x14ac:dyDescent="0.15">
      <c r="AR26616" s="9" ph="1"/>
    </row>
    <row r="26617" spans="44:44" ht="15.75" customHeight="1" x14ac:dyDescent="0.15">
      <c r="AR26617" s="9" ph="1"/>
    </row>
    <row r="26619" spans="44:44" ht="15.75" customHeight="1" x14ac:dyDescent="0.15">
      <c r="AR26619" s="9" ph="1"/>
    </row>
    <row r="26620" spans="44:44" ht="15.75" customHeight="1" x14ac:dyDescent="0.15">
      <c r="AR26620" s="9" ph="1"/>
    </row>
    <row r="26621" spans="44:44" ht="15.75" customHeight="1" x14ac:dyDescent="0.15">
      <c r="AR26621" s="9" ph="1"/>
    </row>
    <row r="26622" spans="44:44" ht="15.75" customHeight="1" x14ac:dyDescent="0.15">
      <c r="AR26622" s="9" ph="1"/>
    </row>
    <row r="26623" spans="44:44" ht="15.75" customHeight="1" x14ac:dyDescent="0.15">
      <c r="AR26623" s="9" ph="1"/>
    </row>
    <row r="26624" spans="44:44" ht="15.75" customHeight="1" x14ac:dyDescent="0.15">
      <c r="AR26624" s="9" ph="1"/>
    </row>
    <row r="26625" spans="44:44" ht="15.75" customHeight="1" x14ac:dyDescent="0.15">
      <c r="AR26625" s="9" ph="1"/>
    </row>
    <row r="26626" spans="44:44" ht="15.75" customHeight="1" x14ac:dyDescent="0.15">
      <c r="AR26626" s="9" ph="1"/>
    </row>
    <row r="26628" spans="44:44" ht="15.75" customHeight="1" x14ac:dyDescent="0.15">
      <c r="AR26628" s="9" ph="1"/>
    </row>
    <row r="26629" spans="44:44" ht="15.75" customHeight="1" x14ac:dyDescent="0.15">
      <c r="AR26629" s="9" ph="1"/>
    </row>
    <row r="26630" spans="44:44" ht="15.75" customHeight="1" x14ac:dyDescent="0.15">
      <c r="AR26630" s="9" ph="1"/>
    </row>
    <row r="26631" spans="44:44" ht="15.75" customHeight="1" x14ac:dyDescent="0.15">
      <c r="AR26631" s="9" ph="1"/>
    </row>
    <row r="26632" spans="44:44" ht="15.75" customHeight="1" x14ac:dyDescent="0.15">
      <c r="AR26632" s="9" ph="1"/>
    </row>
    <row r="26633" spans="44:44" ht="15.75" customHeight="1" x14ac:dyDescent="0.15">
      <c r="AR26633" s="9" ph="1"/>
    </row>
    <row r="26635" spans="44:44" ht="15.75" customHeight="1" x14ac:dyDescent="0.15">
      <c r="AR26635" s="9" ph="1"/>
    </row>
    <row r="26636" spans="44:44" ht="15.75" customHeight="1" x14ac:dyDescent="0.15">
      <c r="AR26636" s="9" ph="1"/>
    </row>
    <row r="26637" spans="44:44" ht="15.75" customHeight="1" x14ac:dyDescent="0.15">
      <c r="AR26637" s="9" ph="1"/>
    </row>
    <row r="26638" spans="44:44" ht="15.75" customHeight="1" x14ac:dyDescent="0.15">
      <c r="AR26638" s="9" ph="1"/>
    </row>
    <row r="26639" spans="44:44" ht="15.75" customHeight="1" x14ac:dyDescent="0.15">
      <c r="AR26639" s="9" ph="1"/>
    </row>
    <row r="26640" spans="44:44" ht="15.75" customHeight="1" x14ac:dyDescent="0.15">
      <c r="AR26640" s="9" ph="1"/>
    </row>
    <row r="26641" spans="44:44" ht="15.75" customHeight="1" x14ac:dyDescent="0.15">
      <c r="AR26641" s="9" ph="1"/>
    </row>
    <row r="26648" spans="44:44" ht="15.75" customHeight="1" x14ac:dyDescent="0.15">
      <c r="AR26648" s="9" ph="1"/>
    </row>
    <row r="26649" spans="44:44" ht="15.75" customHeight="1" x14ac:dyDescent="0.15">
      <c r="AR26649" s="9" ph="1"/>
    </row>
    <row r="26651" spans="44:44" ht="15.75" customHeight="1" x14ac:dyDescent="0.15">
      <c r="AR26651" s="9" ph="1"/>
    </row>
    <row r="26658" spans="44:44" ht="15.75" customHeight="1" x14ac:dyDescent="0.15">
      <c r="AR26658" s="9" ph="1"/>
    </row>
    <row r="26669" spans="44:44" ht="15.75" customHeight="1" x14ac:dyDescent="0.15">
      <c r="AR26669" s="9" ph="1"/>
    </row>
    <row r="26676" spans="44:44" ht="15.75" customHeight="1" x14ac:dyDescent="0.15">
      <c r="AR26676" s="9" ph="1"/>
    </row>
    <row r="26680" spans="44:44" ht="15.75" customHeight="1" x14ac:dyDescent="0.15">
      <c r="AR26680" s="9" ph="1"/>
    </row>
    <row r="26687" spans="44:44" ht="15.75" customHeight="1" x14ac:dyDescent="0.15">
      <c r="AR26687" s="9" ph="1"/>
    </row>
    <row r="26694" spans="44:44" ht="15.75" customHeight="1" x14ac:dyDescent="0.15">
      <c r="AR26694" s="9" ph="1"/>
    </row>
    <row r="26701" spans="44:44" ht="15.75" customHeight="1" x14ac:dyDescent="0.15">
      <c r="AR26701" s="9" ph="1"/>
    </row>
    <row r="26702" spans="44:44" ht="15.75" customHeight="1" x14ac:dyDescent="0.15">
      <c r="AR26702" s="9" ph="1"/>
    </row>
    <row r="26704" spans="44:44" ht="15.75" customHeight="1" x14ac:dyDescent="0.15">
      <c r="AR26704" s="9" ph="1"/>
    </row>
    <row r="26711" spans="44:44" ht="15.75" customHeight="1" x14ac:dyDescent="0.15">
      <c r="AR26711" s="9" ph="1"/>
    </row>
    <row r="26722" spans="44:44" ht="15.75" customHeight="1" x14ac:dyDescent="0.15">
      <c r="AR26722" s="9" ph="1"/>
    </row>
    <row r="26729" spans="44:44" ht="15.75" customHeight="1" x14ac:dyDescent="0.15">
      <c r="AR26729" s="9" ph="1"/>
    </row>
    <row r="26730" spans="44:44" ht="15.75" customHeight="1" x14ac:dyDescent="0.15">
      <c r="AR26730" s="9" ph="1"/>
    </row>
    <row r="26731" spans="44:44" ht="15.75" customHeight="1" x14ac:dyDescent="0.15">
      <c r="AR26731" s="9" ph="1"/>
    </row>
    <row r="26732" spans="44:44" ht="15.75" customHeight="1" x14ac:dyDescent="0.15">
      <c r="AR26732" s="9" ph="1"/>
    </row>
    <row r="26733" spans="44:44" ht="15.75" customHeight="1" x14ac:dyDescent="0.15">
      <c r="AR26733" s="9" ph="1"/>
    </row>
    <row r="26734" spans="44:44" ht="15.75" customHeight="1" x14ac:dyDescent="0.15">
      <c r="AR26734" s="9" ph="1"/>
    </row>
    <row r="26735" spans="44:44" ht="15.75" customHeight="1" x14ac:dyDescent="0.15">
      <c r="AR26735" s="9" ph="1"/>
    </row>
    <row r="26736" spans="44:44" ht="15.75" customHeight="1" x14ac:dyDescent="0.15">
      <c r="AR26736" s="9" ph="1"/>
    </row>
    <row r="26738" spans="44:44" ht="15.75" customHeight="1" x14ac:dyDescent="0.15">
      <c r="AR26738" s="9" ph="1"/>
    </row>
    <row r="26745" spans="44:44" ht="15.75" customHeight="1" x14ac:dyDescent="0.15">
      <c r="AR26745" s="9" ph="1"/>
    </row>
    <row r="26749" spans="44:44" ht="15.75" customHeight="1" x14ac:dyDescent="0.15">
      <c r="AR26749" s="9" ph="1"/>
    </row>
    <row r="26756" spans="44:44" ht="15.75" customHeight="1" x14ac:dyDescent="0.15">
      <c r="AR26756" s="9" ph="1"/>
    </row>
    <row r="26763" spans="44:44" ht="15.75" customHeight="1" x14ac:dyDescent="0.15">
      <c r="AR26763" s="9" ph="1"/>
    </row>
    <row r="26770" spans="44:44" ht="15.75" customHeight="1" x14ac:dyDescent="0.15">
      <c r="AR26770" s="9" ph="1"/>
    </row>
    <row r="26771" spans="44:44" ht="15.75" customHeight="1" x14ac:dyDescent="0.15">
      <c r="AR26771" s="9" ph="1"/>
    </row>
    <row r="26773" spans="44:44" ht="15.75" customHeight="1" x14ac:dyDescent="0.15">
      <c r="AR26773" s="9" ph="1"/>
    </row>
    <row r="26780" spans="44:44" ht="15.75" customHeight="1" x14ac:dyDescent="0.15">
      <c r="AR26780" s="9" ph="1"/>
    </row>
    <row r="26791" spans="44:44" ht="15.75" customHeight="1" x14ac:dyDescent="0.15">
      <c r="AR26791" s="9" ph="1"/>
    </row>
    <row r="26798" spans="44:44" ht="15.75" customHeight="1" x14ac:dyDescent="0.15">
      <c r="AR26798" s="9" ph="1"/>
    </row>
    <row r="26799" spans="44:44" ht="15.75" customHeight="1" x14ac:dyDescent="0.15">
      <c r="AR26799" s="9" ph="1"/>
    </row>
    <row r="26800" spans="44:44" ht="15.75" customHeight="1" x14ac:dyDescent="0.15">
      <c r="AR26800" s="9" ph="1"/>
    </row>
    <row r="26801" spans="44:44" ht="15.75" customHeight="1" x14ac:dyDescent="0.15">
      <c r="AR26801" s="9" ph="1"/>
    </row>
    <row r="26802" spans="44:44" ht="15.75" customHeight="1" x14ac:dyDescent="0.15">
      <c r="AR26802" s="9" ph="1"/>
    </row>
    <row r="26803" spans="44:44" ht="15.75" customHeight="1" x14ac:dyDescent="0.15">
      <c r="AR26803" s="9" ph="1"/>
    </row>
    <row r="26804" spans="44:44" ht="15.75" customHeight="1" x14ac:dyDescent="0.15">
      <c r="AR26804" s="9" ph="1"/>
    </row>
    <row r="26805" spans="44:44" ht="15.75" customHeight="1" x14ac:dyDescent="0.15">
      <c r="AR26805" s="9" ph="1"/>
    </row>
    <row r="26807" spans="44:44" ht="15.75" customHeight="1" x14ac:dyDescent="0.15">
      <c r="AR26807" s="9" ph="1"/>
    </row>
    <row r="26808" spans="44:44" ht="15.75" customHeight="1" x14ac:dyDescent="0.15">
      <c r="AR26808" s="9" ph="1"/>
    </row>
    <row r="26809" spans="44:44" ht="15.75" customHeight="1" x14ac:dyDescent="0.15">
      <c r="AR26809" s="9" ph="1"/>
    </row>
    <row r="26810" spans="44:44" ht="15.75" customHeight="1" x14ac:dyDescent="0.15">
      <c r="AR26810" s="9" ph="1"/>
    </row>
    <row r="26817" spans="44:44" ht="15.75" customHeight="1" x14ac:dyDescent="0.15">
      <c r="AR26817" s="9" ph="1"/>
    </row>
    <row r="26818" spans="44:44" ht="15.75" customHeight="1" x14ac:dyDescent="0.15">
      <c r="AR26818" s="9" ph="1"/>
    </row>
    <row r="26819" spans="44:44" ht="15.75" customHeight="1" x14ac:dyDescent="0.15">
      <c r="AR26819" s="9" ph="1"/>
    </row>
    <row r="26820" spans="44:44" ht="15.75" customHeight="1" x14ac:dyDescent="0.15">
      <c r="AR26820" s="9" ph="1"/>
    </row>
    <row r="26821" spans="44:44" ht="15.75" customHeight="1" x14ac:dyDescent="0.15">
      <c r="AR26821" s="9" ph="1"/>
    </row>
    <row r="26822" spans="44:44" ht="15.75" customHeight="1" x14ac:dyDescent="0.15">
      <c r="AR26822" s="9" ph="1"/>
    </row>
    <row r="26823" spans="44:44" ht="15.75" customHeight="1" x14ac:dyDescent="0.15">
      <c r="AR26823" s="9" ph="1"/>
    </row>
    <row r="26824" spans="44:44" ht="15.75" customHeight="1" x14ac:dyDescent="0.15">
      <c r="AR26824" s="9" ph="1"/>
    </row>
    <row r="26826" spans="44:44" ht="15.75" customHeight="1" x14ac:dyDescent="0.15">
      <c r="AR26826" s="9" ph="1"/>
    </row>
    <row r="26827" spans="44:44" ht="15.75" customHeight="1" x14ac:dyDescent="0.15">
      <c r="AR26827" s="9" ph="1"/>
    </row>
    <row r="26828" spans="44:44" ht="15.75" customHeight="1" x14ac:dyDescent="0.15">
      <c r="AR26828" s="9" ph="1"/>
    </row>
    <row r="26830" spans="44:44" ht="15.75" customHeight="1" x14ac:dyDescent="0.15">
      <c r="AR26830" s="9" ph="1"/>
    </row>
    <row r="26831" spans="44:44" ht="15.75" customHeight="1" x14ac:dyDescent="0.15">
      <c r="AR26831" s="9" ph="1"/>
    </row>
    <row r="26832" spans="44:44" ht="15.75" customHeight="1" x14ac:dyDescent="0.15">
      <c r="AR26832" s="9" ph="1"/>
    </row>
    <row r="26833" spans="44:44" ht="15.75" customHeight="1" x14ac:dyDescent="0.15">
      <c r="AR26833" s="9" ph="1"/>
    </row>
    <row r="26834" spans="44:44" ht="15.75" customHeight="1" x14ac:dyDescent="0.15">
      <c r="AR26834" s="9" ph="1"/>
    </row>
    <row r="26835" spans="44:44" ht="15.75" customHeight="1" x14ac:dyDescent="0.15">
      <c r="AR26835" s="9" ph="1"/>
    </row>
    <row r="26836" spans="44:44" ht="15.75" customHeight="1" x14ac:dyDescent="0.15">
      <c r="AR26836" s="9" ph="1"/>
    </row>
    <row r="26837" spans="44:44" ht="15.75" customHeight="1" x14ac:dyDescent="0.15">
      <c r="AR26837" s="9" ph="1"/>
    </row>
    <row r="26838" spans="44:44" ht="15.75" customHeight="1" x14ac:dyDescent="0.15">
      <c r="AR26838" s="9" ph="1"/>
    </row>
    <row r="26839" spans="44:44" ht="15.75" customHeight="1" x14ac:dyDescent="0.15">
      <c r="AR26839" s="9" ph="1"/>
    </row>
    <row r="26840" spans="44:44" ht="15.75" customHeight="1" x14ac:dyDescent="0.15">
      <c r="AR26840" s="9" ph="1"/>
    </row>
    <row r="26841" spans="44:44" ht="15.75" customHeight="1" x14ac:dyDescent="0.15">
      <c r="AR26841" s="9" ph="1"/>
    </row>
    <row r="26842" spans="44:44" ht="15.75" customHeight="1" x14ac:dyDescent="0.15">
      <c r="AR26842" s="9" ph="1"/>
    </row>
    <row r="26844" spans="44:44" ht="15.75" customHeight="1" x14ac:dyDescent="0.15">
      <c r="AR26844" s="9" ph="1"/>
    </row>
    <row r="26845" spans="44:44" ht="15.75" customHeight="1" x14ac:dyDescent="0.15">
      <c r="AR26845" s="9" ph="1"/>
    </row>
    <row r="26846" spans="44:44" ht="15.75" customHeight="1" x14ac:dyDescent="0.15">
      <c r="AR26846" s="9" ph="1"/>
    </row>
    <row r="26848" spans="44:44" ht="15.75" customHeight="1" x14ac:dyDescent="0.15">
      <c r="AR26848" s="9" ph="1"/>
    </row>
    <row r="26849" spans="44:44" ht="15.75" customHeight="1" x14ac:dyDescent="0.15">
      <c r="AR26849" s="9" ph="1"/>
    </row>
    <row r="26850" spans="44:44" ht="15.75" customHeight="1" x14ac:dyDescent="0.15">
      <c r="AR26850" s="9" ph="1"/>
    </row>
    <row r="26851" spans="44:44" ht="15.75" customHeight="1" x14ac:dyDescent="0.15">
      <c r="AR26851" s="9" ph="1"/>
    </row>
    <row r="26852" spans="44:44" ht="15.75" customHeight="1" x14ac:dyDescent="0.15">
      <c r="AR26852" s="9" ph="1"/>
    </row>
    <row r="26853" spans="44:44" ht="15.75" customHeight="1" x14ac:dyDescent="0.15">
      <c r="AR26853" s="9" ph="1"/>
    </row>
    <row r="26855" spans="44:44" ht="15.75" customHeight="1" x14ac:dyDescent="0.15">
      <c r="AR26855" s="9" ph="1"/>
    </row>
    <row r="26856" spans="44:44" ht="15.75" customHeight="1" x14ac:dyDescent="0.15">
      <c r="AR26856" s="9" ph="1"/>
    </row>
    <row r="26857" spans="44:44" ht="15.75" customHeight="1" x14ac:dyDescent="0.15">
      <c r="AR26857" s="9" ph="1"/>
    </row>
    <row r="26858" spans="44:44" ht="15.75" customHeight="1" x14ac:dyDescent="0.15">
      <c r="AR26858" s="9" ph="1"/>
    </row>
    <row r="26859" spans="44:44" ht="15.75" customHeight="1" x14ac:dyDescent="0.15">
      <c r="AR26859" s="9" ph="1"/>
    </row>
    <row r="26860" spans="44:44" ht="15.75" customHeight="1" x14ac:dyDescent="0.15">
      <c r="AR26860" s="9" ph="1"/>
    </row>
    <row r="26861" spans="44:44" ht="15.75" customHeight="1" x14ac:dyDescent="0.15">
      <c r="AR26861" s="9" ph="1"/>
    </row>
    <row r="26862" spans="44:44" ht="15.75" customHeight="1" x14ac:dyDescent="0.15">
      <c r="AR26862" s="9" ph="1"/>
    </row>
    <row r="26863" spans="44:44" ht="15.75" customHeight="1" x14ac:dyDescent="0.15">
      <c r="AR26863" s="9" ph="1"/>
    </row>
    <row r="26864" spans="44:44" ht="15.75" customHeight="1" x14ac:dyDescent="0.15">
      <c r="AR26864" s="9" ph="1"/>
    </row>
    <row r="26865" spans="44:44" ht="15.75" customHeight="1" x14ac:dyDescent="0.15">
      <c r="AR26865" s="9" ph="1"/>
    </row>
    <row r="26866" spans="44:44" ht="15.75" customHeight="1" x14ac:dyDescent="0.15">
      <c r="AR26866" s="9" ph="1"/>
    </row>
    <row r="26867" spans="44:44" ht="15.75" customHeight="1" x14ac:dyDescent="0.15">
      <c r="AR26867" s="9" ph="1"/>
    </row>
    <row r="26869" spans="44:44" ht="15.75" customHeight="1" x14ac:dyDescent="0.15">
      <c r="AR26869" s="9" ph="1"/>
    </row>
    <row r="26870" spans="44:44" ht="15.75" customHeight="1" x14ac:dyDescent="0.15">
      <c r="AR26870" s="9" ph="1"/>
    </row>
    <row r="26871" spans="44:44" ht="15.75" customHeight="1" x14ac:dyDescent="0.15">
      <c r="AR26871" s="9" ph="1"/>
    </row>
    <row r="26873" spans="44:44" ht="15.75" customHeight="1" x14ac:dyDescent="0.15">
      <c r="AR26873" s="9" ph="1"/>
    </row>
    <row r="26874" spans="44:44" ht="15.75" customHeight="1" x14ac:dyDescent="0.15">
      <c r="AR26874" s="9" ph="1"/>
    </row>
    <row r="26875" spans="44:44" ht="15.75" customHeight="1" x14ac:dyDescent="0.15">
      <c r="AR26875" s="9" ph="1"/>
    </row>
    <row r="26876" spans="44:44" ht="15.75" customHeight="1" x14ac:dyDescent="0.15">
      <c r="AR26876" s="9" ph="1"/>
    </row>
    <row r="26877" spans="44:44" ht="15.75" customHeight="1" x14ac:dyDescent="0.15">
      <c r="AR26877" s="9" ph="1"/>
    </row>
    <row r="26878" spans="44:44" ht="15.75" customHeight="1" x14ac:dyDescent="0.15">
      <c r="AR26878" s="9" ph="1"/>
    </row>
    <row r="26879" spans="44:44" ht="15.75" customHeight="1" x14ac:dyDescent="0.15">
      <c r="AR26879" s="9" ph="1"/>
    </row>
    <row r="26880" spans="44:44" ht="15.75" customHeight="1" x14ac:dyDescent="0.15">
      <c r="AR26880" s="9" ph="1"/>
    </row>
    <row r="26881" spans="44:44" ht="15.75" customHeight="1" x14ac:dyDescent="0.15">
      <c r="AR26881" s="9" ph="1"/>
    </row>
    <row r="26882" spans="44:44" ht="15.75" customHeight="1" x14ac:dyDescent="0.15">
      <c r="AR26882" s="9" ph="1"/>
    </row>
    <row r="26883" spans="44:44" ht="15.75" customHeight="1" x14ac:dyDescent="0.15">
      <c r="AR26883" s="9" ph="1"/>
    </row>
    <row r="26884" spans="44:44" ht="15.75" customHeight="1" x14ac:dyDescent="0.15">
      <c r="AR26884" s="9" ph="1"/>
    </row>
    <row r="26885" spans="44:44" ht="15.75" customHeight="1" x14ac:dyDescent="0.15">
      <c r="AR26885" s="9" ph="1"/>
    </row>
    <row r="26886" spans="44:44" ht="15.75" customHeight="1" x14ac:dyDescent="0.15">
      <c r="AR26886" s="9" ph="1"/>
    </row>
    <row r="26887" spans="44:44" ht="15.75" customHeight="1" x14ac:dyDescent="0.15">
      <c r="AR26887" s="9" ph="1"/>
    </row>
    <row r="26888" spans="44:44" ht="15.75" customHeight="1" x14ac:dyDescent="0.15">
      <c r="AR26888" s="9" ph="1"/>
    </row>
    <row r="26890" spans="44:44" ht="15.75" customHeight="1" x14ac:dyDescent="0.15">
      <c r="AR26890" s="9" ph="1"/>
    </row>
    <row r="26891" spans="44:44" ht="15.75" customHeight="1" x14ac:dyDescent="0.15">
      <c r="AR26891" s="9" ph="1"/>
    </row>
    <row r="26892" spans="44:44" ht="15.75" customHeight="1" x14ac:dyDescent="0.15">
      <c r="AR26892" s="9" ph="1"/>
    </row>
    <row r="26894" spans="44:44" ht="15.75" customHeight="1" x14ac:dyDescent="0.15">
      <c r="AR26894" s="9" ph="1"/>
    </row>
    <row r="26895" spans="44:44" ht="15.75" customHeight="1" x14ac:dyDescent="0.15">
      <c r="AR26895" s="9" ph="1"/>
    </row>
    <row r="26896" spans="44:44" ht="15.75" customHeight="1" x14ac:dyDescent="0.15">
      <c r="AR26896" s="9" ph="1"/>
    </row>
    <row r="26897" spans="44:44" ht="15.75" customHeight="1" x14ac:dyDescent="0.15">
      <c r="AR26897" s="9" ph="1"/>
    </row>
    <row r="26898" spans="44:44" ht="15.75" customHeight="1" x14ac:dyDescent="0.15">
      <c r="AR26898" s="9" ph="1"/>
    </row>
    <row r="26899" spans="44:44" ht="15.75" customHeight="1" x14ac:dyDescent="0.15">
      <c r="AR26899" s="9" ph="1"/>
    </row>
    <row r="26900" spans="44:44" ht="15.75" customHeight="1" x14ac:dyDescent="0.15">
      <c r="AR26900" s="9" ph="1"/>
    </row>
    <row r="26901" spans="44:44" ht="15.75" customHeight="1" x14ac:dyDescent="0.15">
      <c r="AR26901" s="9" ph="1"/>
    </row>
    <row r="26903" spans="44:44" ht="15.75" customHeight="1" x14ac:dyDescent="0.15">
      <c r="AR26903" s="9" ph="1"/>
    </row>
    <row r="26904" spans="44:44" ht="15.75" customHeight="1" x14ac:dyDescent="0.15">
      <c r="AR26904" s="9" ph="1"/>
    </row>
    <row r="26905" spans="44:44" ht="15.75" customHeight="1" x14ac:dyDescent="0.15">
      <c r="AR26905" s="9" ph="1"/>
    </row>
    <row r="26906" spans="44:44" ht="15.75" customHeight="1" x14ac:dyDescent="0.15">
      <c r="AR26906" s="9" ph="1"/>
    </row>
    <row r="26907" spans="44:44" ht="15.75" customHeight="1" x14ac:dyDescent="0.15">
      <c r="AR26907" s="9" ph="1"/>
    </row>
    <row r="26908" spans="44:44" ht="15.75" customHeight="1" x14ac:dyDescent="0.15">
      <c r="AR26908" s="9" ph="1"/>
    </row>
    <row r="26909" spans="44:44" ht="15.75" customHeight="1" x14ac:dyDescent="0.15">
      <c r="AR26909" s="9" ph="1"/>
    </row>
    <row r="26910" spans="44:44" ht="15.75" customHeight="1" x14ac:dyDescent="0.15">
      <c r="AR26910" s="9" ph="1"/>
    </row>
    <row r="26912" spans="44:44" ht="15.75" customHeight="1" x14ac:dyDescent="0.15">
      <c r="AR26912" s="9" ph="1"/>
    </row>
    <row r="26913" spans="44:44" ht="15.75" customHeight="1" x14ac:dyDescent="0.15">
      <c r="AR26913" s="9" ph="1"/>
    </row>
    <row r="26914" spans="44:44" ht="15.75" customHeight="1" x14ac:dyDescent="0.15">
      <c r="AR26914" s="9" ph="1"/>
    </row>
    <row r="26915" spans="44:44" ht="15.75" customHeight="1" x14ac:dyDescent="0.15">
      <c r="AR26915" s="9" ph="1"/>
    </row>
    <row r="26916" spans="44:44" ht="15.75" customHeight="1" x14ac:dyDescent="0.15">
      <c r="AR26916" s="9" ph="1"/>
    </row>
    <row r="26922" spans="44:44" ht="15.75" customHeight="1" x14ac:dyDescent="0.15">
      <c r="AR26922" s="9" ph="1"/>
    </row>
    <row r="26927" spans="44:44" ht="15.75" customHeight="1" x14ac:dyDescent="0.15">
      <c r="AR26927" s="9" ph="1"/>
    </row>
    <row r="26934" spans="44:44" ht="15.75" customHeight="1" x14ac:dyDescent="0.15">
      <c r="AR26934" s="9" ph="1"/>
    </row>
    <row r="26936" spans="44:44" ht="15.75" customHeight="1" x14ac:dyDescent="0.15">
      <c r="AR26936" s="9" ph="1"/>
    </row>
    <row r="26943" spans="44:44" ht="15.75" customHeight="1" x14ac:dyDescent="0.15">
      <c r="AR26943" s="9" ph="1"/>
    </row>
    <row r="26954" spans="44:44" ht="15.75" customHeight="1" x14ac:dyDescent="0.15">
      <c r="AR26954" s="9" ph="1"/>
    </row>
    <row r="26961" spans="44:44" ht="15.75" customHeight="1" x14ac:dyDescent="0.15">
      <c r="AR26961" s="9" ph="1"/>
    </row>
    <row r="26962" spans="44:44" ht="15.75" customHeight="1" x14ac:dyDescent="0.15">
      <c r="AR26962" s="9" ph="1"/>
    </row>
    <row r="26964" spans="44:44" ht="15.75" customHeight="1" x14ac:dyDescent="0.15">
      <c r="AR26964" s="9" ph="1"/>
    </row>
    <row r="26971" spans="44:44" ht="15.75" customHeight="1" x14ac:dyDescent="0.15">
      <c r="AR26971" s="9" ph="1"/>
    </row>
    <row r="26982" spans="44:44" ht="15.75" customHeight="1" x14ac:dyDescent="0.15">
      <c r="AR26982" s="9" ph="1"/>
    </row>
    <row r="26989" spans="44:44" ht="15.75" customHeight="1" x14ac:dyDescent="0.15">
      <c r="AR26989" s="9" ph="1"/>
    </row>
    <row r="27000" spans="44:44" ht="15.75" customHeight="1" x14ac:dyDescent="0.15">
      <c r="AR27000" s="9" ph="1"/>
    </row>
    <row r="27007" spans="44:44" ht="15.75" customHeight="1" x14ac:dyDescent="0.15">
      <c r="AR27007" s="9" ph="1"/>
    </row>
    <row r="27008" spans="44:44" ht="15.75" customHeight="1" x14ac:dyDescent="0.15">
      <c r="AR27008" s="9" ph="1"/>
    </row>
    <row r="27010" spans="44:44" ht="15.75" customHeight="1" x14ac:dyDescent="0.15">
      <c r="AR27010" s="9" ph="1"/>
    </row>
    <row r="27017" spans="44:44" ht="15.75" customHeight="1" x14ac:dyDescent="0.15">
      <c r="AR27017" s="9" ph="1"/>
    </row>
    <row r="27028" spans="44:44" ht="15.75" customHeight="1" x14ac:dyDescent="0.15">
      <c r="AR27028" s="9" ph="1"/>
    </row>
    <row r="27035" spans="44:44" ht="15.75" customHeight="1" x14ac:dyDescent="0.15">
      <c r="AR27035" s="9" ph="1"/>
    </row>
    <row r="27042" spans="44:44" ht="15.75" customHeight="1" x14ac:dyDescent="0.15">
      <c r="AR27042" s="9" ph="1"/>
    </row>
    <row r="27049" spans="44:44" ht="15.75" customHeight="1" x14ac:dyDescent="0.15">
      <c r="AR27049" s="9" ph="1"/>
    </row>
    <row r="27050" spans="44:44" ht="15.75" customHeight="1" x14ac:dyDescent="0.15">
      <c r="AR27050" s="9" ph="1"/>
    </row>
    <row r="27052" spans="44:44" ht="15.75" customHeight="1" x14ac:dyDescent="0.15">
      <c r="AR27052" s="9" ph="1"/>
    </row>
    <row r="27059" spans="44:44" ht="15.75" customHeight="1" x14ac:dyDescent="0.15">
      <c r="AR27059" s="9" ph="1"/>
    </row>
    <row r="27070" spans="44:44" ht="15.75" customHeight="1" x14ac:dyDescent="0.15">
      <c r="AR27070" s="9" ph="1"/>
    </row>
    <row r="27077" spans="44:44" ht="15.75" customHeight="1" x14ac:dyDescent="0.15">
      <c r="AR27077" s="9" ph="1"/>
    </row>
    <row r="27081" spans="44:44" ht="15.75" customHeight="1" x14ac:dyDescent="0.15">
      <c r="AR27081" s="9" ph="1"/>
    </row>
    <row r="27088" spans="44:44" ht="15.75" customHeight="1" x14ac:dyDescent="0.15">
      <c r="AR27088" s="9" ph="1"/>
    </row>
    <row r="27095" spans="44:44" ht="15.75" customHeight="1" x14ac:dyDescent="0.15">
      <c r="AR27095" s="9" ph="1"/>
    </row>
    <row r="27102" spans="44:44" ht="15.75" customHeight="1" x14ac:dyDescent="0.15">
      <c r="AR27102" s="9" ph="1"/>
    </row>
    <row r="27103" spans="44:44" ht="15.75" customHeight="1" x14ac:dyDescent="0.15">
      <c r="AR27103" s="9" ph="1"/>
    </row>
    <row r="27105" spans="44:44" ht="15.75" customHeight="1" x14ac:dyDescent="0.15">
      <c r="AR27105" s="9" ph="1"/>
    </row>
    <row r="27112" spans="44:44" ht="15.75" customHeight="1" x14ac:dyDescent="0.15">
      <c r="AR27112" s="9" ph="1"/>
    </row>
    <row r="27123" spans="44:44" ht="15.75" customHeight="1" x14ac:dyDescent="0.15">
      <c r="AR27123" s="9" ph="1"/>
    </row>
    <row r="27130" spans="44:44" ht="15.75" customHeight="1" x14ac:dyDescent="0.15">
      <c r="AR27130" s="9" ph="1"/>
    </row>
    <row r="27131" spans="44:44" ht="15.75" customHeight="1" x14ac:dyDescent="0.15">
      <c r="AR27131" s="9" ph="1"/>
    </row>
    <row r="27132" spans="44:44" ht="15.75" customHeight="1" x14ac:dyDescent="0.15">
      <c r="AR27132" s="9" ph="1"/>
    </row>
    <row r="27133" spans="44:44" ht="15.75" customHeight="1" x14ac:dyDescent="0.15">
      <c r="AR27133" s="9" ph="1"/>
    </row>
    <row r="27134" spans="44:44" ht="15.75" customHeight="1" x14ac:dyDescent="0.15">
      <c r="AR27134" s="9" ph="1"/>
    </row>
    <row r="27135" spans="44:44" ht="15.75" customHeight="1" x14ac:dyDescent="0.15">
      <c r="AR27135" s="9" ph="1"/>
    </row>
    <row r="27136" spans="44:44" ht="15.75" customHeight="1" x14ac:dyDescent="0.15">
      <c r="AR27136" s="9" ph="1"/>
    </row>
    <row r="27137" spans="44:44" ht="15.75" customHeight="1" x14ac:dyDescent="0.15">
      <c r="AR27137" s="9" ph="1"/>
    </row>
    <row r="27139" spans="44:44" ht="15.75" customHeight="1" x14ac:dyDescent="0.15">
      <c r="AR27139" s="9" ph="1"/>
    </row>
    <row r="27146" spans="44:44" ht="15.75" customHeight="1" x14ac:dyDescent="0.15">
      <c r="AR27146" s="9" ph="1"/>
    </row>
    <row r="27150" spans="44:44" ht="15.75" customHeight="1" x14ac:dyDescent="0.15">
      <c r="AR27150" s="9" ph="1"/>
    </row>
    <row r="27157" spans="44:44" ht="15.75" customHeight="1" x14ac:dyDescent="0.15">
      <c r="AR27157" s="9" ph="1"/>
    </row>
    <row r="27164" spans="44:44" ht="15.75" customHeight="1" x14ac:dyDescent="0.15">
      <c r="AR27164" s="9" ph="1"/>
    </row>
    <row r="27171" spans="44:44" ht="15.75" customHeight="1" x14ac:dyDescent="0.15">
      <c r="AR27171" s="9" ph="1"/>
    </row>
    <row r="27172" spans="44:44" ht="15.75" customHeight="1" x14ac:dyDescent="0.15">
      <c r="AR27172" s="9" ph="1"/>
    </row>
    <row r="27174" spans="44:44" ht="15.75" customHeight="1" x14ac:dyDescent="0.15">
      <c r="AR27174" s="9" ph="1"/>
    </row>
    <row r="27181" spans="44:44" ht="15.75" customHeight="1" x14ac:dyDescent="0.15">
      <c r="AR27181" s="9" ph="1"/>
    </row>
    <row r="27192" spans="44:44" ht="15.75" customHeight="1" x14ac:dyDescent="0.15">
      <c r="AR27192" s="9" ph="1"/>
    </row>
    <row r="27199" spans="44:44" ht="15.75" customHeight="1" x14ac:dyDescent="0.15">
      <c r="AR27199" s="9" ph="1"/>
    </row>
    <row r="27200" spans="44:44" ht="15.75" customHeight="1" x14ac:dyDescent="0.15">
      <c r="AR27200" s="9" ph="1"/>
    </row>
    <row r="27201" spans="44:44" ht="15.75" customHeight="1" x14ac:dyDescent="0.15">
      <c r="AR27201" s="9" ph="1"/>
    </row>
    <row r="27202" spans="44:44" ht="15.75" customHeight="1" x14ac:dyDescent="0.15">
      <c r="AR27202" s="9" ph="1"/>
    </row>
    <row r="27203" spans="44:44" ht="15.75" customHeight="1" x14ac:dyDescent="0.15">
      <c r="AR27203" s="9" ph="1"/>
    </row>
    <row r="27204" spans="44:44" ht="15.75" customHeight="1" x14ac:dyDescent="0.15">
      <c r="AR27204" s="9" ph="1"/>
    </row>
    <row r="27205" spans="44:44" ht="15.75" customHeight="1" x14ac:dyDescent="0.15">
      <c r="AR27205" s="9" ph="1"/>
    </row>
    <row r="27206" spans="44:44" ht="15.75" customHeight="1" x14ac:dyDescent="0.15">
      <c r="AR27206" s="9" ph="1"/>
    </row>
    <row r="27208" spans="44:44" ht="15.75" customHeight="1" x14ac:dyDescent="0.15">
      <c r="AR27208" s="9" ph="1"/>
    </row>
    <row r="27209" spans="44:44" ht="15.75" customHeight="1" x14ac:dyDescent="0.15">
      <c r="AR27209" s="9" ph="1"/>
    </row>
    <row r="27210" spans="44:44" ht="15.75" customHeight="1" x14ac:dyDescent="0.15">
      <c r="AR27210" s="9" ph="1"/>
    </row>
    <row r="27211" spans="44:44" ht="15.75" customHeight="1" x14ac:dyDescent="0.15">
      <c r="AR27211" s="9" ph="1"/>
    </row>
    <row r="27218" spans="44:44" ht="15.75" customHeight="1" x14ac:dyDescent="0.15">
      <c r="AR27218" s="9" ph="1"/>
    </row>
    <row r="27219" spans="44:44" ht="15.75" customHeight="1" x14ac:dyDescent="0.15">
      <c r="AR27219" s="9" ph="1"/>
    </row>
    <row r="27220" spans="44:44" ht="15.75" customHeight="1" x14ac:dyDescent="0.15">
      <c r="AR27220" s="9" ph="1"/>
    </row>
    <row r="27221" spans="44:44" ht="15.75" customHeight="1" x14ac:dyDescent="0.15">
      <c r="AR27221" s="9" ph="1"/>
    </row>
    <row r="27222" spans="44:44" ht="15.75" customHeight="1" x14ac:dyDescent="0.15">
      <c r="AR27222" s="9" ph="1"/>
    </row>
    <row r="27223" spans="44:44" ht="15.75" customHeight="1" x14ac:dyDescent="0.15">
      <c r="AR27223" s="9" ph="1"/>
    </row>
    <row r="27224" spans="44:44" ht="15.75" customHeight="1" x14ac:dyDescent="0.15">
      <c r="AR27224" s="9" ph="1"/>
    </row>
    <row r="27225" spans="44:44" ht="15.75" customHeight="1" x14ac:dyDescent="0.15">
      <c r="AR27225" s="9" ph="1"/>
    </row>
    <row r="27227" spans="44:44" ht="15.75" customHeight="1" x14ac:dyDescent="0.15">
      <c r="AR27227" s="9" ph="1"/>
    </row>
    <row r="27228" spans="44:44" ht="15.75" customHeight="1" x14ac:dyDescent="0.15">
      <c r="AR27228" s="9" ph="1"/>
    </row>
    <row r="27229" spans="44:44" ht="15.75" customHeight="1" x14ac:dyDescent="0.15">
      <c r="AR27229" s="9" ph="1"/>
    </row>
    <row r="27231" spans="44:44" ht="15.75" customHeight="1" x14ac:dyDescent="0.15">
      <c r="AR27231" s="9" ph="1"/>
    </row>
    <row r="27232" spans="44:44" ht="15.75" customHeight="1" x14ac:dyDescent="0.15">
      <c r="AR27232" s="9" ph="1"/>
    </row>
    <row r="27233" spans="44:44" ht="15.75" customHeight="1" x14ac:dyDescent="0.15">
      <c r="AR27233" s="9" ph="1"/>
    </row>
    <row r="27234" spans="44:44" ht="15.75" customHeight="1" x14ac:dyDescent="0.15">
      <c r="AR27234" s="9" ph="1"/>
    </row>
    <row r="27235" spans="44:44" ht="15.75" customHeight="1" x14ac:dyDescent="0.15">
      <c r="AR27235" s="9" ph="1"/>
    </row>
    <row r="27236" spans="44:44" ht="15.75" customHeight="1" x14ac:dyDescent="0.15">
      <c r="AR27236" s="9" ph="1"/>
    </row>
    <row r="27237" spans="44:44" ht="15.75" customHeight="1" x14ac:dyDescent="0.15">
      <c r="AR27237" s="9" ph="1"/>
    </row>
    <row r="27238" spans="44:44" ht="15.75" customHeight="1" x14ac:dyDescent="0.15">
      <c r="AR27238" s="9" ph="1"/>
    </row>
    <row r="27239" spans="44:44" ht="15.75" customHeight="1" x14ac:dyDescent="0.15">
      <c r="AR27239" s="9" ph="1"/>
    </row>
    <row r="27240" spans="44:44" ht="15.75" customHeight="1" x14ac:dyDescent="0.15">
      <c r="AR27240" s="9" ph="1"/>
    </row>
    <row r="27241" spans="44:44" ht="15.75" customHeight="1" x14ac:dyDescent="0.15">
      <c r="AR27241" s="9" ph="1"/>
    </row>
    <row r="27242" spans="44:44" ht="15.75" customHeight="1" x14ac:dyDescent="0.15">
      <c r="AR27242" s="9" ph="1"/>
    </row>
    <row r="27243" spans="44:44" ht="15.75" customHeight="1" x14ac:dyDescent="0.15">
      <c r="AR27243" s="9" ph="1"/>
    </row>
    <row r="27245" spans="44:44" ht="15.75" customHeight="1" x14ac:dyDescent="0.15">
      <c r="AR27245" s="9" ph="1"/>
    </row>
    <row r="27246" spans="44:44" ht="15.75" customHeight="1" x14ac:dyDescent="0.15">
      <c r="AR27246" s="9" ph="1"/>
    </row>
    <row r="27247" spans="44:44" ht="15.75" customHeight="1" x14ac:dyDescent="0.15">
      <c r="AR27247" s="9" ph="1"/>
    </row>
    <row r="27249" spans="44:44" ht="15.75" customHeight="1" x14ac:dyDescent="0.15">
      <c r="AR27249" s="9" ph="1"/>
    </row>
    <row r="27250" spans="44:44" ht="15.75" customHeight="1" x14ac:dyDescent="0.15">
      <c r="AR27250" s="9" ph="1"/>
    </row>
    <row r="27251" spans="44:44" ht="15.75" customHeight="1" x14ac:dyDescent="0.15">
      <c r="AR27251" s="9" ph="1"/>
    </row>
    <row r="27252" spans="44:44" ht="15.75" customHeight="1" x14ac:dyDescent="0.15">
      <c r="AR27252" s="9" ph="1"/>
    </row>
    <row r="27253" spans="44:44" ht="15.75" customHeight="1" x14ac:dyDescent="0.15">
      <c r="AR27253" s="9" ph="1"/>
    </row>
    <row r="27254" spans="44:44" ht="15.75" customHeight="1" x14ac:dyDescent="0.15">
      <c r="AR27254" s="9" ph="1"/>
    </row>
    <row r="27256" spans="44:44" ht="15.75" customHeight="1" x14ac:dyDescent="0.15">
      <c r="AR27256" s="9" ph="1"/>
    </row>
    <row r="27257" spans="44:44" ht="15.75" customHeight="1" x14ac:dyDescent="0.15">
      <c r="AR27257" s="9" ph="1"/>
    </row>
    <row r="27258" spans="44:44" ht="15.75" customHeight="1" x14ac:dyDescent="0.15">
      <c r="AR27258" s="9" ph="1"/>
    </row>
    <row r="27259" spans="44:44" ht="15.75" customHeight="1" x14ac:dyDescent="0.15">
      <c r="AR27259" s="9" ph="1"/>
    </row>
    <row r="27260" spans="44:44" ht="15.75" customHeight="1" x14ac:dyDescent="0.15">
      <c r="AR27260" s="9" ph="1"/>
    </row>
    <row r="27261" spans="44:44" ht="15.75" customHeight="1" x14ac:dyDescent="0.15">
      <c r="AR27261" s="9" ph="1"/>
    </row>
    <row r="27262" spans="44:44" ht="15.75" customHeight="1" x14ac:dyDescent="0.15">
      <c r="AR27262" s="9" ph="1"/>
    </row>
    <row r="27263" spans="44:44" ht="15.75" customHeight="1" x14ac:dyDescent="0.15">
      <c r="AR27263" s="9" ph="1"/>
    </row>
    <row r="27264" spans="44:44" ht="15.75" customHeight="1" x14ac:dyDescent="0.15">
      <c r="AR27264" s="9" ph="1"/>
    </row>
    <row r="27265" spans="44:44" ht="15.75" customHeight="1" x14ac:dyDescent="0.15">
      <c r="AR27265" s="9" ph="1"/>
    </row>
    <row r="27266" spans="44:44" ht="15.75" customHeight="1" x14ac:dyDescent="0.15">
      <c r="AR27266" s="9" ph="1"/>
    </row>
    <row r="27267" spans="44:44" ht="15.75" customHeight="1" x14ac:dyDescent="0.15">
      <c r="AR27267" s="9" ph="1"/>
    </row>
    <row r="27268" spans="44:44" ht="15.75" customHeight="1" x14ac:dyDescent="0.15">
      <c r="AR27268" s="9" ph="1"/>
    </row>
    <row r="27270" spans="44:44" ht="15.75" customHeight="1" x14ac:dyDescent="0.15">
      <c r="AR27270" s="9" ph="1"/>
    </row>
    <row r="27271" spans="44:44" ht="15.75" customHeight="1" x14ac:dyDescent="0.15">
      <c r="AR27271" s="9" ph="1"/>
    </row>
    <row r="27272" spans="44:44" ht="15.75" customHeight="1" x14ac:dyDescent="0.15">
      <c r="AR27272" s="9" ph="1"/>
    </row>
    <row r="27274" spans="44:44" ht="15.75" customHeight="1" x14ac:dyDescent="0.15">
      <c r="AR27274" s="9" ph="1"/>
    </row>
    <row r="27275" spans="44:44" ht="15.75" customHeight="1" x14ac:dyDescent="0.15">
      <c r="AR27275" s="9" ph="1"/>
    </row>
    <row r="27276" spans="44:44" ht="15.75" customHeight="1" x14ac:dyDescent="0.15">
      <c r="AR27276" s="9" ph="1"/>
    </row>
    <row r="27277" spans="44:44" ht="15.75" customHeight="1" x14ac:dyDescent="0.15">
      <c r="AR27277" s="9" ph="1"/>
    </row>
    <row r="27278" spans="44:44" ht="15.75" customHeight="1" x14ac:dyDescent="0.15">
      <c r="AR27278" s="9" ph="1"/>
    </row>
    <row r="27279" spans="44:44" ht="15.75" customHeight="1" x14ac:dyDescent="0.15">
      <c r="AR27279" s="9" ph="1"/>
    </row>
    <row r="27280" spans="44:44" ht="15.75" customHeight="1" x14ac:dyDescent="0.15">
      <c r="AR27280" s="9" ph="1"/>
    </row>
    <row r="27287" spans="44:44" ht="15.75" customHeight="1" x14ac:dyDescent="0.15">
      <c r="AR27287" s="9" ph="1"/>
    </row>
    <row r="27288" spans="44:44" ht="15.75" customHeight="1" x14ac:dyDescent="0.15">
      <c r="AR27288" s="9" ph="1"/>
    </row>
    <row r="27290" spans="44:44" ht="15.75" customHeight="1" x14ac:dyDescent="0.15">
      <c r="AR27290" s="9" ph="1"/>
    </row>
    <row r="27297" spans="44:44" ht="15.75" customHeight="1" x14ac:dyDescent="0.15">
      <c r="AR27297" s="9" ph="1"/>
    </row>
    <row r="27308" spans="44:44" ht="15.75" customHeight="1" x14ac:dyDescent="0.15">
      <c r="AR27308" s="9" ph="1"/>
    </row>
    <row r="27315" spans="44:44" ht="15.75" customHeight="1" x14ac:dyDescent="0.15">
      <c r="AR27315" s="9" ph="1"/>
    </row>
    <row r="27319" spans="44:44" ht="15.75" customHeight="1" x14ac:dyDescent="0.15">
      <c r="AR27319" s="9" ph="1"/>
    </row>
    <row r="27326" spans="44:44" ht="15.75" customHeight="1" x14ac:dyDescent="0.15">
      <c r="AR27326" s="9" ph="1"/>
    </row>
    <row r="27333" spans="44:44" ht="15.75" customHeight="1" x14ac:dyDescent="0.15">
      <c r="AR27333" s="9" ph="1"/>
    </row>
    <row r="27340" spans="44:44" ht="15.75" customHeight="1" x14ac:dyDescent="0.15">
      <c r="AR27340" s="9" ph="1"/>
    </row>
    <row r="27341" spans="44:44" ht="15.75" customHeight="1" x14ac:dyDescent="0.15">
      <c r="AR27341" s="9" ph="1"/>
    </row>
    <row r="27343" spans="44:44" ht="15.75" customHeight="1" x14ac:dyDescent="0.15">
      <c r="AR27343" s="9" ph="1"/>
    </row>
    <row r="27350" spans="44:44" ht="15.75" customHeight="1" x14ac:dyDescent="0.15">
      <c r="AR27350" s="9" ph="1"/>
    </row>
    <row r="27361" spans="44:44" ht="15.75" customHeight="1" x14ac:dyDescent="0.15">
      <c r="AR27361" s="9" ph="1"/>
    </row>
    <row r="27368" spans="44:44" ht="15.75" customHeight="1" x14ac:dyDescent="0.15">
      <c r="AR27368" s="9" ph="1"/>
    </row>
    <row r="27369" spans="44:44" ht="15.75" customHeight="1" x14ac:dyDescent="0.15">
      <c r="AR27369" s="9" ph="1"/>
    </row>
    <row r="27370" spans="44:44" ht="15.75" customHeight="1" x14ac:dyDescent="0.15">
      <c r="AR27370" s="9" ph="1"/>
    </row>
    <row r="27371" spans="44:44" ht="15.75" customHeight="1" x14ac:dyDescent="0.15">
      <c r="AR27371" s="9" ph="1"/>
    </row>
    <row r="27372" spans="44:44" ht="15.75" customHeight="1" x14ac:dyDescent="0.15">
      <c r="AR27372" s="9" ph="1"/>
    </row>
    <row r="27373" spans="44:44" ht="15.75" customHeight="1" x14ac:dyDescent="0.15">
      <c r="AR27373" s="9" ph="1"/>
    </row>
    <row r="27374" spans="44:44" ht="15.75" customHeight="1" x14ac:dyDescent="0.15">
      <c r="AR27374" s="9" ph="1"/>
    </row>
    <row r="27375" spans="44:44" ht="15.75" customHeight="1" x14ac:dyDescent="0.15">
      <c r="AR27375" s="9" ph="1"/>
    </row>
    <row r="27377" spans="44:44" ht="15.75" customHeight="1" x14ac:dyDescent="0.15">
      <c r="AR27377" s="9" ph="1"/>
    </row>
    <row r="27384" spans="44:44" ht="15.75" customHeight="1" x14ac:dyDescent="0.15">
      <c r="AR27384" s="9" ph="1"/>
    </row>
    <row r="27388" spans="44:44" ht="15.75" customHeight="1" x14ac:dyDescent="0.15">
      <c r="AR27388" s="9" ph="1"/>
    </row>
    <row r="27395" spans="44:44" ht="15.75" customHeight="1" x14ac:dyDescent="0.15">
      <c r="AR27395" s="9" ph="1"/>
    </row>
    <row r="27402" spans="44:44" ht="15.75" customHeight="1" x14ac:dyDescent="0.15">
      <c r="AR27402" s="9" ph="1"/>
    </row>
    <row r="27409" spans="44:44" ht="15.75" customHeight="1" x14ac:dyDescent="0.15">
      <c r="AR27409" s="9" ph="1"/>
    </row>
    <row r="27410" spans="44:44" ht="15.75" customHeight="1" x14ac:dyDescent="0.15">
      <c r="AR27410" s="9" ph="1"/>
    </row>
    <row r="27412" spans="44:44" ht="15.75" customHeight="1" x14ac:dyDescent="0.15">
      <c r="AR27412" s="9" ph="1"/>
    </row>
    <row r="27419" spans="44:44" ht="15.75" customHeight="1" x14ac:dyDescent="0.15">
      <c r="AR27419" s="9" ph="1"/>
    </row>
    <row r="27430" spans="44:44" ht="15.75" customHeight="1" x14ac:dyDescent="0.15">
      <c r="AR27430" s="9" ph="1"/>
    </row>
    <row r="27437" spans="44:44" ht="15.75" customHeight="1" x14ac:dyDescent="0.15">
      <c r="AR27437" s="9" ph="1"/>
    </row>
    <row r="27438" spans="44:44" ht="15.75" customHeight="1" x14ac:dyDescent="0.15">
      <c r="AR27438" s="9" ph="1"/>
    </row>
    <row r="27439" spans="44:44" ht="15.75" customHeight="1" x14ac:dyDescent="0.15">
      <c r="AR27439" s="9" ph="1"/>
    </row>
    <row r="27440" spans="44:44" ht="15.75" customHeight="1" x14ac:dyDescent="0.15">
      <c r="AR27440" s="9" ph="1"/>
    </row>
    <row r="27441" spans="44:44" ht="15.75" customHeight="1" x14ac:dyDescent="0.15">
      <c r="AR27441" s="9" ph="1"/>
    </row>
    <row r="27442" spans="44:44" ht="15.75" customHeight="1" x14ac:dyDescent="0.15">
      <c r="AR27442" s="9" ph="1"/>
    </row>
    <row r="27443" spans="44:44" ht="15.75" customHeight="1" x14ac:dyDescent="0.15">
      <c r="AR27443" s="9" ph="1"/>
    </row>
    <row r="27444" spans="44:44" ht="15.75" customHeight="1" x14ac:dyDescent="0.15">
      <c r="AR27444" s="9" ph="1"/>
    </row>
    <row r="27446" spans="44:44" ht="15.75" customHeight="1" x14ac:dyDescent="0.15">
      <c r="AR27446" s="9" ph="1"/>
    </row>
    <row r="27447" spans="44:44" ht="15.75" customHeight="1" x14ac:dyDescent="0.15">
      <c r="AR27447" s="9" ph="1"/>
    </row>
    <row r="27448" spans="44:44" ht="15.75" customHeight="1" x14ac:dyDescent="0.15">
      <c r="AR27448" s="9" ph="1"/>
    </row>
    <row r="27449" spans="44:44" ht="15.75" customHeight="1" x14ac:dyDescent="0.15">
      <c r="AR27449" s="9" ph="1"/>
    </row>
    <row r="27456" spans="44:44" ht="15.75" customHeight="1" x14ac:dyDescent="0.15">
      <c r="AR27456" s="9" ph="1"/>
    </row>
    <row r="27457" spans="44:44" ht="15.75" customHeight="1" x14ac:dyDescent="0.15">
      <c r="AR27457" s="9" ph="1"/>
    </row>
    <row r="27458" spans="44:44" ht="15.75" customHeight="1" x14ac:dyDescent="0.15">
      <c r="AR27458" s="9" ph="1"/>
    </row>
    <row r="27459" spans="44:44" ht="15.75" customHeight="1" x14ac:dyDescent="0.15">
      <c r="AR27459" s="9" ph="1"/>
    </row>
    <row r="27460" spans="44:44" ht="15.75" customHeight="1" x14ac:dyDescent="0.15">
      <c r="AR27460" s="9" ph="1"/>
    </row>
    <row r="27461" spans="44:44" ht="15.75" customHeight="1" x14ac:dyDescent="0.15">
      <c r="AR27461" s="9" ph="1"/>
    </row>
    <row r="27462" spans="44:44" ht="15.75" customHeight="1" x14ac:dyDescent="0.15">
      <c r="AR27462" s="9" ph="1"/>
    </row>
    <row r="27463" spans="44:44" ht="15.75" customHeight="1" x14ac:dyDescent="0.15">
      <c r="AR27463" s="9" ph="1"/>
    </row>
    <row r="27465" spans="44:44" ht="15.75" customHeight="1" x14ac:dyDescent="0.15">
      <c r="AR27465" s="9" ph="1"/>
    </row>
    <row r="27466" spans="44:44" ht="15.75" customHeight="1" x14ac:dyDescent="0.15">
      <c r="AR27466" s="9" ph="1"/>
    </row>
    <row r="27467" spans="44:44" ht="15.75" customHeight="1" x14ac:dyDescent="0.15">
      <c r="AR27467" s="9" ph="1"/>
    </row>
    <row r="27469" spans="44:44" ht="15.75" customHeight="1" x14ac:dyDescent="0.15">
      <c r="AR27469" s="9" ph="1"/>
    </row>
    <row r="27470" spans="44:44" ht="15.75" customHeight="1" x14ac:dyDescent="0.15">
      <c r="AR27470" s="9" ph="1"/>
    </row>
    <row r="27471" spans="44:44" ht="15.75" customHeight="1" x14ac:dyDescent="0.15">
      <c r="AR27471" s="9" ph="1"/>
    </row>
    <row r="27472" spans="44:44" ht="15.75" customHeight="1" x14ac:dyDescent="0.15">
      <c r="AR27472" s="9" ph="1"/>
    </row>
    <row r="27473" spans="44:44" ht="15.75" customHeight="1" x14ac:dyDescent="0.15">
      <c r="AR27473" s="9" ph="1"/>
    </row>
    <row r="27474" spans="44:44" ht="15.75" customHeight="1" x14ac:dyDescent="0.15">
      <c r="AR27474" s="9" ph="1"/>
    </row>
    <row r="27475" spans="44:44" ht="15.75" customHeight="1" x14ac:dyDescent="0.15">
      <c r="AR27475" s="9" ph="1"/>
    </row>
    <row r="27476" spans="44:44" ht="15.75" customHeight="1" x14ac:dyDescent="0.15">
      <c r="AR27476" s="9" ph="1"/>
    </row>
    <row r="27477" spans="44:44" ht="15.75" customHeight="1" x14ac:dyDescent="0.15">
      <c r="AR27477" s="9" ph="1"/>
    </row>
    <row r="27478" spans="44:44" ht="15.75" customHeight="1" x14ac:dyDescent="0.15">
      <c r="AR27478" s="9" ph="1"/>
    </row>
    <row r="27479" spans="44:44" ht="15.75" customHeight="1" x14ac:dyDescent="0.15">
      <c r="AR27479" s="9" ph="1"/>
    </row>
    <row r="27480" spans="44:44" ht="15.75" customHeight="1" x14ac:dyDescent="0.15">
      <c r="AR27480" s="9" ph="1"/>
    </row>
    <row r="27481" spans="44:44" ht="15.75" customHeight="1" x14ac:dyDescent="0.15">
      <c r="AR27481" s="9" ph="1"/>
    </row>
    <row r="27483" spans="44:44" ht="15.75" customHeight="1" x14ac:dyDescent="0.15">
      <c r="AR27483" s="9" ph="1"/>
    </row>
    <row r="27484" spans="44:44" ht="15.75" customHeight="1" x14ac:dyDescent="0.15">
      <c r="AR27484" s="9" ph="1"/>
    </row>
    <row r="27485" spans="44:44" ht="15.75" customHeight="1" x14ac:dyDescent="0.15">
      <c r="AR27485" s="9" ph="1"/>
    </row>
    <row r="27487" spans="44:44" ht="15.75" customHeight="1" x14ac:dyDescent="0.15">
      <c r="AR27487" s="9" ph="1"/>
    </row>
    <row r="27488" spans="44:44" ht="15.75" customHeight="1" x14ac:dyDescent="0.15">
      <c r="AR27488" s="9" ph="1"/>
    </row>
    <row r="27489" spans="44:44" ht="15.75" customHeight="1" x14ac:dyDescent="0.15">
      <c r="AR27489" s="9" ph="1"/>
    </row>
    <row r="27490" spans="44:44" ht="15.75" customHeight="1" x14ac:dyDescent="0.15">
      <c r="AR27490" s="9" ph="1"/>
    </row>
    <row r="27491" spans="44:44" ht="15.75" customHeight="1" x14ac:dyDescent="0.15">
      <c r="AR27491" s="9" ph="1"/>
    </row>
    <row r="27492" spans="44:44" ht="15.75" customHeight="1" x14ac:dyDescent="0.15">
      <c r="AR27492" s="9" ph="1"/>
    </row>
    <row r="27494" spans="44:44" ht="15.75" customHeight="1" x14ac:dyDescent="0.15">
      <c r="AR27494" s="9" ph="1"/>
    </row>
    <row r="27495" spans="44:44" ht="15.75" customHeight="1" x14ac:dyDescent="0.15">
      <c r="AR27495" s="9" ph="1"/>
    </row>
    <row r="27496" spans="44:44" ht="15.75" customHeight="1" x14ac:dyDescent="0.15">
      <c r="AR27496" s="9" ph="1"/>
    </row>
    <row r="27497" spans="44:44" ht="15.75" customHeight="1" x14ac:dyDescent="0.15">
      <c r="AR27497" s="9" ph="1"/>
    </row>
    <row r="27498" spans="44:44" ht="15.75" customHeight="1" x14ac:dyDescent="0.15">
      <c r="AR27498" s="9" ph="1"/>
    </row>
    <row r="27499" spans="44:44" ht="15.75" customHeight="1" x14ac:dyDescent="0.15">
      <c r="AR27499" s="9" ph="1"/>
    </row>
    <row r="27500" spans="44:44" ht="15.75" customHeight="1" x14ac:dyDescent="0.15">
      <c r="AR27500" s="9" ph="1"/>
    </row>
    <row r="27501" spans="44:44" ht="15.75" customHeight="1" x14ac:dyDescent="0.15">
      <c r="AR27501" s="9" ph="1"/>
    </row>
    <row r="27502" spans="44:44" ht="15.75" customHeight="1" x14ac:dyDescent="0.15">
      <c r="AR27502" s="9" ph="1"/>
    </row>
    <row r="27503" spans="44:44" ht="15.75" customHeight="1" x14ac:dyDescent="0.15">
      <c r="AR27503" s="9" ph="1"/>
    </row>
    <row r="27504" spans="44:44" ht="15.75" customHeight="1" x14ac:dyDescent="0.15">
      <c r="AR27504" s="9" ph="1"/>
    </row>
    <row r="27505" spans="44:44" ht="15.75" customHeight="1" x14ac:dyDescent="0.15">
      <c r="AR27505" s="9" ph="1"/>
    </row>
    <row r="27506" spans="44:44" ht="15.75" customHeight="1" x14ac:dyDescent="0.15">
      <c r="AR27506" s="9" ph="1"/>
    </row>
    <row r="27508" spans="44:44" ht="15.75" customHeight="1" x14ac:dyDescent="0.15">
      <c r="AR27508" s="9" ph="1"/>
    </row>
    <row r="27509" spans="44:44" ht="15.75" customHeight="1" x14ac:dyDescent="0.15">
      <c r="AR27509" s="9" ph="1"/>
    </row>
    <row r="27510" spans="44:44" ht="15.75" customHeight="1" x14ac:dyDescent="0.15">
      <c r="AR27510" s="9" ph="1"/>
    </row>
    <row r="27512" spans="44:44" ht="15.75" customHeight="1" x14ac:dyDescent="0.15">
      <c r="AR27512" s="9" ph="1"/>
    </row>
    <row r="27513" spans="44:44" ht="15.75" customHeight="1" x14ac:dyDescent="0.15">
      <c r="AR27513" s="9" ph="1"/>
    </row>
    <row r="27514" spans="44:44" ht="15.75" customHeight="1" x14ac:dyDescent="0.15">
      <c r="AR27514" s="9" ph="1"/>
    </row>
    <row r="27515" spans="44:44" ht="15.75" customHeight="1" x14ac:dyDescent="0.15">
      <c r="AR27515" s="9" ph="1"/>
    </row>
    <row r="27516" spans="44:44" ht="15.75" customHeight="1" x14ac:dyDescent="0.15">
      <c r="AR27516" s="9" ph="1"/>
    </row>
    <row r="27517" spans="44:44" ht="15.75" customHeight="1" x14ac:dyDescent="0.15">
      <c r="AR27517" s="9" ph="1"/>
    </row>
    <row r="27518" spans="44:44" ht="15.75" customHeight="1" x14ac:dyDescent="0.15">
      <c r="AR27518" s="9" ph="1"/>
    </row>
    <row r="27519" spans="44:44" ht="15.75" customHeight="1" x14ac:dyDescent="0.15">
      <c r="AR27519" s="9" ph="1"/>
    </row>
    <row r="27520" spans="44:44" ht="15.75" customHeight="1" x14ac:dyDescent="0.15">
      <c r="AR27520" s="9" ph="1"/>
    </row>
    <row r="27521" spans="44:44" ht="15.75" customHeight="1" x14ac:dyDescent="0.15">
      <c r="AR27521" s="9" ph="1"/>
    </row>
    <row r="27522" spans="44:44" ht="15.75" customHeight="1" x14ac:dyDescent="0.15">
      <c r="AR27522" s="9" ph="1"/>
    </row>
    <row r="27523" spans="44:44" ht="15.75" customHeight="1" x14ac:dyDescent="0.15">
      <c r="AR27523" s="9" ph="1"/>
    </row>
    <row r="27524" spans="44:44" ht="15.75" customHeight="1" x14ac:dyDescent="0.15">
      <c r="AR27524" s="9" ph="1"/>
    </row>
    <row r="27525" spans="44:44" ht="15.75" customHeight="1" x14ac:dyDescent="0.15">
      <c r="AR27525" s="9" ph="1"/>
    </row>
    <row r="27526" spans="44:44" ht="15.75" customHeight="1" x14ac:dyDescent="0.15">
      <c r="AR27526" s="9" ph="1"/>
    </row>
    <row r="27527" spans="44:44" ht="15.75" customHeight="1" x14ac:dyDescent="0.15">
      <c r="AR27527" s="9" ph="1"/>
    </row>
    <row r="27529" spans="44:44" ht="15.75" customHeight="1" x14ac:dyDescent="0.15">
      <c r="AR27529" s="9" ph="1"/>
    </row>
    <row r="27530" spans="44:44" ht="15.75" customHeight="1" x14ac:dyDescent="0.15">
      <c r="AR27530" s="9" ph="1"/>
    </row>
    <row r="27531" spans="44:44" ht="15.75" customHeight="1" x14ac:dyDescent="0.15">
      <c r="AR27531" s="9" ph="1"/>
    </row>
    <row r="27533" spans="44:44" ht="15.75" customHeight="1" x14ac:dyDescent="0.15">
      <c r="AR27533" s="9" ph="1"/>
    </row>
    <row r="27534" spans="44:44" ht="15.75" customHeight="1" x14ac:dyDescent="0.15">
      <c r="AR27534" s="9" ph="1"/>
    </row>
    <row r="27535" spans="44:44" ht="15.75" customHeight="1" x14ac:dyDescent="0.15">
      <c r="AR27535" s="9" ph="1"/>
    </row>
    <row r="27536" spans="44:44" ht="15.75" customHeight="1" x14ac:dyDescent="0.15">
      <c r="AR27536" s="9" ph="1"/>
    </row>
    <row r="27537" spans="44:44" ht="15.75" customHeight="1" x14ac:dyDescent="0.15">
      <c r="AR27537" s="9" ph="1"/>
    </row>
    <row r="27538" spans="44:44" ht="15.75" customHeight="1" x14ac:dyDescent="0.15">
      <c r="AR27538" s="9" ph="1"/>
    </row>
    <row r="27539" spans="44:44" ht="15.75" customHeight="1" x14ac:dyDescent="0.15">
      <c r="AR27539" s="9" ph="1"/>
    </row>
    <row r="27540" spans="44:44" ht="15.75" customHeight="1" x14ac:dyDescent="0.15">
      <c r="AR27540" s="9" ph="1"/>
    </row>
    <row r="27542" spans="44:44" ht="15.75" customHeight="1" x14ac:dyDescent="0.15">
      <c r="AR27542" s="9" ph="1"/>
    </row>
    <row r="27543" spans="44:44" ht="15.75" customHeight="1" x14ac:dyDescent="0.15">
      <c r="AR27543" s="9" ph="1"/>
    </row>
    <row r="27544" spans="44:44" ht="15.75" customHeight="1" x14ac:dyDescent="0.15">
      <c r="AR27544" s="9" ph="1"/>
    </row>
    <row r="27545" spans="44:44" ht="15.75" customHeight="1" x14ac:dyDescent="0.15">
      <c r="AR27545" s="9" ph="1"/>
    </row>
    <row r="27546" spans="44:44" ht="15.75" customHeight="1" x14ac:dyDescent="0.15">
      <c r="AR27546" s="9" ph="1"/>
    </row>
    <row r="27547" spans="44:44" ht="15.75" customHeight="1" x14ac:dyDescent="0.15">
      <c r="AR27547" s="9" ph="1"/>
    </row>
    <row r="27548" spans="44:44" ht="15.75" customHeight="1" x14ac:dyDescent="0.15">
      <c r="AR27548" s="9" ph="1"/>
    </row>
    <row r="27549" spans="44:44" ht="15.75" customHeight="1" x14ac:dyDescent="0.15">
      <c r="AR27549" s="9" ph="1"/>
    </row>
    <row r="27551" spans="44:44" ht="15.75" customHeight="1" x14ac:dyDescent="0.15">
      <c r="AR27551" s="9" ph="1"/>
    </row>
    <row r="27552" spans="44:44" ht="15.75" customHeight="1" x14ac:dyDescent="0.15">
      <c r="AR27552" s="9" ph="1"/>
    </row>
    <row r="27553" spans="44:44" ht="15.75" customHeight="1" x14ac:dyDescent="0.15">
      <c r="AR27553" s="9" ph="1"/>
    </row>
    <row r="27554" spans="44:44" ht="15.75" customHeight="1" x14ac:dyDescent="0.15">
      <c r="AR27554" s="9" ph="1"/>
    </row>
    <row r="27555" spans="44:44" ht="15.75" customHeight="1" x14ac:dyDescent="0.15">
      <c r="AR27555" s="9" ph="1"/>
    </row>
    <row r="27556" spans="44:44" ht="15.75" customHeight="1" x14ac:dyDescent="0.15">
      <c r="AR27556" s="9" ph="1"/>
    </row>
    <row r="27557" spans="44:44" ht="15.75" customHeight="1" x14ac:dyDescent="0.15">
      <c r="AR27557" s="9" ph="1"/>
    </row>
    <row r="27559" spans="44:44" ht="15.75" customHeight="1" x14ac:dyDescent="0.15">
      <c r="AR27559" s="9" ph="1"/>
    </row>
    <row r="27560" spans="44:44" ht="15.75" customHeight="1" x14ac:dyDescent="0.15">
      <c r="AR27560" s="9" ph="1"/>
    </row>
    <row r="27561" spans="44:44" ht="15.75" customHeight="1" x14ac:dyDescent="0.15">
      <c r="AR27561" s="9" ph="1"/>
    </row>
    <row r="27563" spans="44:44" ht="15.75" customHeight="1" x14ac:dyDescent="0.15">
      <c r="AR27563" s="9" ph="1"/>
    </row>
    <row r="27564" spans="44:44" ht="15.75" customHeight="1" x14ac:dyDescent="0.15">
      <c r="AR27564" s="9" ph="1"/>
    </row>
    <row r="27565" spans="44:44" ht="15.75" customHeight="1" x14ac:dyDescent="0.15">
      <c r="AR27565" s="9" ph="1"/>
    </row>
    <row r="27566" spans="44:44" ht="15.75" customHeight="1" x14ac:dyDescent="0.15">
      <c r="AR27566" s="9" ph="1"/>
    </row>
    <row r="27567" spans="44:44" ht="15.75" customHeight="1" x14ac:dyDescent="0.15">
      <c r="AR27567" s="9" ph="1"/>
    </row>
    <row r="27568" spans="44:44" ht="15.75" customHeight="1" x14ac:dyDescent="0.15">
      <c r="AR27568" s="9" ph="1"/>
    </row>
    <row r="27569" spans="44:44" ht="15.75" customHeight="1" x14ac:dyDescent="0.15">
      <c r="AR27569" s="9" ph="1"/>
    </row>
    <row r="27576" spans="44:44" ht="15.75" customHeight="1" x14ac:dyDescent="0.15">
      <c r="AR27576" s="9" ph="1"/>
    </row>
    <row r="27577" spans="44:44" ht="15.75" customHeight="1" x14ac:dyDescent="0.15">
      <c r="AR27577" s="9" ph="1"/>
    </row>
    <row r="27579" spans="44:44" ht="15.75" customHeight="1" x14ac:dyDescent="0.15">
      <c r="AR27579" s="9" ph="1"/>
    </row>
    <row r="27586" spans="44:44" ht="15.75" customHeight="1" x14ac:dyDescent="0.15">
      <c r="AR27586" s="9" ph="1"/>
    </row>
    <row r="27597" spans="44:44" ht="15.75" customHeight="1" x14ac:dyDescent="0.15">
      <c r="AR27597" s="9" ph="1"/>
    </row>
    <row r="27604" spans="44:44" ht="15.75" customHeight="1" x14ac:dyDescent="0.15">
      <c r="AR27604" s="9" ph="1"/>
    </row>
    <row r="27608" spans="44:44" ht="15.75" customHeight="1" x14ac:dyDescent="0.15">
      <c r="AR27608" s="9" ph="1"/>
    </row>
    <row r="27615" spans="44:44" ht="15.75" customHeight="1" x14ac:dyDescent="0.15">
      <c r="AR27615" s="9" ph="1"/>
    </row>
    <row r="27622" spans="44:44" ht="15.75" customHeight="1" x14ac:dyDescent="0.15">
      <c r="AR27622" s="9" ph="1"/>
    </row>
    <row r="27629" spans="44:44" ht="15.75" customHeight="1" x14ac:dyDescent="0.15">
      <c r="AR27629" s="9" ph="1"/>
    </row>
    <row r="27630" spans="44:44" ht="15.75" customHeight="1" x14ac:dyDescent="0.15">
      <c r="AR27630" s="9" ph="1"/>
    </row>
    <row r="27632" spans="44:44" ht="15.75" customHeight="1" x14ac:dyDescent="0.15">
      <c r="AR27632" s="9" ph="1"/>
    </row>
    <row r="27639" spans="44:44" ht="15.75" customHeight="1" x14ac:dyDescent="0.15">
      <c r="AR27639" s="9" ph="1"/>
    </row>
    <row r="27650" spans="44:44" ht="15.75" customHeight="1" x14ac:dyDescent="0.15">
      <c r="AR27650" s="9" ph="1"/>
    </row>
    <row r="27657" spans="44:44" ht="15.75" customHeight="1" x14ac:dyDescent="0.15">
      <c r="AR27657" s="9" ph="1"/>
    </row>
    <row r="27658" spans="44:44" ht="15.75" customHeight="1" x14ac:dyDescent="0.15">
      <c r="AR27658" s="9" ph="1"/>
    </row>
    <row r="27659" spans="44:44" ht="15.75" customHeight="1" x14ac:dyDescent="0.15">
      <c r="AR27659" s="9" ph="1"/>
    </row>
    <row r="27660" spans="44:44" ht="15.75" customHeight="1" x14ac:dyDescent="0.15">
      <c r="AR27660" s="9" ph="1"/>
    </row>
    <row r="27661" spans="44:44" ht="15.75" customHeight="1" x14ac:dyDescent="0.15">
      <c r="AR27661" s="9" ph="1"/>
    </row>
    <row r="27662" spans="44:44" ht="15.75" customHeight="1" x14ac:dyDescent="0.15">
      <c r="AR27662" s="9" ph="1"/>
    </row>
    <row r="27663" spans="44:44" ht="15.75" customHeight="1" x14ac:dyDescent="0.15">
      <c r="AR27663" s="9" ph="1"/>
    </row>
    <row r="27664" spans="44:44" ht="15.75" customHeight="1" x14ac:dyDescent="0.15">
      <c r="AR27664" s="9" ph="1"/>
    </row>
    <row r="27666" spans="44:44" ht="15.75" customHeight="1" x14ac:dyDescent="0.15">
      <c r="AR27666" s="9" ph="1"/>
    </row>
    <row r="27673" spans="44:44" ht="15.75" customHeight="1" x14ac:dyDescent="0.15">
      <c r="AR27673" s="9" ph="1"/>
    </row>
    <row r="27677" spans="44:44" ht="15.75" customHeight="1" x14ac:dyDescent="0.15">
      <c r="AR27677" s="9" ph="1"/>
    </row>
    <row r="27684" spans="44:44" ht="15.75" customHeight="1" x14ac:dyDescent="0.15">
      <c r="AR27684" s="9" ph="1"/>
    </row>
    <row r="27691" spans="44:44" ht="15.75" customHeight="1" x14ac:dyDescent="0.15">
      <c r="AR27691" s="9" ph="1"/>
    </row>
    <row r="27698" spans="44:44" ht="15.75" customHeight="1" x14ac:dyDescent="0.15">
      <c r="AR27698" s="9" ph="1"/>
    </row>
    <row r="27699" spans="44:44" ht="15.75" customHeight="1" x14ac:dyDescent="0.15">
      <c r="AR27699" s="9" ph="1"/>
    </row>
    <row r="27701" spans="44:44" ht="15.75" customHeight="1" x14ac:dyDescent="0.15">
      <c r="AR27701" s="9" ph="1"/>
    </row>
    <row r="27708" spans="44:44" ht="15.75" customHeight="1" x14ac:dyDescent="0.15">
      <c r="AR27708" s="9" ph="1"/>
    </row>
    <row r="27719" spans="44:44" ht="15.75" customHeight="1" x14ac:dyDescent="0.15">
      <c r="AR27719" s="9" ph="1"/>
    </row>
    <row r="27726" spans="44:44" ht="15.75" customHeight="1" x14ac:dyDescent="0.15">
      <c r="AR27726" s="9" ph="1"/>
    </row>
    <row r="27727" spans="44:44" ht="15.75" customHeight="1" x14ac:dyDescent="0.15">
      <c r="AR27727" s="9" ph="1"/>
    </row>
    <row r="27728" spans="44:44" ht="15.75" customHeight="1" x14ac:dyDescent="0.15">
      <c r="AR27728" s="9" ph="1"/>
    </row>
    <row r="27729" spans="44:44" ht="15.75" customHeight="1" x14ac:dyDescent="0.15">
      <c r="AR27729" s="9" ph="1"/>
    </row>
    <row r="27730" spans="44:44" ht="15.75" customHeight="1" x14ac:dyDescent="0.15">
      <c r="AR27730" s="9" ph="1"/>
    </row>
    <row r="27731" spans="44:44" ht="15.75" customHeight="1" x14ac:dyDescent="0.15">
      <c r="AR27731" s="9" ph="1"/>
    </row>
    <row r="27732" spans="44:44" ht="15.75" customHeight="1" x14ac:dyDescent="0.15">
      <c r="AR27732" s="9" ph="1"/>
    </row>
    <row r="27733" spans="44:44" ht="15.75" customHeight="1" x14ac:dyDescent="0.15">
      <c r="AR27733" s="9" ph="1"/>
    </row>
    <row r="27735" spans="44:44" ht="15.75" customHeight="1" x14ac:dyDescent="0.15">
      <c r="AR27735" s="9" ph="1"/>
    </row>
    <row r="27736" spans="44:44" ht="15.75" customHeight="1" x14ac:dyDescent="0.15">
      <c r="AR27736" s="9" ph="1"/>
    </row>
    <row r="27737" spans="44:44" ht="15.75" customHeight="1" x14ac:dyDescent="0.15">
      <c r="AR27737" s="9" ph="1"/>
    </row>
    <row r="27738" spans="44:44" ht="15.75" customHeight="1" x14ac:dyDescent="0.15">
      <c r="AR27738" s="9" ph="1"/>
    </row>
    <row r="27745" spans="44:44" ht="15.75" customHeight="1" x14ac:dyDescent="0.15">
      <c r="AR27745" s="9" ph="1"/>
    </row>
    <row r="27746" spans="44:44" ht="15.75" customHeight="1" x14ac:dyDescent="0.15">
      <c r="AR27746" s="9" ph="1"/>
    </row>
    <row r="27747" spans="44:44" ht="15.75" customHeight="1" x14ac:dyDescent="0.15">
      <c r="AR27747" s="9" ph="1"/>
    </row>
    <row r="27748" spans="44:44" ht="15.75" customHeight="1" x14ac:dyDescent="0.15">
      <c r="AR27748" s="9" ph="1"/>
    </row>
    <row r="27749" spans="44:44" ht="15.75" customHeight="1" x14ac:dyDescent="0.15">
      <c r="AR27749" s="9" ph="1"/>
    </row>
    <row r="27750" spans="44:44" ht="15.75" customHeight="1" x14ac:dyDescent="0.15">
      <c r="AR27750" s="9" ph="1"/>
    </row>
    <row r="27751" spans="44:44" ht="15.75" customHeight="1" x14ac:dyDescent="0.15">
      <c r="AR27751" s="9" ph="1"/>
    </row>
    <row r="27752" spans="44:44" ht="15.75" customHeight="1" x14ac:dyDescent="0.15">
      <c r="AR27752" s="9" ph="1"/>
    </row>
    <row r="27754" spans="44:44" ht="15.75" customHeight="1" x14ac:dyDescent="0.15">
      <c r="AR27754" s="9" ph="1"/>
    </row>
    <row r="27755" spans="44:44" ht="15.75" customHeight="1" x14ac:dyDescent="0.15">
      <c r="AR27755" s="9" ph="1"/>
    </row>
    <row r="27756" spans="44:44" ht="15.75" customHeight="1" x14ac:dyDescent="0.15">
      <c r="AR27756" s="9" ph="1"/>
    </row>
    <row r="27758" spans="44:44" ht="15.75" customHeight="1" x14ac:dyDescent="0.15">
      <c r="AR27758" s="9" ph="1"/>
    </row>
    <row r="27759" spans="44:44" ht="15.75" customHeight="1" x14ac:dyDescent="0.15">
      <c r="AR27759" s="9" ph="1"/>
    </row>
    <row r="27760" spans="44:44" ht="15.75" customHeight="1" x14ac:dyDescent="0.15">
      <c r="AR27760" s="9" ph="1"/>
    </row>
    <row r="27761" spans="44:44" ht="15.75" customHeight="1" x14ac:dyDescent="0.15">
      <c r="AR27761" s="9" ph="1"/>
    </row>
    <row r="27762" spans="44:44" ht="15.75" customHeight="1" x14ac:dyDescent="0.15">
      <c r="AR27762" s="9" ph="1"/>
    </row>
    <row r="27763" spans="44:44" ht="15.75" customHeight="1" x14ac:dyDescent="0.15">
      <c r="AR27763" s="9" ph="1"/>
    </row>
    <row r="27764" spans="44:44" ht="15.75" customHeight="1" x14ac:dyDescent="0.15">
      <c r="AR27764" s="9" ph="1"/>
    </row>
    <row r="27765" spans="44:44" ht="15.75" customHeight="1" x14ac:dyDescent="0.15">
      <c r="AR27765" s="9" ph="1"/>
    </row>
    <row r="27766" spans="44:44" ht="15.75" customHeight="1" x14ac:dyDescent="0.15">
      <c r="AR27766" s="9" ph="1"/>
    </row>
    <row r="27767" spans="44:44" ht="15.75" customHeight="1" x14ac:dyDescent="0.15">
      <c r="AR27767" s="9" ph="1"/>
    </row>
    <row r="27768" spans="44:44" ht="15.75" customHeight="1" x14ac:dyDescent="0.15">
      <c r="AR27768" s="9" ph="1"/>
    </row>
    <row r="27769" spans="44:44" ht="15.75" customHeight="1" x14ac:dyDescent="0.15">
      <c r="AR27769" s="9" ph="1"/>
    </row>
    <row r="27770" spans="44:44" ht="15.75" customHeight="1" x14ac:dyDescent="0.15">
      <c r="AR27770" s="9" ph="1"/>
    </row>
    <row r="27772" spans="44:44" ht="15.75" customHeight="1" x14ac:dyDescent="0.15">
      <c r="AR27772" s="9" ph="1"/>
    </row>
    <row r="27773" spans="44:44" ht="15.75" customHeight="1" x14ac:dyDescent="0.15">
      <c r="AR27773" s="9" ph="1"/>
    </row>
    <row r="27774" spans="44:44" ht="15.75" customHeight="1" x14ac:dyDescent="0.15">
      <c r="AR27774" s="9" ph="1"/>
    </row>
    <row r="27776" spans="44:44" ht="15.75" customHeight="1" x14ac:dyDescent="0.15">
      <c r="AR27776" s="9" ph="1"/>
    </row>
    <row r="27777" spans="44:44" ht="15.75" customHeight="1" x14ac:dyDescent="0.15">
      <c r="AR27777" s="9" ph="1"/>
    </row>
    <row r="27778" spans="44:44" ht="15.75" customHeight="1" x14ac:dyDescent="0.15">
      <c r="AR27778" s="9" ph="1"/>
    </row>
    <row r="27779" spans="44:44" ht="15.75" customHeight="1" x14ac:dyDescent="0.15">
      <c r="AR27779" s="9" ph="1"/>
    </row>
    <row r="27780" spans="44:44" ht="15.75" customHeight="1" x14ac:dyDescent="0.15">
      <c r="AR27780" s="9" ph="1"/>
    </row>
    <row r="27781" spans="44:44" ht="15.75" customHeight="1" x14ac:dyDescent="0.15">
      <c r="AR27781" s="9" ph="1"/>
    </row>
    <row r="27783" spans="44:44" ht="15.75" customHeight="1" x14ac:dyDescent="0.15">
      <c r="AR27783" s="9" ph="1"/>
    </row>
    <row r="27784" spans="44:44" ht="15.75" customHeight="1" x14ac:dyDescent="0.15">
      <c r="AR27784" s="9" ph="1"/>
    </row>
    <row r="27785" spans="44:44" ht="15.75" customHeight="1" x14ac:dyDescent="0.15">
      <c r="AR27785" s="9" ph="1"/>
    </row>
    <row r="27786" spans="44:44" ht="15.75" customHeight="1" x14ac:dyDescent="0.15">
      <c r="AR27786" s="9" ph="1"/>
    </row>
    <row r="27787" spans="44:44" ht="15.75" customHeight="1" x14ac:dyDescent="0.15">
      <c r="AR27787" s="9" ph="1"/>
    </row>
    <row r="27788" spans="44:44" ht="15.75" customHeight="1" x14ac:dyDescent="0.15">
      <c r="AR27788" s="9" ph="1"/>
    </row>
    <row r="27789" spans="44:44" ht="15.75" customHeight="1" x14ac:dyDescent="0.15">
      <c r="AR27789" s="9" ph="1"/>
    </row>
    <row r="27790" spans="44:44" ht="15.75" customHeight="1" x14ac:dyDescent="0.15">
      <c r="AR27790" s="9" ph="1"/>
    </row>
    <row r="27791" spans="44:44" ht="15.75" customHeight="1" x14ac:dyDescent="0.15">
      <c r="AR27791" s="9" ph="1"/>
    </row>
    <row r="27792" spans="44:44" ht="15.75" customHeight="1" x14ac:dyDescent="0.15">
      <c r="AR27792" s="9" ph="1"/>
    </row>
    <row r="27793" spans="44:44" ht="15.75" customHeight="1" x14ac:dyDescent="0.15">
      <c r="AR27793" s="9" ph="1"/>
    </row>
    <row r="27794" spans="44:44" ht="15.75" customHeight="1" x14ac:dyDescent="0.15">
      <c r="AR27794" s="9" ph="1"/>
    </row>
    <row r="27795" spans="44:44" ht="15.75" customHeight="1" x14ac:dyDescent="0.15">
      <c r="AR27795" s="9" ph="1"/>
    </row>
    <row r="27797" spans="44:44" ht="15.75" customHeight="1" x14ac:dyDescent="0.15">
      <c r="AR27797" s="9" ph="1"/>
    </row>
    <row r="27798" spans="44:44" ht="15.75" customHeight="1" x14ac:dyDescent="0.15">
      <c r="AR27798" s="9" ph="1"/>
    </row>
    <row r="27799" spans="44:44" ht="15.75" customHeight="1" x14ac:dyDescent="0.15">
      <c r="AR27799" s="9" ph="1"/>
    </row>
    <row r="27801" spans="44:44" ht="15.75" customHeight="1" x14ac:dyDescent="0.15">
      <c r="AR27801" s="9" ph="1"/>
    </row>
    <row r="27802" spans="44:44" ht="15.75" customHeight="1" x14ac:dyDescent="0.15">
      <c r="AR27802" s="9" ph="1"/>
    </row>
    <row r="27803" spans="44:44" ht="15.75" customHeight="1" x14ac:dyDescent="0.15">
      <c r="AR27803" s="9" ph="1"/>
    </row>
    <row r="27804" spans="44:44" ht="15.75" customHeight="1" x14ac:dyDescent="0.15">
      <c r="AR27804" s="9" ph="1"/>
    </row>
    <row r="27805" spans="44:44" ht="15.75" customHeight="1" x14ac:dyDescent="0.15">
      <c r="AR27805" s="9" ph="1"/>
    </row>
    <row r="27806" spans="44:44" ht="15.75" customHeight="1" x14ac:dyDescent="0.15">
      <c r="AR27806" s="9" ph="1"/>
    </row>
    <row r="27807" spans="44:44" ht="15.75" customHeight="1" x14ac:dyDescent="0.15">
      <c r="AR27807" s="9" ph="1"/>
    </row>
    <row r="27808" spans="44:44" ht="15.75" customHeight="1" x14ac:dyDescent="0.15">
      <c r="AR27808" s="9" ph="1"/>
    </row>
    <row r="27809" spans="44:44" ht="15.75" customHeight="1" x14ac:dyDescent="0.15">
      <c r="AR27809" s="9" ph="1"/>
    </row>
    <row r="27810" spans="44:44" ht="15.75" customHeight="1" x14ac:dyDescent="0.15">
      <c r="AR27810" s="9" ph="1"/>
    </row>
    <row r="27811" spans="44:44" ht="15.75" customHeight="1" x14ac:dyDescent="0.15">
      <c r="AR27811" s="9" ph="1"/>
    </row>
    <row r="27812" spans="44:44" ht="15.75" customHeight="1" x14ac:dyDescent="0.15">
      <c r="AR27812" s="9" ph="1"/>
    </row>
    <row r="27813" spans="44:44" ht="15.75" customHeight="1" x14ac:dyDescent="0.15">
      <c r="AR27813" s="9" ph="1"/>
    </row>
    <row r="27814" spans="44:44" ht="15.75" customHeight="1" x14ac:dyDescent="0.15">
      <c r="AR27814" s="9" ph="1"/>
    </row>
    <row r="27815" spans="44:44" ht="15.75" customHeight="1" x14ac:dyDescent="0.15">
      <c r="AR27815" s="9" ph="1"/>
    </row>
    <row r="27816" spans="44:44" ht="15.75" customHeight="1" x14ac:dyDescent="0.15">
      <c r="AR27816" s="9" ph="1"/>
    </row>
    <row r="27818" spans="44:44" ht="15.75" customHeight="1" x14ac:dyDescent="0.15">
      <c r="AR27818" s="9" ph="1"/>
    </row>
    <row r="27819" spans="44:44" ht="15.75" customHeight="1" x14ac:dyDescent="0.15">
      <c r="AR27819" s="9" ph="1"/>
    </row>
    <row r="27820" spans="44:44" ht="15.75" customHeight="1" x14ac:dyDescent="0.15">
      <c r="AR27820" s="9" ph="1"/>
    </row>
    <row r="27822" spans="44:44" ht="15.75" customHeight="1" x14ac:dyDescent="0.15">
      <c r="AR27822" s="9" ph="1"/>
    </row>
    <row r="27823" spans="44:44" ht="15.75" customHeight="1" x14ac:dyDescent="0.15">
      <c r="AR27823" s="9" ph="1"/>
    </row>
    <row r="27824" spans="44:44" ht="15.75" customHeight="1" x14ac:dyDescent="0.15">
      <c r="AR27824" s="9" ph="1"/>
    </row>
    <row r="27825" spans="44:44" ht="15.75" customHeight="1" x14ac:dyDescent="0.15">
      <c r="AR27825" s="9" ph="1"/>
    </row>
    <row r="27826" spans="44:44" ht="15.75" customHeight="1" x14ac:dyDescent="0.15">
      <c r="AR27826" s="9" ph="1"/>
    </row>
    <row r="27827" spans="44:44" ht="15.75" customHeight="1" x14ac:dyDescent="0.15">
      <c r="AR27827" s="9" ph="1"/>
    </row>
    <row r="27828" spans="44:44" ht="15.75" customHeight="1" x14ac:dyDescent="0.15">
      <c r="AR27828" s="9" ph="1"/>
    </row>
    <row r="27829" spans="44:44" ht="15.75" customHeight="1" x14ac:dyDescent="0.15">
      <c r="AR27829" s="9" ph="1"/>
    </row>
    <row r="27831" spans="44:44" ht="15.75" customHeight="1" x14ac:dyDescent="0.15">
      <c r="AR27831" s="9" ph="1"/>
    </row>
    <row r="27832" spans="44:44" ht="15.75" customHeight="1" x14ac:dyDescent="0.15">
      <c r="AR27832" s="9" ph="1"/>
    </row>
    <row r="27833" spans="44:44" ht="15.75" customHeight="1" x14ac:dyDescent="0.15">
      <c r="AR27833" s="9" ph="1"/>
    </row>
    <row r="27834" spans="44:44" ht="15.75" customHeight="1" x14ac:dyDescent="0.15">
      <c r="AR27834" s="9" ph="1"/>
    </row>
    <row r="27835" spans="44:44" ht="15.75" customHeight="1" x14ac:dyDescent="0.15">
      <c r="AR27835" s="9" ph="1"/>
    </row>
    <row r="27836" spans="44:44" ht="15.75" customHeight="1" x14ac:dyDescent="0.15">
      <c r="AR27836" s="9" ph="1"/>
    </row>
    <row r="27837" spans="44:44" ht="15.75" customHeight="1" x14ac:dyDescent="0.15">
      <c r="AR27837" s="9" ph="1"/>
    </row>
    <row r="27838" spans="44:44" ht="15.75" customHeight="1" x14ac:dyDescent="0.15">
      <c r="AR27838" s="9" ph="1"/>
    </row>
    <row r="27840" spans="44:44" ht="15.75" customHeight="1" x14ac:dyDescent="0.15">
      <c r="AR27840" s="9" ph="1"/>
    </row>
    <row r="27841" spans="44:44" ht="15.75" customHeight="1" x14ac:dyDescent="0.15">
      <c r="AR27841" s="9" ph="1"/>
    </row>
    <row r="27842" spans="44:44" ht="15.75" customHeight="1" x14ac:dyDescent="0.15">
      <c r="AR27842" s="9" ph="1"/>
    </row>
    <row r="27843" spans="44:44" ht="15.75" customHeight="1" x14ac:dyDescent="0.15">
      <c r="AR27843" s="9" ph="1"/>
    </row>
    <row r="27844" spans="44:44" ht="15.75" customHeight="1" x14ac:dyDescent="0.15">
      <c r="AR27844" s="9" ph="1"/>
    </row>
    <row r="27845" spans="44:44" ht="15.75" customHeight="1" x14ac:dyDescent="0.15">
      <c r="AR27845" s="9" ph="1"/>
    </row>
    <row r="27847" spans="44:44" ht="15.75" customHeight="1" x14ac:dyDescent="0.15">
      <c r="AR27847" s="9" ph="1"/>
    </row>
    <row r="27848" spans="44:44" ht="15.75" customHeight="1" x14ac:dyDescent="0.15">
      <c r="AR27848" s="9" ph="1"/>
    </row>
    <row r="27849" spans="44:44" ht="15.75" customHeight="1" x14ac:dyDescent="0.15">
      <c r="AR27849" s="9" ph="1"/>
    </row>
    <row r="27850" spans="44:44" ht="15.75" customHeight="1" x14ac:dyDescent="0.15">
      <c r="AR27850" s="9" ph="1"/>
    </row>
    <row r="27851" spans="44:44" ht="15.75" customHeight="1" x14ac:dyDescent="0.15">
      <c r="AR27851" s="9" ph="1"/>
    </row>
    <row r="27852" spans="44:44" ht="15.75" customHeight="1" x14ac:dyDescent="0.15">
      <c r="AR27852" s="9" ph="1"/>
    </row>
    <row r="27853" spans="44:44" ht="15.75" customHeight="1" x14ac:dyDescent="0.15">
      <c r="AR27853" s="9" ph="1"/>
    </row>
    <row r="27860" spans="44:44" ht="15.75" customHeight="1" x14ac:dyDescent="0.15">
      <c r="AR27860" s="9" ph="1"/>
    </row>
    <row r="27861" spans="44:44" ht="15.75" customHeight="1" x14ac:dyDescent="0.15">
      <c r="AR27861" s="9" ph="1"/>
    </row>
    <row r="27863" spans="44:44" ht="15.75" customHeight="1" x14ac:dyDescent="0.15">
      <c r="AR27863" s="9" ph="1"/>
    </row>
    <row r="27870" spans="44:44" ht="15.75" customHeight="1" x14ac:dyDescent="0.15">
      <c r="AR27870" s="9" ph="1"/>
    </row>
    <row r="27881" spans="44:44" ht="15.75" customHeight="1" x14ac:dyDescent="0.15">
      <c r="AR27881" s="9" ph="1"/>
    </row>
    <row r="27888" spans="44:44" ht="15.75" customHeight="1" x14ac:dyDescent="0.15">
      <c r="AR27888" s="9" ph="1"/>
    </row>
    <row r="27892" spans="44:44" ht="15.75" customHeight="1" x14ac:dyDescent="0.15">
      <c r="AR27892" s="9" ph="1"/>
    </row>
    <row r="27899" spans="44:44" ht="15.75" customHeight="1" x14ac:dyDescent="0.15">
      <c r="AR27899" s="9" ph="1"/>
    </row>
    <row r="27906" spans="44:44" ht="15.75" customHeight="1" x14ac:dyDescent="0.15">
      <c r="AR27906" s="9" ph="1"/>
    </row>
    <row r="27913" spans="44:44" ht="15.75" customHeight="1" x14ac:dyDescent="0.15">
      <c r="AR27913" s="9" ph="1"/>
    </row>
    <row r="27914" spans="44:44" ht="15.75" customHeight="1" x14ac:dyDescent="0.15">
      <c r="AR27914" s="9" ph="1"/>
    </row>
    <row r="27916" spans="44:44" ht="15.75" customHeight="1" x14ac:dyDescent="0.15">
      <c r="AR27916" s="9" ph="1"/>
    </row>
    <row r="27923" spans="44:44" ht="15.75" customHeight="1" x14ac:dyDescent="0.15">
      <c r="AR27923" s="9" ph="1"/>
    </row>
    <row r="27934" spans="44:44" ht="15.75" customHeight="1" x14ac:dyDescent="0.15">
      <c r="AR27934" s="9" ph="1"/>
    </row>
    <row r="27941" spans="44:44" ht="15.75" customHeight="1" x14ac:dyDescent="0.15">
      <c r="AR27941" s="9" ph="1"/>
    </row>
    <row r="27942" spans="44:44" ht="15.75" customHeight="1" x14ac:dyDescent="0.15">
      <c r="AR27942" s="9" ph="1"/>
    </row>
    <row r="27943" spans="44:44" ht="15.75" customHeight="1" x14ac:dyDescent="0.15">
      <c r="AR27943" s="9" ph="1"/>
    </row>
    <row r="27944" spans="44:44" ht="15.75" customHeight="1" x14ac:dyDescent="0.15">
      <c r="AR27944" s="9" ph="1"/>
    </row>
    <row r="27945" spans="44:44" ht="15.75" customHeight="1" x14ac:dyDescent="0.15">
      <c r="AR27945" s="9" ph="1"/>
    </row>
    <row r="27946" spans="44:44" ht="15.75" customHeight="1" x14ac:dyDescent="0.15">
      <c r="AR27946" s="9" ph="1"/>
    </row>
    <row r="27947" spans="44:44" ht="15.75" customHeight="1" x14ac:dyDescent="0.15">
      <c r="AR27947" s="9" ph="1"/>
    </row>
    <row r="27948" spans="44:44" ht="15.75" customHeight="1" x14ac:dyDescent="0.15">
      <c r="AR27948" s="9" ph="1"/>
    </row>
    <row r="27950" spans="44:44" ht="15.75" customHeight="1" x14ac:dyDescent="0.15">
      <c r="AR27950" s="9" ph="1"/>
    </row>
    <row r="27957" spans="44:44" ht="15.75" customHeight="1" x14ac:dyDescent="0.15">
      <c r="AR27957" s="9" ph="1"/>
    </row>
    <row r="27961" spans="44:44" ht="15.75" customHeight="1" x14ac:dyDescent="0.15">
      <c r="AR27961" s="9" ph="1"/>
    </row>
    <row r="27968" spans="44:44" ht="15.75" customHeight="1" x14ac:dyDescent="0.15">
      <c r="AR27968" s="9" ph="1"/>
    </row>
    <row r="27975" spans="44:44" ht="15.75" customHeight="1" x14ac:dyDescent="0.15">
      <c r="AR27975" s="9" ph="1"/>
    </row>
    <row r="27982" spans="44:44" ht="15.75" customHeight="1" x14ac:dyDescent="0.15">
      <c r="AR27982" s="9" ph="1"/>
    </row>
    <row r="27983" spans="44:44" ht="15.75" customHeight="1" x14ac:dyDescent="0.15">
      <c r="AR27983" s="9" ph="1"/>
    </row>
    <row r="27985" spans="44:44" ht="15.75" customHeight="1" x14ac:dyDescent="0.15">
      <c r="AR27985" s="9" ph="1"/>
    </row>
    <row r="27992" spans="44:44" ht="15.75" customHeight="1" x14ac:dyDescent="0.15">
      <c r="AR27992" s="9" ph="1"/>
    </row>
    <row r="28003" spans="44:44" ht="15.75" customHeight="1" x14ac:dyDescent="0.15">
      <c r="AR28003" s="9" ph="1"/>
    </row>
    <row r="28010" spans="44:44" ht="15.75" customHeight="1" x14ac:dyDescent="0.15">
      <c r="AR28010" s="9" ph="1"/>
    </row>
    <row r="28011" spans="44:44" ht="15.75" customHeight="1" x14ac:dyDescent="0.15">
      <c r="AR28011" s="9" ph="1"/>
    </row>
    <row r="28012" spans="44:44" ht="15.75" customHeight="1" x14ac:dyDescent="0.15">
      <c r="AR28012" s="9" ph="1"/>
    </row>
    <row r="28013" spans="44:44" ht="15.75" customHeight="1" x14ac:dyDescent="0.15">
      <c r="AR28013" s="9" ph="1"/>
    </row>
    <row r="28014" spans="44:44" ht="15.75" customHeight="1" x14ac:dyDescent="0.15">
      <c r="AR28014" s="9" ph="1"/>
    </row>
    <row r="28015" spans="44:44" ht="15.75" customHeight="1" x14ac:dyDescent="0.15">
      <c r="AR28015" s="9" ph="1"/>
    </row>
    <row r="28016" spans="44:44" ht="15.75" customHeight="1" x14ac:dyDescent="0.15">
      <c r="AR28016" s="9" ph="1"/>
    </row>
    <row r="28017" spans="44:44" ht="15.75" customHeight="1" x14ac:dyDescent="0.15">
      <c r="AR28017" s="9" ph="1"/>
    </row>
    <row r="28019" spans="44:44" ht="15.75" customHeight="1" x14ac:dyDescent="0.15">
      <c r="AR28019" s="9" ph="1"/>
    </row>
    <row r="28020" spans="44:44" ht="15.75" customHeight="1" x14ac:dyDescent="0.15">
      <c r="AR28020" s="9" ph="1"/>
    </row>
    <row r="28021" spans="44:44" ht="15.75" customHeight="1" x14ac:dyDescent="0.15">
      <c r="AR28021" s="9" ph="1"/>
    </row>
    <row r="28022" spans="44:44" ht="15.75" customHeight="1" x14ac:dyDescent="0.15">
      <c r="AR28022" s="9" ph="1"/>
    </row>
    <row r="28029" spans="44:44" ht="15.75" customHeight="1" x14ac:dyDescent="0.15">
      <c r="AR28029" s="9" ph="1"/>
    </row>
    <row r="28030" spans="44:44" ht="15.75" customHeight="1" x14ac:dyDescent="0.15">
      <c r="AR28030" s="9" ph="1"/>
    </row>
    <row r="28031" spans="44:44" ht="15.75" customHeight="1" x14ac:dyDescent="0.15">
      <c r="AR28031" s="9" ph="1"/>
    </row>
    <row r="28032" spans="44:44" ht="15.75" customHeight="1" x14ac:dyDescent="0.15">
      <c r="AR28032" s="9" ph="1"/>
    </row>
    <row r="28033" spans="44:44" ht="15.75" customHeight="1" x14ac:dyDescent="0.15">
      <c r="AR28033" s="9" ph="1"/>
    </row>
    <row r="28034" spans="44:44" ht="15.75" customHeight="1" x14ac:dyDescent="0.15">
      <c r="AR28034" s="9" ph="1"/>
    </row>
    <row r="28035" spans="44:44" ht="15.75" customHeight="1" x14ac:dyDescent="0.15">
      <c r="AR28035" s="9" ph="1"/>
    </row>
    <row r="28036" spans="44:44" ht="15.75" customHeight="1" x14ac:dyDescent="0.15">
      <c r="AR28036" s="9" ph="1"/>
    </row>
    <row r="28038" spans="44:44" ht="15.75" customHeight="1" x14ac:dyDescent="0.15">
      <c r="AR28038" s="9" ph="1"/>
    </row>
    <row r="28039" spans="44:44" ht="15.75" customHeight="1" x14ac:dyDescent="0.15">
      <c r="AR28039" s="9" ph="1"/>
    </row>
    <row r="28040" spans="44:44" ht="15.75" customHeight="1" x14ac:dyDescent="0.15">
      <c r="AR28040" s="9" ph="1"/>
    </row>
    <row r="28042" spans="44:44" ht="15.75" customHeight="1" x14ac:dyDescent="0.15">
      <c r="AR28042" s="9" ph="1"/>
    </row>
    <row r="28043" spans="44:44" ht="15.75" customHeight="1" x14ac:dyDescent="0.15">
      <c r="AR28043" s="9" ph="1"/>
    </row>
    <row r="28044" spans="44:44" ht="15.75" customHeight="1" x14ac:dyDescent="0.15">
      <c r="AR28044" s="9" ph="1"/>
    </row>
    <row r="28045" spans="44:44" ht="15.75" customHeight="1" x14ac:dyDescent="0.15">
      <c r="AR28045" s="9" ph="1"/>
    </row>
    <row r="28046" spans="44:44" ht="15.75" customHeight="1" x14ac:dyDescent="0.15">
      <c r="AR28046" s="9" ph="1"/>
    </row>
    <row r="28047" spans="44:44" ht="15.75" customHeight="1" x14ac:dyDescent="0.15">
      <c r="AR28047" s="9" ph="1"/>
    </row>
    <row r="28048" spans="44:44" ht="15.75" customHeight="1" x14ac:dyDescent="0.15">
      <c r="AR28048" s="9" ph="1"/>
    </row>
    <row r="28049" spans="44:44" ht="15.75" customHeight="1" x14ac:dyDescent="0.15">
      <c r="AR28049" s="9" ph="1"/>
    </row>
    <row r="28050" spans="44:44" ht="15.75" customHeight="1" x14ac:dyDescent="0.15">
      <c r="AR28050" s="9" ph="1"/>
    </row>
    <row r="28051" spans="44:44" ht="15.75" customHeight="1" x14ac:dyDescent="0.15">
      <c r="AR28051" s="9" ph="1"/>
    </row>
    <row r="28052" spans="44:44" ht="15.75" customHeight="1" x14ac:dyDescent="0.15">
      <c r="AR28052" s="9" ph="1"/>
    </row>
    <row r="28053" spans="44:44" ht="15.75" customHeight="1" x14ac:dyDescent="0.15">
      <c r="AR28053" s="9" ph="1"/>
    </row>
    <row r="28054" spans="44:44" ht="15.75" customHeight="1" x14ac:dyDescent="0.15">
      <c r="AR28054" s="9" ph="1"/>
    </row>
    <row r="28056" spans="44:44" ht="15.75" customHeight="1" x14ac:dyDescent="0.15">
      <c r="AR28056" s="9" ph="1"/>
    </row>
    <row r="28057" spans="44:44" ht="15.75" customHeight="1" x14ac:dyDescent="0.15">
      <c r="AR28057" s="9" ph="1"/>
    </row>
    <row r="28058" spans="44:44" ht="15.75" customHeight="1" x14ac:dyDescent="0.15">
      <c r="AR28058" s="9" ph="1"/>
    </row>
    <row r="28060" spans="44:44" ht="15.75" customHeight="1" x14ac:dyDescent="0.15">
      <c r="AR28060" s="9" ph="1"/>
    </row>
    <row r="28061" spans="44:44" ht="15.75" customHeight="1" x14ac:dyDescent="0.15">
      <c r="AR28061" s="9" ph="1"/>
    </row>
    <row r="28062" spans="44:44" ht="15.75" customHeight="1" x14ac:dyDescent="0.15">
      <c r="AR28062" s="9" ph="1"/>
    </row>
    <row r="28063" spans="44:44" ht="15.75" customHeight="1" x14ac:dyDescent="0.15">
      <c r="AR28063" s="9" ph="1"/>
    </row>
    <row r="28064" spans="44:44" ht="15.75" customHeight="1" x14ac:dyDescent="0.15">
      <c r="AR28064" s="9" ph="1"/>
    </row>
    <row r="28065" spans="44:44" ht="15.75" customHeight="1" x14ac:dyDescent="0.15">
      <c r="AR28065" s="9" ph="1"/>
    </row>
    <row r="28067" spans="44:44" ht="15.75" customHeight="1" x14ac:dyDescent="0.15">
      <c r="AR28067" s="9" ph="1"/>
    </row>
    <row r="28068" spans="44:44" ht="15.75" customHeight="1" x14ac:dyDescent="0.15">
      <c r="AR28068" s="9" ph="1"/>
    </row>
    <row r="28069" spans="44:44" ht="15.75" customHeight="1" x14ac:dyDescent="0.15">
      <c r="AR28069" s="9" ph="1"/>
    </row>
    <row r="28070" spans="44:44" ht="15.75" customHeight="1" x14ac:dyDescent="0.15">
      <c r="AR28070" s="9" ph="1"/>
    </row>
    <row r="28071" spans="44:44" ht="15.75" customHeight="1" x14ac:dyDescent="0.15">
      <c r="AR28071" s="9" ph="1"/>
    </row>
    <row r="28072" spans="44:44" ht="15.75" customHeight="1" x14ac:dyDescent="0.15">
      <c r="AR28072" s="9" ph="1"/>
    </row>
    <row r="28073" spans="44:44" ht="15.75" customHeight="1" x14ac:dyDescent="0.15">
      <c r="AR28073" s="9" ph="1"/>
    </row>
    <row r="28074" spans="44:44" ht="15.75" customHeight="1" x14ac:dyDescent="0.15">
      <c r="AR28074" s="9" ph="1"/>
    </row>
    <row r="28075" spans="44:44" ht="15.75" customHeight="1" x14ac:dyDescent="0.15">
      <c r="AR28075" s="9" ph="1"/>
    </row>
    <row r="28076" spans="44:44" ht="15.75" customHeight="1" x14ac:dyDescent="0.15">
      <c r="AR28076" s="9" ph="1"/>
    </row>
    <row r="28077" spans="44:44" ht="15.75" customHeight="1" x14ac:dyDescent="0.15">
      <c r="AR28077" s="9" ph="1"/>
    </row>
    <row r="28078" spans="44:44" ht="15.75" customHeight="1" x14ac:dyDescent="0.15">
      <c r="AR28078" s="9" ph="1"/>
    </row>
    <row r="28079" spans="44:44" ht="15.75" customHeight="1" x14ac:dyDescent="0.15">
      <c r="AR28079" s="9" ph="1"/>
    </row>
    <row r="28081" spans="44:44" ht="15.75" customHeight="1" x14ac:dyDescent="0.15">
      <c r="AR28081" s="9" ph="1"/>
    </row>
    <row r="28082" spans="44:44" ht="15.75" customHeight="1" x14ac:dyDescent="0.15">
      <c r="AR28082" s="9" ph="1"/>
    </row>
    <row r="28083" spans="44:44" ht="15.75" customHeight="1" x14ac:dyDescent="0.15">
      <c r="AR28083" s="9" ph="1"/>
    </row>
    <row r="28085" spans="44:44" ht="15.75" customHeight="1" x14ac:dyDescent="0.15">
      <c r="AR28085" s="9" ph="1"/>
    </row>
    <row r="28086" spans="44:44" ht="15.75" customHeight="1" x14ac:dyDescent="0.15">
      <c r="AR28086" s="9" ph="1"/>
    </row>
    <row r="28087" spans="44:44" ht="15.75" customHeight="1" x14ac:dyDescent="0.15">
      <c r="AR28087" s="9" ph="1"/>
    </row>
    <row r="28088" spans="44:44" ht="15.75" customHeight="1" x14ac:dyDescent="0.15">
      <c r="AR28088" s="9" ph="1"/>
    </row>
    <row r="28089" spans="44:44" ht="15.75" customHeight="1" x14ac:dyDescent="0.15">
      <c r="AR28089" s="9" ph="1"/>
    </row>
    <row r="28090" spans="44:44" ht="15.75" customHeight="1" x14ac:dyDescent="0.15">
      <c r="AR28090" s="9" ph="1"/>
    </row>
    <row r="28091" spans="44:44" ht="15.75" customHeight="1" x14ac:dyDescent="0.15">
      <c r="AR28091" s="9" ph="1"/>
    </row>
    <row r="28092" spans="44:44" ht="15.75" customHeight="1" x14ac:dyDescent="0.15">
      <c r="AR28092" s="9" ph="1"/>
    </row>
    <row r="28093" spans="44:44" ht="15.75" customHeight="1" x14ac:dyDescent="0.15">
      <c r="AR28093" s="9" ph="1"/>
    </row>
    <row r="28094" spans="44:44" ht="15.75" customHeight="1" x14ac:dyDescent="0.15">
      <c r="AR28094" s="9" ph="1"/>
    </row>
    <row r="28095" spans="44:44" ht="15.75" customHeight="1" x14ac:dyDescent="0.15">
      <c r="AR28095" s="9" ph="1"/>
    </row>
    <row r="28096" spans="44:44" ht="15.75" customHeight="1" x14ac:dyDescent="0.15">
      <c r="AR28096" s="9" ph="1"/>
    </row>
    <row r="28097" spans="44:44" ht="15.75" customHeight="1" x14ac:dyDescent="0.15">
      <c r="AR28097" s="9" ph="1"/>
    </row>
    <row r="28098" spans="44:44" ht="15.75" customHeight="1" x14ac:dyDescent="0.15">
      <c r="AR28098" s="9" ph="1"/>
    </row>
    <row r="28099" spans="44:44" ht="15.75" customHeight="1" x14ac:dyDescent="0.15">
      <c r="AR28099" s="9" ph="1"/>
    </row>
    <row r="28100" spans="44:44" ht="15.75" customHeight="1" x14ac:dyDescent="0.15">
      <c r="AR28100" s="9" ph="1"/>
    </row>
    <row r="28102" spans="44:44" ht="15.75" customHeight="1" x14ac:dyDescent="0.15">
      <c r="AR28102" s="9" ph="1"/>
    </row>
    <row r="28103" spans="44:44" ht="15.75" customHeight="1" x14ac:dyDescent="0.15">
      <c r="AR28103" s="9" ph="1"/>
    </row>
    <row r="28104" spans="44:44" ht="15.75" customHeight="1" x14ac:dyDescent="0.15">
      <c r="AR28104" s="9" ph="1"/>
    </row>
    <row r="28106" spans="44:44" ht="15.75" customHeight="1" x14ac:dyDescent="0.15">
      <c r="AR28106" s="9" ph="1"/>
    </row>
    <row r="28107" spans="44:44" ht="15.75" customHeight="1" x14ac:dyDescent="0.15">
      <c r="AR28107" s="9" ph="1"/>
    </row>
    <row r="28108" spans="44:44" ht="15.75" customHeight="1" x14ac:dyDescent="0.15">
      <c r="AR28108" s="9" ph="1"/>
    </row>
    <row r="28109" spans="44:44" ht="15.75" customHeight="1" x14ac:dyDescent="0.15">
      <c r="AR28109" s="9" ph="1"/>
    </row>
    <row r="28110" spans="44:44" ht="15.75" customHeight="1" x14ac:dyDescent="0.15">
      <c r="AR28110" s="9" ph="1"/>
    </row>
    <row r="28111" spans="44:44" ht="15.75" customHeight="1" x14ac:dyDescent="0.15">
      <c r="AR28111" s="9" ph="1"/>
    </row>
    <row r="28112" spans="44:44" ht="15.75" customHeight="1" x14ac:dyDescent="0.15">
      <c r="AR28112" s="9" ph="1"/>
    </row>
    <row r="28113" spans="44:44" ht="15.75" customHeight="1" x14ac:dyDescent="0.15">
      <c r="AR28113" s="9" ph="1"/>
    </row>
    <row r="28115" spans="44:44" ht="15.75" customHeight="1" x14ac:dyDescent="0.15">
      <c r="AR28115" s="9" ph="1"/>
    </row>
    <row r="28116" spans="44:44" ht="15.75" customHeight="1" x14ac:dyDescent="0.15">
      <c r="AR28116" s="9" ph="1"/>
    </row>
    <row r="28117" spans="44:44" ht="15.75" customHeight="1" x14ac:dyDescent="0.15">
      <c r="AR28117" s="9" ph="1"/>
    </row>
    <row r="28118" spans="44:44" ht="15.75" customHeight="1" x14ac:dyDescent="0.15">
      <c r="AR28118" s="9" ph="1"/>
    </row>
    <row r="28119" spans="44:44" ht="15.75" customHeight="1" x14ac:dyDescent="0.15">
      <c r="AR28119" s="9" ph="1"/>
    </row>
    <row r="28120" spans="44:44" ht="15.75" customHeight="1" x14ac:dyDescent="0.15">
      <c r="AR28120" s="9" ph="1"/>
    </row>
    <row r="28121" spans="44:44" ht="15.75" customHeight="1" x14ac:dyDescent="0.15">
      <c r="AR28121" s="9" ph="1"/>
    </row>
    <row r="28122" spans="44:44" ht="15.75" customHeight="1" x14ac:dyDescent="0.15">
      <c r="AR28122" s="9" ph="1"/>
    </row>
    <row r="28124" spans="44:44" ht="15.75" customHeight="1" x14ac:dyDescent="0.15">
      <c r="AR28124" s="9" ph="1"/>
    </row>
    <row r="28125" spans="44:44" ht="15.75" customHeight="1" x14ac:dyDescent="0.15">
      <c r="AR28125" s="9" ph="1"/>
    </row>
    <row r="28126" spans="44:44" ht="15.75" customHeight="1" x14ac:dyDescent="0.15">
      <c r="AR28126" s="9" ph="1"/>
    </row>
    <row r="28127" spans="44:44" ht="15.75" customHeight="1" x14ac:dyDescent="0.15">
      <c r="AR28127" s="9" ph="1"/>
    </row>
    <row r="28128" spans="44:44" ht="15.75" customHeight="1" x14ac:dyDescent="0.15">
      <c r="AR28128" s="9" ph="1"/>
    </row>
    <row r="28129" spans="44:44" ht="15.75" customHeight="1" x14ac:dyDescent="0.15">
      <c r="AR28129" s="9" ph="1"/>
    </row>
    <row r="28131" spans="44:44" ht="15.75" customHeight="1" x14ac:dyDescent="0.15">
      <c r="AR28131" s="9" ph="1"/>
    </row>
    <row r="28132" spans="44:44" ht="15.75" customHeight="1" x14ac:dyDescent="0.15">
      <c r="AR28132" s="9" ph="1"/>
    </row>
    <row r="28133" spans="44:44" ht="15.75" customHeight="1" x14ac:dyDescent="0.15">
      <c r="AR28133" s="9" ph="1"/>
    </row>
    <row r="28134" spans="44:44" ht="15.75" customHeight="1" x14ac:dyDescent="0.15">
      <c r="AR28134" s="9" ph="1"/>
    </row>
    <row r="28137" spans="44:44" ht="15.75" customHeight="1" x14ac:dyDescent="0.15">
      <c r="AR28137" s="9" ph="1"/>
    </row>
    <row r="28141" spans="44:44" ht="15.75" customHeight="1" x14ac:dyDescent="0.15">
      <c r="AR28141" s="9" ph="1"/>
    </row>
    <row r="28148" spans="44:44" ht="15.75" customHeight="1" x14ac:dyDescent="0.15">
      <c r="AR28148" s="9" ph="1"/>
    </row>
    <row r="28155" spans="44:44" ht="15.75" customHeight="1" x14ac:dyDescent="0.15">
      <c r="AR28155" s="9" ph="1"/>
    </row>
    <row r="28162" spans="44:44" ht="15.75" customHeight="1" x14ac:dyDescent="0.15">
      <c r="AR28162" s="9" ph="1"/>
    </row>
    <row r="28163" spans="44:44" ht="15.75" customHeight="1" x14ac:dyDescent="0.15">
      <c r="AR28163" s="9" ph="1"/>
    </row>
    <row r="28165" spans="44:44" ht="15.75" customHeight="1" x14ac:dyDescent="0.15">
      <c r="AR28165" s="9" ph="1"/>
    </row>
    <row r="28172" spans="44:44" ht="15.75" customHeight="1" x14ac:dyDescent="0.15">
      <c r="AR28172" s="9" ph="1"/>
    </row>
    <row r="28183" spans="44:44" ht="15.75" customHeight="1" x14ac:dyDescent="0.15">
      <c r="AR28183" s="9" ph="1"/>
    </row>
    <row r="28190" spans="44:44" ht="15.75" customHeight="1" x14ac:dyDescent="0.15">
      <c r="AR28190" s="9" ph="1"/>
    </row>
    <row r="28191" spans="44:44" ht="15.75" customHeight="1" x14ac:dyDescent="0.15">
      <c r="AR28191" s="9" ph="1"/>
    </row>
    <row r="28192" spans="44:44" ht="15.75" customHeight="1" x14ac:dyDescent="0.15">
      <c r="AR28192" s="9" ph="1"/>
    </row>
    <row r="28193" spans="44:44" ht="15.75" customHeight="1" x14ac:dyDescent="0.15">
      <c r="AR28193" s="9" ph="1"/>
    </row>
    <row r="28194" spans="44:44" ht="15.75" customHeight="1" x14ac:dyDescent="0.15">
      <c r="AR28194" s="9" ph="1"/>
    </row>
    <row r="28195" spans="44:44" ht="15.75" customHeight="1" x14ac:dyDescent="0.15">
      <c r="AR28195" s="9" ph="1"/>
    </row>
    <row r="28196" spans="44:44" ht="15.75" customHeight="1" x14ac:dyDescent="0.15">
      <c r="AR28196" s="9" ph="1"/>
    </row>
    <row r="28197" spans="44:44" ht="15.75" customHeight="1" x14ac:dyDescent="0.15">
      <c r="AR28197" s="9" ph="1"/>
    </row>
    <row r="28199" spans="44:44" ht="15.75" customHeight="1" x14ac:dyDescent="0.15">
      <c r="AR28199" s="9" ph="1"/>
    </row>
    <row r="28206" spans="44:44" ht="15.75" customHeight="1" x14ac:dyDescent="0.15">
      <c r="AR28206" s="9" ph="1"/>
    </row>
    <row r="28210" spans="44:44" ht="15.75" customHeight="1" x14ac:dyDescent="0.15">
      <c r="AR28210" s="9" ph="1"/>
    </row>
    <row r="28217" spans="44:44" ht="15.75" customHeight="1" x14ac:dyDescent="0.15">
      <c r="AR28217" s="9" ph="1"/>
    </row>
    <row r="28224" spans="44:44" ht="15.75" customHeight="1" x14ac:dyDescent="0.15">
      <c r="AR28224" s="9" ph="1"/>
    </row>
    <row r="28231" spans="44:44" ht="15.75" customHeight="1" x14ac:dyDescent="0.15">
      <c r="AR28231" s="9" ph="1"/>
    </row>
    <row r="28232" spans="44:44" ht="15.75" customHeight="1" x14ac:dyDescent="0.15">
      <c r="AR28232" s="9" ph="1"/>
    </row>
    <row r="28234" spans="44:44" ht="15.75" customHeight="1" x14ac:dyDescent="0.15">
      <c r="AR28234" s="9" ph="1"/>
    </row>
    <row r="28241" spans="44:44" ht="15.75" customHeight="1" x14ac:dyDescent="0.15">
      <c r="AR28241" s="9" ph="1"/>
    </row>
    <row r="28252" spans="44:44" ht="15.75" customHeight="1" x14ac:dyDescent="0.15">
      <c r="AR28252" s="9" ph="1"/>
    </row>
    <row r="28259" spans="44:44" ht="15.75" customHeight="1" x14ac:dyDescent="0.15">
      <c r="AR28259" s="9" ph="1"/>
    </row>
    <row r="28260" spans="44:44" ht="15.75" customHeight="1" x14ac:dyDescent="0.15">
      <c r="AR28260" s="9" ph="1"/>
    </row>
    <row r="28261" spans="44:44" ht="15.75" customHeight="1" x14ac:dyDescent="0.15">
      <c r="AR28261" s="9" ph="1"/>
    </row>
    <row r="28262" spans="44:44" ht="15.75" customHeight="1" x14ac:dyDescent="0.15">
      <c r="AR28262" s="9" ph="1"/>
    </row>
    <row r="28263" spans="44:44" ht="15.75" customHeight="1" x14ac:dyDescent="0.15">
      <c r="AR28263" s="9" ph="1"/>
    </row>
    <row r="28264" spans="44:44" ht="15.75" customHeight="1" x14ac:dyDescent="0.15">
      <c r="AR28264" s="9" ph="1"/>
    </row>
    <row r="28265" spans="44:44" ht="15.75" customHeight="1" x14ac:dyDescent="0.15">
      <c r="AR28265" s="9" ph="1"/>
    </row>
    <row r="28266" spans="44:44" ht="15.75" customHeight="1" x14ac:dyDescent="0.15">
      <c r="AR28266" s="9" ph="1"/>
    </row>
    <row r="28268" spans="44:44" ht="15.75" customHeight="1" x14ac:dyDescent="0.15">
      <c r="AR28268" s="9" ph="1"/>
    </row>
    <row r="28269" spans="44:44" ht="15.75" customHeight="1" x14ac:dyDescent="0.15">
      <c r="AR28269" s="9" ph="1"/>
    </row>
    <row r="28270" spans="44:44" ht="15.75" customHeight="1" x14ac:dyDescent="0.15">
      <c r="AR28270" s="9" ph="1"/>
    </row>
    <row r="28271" spans="44:44" ht="15.75" customHeight="1" x14ac:dyDescent="0.15">
      <c r="AR28271" s="9" ph="1"/>
    </row>
    <row r="28278" spans="44:44" ht="15.75" customHeight="1" x14ac:dyDescent="0.15">
      <c r="AR28278" s="9" ph="1"/>
    </row>
    <row r="28279" spans="44:44" ht="15.75" customHeight="1" x14ac:dyDescent="0.15">
      <c r="AR28279" s="9" ph="1"/>
    </row>
    <row r="28280" spans="44:44" ht="15.75" customHeight="1" x14ac:dyDescent="0.15">
      <c r="AR28280" s="9" ph="1"/>
    </row>
    <row r="28281" spans="44:44" ht="15.75" customHeight="1" x14ac:dyDescent="0.15">
      <c r="AR28281" s="9" ph="1"/>
    </row>
    <row r="28282" spans="44:44" ht="15.75" customHeight="1" x14ac:dyDescent="0.15">
      <c r="AR28282" s="9" ph="1"/>
    </row>
    <row r="28283" spans="44:44" ht="15.75" customHeight="1" x14ac:dyDescent="0.15">
      <c r="AR28283" s="9" ph="1"/>
    </row>
    <row r="28284" spans="44:44" ht="15.75" customHeight="1" x14ac:dyDescent="0.15">
      <c r="AR28284" s="9" ph="1"/>
    </row>
    <row r="28285" spans="44:44" ht="15.75" customHeight="1" x14ac:dyDescent="0.15">
      <c r="AR28285" s="9" ph="1"/>
    </row>
    <row r="28287" spans="44:44" ht="15.75" customHeight="1" x14ac:dyDescent="0.15">
      <c r="AR28287" s="9" ph="1"/>
    </row>
    <row r="28288" spans="44:44" ht="15.75" customHeight="1" x14ac:dyDescent="0.15">
      <c r="AR28288" s="9" ph="1"/>
    </row>
    <row r="28289" spans="44:44" ht="15.75" customHeight="1" x14ac:dyDescent="0.15">
      <c r="AR28289" s="9" ph="1"/>
    </row>
    <row r="28291" spans="44:44" ht="15.75" customHeight="1" x14ac:dyDescent="0.15">
      <c r="AR28291" s="9" ph="1"/>
    </row>
    <row r="28292" spans="44:44" ht="15.75" customHeight="1" x14ac:dyDescent="0.15">
      <c r="AR28292" s="9" ph="1"/>
    </row>
    <row r="28293" spans="44:44" ht="15.75" customHeight="1" x14ac:dyDescent="0.15">
      <c r="AR28293" s="9" ph="1"/>
    </row>
    <row r="28294" spans="44:44" ht="15.75" customHeight="1" x14ac:dyDescent="0.15">
      <c r="AR28294" s="9" ph="1"/>
    </row>
    <row r="28295" spans="44:44" ht="15.75" customHeight="1" x14ac:dyDescent="0.15">
      <c r="AR28295" s="9" ph="1"/>
    </row>
    <row r="28296" spans="44:44" ht="15.75" customHeight="1" x14ac:dyDescent="0.15">
      <c r="AR28296" s="9" ph="1"/>
    </row>
    <row r="28297" spans="44:44" ht="15.75" customHeight="1" x14ac:dyDescent="0.15">
      <c r="AR28297" s="9" ph="1"/>
    </row>
    <row r="28298" spans="44:44" ht="15.75" customHeight="1" x14ac:dyDescent="0.15">
      <c r="AR28298" s="9" ph="1"/>
    </row>
    <row r="28299" spans="44:44" ht="15.75" customHeight="1" x14ac:dyDescent="0.15">
      <c r="AR28299" s="9" ph="1"/>
    </row>
    <row r="28300" spans="44:44" ht="15.75" customHeight="1" x14ac:dyDescent="0.15">
      <c r="AR28300" s="9" ph="1"/>
    </row>
    <row r="28301" spans="44:44" ht="15.75" customHeight="1" x14ac:dyDescent="0.15">
      <c r="AR28301" s="9" ph="1"/>
    </row>
    <row r="28302" spans="44:44" ht="15.75" customHeight="1" x14ac:dyDescent="0.15">
      <c r="AR28302" s="9" ph="1"/>
    </row>
    <row r="28303" spans="44:44" ht="15.75" customHeight="1" x14ac:dyDescent="0.15">
      <c r="AR28303" s="9" ph="1"/>
    </row>
    <row r="28305" spans="44:44" ht="15.75" customHeight="1" x14ac:dyDescent="0.15">
      <c r="AR28305" s="9" ph="1"/>
    </row>
    <row r="28306" spans="44:44" ht="15.75" customHeight="1" x14ac:dyDescent="0.15">
      <c r="AR28306" s="9" ph="1"/>
    </row>
    <row r="28307" spans="44:44" ht="15.75" customHeight="1" x14ac:dyDescent="0.15">
      <c r="AR28307" s="9" ph="1"/>
    </row>
    <row r="28309" spans="44:44" ht="15.75" customHeight="1" x14ac:dyDescent="0.15">
      <c r="AR28309" s="9" ph="1"/>
    </row>
    <row r="28310" spans="44:44" ht="15.75" customHeight="1" x14ac:dyDescent="0.15">
      <c r="AR28310" s="9" ph="1"/>
    </row>
    <row r="28311" spans="44:44" ht="15.75" customHeight="1" x14ac:dyDescent="0.15">
      <c r="AR28311" s="9" ph="1"/>
    </row>
    <row r="28312" spans="44:44" ht="15.75" customHeight="1" x14ac:dyDescent="0.15">
      <c r="AR28312" s="9" ph="1"/>
    </row>
    <row r="28313" spans="44:44" ht="15.75" customHeight="1" x14ac:dyDescent="0.15">
      <c r="AR28313" s="9" ph="1"/>
    </row>
    <row r="28314" spans="44:44" ht="15.75" customHeight="1" x14ac:dyDescent="0.15">
      <c r="AR28314" s="9" ph="1"/>
    </row>
    <row r="28316" spans="44:44" ht="15.75" customHeight="1" x14ac:dyDescent="0.15">
      <c r="AR28316" s="9" ph="1"/>
    </row>
    <row r="28317" spans="44:44" ht="15.75" customHeight="1" x14ac:dyDescent="0.15">
      <c r="AR28317" s="9" ph="1"/>
    </row>
    <row r="28318" spans="44:44" ht="15.75" customHeight="1" x14ac:dyDescent="0.15">
      <c r="AR28318" s="9" ph="1"/>
    </row>
    <row r="28319" spans="44:44" ht="15.75" customHeight="1" x14ac:dyDescent="0.15">
      <c r="AR28319" s="9" ph="1"/>
    </row>
    <row r="28320" spans="44:44" ht="15.75" customHeight="1" x14ac:dyDescent="0.15">
      <c r="AR28320" s="9" ph="1"/>
    </row>
    <row r="28321" spans="44:44" ht="15.75" customHeight="1" x14ac:dyDescent="0.15">
      <c r="AR28321" s="9" ph="1"/>
    </row>
    <row r="28322" spans="44:44" ht="15.75" customHeight="1" x14ac:dyDescent="0.15">
      <c r="AR28322" s="9" ph="1"/>
    </row>
    <row r="28323" spans="44:44" ht="15.75" customHeight="1" x14ac:dyDescent="0.15">
      <c r="AR28323" s="9" ph="1"/>
    </row>
    <row r="28324" spans="44:44" ht="15.75" customHeight="1" x14ac:dyDescent="0.15">
      <c r="AR28324" s="9" ph="1"/>
    </row>
    <row r="28325" spans="44:44" ht="15.75" customHeight="1" x14ac:dyDescent="0.15">
      <c r="AR28325" s="9" ph="1"/>
    </row>
    <row r="28326" spans="44:44" ht="15.75" customHeight="1" x14ac:dyDescent="0.15">
      <c r="AR28326" s="9" ph="1"/>
    </row>
    <row r="28327" spans="44:44" ht="15.75" customHeight="1" x14ac:dyDescent="0.15">
      <c r="AR28327" s="9" ph="1"/>
    </row>
    <row r="28328" spans="44:44" ht="15.75" customHeight="1" x14ac:dyDescent="0.15">
      <c r="AR28328" s="9" ph="1"/>
    </row>
    <row r="28330" spans="44:44" ht="15.75" customHeight="1" x14ac:dyDescent="0.15">
      <c r="AR28330" s="9" ph="1"/>
    </row>
    <row r="28331" spans="44:44" ht="15.75" customHeight="1" x14ac:dyDescent="0.15">
      <c r="AR28331" s="9" ph="1"/>
    </row>
    <row r="28332" spans="44:44" ht="15.75" customHeight="1" x14ac:dyDescent="0.15">
      <c r="AR28332" s="9" ph="1"/>
    </row>
    <row r="28334" spans="44:44" ht="15.75" customHeight="1" x14ac:dyDescent="0.15">
      <c r="AR28334" s="9" ph="1"/>
    </row>
    <row r="28335" spans="44:44" ht="15.75" customHeight="1" x14ac:dyDescent="0.15">
      <c r="AR28335" s="9" ph="1"/>
    </row>
    <row r="28336" spans="44:44" ht="15.75" customHeight="1" x14ac:dyDescent="0.15">
      <c r="AR28336" s="9" ph="1"/>
    </row>
    <row r="28337" spans="44:44" ht="15.75" customHeight="1" x14ac:dyDescent="0.15">
      <c r="AR28337" s="9" ph="1"/>
    </row>
    <row r="28338" spans="44:44" ht="15.75" customHeight="1" x14ac:dyDescent="0.15">
      <c r="AR28338" s="9" ph="1"/>
    </row>
    <row r="28339" spans="44:44" ht="15.75" customHeight="1" x14ac:dyDescent="0.15">
      <c r="AR28339" s="9" ph="1"/>
    </row>
    <row r="28340" spans="44:44" ht="15.75" customHeight="1" x14ac:dyDescent="0.15">
      <c r="AR28340" s="9" ph="1"/>
    </row>
    <row r="28341" spans="44:44" ht="15.75" customHeight="1" x14ac:dyDescent="0.15">
      <c r="AR28341" s="9" ph="1"/>
    </row>
    <row r="28342" spans="44:44" ht="15.75" customHeight="1" x14ac:dyDescent="0.15">
      <c r="AR28342" s="9" ph="1"/>
    </row>
    <row r="28343" spans="44:44" ht="15.75" customHeight="1" x14ac:dyDescent="0.15">
      <c r="AR28343" s="9" ph="1"/>
    </row>
    <row r="28344" spans="44:44" ht="15.75" customHeight="1" x14ac:dyDescent="0.15">
      <c r="AR28344" s="9" ph="1"/>
    </row>
    <row r="28345" spans="44:44" ht="15.75" customHeight="1" x14ac:dyDescent="0.15">
      <c r="AR28345" s="9" ph="1"/>
    </row>
    <row r="28346" spans="44:44" ht="15.75" customHeight="1" x14ac:dyDescent="0.15">
      <c r="AR28346" s="9" ph="1"/>
    </row>
    <row r="28347" spans="44:44" ht="15.75" customHeight="1" x14ac:dyDescent="0.15">
      <c r="AR28347" s="9" ph="1"/>
    </row>
    <row r="28348" spans="44:44" ht="15.75" customHeight="1" x14ac:dyDescent="0.15">
      <c r="AR28348" s="9" ph="1"/>
    </row>
    <row r="28349" spans="44:44" ht="15.75" customHeight="1" x14ac:dyDescent="0.15">
      <c r="AR28349" s="9" ph="1"/>
    </row>
    <row r="28351" spans="44:44" ht="15.75" customHeight="1" x14ac:dyDescent="0.15">
      <c r="AR28351" s="9" ph="1"/>
    </row>
    <row r="28352" spans="44:44" ht="15.75" customHeight="1" x14ac:dyDescent="0.15">
      <c r="AR28352" s="9" ph="1"/>
    </row>
    <row r="28353" spans="44:44" ht="15.75" customHeight="1" x14ac:dyDescent="0.15">
      <c r="AR28353" s="9" ph="1"/>
    </row>
    <row r="28355" spans="44:44" ht="15.75" customHeight="1" x14ac:dyDescent="0.15">
      <c r="AR28355" s="9" ph="1"/>
    </row>
    <row r="28356" spans="44:44" ht="15.75" customHeight="1" x14ac:dyDescent="0.15">
      <c r="AR28356" s="9" ph="1"/>
    </row>
    <row r="28357" spans="44:44" ht="15.75" customHeight="1" x14ac:dyDescent="0.15">
      <c r="AR28357" s="9" ph="1"/>
    </row>
    <row r="28358" spans="44:44" ht="15.75" customHeight="1" x14ac:dyDescent="0.15">
      <c r="AR28358" s="9" ph="1"/>
    </row>
    <row r="28359" spans="44:44" ht="15.75" customHeight="1" x14ac:dyDescent="0.15">
      <c r="AR28359" s="9" ph="1"/>
    </row>
    <row r="28360" spans="44:44" ht="15.75" customHeight="1" x14ac:dyDescent="0.15">
      <c r="AR28360" s="9" ph="1"/>
    </row>
    <row r="28361" spans="44:44" ht="15.75" customHeight="1" x14ac:dyDescent="0.15">
      <c r="AR28361" s="9" ph="1"/>
    </row>
    <row r="28362" spans="44:44" ht="15.75" customHeight="1" x14ac:dyDescent="0.15">
      <c r="AR28362" s="9" ph="1"/>
    </row>
    <row r="28364" spans="44:44" ht="15.75" customHeight="1" x14ac:dyDescent="0.15">
      <c r="AR28364" s="9" ph="1"/>
    </row>
    <row r="28365" spans="44:44" ht="15.75" customHeight="1" x14ac:dyDescent="0.15">
      <c r="AR28365" s="9" ph="1"/>
    </row>
    <row r="28366" spans="44:44" ht="15.75" customHeight="1" x14ac:dyDescent="0.15">
      <c r="AR28366" s="9" ph="1"/>
    </row>
    <row r="28367" spans="44:44" ht="15.75" customHeight="1" x14ac:dyDescent="0.15">
      <c r="AR28367" s="9" ph="1"/>
    </row>
    <row r="28368" spans="44:44" ht="15.75" customHeight="1" x14ac:dyDescent="0.15">
      <c r="AR28368" s="9" ph="1"/>
    </row>
    <row r="28369" spans="44:44" ht="15.75" customHeight="1" x14ac:dyDescent="0.15">
      <c r="AR28369" s="9" ph="1"/>
    </row>
    <row r="28370" spans="44:44" ht="15.75" customHeight="1" x14ac:dyDescent="0.15">
      <c r="AR28370" s="9" ph="1"/>
    </row>
    <row r="28371" spans="44:44" ht="15.75" customHeight="1" x14ac:dyDescent="0.15">
      <c r="AR28371" s="9" ph="1"/>
    </row>
    <row r="28373" spans="44:44" ht="15.75" customHeight="1" x14ac:dyDescent="0.15">
      <c r="AR28373" s="9" ph="1"/>
    </row>
    <row r="28374" spans="44:44" ht="15.75" customHeight="1" x14ac:dyDescent="0.15">
      <c r="AR28374" s="9" ph="1"/>
    </row>
    <row r="28375" spans="44:44" ht="15.75" customHeight="1" x14ac:dyDescent="0.15">
      <c r="AR28375" s="9" ph="1"/>
    </row>
    <row r="28376" spans="44:44" ht="15.75" customHeight="1" x14ac:dyDescent="0.15">
      <c r="AR28376" s="9" ph="1"/>
    </row>
    <row r="28377" spans="44:44" ht="15.75" customHeight="1" x14ac:dyDescent="0.15">
      <c r="AR28377" s="9" ph="1"/>
    </row>
    <row r="28378" spans="44:44" ht="15.75" customHeight="1" x14ac:dyDescent="0.15">
      <c r="AR28378" s="9" ph="1"/>
    </row>
    <row r="28380" spans="44:44" ht="15.75" customHeight="1" x14ac:dyDescent="0.15">
      <c r="AR28380" s="9" ph="1"/>
    </row>
    <row r="28381" spans="44:44" ht="15.75" customHeight="1" x14ac:dyDescent="0.15">
      <c r="AR28381" s="9" ph="1"/>
    </row>
    <row r="28382" spans="44:44" ht="15.75" customHeight="1" x14ac:dyDescent="0.15">
      <c r="AR28382" s="9" ph="1"/>
    </row>
    <row r="28383" spans="44:44" ht="15.75" customHeight="1" x14ac:dyDescent="0.15">
      <c r="AR28383" s="9" ph="1"/>
    </row>
    <row r="28384" spans="44:44" ht="15.75" customHeight="1" x14ac:dyDescent="0.15">
      <c r="AR28384" s="9" ph="1"/>
    </row>
    <row r="28385" spans="44:44" ht="15.75" customHeight="1" x14ac:dyDescent="0.15">
      <c r="AR28385" s="9" ph="1"/>
    </row>
    <row r="28386" spans="44:44" ht="15.75" customHeight="1" x14ac:dyDescent="0.15">
      <c r="AR28386" s="9" ph="1"/>
    </row>
    <row r="28393" spans="44:44" ht="15.75" customHeight="1" x14ac:dyDescent="0.15">
      <c r="AR28393" s="9" ph="1"/>
    </row>
    <row r="28394" spans="44:44" ht="15.75" customHeight="1" x14ac:dyDescent="0.15">
      <c r="AR28394" s="9" ph="1"/>
    </row>
    <row r="28396" spans="44:44" ht="15.75" customHeight="1" x14ac:dyDescent="0.15">
      <c r="AR28396" s="9" ph="1"/>
    </row>
    <row r="28403" spans="44:44" ht="15.75" customHeight="1" x14ac:dyDescent="0.15">
      <c r="AR28403" s="9" ph="1"/>
    </row>
    <row r="28414" spans="44:44" ht="15.75" customHeight="1" x14ac:dyDescent="0.15">
      <c r="AR28414" s="9" ph="1"/>
    </row>
    <row r="28421" spans="44:44" ht="15.75" customHeight="1" x14ac:dyDescent="0.15">
      <c r="AR28421" s="9" ph="1"/>
    </row>
    <row r="28425" spans="44:44" ht="15.75" customHeight="1" x14ac:dyDescent="0.15">
      <c r="AR28425" s="9" ph="1"/>
    </row>
    <row r="28432" spans="44:44" ht="15.75" customHeight="1" x14ac:dyDescent="0.15">
      <c r="AR28432" s="9" ph="1"/>
    </row>
    <row r="28439" spans="44:44" ht="15.75" customHeight="1" x14ac:dyDescent="0.15">
      <c r="AR28439" s="9" ph="1"/>
    </row>
    <row r="28446" spans="44:44" ht="15.75" customHeight="1" x14ac:dyDescent="0.15">
      <c r="AR28446" s="9" ph="1"/>
    </row>
    <row r="28447" spans="44:44" ht="15.75" customHeight="1" x14ac:dyDescent="0.15">
      <c r="AR28447" s="9" ph="1"/>
    </row>
    <row r="28449" spans="44:44" ht="15.75" customHeight="1" x14ac:dyDescent="0.15">
      <c r="AR28449" s="9" ph="1"/>
    </row>
    <row r="28456" spans="44:44" ht="15.75" customHeight="1" x14ac:dyDescent="0.15">
      <c r="AR28456" s="9" ph="1"/>
    </row>
    <row r="28467" spans="44:44" ht="15.75" customHeight="1" x14ac:dyDescent="0.15">
      <c r="AR28467" s="9" ph="1"/>
    </row>
    <row r="28474" spans="44:44" ht="15.75" customHeight="1" x14ac:dyDescent="0.15">
      <c r="AR28474" s="9" ph="1"/>
    </row>
    <row r="28475" spans="44:44" ht="15.75" customHeight="1" x14ac:dyDescent="0.15">
      <c r="AR28475" s="9" ph="1"/>
    </row>
    <row r="28476" spans="44:44" ht="15.75" customHeight="1" x14ac:dyDescent="0.15">
      <c r="AR28476" s="9" ph="1"/>
    </row>
    <row r="28477" spans="44:44" ht="15.75" customHeight="1" x14ac:dyDescent="0.15">
      <c r="AR28477" s="9" ph="1"/>
    </row>
    <row r="28478" spans="44:44" ht="15.75" customHeight="1" x14ac:dyDescent="0.15">
      <c r="AR28478" s="9" ph="1"/>
    </row>
    <row r="28479" spans="44:44" ht="15.75" customHeight="1" x14ac:dyDescent="0.15">
      <c r="AR28479" s="9" ph="1"/>
    </row>
    <row r="28480" spans="44:44" ht="15.75" customHeight="1" x14ac:dyDescent="0.15">
      <c r="AR28480" s="9" ph="1"/>
    </row>
    <row r="28481" spans="44:44" ht="15.75" customHeight="1" x14ac:dyDescent="0.15">
      <c r="AR28481" s="9" ph="1"/>
    </row>
    <row r="28483" spans="44:44" ht="15.75" customHeight="1" x14ac:dyDescent="0.15">
      <c r="AR28483" s="9" ph="1"/>
    </row>
    <row r="28490" spans="44:44" ht="15.75" customHeight="1" x14ac:dyDescent="0.15">
      <c r="AR28490" s="9" ph="1"/>
    </row>
    <row r="28494" spans="44:44" ht="15.75" customHeight="1" x14ac:dyDescent="0.15">
      <c r="AR28494" s="9" ph="1"/>
    </row>
    <row r="28501" spans="44:44" ht="15.75" customHeight="1" x14ac:dyDescent="0.15">
      <c r="AR28501" s="9" ph="1"/>
    </row>
    <row r="28508" spans="44:44" ht="15.75" customHeight="1" x14ac:dyDescent="0.15">
      <c r="AR28508" s="9" ph="1"/>
    </row>
    <row r="28515" spans="44:44" ht="15.75" customHeight="1" x14ac:dyDescent="0.15">
      <c r="AR28515" s="9" ph="1"/>
    </row>
    <row r="28516" spans="44:44" ht="15.75" customHeight="1" x14ac:dyDescent="0.15">
      <c r="AR28516" s="9" ph="1"/>
    </row>
    <row r="28518" spans="44:44" ht="15.75" customHeight="1" x14ac:dyDescent="0.15">
      <c r="AR28518" s="9" ph="1"/>
    </row>
    <row r="28525" spans="44:44" ht="15.75" customHeight="1" x14ac:dyDescent="0.15">
      <c r="AR28525" s="9" ph="1"/>
    </row>
    <row r="28536" spans="44:44" ht="15.75" customHeight="1" x14ac:dyDescent="0.15">
      <c r="AR28536" s="9" ph="1"/>
    </row>
    <row r="28543" spans="44:44" ht="15.75" customHeight="1" x14ac:dyDescent="0.15">
      <c r="AR28543" s="9" ph="1"/>
    </row>
    <row r="28544" spans="44:44" ht="15.75" customHeight="1" x14ac:dyDescent="0.15">
      <c r="AR28544" s="9" ph="1"/>
    </row>
    <row r="28545" spans="44:44" ht="15.75" customHeight="1" x14ac:dyDescent="0.15">
      <c r="AR28545" s="9" ph="1"/>
    </row>
    <row r="28546" spans="44:44" ht="15.75" customHeight="1" x14ac:dyDescent="0.15">
      <c r="AR28546" s="9" ph="1"/>
    </row>
    <row r="28547" spans="44:44" ht="15.75" customHeight="1" x14ac:dyDescent="0.15">
      <c r="AR28547" s="9" ph="1"/>
    </row>
    <row r="28548" spans="44:44" ht="15.75" customHeight="1" x14ac:dyDescent="0.15">
      <c r="AR28548" s="9" ph="1"/>
    </row>
    <row r="28549" spans="44:44" ht="15.75" customHeight="1" x14ac:dyDescent="0.15">
      <c r="AR28549" s="9" ph="1"/>
    </row>
    <row r="28550" spans="44:44" ht="15.75" customHeight="1" x14ac:dyDescent="0.15">
      <c r="AR28550" s="9" ph="1"/>
    </row>
    <row r="28552" spans="44:44" ht="15.75" customHeight="1" x14ac:dyDescent="0.15">
      <c r="AR28552" s="9" ph="1"/>
    </row>
    <row r="28553" spans="44:44" ht="15.75" customHeight="1" x14ac:dyDescent="0.15">
      <c r="AR28553" s="9" ph="1"/>
    </row>
    <row r="28554" spans="44:44" ht="15.75" customHeight="1" x14ac:dyDescent="0.15">
      <c r="AR28554" s="9" ph="1"/>
    </row>
    <row r="28555" spans="44:44" ht="15.75" customHeight="1" x14ac:dyDescent="0.15">
      <c r="AR28555" s="9" ph="1"/>
    </row>
    <row r="28562" spans="44:44" ht="15.75" customHeight="1" x14ac:dyDescent="0.15">
      <c r="AR28562" s="9" ph="1"/>
    </row>
    <row r="28563" spans="44:44" ht="15.75" customHeight="1" x14ac:dyDescent="0.15">
      <c r="AR28563" s="9" ph="1"/>
    </row>
    <row r="28564" spans="44:44" ht="15.75" customHeight="1" x14ac:dyDescent="0.15">
      <c r="AR28564" s="9" ph="1"/>
    </row>
    <row r="28565" spans="44:44" ht="15.75" customHeight="1" x14ac:dyDescent="0.15">
      <c r="AR28565" s="9" ph="1"/>
    </row>
    <row r="28566" spans="44:44" ht="15.75" customHeight="1" x14ac:dyDescent="0.15">
      <c r="AR28566" s="9" ph="1"/>
    </row>
    <row r="28567" spans="44:44" ht="15.75" customHeight="1" x14ac:dyDescent="0.15">
      <c r="AR28567" s="9" ph="1"/>
    </row>
    <row r="28568" spans="44:44" ht="15.75" customHeight="1" x14ac:dyDescent="0.15">
      <c r="AR28568" s="9" ph="1"/>
    </row>
    <row r="28569" spans="44:44" ht="15.75" customHeight="1" x14ac:dyDescent="0.15">
      <c r="AR28569" s="9" ph="1"/>
    </row>
    <row r="28571" spans="44:44" ht="15.75" customHeight="1" x14ac:dyDescent="0.15">
      <c r="AR28571" s="9" ph="1"/>
    </row>
    <row r="28572" spans="44:44" ht="15.75" customHeight="1" x14ac:dyDescent="0.15">
      <c r="AR28572" s="9" ph="1"/>
    </row>
    <row r="28573" spans="44:44" ht="15.75" customHeight="1" x14ac:dyDescent="0.15">
      <c r="AR28573" s="9" ph="1"/>
    </row>
    <row r="28575" spans="44:44" ht="15.75" customHeight="1" x14ac:dyDescent="0.15">
      <c r="AR28575" s="9" ph="1"/>
    </row>
    <row r="28576" spans="44:44" ht="15.75" customHeight="1" x14ac:dyDescent="0.15">
      <c r="AR28576" s="9" ph="1"/>
    </row>
    <row r="28577" spans="44:44" ht="15.75" customHeight="1" x14ac:dyDescent="0.15">
      <c r="AR28577" s="9" ph="1"/>
    </row>
    <row r="28578" spans="44:44" ht="15.75" customHeight="1" x14ac:dyDescent="0.15">
      <c r="AR28578" s="9" ph="1"/>
    </row>
    <row r="28579" spans="44:44" ht="15.75" customHeight="1" x14ac:dyDescent="0.15">
      <c r="AR28579" s="9" ph="1"/>
    </row>
    <row r="28580" spans="44:44" ht="15.75" customHeight="1" x14ac:dyDescent="0.15">
      <c r="AR28580" s="9" ph="1"/>
    </row>
    <row r="28581" spans="44:44" ht="15.75" customHeight="1" x14ac:dyDescent="0.15">
      <c r="AR28581" s="9" ph="1"/>
    </row>
    <row r="28582" spans="44:44" ht="15.75" customHeight="1" x14ac:dyDescent="0.15">
      <c r="AR28582" s="9" ph="1"/>
    </row>
    <row r="28583" spans="44:44" ht="15.75" customHeight="1" x14ac:dyDescent="0.15">
      <c r="AR28583" s="9" ph="1"/>
    </row>
    <row r="28584" spans="44:44" ht="15.75" customHeight="1" x14ac:dyDescent="0.15">
      <c r="AR28584" s="9" ph="1"/>
    </row>
    <row r="28585" spans="44:44" ht="15.75" customHeight="1" x14ac:dyDescent="0.15">
      <c r="AR28585" s="9" ph="1"/>
    </row>
    <row r="28586" spans="44:44" ht="15.75" customHeight="1" x14ac:dyDescent="0.15">
      <c r="AR28586" s="9" ph="1"/>
    </row>
    <row r="28587" spans="44:44" ht="15.75" customHeight="1" x14ac:dyDescent="0.15">
      <c r="AR28587" s="9" ph="1"/>
    </row>
    <row r="28589" spans="44:44" ht="15.75" customHeight="1" x14ac:dyDescent="0.15">
      <c r="AR28589" s="9" ph="1"/>
    </row>
    <row r="28590" spans="44:44" ht="15.75" customHeight="1" x14ac:dyDescent="0.15">
      <c r="AR28590" s="9" ph="1"/>
    </row>
    <row r="28591" spans="44:44" ht="15.75" customHeight="1" x14ac:dyDescent="0.15">
      <c r="AR28591" s="9" ph="1"/>
    </row>
    <row r="28593" spans="44:44" ht="15.75" customHeight="1" x14ac:dyDescent="0.15">
      <c r="AR28593" s="9" ph="1"/>
    </row>
    <row r="28594" spans="44:44" ht="15.75" customHeight="1" x14ac:dyDescent="0.15">
      <c r="AR28594" s="9" ph="1"/>
    </row>
    <row r="28595" spans="44:44" ht="15.75" customHeight="1" x14ac:dyDescent="0.15">
      <c r="AR28595" s="9" ph="1"/>
    </row>
    <row r="28596" spans="44:44" ht="15.75" customHeight="1" x14ac:dyDescent="0.15">
      <c r="AR28596" s="9" ph="1"/>
    </row>
    <row r="28597" spans="44:44" ht="15.75" customHeight="1" x14ac:dyDescent="0.15">
      <c r="AR28597" s="9" ph="1"/>
    </row>
    <row r="28598" spans="44:44" ht="15.75" customHeight="1" x14ac:dyDescent="0.15">
      <c r="AR28598" s="9" ph="1"/>
    </row>
    <row r="28600" spans="44:44" ht="15.75" customHeight="1" x14ac:dyDescent="0.15">
      <c r="AR28600" s="9" ph="1"/>
    </row>
    <row r="28601" spans="44:44" ht="15.75" customHeight="1" x14ac:dyDescent="0.15">
      <c r="AR28601" s="9" ph="1"/>
    </row>
    <row r="28602" spans="44:44" ht="15.75" customHeight="1" x14ac:dyDescent="0.15">
      <c r="AR28602" s="9" ph="1"/>
    </row>
    <row r="28603" spans="44:44" ht="15.75" customHeight="1" x14ac:dyDescent="0.15">
      <c r="AR28603" s="9" ph="1"/>
    </row>
    <row r="28604" spans="44:44" ht="15.75" customHeight="1" x14ac:dyDescent="0.15">
      <c r="AR28604" s="9" ph="1"/>
    </row>
    <row r="28605" spans="44:44" ht="15.75" customHeight="1" x14ac:dyDescent="0.15">
      <c r="AR28605" s="9" ph="1"/>
    </row>
    <row r="28606" spans="44:44" ht="15.75" customHeight="1" x14ac:dyDescent="0.15">
      <c r="AR28606" s="9" ph="1"/>
    </row>
    <row r="28607" spans="44:44" ht="15.75" customHeight="1" x14ac:dyDescent="0.15">
      <c r="AR28607" s="9" ph="1"/>
    </row>
    <row r="28608" spans="44:44" ht="15.75" customHeight="1" x14ac:dyDescent="0.15">
      <c r="AR28608" s="9" ph="1"/>
    </row>
    <row r="28609" spans="44:44" ht="15.75" customHeight="1" x14ac:dyDescent="0.15">
      <c r="AR28609" s="9" ph="1"/>
    </row>
    <row r="28610" spans="44:44" ht="15.75" customHeight="1" x14ac:dyDescent="0.15">
      <c r="AR28610" s="9" ph="1"/>
    </row>
    <row r="28611" spans="44:44" ht="15.75" customHeight="1" x14ac:dyDescent="0.15">
      <c r="AR28611" s="9" ph="1"/>
    </row>
    <row r="28612" spans="44:44" ht="15.75" customHeight="1" x14ac:dyDescent="0.15">
      <c r="AR28612" s="9" ph="1"/>
    </row>
    <row r="28614" spans="44:44" ht="15.75" customHeight="1" x14ac:dyDescent="0.15">
      <c r="AR28614" s="9" ph="1"/>
    </row>
    <row r="28615" spans="44:44" ht="15.75" customHeight="1" x14ac:dyDescent="0.15">
      <c r="AR28615" s="9" ph="1"/>
    </row>
    <row r="28616" spans="44:44" ht="15.75" customHeight="1" x14ac:dyDescent="0.15">
      <c r="AR28616" s="9" ph="1"/>
    </row>
    <row r="28618" spans="44:44" ht="15.75" customHeight="1" x14ac:dyDescent="0.15">
      <c r="AR28618" s="9" ph="1"/>
    </row>
    <row r="28619" spans="44:44" ht="15.75" customHeight="1" x14ac:dyDescent="0.15">
      <c r="AR28619" s="9" ph="1"/>
    </row>
    <row r="28620" spans="44:44" ht="15.75" customHeight="1" x14ac:dyDescent="0.15">
      <c r="AR28620" s="9" ph="1"/>
    </row>
    <row r="28621" spans="44:44" ht="15.75" customHeight="1" x14ac:dyDescent="0.15">
      <c r="AR28621" s="9" ph="1"/>
    </row>
    <row r="28622" spans="44:44" ht="15.75" customHeight="1" x14ac:dyDescent="0.15">
      <c r="AR28622" s="9" ph="1"/>
    </row>
    <row r="28623" spans="44:44" ht="15.75" customHeight="1" x14ac:dyDescent="0.15">
      <c r="AR28623" s="9" ph="1"/>
    </row>
    <row r="28624" spans="44:44" ht="15.75" customHeight="1" x14ac:dyDescent="0.15">
      <c r="AR28624" s="9" ph="1"/>
    </row>
    <row r="28625" spans="44:44" ht="15.75" customHeight="1" x14ac:dyDescent="0.15">
      <c r="AR28625" s="9" ph="1"/>
    </row>
    <row r="28626" spans="44:44" ht="15.75" customHeight="1" x14ac:dyDescent="0.15">
      <c r="AR28626" s="9" ph="1"/>
    </row>
    <row r="28627" spans="44:44" ht="15.75" customHeight="1" x14ac:dyDescent="0.15">
      <c r="AR28627" s="9" ph="1"/>
    </row>
    <row r="28628" spans="44:44" ht="15.75" customHeight="1" x14ac:dyDescent="0.15">
      <c r="AR28628" s="9" ph="1"/>
    </row>
    <row r="28629" spans="44:44" ht="15.75" customHeight="1" x14ac:dyDescent="0.15">
      <c r="AR28629" s="9" ph="1"/>
    </row>
    <row r="28630" spans="44:44" ht="15.75" customHeight="1" x14ac:dyDescent="0.15">
      <c r="AR28630" s="9" ph="1"/>
    </row>
    <row r="28631" spans="44:44" ht="15.75" customHeight="1" x14ac:dyDescent="0.15">
      <c r="AR28631" s="9" ph="1"/>
    </row>
    <row r="28632" spans="44:44" ht="15.75" customHeight="1" x14ac:dyDescent="0.15">
      <c r="AR28632" s="9" ph="1"/>
    </row>
    <row r="28633" spans="44:44" ht="15.75" customHeight="1" x14ac:dyDescent="0.15">
      <c r="AR28633" s="9" ph="1"/>
    </row>
    <row r="28635" spans="44:44" ht="15.75" customHeight="1" x14ac:dyDescent="0.15">
      <c r="AR28635" s="9" ph="1"/>
    </row>
    <row r="28636" spans="44:44" ht="15.75" customHeight="1" x14ac:dyDescent="0.15">
      <c r="AR28636" s="9" ph="1"/>
    </row>
    <row r="28637" spans="44:44" ht="15.75" customHeight="1" x14ac:dyDescent="0.15">
      <c r="AR28637" s="9" ph="1"/>
    </row>
    <row r="28639" spans="44:44" ht="15.75" customHeight="1" x14ac:dyDescent="0.15">
      <c r="AR28639" s="9" ph="1"/>
    </row>
    <row r="28640" spans="44:44" ht="15.75" customHeight="1" x14ac:dyDescent="0.15">
      <c r="AR28640" s="9" ph="1"/>
    </row>
    <row r="28641" spans="44:44" ht="15.75" customHeight="1" x14ac:dyDescent="0.15">
      <c r="AR28641" s="9" ph="1"/>
    </row>
    <row r="28642" spans="44:44" ht="15.75" customHeight="1" x14ac:dyDescent="0.15">
      <c r="AR28642" s="9" ph="1"/>
    </row>
    <row r="28643" spans="44:44" ht="15.75" customHeight="1" x14ac:dyDescent="0.15">
      <c r="AR28643" s="9" ph="1"/>
    </row>
    <row r="28644" spans="44:44" ht="15.75" customHeight="1" x14ac:dyDescent="0.15">
      <c r="AR28644" s="9" ph="1"/>
    </row>
    <row r="28645" spans="44:44" ht="15.75" customHeight="1" x14ac:dyDescent="0.15">
      <c r="AR28645" s="9" ph="1"/>
    </row>
    <row r="28646" spans="44:44" ht="15.75" customHeight="1" x14ac:dyDescent="0.15">
      <c r="AR28646" s="9" ph="1"/>
    </row>
    <row r="28648" spans="44:44" ht="15.75" customHeight="1" x14ac:dyDescent="0.15">
      <c r="AR28648" s="9" ph="1"/>
    </row>
    <row r="28649" spans="44:44" ht="15.75" customHeight="1" x14ac:dyDescent="0.15">
      <c r="AR28649" s="9" ph="1"/>
    </row>
    <row r="28650" spans="44:44" ht="15.75" customHeight="1" x14ac:dyDescent="0.15">
      <c r="AR28650" s="9" ph="1"/>
    </row>
    <row r="28651" spans="44:44" ht="15.75" customHeight="1" x14ac:dyDescent="0.15">
      <c r="AR28651" s="9" ph="1"/>
    </row>
    <row r="28652" spans="44:44" ht="15.75" customHeight="1" x14ac:dyDescent="0.15">
      <c r="AR28652" s="9" ph="1"/>
    </row>
    <row r="28653" spans="44:44" ht="15.75" customHeight="1" x14ac:dyDescent="0.15">
      <c r="AR28653" s="9" ph="1"/>
    </row>
    <row r="28654" spans="44:44" ht="15.75" customHeight="1" x14ac:dyDescent="0.15">
      <c r="AR28654" s="9" ph="1"/>
    </row>
    <row r="28655" spans="44:44" ht="15.75" customHeight="1" x14ac:dyDescent="0.15">
      <c r="AR28655" s="9" ph="1"/>
    </row>
    <row r="28657" spans="44:44" ht="15.75" customHeight="1" x14ac:dyDescent="0.15">
      <c r="AR28657" s="9" ph="1"/>
    </row>
    <row r="28658" spans="44:44" ht="15.75" customHeight="1" x14ac:dyDescent="0.15">
      <c r="AR28658" s="9" ph="1"/>
    </row>
    <row r="28659" spans="44:44" ht="15.75" customHeight="1" x14ac:dyDescent="0.15">
      <c r="AR28659" s="9" ph="1"/>
    </row>
    <row r="28660" spans="44:44" ht="15.75" customHeight="1" x14ac:dyDescent="0.15">
      <c r="AR28660" s="9" ph="1"/>
    </row>
    <row r="28661" spans="44:44" ht="15.75" customHeight="1" x14ac:dyDescent="0.15">
      <c r="AR28661" s="9" ph="1"/>
    </row>
    <row r="28662" spans="44:44" ht="15.75" customHeight="1" x14ac:dyDescent="0.15">
      <c r="AR28662" s="9" ph="1"/>
    </row>
    <row r="28664" spans="44:44" ht="15.75" customHeight="1" x14ac:dyDescent="0.15">
      <c r="AR28664" s="9" ph="1"/>
    </row>
    <row r="28665" spans="44:44" ht="15.75" customHeight="1" x14ac:dyDescent="0.15">
      <c r="AR28665" s="9" ph="1"/>
    </row>
    <row r="28666" spans="44:44" ht="15.75" customHeight="1" x14ac:dyDescent="0.15">
      <c r="AR28666" s="9" ph="1"/>
    </row>
    <row r="28667" spans="44:44" ht="15.75" customHeight="1" x14ac:dyDescent="0.15">
      <c r="AR28667" s="9" ph="1"/>
    </row>
    <row r="28668" spans="44:44" ht="15.75" customHeight="1" x14ac:dyDescent="0.15">
      <c r="AR28668" s="9" ph="1"/>
    </row>
    <row r="28669" spans="44:44" ht="15.75" customHeight="1" x14ac:dyDescent="0.15">
      <c r="AR28669" s="9" ph="1"/>
    </row>
    <row r="28670" spans="44:44" ht="15.75" customHeight="1" x14ac:dyDescent="0.15">
      <c r="AR28670" s="9" ph="1"/>
    </row>
    <row r="28671" spans="44:44" ht="15.75" customHeight="1" x14ac:dyDescent="0.15">
      <c r="AR28671" s="9" ph="1"/>
    </row>
    <row r="28672" spans="44:44" ht="15.75" customHeight="1" x14ac:dyDescent="0.15">
      <c r="AR28672" s="9" ph="1"/>
    </row>
    <row r="28673" spans="44:44" ht="15.75" customHeight="1" x14ac:dyDescent="0.15">
      <c r="AR28673" s="9" ph="1"/>
    </row>
    <row r="28674" spans="44:44" ht="15.75" customHeight="1" x14ac:dyDescent="0.15">
      <c r="AR28674" s="9" ph="1"/>
    </row>
    <row r="28681" spans="44:44" ht="15.75" customHeight="1" x14ac:dyDescent="0.15">
      <c r="AR28681" s="9" ph="1"/>
    </row>
    <row r="28682" spans="44:44" ht="15.75" customHeight="1" x14ac:dyDescent="0.15">
      <c r="AR28682" s="9" ph="1"/>
    </row>
    <row r="28684" spans="44:44" ht="15.75" customHeight="1" x14ac:dyDescent="0.15">
      <c r="AR28684" s="9" ph="1"/>
    </row>
    <row r="28691" spans="44:44" ht="15.75" customHeight="1" x14ac:dyDescent="0.15">
      <c r="AR28691" s="9" ph="1"/>
    </row>
    <row r="28702" spans="44:44" ht="15.75" customHeight="1" x14ac:dyDescent="0.15">
      <c r="AR28702" s="9" ph="1"/>
    </row>
    <row r="28709" spans="44:44" ht="15.75" customHeight="1" x14ac:dyDescent="0.15">
      <c r="AR28709" s="9" ph="1"/>
    </row>
    <row r="28713" spans="44:44" ht="15.75" customHeight="1" x14ac:dyDescent="0.15">
      <c r="AR28713" s="9" ph="1"/>
    </row>
    <row r="28720" spans="44:44" ht="15.75" customHeight="1" x14ac:dyDescent="0.15">
      <c r="AR28720" s="9" ph="1"/>
    </row>
    <row r="28727" spans="44:44" ht="15.75" customHeight="1" x14ac:dyDescent="0.15">
      <c r="AR28727" s="9" ph="1"/>
    </row>
    <row r="28734" spans="44:44" ht="15.75" customHeight="1" x14ac:dyDescent="0.15">
      <c r="AR28734" s="9" ph="1"/>
    </row>
    <row r="28735" spans="44:44" ht="15.75" customHeight="1" x14ac:dyDescent="0.15">
      <c r="AR28735" s="9" ph="1"/>
    </row>
    <row r="28737" spans="44:44" ht="15.75" customHeight="1" x14ac:dyDescent="0.15">
      <c r="AR28737" s="9" ph="1"/>
    </row>
    <row r="28744" spans="44:44" ht="15.75" customHeight="1" x14ac:dyDescent="0.15">
      <c r="AR28744" s="9" ph="1"/>
    </row>
    <row r="28755" spans="44:44" ht="15.75" customHeight="1" x14ac:dyDescent="0.15">
      <c r="AR28755" s="9" ph="1"/>
    </row>
    <row r="28762" spans="44:44" ht="15.75" customHeight="1" x14ac:dyDescent="0.15">
      <c r="AR28762" s="9" ph="1"/>
    </row>
    <row r="28763" spans="44:44" ht="15.75" customHeight="1" x14ac:dyDescent="0.15">
      <c r="AR28763" s="9" ph="1"/>
    </row>
    <row r="28764" spans="44:44" ht="15.75" customHeight="1" x14ac:dyDescent="0.15">
      <c r="AR28764" s="9" ph="1"/>
    </row>
    <row r="28765" spans="44:44" ht="15.75" customHeight="1" x14ac:dyDescent="0.15">
      <c r="AR28765" s="9" ph="1"/>
    </row>
    <row r="28766" spans="44:44" ht="15.75" customHeight="1" x14ac:dyDescent="0.15">
      <c r="AR28766" s="9" ph="1"/>
    </row>
    <row r="28767" spans="44:44" ht="15.75" customHeight="1" x14ac:dyDescent="0.15">
      <c r="AR28767" s="9" ph="1"/>
    </row>
    <row r="28768" spans="44:44" ht="15.75" customHeight="1" x14ac:dyDescent="0.15">
      <c r="AR28768" s="9" ph="1"/>
    </row>
    <row r="28769" spans="44:44" ht="15.75" customHeight="1" x14ac:dyDescent="0.15">
      <c r="AR28769" s="9" ph="1"/>
    </row>
    <row r="28771" spans="44:44" ht="15.75" customHeight="1" x14ac:dyDescent="0.15">
      <c r="AR28771" s="9" ph="1"/>
    </row>
    <row r="28778" spans="44:44" ht="15.75" customHeight="1" x14ac:dyDescent="0.15">
      <c r="AR28778" s="9" ph="1"/>
    </row>
    <row r="28782" spans="44:44" ht="15.75" customHeight="1" x14ac:dyDescent="0.15">
      <c r="AR28782" s="9" ph="1"/>
    </row>
    <row r="28789" spans="44:44" ht="15.75" customHeight="1" x14ac:dyDescent="0.15">
      <c r="AR28789" s="9" ph="1"/>
    </row>
    <row r="28796" spans="44:44" ht="15.75" customHeight="1" x14ac:dyDescent="0.15">
      <c r="AR28796" s="9" ph="1"/>
    </row>
    <row r="28803" spans="44:44" ht="15.75" customHeight="1" x14ac:dyDescent="0.15">
      <c r="AR28803" s="9" ph="1"/>
    </row>
    <row r="28804" spans="44:44" ht="15.75" customHeight="1" x14ac:dyDescent="0.15">
      <c r="AR28804" s="9" ph="1"/>
    </row>
    <row r="28806" spans="44:44" ht="15.75" customHeight="1" x14ac:dyDescent="0.15">
      <c r="AR28806" s="9" ph="1"/>
    </row>
    <row r="28813" spans="44:44" ht="15.75" customHeight="1" x14ac:dyDescent="0.15">
      <c r="AR28813" s="9" ph="1"/>
    </row>
    <row r="28824" spans="44:44" ht="15.75" customHeight="1" x14ac:dyDescent="0.15">
      <c r="AR28824" s="9" ph="1"/>
    </row>
    <row r="28831" spans="44:44" ht="15.75" customHeight="1" x14ac:dyDescent="0.15">
      <c r="AR28831" s="9" ph="1"/>
    </row>
    <row r="28832" spans="44:44" ht="15.75" customHeight="1" x14ac:dyDescent="0.15">
      <c r="AR28832" s="9" ph="1"/>
    </row>
    <row r="28833" spans="44:44" ht="15.75" customHeight="1" x14ac:dyDescent="0.15">
      <c r="AR28833" s="9" ph="1"/>
    </row>
    <row r="28834" spans="44:44" ht="15.75" customHeight="1" x14ac:dyDescent="0.15">
      <c r="AR28834" s="9" ph="1"/>
    </row>
    <row r="28835" spans="44:44" ht="15.75" customHeight="1" x14ac:dyDescent="0.15">
      <c r="AR28835" s="9" ph="1"/>
    </row>
    <row r="28836" spans="44:44" ht="15.75" customHeight="1" x14ac:dyDescent="0.15">
      <c r="AR28836" s="9" ph="1"/>
    </row>
    <row r="28837" spans="44:44" ht="15.75" customHeight="1" x14ac:dyDescent="0.15">
      <c r="AR28837" s="9" ph="1"/>
    </row>
    <row r="28838" spans="44:44" ht="15.75" customHeight="1" x14ac:dyDescent="0.15">
      <c r="AR28838" s="9" ph="1"/>
    </row>
    <row r="28840" spans="44:44" ht="15.75" customHeight="1" x14ac:dyDescent="0.15">
      <c r="AR28840" s="9" ph="1"/>
    </row>
    <row r="28841" spans="44:44" ht="15.75" customHeight="1" x14ac:dyDescent="0.15">
      <c r="AR28841" s="9" ph="1"/>
    </row>
    <row r="28842" spans="44:44" ht="15.75" customHeight="1" x14ac:dyDescent="0.15">
      <c r="AR28842" s="9" ph="1"/>
    </row>
    <row r="28843" spans="44:44" ht="15.75" customHeight="1" x14ac:dyDescent="0.15">
      <c r="AR28843" s="9" ph="1"/>
    </row>
    <row r="28850" spans="44:44" ht="15.75" customHeight="1" x14ac:dyDescent="0.15">
      <c r="AR28850" s="9" ph="1"/>
    </row>
    <row r="28851" spans="44:44" ht="15.75" customHeight="1" x14ac:dyDescent="0.15">
      <c r="AR28851" s="9" ph="1"/>
    </row>
    <row r="28852" spans="44:44" ht="15.75" customHeight="1" x14ac:dyDescent="0.15">
      <c r="AR28852" s="9" ph="1"/>
    </row>
    <row r="28853" spans="44:44" ht="15.75" customHeight="1" x14ac:dyDescent="0.15">
      <c r="AR28853" s="9" ph="1"/>
    </row>
    <row r="28854" spans="44:44" ht="15.75" customHeight="1" x14ac:dyDescent="0.15">
      <c r="AR28854" s="9" ph="1"/>
    </row>
    <row r="28855" spans="44:44" ht="15.75" customHeight="1" x14ac:dyDescent="0.15">
      <c r="AR28855" s="9" ph="1"/>
    </row>
    <row r="28856" spans="44:44" ht="15.75" customHeight="1" x14ac:dyDescent="0.15">
      <c r="AR28856" s="9" ph="1"/>
    </row>
    <row r="28857" spans="44:44" ht="15.75" customHeight="1" x14ac:dyDescent="0.15">
      <c r="AR28857" s="9" ph="1"/>
    </row>
    <row r="28859" spans="44:44" ht="15.75" customHeight="1" x14ac:dyDescent="0.15">
      <c r="AR28859" s="9" ph="1"/>
    </row>
    <row r="28860" spans="44:44" ht="15.75" customHeight="1" x14ac:dyDescent="0.15">
      <c r="AR28860" s="9" ph="1"/>
    </row>
    <row r="28861" spans="44:44" ht="15.75" customHeight="1" x14ac:dyDescent="0.15">
      <c r="AR28861" s="9" ph="1"/>
    </row>
    <row r="28863" spans="44:44" ht="15.75" customHeight="1" x14ac:dyDescent="0.15">
      <c r="AR28863" s="9" ph="1"/>
    </row>
    <row r="28864" spans="44:44" ht="15.75" customHeight="1" x14ac:dyDescent="0.15">
      <c r="AR28864" s="9" ph="1"/>
    </row>
    <row r="28865" spans="44:44" ht="15.75" customHeight="1" x14ac:dyDescent="0.15">
      <c r="AR28865" s="9" ph="1"/>
    </row>
    <row r="28866" spans="44:44" ht="15.75" customHeight="1" x14ac:dyDescent="0.15">
      <c r="AR28866" s="9" ph="1"/>
    </row>
    <row r="28867" spans="44:44" ht="15.75" customHeight="1" x14ac:dyDescent="0.15">
      <c r="AR28867" s="9" ph="1"/>
    </row>
    <row r="28868" spans="44:44" ht="15.75" customHeight="1" x14ac:dyDescent="0.15">
      <c r="AR28868" s="9" ph="1"/>
    </row>
    <row r="28869" spans="44:44" ht="15.75" customHeight="1" x14ac:dyDescent="0.15">
      <c r="AR28869" s="9" ph="1"/>
    </row>
    <row r="28870" spans="44:44" ht="15.75" customHeight="1" x14ac:dyDescent="0.15">
      <c r="AR28870" s="9" ph="1"/>
    </row>
    <row r="28871" spans="44:44" ht="15.75" customHeight="1" x14ac:dyDescent="0.15">
      <c r="AR28871" s="9" ph="1"/>
    </row>
    <row r="28872" spans="44:44" ht="15.75" customHeight="1" x14ac:dyDescent="0.15">
      <c r="AR28872" s="9" ph="1"/>
    </row>
    <row r="28873" spans="44:44" ht="15.75" customHeight="1" x14ac:dyDescent="0.15">
      <c r="AR28873" s="9" ph="1"/>
    </row>
    <row r="28874" spans="44:44" ht="15.75" customHeight="1" x14ac:dyDescent="0.15">
      <c r="AR28874" s="9" ph="1"/>
    </row>
    <row r="28875" spans="44:44" ht="15.75" customHeight="1" x14ac:dyDescent="0.15">
      <c r="AR28875" s="9" ph="1"/>
    </row>
    <row r="28877" spans="44:44" ht="15.75" customHeight="1" x14ac:dyDescent="0.15">
      <c r="AR28877" s="9" ph="1"/>
    </row>
    <row r="28878" spans="44:44" ht="15.75" customHeight="1" x14ac:dyDescent="0.15">
      <c r="AR28878" s="9" ph="1"/>
    </row>
    <row r="28879" spans="44:44" ht="15.75" customHeight="1" x14ac:dyDescent="0.15">
      <c r="AR28879" s="9" ph="1"/>
    </row>
    <row r="28881" spans="44:44" ht="15.75" customHeight="1" x14ac:dyDescent="0.15">
      <c r="AR28881" s="9" ph="1"/>
    </row>
    <row r="28882" spans="44:44" ht="15.75" customHeight="1" x14ac:dyDescent="0.15">
      <c r="AR28882" s="9" ph="1"/>
    </row>
    <row r="28883" spans="44:44" ht="15.75" customHeight="1" x14ac:dyDescent="0.15">
      <c r="AR28883" s="9" ph="1"/>
    </row>
    <row r="28884" spans="44:44" ht="15.75" customHeight="1" x14ac:dyDescent="0.15">
      <c r="AR28884" s="9" ph="1"/>
    </row>
    <row r="28885" spans="44:44" ht="15.75" customHeight="1" x14ac:dyDescent="0.15">
      <c r="AR28885" s="9" ph="1"/>
    </row>
    <row r="28886" spans="44:44" ht="15.75" customHeight="1" x14ac:dyDescent="0.15">
      <c r="AR28886" s="9" ph="1"/>
    </row>
    <row r="28888" spans="44:44" ht="15.75" customHeight="1" x14ac:dyDescent="0.15">
      <c r="AR28888" s="9" ph="1"/>
    </row>
    <row r="28889" spans="44:44" ht="15.75" customHeight="1" x14ac:dyDescent="0.15">
      <c r="AR28889" s="9" ph="1"/>
    </row>
    <row r="28890" spans="44:44" ht="15.75" customHeight="1" x14ac:dyDescent="0.15">
      <c r="AR28890" s="9" ph="1"/>
    </row>
    <row r="28891" spans="44:44" ht="15.75" customHeight="1" x14ac:dyDescent="0.15">
      <c r="AR28891" s="9" ph="1"/>
    </row>
    <row r="28892" spans="44:44" ht="15.75" customHeight="1" x14ac:dyDescent="0.15">
      <c r="AR28892" s="9" ph="1"/>
    </row>
    <row r="28893" spans="44:44" ht="15.75" customHeight="1" x14ac:dyDescent="0.15">
      <c r="AR28893" s="9" ph="1"/>
    </row>
    <row r="28894" spans="44:44" ht="15.75" customHeight="1" x14ac:dyDescent="0.15">
      <c r="AR28894" s="9" ph="1"/>
    </row>
    <row r="28895" spans="44:44" ht="15.75" customHeight="1" x14ac:dyDescent="0.15">
      <c r="AR28895" s="9" ph="1"/>
    </row>
    <row r="28896" spans="44:44" ht="15.75" customHeight="1" x14ac:dyDescent="0.15">
      <c r="AR28896" s="9" ph="1"/>
    </row>
    <row r="28897" spans="44:44" ht="15.75" customHeight="1" x14ac:dyDescent="0.15">
      <c r="AR28897" s="9" ph="1"/>
    </row>
    <row r="28898" spans="44:44" ht="15.75" customHeight="1" x14ac:dyDescent="0.15">
      <c r="AR28898" s="9" ph="1"/>
    </row>
    <row r="28899" spans="44:44" ht="15.75" customHeight="1" x14ac:dyDescent="0.15">
      <c r="AR28899" s="9" ph="1"/>
    </row>
    <row r="28900" spans="44:44" ht="15.75" customHeight="1" x14ac:dyDescent="0.15">
      <c r="AR28900" s="9" ph="1"/>
    </row>
    <row r="28902" spans="44:44" ht="15.75" customHeight="1" x14ac:dyDescent="0.15">
      <c r="AR28902" s="9" ph="1"/>
    </row>
    <row r="28903" spans="44:44" ht="15.75" customHeight="1" x14ac:dyDescent="0.15">
      <c r="AR28903" s="9" ph="1"/>
    </row>
    <row r="28904" spans="44:44" ht="15.75" customHeight="1" x14ac:dyDescent="0.15">
      <c r="AR28904" s="9" ph="1"/>
    </row>
    <row r="28906" spans="44:44" ht="15.75" customHeight="1" x14ac:dyDescent="0.15">
      <c r="AR28906" s="9" ph="1"/>
    </row>
    <row r="28907" spans="44:44" ht="15.75" customHeight="1" x14ac:dyDescent="0.15">
      <c r="AR28907" s="9" ph="1"/>
    </row>
    <row r="28908" spans="44:44" ht="15.75" customHeight="1" x14ac:dyDescent="0.15">
      <c r="AR28908" s="9" ph="1"/>
    </row>
    <row r="28909" spans="44:44" ht="15.75" customHeight="1" x14ac:dyDescent="0.15">
      <c r="AR28909" s="9" ph="1"/>
    </row>
    <row r="28910" spans="44:44" ht="15.75" customHeight="1" x14ac:dyDescent="0.15">
      <c r="AR28910" s="9" ph="1"/>
    </row>
    <row r="28911" spans="44:44" ht="15.75" customHeight="1" x14ac:dyDescent="0.15">
      <c r="AR28911" s="9" ph="1"/>
    </row>
    <row r="28912" spans="44:44" ht="15.75" customHeight="1" x14ac:dyDescent="0.15">
      <c r="AR28912" s="9" ph="1"/>
    </row>
    <row r="28913" spans="44:44" ht="15.75" customHeight="1" x14ac:dyDescent="0.15">
      <c r="AR28913" s="9" ph="1"/>
    </row>
    <row r="28914" spans="44:44" ht="15.75" customHeight="1" x14ac:dyDescent="0.15">
      <c r="AR28914" s="9" ph="1"/>
    </row>
    <row r="28915" spans="44:44" ht="15.75" customHeight="1" x14ac:dyDescent="0.15">
      <c r="AR28915" s="9" ph="1"/>
    </row>
    <row r="28916" spans="44:44" ht="15.75" customHeight="1" x14ac:dyDescent="0.15">
      <c r="AR28916" s="9" ph="1"/>
    </row>
    <row r="28917" spans="44:44" ht="15.75" customHeight="1" x14ac:dyDescent="0.15">
      <c r="AR28917" s="9" ph="1"/>
    </row>
    <row r="28918" spans="44:44" ht="15.75" customHeight="1" x14ac:dyDescent="0.15">
      <c r="AR28918" s="9" ph="1"/>
    </row>
    <row r="28919" spans="44:44" ht="15.75" customHeight="1" x14ac:dyDescent="0.15">
      <c r="AR28919" s="9" ph="1"/>
    </row>
    <row r="28920" spans="44:44" ht="15.75" customHeight="1" x14ac:dyDescent="0.15">
      <c r="AR28920" s="9" ph="1"/>
    </row>
    <row r="28921" spans="44:44" ht="15.75" customHeight="1" x14ac:dyDescent="0.15">
      <c r="AR28921" s="9" ph="1"/>
    </row>
    <row r="28923" spans="44:44" ht="15.75" customHeight="1" x14ac:dyDescent="0.15">
      <c r="AR28923" s="9" ph="1"/>
    </row>
    <row r="28924" spans="44:44" ht="15.75" customHeight="1" x14ac:dyDescent="0.15">
      <c r="AR28924" s="9" ph="1"/>
    </row>
    <row r="28925" spans="44:44" ht="15.75" customHeight="1" x14ac:dyDescent="0.15">
      <c r="AR28925" s="9" ph="1"/>
    </row>
    <row r="28927" spans="44:44" ht="15.75" customHeight="1" x14ac:dyDescent="0.15">
      <c r="AR28927" s="9" ph="1"/>
    </row>
    <row r="28928" spans="44:44" ht="15.75" customHeight="1" x14ac:dyDescent="0.15">
      <c r="AR28928" s="9" ph="1"/>
    </row>
    <row r="28929" spans="44:44" ht="15.75" customHeight="1" x14ac:dyDescent="0.15">
      <c r="AR28929" s="9" ph="1"/>
    </row>
    <row r="28930" spans="44:44" ht="15.75" customHeight="1" x14ac:dyDescent="0.15">
      <c r="AR28930" s="9" ph="1"/>
    </row>
    <row r="28931" spans="44:44" ht="15.75" customHeight="1" x14ac:dyDescent="0.15">
      <c r="AR28931" s="9" ph="1"/>
    </row>
    <row r="28932" spans="44:44" ht="15.75" customHeight="1" x14ac:dyDescent="0.15">
      <c r="AR28932" s="9" ph="1"/>
    </row>
    <row r="28933" spans="44:44" ht="15.75" customHeight="1" x14ac:dyDescent="0.15">
      <c r="AR28933" s="9" ph="1"/>
    </row>
    <row r="28934" spans="44:44" ht="15.75" customHeight="1" x14ac:dyDescent="0.15">
      <c r="AR28934" s="9" ph="1"/>
    </row>
    <row r="28936" spans="44:44" ht="15.75" customHeight="1" x14ac:dyDescent="0.15">
      <c r="AR28936" s="9" ph="1"/>
    </row>
    <row r="28937" spans="44:44" ht="15.75" customHeight="1" x14ac:dyDescent="0.15">
      <c r="AR28937" s="9" ph="1"/>
    </row>
    <row r="28938" spans="44:44" ht="15.75" customHeight="1" x14ac:dyDescent="0.15">
      <c r="AR28938" s="9" ph="1"/>
    </row>
    <row r="28939" spans="44:44" ht="15.75" customHeight="1" x14ac:dyDescent="0.15">
      <c r="AR28939" s="9" ph="1"/>
    </row>
    <row r="28940" spans="44:44" ht="15.75" customHeight="1" x14ac:dyDescent="0.15">
      <c r="AR28940" s="9" ph="1"/>
    </row>
    <row r="28941" spans="44:44" ht="15.75" customHeight="1" x14ac:dyDescent="0.15">
      <c r="AR28941" s="9" ph="1"/>
    </row>
    <row r="28942" spans="44:44" ht="15.75" customHeight="1" x14ac:dyDescent="0.15">
      <c r="AR28942" s="9" ph="1"/>
    </row>
    <row r="28943" spans="44:44" ht="15.75" customHeight="1" x14ac:dyDescent="0.15">
      <c r="AR28943" s="9" ph="1"/>
    </row>
    <row r="28945" spans="44:44" ht="15.75" customHeight="1" x14ac:dyDescent="0.15">
      <c r="AR28945" s="9" ph="1"/>
    </row>
    <row r="28946" spans="44:44" ht="15.75" customHeight="1" x14ac:dyDescent="0.15">
      <c r="AR28946" s="9" ph="1"/>
    </row>
    <row r="28947" spans="44:44" ht="15.75" customHeight="1" x14ac:dyDescent="0.15">
      <c r="AR28947" s="9" ph="1"/>
    </row>
    <row r="28948" spans="44:44" ht="15.75" customHeight="1" x14ac:dyDescent="0.15">
      <c r="AR28948" s="9" ph="1"/>
    </row>
    <row r="28949" spans="44:44" ht="15.75" customHeight="1" x14ac:dyDescent="0.15">
      <c r="AR28949" s="9" ph="1"/>
    </row>
    <row r="28950" spans="44:44" ht="15.75" customHeight="1" x14ac:dyDescent="0.15">
      <c r="AR28950" s="9" ph="1"/>
    </row>
    <row r="28952" spans="44:44" ht="15.75" customHeight="1" x14ac:dyDescent="0.15">
      <c r="AR28952" s="9" ph="1"/>
    </row>
    <row r="28953" spans="44:44" ht="15.75" customHeight="1" x14ac:dyDescent="0.15">
      <c r="AR28953" s="9" ph="1"/>
    </row>
    <row r="28954" spans="44:44" ht="15.75" customHeight="1" x14ac:dyDescent="0.15">
      <c r="AR28954" s="9" ph="1"/>
    </row>
    <row r="28955" spans="44:44" ht="15.75" customHeight="1" x14ac:dyDescent="0.15">
      <c r="AR28955" s="9" ph="1"/>
    </row>
    <row r="28956" spans="44:44" ht="15.75" customHeight="1" x14ac:dyDescent="0.15">
      <c r="AR28956" s="9" ph="1"/>
    </row>
    <row r="28957" spans="44:44" ht="15.75" customHeight="1" x14ac:dyDescent="0.15">
      <c r="AR28957" s="9" ph="1"/>
    </row>
    <row r="28958" spans="44:44" ht="15.75" customHeight="1" x14ac:dyDescent="0.15">
      <c r="AR28958" s="9" ph="1"/>
    </row>
    <row r="28959" spans="44:44" ht="15.75" customHeight="1" x14ac:dyDescent="0.15">
      <c r="AR28959" s="9" ph="1"/>
    </row>
    <row r="28960" spans="44:44" ht="15.75" customHeight="1" x14ac:dyDescent="0.15">
      <c r="AR28960" s="9" ph="1"/>
    </row>
    <row r="28961" spans="44:44" ht="15.75" customHeight="1" x14ac:dyDescent="0.15">
      <c r="AR28961" s="9" ph="1"/>
    </row>
    <row r="28963" spans="44:44" ht="15.75" customHeight="1" x14ac:dyDescent="0.15">
      <c r="AR28963" s="9" ph="1"/>
    </row>
    <row r="28964" spans="44:44" ht="15.75" customHeight="1" x14ac:dyDescent="0.15">
      <c r="AR28964" s="9" ph="1"/>
    </row>
    <row r="28965" spans="44:44" ht="15.75" customHeight="1" x14ac:dyDescent="0.15">
      <c r="AR28965" s="9" ph="1"/>
    </row>
    <row r="28966" spans="44:44" ht="15.75" customHeight="1" x14ac:dyDescent="0.15">
      <c r="AR28966" s="9" ph="1"/>
    </row>
    <row r="28967" spans="44:44" ht="15.75" customHeight="1" x14ac:dyDescent="0.15">
      <c r="AR28967" s="9" ph="1"/>
    </row>
    <row r="28968" spans="44:44" ht="15.75" customHeight="1" x14ac:dyDescent="0.15">
      <c r="AR28968" s="9" ph="1"/>
    </row>
    <row r="28969" spans="44:44" ht="15.75" customHeight="1" x14ac:dyDescent="0.15">
      <c r="AR28969" s="9" ph="1"/>
    </row>
    <row r="28970" spans="44:44" ht="15.75" customHeight="1" x14ac:dyDescent="0.15">
      <c r="AR28970" s="9" ph="1"/>
    </row>
    <row r="28972" spans="44:44" ht="15.75" customHeight="1" x14ac:dyDescent="0.15">
      <c r="AR28972" s="9" ph="1"/>
    </row>
    <row r="28973" spans="44:44" ht="15.75" customHeight="1" x14ac:dyDescent="0.15">
      <c r="AR28973" s="9" ph="1"/>
    </row>
    <row r="28974" spans="44:44" ht="15.75" customHeight="1" x14ac:dyDescent="0.15">
      <c r="AR28974" s="9" ph="1"/>
    </row>
    <row r="28975" spans="44:44" ht="15.75" customHeight="1" x14ac:dyDescent="0.15">
      <c r="AR28975" s="9" ph="1"/>
    </row>
    <row r="28976" spans="44:44" ht="15.75" customHeight="1" x14ac:dyDescent="0.15">
      <c r="AR28976" s="9" ph="1"/>
    </row>
    <row r="28977" spans="44:44" ht="15.75" customHeight="1" x14ac:dyDescent="0.15">
      <c r="AR28977" s="9" ph="1"/>
    </row>
    <row r="28979" spans="44:44" ht="15.75" customHeight="1" x14ac:dyDescent="0.15">
      <c r="AR28979" s="9" ph="1"/>
    </row>
    <row r="28980" spans="44:44" ht="15.75" customHeight="1" x14ac:dyDescent="0.15">
      <c r="AR28980" s="9" ph="1"/>
    </row>
    <row r="28981" spans="44:44" ht="15.75" customHeight="1" x14ac:dyDescent="0.15">
      <c r="AR28981" s="9" ph="1"/>
    </row>
    <row r="28982" spans="44:44" ht="15.75" customHeight="1" x14ac:dyDescent="0.15">
      <c r="AR28982" s="9" ph="1"/>
    </row>
    <row r="28983" spans="44:44" ht="15.75" customHeight="1" x14ac:dyDescent="0.15">
      <c r="AR28983" s="9" ph="1"/>
    </row>
    <row r="28984" spans="44:44" ht="15.75" customHeight="1" x14ac:dyDescent="0.15">
      <c r="AR28984" s="9" ph="1"/>
    </row>
    <row r="28985" spans="44:44" ht="15.75" customHeight="1" x14ac:dyDescent="0.15">
      <c r="AR28985" s="9" ph="1"/>
    </row>
    <row r="28986" spans="44:44" ht="15.75" customHeight="1" x14ac:dyDescent="0.15">
      <c r="AR28986" s="9" ph="1"/>
    </row>
    <row r="28987" spans="44:44" ht="15.75" customHeight="1" x14ac:dyDescent="0.15">
      <c r="AR28987" s="9" ph="1"/>
    </row>
    <row r="28988" spans="44:44" ht="15.75" customHeight="1" x14ac:dyDescent="0.15">
      <c r="AR28988" s="9" ph="1"/>
    </row>
    <row r="28989" spans="44:44" ht="15.75" customHeight="1" x14ac:dyDescent="0.15">
      <c r="AR28989" s="9" ph="1"/>
    </row>
    <row r="28996" spans="44:44" ht="15.75" customHeight="1" x14ac:dyDescent="0.15">
      <c r="AR28996" s="9" ph="1"/>
    </row>
    <row r="28997" spans="44:44" ht="15.75" customHeight="1" x14ac:dyDescent="0.15">
      <c r="AR28997" s="9" ph="1"/>
    </row>
    <row r="28999" spans="44:44" ht="15.75" customHeight="1" x14ac:dyDescent="0.15">
      <c r="AR28999" s="9" ph="1"/>
    </row>
    <row r="29006" spans="44:44" ht="15.75" customHeight="1" x14ac:dyDescent="0.15">
      <c r="AR29006" s="9" ph="1"/>
    </row>
    <row r="29017" spans="44:44" ht="15.75" customHeight="1" x14ac:dyDescent="0.15">
      <c r="AR29017" s="9" ph="1"/>
    </row>
    <row r="29024" spans="44:44" ht="15.75" customHeight="1" x14ac:dyDescent="0.15">
      <c r="AR29024" s="9" ph="1"/>
    </row>
    <row r="29028" spans="44:44" ht="15.75" customHeight="1" x14ac:dyDescent="0.15">
      <c r="AR29028" s="9" ph="1"/>
    </row>
    <row r="29035" spans="44:44" ht="15.75" customHeight="1" x14ac:dyDescent="0.15">
      <c r="AR29035" s="9" ph="1"/>
    </row>
    <row r="29042" spans="44:44" ht="15.75" customHeight="1" x14ac:dyDescent="0.15">
      <c r="AR29042" s="9" ph="1"/>
    </row>
    <row r="29049" spans="44:44" ht="15.75" customHeight="1" x14ac:dyDescent="0.15">
      <c r="AR29049" s="9" ph="1"/>
    </row>
    <row r="29050" spans="44:44" ht="15.75" customHeight="1" x14ac:dyDescent="0.15">
      <c r="AR29050" s="9" ph="1"/>
    </row>
    <row r="29052" spans="44:44" ht="15.75" customHeight="1" x14ac:dyDescent="0.15">
      <c r="AR29052" s="9" ph="1"/>
    </row>
    <row r="29059" spans="44:44" ht="15.75" customHeight="1" x14ac:dyDescent="0.15">
      <c r="AR29059" s="9" ph="1"/>
    </row>
    <row r="29070" spans="44:44" ht="15.75" customHeight="1" x14ac:dyDescent="0.15">
      <c r="AR29070" s="9" ph="1"/>
    </row>
    <row r="29077" spans="44:44" ht="15.75" customHeight="1" x14ac:dyDescent="0.15">
      <c r="AR29077" s="9" ph="1"/>
    </row>
    <row r="29078" spans="44:44" ht="15.75" customHeight="1" x14ac:dyDescent="0.15">
      <c r="AR29078" s="9" ph="1"/>
    </row>
    <row r="29079" spans="44:44" ht="15.75" customHeight="1" x14ac:dyDescent="0.15">
      <c r="AR29079" s="9" ph="1"/>
    </row>
    <row r="29080" spans="44:44" ht="15.75" customHeight="1" x14ac:dyDescent="0.15">
      <c r="AR29080" s="9" ph="1"/>
    </row>
    <row r="29081" spans="44:44" ht="15.75" customHeight="1" x14ac:dyDescent="0.15">
      <c r="AR29081" s="9" ph="1"/>
    </row>
    <row r="29082" spans="44:44" ht="15.75" customHeight="1" x14ac:dyDescent="0.15">
      <c r="AR29082" s="9" ph="1"/>
    </row>
    <row r="29083" spans="44:44" ht="15.75" customHeight="1" x14ac:dyDescent="0.15">
      <c r="AR29083" s="9" ph="1"/>
    </row>
    <row r="29084" spans="44:44" ht="15.75" customHeight="1" x14ac:dyDescent="0.15">
      <c r="AR29084" s="9" ph="1"/>
    </row>
    <row r="29086" spans="44:44" ht="15.75" customHeight="1" x14ac:dyDescent="0.15">
      <c r="AR29086" s="9" ph="1"/>
    </row>
    <row r="29093" spans="44:44" ht="15.75" customHeight="1" x14ac:dyDescent="0.15">
      <c r="AR29093" s="9" ph="1"/>
    </row>
    <row r="29097" spans="44:44" ht="15.75" customHeight="1" x14ac:dyDescent="0.15">
      <c r="AR29097" s="9" ph="1"/>
    </row>
    <row r="29104" spans="44:44" ht="15.75" customHeight="1" x14ac:dyDescent="0.15">
      <c r="AR29104" s="9" ph="1"/>
    </row>
    <row r="29111" spans="44:44" ht="15.75" customHeight="1" x14ac:dyDescent="0.15">
      <c r="AR29111" s="9" ph="1"/>
    </row>
    <row r="29118" spans="44:44" ht="15.75" customHeight="1" x14ac:dyDescent="0.15">
      <c r="AR29118" s="9" ph="1"/>
    </row>
    <row r="29119" spans="44:44" ht="15.75" customHeight="1" x14ac:dyDescent="0.15">
      <c r="AR29119" s="9" ph="1"/>
    </row>
    <row r="29121" spans="44:44" ht="15.75" customHeight="1" x14ac:dyDescent="0.15">
      <c r="AR29121" s="9" ph="1"/>
    </row>
    <row r="29128" spans="44:44" ht="15.75" customHeight="1" x14ac:dyDescent="0.15">
      <c r="AR29128" s="9" ph="1"/>
    </row>
    <row r="29139" spans="44:44" ht="15.75" customHeight="1" x14ac:dyDescent="0.15">
      <c r="AR29139" s="9" ph="1"/>
    </row>
    <row r="29146" spans="44:44" ht="15.75" customHeight="1" x14ac:dyDescent="0.15">
      <c r="AR29146" s="9" ph="1"/>
    </row>
    <row r="29147" spans="44:44" ht="15.75" customHeight="1" x14ac:dyDescent="0.15">
      <c r="AR29147" s="9" ph="1"/>
    </row>
    <row r="29148" spans="44:44" ht="15.75" customHeight="1" x14ac:dyDescent="0.15">
      <c r="AR29148" s="9" ph="1"/>
    </row>
    <row r="29149" spans="44:44" ht="15.75" customHeight="1" x14ac:dyDescent="0.15">
      <c r="AR29149" s="9" ph="1"/>
    </row>
    <row r="29150" spans="44:44" ht="15.75" customHeight="1" x14ac:dyDescent="0.15">
      <c r="AR29150" s="9" ph="1"/>
    </row>
    <row r="29151" spans="44:44" ht="15.75" customHeight="1" x14ac:dyDescent="0.15">
      <c r="AR29151" s="9" ph="1"/>
    </row>
    <row r="29152" spans="44:44" ht="15.75" customHeight="1" x14ac:dyDescent="0.15">
      <c r="AR29152" s="9" ph="1"/>
    </row>
    <row r="29153" spans="44:44" ht="15.75" customHeight="1" x14ac:dyDescent="0.15">
      <c r="AR29153" s="9" ph="1"/>
    </row>
    <row r="29155" spans="44:44" ht="15.75" customHeight="1" x14ac:dyDescent="0.15">
      <c r="AR29155" s="9" ph="1"/>
    </row>
    <row r="29156" spans="44:44" ht="15.75" customHeight="1" x14ac:dyDescent="0.15">
      <c r="AR29156" s="9" ph="1"/>
    </row>
    <row r="29157" spans="44:44" ht="15.75" customHeight="1" x14ac:dyDescent="0.15">
      <c r="AR29157" s="9" ph="1"/>
    </row>
    <row r="29158" spans="44:44" ht="15.75" customHeight="1" x14ac:dyDescent="0.15">
      <c r="AR29158" s="9" ph="1"/>
    </row>
    <row r="29165" spans="44:44" ht="15.75" customHeight="1" x14ac:dyDescent="0.15">
      <c r="AR29165" s="9" ph="1"/>
    </row>
    <row r="29166" spans="44:44" ht="15.75" customHeight="1" x14ac:dyDescent="0.15">
      <c r="AR29166" s="9" ph="1"/>
    </row>
    <row r="29167" spans="44:44" ht="15.75" customHeight="1" x14ac:dyDescent="0.15">
      <c r="AR29167" s="9" ph="1"/>
    </row>
    <row r="29168" spans="44:44" ht="15.75" customHeight="1" x14ac:dyDescent="0.15">
      <c r="AR29168" s="9" ph="1"/>
    </row>
    <row r="29169" spans="44:44" ht="15.75" customHeight="1" x14ac:dyDescent="0.15">
      <c r="AR29169" s="9" ph="1"/>
    </row>
    <row r="29170" spans="44:44" ht="15.75" customHeight="1" x14ac:dyDescent="0.15">
      <c r="AR29170" s="9" ph="1"/>
    </row>
    <row r="29171" spans="44:44" ht="15.75" customHeight="1" x14ac:dyDescent="0.15">
      <c r="AR29171" s="9" ph="1"/>
    </row>
    <row r="29172" spans="44:44" ht="15.75" customHeight="1" x14ac:dyDescent="0.15">
      <c r="AR29172" s="9" ph="1"/>
    </row>
    <row r="29174" spans="44:44" ht="15.75" customHeight="1" x14ac:dyDescent="0.15">
      <c r="AR29174" s="9" ph="1"/>
    </row>
    <row r="29175" spans="44:44" ht="15.75" customHeight="1" x14ac:dyDescent="0.15">
      <c r="AR29175" s="9" ph="1"/>
    </row>
    <row r="29176" spans="44:44" ht="15.75" customHeight="1" x14ac:dyDescent="0.15">
      <c r="AR29176" s="9" ph="1"/>
    </row>
    <row r="29178" spans="44:44" ht="15.75" customHeight="1" x14ac:dyDescent="0.15">
      <c r="AR29178" s="9" ph="1"/>
    </row>
    <row r="29179" spans="44:44" ht="15.75" customHeight="1" x14ac:dyDescent="0.15">
      <c r="AR29179" s="9" ph="1"/>
    </row>
    <row r="29180" spans="44:44" ht="15.75" customHeight="1" x14ac:dyDescent="0.15">
      <c r="AR29180" s="9" ph="1"/>
    </row>
    <row r="29181" spans="44:44" ht="15.75" customHeight="1" x14ac:dyDescent="0.15">
      <c r="AR29181" s="9" ph="1"/>
    </row>
    <row r="29182" spans="44:44" ht="15.75" customHeight="1" x14ac:dyDescent="0.15">
      <c r="AR29182" s="9" ph="1"/>
    </row>
    <row r="29183" spans="44:44" ht="15.75" customHeight="1" x14ac:dyDescent="0.15">
      <c r="AR29183" s="9" ph="1"/>
    </row>
    <row r="29184" spans="44:44" ht="15.75" customHeight="1" x14ac:dyDescent="0.15">
      <c r="AR29184" s="9" ph="1"/>
    </row>
    <row r="29185" spans="44:44" ht="15.75" customHeight="1" x14ac:dyDescent="0.15">
      <c r="AR29185" s="9" ph="1"/>
    </row>
    <row r="29186" spans="44:44" ht="15.75" customHeight="1" x14ac:dyDescent="0.15">
      <c r="AR29186" s="9" ph="1"/>
    </row>
    <row r="29187" spans="44:44" ht="15.75" customHeight="1" x14ac:dyDescent="0.15">
      <c r="AR29187" s="9" ph="1"/>
    </row>
    <row r="29188" spans="44:44" ht="15.75" customHeight="1" x14ac:dyDescent="0.15">
      <c r="AR29188" s="9" ph="1"/>
    </row>
    <row r="29189" spans="44:44" ht="15.75" customHeight="1" x14ac:dyDescent="0.15">
      <c r="AR29189" s="9" ph="1"/>
    </row>
    <row r="29190" spans="44:44" ht="15.75" customHeight="1" x14ac:dyDescent="0.15">
      <c r="AR29190" s="9" ph="1"/>
    </row>
    <row r="29192" spans="44:44" ht="15.75" customHeight="1" x14ac:dyDescent="0.15">
      <c r="AR29192" s="9" ph="1"/>
    </row>
    <row r="29193" spans="44:44" ht="15.75" customHeight="1" x14ac:dyDescent="0.15">
      <c r="AR29193" s="9" ph="1"/>
    </row>
    <row r="29194" spans="44:44" ht="15.75" customHeight="1" x14ac:dyDescent="0.15">
      <c r="AR29194" s="9" ph="1"/>
    </row>
    <row r="29196" spans="44:44" ht="15.75" customHeight="1" x14ac:dyDescent="0.15">
      <c r="AR29196" s="9" ph="1"/>
    </row>
    <row r="29197" spans="44:44" ht="15.75" customHeight="1" x14ac:dyDescent="0.15">
      <c r="AR29197" s="9" ph="1"/>
    </row>
    <row r="29198" spans="44:44" ht="15.75" customHeight="1" x14ac:dyDescent="0.15">
      <c r="AR29198" s="9" ph="1"/>
    </row>
    <row r="29199" spans="44:44" ht="15.75" customHeight="1" x14ac:dyDescent="0.15">
      <c r="AR29199" s="9" ph="1"/>
    </row>
    <row r="29200" spans="44:44" ht="15.75" customHeight="1" x14ac:dyDescent="0.15">
      <c r="AR29200" s="9" ph="1"/>
    </row>
    <row r="29201" spans="44:44" ht="15.75" customHeight="1" x14ac:dyDescent="0.15">
      <c r="AR29201" s="9" ph="1"/>
    </row>
    <row r="29203" spans="44:44" ht="15.75" customHeight="1" x14ac:dyDescent="0.15">
      <c r="AR29203" s="9" ph="1"/>
    </row>
    <row r="29204" spans="44:44" ht="15.75" customHeight="1" x14ac:dyDescent="0.15">
      <c r="AR29204" s="9" ph="1"/>
    </row>
    <row r="29205" spans="44:44" ht="15.75" customHeight="1" x14ac:dyDescent="0.15">
      <c r="AR29205" s="9" ph="1"/>
    </row>
    <row r="29206" spans="44:44" ht="15.75" customHeight="1" x14ac:dyDescent="0.15">
      <c r="AR29206" s="9" ph="1"/>
    </row>
    <row r="29207" spans="44:44" ht="15.75" customHeight="1" x14ac:dyDescent="0.15">
      <c r="AR29207" s="9" ph="1"/>
    </row>
    <row r="29208" spans="44:44" ht="15.75" customHeight="1" x14ac:dyDescent="0.15">
      <c r="AR29208" s="9" ph="1"/>
    </row>
    <row r="29209" spans="44:44" ht="15.75" customHeight="1" x14ac:dyDescent="0.15">
      <c r="AR29209" s="9" ph="1"/>
    </row>
    <row r="29210" spans="44:44" ht="15.75" customHeight="1" x14ac:dyDescent="0.15">
      <c r="AR29210" s="9" ph="1"/>
    </row>
    <row r="29211" spans="44:44" ht="15.75" customHeight="1" x14ac:dyDescent="0.15">
      <c r="AR29211" s="9" ph="1"/>
    </row>
    <row r="29212" spans="44:44" ht="15.75" customHeight="1" x14ac:dyDescent="0.15">
      <c r="AR29212" s="9" ph="1"/>
    </row>
    <row r="29213" spans="44:44" ht="15.75" customHeight="1" x14ac:dyDescent="0.15">
      <c r="AR29213" s="9" ph="1"/>
    </row>
    <row r="29214" spans="44:44" ht="15.75" customHeight="1" x14ac:dyDescent="0.15">
      <c r="AR29214" s="9" ph="1"/>
    </row>
    <row r="29215" spans="44:44" ht="15.75" customHeight="1" x14ac:dyDescent="0.15">
      <c r="AR29215" s="9" ph="1"/>
    </row>
    <row r="29217" spans="44:44" ht="15.75" customHeight="1" x14ac:dyDescent="0.15">
      <c r="AR29217" s="9" ph="1"/>
    </row>
    <row r="29218" spans="44:44" ht="15.75" customHeight="1" x14ac:dyDescent="0.15">
      <c r="AR29218" s="9" ph="1"/>
    </row>
    <row r="29219" spans="44:44" ht="15.75" customHeight="1" x14ac:dyDescent="0.15">
      <c r="AR29219" s="9" ph="1"/>
    </row>
    <row r="29221" spans="44:44" ht="15.75" customHeight="1" x14ac:dyDescent="0.15">
      <c r="AR29221" s="9" ph="1"/>
    </row>
    <row r="29222" spans="44:44" ht="15.75" customHeight="1" x14ac:dyDescent="0.15">
      <c r="AR29222" s="9" ph="1"/>
    </row>
    <row r="29223" spans="44:44" ht="15.75" customHeight="1" x14ac:dyDescent="0.15">
      <c r="AR29223" s="9" ph="1"/>
    </row>
    <row r="29224" spans="44:44" ht="15.75" customHeight="1" x14ac:dyDescent="0.15">
      <c r="AR29224" s="9" ph="1"/>
    </row>
    <row r="29225" spans="44:44" ht="15.75" customHeight="1" x14ac:dyDescent="0.15">
      <c r="AR29225" s="9" ph="1"/>
    </row>
    <row r="29226" spans="44:44" ht="15.75" customHeight="1" x14ac:dyDescent="0.15">
      <c r="AR29226" s="9" ph="1"/>
    </row>
    <row r="29227" spans="44:44" ht="15.75" customHeight="1" x14ac:dyDescent="0.15">
      <c r="AR29227" s="9" ph="1"/>
    </row>
    <row r="29228" spans="44:44" ht="15.75" customHeight="1" x14ac:dyDescent="0.15">
      <c r="AR29228" s="9" ph="1"/>
    </row>
    <row r="29229" spans="44:44" ht="15.75" customHeight="1" x14ac:dyDescent="0.15">
      <c r="AR29229" s="9" ph="1"/>
    </row>
    <row r="29230" spans="44:44" ht="15.75" customHeight="1" x14ac:dyDescent="0.15">
      <c r="AR29230" s="9" ph="1"/>
    </row>
    <row r="29231" spans="44:44" ht="15.75" customHeight="1" x14ac:dyDescent="0.15">
      <c r="AR29231" s="9" ph="1"/>
    </row>
    <row r="29232" spans="44:44" ht="15.75" customHeight="1" x14ac:dyDescent="0.15">
      <c r="AR29232" s="9" ph="1"/>
    </row>
    <row r="29233" spans="44:44" ht="15.75" customHeight="1" x14ac:dyDescent="0.15">
      <c r="AR29233" s="9" ph="1"/>
    </row>
    <row r="29234" spans="44:44" ht="15.75" customHeight="1" x14ac:dyDescent="0.15">
      <c r="AR29234" s="9" ph="1"/>
    </row>
    <row r="29235" spans="44:44" ht="15.75" customHeight="1" x14ac:dyDescent="0.15">
      <c r="AR29235" s="9" ph="1"/>
    </row>
    <row r="29236" spans="44:44" ht="15.75" customHeight="1" x14ac:dyDescent="0.15">
      <c r="AR29236" s="9" ph="1"/>
    </row>
    <row r="29238" spans="44:44" ht="15.75" customHeight="1" x14ac:dyDescent="0.15">
      <c r="AR29238" s="9" ph="1"/>
    </row>
    <row r="29239" spans="44:44" ht="15.75" customHeight="1" x14ac:dyDescent="0.15">
      <c r="AR29239" s="9" ph="1"/>
    </row>
    <row r="29240" spans="44:44" ht="15.75" customHeight="1" x14ac:dyDescent="0.15">
      <c r="AR29240" s="9" ph="1"/>
    </row>
    <row r="29242" spans="44:44" ht="15.75" customHeight="1" x14ac:dyDescent="0.15">
      <c r="AR29242" s="9" ph="1"/>
    </row>
    <row r="29243" spans="44:44" ht="15.75" customHeight="1" x14ac:dyDescent="0.15">
      <c r="AR29243" s="9" ph="1"/>
    </row>
    <row r="29244" spans="44:44" ht="15.75" customHeight="1" x14ac:dyDescent="0.15">
      <c r="AR29244" s="9" ph="1"/>
    </row>
    <row r="29245" spans="44:44" ht="15.75" customHeight="1" x14ac:dyDescent="0.15">
      <c r="AR29245" s="9" ph="1"/>
    </row>
    <row r="29246" spans="44:44" ht="15.75" customHeight="1" x14ac:dyDescent="0.15">
      <c r="AR29246" s="9" ph="1"/>
    </row>
    <row r="29247" spans="44:44" ht="15.75" customHeight="1" x14ac:dyDescent="0.15">
      <c r="AR29247" s="9" ph="1"/>
    </row>
    <row r="29248" spans="44:44" ht="15.75" customHeight="1" x14ac:dyDescent="0.15">
      <c r="AR29248" s="9" ph="1"/>
    </row>
    <row r="29249" spans="44:44" ht="15.75" customHeight="1" x14ac:dyDescent="0.15">
      <c r="AR29249" s="9" ph="1"/>
    </row>
    <row r="29251" spans="44:44" ht="15.75" customHeight="1" x14ac:dyDescent="0.15">
      <c r="AR29251" s="9" ph="1"/>
    </row>
    <row r="29252" spans="44:44" ht="15.75" customHeight="1" x14ac:dyDescent="0.15">
      <c r="AR29252" s="9" ph="1"/>
    </row>
    <row r="29253" spans="44:44" ht="15.75" customHeight="1" x14ac:dyDescent="0.15">
      <c r="AR29253" s="9" ph="1"/>
    </row>
    <row r="29254" spans="44:44" ht="15.75" customHeight="1" x14ac:dyDescent="0.15">
      <c r="AR29254" s="9" ph="1"/>
    </row>
    <row r="29255" spans="44:44" ht="15.75" customHeight="1" x14ac:dyDescent="0.15">
      <c r="AR29255" s="9" ph="1"/>
    </row>
    <row r="29256" spans="44:44" ht="15.75" customHeight="1" x14ac:dyDescent="0.15">
      <c r="AR29256" s="9" ph="1"/>
    </row>
    <row r="29257" spans="44:44" ht="15.75" customHeight="1" x14ac:dyDescent="0.15">
      <c r="AR29257" s="9" ph="1"/>
    </row>
    <row r="29258" spans="44:44" ht="15.75" customHeight="1" x14ac:dyDescent="0.15">
      <c r="AR29258" s="9" ph="1"/>
    </row>
    <row r="29260" spans="44:44" ht="15.75" customHeight="1" x14ac:dyDescent="0.15">
      <c r="AR29260" s="9" ph="1"/>
    </row>
    <row r="29261" spans="44:44" ht="15.75" customHeight="1" x14ac:dyDescent="0.15">
      <c r="AR29261" s="9" ph="1"/>
    </row>
    <row r="29262" spans="44:44" ht="15.75" customHeight="1" x14ac:dyDescent="0.15">
      <c r="AR29262" s="9" ph="1"/>
    </row>
    <row r="29263" spans="44:44" ht="15.75" customHeight="1" x14ac:dyDescent="0.15">
      <c r="AR29263" s="9" ph="1"/>
    </row>
    <row r="29264" spans="44:44" ht="15.75" customHeight="1" x14ac:dyDescent="0.15">
      <c r="AR29264" s="9" ph="1"/>
    </row>
    <row r="29265" spans="44:44" ht="15.75" customHeight="1" x14ac:dyDescent="0.15">
      <c r="AR29265" s="9" ph="1"/>
    </row>
    <row r="29267" spans="44:44" ht="15.75" customHeight="1" x14ac:dyDescent="0.15">
      <c r="AR29267" s="9" ph="1"/>
    </row>
    <row r="29268" spans="44:44" ht="15.75" customHeight="1" x14ac:dyDescent="0.15">
      <c r="AR29268" s="9" ph="1"/>
    </row>
    <row r="29269" spans="44:44" ht="15.75" customHeight="1" x14ac:dyDescent="0.15">
      <c r="AR29269" s="9" ph="1"/>
    </row>
    <row r="29270" spans="44:44" ht="15.75" customHeight="1" x14ac:dyDescent="0.15">
      <c r="AR29270" s="9" ph="1"/>
    </row>
    <row r="29271" spans="44:44" ht="15.75" customHeight="1" x14ac:dyDescent="0.15">
      <c r="AR29271" s="9" ph="1"/>
    </row>
    <row r="29272" spans="44:44" ht="15.75" customHeight="1" x14ac:dyDescent="0.15">
      <c r="AR29272" s="9" ph="1"/>
    </row>
    <row r="29275" spans="44:44" ht="15.75" customHeight="1" x14ac:dyDescent="0.15">
      <c r="AR29275" s="9" ph="1"/>
    </row>
    <row r="29286" spans="44:44" ht="15.75" customHeight="1" x14ac:dyDescent="0.15">
      <c r="AR29286" s="9" ph="1"/>
    </row>
    <row r="29293" spans="44:44" ht="15.75" customHeight="1" x14ac:dyDescent="0.15">
      <c r="AR29293" s="9" ph="1"/>
    </row>
    <row r="29294" spans="44:44" ht="15.75" customHeight="1" x14ac:dyDescent="0.15">
      <c r="AR29294" s="9" ph="1"/>
    </row>
    <row r="29295" spans="44:44" ht="15.75" customHeight="1" x14ac:dyDescent="0.15">
      <c r="AR29295" s="9" ph="1"/>
    </row>
    <row r="29296" spans="44:44" ht="15.75" customHeight="1" x14ac:dyDescent="0.15">
      <c r="AR29296" s="9" ph="1"/>
    </row>
    <row r="29297" spans="44:44" ht="15.75" customHeight="1" x14ac:dyDescent="0.15">
      <c r="AR29297" s="9" ph="1"/>
    </row>
    <row r="29298" spans="44:44" ht="15.75" customHeight="1" x14ac:dyDescent="0.15">
      <c r="AR29298" s="9" ph="1"/>
    </row>
    <row r="29299" spans="44:44" ht="15.75" customHeight="1" x14ac:dyDescent="0.15">
      <c r="AR29299" s="9" ph="1"/>
    </row>
    <row r="29300" spans="44:44" ht="15.75" customHeight="1" x14ac:dyDescent="0.15">
      <c r="AR29300" s="9" ph="1"/>
    </row>
    <row r="29302" spans="44:44" ht="15.75" customHeight="1" x14ac:dyDescent="0.15">
      <c r="AR29302" s="9" ph="1"/>
    </row>
    <row r="29303" spans="44:44" ht="15.75" customHeight="1" x14ac:dyDescent="0.15">
      <c r="AR29303" s="9" ph="1"/>
    </row>
    <row r="29304" spans="44:44" ht="15.75" customHeight="1" x14ac:dyDescent="0.15">
      <c r="AR29304" s="9" ph="1"/>
    </row>
    <row r="29305" spans="44:44" ht="15.75" customHeight="1" x14ac:dyDescent="0.15">
      <c r="AR29305" s="9" ph="1"/>
    </row>
    <row r="29312" spans="44:44" ht="15.75" customHeight="1" x14ac:dyDescent="0.15">
      <c r="AR29312" s="9" ph="1"/>
    </row>
    <row r="29313" spans="44:44" ht="15.75" customHeight="1" x14ac:dyDescent="0.15">
      <c r="AR29313" s="9" ph="1"/>
    </row>
    <row r="29314" spans="44:44" ht="15.75" customHeight="1" x14ac:dyDescent="0.15">
      <c r="AR29314" s="9" ph="1"/>
    </row>
    <row r="29315" spans="44:44" ht="15.75" customHeight="1" x14ac:dyDescent="0.15">
      <c r="AR29315" s="9" ph="1"/>
    </row>
    <row r="29316" spans="44:44" ht="15.75" customHeight="1" x14ac:dyDescent="0.15">
      <c r="AR29316" s="9" ph="1"/>
    </row>
    <row r="29317" spans="44:44" ht="15.75" customHeight="1" x14ac:dyDescent="0.15">
      <c r="AR29317" s="9" ph="1"/>
    </row>
    <row r="29318" spans="44:44" ht="15.75" customHeight="1" x14ac:dyDescent="0.15">
      <c r="AR29318" s="9" ph="1"/>
    </row>
    <row r="29319" spans="44:44" ht="15.75" customHeight="1" x14ac:dyDescent="0.15">
      <c r="AR29319" s="9" ph="1"/>
    </row>
    <row r="29321" spans="44:44" ht="15.75" customHeight="1" x14ac:dyDescent="0.15">
      <c r="AR29321" s="9" ph="1"/>
    </row>
    <row r="29322" spans="44:44" ht="15.75" customHeight="1" x14ac:dyDescent="0.15">
      <c r="AR29322" s="9" ph="1"/>
    </row>
    <row r="29323" spans="44:44" ht="15.75" customHeight="1" x14ac:dyDescent="0.15">
      <c r="AR29323" s="9" ph="1"/>
    </row>
    <row r="29325" spans="44:44" ht="15.75" customHeight="1" x14ac:dyDescent="0.15">
      <c r="AR29325" s="9" ph="1"/>
    </row>
    <row r="29326" spans="44:44" ht="15.75" customHeight="1" x14ac:dyDescent="0.15">
      <c r="AR29326" s="9" ph="1"/>
    </row>
    <row r="29327" spans="44:44" ht="15.75" customHeight="1" x14ac:dyDescent="0.15">
      <c r="AR29327" s="9" ph="1"/>
    </row>
    <row r="29328" spans="44:44" ht="15.75" customHeight="1" x14ac:dyDescent="0.15">
      <c r="AR29328" s="9" ph="1"/>
    </row>
    <row r="29329" spans="44:44" ht="15.75" customHeight="1" x14ac:dyDescent="0.15">
      <c r="AR29329" s="9" ph="1"/>
    </row>
    <row r="29330" spans="44:44" ht="15.75" customHeight="1" x14ac:dyDescent="0.15">
      <c r="AR29330" s="9" ph="1"/>
    </row>
    <row r="29331" spans="44:44" ht="15.75" customHeight="1" x14ac:dyDescent="0.15">
      <c r="AR29331" s="9" ph="1"/>
    </row>
    <row r="29332" spans="44:44" ht="15.75" customHeight="1" x14ac:dyDescent="0.15">
      <c r="AR29332" s="9" ph="1"/>
    </row>
    <row r="29333" spans="44:44" ht="15.75" customHeight="1" x14ac:dyDescent="0.15">
      <c r="AR29333" s="9" ph="1"/>
    </row>
    <row r="29334" spans="44:44" ht="15.75" customHeight="1" x14ac:dyDescent="0.15">
      <c r="AR29334" s="9" ph="1"/>
    </row>
    <row r="29335" spans="44:44" ht="15.75" customHeight="1" x14ac:dyDescent="0.15">
      <c r="AR29335" s="9" ph="1"/>
    </row>
    <row r="29336" spans="44:44" ht="15.75" customHeight="1" x14ac:dyDescent="0.15">
      <c r="AR29336" s="9" ph="1"/>
    </row>
    <row r="29337" spans="44:44" ht="15.75" customHeight="1" x14ac:dyDescent="0.15">
      <c r="AR29337" s="9" ph="1"/>
    </row>
    <row r="29339" spans="44:44" ht="15.75" customHeight="1" x14ac:dyDescent="0.15">
      <c r="AR29339" s="9" ph="1"/>
    </row>
    <row r="29340" spans="44:44" ht="15.75" customHeight="1" x14ac:dyDescent="0.15">
      <c r="AR29340" s="9" ph="1"/>
    </row>
    <row r="29341" spans="44:44" ht="15.75" customHeight="1" x14ac:dyDescent="0.15">
      <c r="AR29341" s="9" ph="1"/>
    </row>
    <row r="29343" spans="44:44" ht="15.75" customHeight="1" x14ac:dyDescent="0.15">
      <c r="AR29343" s="9" ph="1"/>
    </row>
    <row r="29344" spans="44:44" ht="15.75" customHeight="1" x14ac:dyDescent="0.15">
      <c r="AR29344" s="9" ph="1"/>
    </row>
    <row r="29345" spans="44:44" ht="15.75" customHeight="1" x14ac:dyDescent="0.15">
      <c r="AR29345" s="9" ph="1"/>
    </row>
    <row r="29346" spans="44:44" ht="15.75" customHeight="1" x14ac:dyDescent="0.15">
      <c r="AR29346" s="9" ph="1"/>
    </row>
    <row r="29347" spans="44:44" ht="15.75" customHeight="1" x14ac:dyDescent="0.15">
      <c r="AR29347" s="9" ph="1"/>
    </row>
    <row r="29348" spans="44:44" ht="15.75" customHeight="1" x14ac:dyDescent="0.15">
      <c r="AR29348" s="9" ph="1"/>
    </row>
    <row r="29350" spans="44:44" ht="15.75" customHeight="1" x14ac:dyDescent="0.15">
      <c r="AR29350" s="9" ph="1"/>
    </row>
    <row r="29351" spans="44:44" ht="15.75" customHeight="1" x14ac:dyDescent="0.15">
      <c r="AR29351" s="9" ph="1"/>
    </row>
    <row r="29352" spans="44:44" ht="15.75" customHeight="1" x14ac:dyDescent="0.15">
      <c r="AR29352" s="9" ph="1"/>
    </row>
    <row r="29353" spans="44:44" ht="15.75" customHeight="1" x14ac:dyDescent="0.15">
      <c r="AR29353" s="9" ph="1"/>
    </row>
    <row r="29354" spans="44:44" ht="15.75" customHeight="1" x14ac:dyDescent="0.15">
      <c r="AR29354" s="9" ph="1"/>
    </row>
    <row r="29355" spans="44:44" ht="15.75" customHeight="1" x14ac:dyDescent="0.15">
      <c r="AR29355" s="9" ph="1"/>
    </row>
    <row r="29356" spans="44:44" ht="15.75" customHeight="1" x14ac:dyDescent="0.15">
      <c r="AR29356" s="9" ph="1"/>
    </row>
    <row r="29357" spans="44:44" ht="15.75" customHeight="1" x14ac:dyDescent="0.15">
      <c r="AR29357" s="9" ph="1"/>
    </row>
    <row r="29358" spans="44:44" ht="15.75" customHeight="1" x14ac:dyDescent="0.15">
      <c r="AR29358" s="9" ph="1"/>
    </row>
    <row r="29359" spans="44:44" ht="15.75" customHeight="1" x14ac:dyDescent="0.15">
      <c r="AR29359" s="9" ph="1"/>
    </row>
    <row r="29360" spans="44:44" ht="15.75" customHeight="1" x14ac:dyDescent="0.15">
      <c r="AR29360" s="9" ph="1"/>
    </row>
    <row r="29361" spans="44:44" ht="15.75" customHeight="1" x14ac:dyDescent="0.15">
      <c r="AR29361" s="9" ph="1"/>
    </row>
    <row r="29362" spans="44:44" ht="15.75" customHeight="1" x14ac:dyDescent="0.15">
      <c r="AR29362" s="9" ph="1"/>
    </row>
    <row r="29364" spans="44:44" ht="15.75" customHeight="1" x14ac:dyDescent="0.15">
      <c r="AR29364" s="9" ph="1"/>
    </row>
    <row r="29365" spans="44:44" ht="15.75" customHeight="1" x14ac:dyDescent="0.15">
      <c r="AR29365" s="9" ph="1"/>
    </row>
    <row r="29366" spans="44:44" ht="15.75" customHeight="1" x14ac:dyDescent="0.15">
      <c r="AR29366" s="9" ph="1"/>
    </row>
    <row r="29368" spans="44:44" ht="15.75" customHeight="1" x14ac:dyDescent="0.15">
      <c r="AR29368" s="9" ph="1"/>
    </row>
    <row r="29369" spans="44:44" ht="15.75" customHeight="1" x14ac:dyDescent="0.15">
      <c r="AR29369" s="9" ph="1"/>
    </row>
    <row r="29370" spans="44:44" ht="15.75" customHeight="1" x14ac:dyDescent="0.15">
      <c r="AR29370" s="9" ph="1"/>
    </row>
    <row r="29371" spans="44:44" ht="15.75" customHeight="1" x14ac:dyDescent="0.15">
      <c r="AR29371" s="9" ph="1"/>
    </row>
    <row r="29372" spans="44:44" ht="15.75" customHeight="1" x14ac:dyDescent="0.15">
      <c r="AR29372" s="9" ph="1"/>
    </row>
    <row r="29373" spans="44:44" ht="15.75" customHeight="1" x14ac:dyDescent="0.15">
      <c r="AR29373" s="9" ph="1"/>
    </row>
    <row r="29374" spans="44:44" ht="15.75" customHeight="1" x14ac:dyDescent="0.15">
      <c r="AR29374" s="9" ph="1"/>
    </row>
    <row r="29375" spans="44:44" ht="15.75" customHeight="1" x14ac:dyDescent="0.15">
      <c r="AR29375" s="9" ph="1"/>
    </row>
    <row r="29376" spans="44:44" ht="15.75" customHeight="1" x14ac:dyDescent="0.15">
      <c r="AR29376" s="9" ph="1"/>
    </row>
    <row r="29377" spans="44:44" ht="15.75" customHeight="1" x14ac:dyDescent="0.15">
      <c r="AR29377" s="9" ph="1"/>
    </row>
    <row r="29378" spans="44:44" ht="15.75" customHeight="1" x14ac:dyDescent="0.15">
      <c r="AR29378" s="9" ph="1"/>
    </row>
    <row r="29379" spans="44:44" ht="15.75" customHeight="1" x14ac:dyDescent="0.15">
      <c r="AR29379" s="9" ph="1"/>
    </row>
    <row r="29380" spans="44:44" ht="15.75" customHeight="1" x14ac:dyDescent="0.15">
      <c r="AR29380" s="9" ph="1"/>
    </row>
    <row r="29381" spans="44:44" ht="15.75" customHeight="1" x14ac:dyDescent="0.15">
      <c r="AR29381" s="9" ph="1"/>
    </row>
    <row r="29382" spans="44:44" ht="15.75" customHeight="1" x14ac:dyDescent="0.15">
      <c r="AR29382" s="9" ph="1"/>
    </row>
    <row r="29383" spans="44:44" ht="15.75" customHeight="1" x14ac:dyDescent="0.15">
      <c r="AR29383" s="9" ph="1"/>
    </row>
    <row r="29385" spans="44:44" ht="15.75" customHeight="1" x14ac:dyDescent="0.15">
      <c r="AR29385" s="9" ph="1"/>
    </row>
    <row r="29386" spans="44:44" ht="15.75" customHeight="1" x14ac:dyDescent="0.15">
      <c r="AR29386" s="9" ph="1"/>
    </row>
    <row r="29387" spans="44:44" ht="15.75" customHeight="1" x14ac:dyDescent="0.15">
      <c r="AR29387" s="9" ph="1"/>
    </row>
    <row r="29389" spans="44:44" ht="15.75" customHeight="1" x14ac:dyDescent="0.15">
      <c r="AR29389" s="9" ph="1"/>
    </row>
    <row r="29390" spans="44:44" ht="15.75" customHeight="1" x14ac:dyDescent="0.15">
      <c r="AR29390" s="9" ph="1"/>
    </row>
    <row r="29391" spans="44:44" ht="15.75" customHeight="1" x14ac:dyDescent="0.15">
      <c r="AR29391" s="9" ph="1"/>
    </row>
    <row r="29392" spans="44:44" ht="15.75" customHeight="1" x14ac:dyDescent="0.15">
      <c r="AR29392" s="9" ph="1"/>
    </row>
    <row r="29393" spans="44:44" ht="15.75" customHeight="1" x14ac:dyDescent="0.15">
      <c r="AR29393" s="9" ph="1"/>
    </row>
    <row r="29394" spans="44:44" ht="15.75" customHeight="1" x14ac:dyDescent="0.15">
      <c r="AR29394" s="9" ph="1"/>
    </row>
    <row r="29395" spans="44:44" ht="15.75" customHeight="1" x14ac:dyDescent="0.15">
      <c r="AR29395" s="9" ph="1"/>
    </row>
    <row r="29396" spans="44:44" ht="15.75" customHeight="1" x14ac:dyDescent="0.15">
      <c r="AR29396" s="9" ph="1"/>
    </row>
    <row r="29398" spans="44:44" ht="15.75" customHeight="1" x14ac:dyDescent="0.15">
      <c r="AR29398" s="9" ph="1"/>
    </row>
    <row r="29399" spans="44:44" ht="15.75" customHeight="1" x14ac:dyDescent="0.15">
      <c r="AR29399" s="9" ph="1"/>
    </row>
    <row r="29400" spans="44:44" ht="15.75" customHeight="1" x14ac:dyDescent="0.15">
      <c r="AR29400" s="9" ph="1"/>
    </row>
    <row r="29401" spans="44:44" ht="15.75" customHeight="1" x14ac:dyDescent="0.15">
      <c r="AR29401" s="9" ph="1"/>
    </row>
    <row r="29402" spans="44:44" ht="15.75" customHeight="1" x14ac:dyDescent="0.15">
      <c r="AR29402" s="9" ph="1"/>
    </row>
    <row r="29403" spans="44:44" ht="15.75" customHeight="1" x14ac:dyDescent="0.15">
      <c r="AR29403" s="9" ph="1"/>
    </row>
    <row r="29404" spans="44:44" ht="15.75" customHeight="1" x14ac:dyDescent="0.15">
      <c r="AR29404" s="9" ph="1"/>
    </row>
    <row r="29405" spans="44:44" ht="15.75" customHeight="1" x14ac:dyDescent="0.15">
      <c r="AR29405" s="9" ph="1"/>
    </row>
    <row r="29407" spans="44:44" ht="15.75" customHeight="1" x14ac:dyDescent="0.15">
      <c r="AR29407" s="9" ph="1"/>
    </row>
    <row r="29408" spans="44:44" ht="15.75" customHeight="1" x14ac:dyDescent="0.15">
      <c r="AR29408" s="9" ph="1"/>
    </row>
    <row r="29409" spans="44:44" ht="15.75" customHeight="1" x14ac:dyDescent="0.15">
      <c r="AR29409" s="9" ph="1"/>
    </row>
    <row r="29410" spans="44:44" ht="15.75" customHeight="1" x14ac:dyDescent="0.15">
      <c r="AR29410" s="9" ph="1"/>
    </row>
    <row r="29411" spans="44:44" ht="15.75" customHeight="1" x14ac:dyDescent="0.15">
      <c r="AR29411" s="9" ph="1"/>
    </row>
    <row r="29412" spans="44:44" ht="15.75" customHeight="1" x14ac:dyDescent="0.15">
      <c r="AR29412" s="9" ph="1"/>
    </row>
    <row r="29414" spans="44:44" ht="15.75" customHeight="1" x14ac:dyDescent="0.15">
      <c r="AR29414" s="9" ph="1"/>
    </row>
    <row r="29415" spans="44:44" ht="15.75" customHeight="1" x14ac:dyDescent="0.15">
      <c r="AR29415" s="9" ph="1"/>
    </row>
    <row r="29416" spans="44:44" ht="15.75" customHeight="1" x14ac:dyDescent="0.15">
      <c r="AR29416" s="9" ph="1"/>
    </row>
    <row r="29417" spans="44:44" ht="15.75" customHeight="1" x14ac:dyDescent="0.15">
      <c r="AR29417" s="9" ph="1"/>
    </row>
    <row r="29418" spans="44:44" ht="15.75" customHeight="1" x14ac:dyDescent="0.15">
      <c r="AR29418" s="9" ph="1"/>
    </row>
    <row r="29419" spans="44:44" ht="15.75" customHeight="1" x14ac:dyDescent="0.15">
      <c r="AR29419" s="9" ph="1"/>
    </row>
    <row r="29421" spans="44:44" ht="15.75" customHeight="1" x14ac:dyDescent="0.15">
      <c r="AR29421" s="9" ph="1"/>
    </row>
    <row r="29422" spans="44:44" ht="15.75" customHeight="1" x14ac:dyDescent="0.15">
      <c r="AR29422" s="9" ph="1"/>
    </row>
    <row r="29423" spans="44:44" ht="15.75" customHeight="1" x14ac:dyDescent="0.15">
      <c r="AR29423" s="9" ph="1"/>
    </row>
    <row r="29424" spans="44:44" ht="15.75" customHeight="1" x14ac:dyDescent="0.15">
      <c r="AR29424" s="9" ph="1"/>
    </row>
    <row r="29425" spans="44:44" ht="15.75" customHeight="1" x14ac:dyDescent="0.15">
      <c r="AR29425" s="9" ph="1"/>
    </row>
    <row r="29426" spans="44:44" ht="15.75" customHeight="1" x14ac:dyDescent="0.15">
      <c r="AR29426" s="9" ph="1"/>
    </row>
    <row r="29427" spans="44:44" ht="15.75" customHeight="1" x14ac:dyDescent="0.15">
      <c r="AR29427" s="9" ph="1"/>
    </row>
    <row r="29428" spans="44:44" ht="15.75" customHeight="1" x14ac:dyDescent="0.15">
      <c r="AR29428" s="9" ph="1"/>
    </row>
    <row r="29430" spans="44:44" ht="15.75" customHeight="1" x14ac:dyDescent="0.15">
      <c r="AR29430" s="9" ph="1"/>
    </row>
    <row r="29431" spans="44:44" ht="15.75" customHeight="1" x14ac:dyDescent="0.15">
      <c r="AR29431" s="9" ph="1"/>
    </row>
    <row r="29432" spans="44:44" ht="15.75" customHeight="1" x14ac:dyDescent="0.15">
      <c r="AR29432" s="9" ph="1"/>
    </row>
    <row r="29433" spans="44:44" ht="15.75" customHeight="1" x14ac:dyDescent="0.15">
      <c r="AR29433" s="9" ph="1"/>
    </row>
    <row r="29434" spans="44:44" ht="15.75" customHeight="1" x14ac:dyDescent="0.15">
      <c r="AR29434" s="9" ph="1"/>
    </row>
    <row r="29435" spans="44:44" ht="15.75" customHeight="1" x14ac:dyDescent="0.15">
      <c r="AR29435" s="9" ph="1"/>
    </row>
    <row r="29436" spans="44:44" ht="15.75" customHeight="1" x14ac:dyDescent="0.15">
      <c r="AR29436" s="9" ph="1"/>
    </row>
    <row r="29437" spans="44:44" ht="15.75" customHeight="1" x14ac:dyDescent="0.15">
      <c r="AR29437" s="9" ph="1"/>
    </row>
    <row r="29439" spans="44:44" ht="15.75" customHeight="1" x14ac:dyDescent="0.15">
      <c r="AR29439" s="9" ph="1"/>
    </row>
    <row r="29440" spans="44:44" ht="15.75" customHeight="1" x14ac:dyDescent="0.15">
      <c r="AR29440" s="9" ph="1"/>
    </row>
    <row r="29441" spans="44:44" ht="15.75" customHeight="1" x14ac:dyDescent="0.15">
      <c r="AR29441" s="9" ph="1"/>
    </row>
    <row r="29442" spans="44:44" ht="15.75" customHeight="1" x14ac:dyDescent="0.15">
      <c r="AR29442" s="9" ph="1"/>
    </row>
    <row r="29443" spans="44:44" ht="15.75" customHeight="1" x14ac:dyDescent="0.15">
      <c r="AR29443" s="9" ph="1"/>
    </row>
    <row r="29444" spans="44:44" ht="15.75" customHeight="1" x14ac:dyDescent="0.15">
      <c r="AR29444" s="9" ph="1"/>
    </row>
    <row r="29446" spans="44:44" ht="15.75" customHeight="1" x14ac:dyDescent="0.15">
      <c r="AR29446" s="9" ph="1"/>
    </row>
    <row r="29447" spans="44:44" ht="15.75" customHeight="1" x14ac:dyDescent="0.15">
      <c r="AR29447" s="9" ph="1"/>
    </row>
    <row r="29448" spans="44:44" ht="15.75" customHeight="1" x14ac:dyDescent="0.15">
      <c r="AR29448" s="9" ph="1"/>
    </row>
    <row r="29449" spans="44:44" ht="15.75" customHeight="1" x14ac:dyDescent="0.15">
      <c r="AR29449" s="9" ph="1"/>
    </row>
    <row r="29450" spans="44:44" ht="15.75" customHeight="1" x14ac:dyDescent="0.15">
      <c r="AR29450" s="9" ph="1"/>
    </row>
    <row r="29451" spans="44:44" ht="15.75" customHeight="1" x14ac:dyDescent="0.15">
      <c r="AR29451" s="9" ph="1"/>
    </row>
    <row r="29454" spans="44:44" ht="15.75" customHeight="1" x14ac:dyDescent="0.15">
      <c r="AR29454" s="9" ph="1"/>
    </row>
    <row r="29465" spans="44:44" ht="15.75" customHeight="1" x14ac:dyDescent="0.15">
      <c r="AR29465" s="9" ph="1"/>
    </row>
    <row r="29472" spans="44:44" ht="15.75" customHeight="1" x14ac:dyDescent="0.15">
      <c r="AR29472" s="9" ph="1"/>
    </row>
    <row r="29473" spans="44:44" ht="15.75" customHeight="1" x14ac:dyDescent="0.15">
      <c r="AR29473" s="9" ph="1"/>
    </row>
    <row r="29474" spans="44:44" ht="15.75" customHeight="1" x14ac:dyDescent="0.15">
      <c r="AR29474" s="9" ph="1"/>
    </row>
    <row r="29475" spans="44:44" ht="15.75" customHeight="1" x14ac:dyDescent="0.15">
      <c r="AR29475" s="9" ph="1"/>
    </row>
    <row r="29476" spans="44:44" ht="15.75" customHeight="1" x14ac:dyDescent="0.15">
      <c r="AR29476" s="9" ph="1"/>
    </row>
    <row r="29477" spans="44:44" ht="15.75" customHeight="1" x14ac:dyDescent="0.15">
      <c r="AR29477" s="9" ph="1"/>
    </row>
    <row r="29478" spans="44:44" ht="15.75" customHeight="1" x14ac:dyDescent="0.15">
      <c r="AR29478" s="9" ph="1"/>
    </row>
    <row r="29479" spans="44:44" ht="15.75" customHeight="1" x14ac:dyDescent="0.15">
      <c r="AR29479" s="9" ph="1"/>
    </row>
    <row r="29481" spans="44:44" ht="15.75" customHeight="1" x14ac:dyDescent="0.15">
      <c r="AR29481" s="9" ph="1"/>
    </row>
    <row r="29482" spans="44:44" ht="15.75" customHeight="1" x14ac:dyDescent="0.15">
      <c r="AR29482" s="9" ph="1"/>
    </row>
    <row r="29483" spans="44:44" ht="15.75" customHeight="1" x14ac:dyDescent="0.15">
      <c r="AR29483" s="9" ph="1"/>
    </row>
    <row r="29484" spans="44:44" ht="15.75" customHeight="1" x14ac:dyDescent="0.15">
      <c r="AR29484" s="9" ph="1"/>
    </row>
    <row r="29491" spans="44:44" ht="15.75" customHeight="1" x14ac:dyDescent="0.15">
      <c r="AR29491" s="9" ph="1"/>
    </row>
    <row r="29492" spans="44:44" ht="15.75" customHeight="1" x14ac:dyDescent="0.15">
      <c r="AR29492" s="9" ph="1"/>
    </row>
    <row r="29493" spans="44:44" ht="15.75" customHeight="1" x14ac:dyDescent="0.15">
      <c r="AR29493" s="9" ph="1"/>
    </row>
    <row r="29494" spans="44:44" ht="15.75" customHeight="1" x14ac:dyDescent="0.15">
      <c r="AR29494" s="9" ph="1"/>
    </row>
    <row r="29495" spans="44:44" ht="15.75" customHeight="1" x14ac:dyDescent="0.15">
      <c r="AR29495" s="9" ph="1"/>
    </row>
    <row r="29496" spans="44:44" ht="15.75" customHeight="1" x14ac:dyDescent="0.15">
      <c r="AR29496" s="9" ph="1"/>
    </row>
    <row r="29497" spans="44:44" ht="15.75" customHeight="1" x14ac:dyDescent="0.15">
      <c r="AR29497" s="9" ph="1"/>
    </row>
    <row r="29498" spans="44:44" ht="15.75" customHeight="1" x14ac:dyDescent="0.15">
      <c r="AR29498" s="9" ph="1"/>
    </row>
    <row r="29500" spans="44:44" ht="15.75" customHeight="1" x14ac:dyDescent="0.15">
      <c r="AR29500" s="9" ph="1"/>
    </row>
    <row r="29501" spans="44:44" ht="15.75" customHeight="1" x14ac:dyDescent="0.15">
      <c r="AR29501" s="9" ph="1"/>
    </row>
    <row r="29502" spans="44:44" ht="15.75" customHeight="1" x14ac:dyDescent="0.15">
      <c r="AR29502" s="9" ph="1"/>
    </row>
    <row r="29504" spans="44:44" ht="15.75" customHeight="1" x14ac:dyDescent="0.15">
      <c r="AR29504" s="9" ph="1"/>
    </row>
    <row r="29505" spans="44:44" ht="15.75" customHeight="1" x14ac:dyDescent="0.15">
      <c r="AR29505" s="9" ph="1"/>
    </row>
    <row r="29506" spans="44:44" ht="15.75" customHeight="1" x14ac:dyDescent="0.15">
      <c r="AR29506" s="9" ph="1"/>
    </row>
    <row r="29507" spans="44:44" ht="15.75" customHeight="1" x14ac:dyDescent="0.15">
      <c r="AR29507" s="9" ph="1"/>
    </row>
    <row r="29508" spans="44:44" ht="15.75" customHeight="1" x14ac:dyDescent="0.15">
      <c r="AR29508" s="9" ph="1"/>
    </row>
    <row r="29509" spans="44:44" ht="15.75" customHeight="1" x14ac:dyDescent="0.15">
      <c r="AR29509" s="9" ph="1"/>
    </row>
    <row r="29510" spans="44:44" ht="15.75" customHeight="1" x14ac:dyDescent="0.15">
      <c r="AR29510" s="9" ph="1"/>
    </row>
    <row r="29511" spans="44:44" ht="15.75" customHeight="1" x14ac:dyDescent="0.15">
      <c r="AR29511" s="9" ph="1"/>
    </row>
    <row r="29512" spans="44:44" ht="15.75" customHeight="1" x14ac:dyDescent="0.15">
      <c r="AR29512" s="9" ph="1"/>
    </row>
    <row r="29513" spans="44:44" ht="15.75" customHeight="1" x14ac:dyDescent="0.15">
      <c r="AR29513" s="9" ph="1"/>
    </row>
    <row r="29514" spans="44:44" ht="15.75" customHeight="1" x14ac:dyDescent="0.15">
      <c r="AR29514" s="9" ph="1"/>
    </row>
    <row r="29515" spans="44:44" ht="15.75" customHeight="1" x14ac:dyDescent="0.15">
      <c r="AR29515" s="9" ph="1"/>
    </row>
    <row r="29516" spans="44:44" ht="15.75" customHeight="1" x14ac:dyDescent="0.15">
      <c r="AR29516" s="9" ph="1"/>
    </row>
    <row r="29518" spans="44:44" ht="15.75" customHeight="1" x14ac:dyDescent="0.15">
      <c r="AR29518" s="9" ph="1"/>
    </row>
    <row r="29519" spans="44:44" ht="15.75" customHeight="1" x14ac:dyDescent="0.15">
      <c r="AR29519" s="9" ph="1"/>
    </row>
    <row r="29520" spans="44:44" ht="15.75" customHeight="1" x14ac:dyDescent="0.15">
      <c r="AR29520" s="9" ph="1"/>
    </row>
    <row r="29522" spans="44:44" ht="15.75" customHeight="1" x14ac:dyDescent="0.15">
      <c r="AR29522" s="9" ph="1"/>
    </row>
    <row r="29523" spans="44:44" ht="15.75" customHeight="1" x14ac:dyDescent="0.15">
      <c r="AR29523" s="9" ph="1"/>
    </row>
    <row r="29524" spans="44:44" ht="15.75" customHeight="1" x14ac:dyDescent="0.15">
      <c r="AR29524" s="9" ph="1"/>
    </row>
    <row r="29525" spans="44:44" ht="15.75" customHeight="1" x14ac:dyDescent="0.15">
      <c r="AR29525" s="9" ph="1"/>
    </row>
    <row r="29526" spans="44:44" ht="15.75" customHeight="1" x14ac:dyDescent="0.15">
      <c r="AR29526" s="9" ph="1"/>
    </row>
    <row r="29527" spans="44:44" ht="15.75" customHeight="1" x14ac:dyDescent="0.15">
      <c r="AR29527" s="9" ph="1"/>
    </row>
    <row r="29529" spans="44:44" ht="15.75" customHeight="1" x14ac:dyDescent="0.15">
      <c r="AR29529" s="9" ph="1"/>
    </row>
    <row r="29530" spans="44:44" ht="15.75" customHeight="1" x14ac:dyDescent="0.15">
      <c r="AR29530" s="9" ph="1"/>
    </row>
    <row r="29531" spans="44:44" ht="15.75" customHeight="1" x14ac:dyDescent="0.15">
      <c r="AR29531" s="9" ph="1"/>
    </row>
    <row r="29532" spans="44:44" ht="15.75" customHeight="1" x14ac:dyDescent="0.15">
      <c r="AR29532" s="9" ph="1"/>
    </row>
    <row r="29533" spans="44:44" ht="15.75" customHeight="1" x14ac:dyDescent="0.15">
      <c r="AR29533" s="9" ph="1"/>
    </row>
    <row r="29534" spans="44:44" ht="15.75" customHeight="1" x14ac:dyDescent="0.15">
      <c r="AR29534" s="9" ph="1"/>
    </row>
    <row r="29535" spans="44:44" ht="15.75" customHeight="1" x14ac:dyDescent="0.15">
      <c r="AR29535" s="9" ph="1"/>
    </row>
    <row r="29536" spans="44:44" ht="15.75" customHeight="1" x14ac:dyDescent="0.15">
      <c r="AR29536" s="9" ph="1"/>
    </row>
    <row r="29537" spans="44:44" ht="15.75" customHeight="1" x14ac:dyDescent="0.15">
      <c r="AR29537" s="9" ph="1"/>
    </row>
    <row r="29538" spans="44:44" ht="15.75" customHeight="1" x14ac:dyDescent="0.15">
      <c r="AR29538" s="9" ph="1"/>
    </row>
    <row r="29539" spans="44:44" ht="15.75" customHeight="1" x14ac:dyDescent="0.15">
      <c r="AR29539" s="9" ph="1"/>
    </row>
    <row r="29540" spans="44:44" ht="15.75" customHeight="1" x14ac:dyDescent="0.15">
      <c r="AR29540" s="9" ph="1"/>
    </row>
    <row r="29541" spans="44:44" ht="15.75" customHeight="1" x14ac:dyDescent="0.15">
      <c r="AR29541" s="9" ph="1"/>
    </row>
    <row r="29543" spans="44:44" ht="15.75" customHeight="1" x14ac:dyDescent="0.15">
      <c r="AR29543" s="9" ph="1"/>
    </row>
    <row r="29544" spans="44:44" ht="15.75" customHeight="1" x14ac:dyDescent="0.15">
      <c r="AR29544" s="9" ph="1"/>
    </row>
    <row r="29545" spans="44:44" ht="15.75" customHeight="1" x14ac:dyDescent="0.15">
      <c r="AR29545" s="9" ph="1"/>
    </row>
    <row r="29547" spans="44:44" ht="15.75" customHeight="1" x14ac:dyDescent="0.15">
      <c r="AR29547" s="9" ph="1"/>
    </row>
    <row r="29548" spans="44:44" ht="15.75" customHeight="1" x14ac:dyDescent="0.15">
      <c r="AR29548" s="9" ph="1"/>
    </row>
    <row r="29549" spans="44:44" ht="15.75" customHeight="1" x14ac:dyDescent="0.15">
      <c r="AR29549" s="9" ph="1"/>
    </row>
    <row r="29550" spans="44:44" ht="15.75" customHeight="1" x14ac:dyDescent="0.15">
      <c r="AR29550" s="9" ph="1"/>
    </row>
    <row r="29551" spans="44:44" ht="15.75" customHeight="1" x14ac:dyDescent="0.15">
      <c r="AR29551" s="9" ph="1"/>
    </row>
    <row r="29552" spans="44:44" ht="15.75" customHeight="1" x14ac:dyDescent="0.15">
      <c r="AR29552" s="9" ph="1"/>
    </row>
    <row r="29553" spans="44:44" ht="15.75" customHeight="1" x14ac:dyDescent="0.15">
      <c r="AR29553" s="9" ph="1"/>
    </row>
    <row r="29554" spans="44:44" ht="15.75" customHeight="1" x14ac:dyDescent="0.15">
      <c r="AR29554" s="9" ph="1"/>
    </row>
    <row r="29555" spans="44:44" ht="15.75" customHeight="1" x14ac:dyDescent="0.15">
      <c r="AR29555" s="9" ph="1"/>
    </row>
    <row r="29556" spans="44:44" ht="15.75" customHeight="1" x14ac:dyDescent="0.15">
      <c r="AR29556" s="9" ph="1"/>
    </row>
    <row r="29557" spans="44:44" ht="15.75" customHeight="1" x14ac:dyDescent="0.15">
      <c r="AR29557" s="9" ph="1"/>
    </row>
    <row r="29558" spans="44:44" ht="15.75" customHeight="1" x14ac:dyDescent="0.15">
      <c r="AR29558" s="9" ph="1"/>
    </row>
    <row r="29559" spans="44:44" ht="15.75" customHeight="1" x14ac:dyDescent="0.15">
      <c r="AR29559" s="9" ph="1"/>
    </row>
    <row r="29560" spans="44:44" ht="15.75" customHeight="1" x14ac:dyDescent="0.15">
      <c r="AR29560" s="9" ph="1"/>
    </row>
    <row r="29561" spans="44:44" ht="15.75" customHeight="1" x14ac:dyDescent="0.15">
      <c r="AR29561" s="9" ph="1"/>
    </row>
    <row r="29562" spans="44:44" ht="15.75" customHeight="1" x14ac:dyDescent="0.15">
      <c r="AR29562" s="9" ph="1"/>
    </row>
    <row r="29564" spans="44:44" ht="15.75" customHeight="1" x14ac:dyDescent="0.15">
      <c r="AR29564" s="9" ph="1"/>
    </row>
    <row r="29565" spans="44:44" ht="15.75" customHeight="1" x14ac:dyDescent="0.15">
      <c r="AR29565" s="9" ph="1"/>
    </row>
    <row r="29566" spans="44:44" ht="15.75" customHeight="1" x14ac:dyDescent="0.15">
      <c r="AR29566" s="9" ph="1"/>
    </row>
    <row r="29568" spans="44:44" ht="15.75" customHeight="1" x14ac:dyDescent="0.15">
      <c r="AR29568" s="9" ph="1"/>
    </row>
    <row r="29569" spans="44:44" ht="15.75" customHeight="1" x14ac:dyDescent="0.15">
      <c r="AR29569" s="9" ph="1"/>
    </row>
    <row r="29570" spans="44:44" ht="15.75" customHeight="1" x14ac:dyDescent="0.15">
      <c r="AR29570" s="9" ph="1"/>
    </row>
    <row r="29571" spans="44:44" ht="15.75" customHeight="1" x14ac:dyDescent="0.15">
      <c r="AR29571" s="9" ph="1"/>
    </row>
    <row r="29572" spans="44:44" ht="15.75" customHeight="1" x14ac:dyDescent="0.15">
      <c r="AR29572" s="9" ph="1"/>
    </row>
    <row r="29573" spans="44:44" ht="15.75" customHeight="1" x14ac:dyDescent="0.15">
      <c r="AR29573" s="9" ph="1"/>
    </row>
    <row r="29574" spans="44:44" ht="15.75" customHeight="1" x14ac:dyDescent="0.15">
      <c r="AR29574" s="9" ph="1"/>
    </row>
    <row r="29575" spans="44:44" ht="15.75" customHeight="1" x14ac:dyDescent="0.15">
      <c r="AR29575" s="9" ph="1"/>
    </row>
    <row r="29577" spans="44:44" ht="15.75" customHeight="1" x14ac:dyDescent="0.15">
      <c r="AR29577" s="9" ph="1"/>
    </row>
    <row r="29578" spans="44:44" ht="15.75" customHeight="1" x14ac:dyDescent="0.15">
      <c r="AR29578" s="9" ph="1"/>
    </row>
    <row r="29579" spans="44:44" ht="15.75" customHeight="1" x14ac:dyDescent="0.15">
      <c r="AR29579" s="9" ph="1"/>
    </row>
    <row r="29580" spans="44:44" ht="15.75" customHeight="1" x14ac:dyDescent="0.15">
      <c r="AR29580" s="9" ph="1"/>
    </row>
    <row r="29581" spans="44:44" ht="15.75" customHeight="1" x14ac:dyDescent="0.15">
      <c r="AR29581" s="9" ph="1"/>
    </row>
    <row r="29582" spans="44:44" ht="15.75" customHeight="1" x14ac:dyDescent="0.15">
      <c r="AR29582" s="9" ph="1"/>
    </row>
    <row r="29583" spans="44:44" ht="15.75" customHeight="1" x14ac:dyDescent="0.15">
      <c r="AR29583" s="9" ph="1"/>
    </row>
    <row r="29584" spans="44:44" ht="15.75" customHeight="1" x14ac:dyDescent="0.15">
      <c r="AR29584" s="9" ph="1"/>
    </row>
    <row r="29586" spans="44:44" ht="15.75" customHeight="1" x14ac:dyDescent="0.15">
      <c r="AR29586" s="9" ph="1"/>
    </row>
    <row r="29587" spans="44:44" ht="15.75" customHeight="1" x14ac:dyDescent="0.15">
      <c r="AR29587" s="9" ph="1"/>
    </row>
    <row r="29588" spans="44:44" ht="15.75" customHeight="1" x14ac:dyDescent="0.15">
      <c r="AR29588" s="9" ph="1"/>
    </row>
    <row r="29589" spans="44:44" ht="15.75" customHeight="1" x14ac:dyDescent="0.15">
      <c r="AR29589" s="9" ph="1"/>
    </row>
    <row r="29590" spans="44:44" ht="15.75" customHeight="1" x14ac:dyDescent="0.15">
      <c r="AR29590" s="9" ph="1"/>
    </row>
    <row r="29591" spans="44:44" ht="15.75" customHeight="1" x14ac:dyDescent="0.15">
      <c r="AR29591" s="9" ph="1"/>
    </row>
    <row r="29593" spans="44:44" ht="15.75" customHeight="1" x14ac:dyDescent="0.15">
      <c r="AR29593" s="9" ph="1"/>
    </row>
    <row r="29594" spans="44:44" ht="15.75" customHeight="1" x14ac:dyDescent="0.15">
      <c r="AR29594" s="9" ph="1"/>
    </row>
    <row r="29595" spans="44:44" ht="15.75" customHeight="1" x14ac:dyDescent="0.15">
      <c r="AR29595" s="9" ph="1"/>
    </row>
    <row r="29596" spans="44:44" ht="15.75" customHeight="1" x14ac:dyDescent="0.15">
      <c r="AR29596" s="9" ph="1"/>
    </row>
    <row r="29597" spans="44:44" ht="15.75" customHeight="1" x14ac:dyDescent="0.15">
      <c r="AR29597" s="9" ph="1"/>
    </row>
    <row r="29598" spans="44:44" ht="15.75" customHeight="1" x14ac:dyDescent="0.15">
      <c r="AR29598" s="9" ph="1"/>
    </row>
    <row r="29599" spans="44:44" ht="15.75" customHeight="1" x14ac:dyDescent="0.15">
      <c r="AR29599" s="9" ph="1"/>
    </row>
    <row r="29601" spans="44:44" ht="15.75" customHeight="1" x14ac:dyDescent="0.15">
      <c r="AR29601" s="9" ph="1"/>
    </row>
    <row r="29602" spans="44:44" ht="15.75" customHeight="1" x14ac:dyDescent="0.15">
      <c r="AR29602" s="9" ph="1"/>
    </row>
    <row r="29603" spans="44:44" ht="15.75" customHeight="1" x14ac:dyDescent="0.15">
      <c r="AR29603" s="9" ph="1"/>
    </row>
    <row r="29604" spans="44:44" ht="15.75" customHeight="1" x14ac:dyDescent="0.15">
      <c r="AR29604" s="9" ph="1"/>
    </row>
    <row r="29605" spans="44:44" ht="15.75" customHeight="1" x14ac:dyDescent="0.15">
      <c r="AR29605" s="9" ph="1"/>
    </row>
    <row r="29606" spans="44:44" ht="15.75" customHeight="1" x14ac:dyDescent="0.15">
      <c r="AR29606" s="9" ph="1"/>
    </row>
    <row r="29608" spans="44:44" ht="15.75" customHeight="1" x14ac:dyDescent="0.15">
      <c r="AR29608" s="9" ph="1"/>
    </row>
    <row r="29609" spans="44:44" ht="15.75" customHeight="1" x14ac:dyDescent="0.15">
      <c r="AR29609" s="9" ph="1"/>
    </row>
    <row r="29610" spans="44:44" ht="15.75" customHeight="1" x14ac:dyDescent="0.15">
      <c r="AR29610" s="9" ph="1"/>
    </row>
    <row r="29611" spans="44:44" ht="15.75" customHeight="1" x14ac:dyDescent="0.15">
      <c r="AR29611" s="9" ph="1"/>
    </row>
    <row r="29612" spans="44:44" ht="15.75" customHeight="1" x14ac:dyDescent="0.15">
      <c r="AR29612" s="9" ph="1"/>
    </row>
    <row r="29613" spans="44:44" ht="15.75" customHeight="1" x14ac:dyDescent="0.15">
      <c r="AR29613" s="9" ph="1"/>
    </row>
    <row r="29614" spans="44:44" ht="15.75" customHeight="1" x14ac:dyDescent="0.15">
      <c r="AR29614" s="9" ph="1"/>
    </row>
    <row r="29615" spans="44:44" ht="15.75" customHeight="1" x14ac:dyDescent="0.15">
      <c r="AR29615" s="9" ph="1"/>
    </row>
    <row r="29616" spans="44:44" ht="15.75" customHeight="1" x14ac:dyDescent="0.15">
      <c r="AR29616" s="9" ph="1"/>
    </row>
    <row r="29617" spans="44:44" ht="15.75" customHeight="1" x14ac:dyDescent="0.15">
      <c r="AR29617" s="9" ph="1"/>
    </row>
    <row r="29618" spans="44:44" ht="15.75" customHeight="1" x14ac:dyDescent="0.15">
      <c r="AR29618" s="9" ph="1"/>
    </row>
    <row r="29619" spans="44:44" ht="15.75" customHeight="1" x14ac:dyDescent="0.15">
      <c r="AR29619" s="9" ph="1"/>
    </row>
    <row r="29620" spans="44:44" ht="15.75" customHeight="1" x14ac:dyDescent="0.15">
      <c r="AR29620" s="9" ph="1"/>
    </row>
    <row r="29622" spans="44:44" ht="15.75" customHeight="1" x14ac:dyDescent="0.15">
      <c r="AR29622" s="9" ph="1"/>
    </row>
    <row r="29623" spans="44:44" ht="15.75" customHeight="1" x14ac:dyDescent="0.15">
      <c r="AR29623" s="9" ph="1"/>
    </row>
    <row r="29624" spans="44:44" ht="15.75" customHeight="1" x14ac:dyDescent="0.15">
      <c r="AR29624" s="9" ph="1"/>
    </row>
    <row r="29626" spans="44:44" ht="15.75" customHeight="1" x14ac:dyDescent="0.15">
      <c r="AR29626" s="9" ph="1"/>
    </row>
    <row r="29627" spans="44:44" ht="15.75" customHeight="1" x14ac:dyDescent="0.15">
      <c r="AR29627" s="9" ph="1"/>
    </row>
    <row r="29628" spans="44:44" ht="15.75" customHeight="1" x14ac:dyDescent="0.15">
      <c r="AR29628" s="9" ph="1"/>
    </row>
    <row r="29629" spans="44:44" ht="15.75" customHeight="1" x14ac:dyDescent="0.15">
      <c r="AR29629" s="9" ph="1"/>
    </row>
    <row r="29630" spans="44:44" ht="15.75" customHeight="1" x14ac:dyDescent="0.15">
      <c r="AR29630" s="9" ph="1"/>
    </row>
    <row r="29631" spans="44:44" ht="15.75" customHeight="1" x14ac:dyDescent="0.15">
      <c r="AR29631" s="9" ph="1"/>
    </row>
    <row r="29632" spans="44:44" ht="15.75" customHeight="1" x14ac:dyDescent="0.15">
      <c r="AR29632" s="9" ph="1"/>
    </row>
    <row r="29633" spans="44:44" ht="15.75" customHeight="1" x14ac:dyDescent="0.15">
      <c r="AR29633" s="9" ph="1"/>
    </row>
    <row r="29634" spans="44:44" ht="15.75" customHeight="1" x14ac:dyDescent="0.15">
      <c r="AR29634" s="9" ph="1"/>
    </row>
    <row r="29635" spans="44:44" ht="15.75" customHeight="1" x14ac:dyDescent="0.15">
      <c r="AR29635" s="9" ph="1"/>
    </row>
    <row r="29636" spans="44:44" ht="15.75" customHeight="1" x14ac:dyDescent="0.15">
      <c r="AR29636" s="9" ph="1"/>
    </row>
    <row r="29637" spans="44:44" ht="15.75" customHeight="1" x14ac:dyDescent="0.15">
      <c r="AR29637" s="9" ph="1"/>
    </row>
    <row r="29638" spans="44:44" ht="15.75" customHeight="1" x14ac:dyDescent="0.15">
      <c r="AR29638" s="9" ph="1"/>
    </row>
    <row r="29639" spans="44:44" ht="15.75" customHeight="1" x14ac:dyDescent="0.15">
      <c r="AR29639" s="9" ph="1"/>
    </row>
    <row r="29640" spans="44:44" ht="15.75" customHeight="1" x14ac:dyDescent="0.15">
      <c r="AR29640" s="9" ph="1"/>
    </row>
    <row r="29641" spans="44:44" ht="15.75" customHeight="1" x14ac:dyDescent="0.15">
      <c r="AR29641" s="9" ph="1"/>
    </row>
    <row r="29643" spans="44:44" ht="15.75" customHeight="1" x14ac:dyDescent="0.15">
      <c r="AR29643" s="9" ph="1"/>
    </row>
    <row r="29644" spans="44:44" ht="15.75" customHeight="1" x14ac:dyDescent="0.15">
      <c r="AR29644" s="9" ph="1"/>
    </row>
    <row r="29645" spans="44:44" ht="15.75" customHeight="1" x14ac:dyDescent="0.15">
      <c r="AR29645" s="9" ph="1"/>
    </row>
    <row r="29647" spans="44:44" ht="15.75" customHeight="1" x14ac:dyDescent="0.15">
      <c r="AR29647" s="9" ph="1"/>
    </row>
    <row r="29648" spans="44:44" ht="15.75" customHeight="1" x14ac:dyDescent="0.15">
      <c r="AR29648" s="9" ph="1"/>
    </row>
    <row r="29649" spans="44:44" ht="15.75" customHeight="1" x14ac:dyDescent="0.15">
      <c r="AR29649" s="9" ph="1"/>
    </row>
    <row r="29650" spans="44:44" ht="15.75" customHeight="1" x14ac:dyDescent="0.15">
      <c r="AR29650" s="9" ph="1"/>
    </row>
    <row r="29651" spans="44:44" ht="15.75" customHeight="1" x14ac:dyDescent="0.15">
      <c r="AR29651" s="9" ph="1"/>
    </row>
    <row r="29652" spans="44:44" ht="15.75" customHeight="1" x14ac:dyDescent="0.15">
      <c r="AR29652" s="9" ph="1"/>
    </row>
    <row r="29653" spans="44:44" ht="15.75" customHeight="1" x14ac:dyDescent="0.15">
      <c r="AR29653" s="9" ph="1"/>
    </row>
    <row r="29654" spans="44:44" ht="15.75" customHeight="1" x14ac:dyDescent="0.15">
      <c r="AR29654" s="9" ph="1"/>
    </row>
    <row r="29656" spans="44:44" ht="15.75" customHeight="1" x14ac:dyDescent="0.15">
      <c r="AR29656" s="9" ph="1"/>
    </row>
    <row r="29657" spans="44:44" ht="15.75" customHeight="1" x14ac:dyDescent="0.15">
      <c r="AR29657" s="9" ph="1"/>
    </row>
    <row r="29658" spans="44:44" ht="15.75" customHeight="1" x14ac:dyDescent="0.15">
      <c r="AR29658" s="9" ph="1"/>
    </row>
    <row r="29659" spans="44:44" ht="15.75" customHeight="1" x14ac:dyDescent="0.15">
      <c r="AR29659" s="9" ph="1"/>
    </row>
    <row r="29660" spans="44:44" ht="15.75" customHeight="1" x14ac:dyDescent="0.15">
      <c r="AR29660" s="9" ph="1"/>
    </row>
    <row r="29661" spans="44:44" ht="15.75" customHeight="1" x14ac:dyDescent="0.15">
      <c r="AR29661" s="9" ph="1"/>
    </row>
    <row r="29662" spans="44:44" ht="15.75" customHeight="1" x14ac:dyDescent="0.15">
      <c r="AR29662" s="9" ph="1"/>
    </row>
    <row r="29663" spans="44:44" ht="15.75" customHeight="1" x14ac:dyDescent="0.15">
      <c r="AR29663" s="9" ph="1"/>
    </row>
    <row r="29665" spans="44:44" ht="15.75" customHeight="1" x14ac:dyDescent="0.15">
      <c r="AR29665" s="9" ph="1"/>
    </row>
    <row r="29666" spans="44:44" ht="15.75" customHeight="1" x14ac:dyDescent="0.15">
      <c r="AR29666" s="9" ph="1"/>
    </row>
    <row r="29667" spans="44:44" ht="15.75" customHeight="1" x14ac:dyDescent="0.15">
      <c r="AR29667" s="9" ph="1"/>
    </row>
    <row r="29668" spans="44:44" ht="15.75" customHeight="1" x14ac:dyDescent="0.15">
      <c r="AR29668" s="9" ph="1"/>
    </row>
    <row r="29669" spans="44:44" ht="15.75" customHeight="1" x14ac:dyDescent="0.15">
      <c r="AR29669" s="9" ph="1"/>
    </row>
    <row r="29670" spans="44:44" ht="15.75" customHeight="1" x14ac:dyDescent="0.15">
      <c r="AR29670" s="9" ph="1"/>
    </row>
    <row r="29672" spans="44:44" ht="15.75" customHeight="1" x14ac:dyDescent="0.15">
      <c r="AR29672" s="9" ph="1"/>
    </row>
    <row r="29673" spans="44:44" ht="15.75" customHeight="1" x14ac:dyDescent="0.15">
      <c r="AR29673" s="9" ph="1"/>
    </row>
    <row r="29674" spans="44:44" ht="15.75" customHeight="1" x14ac:dyDescent="0.15">
      <c r="AR29674" s="9" ph="1"/>
    </row>
    <row r="29675" spans="44:44" ht="15.75" customHeight="1" x14ac:dyDescent="0.15">
      <c r="AR29675" s="9" ph="1"/>
    </row>
    <row r="29676" spans="44:44" ht="15.75" customHeight="1" x14ac:dyDescent="0.15">
      <c r="AR29676" s="9" ph="1"/>
    </row>
    <row r="29677" spans="44:44" ht="15.75" customHeight="1" x14ac:dyDescent="0.15">
      <c r="AR29677" s="9" ph="1"/>
    </row>
    <row r="29678" spans="44:44" ht="15.75" customHeight="1" x14ac:dyDescent="0.15">
      <c r="AR29678" s="9" ph="1"/>
    </row>
    <row r="29682" spans="44:44" ht="15.75" customHeight="1" x14ac:dyDescent="0.15">
      <c r="AR29682" s="9" ph="1"/>
    </row>
    <row r="29683" spans="44:44" ht="15.75" customHeight="1" x14ac:dyDescent="0.15">
      <c r="AR29683" s="9" ph="1"/>
    </row>
    <row r="29684" spans="44:44" ht="15.75" customHeight="1" x14ac:dyDescent="0.15">
      <c r="AR29684" s="9" ph="1"/>
    </row>
    <row r="29685" spans="44:44" ht="15.75" customHeight="1" x14ac:dyDescent="0.15">
      <c r="AR29685" s="9" ph="1"/>
    </row>
    <row r="29686" spans="44:44" ht="15.75" customHeight="1" x14ac:dyDescent="0.15">
      <c r="AR29686" s="9" ph="1"/>
    </row>
    <row r="29687" spans="44:44" ht="15.75" customHeight="1" x14ac:dyDescent="0.15">
      <c r="AR29687" s="9" ph="1"/>
    </row>
    <row r="29688" spans="44:44" ht="15.75" customHeight="1" x14ac:dyDescent="0.15">
      <c r="AR29688" s="9" ph="1"/>
    </row>
    <row r="29689" spans="44:44" ht="15.75" customHeight="1" x14ac:dyDescent="0.15">
      <c r="AR29689" s="9" ph="1"/>
    </row>
    <row r="29691" spans="44:44" ht="15.75" customHeight="1" x14ac:dyDescent="0.15">
      <c r="AR29691" s="9" ph="1"/>
    </row>
    <row r="29692" spans="44:44" ht="15.75" customHeight="1" x14ac:dyDescent="0.15">
      <c r="AR29692" s="9" ph="1"/>
    </row>
    <row r="29693" spans="44:44" ht="15.75" customHeight="1" x14ac:dyDescent="0.15">
      <c r="AR29693" s="9" ph="1"/>
    </row>
    <row r="29694" spans="44:44" ht="15.75" customHeight="1" x14ac:dyDescent="0.15">
      <c r="AR29694" s="9" ph="1"/>
    </row>
    <row r="29701" spans="44:44" ht="15.75" customHeight="1" x14ac:dyDescent="0.15">
      <c r="AR29701" s="9" ph="1"/>
    </row>
    <row r="29702" spans="44:44" ht="15.75" customHeight="1" x14ac:dyDescent="0.15">
      <c r="AR29702" s="9" ph="1"/>
    </row>
    <row r="29703" spans="44:44" ht="15.75" customHeight="1" x14ac:dyDescent="0.15">
      <c r="AR29703" s="9" ph="1"/>
    </row>
    <row r="29704" spans="44:44" ht="15.75" customHeight="1" x14ac:dyDescent="0.15">
      <c r="AR29704" s="9" ph="1"/>
    </row>
    <row r="29705" spans="44:44" ht="15.75" customHeight="1" x14ac:dyDescent="0.15">
      <c r="AR29705" s="9" ph="1"/>
    </row>
    <row r="29706" spans="44:44" ht="15.75" customHeight="1" x14ac:dyDescent="0.15">
      <c r="AR29706" s="9" ph="1"/>
    </row>
    <row r="29707" spans="44:44" ht="15.75" customHeight="1" x14ac:dyDescent="0.15">
      <c r="AR29707" s="9" ph="1"/>
    </row>
    <row r="29708" spans="44:44" ht="15.75" customHeight="1" x14ac:dyDescent="0.15">
      <c r="AR29708" s="9" ph="1"/>
    </row>
    <row r="29710" spans="44:44" ht="15.75" customHeight="1" x14ac:dyDescent="0.15">
      <c r="AR29710" s="9" ph="1"/>
    </row>
    <row r="29711" spans="44:44" ht="15.75" customHeight="1" x14ac:dyDescent="0.15">
      <c r="AR29711" s="9" ph="1"/>
    </row>
    <row r="29712" spans="44:44" ht="15.75" customHeight="1" x14ac:dyDescent="0.15">
      <c r="AR29712" s="9" ph="1"/>
    </row>
    <row r="29714" spans="44:44" ht="15.75" customHeight="1" x14ac:dyDescent="0.15">
      <c r="AR29714" s="9" ph="1"/>
    </row>
    <row r="29715" spans="44:44" ht="15.75" customHeight="1" x14ac:dyDescent="0.15">
      <c r="AR29715" s="9" ph="1"/>
    </row>
    <row r="29716" spans="44:44" ht="15.75" customHeight="1" x14ac:dyDescent="0.15">
      <c r="AR29716" s="9" ph="1"/>
    </row>
    <row r="29717" spans="44:44" ht="15.75" customHeight="1" x14ac:dyDescent="0.15">
      <c r="AR29717" s="9" ph="1"/>
    </row>
    <row r="29718" spans="44:44" ht="15.75" customHeight="1" x14ac:dyDescent="0.15">
      <c r="AR29718" s="9" ph="1"/>
    </row>
    <row r="29719" spans="44:44" ht="15.75" customHeight="1" x14ac:dyDescent="0.15">
      <c r="AR29719" s="9" ph="1"/>
    </row>
    <row r="29720" spans="44:44" ht="15.75" customHeight="1" x14ac:dyDescent="0.15">
      <c r="AR29720" s="9" ph="1"/>
    </row>
    <row r="29721" spans="44:44" ht="15.75" customHeight="1" x14ac:dyDescent="0.15">
      <c r="AR29721" s="9" ph="1"/>
    </row>
    <row r="29722" spans="44:44" ht="15.75" customHeight="1" x14ac:dyDescent="0.15">
      <c r="AR29722" s="9" ph="1"/>
    </row>
    <row r="29723" spans="44:44" ht="15.75" customHeight="1" x14ac:dyDescent="0.15">
      <c r="AR29723" s="9" ph="1"/>
    </row>
    <row r="29724" spans="44:44" ht="15.75" customHeight="1" x14ac:dyDescent="0.15">
      <c r="AR29724" s="9" ph="1"/>
    </row>
    <row r="29725" spans="44:44" ht="15.75" customHeight="1" x14ac:dyDescent="0.15">
      <c r="AR29725" s="9" ph="1"/>
    </row>
    <row r="29726" spans="44:44" ht="15.75" customHeight="1" x14ac:dyDescent="0.15">
      <c r="AR29726" s="9" ph="1"/>
    </row>
    <row r="29728" spans="44:44" ht="15.75" customHeight="1" x14ac:dyDescent="0.15">
      <c r="AR29728" s="9" ph="1"/>
    </row>
    <row r="29729" spans="44:44" ht="15.75" customHeight="1" x14ac:dyDescent="0.15">
      <c r="AR29729" s="9" ph="1"/>
    </row>
    <row r="29730" spans="44:44" ht="15.75" customHeight="1" x14ac:dyDescent="0.15">
      <c r="AR29730" s="9" ph="1"/>
    </row>
    <row r="29732" spans="44:44" ht="15.75" customHeight="1" x14ac:dyDescent="0.15">
      <c r="AR29732" s="9" ph="1"/>
    </row>
    <row r="29733" spans="44:44" ht="15.75" customHeight="1" x14ac:dyDescent="0.15">
      <c r="AR29733" s="9" ph="1"/>
    </row>
    <row r="29734" spans="44:44" ht="15.75" customHeight="1" x14ac:dyDescent="0.15">
      <c r="AR29734" s="9" ph="1"/>
    </row>
    <row r="29735" spans="44:44" ht="15.75" customHeight="1" x14ac:dyDescent="0.15">
      <c r="AR29735" s="9" ph="1"/>
    </row>
    <row r="29736" spans="44:44" ht="15.75" customHeight="1" x14ac:dyDescent="0.15">
      <c r="AR29736" s="9" ph="1"/>
    </row>
    <row r="29737" spans="44:44" ht="15.75" customHeight="1" x14ac:dyDescent="0.15">
      <c r="AR29737" s="9" ph="1"/>
    </row>
    <row r="29739" spans="44:44" ht="15.75" customHeight="1" x14ac:dyDescent="0.15">
      <c r="AR29739" s="9" ph="1"/>
    </row>
    <row r="29740" spans="44:44" ht="15.75" customHeight="1" x14ac:dyDescent="0.15">
      <c r="AR29740" s="9" ph="1"/>
    </row>
    <row r="29741" spans="44:44" ht="15.75" customHeight="1" x14ac:dyDescent="0.15">
      <c r="AR29741" s="9" ph="1"/>
    </row>
    <row r="29742" spans="44:44" ht="15.75" customHeight="1" x14ac:dyDescent="0.15">
      <c r="AR29742" s="9" ph="1"/>
    </row>
    <row r="29743" spans="44:44" ht="15.75" customHeight="1" x14ac:dyDescent="0.15">
      <c r="AR29743" s="9" ph="1"/>
    </row>
    <row r="29744" spans="44:44" ht="15.75" customHeight="1" x14ac:dyDescent="0.15">
      <c r="AR29744" s="9" ph="1"/>
    </row>
    <row r="29745" spans="44:44" ht="15.75" customHeight="1" x14ac:dyDescent="0.15">
      <c r="AR29745" s="9" ph="1"/>
    </row>
    <row r="29746" spans="44:44" ht="15.75" customHeight="1" x14ac:dyDescent="0.15">
      <c r="AR29746" s="9" ph="1"/>
    </row>
    <row r="29747" spans="44:44" ht="15.75" customHeight="1" x14ac:dyDescent="0.15">
      <c r="AR29747" s="9" ph="1"/>
    </row>
    <row r="29748" spans="44:44" ht="15.75" customHeight="1" x14ac:dyDescent="0.15">
      <c r="AR29748" s="9" ph="1"/>
    </row>
    <row r="29749" spans="44:44" ht="15.75" customHeight="1" x14ac:dyDescent="0.15">
      <c r="AR29749" s="9" ph="1"/>
    </row>
    <row r="29750" spans="44:44" ht="15.75" customHeight="1" x14ac:dyDescent="0.15">
      <c r="AR29750" s="9" ph="1"/>
    </row>
    <row r="29751" spans="44:44" ht="15.75" customHeight="1" x14ac:dyDescent="0.15">
      <c r="AR29751" s="9" ph="1"/>
    </row>
    <row r="29753" spans="44:44" ht="15.75" customHeight="1" x14ac:dyDescent="0.15">
      <c r="AR29753" s="9" ph="1"/>
    </row>
    <row r="29754" spans="44:44" ht="15.75" customHeight="1" x14ac:dyDescent="0.15">
      <c r="AR29754" s="9" ph="1"/>
    </row>
    <row r="29755" spans="44:44" ht="15.75" customHeight="1" x14ac:dyDescent="0.15">
      <c r="AR29755" s="9" ph="1"/>
    </row>
    <row r="29757" spans="44:44" ht="15.75" customHeight="1" x14ac:dyDescent="0.15">
      <c r="AR29757" s="9" ph="1"/>
    </row>
    <row r="29758" spans="44:44" ht="15.75" customHeight="1" x14ac:dyDescent="0.15">
      <c r="AR29758" s="9" ph="1"/>
    </row>
    <row r="29759" spans="44:44" ht="15.75" customHeight="1" x14ac:dyDescent="0.15">
      <c r="AR29759" s="9" ph="1"/>
    </row>
    <row r="29760" spans="44:44" ht="15.75" customHeight="1" x14ac:dyDescent="0.15">
      <c r="AR29760" s="9" ph="1"/>
    </row>
    <row r="29761" spans="44:44" ht="15.75" customHeight="1" x14ac:dyDescent="0.15">
      <c r="AR29761" s="9" ph="1"/>
    </row>
    <row r="29762" spans="44:44" ht="15.75" customHeight="1" x14ac:dyDescent="0.15">
      <c r="AR29762" s="9" ph="1"/>
    </row>
    <row r="29763" spans="44:44" ht="15.75" customHeight="1" x14ac:dyDescent="0.15">
      <c r="AR29763" s="9" ph="1"/>
    </row>
    <row r="29764" spans="44:44" ht="15.75" customHeight="1" x14ac:dyDescent="0.15">
      <c r="AR29764" s="9" ph="1"/>
    </row>
    <row r="29765" spans="44:44" ht="15.75" customHeight="1" x14ac:dyDescent="0.15">
      <c r="AR29765" s="9" ph="1"/>
    </row>
    <row r="29766" spans="44:44" ht="15.75" customHeight="1" x14ac:dyDescent="0.15">
      <c r="AR29766" s="9" ph="1"/>
    </row>
    <row r="29767" spans="44:44" ht="15.75" customHeight="1" x14ac:dyDescent="0.15">
      <c r="AR29767" s="9" ph="1"/>
    </row>
    <row r="29768" spans="44:44" ht="15.75" customHeight="1" x14ac:dyDescent="0.15">
      <c r="AR29768" s="9" ph="1"/>
    </row>
    <row r="29769" spans="44:44" ht="15.75" customHeight="1" x14ac:dyDescent="0.15">
      <c r="AR29769" s="9" ph="1"/>
    </row>
    <row r="29770" spans="44:44" ht="15.75" customHeight="1" x14ac:dyDescent="0.15">
      <c r="AR29770" s="9" ph="1"/>
    </row>
    <row r="29771" spans="44:44" ht="15.75" customHeight="1" x14ac:dyDescent="0.15">
      <c r="AR29771" s="9" ph="1"/>
    </row>
    <row r="29772" spans="44:44" ht="15.75" customHeight="1" x14ac:dyDescent="0.15">
      <c r="AR29772" s="9" ph="1"/>
    </row>
    <row r="29774" spans="44:44" ht="15.75" customHeight="1" x14ac:dyDescent="0.15">
      <c r="AR29774" s="9" ph="1"/>
    </row>
    <row r="29775" spans="44:44" ht="15.75" customHeight="1" x14ac:dyDescent="0.15">
      <c r="AR29775" s="9" ph="1"/>
    </row>
    <row r="29776" spans="44:44" ht="15.75" customHeight="1" x14ac:dyDescent="0.15">
      <c r="AR29776" s="9" ph="1"/>
    </row>
    <row r="29778" spans="44:44" ht="15.75" customHeight="1" x14ac:dyDescent="0.15">
      <c r="AR29778" s="9" ph="1"/>
    </row>
    <row r="29779" spans="44:44" ht="15.75" customHeight="1" x14ac:dyDescent="0.15">
      <c r="AR29779" s="9" ph="1"/>
    </row>
    <row r="29780" spans="44:44" ht="15.75" customHeight="1" x14ac:dyDescent="0.15">
      <c r="AR29780" s="9" ph="1"/>
    </row>
    <row r="29781" spans="44:44" ht="15.75" customHeight="1" x14ac:dyDescent="0.15">
      <c r="AR29781" s="9" ph="1"/>
    </row>
    <row r="29782" spans="44:44" ht="15.75" customHeight="1" x14ac:dyDescent="0.15">
      <c r="AR29782" s="9" ph="1"/>
    </row>
    <row r="29783" spans="44:44" ht="15.75" customHeight="1" x14ac:dyDescent="0.15">
      <c r="AR29783" s="9" ph="1"/>
    </row>
    <row r="29784" spans="44:44" ht="15.75" customHeight="1" x14ac:dyDescent="0.15">
      <c r="AR29784" s="9" ph="1"/>
    </row>
    <row r="29785" spans="44:44" ht="15.75" customHeight="1" x14ac:dyDescent="0.15">
      <c r="AR29785" s="9" ph="1"/>
    </row>
    <row r="29787" spans="44:44" ht="15.75" customHeight="1" x14ac:dyDescent="0.15">
      <c r="AR29787" s="9" ph="1"/>
    </row>
    <row r="29788" spans="44:44" ht="15.75" customHeight="1" x14ac:dyDescent="0.15">
      <c r="AR29788" s="9" ph="1"/>
    </row>
    <row r="29789" spans="44:44" ht="15.75" customHeight="1" x14ac:dyDescent="0.15">
      <c r="AR29789" s="9" ph="1"/>
    </row>
    <row r="29790" spans="44:44" ht="15.75" customHeight="1" x14ac:dyDescent="0.15">
      <c r="AR29790" s="9" ph="1"/>
    </row>
    <row r="29791" spans="44:44" ht="15.75" customHeight="1" x14ac:dyDescent="0.15">
      <c r="AR29791" s="9" ph="1"/>
    </row>
    <row r="29792" spans="44:44" ht="15.75" customHeight="1" x14ac:dyDescent="0.15">
      <c r="AR29792" s="9" ph="1"/>
    </row>
    <row r="29793" spans="44:44" ht="15.75" customHeight="1" x14ac:dyDescent="0.15">
      <c r="AR29793" s="9" ph="1"/>
    </row>
    <row r="29794" spans="44:44" ht="15.75" customHeight="1" x14ac:dyDescent="0.15">
      <c r="AR29794" s="9" ph="1"/>
    </row>
    <row r="29796" spans="44:44" ht="15.75" customHeight="1" x14ac:dyDescent="0.15">
      <c r="AR29796" s="9" ph="1"/>
    </row>
    <row r="29797" spans="44:44" ht="15.75" customHeight="1" x14ac:dyDescent="0.15">
      <c r="AR29797" s="9" ph="1"/>
    </row>
    <row r="29798" spans="44:44" ht="15.75" customHeight="1" x14ac:dyDescent="0.15">
      <c r="AR29798" s="9" ph="1"/>
    </row>
    <row r="29799" spans="44:44" ht="15.75" customHeight="1" x14ac:dyDescent="0.15">
      <c r="AR29799" s="9" ph="1"/>
    </row>
    <row r="29800" spans="44:44" ht="15.75" customHeight="1" x14ac:dyDescent="0.15">
      <c r="AR29800" s="9" ph="1"/>
    </row>
    <row r="29801" spans="44:44" ht="15.75" customHeight="1" x14ac:dyDescent="0.15">
      <c r="AR29801" s="9" ph="1"/>
    </row>
    <row r="29803" spans="44:44" ht="15.75" customHeight="1" x14ac:dyDescent="0.15">
      <c r="AR29803" s="9" ph="1"/>
    </row>
    <row r="29804" spans="44:44" ht="15.75" customHeight="1" x14ac:dyDescent="0.15">
      <c r="AR29804" s="9" ph="1"/>
    </row>
    <row r="29805" spans="44:44" ht="15.75" customHeight="1" x14ac:dyDescent="0.15">
      <c r="AR29805" s="9" ph="1"/>
    </row>
    <row r="29806" spans="44:44" ht="15.75" customHeight="1" x14ac:dyDescent="0.15">
      <c r="AR29806" s="9" ph="1"/>
    </row>
    <row r="29807" spans="44:44" ht="15.75" customHeight="1" x14ac:dyDescent="0.15">
      <c r="AR29807" s="9" ph="1"/>
    </row>
    <row r="29808" spans="44:44" ht="15.75" customHeight="1" x14ac:dyDescent="0.15">
      <c r="AR29808" s="9" ph="1"/>
    </row>
    <row r="29809" spans="44:44" ht="15.75" customHeight="1" x14ac:dyDescent="0.15">
      <c r="AR29809" s="9" ph="1"/>
    </row>
    <row r="29811" spans="44:44" ht="15.75" customHeight="1" x14ac:dyDescent="0.15">
      <c r="AR29811" s="9" ph="1"/>
    </row>
    <row r="29812" spans="44:44" ht="15.75" customHeight="1" x14ac:dyDescent="0.15">
      <c r="AR29812" s="9" ph="1"/>
    </row>
    <row r="29813" spans="44:44" ht="15.75" customHeight="1" x14ac:dyDescent="0.15">
      <c r="AR29813" s="9" ph="1"/>
    </row>
    <row r="29814" spans="44:44" ht="15.75" customHeight="1" x14ac:dyDescent="0.15">
      <c r="AR29814" s="9" ph="1"/>
    </row>
    <row r="29815" spans="44:44" ht="15.75" customHeight="1" x14ac:dyDescent="0.15">
      <c r="AR29815" s="9" ph="1"/>
    </row>
    <row r="29816" spans="44:44" ht="15.75" customHeight="1" x14ac:dyDescent="0.15">
      <c r="AR29816" s="9" ph="1"/>
    </row>
    <row r="29818" spans="44:44" ht="15.75" customHeight="1" x14ac:dyDescent="0.15">
      <c r="AR29818" s="9" ph="1"/>
    </row>
    <row r="29819" spans="44:44" ht="15.75" customHeight="1" x14ac:dyDescent="0.15">
      <c r="AR29819" s="9" ph="1"/>
    </row>
    <row r="29820" spans="44:44" ht="15.75" customHeight="1" x14ac:dyDescent="0.15">
      <c r="AR29820" s="9" ph="1"/>
    </row>
    <row r="29821" spans="44:44" ht="15.75" customHeight="1" x14ac:dyDescent="0.15">
      <c r="AR29821" s="9" ph="1"/>
    </row>
    <row r="29822" spans="44:44" ht="15.75" customHeight="1" x14ac:dyDescent="0.15">
      <c r="AR29822" s="9" ph="1"/>
    </row>
    <row r="29823" spans="44:44" ht="15.75" customHeight="1" x14ac:dyDescent="0.15">
      <c r="AR29823" s="9" ph="1"/>
    </row>
    <row r="29824" spans="44:44" ht="15.75" customHeight="1" x14ac:dyDescent="0.15">
      <c r="AR29824" s="9" ph="1"/>
    </row>
    <row r="29825" spans="44:44" ht="15.75" customHeight="1" x14ac:dyDescent="0.15">
      <c r="AR29825" s="9" ph="1"/>
    </row>
    <row r="29826" spans="44:44" ht="15.75" customHeight="1" x14ac:dyDescent="0.15">
      <c r="AR29826" s="9" ph="1"/>
    </row>
    <row r="29827" spans="44:44" ht="15.75" customHeight="1" x14ac:dyDescent="0.15">
      <c r="AR29827" s="9" ph="1"/>
    </row>
    <row r="29828" spans="44:44" ht="15.75" customHeight="1" x14ac:dyDescent="0.15">
      <c r="AR29828" s="9" ph="1"/>
    </row>
    <row r="29829" spans="44:44" ht="15.75" customHeight="1" x14ac:dyDescent="0.15">
      <c r="AR29829" s="9" ph="1"/>
    </row>
    <row r="29830" spans="44:44" ht="15.75" customHeight="1" x14ac:dyDescent="0.15">
      <c r="AR29830" s="9" ph="1"/>
    </row>
    <row r="29832" spans="44:44" ht="15.75" customHeight="1" x14ac:dyDescent="0.15">
      <c r="AR29832" s="9" ph="1"/>
    </row>
    <row r="29833" spans="44:44" ht="15.75" customHeight="1" x14ac:dyDescent="0.15">
      <c r="AR29833" s="9" ph="1"/>
    </row>
    <row r="29834" spans="44:44" ht="15.75" customHeight="1" x14ac:dyDescent="0.15">
      <c r="AR29834" s="9" ph="1"/>
    </row>
    <row r="29836" spans="44:44" ht="15.75" customHeight="1" x14ac:dyDescent="0.15">
      <c r="AR29836" s="9" ph="1"/>
    </row>
    <row r="29837" spans="44:44" ht="15.75" customHeight="1" x14ac:dyDescent="0.15">
      <c r="AR29837" s="9" ph="1"/>
    </row>
    <row r="29838" spans="44:44" ht="15.75" customHeight="1" x14ac:dyDescent="0.15">
      <c r="AR29838" s="9" ph="1"/>
    </row>
    <row r="29839" spans="44:44" ht="15.75" customHeight="1" x14ac:dyDescent="0.15">
      <c r="AR29839" s="9" ph="1"/>
    </row>
    <row r="29840" spans="44:44" ht="15.75" customHeight="1" x14ac:dyDescent="0.15">
      <c r="AR29840" s="9" ph="1"/>
    </row>
    <row r="29841" spans="44:44" ht="15.75" customHeight="1" x14ac:dyDescent="0.15">
      <c r="AR29841" s="9" ph="1"/>
    </row>
    <row r="29842" spans="44:44" ht="15.75" customHeight="1" x14ac:dyDescent="0.15">
      <c r="AR29842" s="9" ph="1"/>
    </row>
    <row r="29843" spans="44:44" ht="15.75" customHeight="1" x14ac:dyDescent="0.15">
      <c r="AR29843" s="9" ph="1"/>
    </row>
    <row r="29844" spans="44:44" ht="15.75" customHeight="1" x14ac:dyDescent="0.15">
      <c r="AR29844" s="9" ph="1"/>
    </row>
    <row r="29845" spans="44:44" ht="15.75" customHeight="1" x14ac:dyDescent="0.15">
      <c r="AR29845" s="9" ph="1"/>
    </row>
    <row r="29846" spans="44:44" ht="15.75" customHeight="1" x14ac:dyDescent="0.15">
      <c r="AR29846" s="9" ph="1"/>
    </row>
    <row r="29847" spans="44:44" ht="15.75" customHeight="1" x14ac:dyDescent="0.15">
      <c r="AR29847" s="9" ph="1"/>
    </row>
    <row r="29848" spans="44:44" ht="15.75" customHeight="1" x14ac:dyDescent="0.15">
      <c r="AR29848" s="9" ph="1"/>
    </row>
    <row r="29849" spans="44:44" ht="15.75" customHeight="1" x14ac:dyDescent="0.15">
      <c r="AR29849" s="9" ph="1"/>
    </row>
    <row r="29850" spans="44:44" ht="15.75" customHeight="1" x14ac:dyDescent="0.15">
      <c r="AR29850" s="9" ph="1"/>
    </row>
    <row r="29851" spans="44:44" ht="15.75" customHeight="1" x14ac:dyDescent="0.15">
      <c r="AR29851" s="9" ph="1"/>
    </row>
    <row r="29853" spans="44:44" ht="15.75" customHeight="1" x14ac:dyDescent="0.15">
      <c r="AR29853" s="9" ph="1"/>
    </row>
    <row r="29854" spans="44:44" ht="15.75" customHeight="1" x14ac:dyDescent="0.15">
      <c r="AR29854" s="9" ph="1"/>
    </row>
    <row r="29855" spans="44:44" ht="15.75" customHeight="1" x14ac:dyDescent="0.15">
      <c r="AR29855" s="9" ph="1"/>
    </row>
    <row r="29857" spans="44:44" ht="15.75" customHeight="1" x14ac:dyDescent="0.15">
      <c r="AR29857" s="9" ph="1"/>
    </row>
    <row r="29858" spans="44:44" ht="15.75" customHeight="1" x14ac:dyDescent="0.15">
      <c r="AR29858" s="9" ph="1"/>
    </row>
    <row r="29859" spans="44:44" ht="15.75" customHeight="1" x14ac:dyDescent="0.15">
      <c r="AR29859" s="9" ph="1"/>
    </row>
    <row r="29860" spans="44:44" ht="15.75" customHeight="1" x14ac:dyDescent="0.15">
      <c r="AR29860" s="9" ph="1"/>
    </row>
    <row r="29861" spans="44:44" ht="15.75" customHeight="1" x14ac:dyDescent="0.15">
      <c r="AR29861" s="9" ph="1"/>
    </row>
    <row r="29862" spans="44:44" ht="15.75" customHeight="1" x14ac:dyDescent="0.15">
      <c r="AR29862" s="9" ph="1"/>
    </row>
    <row r="29863" spans="44:44" ht="15.75" customHeight="1" x14ac:dyDescent="0.15">
      <c r="AR29863" s="9" ph="1"/>
    </row>
    <row r="29864" spans="44:44" ht="15.75" customHeight="1" x14ac:dyDescent="0.15">
      <c r="AR29864" s="9" ph="1"/>
    </row>
    <row r="29866" spans="44:44" ht="15.75" customHeight="1" x14ac:dyDescent="0.15">
      <c r="AR29866" s="9" ph="1"/>
    </row>
    <row r="29867" spans="44:44" ht="15.75" customHeight="1" x14ac:dyDescent="0.15">
      <c r="AR29867" s="9" ph="1"/>
    </row>
    <row r="29868" spans="44:44" ht="15.75" customHeight="1" x14ac:dyDescent="0.15">
      <c r="AR29868" s="9" ph="1"/>
    </row>
    <row r="29869" spans="44:44" ht="15.75" customHeight="1" x14ac:dyDescent="0.15">
      <c r="AR29869" s="9" ph="1"/>
    </row>
    <row r="29870" spans="44:44" ht="15.75" customHeight="1" x14ac:dyDescent="0.15">
      <c r="AR29870" s="9" ph="1"/>
    </row>
    <row r="29871" spans="44:44" ht="15.75" customHeight="1" x14ac:dyDescent="0.15">
      <c r="AR29871" s="9" ph="1"/>
    </row>
    <row r="29872" spans="44:44" ht="15.75" customHeight="1" x14ac:dyDescent="0.15">
      <c r="AR29872" s="9" ph="1"/>
    </row>
    <row r="29873" spans="44:44" ht="15.75" customHeight="1" x14ac:dyDescent="0.15">
      <c r="AR29873" s="9" ph="1"/>
    </row>
    <row r="29875" spans="44:44" ht="15.75" customHeight="1" x14ac:dyDescent="0.15">
      <c r="AR29875" s="9" ph="1"/>
    </row>
    <row r="29876" spans="44:44" ht="15.75" customHeight="1" x14ac:dyDescent="0.15">
      <c r="AR29876" s="9" ph="1"/>
    </row>
    <row r="29877" spans="44:44" ht="15.75" customHeight="1" x14ac:dyDescent="0.15">
      <c r="AR29877" s="9" ph="1"/>
    </row>
    <row r="29878" spans="44:44" ht="15.75" customHeight="1" x14ac:dyDescent="0.15">
      <c r="AR29878" s="9" ph="1"/>
    </row>
    <row r="29879" spans="44:44" ht="15.75" customHeight="1" x14ac:dyDescent="0.15">
      <c r="AR29879" s="9" ph="1"/>
    </row>
    <row r="29880" spans="44:44" ht="15.75" customHeight="1" x14ac:dyDescent="0.15">
      <c r="AR29880" s="9" ph="1"/>
    </row>
    <row r="29882" spans="44:44" ht="15.75" customHeight="1" x14ac:dyDescent="0.15">
      <c r="AR29882" s="9" ph="1"/>
    </row>
    <row r="29883" spans="44:44" ht="15.75" customHeight="1" x14ac:dyDescent="0.15">
      <c r="AR29883" s="9" ph="1"/>
    </row>
    <row r="29884" spans="44:44" ht="15.75" customHeight="1" x14ac:dyDescent="0.15">
      <c r="AR29884" s="9" ph="1"/>
    </row>
    <row r="29885" spans="44:44" ht="15.75" customHeight="1" x14ac:dyDescent="0.15">
      <c r="AR29885" s="9" ph="1"/>
    </row>
    <row r="29886" spans="44:44" ht="15.75" customHeight="1" x14ac:dyDescent="0.15">
      <c r="AR29886" s="9" ph="1"/>
    </row>
    <row r="29887" spans="44:44" ht="15.75" customHeight="1" x14ac:dyDescent="0.15">
      <c r="AR29887" s="9" ph="1"/>
    </row>
    <row r="29888" spans="44:44" ht="15.75" customHeight="1" x14ac:dyDescent="0.15">
      <c r="AR29888" s="9" ph="1"/>
    </row>
    <row r="29889" spans="44:44" ht="15.75" customHeight="1" x14ac:dyDescent="0.15">
      <c r="AR29889" s="9" ph="1"/>
    </row>
    <row r="29890" spans="44:44" ht="15.75" customHeight="1" x14ac:dyDescent="0.15">
      <c r="AR29890" s="9" ph="1"/>
    </row>
    <row r="29891" spans="44:44" ht="15.75" customHeight="1" x14ac:dyDescent="0.15">
      <c r="AR29891" s="9" ph="1"/>
    </row>
    <row r="29892" spans="44:44" ht="15.75" customHeight="1" x14ac:dyDescent="0.15">
      <c r="AR29892" s="9" ph="1"/>
    </row>
    <row r="29893" spans="44:44" ht="15.75" customHeight="1" x14ac:dyDescent="0.15">
      <c r="AR29893" s="9" ph="1"/>
    </row>
    <row r="29895" spans="44:44" ht="15.75" customHeight="1" x14ac:dyDescent="0.15">
      <c r="AR29895" s="9" ph="1"/>
    </row>
    <row r="29896" spans="44:44" ht="15.75" customHeight="1" x14ac:dyDescent="0.15">
      <c r="AR29896" s="9" ph="1"/>
    </row>
    <row r="29897" spans="44:44" ht="15.75" customHeight="1" x14ac:dyDescent="0.15">
      <c r="AR29897" s="9" ph="1"/>
    </row>
    <row r="29898" spans="44:44" ht="15.75" customHeight="1" x14ac:dyDescent="0.15">
      <c r="AR29898" s="9" ph="1"/>
    </row>
    <row r="29899" spans="44:44" ht="15.75" customHeight="1" x14ac:dyDescent="0.15">
      <c r="AR29899" s="9" ph="1"/>
    </row>
    <row r="29900" spans="44:44" ht="15.75" customHeight="1" x14ac:dyDescent="0.15">
      <c r="AR29900" s="9" ph="1"/>
    </row>
    <row r="29901" spans="44:44" ht="15.75" customHeight="1" x14ac:dyDescent="0.15">
      <c r="AR29901" s="9" ph="1"/>
    </row>
    <row r="29902" spans="44:44" ht="15.75" customHeight="1" x14ac:dyDescent="0.15">
      <c r="AR29902" s="9" ph="1"/>
    </row>
    <row r="29904" spans="44:44" ht="15.75" customHeight="1" x14ac:dyDescent="0.15">
      <c r="AR29904" s="9" ph="1"/>
    </row>
    <row r="29905" spans="44:44" ht="15.75" customHeight="1" x14ac:dyDescent="0.15">
      <c r="AR29905" s="9" ph="1"/>
    </row>
    <row r="29906" spans="44:44" ht="15.75" customHeight="1" x14ac:dyDescent="0.15">
      <c r="AR29906" s="9" ph="1"/>
    </row>
    <row r="29907" spans="44:44" ht="15.75" customHeight="1" x14ac:dyDescent="0.15">
      <c r="AR29907" s="9" ph="1"/>
    </row>
    <row r="29908" spans="44:44" ht="15.75" customHeight="1" x14ac:dyDescent="0.15">
      <c r="AR29908" s="9" ph="1"/>
    </row>
    <row r="29909" spans="44:44" ht="15.75" customHeight="1" x14ac:dyDescent="0.15">
      <c r="AR29909" s="9" ph="1"/>
    </row>
    <row r="29911" spans="44:44" ht="15.75" customHeight="1" x14ac:dyDescent="0.15">
      <c r="AR29911" s="9" ph="1"/>
    </row>
    <row r="29912" spans="44:44" ht="15.75" customHeight="1" x14ac:dyDescent="0.15">
      <c r="AR29912" s="9" ph="1"/>
    </row>
    <row r="29913" spans="44:44" ht="15.75" customHeight="1" x14ac:dyDescent="0.15">
      <c r="AR29913" s="9" ph="1"/>
    </row>
    <row r="29914" spans="44:44" ht="15.75" customHeight="1" x14ac:dyDescent="0.15">
      <c r="AR29914" s="9" ph="1"/>
    </row>
    <row r="29915" spans="44:44" ht="15.75" customHeight="1" x14ac:dyDescent="0.15">
      <c r="AR29915" s="9" ph="1"/>
    </row>
    <row r="29916" spans="44:44" ht="15.75" customHeight="1" x14ac:dyDescent="0.15">
      <c r="AR29916" s="9" ph="1"/>
    </row>
    <row r="29917" spans="44:44" ht="15.75" customHeight="1" x14ac:dyDescent="0.15">
      <c r="AR29917" s="9" ph="1"/>
    </row>
    <row r="29921" spans="44:44" ht="15.75" customHeight="1" x14ac:dyDescent="0.15">
      <c r="AR29921" s="9" ph="1"/>
    </row>
    <row r="29922" spans="44:44" ht="15.75" customHeight="1" x14ac:dyDescent="0.15">
      <c r="AR29922" s="9" ph="1"/>
    </row>
    <row r="29923" spans="44:44" ht="15.75" customHeight="1" x14ac:dyDescent="0.15">
      <c r="AR29923" s="9" ph="1"/>
    </row>
    <row r="29924" spans="44:44" ht="15.75" customHeight="1" x14ac:dyDescent="0.15">
      <c r="AR29924" s="9" ph="1"/>
    </row>
    <row r="29925" spans="44:44" ht="15.75" customHeight="1" x14ac:dyDescent="0.15">
      <c r="AR29925" s="9" ph="1"/>
    </row>
    <row r="29926" spans="44:44" ht="15.75" customHeight="1" x14ac:dyDescent="0.15">
      <c r="AR29926" s="9" ph="1"/>
    </row>
    <row r="29927" spans="44:44" ht="15.75" customHeight="1" x14ac:dyDescent="0.15">
      <c r="AR29927" s="9" ph="1"/>
    </row>
    <row r="29928" spans="44:44" ht="15.75" customHeight="1" x14ac:dyDescent="0.15">
      <c r="AR29928" s="9" ph="1"/>
    </row>
    <row r="29930" spans="44:44" ht="15.75" customHeight="1" x14ac:dyDescent="0.15">
      <c r="AR29930" s="9" ph="1"/>
    </row>
    <row r="29931" spans="44:44" ht="15.75" customHeight="1" x14ac:dyDescent="0.15">
      <c r="AR29931" s="9" ph="1"/>
    </row>
    <row r="29932" spans="44:44" ht="15.75" customHeight="1" x14ac:dyDescent="0.15">
      <c r="AR29932" s="9" ph="1"/>
    </row>
    <row r="29933" spans="44:44" ht="15.75" customHeight="1" x14ac:dyDescent="0.15">
      <c r="AR29933" s="9" ph="1"/>
    </row>
    <row r="29940" spans="44:44" ht="15.75" customHeight="1" x14ac:dyDescent="0.15">
      <c r="AR29940" s="9" ph="1"/>
    </row>
    <row r="29941" spans="44:44" ht="15.75" customHeight="1" x14ac:dyDescent="0.15">
      <c r="AR29941" s="9" ph="1"/>
    </row>
    <row r="29942" spans="44:44" ht="15.75" customHeight="1" x14ac:dyDescent="0.15">
      <c r="AR29942" s="9" ph="1"/>
    </row>
    <row r="29943" spans="44:44" ht="15.75" customHeight="1" x14ac:dyDescent="0.15">
      <c r="AR29943" s="9" ph="1"/>
    </row>
    <row r="29944" spans="44:44" ht="15.75" customHeight="1" x14ac:dyDescent="0.15">
      <c r="AR29944" s="9" ph="1"/>
    </row>
    <row r="29945" spans="44:44" ht="15.75" customHeight="1" x14ac:dyDescent="0.15">
      <c r="AR29945" s="9" ph="1"/>
    </row>
    <row r="29946" spans="44:44" ht="15.75" customHeight="1" x14ac:dyDescent="0.15">
      <c r="AR29946" s="9" ph="1"/>
    </row>
    <row r="29947" spans="44:44" ht="15.75" customHeight="1" x14ac:dyDescent="0.15">
      <c r="AR29947" s="9" ph="1"/>
    </row>
    <row r="29949" spans="44:44" ht="15.75" customHeight="1" x14ac:dyDescent="0.15">
      <c r="AR29949" s="9" ph="1"/>
    </row>
    <row r="29950" spans="44:44" ht="15.75" customHeight="1" x14ac:dyDescent="0.15">
      <c r="AR29950" s="9" ph="1"/>
    </row>
    <row r="29951" spans="44:44" ht="15.75" customHeight="1" x14ac:dyDescent="0.15">
      <c r="AR29951" s="9" ph="1"/>
    </row>
    <row r="29953" spans="44:44" ht="15.75" customHeight="1" x14ac:dyDescent="0.15">
      <c r="AR29953" s="9" ph="1"/>
    </row>
    <row r="29954" spans="44:44" ht="15.75" customHeight="1" x14ac:dyDescent="0.15">
      <c r="AR29954" s="9" ph="1"/>
    </row>
    <row r="29955" spans="44:44" ht="15.75" customHeight="1" x14ac:dyDescent="0.15">
      <c r="AR29955" s="9" ph="1"/>
    </row>
    <row r="29956" spans="44:44" ht="15.75" customHeight="1" x14ac:dyDescent="0.15">
      <c r="AR29956" s="9" ph="1"/>
    </row>
    <row r="29957" spans="44:44" ht="15.75" customHeight="1" x14ac:dyDescent="0.15">
      <c r="AR29957" s="9" ph="1"/>
    </row>
    <row r="29958" spans="44:44" ht="15.75" customHeight="1" x14ac:dyDescent="0.15">
      <c r="AR29958" s="9" ph="1"/>
    </row>
    <row r="29959" spans="44:44" ht="15.75" customHeight="1" x14ac:dyDescent="0.15">
      <c r="AR29959" s="9" ph="1"/>
    </row>
    <row r="29960" spans="44:44" ht="15.75" customHeight="1" x14ac:dyDescent="0.15">
      <c r="AR29960" s="9" ph="1"/>
    </row>
    <row r="29961" spans="44:44" ht="15.75" customHeight="1" x14ac:dyDescent="0.15">
      <c r="AR29961" s="9" ph="1"/>
    </row>
    <row r="29962" spans="44:44" ht="15.75" customHeight="1" x14ac:dyDescent="0.15">
      <c r="AR29962" s="9" ph="1"/>
    </row>
    <row r="29963" spans="44:44" ht="15.75" customHeight="1" x14ac:dyDescent="0.15">
      <c r="AR29963" s="9" ph="1"/>
    </row>
    <row r="29964" spans="44:44" ht="15.75" customHeight="1" x14ac:dyDescent="0.15">
      <c r="AR29964" s="9" ph="1"/>
    </row>
    <row r="29965" spans="44:44" ht="15.75" customHeight="1" x14ac:dyDescent="0.15">
      <c r="AR29965" s="9" ph="1"/>
    </row>
    <row r="29967" spans="44:44" ht="15.75" customHeight="1" x14ac:dyDescent="0.15">
      <c r="AR29967" s="9" ph="1"/>
    </row>
    <row r="29968" spans="44:44" ht="15.75" customHeight="1" x14ac:dyDescent="0.15">
      <c r="AR29968" s="9" ph="1"/>
    </row>
    <row r="29969" spans="44:44" ht="15.75" customHeight="1" x14ac:dyDescent="0.15">
      <c r="AR29969" s="9" ph="1"/>
    </row>
    <row r="29971" spans="44:44" ht="15.75" customHeight="1" x14ac:dyDescent="0.15">
      <c r="AR29971" s="9" ph="1"/>
    </row>
    <row r="29972" spans="44:44" ht="15.75" customHeight="1" x14ac:dyDescent="0.15">
      <c r="AR29972" s="9" ph="1"/>
    </row>
    <row r="29973" spans="44:44" ht="15.75" customHeight="1" x14ac:dyDescent="0.15">
      <c r="AR29973" s="9" ph="1"/>
    </row>
    <row r="29974" spans="44:44" ht="15.75" customHeight="1" x14ac:dyDescent="0.15">
      <c r="AR29974" s="9" ph="1"/>
    </row>
    <row r="29975" spans="44:44" ht="15.75" customHeight="1" x14ac:dyDescent="0.15">
      <c r="AR29975" s="9" ph="1"/>
    </row>
    <row r="29976" spans="44:44" ht="15.75" customHeight="1" x14ac:dyDescent="0.15">
      <c r="AR29976" s="9" ph="1"/>
    </row>
    <row r="29978" spans="44:44" ht="15.75" customHeight="1" x14ac:dyDescent="0.15">
      <c r="AR29978" s="9" ph="1"/>
    </row>
    <row r="29979" spans="44:44" ht="15.75" customHeight="1" x14ac:dyDescent="0.15">
      <c r="AR29979" s="9" ph="1"/>
    </row>
    <row r="29980" spans="44:44" ht="15.75" customHeight="1" x14ac:dyDescent="0.15">
      <c r="AR29980" s="9" ph="1"/>
    </row>
    <row r="29981" spans="44:44" ht="15.75" customHeight="1" x14ac:dyDescent="0.15">
      <c r="AR29981" s="9" ph="1"/>
    </row>
    <row r="29982" spans="44:44" ht="15.75" customHeight="1" x14ac:dyDescent="0.15">
      <c r="AR29982" s="9" ph="1"/>
    </row>
    <row r="29983" spans="44:44" ht="15.75" customHeight="1" x14ac:dyDescent="0.15">
      <c r="AR29983" s="9" ph="1"/>
    </row>
    <row r="29984" spans="44:44" ht="15.75" customHeight="1" x14ac:dyDescent="0.15">
      <c r="AR29984" s="9" ph="1"/>
    </row>
    <row r="29985" spans="44:44" ht="15.75" customHeight="1" x14ac:dyDescent="0.15">
      <c r="AR29985" s="9" ph="1"/>
    </row>
    <row r="29986" spans="44:44" ht="15.75" customHeight="1" x14ac:dyDescent="0.15">
      <c r="AR29986" s="9" ph="1"/>
    </row>
    <row r="29987" spans="44:44" ht="15.75" customHeight="1" x14ac:dyDescent="0.15">
      <c r="AR29987" s="9" ph="1"/>
    </row>
    <row r="29988" spans="44:44" ht="15.75" customHeight="1" x14ac:dyDescent="0.15">
      <c r="AR29988" s="9" ph="1"/>
    </row>
    <row r="29989" spans="44:44" ht="15.75" customHeight="1" x14ac:dyDescent="0.15">
      <c r="AR29989" s="9" ph="1"/>
    </row>
    <row r="29990" spans="44:44" ht="15.75" customHeight="1" x14ac:dyDescent="0.15">
      <c r="AR29990" s="9" ph="1"/>
    </row>
    <row r="29992" spans="44:44" ht="15.75" customHeight="1" x14ac:dyDescent="0.15">
      <c r="AR29992" s="9" ph="1"/>
    </row>
    <row r="29993" spans="44:44" ht="15.75" customHeight="1" x14ac:dyDescent="0.15">
      <c r="AR29993" s="9" ph="1"/>
    </row>
    <row r="29994" spans="44:44" ht="15.75" customHeight="1" x14ac:dyDescent="0.15">
      <c r="AR29994" s="9" ph="1"/>
    </row>
    <row r="29996" spans="44:44" ht="15.75" customHeight="1" x14ac:dyDescent="0.15">
      <c r="AR29996" s="9" ph="1"/>
    </row>
    <row r="29997" spans="44:44" ht="15.75" customHeight="1" x14ac:dyDescent="0.15">
      <c r="AR29997" s="9" ph="1"/>
    </row>
    <row r="29998" spans="44:44" ht="15.75" customHeight="1" x14ac:dyDescent="0.15">
      <c r="AR29998" s="9" ph="1"/>
    </row>
    <row r="29999" spans="44:44" ht="15.75" customHeight="1" x14ac:dyDescent="0.15">
      <c r="AR29999" s="9" ph="1"/>
    </row>
    <row r="30000" spans="44:44" ht="15.75" customHeight="1" x14ac:dyDescent="0.15">
      <c r="AR30000" s="9" ph="1"/>
    </row>
    <row r="30001" spans="44:44" ht="15.75" customHeight="1" x14ac:dyDescent="0.15">
      <c r="AR30001" s="9" ph="1"/>
    </row>
    <row r="30002" spans="44:44" ht="15.75" customHeight="1" x14ac:dyDescent="0.15">
      <c r="AR30002" s="9" ph="1"/>
    </row>
    <row r="30003" spans="44:44" ht="15.75" customHeight="1" x14ac:dyDescent="0.15">
      <c r="AR30003" s="9" ph="1"/>
    </row>
    <row r="30004" spans="44:44" ht="15.75" customHeight="1" x14ac:dyDescent="0.15">
      <c r="AR30004" s="9" ph="1"/>
    </row>
    <row r="30005" spans="44:44" ht="15.75" customHeight="1" x14ac:dyDescent="0.15">
      <c r="AR30005" s="9" ph="1"/>
    </row>
    <row r="30006" spans="44:44" ht="15.75" customHeight="1" x14ac:dyDescent="0.15">
      <c r="AR30006" s="9" ph="1"/>
    </row>
    <row r="30007" spans="44:44" ht="15.75" customHeight="1" x14ac:dyDescent="0.15">
      <c r="AR30007" s="9" ph="1"/>
    </row>
    <row r="30008" spans="44:44" ht="15.75" customHeight="1" x14ac:dyDescent="0.15">
      <c r="AR30008" s="9" ph="1"/>
    </row>
    <row r="30009" spans="44:44" ht="15.75" customHeight="1" x14ac:dyDescent="0.15">
      <c r="AR30009" s="9" ph="1"/>
    </row>
    <row r="30010" spans="44:44" ht="15.75" customHeight="1" x14ac:dyDescent="0.15">
      <c r="AR30010" s="9" ph="1"/>
    </row>
    <row r="30011" spans="44:44" ht="15.75" customHeight="1" x14ac:dyDescent="0.15">
      <c r="AR30011" s="9" ph="1"/>
    </row>
    <row r="30013" spans="44:44" ht="15.75" customHeight="1" x14ac:dyDescent="0.15">
      <c r="AR30013" s="9" ph="1"/>
    </row>
    <row r="30014" spans="44:44" ht="15.75" customHeight="1" x14ac:dyDescent="0.15">
      <c r="AR30014" s="9" ph="1"/>
    </row>
    <row r="30015" spans="44:44" ht="15.75" customHeight="1" x14ac:dyDescent="0.15">
      <c r="AR30015" s="9" ph="1"/>
    </row>
    <row r="30017" spans="44:44" ht="15.75" customHeight="1" x14ac:dyDescent="0.15">
      <c r="AR30017" s="9" ph="1"/>
    </row>
    <row r="30018" spans="44:44" ht="15.75" customHeight="1" x14ac:dyDescent="0.15">
      <c r="AR30018" s="9" ph="1"/>
    </row>
    <row r="30019" spans="44:44" ht="15.75" customHeight="1" x14ac:dyDescent="0.15">
      <c r="AR30019" s="9" ph="1"/>
    </row>
    <row r="30020" spans="44:44" ht="15.75" customHeight="1" x14ac:dyDescent="0.15">
      <c r="AR30020" s="9" ph="1"/>
    </row>
    <row r="30021" spans="44:44" ht="15.75" customHeight="1" x14ac:dyDescent="0.15">
      <c r="AR30021" s="9" ph="1"/>
    </row>
    <row r="30022" spans="44:44" ht="15.75" customHeight="1" x14ac:dyDescent="0.15">
      <c r="AR30022" s="9" ph="1"/>
    </row>
    <row r="30023" spans="44:44" ht="15.75" customHeight="1" x14ac:dyDescent="0.15">
      <c r="AR30023" s="9" ph="1"/>
    </row>
    <row r="30024" spans="44:44" ht="15.75" customHeight="1" x14ac:dyDescent="0.15">
      <c r="AR30024" s="9" ph="1"/>
    </row>
    <row r="30026" spans="44:44" ht="15.75" customHeight="1" x14ac:dyDescent="0.15">
      <c r="AR30026" s="9" ph="1"/>
    </row>
    <row r="30027" spans="44:44" ht="15.75" customHeight="1" x14ac:dyDescent="0.15">
      <c r="AR30027" s="9" ph="1"/>
    </row>
    <row r="30028" spans="44:44" ht="15.75" customHeight="1" x14ac:dyDescent="0.15">
      <c r="AR30028" s="9" ph="1"/>
    </row>
    <row r="30029" spans="44:44" ht="15.75" customHeight="1" x14ac:dyDescent="0.15">
      <c r="AR30029" s="9" ph="1"/>
    </row>
    <row r="30030" spans="44:44" ht="15.75" customHeight="1" x14ac:dyDescent="0.15">
      <c r="AR30030" s="9" ph="1"/>
    </row>
    <row r="30031" spans="44:44" ht="15.75" customHeight="1" x14ac:dyDescent="0.15">
      <c r="AR30031" s="9" ph="1"/>
    </row>
    <row r="30032" spans="44:44" ht="15.75" customHeight="1" x14ac:dyDescent="0.15">
      <c r="AR30032" s="9" ph="1"/>
    </row>
    <row r="30033" spans="44:44" ht="15.75" customHeight="1" x14ac:dyDescent="0.15">
      <c r="AR30033" s="9" ph="1"/>
    </row>
    <row r="30035" spans="44:44" ht="15.75" customHeight="1" x14ac:dyDescent="0.15">
      <c r="AR30035" s="9" ph="1"/>
    </row>
    <row r="30036" spans="44:44" ht="15.75" customHeight="1" x14ac:dyDescent="0.15">
      <c r="AR30036" s="9" ph="1"/>
    </row>
    <row r="30037" spans="44:44" ht="15.75" customHeight="1" x14ac:dyDescent="0.15">
      <c r="AR30037" s="9" ph="1"/>
    </row>
    <row r="30038" spans="44:44" ht="15.75" customHeight="1" x14ac:dyDescent="0.15">
      <c r="AR30038" s="9" ph="1"/>
    </row>
    <row r="30039" spans="44:44" ht="15.75" customHeight="1" x14ac:dyDescent="0.15">
      <c r="AR30039" s="9" ph="1"/>
    </row>
    <row r="30040" spans="44:44" ht="15.75" customHeight="1" x14ac:dyDescent="0.15">
      <c r="AR30040" s="9" ph="1"/>
    </row>
    <row r="30042" spans="44:44" ht="15.75" customHeight="1" x14ac:dyDescent="0.15">
      <c r="AR30042" s="9" ph="1"/>
    </row>
    <row r="30043" spans="44:44" ht="15.75" customHeight="1" x14ac:dyDescent="0.15">
      <c r="AR30043" s="9" ph="1"/>
    </row>
    <row r="30044" spans="44:44" ht="15.75" customHeight="1" x14ac:dyDescent="0.15">
      <c r="AR30044" s="9" ph="1"/>
    </row>
    <row r="30045" spans="44:44" ht="15.75" customHeight="1" x14ac:dyDescent="0.15">
      <c r="AR30045" s="9" ph="1"/>
    </row>
    <row r="30046" spans="44:44" ht="15.75" customHeight="1" x14ac:dyDescent="0.15">
      <c r="AR30046" s="9" ph="1"/>
    </row>
    <row r="30047" spans="44:44" ht="15.75" customHeight="1" x14ac:dyDescent="0.15">
      <c r="AR30047" s="9" ph="1"/>
    </row>
    <row r="30048" spans="44:44" ht="15.75" customHeight="1" x14ac:dyDescent="0.15">
      <c r="AR30048" s="9" ph="1"/>
    </row>
    <row r="30050" spans="44:44" ht="15.75" customHeight="1" x14ac:dyDescent="0.15">
      <c r="AR30050" s="9" ph="1"/>
    </row>
    <row r="30051" spans="44:44" ht="15.75" customHeight="1" x14ac:dyDescent="0.15">
      <c r="AR30051" s="9" ph="1"/>
    </row>
    <row r="30052" spans="44:44" ht="15.75" customHeight="1" x14ac:dyDescent="0.15">
      <c r="AR30052" s="9" ph="1"/>
    </row>
    <row r="30053" spans="44:44" ht="15.75" customHeight="1" x14ac:dyDescent="0.15">
      <c r="AR30053" s="9" ph="1"/>
    </row>
    <row r="30054" spans="44:44" ht="15.75" customHeight="1" x14ac:dyDescent="0.15">
      <c r="AR30054" s="9" ph="1"/>
    </row>
    <row r="30055" spans="44:44" ht="15.75" customHeight="1" x14ac:dyDescent="0.15">
      <c r="AR30055" s="9" ph="1"/>
    </row>
    <row r="30057" spans="44:44" ht="15.75" customHeight="1" x14ac:dyDescent="0.15">
      <c r="AR30057" s="9" ph="1"/>
    </row>
    <row r="30058" spans="44:44" ht="15.75" customHeight="1" x14ac:dyDescent="0.15">
      <c r="AR30058" s="9" ph="1"/>
    </row>
    <row r="30059" spans="44:44" ht="15.75" customHeight="1" x14ac:dyDescent="0.15">
      <c r="AR30059" s="9" ph="1"/>
    </row>
    <row r="30060" spans="44:44" ht="15.75" customHeight="1" x14ac:dyDescent="0.15">
      <c r="AR30060" s="9" ph="1"/>
    </row>
    <row r="30061" spans="44:44" ht="15.75" customHeight="1" x14ac:dyDescent="0.15">
      <c r="AR30061" s="9" ph="1"/>
    </row>
    <row r="30062" spans="44:44" ht="15.75" customHeight="1" x14ac:dyDescent="0.15">
      <c r="AR30062" s="9" ph="1"/>
    </row>
    <row r="30063" spans="44:44" ht="15.75" customHeight="1" x14ac:dyDescent="0.15">
      <c r="AR30063" s="9" ph="1"/>
    </row>
    <row r="30064" spans="44:44" ht="15.75" customHeight="1" x14ac:dyDescent="0.15">
      <c r="AR30064" s="9" ph="1"/>
    </row>
    <row r="30065" spans="44:44" ht="15.75" customHeight="1" x14ac:dyDescent="0.15">
      <c r="AR30065" s="9" ph="1"/>
    </row>
    <row r="30066" spans="44:44" ht="15.75" customHeight="1" x14ac:dyDescent="0.15">
      <c r="AR30066" s="9" ph="1"/>
    </row>
    <row r="30067" spans="44:44" ht="15.75" customHeight="1" x14ac:dyDescent="0.15">
      <c r="AR30067" s="9" ph="1"/>
    </row>
    <row r="30068" spans="44:44" ht="15.75" customHeight="1" x14ac:dyDescent="0.15">
      <c r="AR30068" s="9" ph="1"/>
    </row>
    <row r="30069" spans="44:44" ht="15.75" customHeight="1" x14ac:dyDescent="0.15">
      <c r="AR30069" s="9" ph="1"/>
    </row>
    <row r="30071" spans="44:44" ht="15.75" customHeight="1" x14ac:dyDescent="0.15">
      <c r="AR30071" s="9" ph="1"/>
    </row>
    <row r="30072" spans="44:44" ht="15.75" customHeight="1" x14ac:dyDescent="0.15">
      <c r="AR30072" s="9" ph="1"/>
    </row>
    <row r="30073" spans="44:44" ht="15.75" customHeight="1" x14ac:dyDescent="0.15">
      <c r="AR30073" s="9" ph="1"/>
    </row>
    <row r="30075" spans="44:44" ht="15.75" customHeight="1" x14ac:dyDescent="0.15">
      <c r="AR30075" s="9" ph="1"/>
    </row>
    <row r="30076" spans="44:44" ht="15.75" customHeight="1" x14ac:dyDescent="0.15">
      <c r="AR30076" s="9" ph="1"/>
    </row>
    <row r="30077" spans="44:44" ht="15.75" customHeight="1" x14ac:dyDescent="0.15">
      <c r="AR30077" s="9" ph="1"/>
    </row>
    <row r="30078" spans="44:44" ht="15.75" customHeight="1" x14ac:dyDescent="0.15">
      <c r="AR30078" s="9" ph="1"/>
    </row>
    <row r="30079" spans="44:44" ht="15.75" customHeight="1" x14ac:dyDescent="0.15">
      <c r="AR30079" s="9" ph="1"/>
    </row>
    <row r="30080" spans="44:44" ht="15.75" customHeight="1" x14ac:dyDescent="0.15">
      <c r="AR30080" s="9" ph="1"/>
    </row>
    <row r="30081" spans="44:44" ht="15.75" customHeight="1" x14ac:dyDescent="0.15">
      <c r="AR30081" s="9" ph="1"/>
    </row>
    <row r="30082" spans="44:44" ht="15.75" customHeight="1" x14ac:dyDescent="0.15">
      <c r="AR30082" s="9" ph="1"/>
    </row>
    <row r="30083" spans="44:44" ht="15.75" customHeight="1" x14ac:dyDescent="0.15">
      <c r="AR30083" s="9" ph="1"/>
    </row>
    <row r="30084" spans="44:44" ht="15.75" customHeight="1" x14ac:dyDescent="0.15">
      <c r="AR30084" s="9" ph="1"/>
    </row>
    <row r="30085" spans="44:44" ht="15.75" customHeight="1" x14ac:dyDescent="0.15">
      <c r="AR30085" s="9" ph="1"/>
    </row>
    <row r="30086" spans="44:44" ht="15.75" customHeight="1" x14ac:dyDescent="0.15">
      <c r="AR30086" s="9" ph="1"/>
    </row>
    <row r="30087" spans="44:44" ht="15.75" customHeight="1" x14ac:dyDescent="0.15">
      <c r="AR30087" s="9" ph="1"/>
    </row>
    <row r="30088" spans="44:44" ht="15.75" customHeight="1" x14ac:dyDescent="0.15">
      <c r="AR30088" s="9" ph="1"/>
    </row>
    <row r="30089" spans="44:44" ht="15.75" customHeight="1" x14ac:dyDescent="0.15">
      <c r="AR30089" s="9" ph="1"/>
    </row>
    <row r="30090" spans="44:44" ht="15.75" customHeight="1" x14ac:dyDescent="0.15">
      <c r="AR30090" s="9" ph="1"/>
    </row>
    <row r="30092" spans="44:44" ht="15.75" customHeight="1" x14ac:dyDescent="0.15">
      <c r="AR30092" s="9" ph="1"/>
    </row>
    <row r="30093" spans="44:44" ht="15.75" customHeight="1" x14ac:dyDescent="0.15">
      <c r="AR30093" s="9" ph="1"/>
    </row>
    <row r="30094" spans="44:44" ht="15.75" customHeight="1" x14ac:dyDescent="0.15">
      <c r="AR30094" s="9" ph="1"/>
    </row>
    <row r="30096" spans="44:44" ht="15.75" customHeight="1" x14ac:dyDescent="0.15">
      <c r="AR30096" s="9" ph="1"/>
    </row>
    <row r="30097" spans="44:44" ht="15.75" customHeight="1" x14ac:dyDescent="0.15">
      <c r="AR30097" s="9" ph="1"/>
    </row>
    <row r="30098" spans="44:44" ht="15.75" customHeight="1" x14ac:dyDescent="0.15">
      <c r="AR30098" s="9" ph="1"/>
    </row>
    <row r="30099" spans="44:44" ht="15.75" customHeight="1" x14ac:dyDescent="0.15">
      <c r="AR30099" s="9" ph="1"/>
    </row>
    <row r="30100" spans="44:44" ht="15.75" customHeight="1" x14ac:dyDescent="0.15">
      <c r="AR30100" s="9" ph="1"/>
    </row>
    <row r="30101" spans="44:44" ht="15.75" customHeight="1" x14ac:dyDescent="0.15">
      <c r="AR30101" s="9" ph="1"/>
    </row>
    <row r="30102" spans="44:44" ht="15.75" customHeight="1" x14ac:dyDescent="0.15">
      <c r="AR30102" s="9" ph="1"/>
    </row>
    <row r="30103" spans="44:44" ht="15.75" customHeight="1" x14ac:dyDescent="0.15">
      <c r="AR30103" s="9" ph="1"/>
    </row>
    <row r="30105" spans="44:44" ht="15.75" customHeight="1" x14ac:dyDescent="0.15">
      <c r="AR30105" s="9" ph="1"/>
    </row>
    <row r="30106" spans="44:44" ht="15.75" customHeight="1" x14ac:dyDescent="0.15">
      <c r="AR30106" s="9" ph="1"/>
    </row>
    <row r="30107" spans="44:44" ht="15.75" customHeight="1" x14ac:dyDescent="0.15">
      <c r="AR30107" s="9" ph="1"/>
    </row>
    <row r="30108" spans="44:44" ht="15.75" customHeight="1" x14ac:dyDescent="0.15">
      <c r="AR30108" s="9" ph="1"/>
    </row>
    <row r="30109" spans="44:44" ht="15.75" customHeight="1" x14ac:dyDescent="0.15">
      <c r="AR30109" s="9" ph="1"/>
    </row>
    <row r="30110" spans="44:44" ht="15.75" customHeight="1" x14ac:dyDescent="0.15">
      <c r="AR30110" s="9" ph="1"/>
    </row>
    <row r="30111" spans="44:44" ht="15.75" customHeight="1" x14ac:dyDescent="0.15">
      <c r="AR30111" s="9" ph="1"/>
    </row>
    <row r="30112" spans="44:44" ht="15.75" customHeight="1" x14ac:dyDescent="0.15">
      <c r="AR30112" s="9" ph="1"/>
    </row>
    <row r="30114" spans="44:44" ht="15.75" customHeight="1" x14ac:dyDescent="0.15">
      <c r="AR30114" s="9" ph="1"/>
    </row>
    <row r="30115" spans="44:44" ht="15.75" customHeight="1" x14ac:dyDescent="0.15">
      <c r="AR30115" s="9" ph="1"/>
    </row>
    <row r="30116" spans="44:44" ht="15.75" customHeight="1" x14ac:dyDescent="0.15">
      <c r="AR30116" s="9" ph="1"/>
    </row>
    <row r="30117" spans="44:44" ht="15.75" customHeight="1" x14ac:dyDescent="0.15">
      <c r="AR30117" s="9" ph="1"/>
    </row>
    <row r="30118" spans="44:44" ht="15.75" customHeight="1" x14ac:dyDescent="0.15">
      <c r="AR30118" s="9" ph="1"/>
    </row>
    <row r="30119" spans="44:44" ht="15.75" customHeight="1" x14ac:dyDescent="0.15">
      <c r="AR30119" s="9" ph="1"/>
    </row>
    <row r="30121" spans="44:44" ht="15.75" customHeight="1" x14ac:dyDescent="0.15">
      <c r="AR30121" s="9" ph="1"/>
    </row>
    <row r="30122" spans="44:44" ht="15.75" customHeight="1" x14ac:dyDescent="0.15">
      <c r="AR30122" s="9" ph="1"/>
    </row>
    <row r="30123" spans="44:44" ht="15.75" customHeight="1" x14ac:dyDescent="0.15">
      <c r="AR30123" s="9" ph="1"/>
    </row>
    <row r="30124" spans="44:44" ht="15.75" customHeight="1" x14ac:dyDescent="0.15">
      <c r="AR30124" s="9" ph="1"/>
    </row>
    <row r="30125" spans="44:44" ht="15.75" customHeight="1" x14ac:dyDescent="0.15">
      <c r="AR30125" s="9" ph="1"/>
    </row>
    <row r="30126" spans="44:44" ht="15.75" customHeight="1" x14ac:dyDescent="0.15">
      <c r="AR30126" s="9" ph="1"/>
    </row>
    <row r="30127" spans="44:44" ht="15.75" customHeight="1" x14ac:dyDescent="0.15">
      <c r="AR30127" s="9" ph="1"/>
    </row>
    <row r="30128" spans="44:44" ht="15.75" customHeight="1" x14ac:dyDescent="0.15">
      <c r="AR30128" s="9" ph="1"/>
    </row>
    <row r="30129" spans="44:44" ht="15.75" customHeight="1" x14ac:dyDescent="0.15">
      <c r="AR30129" s="9" ph="1"/>
    </row>
    <row r="30130" spans="44:44" ht="15.75" customHeight="1" x14ac:dyDescent="0.15">
      <c r="AR30130" s="9" ph="1"/>
    </row>
    <row r="30131" spans="44:44" ht="15.75" customHeight="1" x14ac:dyDescent="0.15">
      <c r="AR30131" s="9" ph="1"/>
    </row>
    <row r="30132" spans="44:44" ht="15.75" customHeight="1" x14ac:dyDescent="0.15">
      <c r="AR30132" s="9" ph="1"/>
    </row>
    <row r="30133" spans="44:44" ht="15.75" customHeight="1" x14ac:dyDescent="0.15">
      <c r="AR30133" s="9" ph="1"/>
    </row>
    <row r="30134" spans="44:44" ht="15.75" customHeight="1" x14ac:dyDescent="0.15">
      <c r="AR30134" s="9" ph="1"/>
    </row>
    <row r="30135" spans="44:44" ht="15.75" customHeight="1" x14ac:dyDescent="0.15">
      <c r="AR30135" s="9" ph="1"/>
    </row>
    <row r="30136" spans="44:44" ht="15.75" customHeight="1" x14ac:dyDescent="0.15">
      <c r="AR30136" s="9" ph="1"/>
    </row>
    <row r="30137" spans="44:44" ht="15.75" customHeight="1" x14ac:dyDescent="0.15">
      <c r="AR30137" s="9" ph="1"/>
    </row>
    <row r="30139" spans="44:44" ht="15.75" customHeight="1" x14ac:dyDescent="0.15">
      <c r="AR30139" s="9" ph="1"/>
    </row>
    <row r="30140" spans="44:44" ht="15.75" customHeight="1" x14ac:dyDescent="0.15">
      <c r="AR30140" s="9" ph="1"/>
    </row>
    <row r="30141" spans="44:44" ht="15.75" customHeight="1" x14ac:dyDescent="0.15">
      <c r="AR30141" s="9" ph="1"/>
    </row>
    <row r="30142" spans="44:44" ht="15.75" customHeight="1" x14ac:dyDescent="0.15">
      <c r="AR30142" s="9" ph="1"/>
    </row>
    <row r="30143" spans="44:44" ht="15.75" customHeight="1" x14ac:dyDescent="0.15">
      <c r="AR30143" s="9" ph="1"/>
    </row>
    <row r="30144" spans="44:44" ht="15.75" customHeight="1" x14ac:dyDescent="0.15">
      <c r="AR30144" s="9" ph="1"/>
    </row>
    <row r="30145" spans="44:44" ht="15.75" customHeight="1" x14ac:dyDescent="0.15">
      <c r="AR30145" s="9" ph="1"/>
    </row>
    <row r="30146" spans="44:44" ht="15.75" customHeight="1" x14ac:dyDescent="0.15">
      <c r="AR30146" s="9" ph="1"/>
    </row>
    <row r="30148" spans="44:44" ht="15.75" customHeight="1" x14ac:dyDescent="0.15">
      <c r="AR30148" s="9" ph="1"/>
    </row>
    <row r="30149" spans="44:44" ht="15.75" customHeight="1" x14ac:dyDescent="0.15">
      <c r="AR30149" s="9" ph="1"/>
    </row>
    <row r="30150" spans="44:44" ht="15.75" customHeight="1" x14ac:dyDescent="0.15">
      <c r="AR30150" s="9" ph="1"/>
    </row>
    <row r="30151" spans="44:44" ht="15.75" customHeight="1" x14ac:dyDescent="0.15">
      <c r="AR30151" s="9" ph="1"/>
    </row>
    <row r="30152" spans="44:44" ht="15.75" customHeight="1" x14ac:dyDescent="0.15">
      <c r="AR30152" s="9" ph="1"/>
    </row>
    <row r="30153" spans="44:44" ht="15.75" customHeight="1" x14ac:dyDescent="0.15">
      <c r="AR30153" s="9" ph="1"/>
    </row>
    <row r="30155" spans="44:44" ht="15.75" customHeight="1" x14ac:dyDescent="0.15">
      <c r="AR30155" s="9" ph="1"/>
    </row>
    <row r="30156" spans="44:44" ht="15.75" customHeight="1" x14ac:dyDescent="0.15">
      <c r="AR30156" s="9" ph="1"/>
    </row>
    <row r="30157" spans="44:44" ht="15.75" customHeight="1" x14ac:dyDescent="0.15">
      <c r="AR30157" s="9" ph="1"/>
    </row>
    <row r="30158" spans="44:44" ht="15.75" customHeight="1" x14ac:dyDescent="0.15">
      <c r="AR30158" s="9" ph="1"/>
    </row>
    <row r="30159" spans="44:44" ht="15.75" customHeight="1" x14ac:dyDescent="0.15">
      <c r="AR30159" s="9" ph="1"/>
    </row>
    <row r="30160" spans="44:44" ht="15.75" customHeight="1" x14ac:dyDescent="0.15">
      <c r="AR30160" s="9" ph="1"/>
    </row>
    <row r="30161" spans="44:44" ht="15.75" customHeight="1" x14ac:dyDescent="0.15">
      <c r="AR30161" s="9" ph="1"/>
    </row>
    <row r="30165" spans="44:44" ht="15.75" customHeight="1" x14ac:dyDescent="0.15">
      <c r="AR30165" s="9" ph="1"/>
    </row>
    <row r="30166" spans="44:44" ht="15.75" customHeight="1" x14ac:dyDescent="0.15">
      <c r="AR30166" s="9" ph="1"/>
    </row>
    <row r="30167" spans="44:44" ht="15.75" customHeight="1" x14ac:dyDescent="0.15">
      <c r="AR30167" s="9" ph="1"/>
    </row>
    <row r="30168" spans="44:44" ht="15.75" customHeight="1" x14ac:dyDescent="0.15">
      <c r="AR30168" s="9" ph="1"/>
    </row>
    <row r="30169" spans="44:44" ht="15.75" customHeight="1" x14ac:dyDescent="0.15">
      <c r="AR30169" s="9" ph="1"/>
    </row>
    <row r="30170" spans="44:44" ht="15.75" customHeight="1" x14ac:dyDescent="0.15">
      <c r="AR30170" s="9" ph="1"/>
    </row>
    <row r="30171" spans="44:44" ht="15.75" customHeight="1" x14ac:dyDescent="0.15">
      <c r="AR30171" s="9" ph="1"/>
    </row>
    <row r="30172" spans="44:44" ht="15.75" customHeight="1" x14ac:dyDescent="0.15">
      <c r="AR30172" s="9" ph="1"/>
    </row>
    <row r="30174" spans="44:44" ht="15.75" customHeight="1" x14ac:dyDescent="0.15">
      <c r="AR30174" s="9" ph="1"/>
    </row>
    <row r="30175" spans="44:44" ht="15.75" customHeight="1" x14ac:dyDescent="0.15">
      <c r="AR30175" s="9" ph="1"/>
    </row>
    <row r="30176" spans="44:44" ht="15.75" customHeight="1" x14ac:dyDescent="0.15">
      <c r="AR30176" s="9" ph="1"/>
    </row>
    <row r="30177" spans="44:44" ht="15.75" customHeight="1" x14ac:dyDescent="0.15">
      <c r="AR30177" s="9" ph="1"/>
    </row>
    <row r="30184" spans="44:44" ht="15.75" customHeight="1" x14ac:dyDescent="0.15">
      <c r="AR30184" s="9" ph="1"/>
    </row>
    <row r="30185" spans="44:44" ht="15.75" customHeight="1" x14ac:dyDescent="0.15">
      <c r="AR30185" s="9" ph="1"/>
    </row>
    <row r="30186" spans="44:44" ht="15.75" customHeight="1" x14ac:dyDescent="0.15">
      <c r="AR30186" s="9" ph="1"/>
    </row>
    <row r="30187" spans="44:44" ht="15.75" customHeight="1" x14ac:dyDescent="0.15">
      <c r="AR30187" s="9" ph="1"/>
    </row>
    <row r="30188" spans="44:44" ht="15.75" customHeight="1" x14ac:dyDescent="0.15">
      <c r="AR30188" s="9" ph="1"/>
    </row>
    <row r="30189" spans="44:44" ht="15.75" customHeight="1" x14ac:dyDescent="0.15">
      <c r="AR30189" s="9" ph="1"/>
    </row>
    <row r="30190" spans="44:44" ht="15.75" customHeight="1" x14ac:dyDescent="0.15">
      <c r="AR30190" s="9" ph="1"/>
    </row>
    <row r="30191" spans="44:44" ht="15.75" customHeight="1" x14ac:dyDescent="0.15">
      <c r="AR30191" s="9" ph="1"/>
    </row>
    <row r="30193" spans="44:44" ht="15.75" customHeight="1" x14ac:dyDescent="0.15">
      <c r="AR30193" s="9" ph="1"/>
    </row>
    <row r="30194" spans="44:44" ht="15.75" customHeight="1" x14ac:dyDescent="0.15">
      <c r="AR30194" s="9" ph="1"/>
    </row>
    <row r="30195" spans="44:44" ht="15.75" customHeight="1" x14ac:dyDescent="0.15">
      <c r="AR30195" s="9" ph="1"/>
    </row>
    <row r="30197" spans="44:44" ht="15.75" customHeight="1" x14ac:dyDescent="0.15">
      <c r="AR30197" s="9" ph="1"/>
    </row>
    <row r="30198" spans="44:44" ht="15.75" customHeight="1" x14ac:dyDescent="0.15">
      <c r="AR30198" s="9" ph="1"/>
    </row>
    <row r="30199" spans="44:44" ht="15.75" customHeight="1" x14ac:dyDescent="0.15">
      <c r="AR30199" s="9" ph="1"/>
    </row>
    <row r="30200" spans="44:44" ht="15.75" customHeight="1" x14ac:dyDescent="0.15">
      <c r="AR30200" s="9" ph="1"/>
    </row>
    <row r="30201" spans="44:44" ht="15.75" customHeight="1" x14ac:dyDescent="0.15">
      <c r="AR30201" s="9" ph="1"/>
    </row>
    <row r="30202" spans="44:44" ht="15.75" customHeight="1" x14ac:dyDescent="0.15">
      <c r="AR30202" s="9" ph="1"/>
    </row>
    <row r="30203" spans="44:44" ht="15.75" customHeight="1" x14ac:dyDescent="0.15">
      <c r="AR30203" s="9" ph="1"/>
    </row>
    <row r="30204" spans="44:44" ht="15.75" customHeight="1" x14ac:dyDescent="0.15">
      <c r="AR30204" s="9" ph="1"/>
    </row>
    <row r="30205" spans="44:44" ht="15.75" customHeight="1" x14ac:dyDescent="0.15">
      <c r="AR30205" s="9" ph="1"/>
    </row>
    <row r="30206" spans="44:44" ht="15.75" customHeight="1" x14ac:dyDescent="0.15">
      <c r="AR30206" s="9" ph="1"/>
    </row>
    <row r="30207" spans="44:44" ht="15.75" customHeight="1" x14ac:dyDescent="0.15">
      <c r="AR30207" s="9" ph="1"/>
    </row>
    <row r="30208" spans="44:44" ht="15.75" customHeight="1" x14ac:dyDescent="0.15">
      <c r="AR30208" s="9" ph="1"/>
    </row>
    <row r="30209" spans="44:44" ht="15.75" customHeight="1" x14ac:dyDescent="0.15">
      <c r="AR30209" s="9" ph="1"/>
    </row>
    <row r="30211" spans="44:44" ht="15.75" customHeight="1" x14ac:dyDescent="0.15">
      <c r="AR30211" s="9" ph="1"/>
    </row>
    <row r="30212" spans="44:44" ht="15.75" customHeight="1" x14ac:dyDescent="0.15">
      <c r="AR30212" s="9" ph="1"/>
    </row>
    <row r="30213" spans="44:44" ht="15.75" customHeight="1" x14ac:dyDescent="0.15">
      <c r="AR30213" s="9" ph="1"/>
    </row>
    <row r="30215" spans="44:44" ht="15.75" customHeight="1" x14ac:dyDescent="0.15">
      <c r="AR30215" s="9" ph="1"/>
    </row>
    <row r="30216" spans="44:44" ht="15.75" customHeight="1" x14ac:dyDescent="0.15">
      <c r="AR30216" s="9" ph="1"/>
    </row>
    <row r="30217" spans="44:44" ht="15.75" customHeight="1" x14ac:dyDescent="0.15">
      <c r="AR30217" s="9" ph="1"/>
    </row>
    <row r="30218" spans="44:44" ht="15.75" customHeight="1" x14ac:dyDescent="0.15">
      <c r="AR30218" s="9" ph="1"/>
    </row>
    <row r="30219" spans="44:44" ht="15.75" customHeight="1" x14ac:dyDescent="0.15">
      <c r="AR30219" s="9" ph="1"/>
    </row>
    <row r="30220" spans="44:44" ht="15.75" customHeight="1" x14ac:dyDescent="0.15">
      <c r="AR30220" s="9" ph="1"/>
    </row>
    <row r="30222" spans="44:44" ht="15.75" customHeight="1" x14ac:dyDescent="0.15">
      <c r="AR30222" s="9" ph="1"/>
    </row>
    <row r="30223" spans="44:44" ht="15.75" customHeight="1" x14ac:dyDescent="0.15">
      <c r="AR30223" s="9" ph="1"/>
    </row>
    <row r="30224" spans="44:44" ht="15.75" customHeight="1" x14ac:dyDescent="0.15">
      <c r="AR30224" s="9" ph="1"/>
    </row>
    <row r="30225" spans="44:44" ht="15.75" customHeight="1" x14ac:dyDescent="0.15">
      <c r="AR30225" s="9" ph="1"/>
    </row>
    <row r="30226" spans="44:44" ht="15.75" customHeight="1" x14ac:dyDescent="0.15">
      <c r="AR30226" s="9" ph="1"/>
    </row>
    <row r="30227" spans="44:44" ht="15.75" customHeight="1" x14ac:dyDescent="0.15">
      <c r="AR30227" s="9" ph="1"/>
    </row>
    <row r="30228" spans="44:44" ht="15.75" customHeight="1" x14ac:dyDescent="0.15">
      <c r="AR30228" s="9" ph="1"/>
    </row>
    <row r="30229" spans="44:44" ht="15.75" customHeight="1" x14ac:dyDescent="0.15">
      <c r="AR30229" s="9" ph="1"/>
    </row>
    <row r="30230" spans="44:44" ht="15.75" customHeight="1" x14ac:dyDescent="0.15">
      <c r="AR30230" s="9" ph="1"/>
    </row>
    <row r="30231" spans="44:44" ht="15.75" customHeight="1" x14ac:dyDescent="0.15">
      <c r="AR30231" s="9" ph="1"/>
    </row>
    <row r="30232" spans="44:44" ht="15.75" customHeight="1" x14ac:dyDescent="0.15">
      <c r="AR30232" s="9" ph="1"/>
    </row>
    <row r="30233" spans="44:44" ht="15.75" customHeight="1" x14ac:dyDescent="0.15">
      <c r="AR30233" s="9" ph="1"/>
    </row>
    <row r="30234" spans="44:44" ht="15.75" customHeight="1" x14ac:dyDescent="0.15">
      <c r="AR30234" s="9" ph="1"/>
    </row>
    <row r="30236" spans="44:44" ht="15.75" customHeight="1" x14ac:dyDescent="0.15">
      <c r="AR30236" s="9" ph="1"/>
    </row>
    <row r="30237" spans="44:44" ht="15.75" customHeight="1" x14ac:dyDescent="0.15">
      <c r="AR30237" s="9" ph="1"/>
    </row>
    <row r="30238" spans="44:44" ht="15.75" customHeight="1" x14ac:dyDescent="0.15">
      <c r="AR30238" s="9" ph="1"/>
    </row>
    <row r="30240" spans="44:44" ht="15.75" customHeight="1" x14ac:dyDescent="0.15">
      <c r="AR30240" s="9" ph="1"/>
    </row>
    <row r="30241" spans="44:44" ht="15.75" customHeight="1" x14ac:dyDescent="0.15">
      <c r="AR30241" s="9" ph="1"/>
    </row>
    <row r="30242" spans="44:44" ht="15.75" customHeight="1" x14ac:dyDescent="0.15">
      <c r="AR30242" s="9" ph="1"/>
    </row>
    <row r="30243" spans="44:44" ht="15.75" customHeight="1" x14ac:dyDescent="0.15">
      <c r="AR30243" s="9" ph="1"/>
    </row>
    <row r="30244" spans="44:44" ht="15.75" customHeight="1" x14ac:dyDescent="0.15">
      <c r="AR30244" s="9" ph="1"/>
    </row>
    <row r="30245" spans="44:44" ht="15.75" customHeight="1" x14ac:dyDescent="0.15">
      <c r="AR30245" s="9" ph="1"/>
    </row>
    <row r="30246" spans="44:44" ht="15.75" customHeight="1" x14ac:dyDescent="0.15">
      <c r="AR30246" s="9" ph="1"/>
    </row>
    <row r="30247" spans="44:44" ht="15.75" customHeight="1" x14ac:dyDescent="0.15">
      <c r="AR30247" s="9" ph="1"/>
    </row>
    <row r="30248" spans="44:44" ht="15.75" customHeight="1" x14ac:dyDescent="0.15">
      <c r="AR30248" s="9" ph="1"/>
    </row>
    <row r="30249" spans="44:44" ht="15.75" customHeight="1" x14ac:dyDescent="0.15">
      <c r="AR30249" s="9" ph="1"/>
    </row>
    <row r="30250" spans="44:44" ht="15.75" customHeight="1" x14ac:dyDescent="0.15">
      <c r="AR30250" s="9" ph="1"/>
    </row>
    <row r="30251" spans="44:44" ht="15.75" customHeight="1" x14ac:dyDescent="0.15">
      <c r="AR30251" s="9" ph="1"/>
    </row>
    <row r="30252" spans="44:44" ht="15.75" customHeight="1" x14ac:dyDescent="0.15">
      <c r="AR30252" s="9" ph="1"/>
    </row>
    <row r="30253" spans="44:44" ht="15.75" customHeight="1" x14ac:dyDescent="0.15">
      <c r="AR30253" s="9" ph="1"/>
    </row>
    <row r="30254" spans="44:44" ht="15.75" customHeight="1" x14ac:dyDescent="0.15">
      <c r="AR30254" s="9" ph="1"/>
    </row>
    <row r="30255" spans="44:44" ht="15.75" customHeight="1" x14ac:dyDescent="0.15">
      <c r="AR30255" s="9" ph="1"/>
    </row>
    <row r="30257" spans="44:44" ht="15.75" customHeight="1" x14ac:dyDescent="0.15">
      <c r="AR30257" s="9" ph="1"/>
    </row>
    <row r="30258" spans="44:44" ht="15.75" customHeight="1" x14ac:dyDescent="0.15">
      <c r="AR30258" s="9" ph="1"/>
    </row>
    <row r="30259" spans="44:44" ht="15.75" customHeight="1" x14ac:dyDescent="0.15">
      <c r="AR30259" s="9" ph="1"/>
    </row>
    <row r="30261" spans="44:44" ht="15.75" customHeight="1" x14ac:dyDescent="0.15">
      <c r="AR30261" s="9" ph="1"/>
    </row>
    <row r="30262" spans="44:44" ht="15.75" customHeight="1" x14ac:dyDescent="0.15">
      <c r="AR30262" s="9" ph="1"/>
    </row>
    <row r="30263" spans="44:44" ht="15.75" customHeight="1" x14ac:dyDescent="0.15">
      <c r="AR30263" s="9" ph="1"/>
    </row>
    <row r="30264" spans="44:44" ht="15.75" customHeight="1" x14ac:dyDescent="0.15">
      <c r="AR30264" s="9" ph="1"/>
    </row>
    <row r="30265" spans="44:44" ht="15.75" customHeight="1" x14ac:dyDescent="0.15">
      <c r="AR30265" s="9" ph="1"/>
    </row>
    <row r="30266" spans="44:44" ht="15.75" customHeight="1" x14ac:dyDescent="0.15">
      <c r="AR30266" s="9" ph="1"/>
    </row>
    <row r="30267" spans="44:44" ht="15.75" customHeight="1" x14ac:dyDescent="0.15">
      <c r="AR30267" s="9" ph="1"/>
    </row>
    <row r="30268" spans="44:44" ht="15.75" customHeight="1" x14ac:dyDescent="0.15">
      <c r="AR30268" s="9" ph="1"/>
    </row>
    <row r="30270" spans="44:44" ht="15.75" customHeight="1" x14ac:dyDescent="0.15">
      <c r="AR30270" s="9" ph="1"/>
    </row>
    <row r="30271" spans="44:44" ht="15.75" customHeight="1" x14ac:dyDescent="0.15">
      <c r="AR30271" s="9" ph="1"/>
    </row>
    <row r="30272" spans="44:44" ht="15.75" customHeight="1" x14ac:dyDescent="0.15">
      <c r="AR30272" s="9" ph="1"/>
    </row>
    <row r="30273" spans="44:44" ht="15.75" customHeight="1" x14ac:dyDescent="0.15">
      <c r="AR30273" s="9" ph="1"/>
    </row>
    <row r="30274" spans="44:44" ht="15.75" customHeight="1" x14ac:dyDescent="0.15">
      <c r="AR30274" s="9" ph="1"/>
    </row>
    <row r="30275" spans="44:44" ht="15.75" customHeight="1" x14ac:dyDescent="0.15">
      <c r="AR30275" s="9" ph="1"/>
    </row>
    <row r="30276" spans="44:44" ht="15.75" customHeight="1" x14ac:dyDescent="0.15">
      <c r="AR30276" s="9" ph="1"/>
    </row>
    <row r="30277" spans="44:44" ht="15.75" customHeight="1" x14ac:dyDescent="0.15">
      <c r="AR30277" s="9" ph="1"/>
    </row>
    <row r="30279" spans="44:44" ht="15.75" customHeight="1" x14ac:dyDescent="0.15">
      <c r="AR30279" s="9" ph="1"/>
    </row>
    <row r="30280" spans="44:44" ht="15.75" customHeight="1" x14ac:dyDescent="0.15">
      <c r="AR30280" s="9" ph="1"/>
    </row>
    <row r="30281" spans="44:44" ht="15.75" customHeight="1" x14ac:dyDescent="0.15">
      <c r="AR30281" s="9" ph="1"/>
    </row>
    <row r="30282" spans="44:44" ht="15.75" customHeight="1" x14ac:dyDescent="0.15">
      <c r="AR30282" s="9" ph="1"/>
    </row>
    <row r="30283" spans="44:44" ht="15.75" customHeight="1" x14ac:dyDescent="0.15">
      <c r="AR30283" s="9" ph="1"/>
    </row>
    <row r="30284" spans="44:44" ht="15.75" customHeight="1" x14ac:dyDescent="0.15">
      <c r="AR30284" s="9" ph="1"/>
    </row>
    <row r="30286" spans="44:44" ht="15.75" customHeight="1" x14ac:dyDescent="0.15">
      <c r="AR30286" s="9" ph="1"/>
    </row>
    <row r="30287" spans="44:44" ht="15.75" customHeight="1" x14ac:dyDescent="0.15">
      <c r="AR30287" s="9" ph="1"/>
    </row>
    <row r="30288" spans="44:44" ht="15.75" customHeight="1" x14ac:dyDescent="0.15">
      <c r="AR30288" s="9" ph="1"/>
    </row>
    <row r="30289" spans="44:44" ht="15.75" customHeight="1" x14ac:dyDescent="0.15">
      <c r="AR30289" s="9" ph="1"/>
    </row>
    <row r="30290" spans="44:44" ht="15.75" customHeight="1" x14ac:dyDescent="0.15">
      <c r="AR30290" s="9" ph="1"/>
    </row>
    <row r="30291" spans="44:44" ht="15.75" customHeight="1" x14ac:dyDescent="0.15">
      <c r="AR30291" s="9" ph="1"/>
    </row>
    <row r="30292" spans="44:44" ht="15.75" customHeight="1" x14ac:dyDescent="0.15">
      <c r="AR30292" s="9" ph="1"/>
    </row>
    <row r="30294" spans="44:44" ht="15.75" customHeight="1" x14ac:dyDescent="0.15">
      <c r="AR30294" s="9" ph="1"/>
    </row>
    <row r="30295" spans="44:44" ht="15.75" customHeight="1" x14ac:dyDescent="0.15">
      <c r="AR30295" s="9" ph="1"/>
    </row>
    <row r="30296" spans="44:44" ht="15.75" customHeight="1" x14ac:dyDescent="0.15">
      <c r="AR30296" s="9" ph="1"/>
    </row>
    <row r="30297" spans="44:44" ht="15.75" customHeight="1" x14ac:dyDescent="0.15">
      <c r="AR30297" s="9" ph="1"/>
    </row>
    <row r="30298" spans="44:44" ht="15.75" customHeight="1" x14ac:dyDescent="0.15">
      <c r="AR30298" s="9" ph="1"/>
    </row>
    <row r="30299" spans="44:44" ht="15.75" customHeight="1" x14ac:dyDescent="0.15">
      <c r="AR30299" s="9" ph="1"/>
    </row>
    <row r="30301" spans="44:44" ht="15.75" customHeight="1" x14ac:dyDescent="0.15">
      <c r="AR30301" s="9" ph="1"/>
    </row>
    <row r="30302" spans="44:44" ht="15.75" customHeight="1" x14ac:dyDescent="0.15">
      <c r="AR30302" s="9" ph="1"/>
    </row>
    <row r="30303" spans="44:44" ht="15.75" customHeight="1" x14ac:dyDescent="0.15">
      <c r="AR30303" s="9" ph="1"/>
    </row>
    <row r="30304" spans="44:44" ht="15.75" customHeight="1" x14ac:dyDescent="0.15">
      <c r="AR30304" s="9" ph="1"/>
    </row>
    <row r="30305" spans="44:44" ht="15.75" customHeight="1" x14ac:dyDescent="0.15">
      <c r="AR30305" s="9" ph="1"/>
    </row>
    <row r="30306" spans="44:44" ht="15.75" customHeight="1" x14ac:dyDescent="0.15">
      <c r="AR30306" s="9" ph="1"/>
    </row>
    <row r="30307" spans="44:44" ht="15.75" customHeight="1" x14ac:dyDescent="0.15">
      <c r="AR30307" s="9" ph="1"/>
    </row>
    <row r="30308" spans="44:44" ht="15.75" customHeight="1" x14ac:dyDescent="0.15">
      <c r="AR30308" s="9" ph="1"/>
    </row>
    <row r="30309" spans="44:44" ht="15.75" customHeight="1" x14ac:dyDescent="0.15">
      <c r="AR30309" s="9" ph="1"/>
    </row>
    <row r="30310" spans="44:44" ht="15.75" customHeight="1" x14ac:dyDescent="0.15">
      <c r="AR30310" s="9" ph="1"/>
    </row>
    <row r="30311" spans="44:44" ht="15.75" customHeight="1" x14ac:dyDescent="0.15">
      <c r="AR30311" s="9" ph="1"/>
    </row>
    <row r="30312" spans="44:44" ht="15.75" customHeight="1" x14ac:dyDescent="0.15">
      <c r="AR30312" s="9" ph="1"/>
    </row>
    <row r="30313" spans="44:44" ht="15.75" customHeight="1" x14ac:dyDescent="0.15">
      <c r="AR30313" s="9" ph="1"/>
    </row>
    <row r="30315" spans="44:44" ht="15.75" customHeight="1" x14ac:dyDescent="0.15">
      <c r="AR30315" s="9" ph="1"/>
    </row>
    <row r="30316" spans="44:44" ht="15.75" customHeight="1" x14ac:dyDescent="0.15">
      <c r="AR30316" s="9" ph="1"/>
    </row>
    <row r="30317" spans="44:44" ht="15.75" customHeight="1" x14ac:dyDescent="0.15">
      <c r="AR30317" s="9" ph="1"/>
    </row>
    <row r="30319" spans="44:44" ht="15.75" customHeight="1" x14ac:dyDescent="0.15">
      <c r="AR30319" s="9" ph="1"/>
    </row>
    <row r="30320" spans="44:44" ht="15.75" customHeight="1" x14ac:dyDescent="0.15">
      <c r="AR30320" s="9" ph="1"/>
    </row>
    <row r="30321" spans="44:44" ht="15.75" customHeight="1" x14ac:dyDescent="0.15">
      <c r="AR30321" s="9" ph="1"/>
    </row>
    <row r="30322" spans="44:44" ht="15.75" customHeight="1" x14ac:dyDescent="0.15">
      <c r="AR30322" s="9" ph="1"/>
    </row>
    <row r="30323" spans="44:44" ht="15.75" customHeight="1" x14ac:dyDescent="0.15">
      <c r="AR30323" s="9" ph="1"/>
    </row>
    <row r="30324" spans="44:44" ht="15.75" customHeight="1" x14ac:dyDescent="0.15">
      <c r="AR30324" s="9" ph="1"/>
    </row>
    <row r="30325" spans="44:44" ht="15.75" customHeight="1" x14ac:dyDescent="0.15">
      <c r="AR30325" s="9" ph="1"/>
    </row>
    <row r="30326" spans="44:44" ht="15.75" customHeight="1" x14ac:dyDescent="0.15">
      <c r="AR30326" s="9" ph="1"/>
    </row>
    <row r="30327" spans="44:44" ht="15.75" customHeight="1" x14ac:dyDescent="0.15">
      <c r="AR30327" s="9" ph="1"/>
    </row>
    <row r="30328" spans="44:44" ht="15.75" customHeight="1" x14ac:dyDescent="0.15">
      <c r="AR30328" s="9" ph="1"/>
    </row>
    <row r="30329" spans="44:44" ht="15.75" customHeight="1" x14ac:dyDescent="0.15">
      <c r="AR30329" s="9" ph="1"/>
    </row>
    <row r="30330" spans="44:44" ht="15.75" customHeight="1" x14ac:dyDescent="0.15">
      <c r="AR30330" s="9" ph="1"/>
    </row>
    <row r="30331" spans="44:44" ht="15.75" customHeight="1" x14ac:dyDescent="0.15">
      <c r="AR30331" s="9" ph="1"/>
    </row>
    <row r="30332" spans="44:44" ht="15.75" customHeight="1" x14ac:dyDescent="0.15">
      <c r="AR30332" s="9" ph="1"/>
    </row>
    <row r="30333" spans="44:44" ht="15.75" customHeight="1" x14ac:dyDescent="0.15">
      <c r="AR30333" s="9" ph="1"/>
    </row>
    <row r="30334" spans="44:44" ht="15.75" customHeight="1" x14ac:dyDescent="0.15">
      <c r="AR30334" s="9" ph="1"/>
    </row>
    <row r="30336" spans="44:44" ht="15.75" customHeight="1" x14ac:dyDescent="0.15">
      <c r="AR30336" s="9" ph="1"/>
    </row>
    <row r="30337" spans="44:44" ht="15.75" customHeight="1" x14ac:dyDescent="0.15">
      <c r="AR30337" s="9" ph="1"/>
    </row>
    <row r="30338" spans="44:44" ht="15.75" customHeight="1" x14ac:dyDescent="0.15">
      <c r="AR30338" s="9" ph="1"/>
    </row>
    <row r="30340" spans="44:44" ht="15.75" customHeight="1" x14ac:dyDescent="0.15">
      <c r="AR30340" s="9" ph="1"/>
    </row>
    <row r="30341" spans="44:44" ht="15.75" customHeight="1" x14ac:dyDescent="0.15">
      <c r="AR30341" s="9" ph="1"/>
    </row>
    <row r="30342" spans="44:44" ht="15.75" customHeight="1" x14ac:dyDescent="0.15">
      <c r="AR30342" s="9" ph="1"/>
    </row>
    <row r="30343" spans="44:44" ht="15.75" customHeight="1" x14ac:dyDescent="0.15">
      <c r="AR30343" s="9" ph="1"/>
    </row>
    <row r="30344" spans="44:44" ht="15.75" customHeight="1" x14ac:dyDescent="0.15">
      <c r="AR30344" s="9" ph="1"/>
    </row>
    <row r="30345" spans="44:44" ht="15.75" customHeight="1" x14ac:dyDescent="0.15">
      <c r="AR30345" s="9" ph="1"/>
    </row>
    <row r="30346" spans="44:44" ht="15.75" customHeight="1" x14ac:dyDescent="0.15">
      <c r="AR30346" s="9" ph="1"/>
    </row>
    <row r="30347" spans="44:44" ht="15.75" customHeight="1" x14ac:dyDescent="0.15">
      <c r="AR30347" s="9" ph="1"/>
    </row>
    <row r="30349" spans="44:44" ht="15.75" customHeight="1" x14ac:dyDescent="0.15">
      <c r="AR30349" s="9" ph="1"/>
    </row>
    <row r="30350" spans="44:44" ht="15.75" customHeight="1" x14ac:dyDescent="0.15">
      <c r="AR30350" s="9" ph="1"/>
    </row>
    <row r="30351" spans="44:44" ht="15.75" customHeight="1" x14ac:dyDescent="0.15">
      <c r="AR30351" s="9" ph="1"/>
    </row>
    <row r="30352" spans="44:44" ht="15.75" customHeight="1" x14ac:dyDescent="0.15">
      <c r="AR30352" s="9" ph="1"/>
    </row>
    <row r="30353" spans="44:44" ht="15.75" customHeight="1" x14ac:dyDescent="0.15">
      <c r="AR30353" s="9" ph="1"/>
    </row>
    <row r="30354" spans="44:44" ht="15.75" customHeight="1" x14ac:dyDescent="0.15">
      <c r="AR30354" s="9" ph="1"/>
    </row>
    <row r="30355" spans="44:44" ht="15.75" customHeight="1" x14ac:dyDescent="0.15">
      <c r="AR30355" s="9" ph="1"/>
    </row>
    <row r="30356" spans="44:44" ht="15.75" customHeight="1" x14ac:dyDescent="0.15">
      <c r="AR30356" s="9" ph="1"/>
    </row>
    <row r="30358" spans="44:44" ht="15.75" customHeight="1" x14ac:dyDescent="0.15">
      <c r="AR30358" s="9" ph="1"/>
    </row>
    <row r="30359" spans="44:44" ht="15.75" customHeight="1" x14ac:dyDescent="0.15">
      <c r="AR30359" s="9" ph="1"/>
    </row>
    <row r="30360" spans="44:44" ht="15.75" customHeight="1" x14ac:dyDescent="0.15">
      <c r="AR30360" s="9" ph="1"/>
    </row>
    <row r="30361" spans="44:44" ht="15.75" customHeight="1" x14ac:dyDescent="0.15">
      <c r="AR30361" s="9" ph="1"/>
    </row>
    <row r="30362" spans="44:44" ht="15.75" customHeight="1" x14ac:dyDescent="0.15">
      <c r="AR30362" s="9" ph="1"/>
    </row>
    <row r="30363" spans="44:44" ht="15.75" customHeight="1" x14ac:dyDescent="0.15">
      <c r="AR30363" s="9" ph="1"/>
    </row>
    <row r="30365" spans="44:44" ht="15.75" customHeight="1" x14ac:dyDescent="0.15">
      <c r="AR30365" s="9" ph="1"/>
    </row>
    <row r="30366" spans="44:44" ht="15.75" customHeight="1" x14ac:dyDescent="0.15">
      <c r="AR30366" s="9" ph="1"/>
    </row>
    <row r="30367" spans="44:44" ht="15.75" customHeight="1" x14ac:dyDescent="0.15">
      <c r="AR30367" s="9" ph="1"/>
    </row>
    <row r="30368" spans="44:44" ht="15.75" customHeight="1" x14ac:dyDescent="0.15">
      <c r="AR30368" s="9" ph="1"/>
    </row>
    <row r="30369" spans="44:44" ht="15.75" customHeight="1" x14ac:dyDescent="0.15">
      <c r="AR30369" s="9" ph="1"/>
    </row>
    <row r="30370" spans="44:44" ht="15.75" customHeight="1" x14ac:dyDescent="0.15">
      <c r="AR30370" s="9" ph="1"/>
    </row>
    <row r="30371" spans="44:44" ht="15.75" customHeight="1" x14ac:dyDescent="0.15">
      <c r="AR30371" s="9" ph="1"/>
    </row>
    <row r="30372" spans="44:44" ht="15.75" customHeight="1" x14ac:dyDescent="0.15">
      <c r="AR30372" s="9" ph="1"/>
    </row>
    <row r="30373" spans="44:44" ht="15.75" customHeight="1" x14ac:dyDescent="0.15">
      <c r="AR30373" s="9" ph="1"/>
    </row>
    <row r="30374" spans="44:44" ht="15.75" customHeight="1" x14ac:dyDescent="0.15">
      <c r="AR30374" s="9" ph="1"/>
    </row>
    <row r="30375" spans="44:44" ht="15.75" customHeight="1" x14ac:dyDescent="0.15">
      <c r="AR30375" s="9" ph="1"/>
    </row>
    <row r="30376" spans="44:44" ht="15.75" customHeight="1" x14ac:dyDescent="0.15">
      <c r="AR30376" s="9" ph="1"/>
    </row>
    <row r="30377" spans="44:44" ht="15.75" customHeight="1" x14ac:dyDescent="0.15">
      <c r="AR30377" s="9" ph="1"/>
    </row>
    <row r="30378" spans="44:44" ht="15.75" customHeight="1" x14ac:dyDescent="0.15">
      <c r="AR30378" s="9" ph="1"/>
    </row>
    <row r="30379" spans="44:44" ht="15.75" customHeight="1" x14ac:dyDescent="0.15">
      <c r="AR30379" s="9" ph="1"/>
    </row>
    <row r="30380" spans="44:44" ht="15.75" customHeight="1" x14ac:dyDescent="0.15">
      <c r="AR30380" s="9" ph="1"/>
    </row>
    <row r="30381" spans="44:44" ht="15.75" customHeight="1" x14ac:dyDescent="0.15">
      <c r="AR30381" s="9" ph="1"/>
    </row>
    <row r="30382" spans="44:44" ht="15.75" customHeight="1" x14ac:dyDescent="0.15">
      <c r="AR30382" s="9" ph="1"/>
    </row>
    <row r="30383" spans="44:44" ht="15.75" customHeight="1" x14ac:dyDescent="0.15">
      <c r="AR30383" s="9" ph="1"/>
    </row>
    <row r="30385" spans="44:44" ht="15.75" customHeight="1" x14ac:dyDescent="0.15">
      <c r="AR30385" s="9" ph="1"/>
    </row>
    <row r="30386" spans="44:44" ht="15.75" customHeight="1" x14ac:dyDescent="0.15">
      <c r="AR30386" s="9" ph="1"/>
    </row>
    <row r="30387" spans="44:44" ht="15.75" customHeight="1" x14ac:dyDescent="0.15">
      <c r="AR30387" s="9" ph="1"/>
    </row>
    <row r="30389" spans="44:44" ht="15.75" customHeight="1" x14ac:dyDescent="0.15">
      <c r="AR30389" s="9" ph="1"/>
    </row>
    <row r="30390" spans="44:44" ht="15.75" customHeight="1" x14ac:dyDescent="0.15">
      <c r="AR30390" s="9" ph="1"/>
    </row>
    <row r="30391" spans="44:44" ht="15.75" customHeight="1" x14ac:dyDescent="0.15">
      <c r="AR30391" s="9" ph="1"/>
    </row>
    <row r="30392" spans="44:44" ht="15.75" customHeight="1" x14ac:dyDescent="0.15">
      <c r="AR30392" s="9" ph="1"/>
    </row>
    <row r="30393" spans="44:44" ht="15.75" customHeight="1" x14ac:dyDescent="0.15">
      <c r="AR30393" s="9" ph="1"/>
    </row>
    <row r="30394" spans="44:44" ht="15.75" customHeight="1" x14ac:dyDescent="0.15">
      <c r="AR30394" s="9" ph="1"/>
    </row>
    <row r="30395" spans="44:44" ht="15.75" customHeight="1" x14ac:dyDescent="0.15">
      <c r="AR30395" s="9" ph="1"/>
    </row>
    <row r="30396" spans="44:44" ht="15.75" customHeight="1" x14ac:dyDescent="0.15">
      <c r="AR30396" s="9" ph="1"/>
    </row>
    <row r="30397" spans="44:44" ht="15.75" customHeight="1" x14ac:dyDescent="0.15">
      <c r="AR30397" s="9" ph="1"/>
    </row>
    <row r="30398" spans="44:44" ht="15.75" customHeight="1" x14ac:dyDescent="0.15">
      <c r="AR30398" s="9" ph="1"/>
    </row>
    <row r="30399" spans="44:44" ht="15.75" customHeight="1" x14ac:dyDescent="0.15">
      <c r="AR30399" s="9" ph="1"/>
    </row>
    <row r="30400" spans="44:44" ht="15.75" customHeight="1" x14ac:dyDescent="0.15">
      <c r="AR30400" s="9" ph="1"/>
    </row>
    <row r="30401" spans="44:44" ht="15.75" customHeight="1" x14ac:dyDescent="0.15">
      <c r="AR30401" s="9" ph="1"/>
    </row>
    <row r="30402" spans="44:44" ht="15.75" customHeight="1" x14ac:dyDescent="0.15">
      <c r="AR30402" s="9" ph="1"/>
    </row>
    <row r="30403" spans="44:44" ht="15.75" customHeight="1" x14ac:dyDescent="0.15">
      <c r="AR30403" s="9" ph="1"/>
    </row>
    <row r="30404" spans="44:44" ht="15.75" customHeight="1" x14ac:dyDescent="0.15">
      <c r="AR30404" s="9" ph="1"/>
    </row>
    <row r="30406" spans="44:44" ht="15.75" customHeight="1" x14ac:dyDescent="0.15">
      <c r="AR30406" s="9" ph="1"/>
    </row>
    <row r="30407" spans="44:44" ht="15.75" customHeight="1" x14ac:dyDescent="0.15">
      <c r="AR30407" s="9" ph="1"/>
    </row>
    <row r="30408" spans="44:44" ht="15.75" customHeight="1" x14ac:dyDescent="0.15">
      <c r="AR30408" s="9" ph="1"/>
    </row>
    <row r="30410" spans="44:44" ht="15.75" customHeight="1" x14ac:dyDescent="0.15">
      <c r="AR30410" s="9" ph="1"/>
    </row>
    <row r="30411" spans="44:44" ht="15.75" customHeight="1" x14ac:dyDescent="0.15">
      <c r="AR30411" s="9" ph="1"/>
    </row>
    <row r="30412" spans="44:44" ht="15.75" customHeight="1" x14ac:dyDescent="0.15">
      <c r="AR30412" s="9" ph="1"/>
    </row>
    <row r="30413" spans="44:44" ht="15.75" customHeight="1" x14ac:dyDescent="0.15">
      <c r="AR30413" s="9" ph="1"/>
    </row>
    <row r="30414" spans="44:44" ht="15.75" customHeight="1" x14ac:dyDescent="0.15">
      <c r="AR30414" s="9" ph="1"/>
    </row>
    <row r="30415" spans="44:44" ht="15.75" customHeight="1" x14ac:dyDescent="0.15">
      <c r="AR30415" s="9" ph="1"/>
    </row>
    <row r="30416" spans="44:44" ht="15.75" customHeight="1" x14ac:dyDescent="0.15">
      <c r="AR30416" s="9" ph="1"/>
    </row>
    <row r="30417" spans="44:44" ht="15.75" customHeight="1" x14ac:dyDescent="0.15">
      <c r="AR30417" s="9" ph="1"/>
    </row>
    <row r="30419" spans="44:44" ht="15.75" customHeight="1" x14ac:dyDescent="0.15">
      <c r="AR30419" s="9" ph="1"/>
    </row>
    <row r="30420" spans="44:44" ht="15.75" customHeight="1" x14ac:dyDescent="0.15">
      <c r="AR30420" s="9" ph="1"/>
    </row>
    <row r="30421" spans="44:44" ht="15.75" customHeight="1" x14ac:dyDescent="0.15">
      <c r="AR30421" s="9" ph="1"/>
    </row>
    <row r="30422" spans="44:44" ht="15.75" customHeight="1" x14ac:dyDescent="0.15">
      <c r="AR30422" s="9" ph="1"/>
    </row>
    <row r="30423" spans="44:44" ht="15.75" customHeight="1" x14ac:dyDescent="0.15">
      <c r="AR30423" s="9" ph="1"/>
    </row>
    <row r="30424" spans="44:44" ht="15.75" customHeight="1" x14ac:dyDescent="0.15">
      <c r="AR30424" s="9" ph="1"/>
    </row>
    <row r="30425" spans="44:44" ht="15.75" customHeight="1" x14ac:dyDescent="0.15">
      <c r="AR30425" s="9" ph="1"/>
    </row>
    <row r="30426" spans="44:44" ht="15.75" customHeight="1" x14ac:dyDescent="0.15">
      <c r="AR30426" s="9" ph="1"/>
    </row>
    <row r="30428" spans="44:44" ht="15.75" customHeight="1" x14ac:dyDescent="0.15">
      <c r="AR30428" s="9" ph="1"/>
    </row>
    <row r="30429" spans="44:44" ht="15.75" customHeight="1" x14ac:dyDescent="0.15">
      <c r="AR30429" s="9" ph="1"/>
    </row>
    <row r="30430" spans="44:44" ht="15.75" customHeight="1" x14ac:dyDescent="0.15">
      <c r="AR30430" s="9" ph="1"/>
    </row>
    <row r="30431" spans="44:44" ht="15.75" customHeight="1" x14ac:dyDescent="0.15">
      <c r="AR30431" s="9" ph="1"/>
    </row>
    <row r="30432" spans="44:44" ht="15.75" customHeight="1" x14ac:dyDescent="0.15">
      <c r="AR30432" s="9" ph="1"/>
    </row>
    <row r="30433" spans="44:44" ht="15.75" customHeight="1" x14ac:dyDescent="0.15">
      <c r="AR30433" s="9" ph="1"/>
    </row>
    <row r="30435" spans="44:44" ht="15.75" customHeight="1" x14ac:dyDescent="0.15">
      <c r="AR30435" s="9" ph="1"/>
    </row>
    <row r="30436" spans="44:44" ht="15.75" customHeight="1" x14ac:dyDescent="0.15">
      <c r="AR30436" s="9" ph="1"/>
    </row>
    <row r="30437" spans="44:44" ht="15.75" customHeight="1" x14ac:dyDescent="0.15">
      <c r="AR30437" s="9" ph="1"/>
    </row>
    <row r="30438" spans="44:44" ht="15.75" customHeight="1" x14ac:dyDescent="0.15">
      <c r="AR30438" s="9" ph="1"/>
    </row>
    <row r="30439" spans="44:44" ht="15.75" customHeight="1" x14ac:dyDescent="0.15">
      <c r="AR30439" s="9" ph="1"/>
    </row>
    <row r="30440" spans="44:44" ht="15.75" customHeight="1" x14ac:dyDescent="0.15">
      <c r="AR30440" s="9" ph="1"/>
    </row>
    <row r="30441" spans="44:44" ht="15.75" customHeight="1" x14ac:dyDescent="0.15">
      <c r="AR30441" s="9" ph="1"/>
    </row>
    <row r="30443" spans="44:44" ht="15.75" customHeight="1" x14ac:dyDescent="0.15">
      <c r="AR30443" s="9" ph="1"/>
    </row>
    <row r="30444" spans="44:44" ht="15.75" customHeight="1" x14ac:dyDescent="0.15">
      <c r="AR30444" s="9" ph="1"/>
    </row>
    <row r="30445" spans="44:44" ht="15.75" customHeight="1" x14ac:dyDescent="0.15">
      <c r="AR30445" s="9" ph="1"/>
    </row>
    <row r="30446" spans="44:44" ht="15.75" customHeight="1" x14ac:dyDescent="0.15">
      <c r="AR30446" s="9" ph="1"/>
    </row>
    <row r="30447" spans="44:44" ht="15.75" customHeight="1" x14ac:dyDescent="0.15">
      <c r="AR30447" s="9" ph="1"/>
    </row>
    <row r="30448" spans="44:44" ht="15.75" customHeight="1" x14ac:dyDescent="0.15">
      <c r="AR30448" s="9" ph="1"/>
    </row>
    <row r="30450" spans="44:44" ht="15.75" customHeight="1" x14ac:dyDescent="0.15">
      <c r="AR30450" s="9" ph="1"/>
    </row>
    <row r="30451" spans="44:44" ht="15.75" customHeight="1" x14ac:dyDescent="0.15">
      <c r="AR30451" s="9" ph="1"/>
    </row>
    <row r="30452" spans="44:44" ht="15.75" customHeight="1" x14ac:dyDescent="0.15">
      <c r="AR30452" s="9" ph="1"/>
    </row>
    <row r="30453" spans="44:44" ht="15.75" customHeight="1" x14ac:dyDescent="0.15">
      <c r="AR30453" s="9" ph="1"/>
    </row>
    <row r="30454" spans="44:44" ht="15.75" customHeight="1" x14ac:dyDescent="0.15">
      <c r="AR30454" s="9" ph="1"/>
    </row>
    <row r="30455" spans="44:44" ht="15.75" customHeight="1" x14ac:dyDescent="0.15">
      <c r="AR30455" s="9" ph="1"/>
    </row>
    <row r="30456" spans="44:44" ht="15.75" customHeight="1" x14ac:dyDescent="0.15">
      <c r="AR30456" s="9" ph="1"/>
    </row>
    <row r="30457" spans="44:44" ht="15.75" customHeight="1" x14ac:dyDescent="0.15">
      <c r="AR30457" s="9" ph="1"/>
    </row>
    <row r="30458" spans="44:44" ht="15.75" customHeight="1" x14ac:dyDescent="0.15">
      <c r="AR30458" s="9" ph="1"/>
    </row>
    <row r="30459" spans="44:44" ht="15.75" customHeight="1" x14ac:dyDescent="0.15">
      <c r="AR30459" s="9" ph="1"/>
    </row>
    <row r="30460" spans="44:44" ht="15.75" customHeight="1" x14ac:dyDescent="0.15">
      <c r="AR30460" s="9" ph="1"/>
    </row>
    <row r="30461" spans="44:44" ht="15.75" customHeight="1" x14ac:dyDescent="0.15">
      <c r="AR30461" s="9" ph="1"/>
    </row>
    <row r="30462" spans="44:44" ht="15.75" customHeight="1" x14ac:dyDescent="0.15">
      <c r="AR30462" s="9" ph="1"/>
    </row>
    <row r="30464" spans="44:44" ht="15.75" customHeight="1" x14ac:dyDescent="0.15">
      <c r="AR30464" s="9" ph="1"/>
    </row>
    <row r="30465" spans="44:44" ht="15.75" customHeight="1" x14ac:dyDescent="0.15">
      <c r="AR30465" s="9" ph="1"/>
    </row>
    <row r="30466" spans="44:44" ht="15.75" customHeight="1" x14ac:dyDescent="0.15">
      <c r="AR30466" s="9" ph="1"/>
    </row>
    <row r="30468" spans="44:44" ht="15.75" customHeight="1" x14ac:dyDescent="0.15">
      <c r="AR30468" s="9" ph="1"/>
    </row>
    <row r="30469" spans="44:44" ht="15.75" customHeight="1" x14ac:dyDescent="0.15">
      <c r="AR30469" s="9" ph="1"/>
    </row>
    <row r="30470" spans="44:44" ht="15.75" customHeight="1" x14ac:dyDescent="0.15">
      <c r="AR30470" s="9" ph="1"/>
    </row>
    <row r="30471" spans="44:44" ht="15.75" customHeight="1" x14ac:dyDescent="0.15">
      <c r="AR30471" s="9" ph="1"/>
    </row>
    <row r="30472" spans="44:44" ht="15.75" customHeight="1" x14ac:dyDescent="0.15">
      <c r="AR30472" s="9" ph="1"/>
    </row>
    <row r="30473" spans="44:44" ht="15.75" customHeight="1" x14ac:dyDescent="0.15">
      <c r="AR30473" s="9" ph="1"/>
    </row>
    <row r="30474" spans="44:44" ht="15.75" customHeight="1" x14ac:dyDescent="0.15">
      <c r="AR30474" s="9" ph="1"/>
    </row>
    <row r="30475" spans="44:44" ht="15.75" customHeight="1" x14ac:dyDescent="0.15">
      <c r="AR30475" s="9" ph="1"/>
    </row>
    <row r="30476" spans="44:44" ht="15.75" customHeight="1" x14ac:dyDescent="0.15">
      <c r="AR30476" s="9" ph="1"/>
    </row>
    <row r="30477" spans="44:44" ht="15.75" customHeight="1" x14ac:dyDescent="0.15">
      <c r="AR30477" s="9" ph="1"/>
    </row>
    <row r="30478" spans="44:44" ht="15.75" customHeight="1" x14ac:dyDescent="0.15">
      <c r="AR30478" s="9" ph="1"/>
    </row>
    <row r="30479" spans="44:44" ht="15.75" customHeight="1" x14ac:dyDescent="0.15">
      <c r="AR30479" s="9" ph="1"/>
    </row>
    <row r="30480" spans="44:44" ht="15.75" customHeight="1" x14ac:dyDescent="0.15">
      <c r="AR30480" s="9" ph="1"/>
    </row>
    <row r="30481" spans="44:44" ht="15.75" customHeight="1" x14ac:dyDescent="0.15">
      <c r="AR30481" s="9" ph="1"/>
    </row>
    <row r="30482" spans="44:44" ht="15.75" customHeight="1" x14ac:dyDescent="0.15">
      <c r="AR30482" s="9" ph="1"/>
    </row>
    <row r="30483" spans="44:44" ht="15.75" customHeight="1" x14ac:dyDescent="0.15">
      <c r="AR30483" s="9" ph="1"/>
    </row>
    <row r="30485" spans="44:44" ht="15.75" customHeight="1" x14ac:dyDescent="0.15">
      <c r="AR30485" s="9" ph="1"/>
    </row>
    <row r="30486" spans="44:44" ht="15.75" customHeight="1" x14ac:dyDescent="0.15">
      <c r="AR30486" s="9" ph="1"/>
    </row>
    <row r="30487" spans="44:44" ht="15.75" customHeight="1" x14ac:dyDescent="0.15">
      <c r="AR30487" s="9" ph="1"/>
    </row>
    <row r="30489" spans="44:44" ht="15.75" customHeight="1" x14ac:dyDescent="0.15">
      <c r="AR30489" s="9" ph="1"/>
    </row>
    <row r="30490" spans="44:44" ht="15.75" customHeight="1" x14ac:dyDescent="0.15">
      <c r="AR30490" s="9" ph="1"/>
    </row>
    <row r="30491" spans="44:44" ht="15.75" customHeight="1" x14ac:dyDescent="0.15">
      <c r="AR30491" s="9" ph="1"/>
    </row>
    <row r="30492" spans="44:44" ht="15.75" customHeight="1" x14ac:dyDescent="0.15">
      <c r="AR30492" s="9" ph="1"/>
    </row>
    <row r="30493" spans="44:44" ht="15.75" customHeight="1" x14ac:dyDescent="0.15">
      <c r="AR30493" s="9" ph="1"/>
    </row>
    <row r="30494" spans="44:44" ht="15.75" customHeight="1" x14ac:dyDescent="0.15">
      <c r="AR30494" s="9" ph="1"/>
    </row>
    <row r="30495" spans="44:44" ht="15.75" customHeight="1" x14ac:dyDescent="0.15">
      <c r="AR30495" s="9" ph="1"/>
    </row>
    <row r="30496" spans="44:44" ht="15.75" customHeight="1" x14ac:dyDescent="0.15">
      <c r="AR30496" s="9" ph="1"/>
    </row>
    <row r="30498" spans="44:44" ht="15.75" customHeight="1" x14ac:dyDescent="0.15">
      <c r="AR30498" s="9" ph="1"/>
    </row>
    <row r="30499" spans="44:44" ht="15.75" customHeight="1" x14ac:dyDescent="0.15">
      <c r="AR30499" s="9" ph="1"/>
    </row>
    <row r="30500" spans="44:44" ht="15.75" customHeight="1" x14ac:dyDescent="0.15">
      <c r="AR30500" s="9" ph="1"/>
    </row>
    <row r="30501" spans="44:44" ht="15.75" customHeight="1" x14ac:dyDescent="0.15">
      <c r="AR30501" s="9" ph="1"/>
    </row>
    <row r="30502" spans="44:44" ht="15.75" customHeight="1" x14ac:dyDescent="0.15">
      <c r="AR30502" s="9" ph="1"/>
    </row>
    <row r="30503" spans="44:44" ht="15.75" customHeight="1" x14ac:dyDescent="0.15">
      <c r="AR30503" s="9" ph="1"/>
    </row>
    <row r="30504" spans="44:44" ht="15.75" customHeight="1" x14ac:dyDescent="0.15">
      <c r="AR30504" s="9" ph="1"/>
    </row>
    <row r="30505" spans="44:44" ht="15.75" customHeight="1" x14ac:dyDescent="0.15">
      <c r="AR30505" s="9" ph="1"/>
    </row>
    <row r="30507" spans="44:44" ht="15.75" customHeight="1" x14ac:dyDescent="0.15">
      <c r="AR30507" s="9" ph="1"/>
    </row>
    <row r="30508" spans="44:44" ht="15.75" customHeight="1" x14ac:dyDescent="0.15">
      <c r="AR30508" s="9" ph="1"/>
    </row>
    <row r="30509" spans="44:44" ht="15.75" customHeight="1" x14ac:dyDescent="0.15">
      <c r="AR30509" s="9" ph="1"/>
    </row>
    <row r="30510" spans="44:44" ht="15.75" customHeight="1" x14ac:dyDescent="0.15">
      <c r="AR30510" s="9" ph="1"/>
    </row>
    <row r="30511" spans="44:44" ht="15.75" customHeight="1" x14ac:dyDescent="0.15">
      <c r="AR30511" s="9" ph="1"/>
    </row>
    <row r="30512" spans="44:44" ht="15.75" customHeight="1" x14ac:dyDescent="0.15">
      <c r="AR30512" s="9" ph="1"/>
    </row>
    <row r="30514" spans="44:44" ht="15.75" customHeight="1" x14ac:dyDescent="0.15">
      <c r="AR30514" s="9" ph="1"/>
    </row>
    <row r="30515" spans="44:44" ht="15.75" customHeight="1" x14ac:dyDescent="0.15">
      <c r="AR30515" s="9" ph="1"/>
    </row>
    <row r="30516" spans="44:44" ht="15.75" customHeight="1" x14ac:dyDescent="0.15">
      <c r="AR30516" s="9" ph="1"/>
    </row>
    <row r="30517" spans="44:44" ht="15.75" customHeight="1" x14ac:dyDescent="0.15">
      <c r="AR30517" s="9" ph="1"/>
    </row>
    <row r="30518" spans="44:44" ht="15.75" customHeight="1" x14ac:dyDescent="0.15">
      <c r="AR30518" s="9" ph="1"/>
    </row>
    <row r="30519" spans="44:44" ht="15.75" customHeight="1" x14ac:dyDescent="0.15">
      <c r="AR30519" s="9" ph="1"/>
    </row>
    <row r="30520" spans="44:44" ht="15.75" customHeight="1" x14ac:dyDescent="0.15">
      <c r="AR30520" s="9" ph="1"/>
    </row>
    <row r="30521" spans="44:44" ht="15.75" customHeight="1" x14ac:dyDescent="0.15">
      <c r="AR30521" s="9" ph="1"/>
    </row>
    <row r="30522" spans="44:44" ht="15.75" customHeight="1" x14ac:dyDescent="0.15">
      <c r="AR30522" s="9" ph="1"/>
    </row>
    <row r="30523" spans="44:44" ht="15.75" customHeight="1" x14ac:dyDescent="0.15">
      <c r="AR30523" s="9" ph="1"/>
    </row>
    <row r="30524" spans="44:44" ht="15.75" customHeight="1" x14ac:dyDescent="0.15">
      <c r="AR30524" s="9" ph="1"/>
    </row>
    <row r="30526" spans="44:44" ht="15.75" customHeight="1" x14ac:dyDescent="0.15">
      <c r="AR30526" s="9" ph="1"/>
    </row>
    <row r="30527" spans="44:44" ht="15.75" customHeight="1" x14ac:dyDescent="0.15">
      <c r="AR30527" s="9" ph="1"/>
    </row>
    <row r="30528" spans="44:44" ht="15.75" customHeight="1" x14ac:dyDescent="0.15">
      <c r="AR30528" s="9" ph="1"/>
    </row>
    <row r="30529" spans="44:44" ht="15.75" customHeight="1" x14ac:dyDescent="0.15">
      <c r="AR30529" s="9" ph="1"/>
    </row>
    <row r="30530" spans="44:44" ht="15.75" customHeight="1" x14ac:dyDescent="0.15">
      <c r="AR30530" s="9" ph="1"/>
    </row>
    <row r="30531" spans="44:44" ht="15.75" customHeight="1" x14ac:dyDescent="0.15">
      <c r="AR30531" s="9" ph="1"/>
    </row>
    <row r="30533" spans="44:44" ht="15.75" customHeight="1" x14ac:dyDescent="0.15">
      <c r="AR30533" s="9" ph="1"/>
    </row>
    <row r="30534" spans="44:44" ht="15.75" customHeight="1" x14ac:dyDescent="0.15">
      <c r="AR30534" s="9" ph="1"/>
    </row>
    <row r="30535" spans="44:44" ht="15.75" customHeight="1" x14ac:dyDescent="0.15">
      <c r="AR30535" s="9" ph="1"/>
    </row>
    <row r="30536" spans="44:44" ht="15.75" customHeight="1" x14ac:dyDescent="0.15">
      <c r="AR30536" s="9" ph="1"/>
    </row>
    <row r="30537" spans="44:44" ht="15.75" customHeight="1" x14ac:dyDescent="0.15">
      <c r="AR30537" s="9" ph="1"/>
    </row>
    <row r="30538" spans="44:44" ht="15.75" customHeight="1" x14ac:dyDescent="0.15">
      <c r="AR30538" s="9" ph="1"/>
    </row>
    <row r="30539" spans="44:44" ht="15.75" customHeight="1" x14ac:dyDescent="0.15">
      <c r="AR30539" s="9" ph="1"/>
    </row>
    <row r="30540" spans="44:44" ht="15.75" customHeight="1" x14ac:dyDescent="0.15">
      <c r="AR30540" s="9" ph="1"/>
    </row>
    <row r="30541" spans="44:44" ht="15.75" customHeight="1" x14ac:dyDescent="0.15">
      <c r="AR30541" s="9" ph="1"/>
    </row>
    <row r="30542" spans="44:44" ht="15.75" customHeight="1" x14ac:dyDescent="0.15">
      <c r="AR30542" s="9" ph="1"/>
    </row>
    <row r="30543" spans="44:44" ht="15.75" customHeight="1" x14ac:dyDescent="0.15">
      <c r="AR30543" s="9" ph="1"/>
    </row>
    <row r="30544" spans="44:44" ht="15.75" customHeight="1" x14ac:dyDescent="0.15">
      <c r="AR30544" s="9" ph="1"/>
    </row>
    <row r="30545" spans="44:44" ht="15.75" customHeight="1" x14ac:dyDescent="0.15">
      <c r="AR30545" s="9" ph="1"/>
    </row>
    <row r="30546" spans="44:44" ht="15.75" customHeight="1" x14ac:dyDescent="0.15">
      <c r="AR30546" s="9" ph="1"/>
    </row>
    <row r="30547" spans="44:44" ht="15.75" customHeight="1" x14ac:dyDescent="0.15">
      <c r="AR30547" s="9" ph="1"/>
    </row>
    <row r="30548" spans="44:44" ht="15.75" customHeight="1" x14ac:dyDescent="0.15">
      <c r="AR30548" s="9" ph="1"/>
    </row>
    <row r="30549" spans="44:44" ht="15.75" customHeight="1" x14ac:dyDescent="0.15">
      <c r="AR30549" s="9" ph="1"/>
    </row>
    <row r="30550" spans="44:44" ht="15.75" customHeight="1" x14ac:dyDescent="0.15">
      <c r="AR30550" s="9" ph="1"/>
    </row>
    <row r="30551" spans="44:44" ht="15.75" customHeight="1" x14ac:dyDescent="0.15">
      <c r="AR30551" s="9" ph="1"/>
    </row>
    <row r="30553" spans="44:44" ht="15.75" customHeight="1" x14ac:dyDescent="0.15">
      <c r="AR30553" s="9" ph="1"/>
    </row>
    <row r="30554" spans="44:44" ht="15.75" customHeight="1" x14ac:dyDescent="0.15">
      <c r="AR30554" s="9" ph="1"/>
    </row>
    <row r="30555" spans="44:44" ht="15.75" customHeight="1" x14ac:dyDescent="0.15">
      <c r="AR30555" s="9" ph="1"/>
    </row>
    <row r="30557" spans="44:44" ht="15.75" customHeight="1" x14ac:dyDescent="0.15">
      <c r="AR30557" s="9" ph="1"/>
    </row>
    <row r="30558" spans="44:44" ht="15.75" customHeight="1" x14ac:dyDescent="0.15">
      <c r="AR30558" s="9" ph="1"/>
    </row>
    <row r="30559" spans="44:44" ht="15.75" customHeight="1" x14ac:dyDescent="0.15">
      <c r="AR30559" s="9" ph="1"/>
    </row>
    <row r="30560" spans="44:44" ht="15.75" customHeight="1" x14ac:dyDescent="0.15">
      <c r="AR30560" s="9" ph="1"/>
    </row>
    <row r="30561" spans="44:44" ht="15.75" customHeight="1" x14ac:dyDescent="0.15">
      <c r="AR30561" s="9" ph="1"/>
    </row>
    <row r="30562" spans="44:44" ht="15.75" customHeight="1" x14ac:dyDescent="0.15">
      <c r="AR30562" s="9" ph="1"/>
    </row>
    <row r="30563" spans="44:44" ht="15.75" customHeight="1" x14ac:dyDescent="0.15">
      <c r="AR30563" s="9" ph="1"/>
    </row>
    <row r="30564" spans="44:44" ht="15.75" customHeight="1" x14ac:dyDescent="0.15">
      <c r="AR30564" s="9" ph="1"/>
    </row>
    <row r="30565" spans="44:44" ht="15.75" customHeight="1" x14ac:dyDescent="0.15">
      <c r="AR30565" s="9" ph="1"/>
    </row>
    <row r="30566" spans="44:44" ht="15.75" customHeight="1" x14ac:dyDescent="0.15">
      <c r="AR30566" s="9" ph="1"/>
    </row>
    <row r="30567" spans="44:44" ht="15.75" customHeight="1" x14ac:dyDescent="0.15">
      <c r="AR30567" s="9" ph="1"/>
    </row>
    <row r="30568" spans="44:44" ht="15.75" customHeight="1" x14ac:dyDescent="0.15">
      <c r="AR30568" s="9" ph="1"/>
    </row>
    <row r="30569" spans="44:44" ht="15.75" customHeight="1" x14ac:dyDescent="0.15">
      <c r="AR30569" s="9" ph="1"/>
    </row>
    <row r="30570" spans="44:44" ht="15.75" customHeight="1" x14ac:dyDescent="0.15">
      <c r="AR30570" s="9" ph="1"/>
    </row>
    <row r="30571" spans="44:44" ht="15.75" customHeight="1" x14ac:dyDescent="0.15">
      <c r="AR30571" s="9" ph="1"/>
    </row>
    <row r="30572" spans="44:44" ht="15.75" customHeight="1" x14ac:dyDescent="0.15">
      <c r="AR30572" s="9" ph="1"/>
    </row>
    <row r="30574" spans="44:44" ht="15.75" customHeight="1" x14ac:dyDescent="0.15">
      <c r="AR30574" s="9" ph="1"/>
    </row>
    <row r="30575" spans="44:44" ht="15.75" customHeight="1" x14ac:dyDescent="0.15">
      <c r="AR30575" s="9" ph="1"/>
    </row>
    <row r="30576" spans="44:44" ht="15.75" customHeight="1" x14ac:dyDescent="0.15">
      <c r="AR30576" s="9" ph="1"/>
    </row>
    <row r="30578" spans="44:44" ht="15.75" customHeight="1" x14ac:dyDescent="0.15">
      <c r="AR30578" s="9" ph="1"/>
    </row>
    <row r="30579" spans="44:44" ht="15.75" customHeight="1" x14ac:dyDescent="0.15">
      <c r="AR30579" s="9" ph="1"/>
    </row>
    <row r="30580" spans="44:44" ht="15.75" customHeight="1" x14ac:dyDescent="0.15">
      <c r="AR30580" s="9" ph="1"/>
    </row>
    <row r="30581" spans="44:44" ht="15.75" customHeight="1" x14ac:dyDescent="0.15">
      <c r="AR30581" s="9" ph="1"/>
    </row>
    <row r="30582" spans="44:44" ht="15.75" customHeight="1" x14ac:dyDescent="0.15">
      <c r="AR30582" s="9" ph="1"/>
    </row>
    <row r="30583" spans="44:44" ht="15.75" customHeight="1" x14ac:dyDescent="0.15">
      <c r="AR30583" s="9" ph="1"/>
    </row>
    <row r="30584" spans="44:44" ht="15.75" customHeight="1" x14ac:dyDescent="0.15">
      <c r="AR30584" s="9" ph="1"/>
    </row>
    <row r="30585" spans="44:44" ht="15.75" customHeight="1" x14ac:dyDescent="0.15">
      <c r="AR30585" s="9" ph="1"/>
    </row>
    <row r="30587" spans="44:44" ht="15.75" customHeight="1" x14ac:dyDescent="0.15">
      <c r="AR30587" s="9" ph="1"/>
    </row>
    <row r="30588" spans="44:44" ht="15.75" customHeight="1" x14ac:dyDescent="0.15">
      <c r="AR30588" s="9" ph="1"/>
    </row>
    <row r="30589" spans="44:44" ht="15.75" customHeight="1" x14ac:dyDescent="0.15">
      <c r="AR30589" s="9" ph="1"/>
    </row>
    <row r="30590" spans="44:44" ht="15.75" customHeight="1" x14ac:dyDescent="0.15">
      <c r="AR30590" s="9" ph="1"/>
    </row>
    <row r="30591" spans="44:44" ht="15.75" customHeight="1" x14ac:dyDescent="0.15">
      <c r="AR30591" s="9" ph="1"/>
    </row>
    <row r="30592" spans="44:44" ht="15.75" customHeight="1" x14ac:dyDescent="0.15">
      <c r="AR30592" s="9" ph="1"/>
    </row>
    <row r="30593" spans="44:44" ht="15.75" customHeight="1" x14ac:dyDescent="0.15">
      <c r="AR30593" s="9" ph="1"/>
    </row>
    <row r="30594" spans="44:44" ht="15.75" customHeight="1" x14ac:dyDescent="0.15">
      <c r="AR30594" s="9" ph="1"/>
    </row>
    <row r="30596" spans="44:44" ht="15.75" customHeight="1" x14ac:dyDescent="0.15">
      <c r="AR30596" s="9" ph="1"/>
    </row>
    <row r="30597" spans="44:44" ht="15.75" customHeight="1" x14ac:dyDescent="0.15">
      <c r="AR30597" s="9" ph="1"/>
    </row>
    <row r="30598" spans="44:44" ht="15.75" customHeight="1" x14ac:dyDescent="0.15">
      <c r="AR30598" s="9" ph="1"/>
    </row>
    <row r="30599" spans="44:44" ht="15.75" customHeight="1" x14ac:dyDescent="0.15">
      <c r="AR30599" s="9" ph="1"/>
    </row>
    <row r="30600" spans="44:44" ht="15.75" customHeight="1" x14ac:dyDescent="0.15">
      <c r="AR30600" s="9" ph="1"/>
    </row>
    <row r="30601" spans="44:44" ht="15.75" customHeight="1" x14ac:dyDescent="0.15">
      <c r="AR30601" s="9" ph="1"/>
    </row>
    <row r="30603" spans="44:44" ht="15.75" customHeight="1" x14ac:dyDescent="0.15">
      <c r="AR30603" s="9" ph="1"/>
    </row>
    <row r="30604" spans="44:44" ht="15.75" customHeight="1" x14ac:dyDescent="0.15">
      <c r="AR30604" s="9" ph="1"/>
    </row>
    <row r="30605" spans="44:44" ht="15.75" customHeight="1" x14ac:dyDescent="0.15">
      <c r="AR30605" s="9" ph="1"/>
    </row>
    <row r="30606" spans="44:44" ht="15.75" customHeight="1" x14ac:dyDescent="0.15">
      <c r="AR30606" s="9" ph="1"/>
    </row>
    <row r="30607" spans="44:44" ht="15.75" customHeight="1" x14ac:dyDescent="0.15">
      <c r="AR30607" s="9" ph="1"/>
    </row>
    <row r="30608" spans="44:44" ht="15.75" customHeight="1" x14ac:dyDescent="0.15">
      <c r="AR30608" s="9" ph="1"/>
    </row>
    <row r="30609" spans="44:44" ht="15.75" customHeight="1" x14ac:dyDescent="0.15">
      <c r="AR30609" s="9" ph="1"/>
    </row>
    <row r="30611" spans="44:44" ht="15.75" customHeight="1" x14ac:dyDescent="0.15">
      <c r="AR30611" s="9" ph="1"/>
    </row>
    <row r="30612" spans="44:44" ht="15.75" customHeight="1" x14ac:dyDescent="0.15">
      <c r="AR30612" s="9" ph="1"/>
    </row>
    <row r="30613" spans="44:44" ht="15.75" customHeight="1" x14ac:dyDescent="0.15">
      <c r="AR30613" s="9" ph="1"/>
    </row>
    <row r="30614" spans="44:44" ht="15.75" customHeight="1" x14ac:dyDescent="0.15">
      <c r="AR30614" s="9" ph="1"/>
    </row>
    <row r="30615" spans="44:44" ht="15.75" customHeight="1" x14ac:dyDescent="0.15">
      <c r="AR30615" s="9" ph="1"/>
    </row>
    <row r="30616" spans="44:44" ht="15.75" customHeight="1" x14ac:dyDescent="0.15">
      <c r="AR30616" s="9" ph="1"/>
    </row>
    <row r="30618" spans="44:44" ht="15.75" customHeight="1" x14ac:dyDescent="0.15">
      <c r="AR30618" s="9" ph="1"/>
    </row>
    <row r="30619" spans="44:44" ht="15.75" customHeight="1" x14ac:dyDescent="0.15">
      <c r="AR30619" s="9" ph="1"/>
    </row>
    <row r="30620" spans="44:44" ht="15.75" customHeight="1" x14ac:dyDescent="0.15">
      <c r="AR30620" s="9" ph="1"/>
    </row>
    <row r="30621" spans="44:44" ht="15.75" customHeight="1" x14ac:dyDescent="0.15">
      <c r="AR30621" s="9" ph="1"/>
    </row>
    <row r="30622" spans="44:44" ht="15.75" customHeight="1" x14ac:dyDescent="0.15">
      <c r="AR30622" s="9" ph="1"/>
    </row>
    <row r="30623" spans="44:44" ht="15.75" customHeight="1" x14ac:dyDescent="0.15">
      <c r="AR30623" s="9" ph="1"/>
    </row>
    <row r="30624" spans="44:44" ht="15.75" customHeight="1" x14ac:dyDescent="0.15">
      <c r="AR30624" s="9" ph="1"/>
    </row>
    <row r="30625" spans="44:44" ht="15.75" customHeight="1" x14ac:dyDescent="0.15">
      <c r="AR30625" s="9" ph="1"/>
    </row>
    <row r="30626" spans="44:44" ht="15.75" customHeight="1" x14ac:dyDescent="0.15">
      <c r="AR30626" s="9" ph="1"/>
    </row>
    <row r="30627" spans="44:44" ht="15.75" customHeight="1" x14ac:dyDescent="0.15">
      <c r="AR30627" s="9" ph="1"/>
    </row>
    <row r="30628" spans="44:44" ht="15.75" customHeight="1" x14ac:dyDescent="0.15">
      <c r="AR30628" s="9" ph="1"/>
    </row>
    <row r="30629" spans="44:44" ht="15.75" customHeight="1" x14ac:dyDescent="0.15">
      <c r="AR30629" s="9" ph="1"/>
    </row>
    <row r="30630" spans="44:44" ht="15.75" customHeight="1" x14ac:dyDescent="0.15">
      <c r="AR30630" s="9" ph="1"/>
    </row>
    <row r="30632" spans="44:44" ht="15.75" customHeight="1" x14ac:dyDescent="0.15">
      <c r="AR30632" s="9" ph="1"/>
    </row>
    <row r="30633" spans="44:44" ht="15.75" customHeight="1" x14ac:dyDescent="0.15">
      <c r="AR30633" s="9" ph="1"/>
    </row>
    <row r="30634" spans="44:44" ht="15.75" customHeight="1" x14ac:dyDescent="0.15">
      <c r="AR30634" s="9" ph="1"/>
    </row>
    <row r="30636" spans="44:44" ht="15.75" customHeight="1" x14ac:dyDescent="0.15">
      <c r="AR30636" s="9" ph="1"/>
    </row>
    <row r="30637" spans="44:44" ht="15.75" customHeight="1" x14ac:dyDescent="0.15">
      <c r="AR30637" s="9" ph="1"/>
    </row>
    <row r="30638" spans="44:44" ht="15.75" customHeight="1" x14ac:dyDescent="0.15">
      <c r="AR30638" s="9" ph="1"/>
    </row>
    <row r="30639" spans="44:44" ht="15.75" customHeight="1" x14ac:dyDescent="0.15">
      <c r="AR30639" s="9" ph="1"/>
    </row>
    <row r="30640" spans="44:44" ht="15.75" customHeight="1" x14ac:dyDescent="0.15">
      <c r="AR30640" s="9" ph="1"/>
    </row>
    <row r="30641" spans="44:44" ht="15.75" customHeight="1" x14ac:dyDescent="0.15">
      <c r="AR30641" s="9" ph="1"/>
    </row>
    <row r="30642" spans="44:44" ht="15.75" customHeight="1" x14ac:dyDescent="0.15">
      <c r="AR30642" s="9" ph="1"/>
    </row>
    <row r="30643" spans="44:44" ht="15.75" customHeight="1" x14ac:dyDescent="0.15">
      <c r="AR30643" s="9" ph="1"/>
    </row>
    <row r="30644" spans="44:44" ht="15.75" customHeight="1" x14ac:dyDescent="0.15">
      <c r="AR30644" s="9" ph="1"/>
    </row>
    <row r="30645" spans="44:44" ht="15.75" customHeight="1" x14ac:dyDescent="0.15">
      <c r="AR30645" s="9" ph="1"/>
    </row>
    <row r="30646" spans="44:44" ht="15.75" customHeight="1" x14ac:dyDescent="0.15">
      <c r="AR30646" s="9" ph="1"/>
    </row>
    <row r="30647" spans="44:44" ht="15.75" customHeight="1" x14ac:dyDescent="0.15">
      <c r="AR30647" s="9" ph="1"/>
    </row>
    <row r="30648" spans="44:44" ht="15.75" customHeight="1" x14ac:dyDescent="0.15">
      <c r="AR30648" s="9" ph="1"/>
    </row>
    <row r="30649" spans="44:44" ht="15.75" customHeight="1" x14ac:dyDescent="0.15">
      <c r="AR30649" s="9" ph="1"/>
    </row>
    <row r="30650" spans="44:44" ht="15.75" customHeight="1" x14ac:dyDescent="0.15">
      <c r="AR30650" s="9" ph="1"/>
    </row>
    <row r="30651" spans="44:44" ht="15.75" customHeight="1" x14ac:dyDescent="0.15">
      <c r="AR30651" s="9" ph="1"/>
    </row>
    <row r="30653" spans="44:44" ht="15.75" customHeight="1" x14ac:dyDescent="0.15">
      <c r="AR30653" s="9" ph="1"/>
    </row>
    <row r="30654" spans="44:44" ht="15.75" customHeight="1" x14ac:dyDescent="0.15">
      <c r="AR30654" s="9" ph="1"/>
    </row>
    <row r="30655" spans="44:44" ht="15.75" customHeight="1" x14ac:dyDescent="0.15">
      <c r="AR30655" s="9" ph="1"/>
    </row>
    <row r="30657" spans="44:44" ht="15.75" customHeight="1" x14ac:dyDescent="0.15">
      <c r="AR30657" s="9" ph="1"/>
    </row>
    <row r="30658" spans="44:44" ht="15.75" customHeight="1" x14ac:dyDescent="0.15">
      <c r="AR30658" s="9" ph="1"/>
    </row>
    <row r="30659" spans="44:44" ht="15.75" customHeight="1" x14ac:dyDescent="0.15">
      <c r="AR30659" s="9" ph="1"/>
    </row>
    <row r="30660" spans="44:44" ht="15.75" customHeight="1" x14ac:dyDescent="0.15">
      <c r="AR30660" s="9" ph="1"/>
    </row>
    <row r="30661" spans="44:44" ht="15.75" customHeight="1" x14ac:dyDescent="0.15">
      <c r="AR30661" s="9" ph="1"/>
    </row>
    <row r="30662" spans="44:44" ht="15.75" customHeight="1" x14ac:dyDescent="0.15">
      <c r="AR30662" s="9" ph="1"/>
    </row>
    <row r="30663" spans="44:44" ht="15.75" customHeight="1" x14ac:dyDescent="0.15">
      <c r="AR30663" s="9" ph="1"/>
    </row>
    <row r="30664" spans="44:44" ht="15.75" customHeight="1" x14ac:dyDescent="0.15">
      <c r="AR30664" s="9" ph="1"/>
    </row>
    <row r="30666" spans="44:44" ht="15.75" customHeight="1" x14ac:dyDescent="0.15">
      <c r="AR30666" s="9" ph="1"/>
    </row>
    <row r="30667" spans="44:44" ht="15.75" customHeight="1" x14ac:dyDescent="0.15">
      <c r="AR30667" s="9" ph="1"/>
    </row>
    <row r="30668" spans="44:44" ht="15.75" customHeight="1" x14ac:dyDescent="0.15">
      <c r="AR30668" s="9" ph="1"/>
    </row>
    <row r="30669" spans="44:44" ht="15.75" customHeight="1" x14ac:dyDescent="0.15">
      <c r="AR30669" s="9" ph="1"/>
    </row>
    <row r="30670" spans="44:44" ht="15.75" customHeight="1" x14ac:dyDescent="0.15">
      <c r="AR30670" s="9" ph="1"/>
    </row>
    <row r="30671" spans="44:44" ht="15.75" customHeight="1" x14ac:dyDescent="0.15">
      <c r="AR30671" s="9" ph="1"/>
    </row>
    <row r="30672" spans="44:44" ht="15.75" customHeight="1" x14ac:dyDescent="0.15">
      <c r="AR30672" s="9" ph="1"/>
    </row>
    <row r="30673" spans="44:44" ht="15.75" customHeight="1" x14ac:dyDescent="0.15">
      <c r="AR30673" s="9" ph="1"/>
    </row>
    <row r="30675" spans="44:44" ht="15.75" customHeight="1" x14ac:dyDescent="0.15">
      <c r="AR30675" s="9" ph="1"/>
    </row>
    <row r="30676" spans="44:44" ht="15.75" customHeight="1" x14ac:dyDescent="0.15">
      <c r="AR30676" s="9" ph="1"/>
    </row>
    <row r="30677" spans="44:44" ht="15.75" customHeight="1" x14ac:dyDescent="0.15">
      <c r="AR30677" s="9" ph="1"/>
    </row>
    <row r="30678" spans="44:44" ht="15.75" customHeight="1" x14ac:dyDescent="0.15">
      <c r="AR30678" s="9" ph="1"/>
    </row>
    <row r="30679" spans="44:44" ht="15.75" customHeight="1" x14ac:dyDescent="0.15">
      <c r="AR30679" s="9" ph="1"/>
    </row>
    <row r="30680" spans="44:44" ht="15.75" customHeight="1" x14ac:dyDescent="0.15">
      <c r="AR30680" s="9" ph="1"/>
    </row>
    <row r="30682" spans="44:44" ht="15.75" customHeight="1" x14ac:dyDescent="0.15">
      <c r="AR30682" s="9" ph="1"/>
    </row>
    <row r="30683" spans="44:44" ht="15.75" customHeight="1" x14ac:dyDescent="0.15">
      <c r="AR30683" s="9" ph="1"/>
    </row>
    <row r="30684" spans="44:44" ht="15.75" customHeight="1" x14ac:dyDescent="0.15">
      <c r="AR30684" s="9" ph="1"/>
    </row>
    <row r="30685" spans="44:44" ht="15.75" customHeight="1" x14ac:dyDescent="0.15">
      <c r="AR30685" s="9" ph="1"/>
    </row>
    <row r="30686" spans="44:44" ht="15.75" customHeight="1" x14ac:dyDescent="0.15">
      <c r="AR30686" s="9" ph="1"/>
    </row>
    <row r="30687" spans="44:44" ht="15.75" customHeight="1" x14ac:dyDescent="0.15">
      <c r="AR30687" s="9" ph="1"/>
    </row>
    <row r="30688" spans="44:44" ht="15.75" customHeight="1" x14ac:dyDescent="0.15">
      <c r="AR30688" s="9" ph="1"/>
    </row>
    <row r="30689" spans="44:44" ht="15.75" customHeight="1" x14ac:dyDescent="0.15">
      <c r="AR30689" s="9" ph="1"/>
    </row>
    <row r="30690" spans="44:44" ht="15.75" customHeight="1" x14ac:dyDescent="0.15">
      <c r="AR30690" s="9" ph="1"/>
    </row>
    <row r="30691" spans="44:44" ht="15.75" customHeight="1" x14ac:dyDescent="0.15">
      <c r="AR30691" s="9" ph="1"/>
    </row>
    <row r="30692" spans="44:44" ht="15.75" customHeight="1" x14ac:dyDescent="0.15">
      <c r="AR30692" s="9" ph="1"/>
    </row>
    <row r="30693" spans="44:44" ht="15.75" customHeight="1" x14ac:dyDescent="0.15">
      <c r="AR30693" s="9" ph="1"/>
    </row>
    <row r="30694" spans="44:44" ht="15.75" customHeight="1" x14ac:dyDescent="0.15">
      <c r="AR30694" s="9" ph="1"/>
    </row>
    <row r="30695" spans="44:44" ht="15.75" customHeight="1" x14ac:dyDescent="0.15">
      <c r="AR30695" s="9" ph="1"/>
    </row>
    <row r="30696" spans="44:44" ht="15.75" customHeight="1" x14ac:dyDescent="0.15">
      <c r="AR30696" s="9" ph="1"/>
    </row>
    <row r="30698" spans="44:44" ht="15.75" customHeight="1" x14ac:dyDescent="0.15">
      <c r="AR30698" s="9" ph="1"/>
    </row>
    <row r="30699" spans="44:44" ht="15.75" customHeight="1" x14ac:dyDescent="0.15">
      <c r="AR30699" s="9" ph="1"/>
    </row>
    <row r="30700" spans="44:44" ht="15.75" customHeight="1" x14ac:dyDescent="0.15">
      <c r="AR30700" s="9" ph="1"/>
    </row>
    <row r="30702" spans="44:44" ht="15.75" customHeight="1" x14ac:dyDescent="0.15">
      <c r="AR30702" s="9" ph="1"/>
    </row>
    <row r="30703" spans="44:44" ht="15.75" customHeight="1" x14ac:dyDescent="0.15">
      <c r="AR30703" s="9" ph="1"/>
    </row>
    <row r="30704" spans="44:44" ht="15.75" customHeight="1" x14ac:dyDescent="0.15">
      <c r="AR30704" s="9" ph="1"/>
    </row>
    <row r="30705" spans="44:44" ht="15.75" customHeight="1" x14ac:dyDescent="0.15">
      <c r="AR30705" s="9" ph="1"/>
    </row>
    <row r="30706" spans="44:44" ht="15.75" customHeight="1" x14ac:dyDescent="0.15">
      <c r="AR30706" s="9" ph="1"/>
    </row>
    <row r="30707" spans="44:44" ht="15.75" customHeight="1" x14ac:dyDescent="0.15">
      <c r="AR30707" s="9" ph="1"/>
    </row>
    <row r="30708" spans="44:44" ht="15.75" customHeight="1" x14ac:dyDescent="0.15">
      <c r="AR30708" s="9" ph="1"/>
    </row>
    <row r="30709" spans="44:44" ht="15.75" customHeight="1" x14ac:dyDescent="0.15">
      <c r="AR30709" s="9" ph="1"/>
    </row>
    <row r="30711" spans="44:44" ht="15.75" customHeight="1" x14ac:dyDescent="0.15">
      <c r="AR30711" s="9" ph="1"/>
    </row>
    <row r="30712" spans="44:44" ht="15.75" customHeight="1" x14ac:dyDescent="0.15">
      <c r="AR30712" s="9" ph="1"/>
    </row>
    <row r="30713" spans="44:44" ht="15.75" customHeight="1" x14ac:dyDescent="0.15">
      <c r="AR30713" s="9" ph="1"/>
    </row>
    <row r="30714" spans="44:44" ht="15.75" customHeight="1" x14ac:dyDescent="0.15">
      <c r="AR30714" s="9" ph="1"/>
    </row>
    <row r="30715" spans="44:44" ht="15.75" customHeight="1" x14ac:dyDescent="0.15">
      <c r="AR30715" s="9" ph="1"/>
    </row>
    <row r="30716" spans="44:44" ht="15.75" customHeight="1" x14ac:dyDescent="0.15">
      <c r="AR30716" s="9" ph="1"/>
    </row>
    <row r="30717" spans="44:44" ht="15.75" customHeight="1" x14ac:dyDescent="0.15">
      <c r="AR30717" s="9" ph="1"/>
    </row>
    <row r="30718" spans="44:44" ht="15.75" customHeight="1" x14ac:dyDescent="0.15">
      <c r="AR30718" s="9" ph="1"/>
    </row>
    <row r="30720" spans="44:44" ht="15.75" customHeight="1" x14ac:dyDescent="0.15">
      <c r="AR30720" s="9" ph="1"/>
    </row>
    <row r="30721" spans="44:44" ht="15.75" customHeight="1" x14ac:dyDescent="0.15">
      <c r="AR30721" s="9" ph="1"/>
    </row>
    <row r="30722" spans="44:44" ht="15.75" customHeight="1" x14ac:dyDescent="0.15">
      <c r="AR30722" s="9" ph="1"/>
    </row>
    <row r="30723" spans="44:44" ht="15.75" customHeight="1" x14ac:dyDescent="0.15">
      <c r="AR30723" s="9" ph="1"/>
    </row>
    <row r="30724" spans="44:44" ht="15.75" customHeight="1" x14ac:dyDescent="0.15">
      <c r="AR30724" s="9" ph="1"/>
    </row>
    <row r="30725" spans="44:44" ht="15.75" customHeight="1" x14ac:dyDescent="0.15">
      <c r="AR30725" s="9" ph="1"/>
    </row>
    <row r="30727" spans="44:44" ht="15.75" customHeight="1" x14ac:dyDescent="0.15">
      <c r="AR30727" s="9" ph="1"/>
    </row>
    <row r="30728" spans="44:44" ht="15.75" customHeight="1" x14ac:dyDescent="0.15">
      <c r="AR30728" s="9" ph="1"/>
    </row>
    <row r="30729" spans="44:44" ht="15.75" customHeight="1" x14ac:dyDescent="0.15">
      <c r="AR30729" s="9" ph="1"/>
    </row>
    <row r="30730" spans="44:44" ht="15.75" customHeight="1" x14ac:dyDescent="0.15">
      <c r="AR30730" s="9" ph="1"/>
    </row>
    <row r="30731" spans="44:44" ht="15.75" customHeight="1" x14ac:dyDescent="0.15">
      <c r="AR30731" s="9" ph="1"/>
    </row>
    <row r="30732" spans="44:44" ht="15.75" customHeight="1" x14ac:dyDescent="0.15">
      <c r="AR30732" s="9" ph="1"/>
    </row>
    <row r="30733" spans="44:44" ht="15.75" customHeight="1" x14ac:dyDescent="0.15">
      <c r="AR30733" s="9" ph="1"/>
    </row>
    <row r="30734" spans="44:44" ht="15.75" customHeight="1" x14ac:dyDescent="0.15">
      <c r="AR30734" s="9" ph="1"/>
    </row>
    <row r="30735" spans="44:44" ht="15.75" customHeight="1" x14ac:dyDescent="0.15">
      <c r="AR30735" s="9" ph="1"/>
    </row>
    <row r="30736" spans="44:44" ht="15.75" customHeight="1" x14ac:dyDescent="0.15">
      <c r="AR30736" s="9" ph="1"/>
    </row>
    <row r="30737" spans="44:44" ht="15.75" customHeight="1" x14ac:dyDescent="0.15">
      <c r="AR30737" s="9" ph="1"/>
    </row>
    <row r="30738" spans="44:44" ht="15.75" customHeight="1" x14ac:dyDescent="0.15">
      <c r="AR30738" s="9" ph="1"/>
    </row>
    <row r="30740" spans="44:44" ht="15.75" customHeight="1" x14ac:dyDescent="0.15">
      <c r="AR30740" s="9" ph="1"/>
    </row>
    <row r="30741" spans="44:44" ht="15.75" customHeight="1" x14ac:dyDescent="0.15">
      <c r="AR30741" s="9" ph="1"/>
    </row>
    <row r="30742" spans="44:44" ht="15.75" customHeight="1" x14ac:dyDescent="0.15">
      <c r="AR30742" s="9" ph="1"/>
    </row>
    <row r="30744" spans="44:44" ht="15.75" customHeight="1" x14ac:dyDescent="0.15">
      <c r="AR30744" s="9" ph="1"/>
    </row>
    <row r="30745" spans="44:44" ht="15.75" customHeight="1" x14ac:dyDescent="0.15">
      <c r="AR30745" s="9" ph="1"/>
    </row>
    <row r="30746" spans="44:44" ht="15.75" customHeight="1" x14ac:dyDescent="0.15">
      <c r="AR30746" s="9" ph="1"/>
    </row>
    <row r="30747" spans="44:44" ht="15.75" customHeight="1" x14ac:dyDescent="0.15">
      <c r="AR30747" s="9" ph="1"/>
    </row>
    <row r="30748" spans="44:44" ht="15.75" customHeight="1" x14ac:dyDescent="0.15">
      <c r="AR30748" s="9" ph="1"/>
    </row>
    <row r="30749" spans="44:44" ht="15.75" customHeight="1" x14ac:dyDescent="0.15">
      <c r="AR30749" s="9" ph="1"/>
    </row>
    <row r="30750" spans="44:44" ht="15.75" customHeight="1" x14ac:dyDescent="0.15">
      <c r="AR30750" s="9" ph="1"/>
    </row>
    <row r="30751" spans="44:44" ht="15.75" customHeight="1" x14ac:dyDescent="0.15">
      <c r="AR30751" s="9" ph="1"/>
    </row>
    <row r="30753" spans="44:44" ht="15.75" customHeight="1" x14ac:dyDescent="0.15">
      <c r="AR30753" s="9" ph="1"/>
    </row>
    <row r="30754" spans="44:44" ht="15.75" customHeight="1" x14ac:dyDescent="0.15">
      <c r="AR30754" s="9" ph="1"/>
    </row>
    <row r="30755" spans="44:44" ht="15.75" customHeight="1" x14ac:dyDescent="0.15">
      <c r="AR30755" s="9" ph="1"/>
    </row>
    <row r="30756" spans="44:44" ht="15.75" customHeight="1" x14ac:dyDescent="0.15">
      <c r="AR30756" s="9" ph="1"/>
    </row>
    <row r="30757" spans="44:44" ht="15.75" customHeight="1" x14ac:dyDescent="0.15">
      <c r="AR30757" s="9" ph="1"/>
    </row>
    <row r="30758" spans="44:44" ht="15.75" customHeight="1" x14ac:dyDescent="0.15">
      <c r="AR30758" s="9" ph="1"/>
    </row>
    <row r="30759" spans="44:44" ht="15.75" customHeight="1" x14ac:dyDescent="0.15">
      <c r="AR30759" s="9" ph="1"/>
    </row>
    <row r="30760" spans="44:44" ht="15.75" customHeight="1" x14ac:dyDescent="0.15">
      <c r="AR30760" s="9" ph="1"/>
    </row>
    <row r="30762" spans="44:44" ht="15.75" customHeight="1" x14ac:dyDescent="0.15">
      <c r="AR30762" s="9" ph="1"/>
    </row>
    <row r="30763" spans="44:44" ht="15.75" customHeight="1" x14ac:dyDescent="0.15">
      <c r="AR30763" s="9" ph="1"/>
    </row>
    <row r="30764" spans="44:44" ht="15.75" customHeight="1" x14ac:dyDescent="0.15">
      <c r="AR30764" s="9" ph="1"/>
    </row>
    <row r="30765" spans="44:44" ht="15.75" customHeight="1" x14ac:dyDescent="0.15">
      <c r="AR30765" s="9" ph="1"/>
    </row>
    <row r="30766" spans="44:44" ht="15.75" customHeight="1" x14ac:dyDescent="0.15">
      <c r="AR30766" s="9" ph="1"/>
    </row>
    <row r="30767" spans="44:44" ht="15.75" customHeight="1" x14ac:dyDescent="0.15">
      <c r="AR30767" s="9" ph="1"/>
    </row>
    <row r="30769" spans="44:44" ht="15.75" customHeight="1" x14ac:dyDescent="0.15">
      <c r="AR30769" s="9" ph="1"/>
    </row>
    <row r="30770" spans="44:44" ht="15.75" customHeight="1" x14ac:dyDescent="0.15">
      <c r="AR30770" s="9" ph="1"/>
    </row>
    <row r="30771" spans="44:44" ht="15.75" customHeight="1" x14ac:dyDescent="0.15">
      <c r="AR30771" s="9" ph="1"/>
    </row>
    <row r="30772" spans="44:44" ht="15.75" customHeight="1" x14ac:dyDescent="0.15">
      <c r="AR30772" s="9" ph="1"/>
    </row>
    <row r="30773" spans="44:44" ht="15.75" customHeight="1" x14ac:dyDescent="0.15">
      <c r="AR30773" s="9" ph="1"/>
    </row>
    <row r="30774" spans="44:44" ht="15.75" customHeight="1" x14ac:dyDescent="0.15">
      <c r="AR30774" s="9" ph="1"/>
    </row>
    <row r="30775" spans="44:44" ht="15.75" customHeight="1" x14ac:dyDescent="0.15">
      <c r="AR30775" s="9" ph="1"/>
    </row>
    <row r="30776" spans="44:44" ht="15.75" customHeight="1" x14ac:dyDescent="0.15">
      <c r="AR30776" s="9" ph="1"/>
    </row>
    <row r="30777" spans="44:44" ht="15.75" customHeight="1" x14ac:dyDescent="0.15">
      <c r="AR30777" s="9" ph="1"/>
    </row>
    <row r="30778" spans="44:44" ht="15.75" customHeight="1" x14ac:dyDescent="0.15">
      <c r="AR30778" s="9" ph="1"/>
    </row>
    <row r="30780" spans="44:44" ht="15.75" customHeight="1" x14ac:dyDescent="0.15">
      <c r="AR30780" s="9" ph="1"/>
    </row>
    <row r="30781" spans="44:44" ht="15.75" customHeight="1" x14ac:dyDescent="0.15">
      <c r="AR30781" s="9" ph="1"/>
    </row>
    <row r="30782" spans="44:44" ht="15.75" customHeight="1" x14ac:dyDescent="0.15">
      <c r="AR30782" s="9" ph="1"/>
    </row>
    <row r="30783" spans="44:44" ht="15.75" customHeight="1" x14ac:dyDescent="0.15">
      <c r="AR30783" s="9" ph="1"/>
    </row>
    <row r="30784" spans="44:44" ht="15.75" customHeight="1" x14ac:dyDescent="0.15">
      <c r="AR30784" s="9" ph="1"/>
    </row>
    <row r="30785" spans="44:44" ht="15.75" customHeight="1" x14ac:dyDescent="0.15">
      <c r="AR30785" s="9" ph="1"/>
    </row>
    <row r="30786" spans="44:44" ht="15.75" customHeight="1" x14ac:dyDescent="0.15">
      <c r="AR30786" s="9" ph="1"/>
    </row>
    <row r="30787" spans="44:44" ht="15.75" customHeight="1" x14ac:dyDescent="0.15">
      <c r="AR30787" s="9" ph="1"/>
    </row>
    <row r="30788" spans="44:44" ht="15.75" customHeight="1" x14ac:dyDescent="0.15">
      <c r="AR30788" s="9" ph="1"/>
    </row>
    <row r="30789" spans="44:44" ht="15.75" customHeight="1" x14ac:dyDescent="0.15">
      <c r="AR30789" s="9" ph="1"/>
    </row>
    <row r="30790" spans="44:44" ht="15.75" customHeight="1" x14ac:dyDescent="0.15">
      <c r="AR30790" s="9" ph="1"/>
    </row>
    <row r="30791" spans="44:44" ht="15.75" customHeight="1" x14ac:dyDescent="0.15">
      <c r="AR30791" s="9" ph="1"/>
    </row>
    <row r="30793" spans="44:44" ht="15.75" customHeight="1" x14ac:dyDescent="0.15">
      <c r="AR30793" s="9" ph="1"/>
    </row>
    <row r="30794" spans="44:44" ht="15.75" customHeight="1" x14ac:dyDescent="0.15">
      <c r="AR30794" s="9" ph="1"/>
    </row>
    <row r="30795" spans="44:44" ht="15.75" customHeight="1" x14ac:dyDescent="0.15">
      <c r="AR30795" s="9" ph="1"/>
    </row>
    <row r="30797" spans="44:44" ht="15.75" customHeight="1" x14ac:dyDescent="0.15">
      <c r="AR30797" s="9" ph="1"/>
    </row>
    <row r="30798" spans="44:44" ht="15.75" customHeight="1" x14ac:dyDescent="0.15">
      <c r="AR30798" s="9" ph="1"/>
    </row>
    <row r="30799" spans="44:44" ht="15.75" customHeight="1" x14ac:dyDescent="0.15">
      <c r="AR30799" s="9" ph="1"/>
    </row>
    <row r="30800" spans="44:44" ht="15.75" customHeight="1" x14ac:dyDescent="0.15">
      <c r="AR30800" s="9" ph="1"/>
    </row>
    <row r="30801" spans="44:44" ht="15.75" customHeight="1" x14ac:dyDescent="0.15">
      <c r="AR30801" s="9" ph="1"/>
    </row>
    <row r="30802" spans="44:44" ht="15.75" customHeight="1" x14ac:dyDescent="0.15">
      <c r="AR30802" s="9" ph="1"/>
    </row>
    <row r="30803" spans="44:44" ht="15.75" customHeight="1" x14ac:dyDescent="0.15">
      <c r="AR30803" s="9" ph="1"/>
    </row>
    <row r="30804" spans="44:44" ht="15.75" customHeight="1" x14ac:dyDescent="0.15">
      <c r="AR30804" s="9" ph="1"/>
    </row>
    <row r="30806" spans="44:44" ht="15.75" customHeight="1" x14ac:dyDescent="0.15">
      <c r="AR30806" s="9" ph="1"/>
    </row>
    <row r="30807" spans="44:44" ht="15.75" customHeight="1" x14ac:dyDescent="0.15">
      <c r="AR30807" s="9" ph="1"/>
    </row>
    <row r="30808" spans="44:44" ht="15.75" customHeight="1" x14ac:dyDescent="0.15">
      <c r="AR30808" s="9" ph="1"/>
    </row>
    <row r="30809" spans="44:44" ht="15.75" customHeight="1" x14ac:dyDescent="0.15">
      <c r="AR30809" s="9" ph="1"/>
    </row>
    <row r="30810" spans="44:44" ht="15.75" customHeight="1" x14ac:dyDescent="0.15">
      <c r="AR30810" s="9" ph="1"/>
    </row>
    <row r="30811" spans="44:44" ht="15.75" customHeight="1" x14ac:dyDescent="0.15">
      <c r="AR30811" s="9" ph="1"/>
    </row>
    <row r="30812" spans="44:44" ht="15.75" customHeight="1" x14ac:dyDescent="0.15">
      <c r="AR30812" s="9" ph="1"/>
    </row>
    <row r="30813" spans="44:44" ht="15.75" customHeight="1" x14ac:dyDescent="0.15">
      <c r="AR30813" s="9" ph="1"/>
    </row>
    <row r="30815" spans="44:44" ht="15.75" customHeight="1" x14ac:dyDescent="0.15">
      <c r="AR30815" s="9" ph="1"/>
    </row>
    <row r="30816" spans="44:44" ht="15.75" customHeight="1" x14ac:dyDescent="0.15">
      <c r="AR30816" s="9" ph="1"/>
    </row>
    <row r="30817" spans="44:44" ht="15.75" customHeight="1" x14ac:dyDescent="0.15">
      <c r="AR30817" s="9" ph="1"/>
    </row>
    <row r="30818" spans="44:44" ht="15.75" customHeight="1" x14ac:dyDescent="0.15">
      <c r="AR30818" s="9" ph="1"/>
    </row>
    <row r="30819" spans="44:44" ht="15.75" customHeight="1" x14ac:dyDescent="0.15">
      <c r="AR30819" s="9" ph="1"/>
    </row>
    <row r="30820" spans="44:44" ht="15.75" customHeight="1" x14ac:dyDescent="0.15">
      <c r="AR30820" s="9" ph="1"/>
    </row>
    <row r="30822" spans="44:44" ht="15.75" customHeight="1" x14ac:dyDescent="0.15">
      <c r="AR30822" s="9" ph="1"/>
    </row>
    <row r="30823" spans="44:44" ht="15.75" customHeight="1" x14ac:dyDescent="0.15">
      <c r="AR30823" s="9" ph="1"/>
    </row>
    <row r="30824" spans="44:44" ht="15.75" customHeight="1" x14ac:dyDescent="0.15">
      <c r="AR30824" s="9" ph="1"/>
    </row>
    <row r="30825" spans="44:44" ht="15.75" customHeight="1" x14ac:dyDescent="0.15">
      <c r="AR30825" s="9" ph="1"/>
    </row>
    <row r="30826" spans="44:44" ht="15.75" customHeight="1" x14ac:dyDescent="0.15">
      <c r="AR30826" s="9" ph="1"/>
    </row>
    <row r="30827" spans="44:44" ht="15.75" customHeight="1" x14ac:dyDescent="0.15">
      <c r="AR30827" s="9" ph="1"/>
    </row>
    <row r="30828" spans="44:44" ht="15.75" customHeight="1" x14ac:dyDescent="0.15">
      <c r="AR30828" s="9" ph="1"/>
    </row>
    <row r="30829" spans="44:44" ht="15.75" customHeight="1" x14ac:dyDescent="0.15">
      <c r="AR30829" s="9" ph="1"/>
    </row>
    <row r="30830" spans="44:44" ht="15.75" customHeight="1" x14ac:dyDescent="0.15">
      <c r="AR30830" s="9" ph="1"/>
    </row>
    <row r="30831" spans="44:44" ht="15.75" customHeight="1" x14ac:dyDescent="0.15">
      <c r="AR30831" s="9" ph="1"/>
    </row>
    <row r="30832" spans="44:44" ht="15.75" customHeight="1" x14ac:dyDescent="0.15">
      <c r="AR30832" s="9" ph="1"/>
    </row>
    <row r="30833" spans="44:44" ht="15.75" customHeight="1" x14ac:dyDescent="0.15">
      <c r="AR30833" s="9" ph="1"/>
    </row>
    <row r="30834" spans="44:44" ht="15.75" customHeight="1" x14ac:dyDescent="0.15">
      <c r="AR30834" s="9" ph="1"/>
    </row>
    <row r="30835" spans="44:44" ht="15.75" customHeight="1" x14ac:dyDescent="0.15">
      <c r="AR30835" s="9" ph="1"/>
    </row>
    <row r="30836" spans="44:44" ht="15.75" customHeight="1" x14ac:dyDescent="0.15">
      <c r="AR30836" s="9" ph="1"/>
    </row>
    <row r="30837" spans="44:44" ht="15.75" customHeight="1" x14ac:dyDescent="0.15">
      <c r="AR30837" s="9" ph="1"/>
    </row>
    <row r="30838" spans="44:44" ht="15.75" customHeight="1" x14ac:dyDescent="0.15">
      <c r="AR30838" s="9" ph="1"/>
    </row>
    <row r="30840" spans="44:44" ht="15.75" customHeight="1" x14ac:dyDescent="0.15">
      <c r="AR30840" s="9" ph="1"/>
    </row>
    <row r="30841" spans="44:44" ht="15.75" customHeight="1" x14ac:dyDescent="0.15">
      <c r="AR30841" s="9" ph="1"/>
    </row>
    <row r="30842" spans="44:44" ht="15.75" customHeight="1" x14ac:dyDescent="0.15">
      <c r="AR30842" s="9" ph="1"/>
    </row>
    <row r="30843" spans="44:44" ht="15.75" customHeight="1" x14ac:dyDescent="0.15">
      <c r="AR30843" s="9" ph="1"/>
    </row>
    <row r="30844" spans="44:44" ht="15.75" customHeight="1" x14ac:dyDescent="0.15">
      <c r="AR30844" s="9" ph="1"/>
    </row>
    <row r="30845" spans="44:44" ht="15.75" customHeight="1" x14ac:dyDescent="0.15">
      <c r="AR30845" s="9" ph="1"/>
    </row>
    <row r="30846" spans="44:44" ht="15.75" customHeight="1" x14ac:dyDescent="0.15">
      <c r="AR30846" s="9" ph="1"/>
    </row>
    <row r="30847" spans="44:44" ht="15.75" customHeight="1" x14ac:dyDescent="0.15">
      <c r="AR30847" s="9" ph="1"/>
    </row>
    <row r="30848" spans="44:44" ht="15.75" customHeight="1" x14ac:dyDescent="0.15">
      <c r="AR30848" s="9" ph="1"/>
    </row>
    <row r="30849" spans="44:44" ht="15.75" customHeight="1" x14ac:dyDescent="0.15">
      <c r="AR30849" s="9" ph="1"/>
    </row>
    <row r="30850" spans="44:44" ht="15.75" customHeight="1" x14ac:dyDescent="0.15">
      <c r="AR30850" s="9" ph="1"/>
    </row>
    <row r="30851" spans="44:44" ht="15.75" customHeight="1" x14ac:dyDescent="0.15">
      <c r="AR30851" s="9" ph="1"/>
    </row>
    <row r="30853" spans="44:44" ht="15.75" customHeight="1" x14ac:dyDescent="0.15">
      <c r="AR30853" s="9" ph="1"/>
    </row>
    <row r="30854" spans="44:44" ht="15.75" customHeight="1" x14ac:dyDescent="0.15">
      <c r="AR30854" s="9" ph="1"/>
    </row>
    <row r="30855" spans="44:44" ht="15.75" customHeight="1" x14ac:dyDescent="0.15">
      <c r="AR30855" s="9" ph="1"/>
    </row>
    <row r="30857" spans="44:44" ht="15.75" customHeight="1" x14ac:dyDescent="0.15">
      <c r="AR30857" s="9" ph="1"/>
    </row>
    <row r="30858" spans="44:44" ht="15.75" customHeight="1" x14ac:dyDescent="0.15">
      <c r="AR30858" s="9" ph="1"/>
    </row>
    <row r="30859" spans="44:44" ht="15.75" customHeight="1" x14ac:dyDescent="0.15">
      <c r="AR30859" s="9" ph="1"/>
    </row>
    <row r="30860" spans="44:44" ht="15.75" customHeight="1" x14ac:dyDescent="0.15">
      <c r="AR30860" s="9" ph="1"/>
    </row>
    <row r="30861" spans="44:44" ht="15.75" customHeight="1" x14ac:dyDescent="0.15">
      <c r="AR30861" s="9" ph="1"/>
    </row>
    <row r="30862" spans="44:44" ht="15.75" customHeight="1" x14ac:dyDescent="0.15">
      <c r="AR30862" s="9" ph="1"/>
    </row>
    <row r="30863" spans="44:44" ht="15.75" customHeight="1" x14ac:dyDescent="0.15">
      <c r="AR30863" s="9" ph="1"/>
    </row>
    <row r="30864" spans="44:44" ht="15.75" customHeight="1" x14ac:dyDescent="0.15">
      <c r="AR30864" s="9" ph="1"/>
    </row>
    <row r="30866" spans="44:44" ht="15.75" customHeight="1" x14ac:dyDescent="0.15">
      <c r="AR30866" s="9" ph="1"/>
    </row>
    <row r="30867" spans="44:44" ht="15.75" customHeight="1" x14ac:dyDescent="0.15">
      <c r="AR30867" s="9" ph="1"/>
    </row>
    <row r="30868" spans="44:44" ht="15.75" customHeight="1" x14ac:dyDescent="0.15">
      <c r="AR30868" s="9" ph="1"/>
    </row>
    <row r="30869" spans="44:44" ht="15.75" customHeight="1" x14ac:dyDescent="0.15">
      <c r="AR30869" s="9" ph="1"/>
    </row>
    <row r="30870" spans="44:44" ht="15.75" customHeight="1" x14ac:dyDescent="0.15">
      <c r="AR30870" s="9" ph="1"/>
    </row>
    <row r="30871" spans="44:44" ht="15.75" customHeight="1" x14ac:dyDescent="0.15">
      <c r="AR30871" s="9" ph="1"/>
    </row>
    <row r="30872" spans="44:44" ht="15.75" customHeight="1" x14ac:dyDescent="0.15">
      <c r="AR30872" s="9" ph="1"/>
    </row>
    <row r="30873" spans="44:44" ht="15.75" customHeight="1" x14ac:dyDescent="0.15">
      <c r="AR30873" s="9" ph="1"/>
    </row>
    <row r="30875" spans="44:44" ht="15.75" customHeight="1" x14ac:dyDescent="0.15">
      <c r="AR30875" s="9" ph="1"/>
    </row>
    <row r="30876" spans="44:44" ht="15.75" customHeight="1" x14ac:dyDescent="0.15">
      <c r="AR30876" s="9" ph="1"/>
    </row>
    <row r="30877" spans="44:44" ht="15.75" customHeight="1" x14ac:dyDescent="0.15">
      <c r="AR30877" s="9" ph="1"/>
    </row>
    <row r="30878" spans="44:44" ht="15.75" customHeight="1" x14ac:dyDescent="0.15">
      <c r="AR30878" s="9" ph="1"/>
    </row>
    <row r="30879" spans="44:44" ht="15.75" customHeight="1" x14ac:dyDescent="0.15">
      <c r="AR30879" s="9" ph="1"/>
    </row>
    <row r="30880" spans="44:44" ht="15.75" customHeight="1" x14ac:dyDescent="0.15">
      <c r="AR30880" s="9" ph="1"/>
    </row>
    <row r="30882" spans="44:44" ht="15.75" customHeight="1" x14ac:dyDescent="0.15">
      <c r="AR30882" s="9" ph="1"/>
    </row>
    <row r="30883" spans="44:44" ht="15.75" customHeight="1" x14ac:dyDescent="0.15">
      <c r="AR30883" s="9" ph="1"/>
    </row>
    <row r="30884" spans="44:44" ht="15.75" customHeight="1" x14ac:dyDescent="0.15">
      <c r="AR30884" s="9" ph="1"/>
    </row>
    <row r="30885" spans="44:44" ht="15.75" customHeight="1" x14ac:dyDescent="0.15">
      <c r="AR30885" s="9" ph="1"/>
    </row>
    <row r="30886" spans="44:44" ht="15.75" customHeight="1" x14ac:dyDescent="0.15">
      <c r="AR30886" s="9" ph="1"/>
    </row>
    <row r="30887" spans="44:44" ht="15.75" customHeight="1" x14ac:dyDescent="0.15">
      <c r="AR30887" s="9" ph="1"/>
    </row>
    <row r="30888" spans="44:44" ht="15.75" customHeight="1" x14ac:dyDescent="0.15">
      <c r="AR30888" s="9" ph="1"/>
    </row>
    <row r="30890" spans="44:44" ht="15.75" customHeight="1" x14ac:dyDescent="0.15">
      <c r="AR30890" s="9" ph="1"/>
    </row>
    <row r="30891" spans="44:44" ht="15.75" customHeight="1" x14ac:dyDescent="0.15">
      <c r="AR30891" s="9" ph="1"/>
    </row>
    <row r="30892" spans="44:44" ht="15.75" customHeight="1" x14ac:dyDescent="0.15">
      <c r="AR30892" s="9" ph="1"/>
    </row>
    <row r="30893" spans="44:44" ht="15.75" customHeight="1" x14ac:dyDescent="0.15">
      <c r="AR30893" s="9" ph="1"/>
    </row>
    <row r="30894" spans="44:44" ht="15.75" customHeight="1" x14ac:dyDescent="0.15">
      <c r="AR30894" s="9" ph="1"/>
    </row>
    <row r="30895" spans="44:44" ht="15.75" customHeight="1" x14ac:dyDescent="0.15">
      <c r="AR30895" s="9" ph="1"/>
    </row>
    <row r="30896" spans="44:44" ht="15.75" customHeight="1" x14ac:dyDescent="0.15">
      <c r="AR30896" s="9" ph="1"/>
    </row>
    <row r="30897" spans="44:44" ht="15.75" customHeight="1" x14ac:dyDescent="0.15">
      <c r="AR30897" s="9" ph="1"/>
    </row>
    <row r="30898" spans="44:44" ht="15.75" customHeight="1" x14ac:dyDescent="0.15">
      <c r="AR30898" s="9" ph="1"/>
    </row>
    <row r="30899" spans="44:44" ht="15.75" customHeight="1" x14ac:dyDescent="0.15">
      <c r="AR30899" s="9" ph="1"/>
    </row>
    <row r="30900" spans="44:44" ht="15.75" customHeight="1" x14ac:dyDescent="0.15">
      <c r="AR30900" s="9" ph="1"/>
    </row>
    <row r="30901" spans="44:44" ht="15.75" customHeight="1" x14ac:dyDescent="0.15">
      <c r="AR30901" s="9" ph="1"/>
    </row>
    <row r="30902" spans="44:44" ht="15.75" customHeight="1" x14ac:dyDescent="0.15">
      <c r="AR30902" s="9" ph="1"/>
    </row>
    <row r="30903" spans="44:44" ht="15.75" customHeight="1" x14ac:dyDescent="0.15">
      <c r="AR30903" s="9" ph="1"/>
    </row>
    <row r="30904" spans="44:44" ht="15.75" customHeight="1" x14ac:dyDescent="0.15">
      <c r="AR30904" s="9" ph="1"/>
    </row>
    <row r="30906" spans="44:44" ht="15.75" customHeight="1" x14ac:dyDescent="0.15">
      <c r="AR30906" s="9" ph="1"/>
    </row>
    <row r="30907" spans="44:44" ht="15.75" customHeight="1" x14ac:dyDescent="0.15">
      <c r="AR30907" s="9" ph="1"/>
    </row>
    <row r="30908" spans="44:44" ht="15.75" customHeight="1" x14ac:dyDescent="0.15">
      <c r="AR30908" s="9" ph="1"/>
    </row>
    <row r="30909" spans="44:44" ht="15.75" customHeight="1" x14ac:dyDescent="0.15">
      <c r="AR30909" s="9" ph="1"/>
    </row>
    <row r="30910" spans="44:44" ht="15.75" customHeight="1" x14ac:dyDescent="0.15">
      <c r="AR30910" s="9" ph="1"/>
    </row>
    <row r="30911" spans="44:44" ht="15.75" customHeight="1" x14ac:dyDescent="0.15">
      <c r="AR30911" s="9" ph="1"/>
    </row>
    <row r="30912" spans="44:44" ht="15.75" customHeight="1" x14ac:dyDescent="0.15">
      <c r="AR30912" s="9" ph="1"/>
    </row>
    <row r="30913" spans="44:44" ht="15.75" customHeight="1" x14ac:dyDescent="0.15">
      <c r="AR30913" s="9" ph="1"/>
    </row>
    <row r="30914" spans="44:44" ht="15.75" customHeight="1" x14ac:dyDescent="0.15">
      <c r="AR30914" s="9" ph="1"/>
    </row>
    <row r="30915" spans="44:44" ht="15.75" customHeight="1" x14ac:dyDescent="0.15">
      <c r="AR30915" s="9" ph="1"/>
    </row>
    <row r="30916" spans="44:44" ht="15.75" customHeight="1" x14ac:dyDescent="0.15">
      <c r="AR30916" s="9" ph="1"/>
    </row>
    <row r="30917" spans="44:44" ht="15.75" customHeight="1" x14ac:dyDescent="0.15">
      <c r="AR30917" s="9" ph="1"/>
    </row>
    <row r="30918" spans="44:44" ht="15.75" customHeight="1" x14ac:dyDescent="0.15">
      <c r="AR30918" s="9" ph="1"/>
    </row>
    <row r="30919" spans="44:44" ht="15.75" customHeight="1" x14ac:dyDescent="0.15">
      <c r="AR30919" s="9" ph="1"/>
    </row>
    <row r="30920" spans="44:44" ht="15.75" customHeight="1" x14ac:dyDescent="0.15">
      <c r="AR30920" s="9" ph="1"/>
    </row>
    <row r="30921" spans="44:44" ht="15.75" customHeight="1" x14ac:dyDescent="0.15">
      <c r="AR30921" s="9" ph="1"/>
    </row>
    <row r="30922" spans="44:44" ht="15.75" customHeight="1" x14ac:dyDescent="0.15">
      <c r="AR30922" s="9" ph="1"/>
    </row>
    <row r="30923" spans="44:44" ht="15.75" customHeight="1" x14ac:dyDescent="0.15">
      <c r="AR30923" s="9" ph="1"/>
    </row>
    <row r="30925" spans="44:44" ht="15.75" customHeight="1" x14ac:dyDescent="0.15">
      <c r="AR30925" s="9" ph="1"/>
    </row>
    <row r="30926" spans="44:44" ht="15.75" customHeight="1" x14ac:dyDescent="0.15">
      <c r="AR30926" s="9" ph="1"/>
    </row>
    <row r="30927" spans="44:44" ht="15.75" customHeight="1" x14ac:dyDescent="0.15">
      <c r="AR30927" s="9" ph="1"/>
    </row>
    <row r="30928" spans="44:44" ht="15.75" customHeight="1" x14ac:dyDescent="0.15">
      <c r="AR30928" s="9" ph="1"/>
    </row>
    <row r="30929" spans="44:44" ht="15.75" customHeight="1" x14ac:dyDescent="0.15">
      <c r="AR30929" s="9" ph="1"/>
    </row>
    <row r="30930" spans="44:44" ht="15.75" customHeight="1" x14ac:dyDescent="0.15">
      <c r="AR30930" s="9" ph="1"/>
    </row>
    <row r="30931" spans="44:44" ht="15.75" customHeight="1" x14ac:dyDescent="0.15">
      <c r="AR30931" s="9" ph="1"/>
    </row>
    <row r="30932" spans="44:44" ht="15.75" customHeight="1" x14ac:dyDescent="0.15">
      <c r="AR30932" s="9" ph="1"/>
    </row>
    <row r="30933" spans="44:44" ht="15.75" customHeight="1" x14ac:dyDescent="0.15">
      <c r="AR30933" s="9" ph="1"/>
    </row>
    <row r="30934" spans="44:44" ht="15.75" customHeight="1" x14ac:dyDescent="0.15">
      <c r="AR30934" s="9" ph="1"/>
    </row>
    <row r="30936" spans="44:44" ht="15.75" customHeight="1" x14ac:dyDescent="0.15">
      <c r="AR30936" s="9" ph="1"/>
    </row>
    <row r="30937" spans="44:44" ht="15.75" customHeight="1" x14ac:dyDescent="0.15">
      <c r="AR30937" s="9" ph="1"/>
    </row>
    <row r="30938" spans="44:44" ht="15.75" customHeight="1" x14ac:dyDescent="0.15">
      <c r="AR30938" s="9" ph="1"/>
    </row>
    <row r="30939" spans="44:44" ht="15.75" customHeight="1" x14ac:dyDescent="0.15">
      <c r="AR30939" s="9" ph="1"/>
    </row>
    <row r="30940" spans="44:44" ht="15.75" customHeight="1" x14ac:dyDescent="0.15">
      <c r="AR30940" s="9" ph="1"/>
    </row>
    <row r="30941" spans="44:44" ht="15.75" customHeight="1" x14ac:dyDescent="0.15">
      <c r="AR30941" s="9" ph="1"/>
    </row>
    <row r="30943" spans="44:44" ht="15.75" customHeight="1" x14ac:dyDescent="0.15">
      <c r="AR30943" s="9" ph="1"/>
    </row>
    <row r="30944" spans="44:44" ht="15.75" customHeight="1" x14ac:dyDescent="0.15">
      <c r="AR30944" s="9" ph="1"/>
    </row>
    <row r="30945" spans="44:44" ht="15.75" customHeight="1" x14ac:dyDescent="0.15">
      <c r="AR30945" s="9" ph="1"/>
    </row>
    <row r="30946" spans="44:44" ht="15.75" customHeight="1" x14ac:dyDescent="0.15">
      <c r="AR30946" s="9" ph="1"/>
    </row>
    <row r="30947" spans="44:44" ht="15.75" customHeight="1" x14ac:dyDescent="0.15">
      <c r="AR30947" s="9" ph="1"/>
    </row>
    <row r="30948" spans="44:44" ht="15.75" customHeight="1" x14ac:dyDescent="0.15">
      <c r="AR30948" s="9" ph="1"/>
    </row>
    <row r="30949" spans="44:44" ht="15.75" customHeight="1" x14ac:dyDescent="0.15">
      <c r="AR30949" s="9" ph="1"/>
    </row>
    <row r="30950" spans="44:44" ht="15.75" customHeight="1" x14ac:dyDescent="0.15">
      <c r="AR30950" s="9" ph="1"/>
    </row>
    <row r="30951" spans="44:44" ht="15.75" customHeight="1" x14ac:dyDescent="0.15">
      <c r="AR30951" s="9" ph="1"/>
    </row>
    <row r="30952" spans="44:44" ht="15.75" customHeight="1" x14ac:dyDescent="0.15">
      <c r="AR30952" s="9" ph="1"/>
    </row>
    <row r="30954" spans="44:44" ht="15.75" customHeight="1" x14ac:dyDescent="0.15">
      <c r="AR30954" s="9" ph="1"/>
    </row>
    <row r="30955" spans="44:44" ht="15.75" customHeight="1" x14ac:dyDescent="0.15">
      <c r="AR30955" s="9" ph="1"/>
    </row>
    <row r="30956" spans="44:44" ht="15.75" customHeight="1" x14ac:dyDescent="0.15">
      <c r="AR30956" s="9" ph="1"/>
    </row>
    <row r="30957" spans="44:44" ht="15.75" customHeight="1" x14ac:dyDescent="0.15">
      <c r="AR30957" s="9" ph="1"/>
    </row>
    <row r="30958" spans="44:44" ht="15.75" customHeight="1" x14ac:dyDescent="0.15">
      <c r="AR30958" s="9" ph="1"/>
    </row>
    <row r="30959" spans="44:44" ht="15.75" customHeight="1" x14ac:dyDescent="0.15">
      <c r="AR30959" s="9" ph="1"/>
    </row>
    <row r="30960" spans="44:44" ht="15.75" customHeight="1" x14ac:dyDescent="0.15">
      <c r="AR30960" s="9" ph="1"/>
    </row>
    <row r="30961" spans="44:44" ht="15.75" customHeight="1" x14ac:dyDescent="0.15">
      <c r="AR30961" s="9" ph="1"/>
    </row>
    <row r="30962" spans="44:44" ht="15.75" customHeight="1" x14ac:dyDescent="0.15">
      <c r="AR30962" s="9" ph="1"/>
    </row>
    <row r="30964" spans="44:44" ht="15.75" customHeight="1" x14ac:dyDescent="0.15">
      <c r="AR30964" s="9" ph="1"/>
    </row>
    <row r="30965" spans="44:44" ht="15.75" customHeight="1" x14ac:dyDescent="0.15">
      <c r="AR30965" s="9" ph="1"/>
    </row>
    <row r="30966" spans="44:44" ht="15.75" customHeight="1" x14ac:dyDescent="0.15">
      <c r="AR30966" s="9" ph="1"/>
    </row>
    <row r="30967" spans="44:44" ht="15.75" customHeight="1" x14ac:dyDescent="0.15">
      <c r="AR30967" s="9" ph="1"/>
    </row>
    <row r="30968" spans="44:44" ht="15.75" customHeight="1" x14ac:dyDescent="0.15">
      <c r="AR30968" s="9" ph="1"/>
    </row>
    <row r="30969" spans="44:44" ht="15.75" customHeight="1" x14ac:dyDescent="0.15">
      <c r="AR30969" s="9" ph="1"/>
    </row>
    <row r="30970" spans="44:44" ht="15.75" customHeight="1" x14ac:dyDescent="0.15">
      <c r="AR30970" s="9" ph="1"/>
    </row>
    <row r="30971" spans="44:44" ht="15.75" customHeight="1" x14ac:dyDescent="0.15">
      <c r="AR30971" s="9" ph="1"/>
    </row>
    <row r="30972" spans="44:44" ht="15.75" customHeight="1" x14ac:dyDescent="0.15">
      <c r="AR30972" s="9" ph="1"/>
    </row>
    <row r="30973" spans="44:44" ht="15.75" customHeight="1" x14ac:dyDescent="0.15">
      <c r="AR30973" s="9" ph="1"/>
    </row>
    <row r="30975" spans="44:44" ht="15.75" customHeight="1" x14ac:dyDescent="0.15">
      <c r="AR30975" s="9" ph="1"/>
    </row>
    <row r="30976" spans="44:44" ht="15.75" customHeight="1" x14ac:dyDescent="0.15">
      <c r="AR30976" s="9" ph="1"/>
    </row>
    <row r="30977" spans="44:44" ht="15.75" customHeight="1" x14ac:dyDescent="0.15">
      <c r="AR30977" s="9" ph="1"/>
    </row>
    <row r="30978" spans="44:44" ht="15.75" customHeight="1" x14ac:dyDescent="0.15">
      <c r="AR30978" s="9" ph="1"/>
    </row>
    <row r="30979" spans="44:44" ht="15.75" customHeight="1" x14ac:dyDescent="0.15">
      <c r="AR30979" s="9" ph="1"/>
    </row>
    <row r="30980" spans="44:44" ht="15.75" customHeight="1" x14ac:dyDescent="0.15">
      <c r="AR30980" s="9" ph="1"/>
    </row>
    <row r="30981" spans="44:44" ht="15.75" customHeight="1" x14ac:dyDescent="0.15">
      <c r="AR30981" s="9" ph="1"/>
    </row>
    <row r="30982" spans="44:44" ht="15.75" customHeight="1" x14ac:dyDescent="0.15">
      <c r="AR30982" s="9" ph="1"/>
    </row>
    <row r="30983" spans="44:44" ht="15.75" customHeight="1" x14ac:dyDescent="0.15">
      <c r="AR30983" s="9" ph="1"/>
    </row>
    <row r="30984" spans="44:44" ht="15.75" customHeight="1" x14ac:dyDescent="0.15">
      <c r="AR30984" s="9" ph="1"/>
    </row>
    <row r="30985" spans="44:44" ht="15.75" customHeight="1" x14ac:dyDescent="0.15">
      <c r="AR30985" s="9" ph="1"/>
    </row>
    <row r="30986" spans="44:44" ht="15.75" customHeight="1" x14ac:dyDescent="0.15">
      <c r="AR30986" s="9" ph="1"/>
    </row>
    <row r="30987" spans="44:44" ht="15.75" customHeight="1" x14ac:dyDescent="0.15">
      <c r="AR30987" s="9" ph="1"/>
    </row>
    <row r="30988" spans="44:44" ht="15.75" customHeight="1" x14ac:dyDescent="0.15">
      <c r="AR30988" s="9" ph="1"/>
    </row>
    <row r="30989" spans="44:44" ht="15.75" customHeight="1" x14ac:dyDescent="0.15">
      <c r="AR30989" s="9" ph="1"/>
    </row>
    <row r="30991" spans="44:44" ht="15.75" customHeight="1" x14ac:dyDescent="0.15">
      <c r="AR30991" s="9" ph="1"/>
    </row>
    <row r="30992" spans="44:44" ht="15.75" customHeight="1" x14ac:dyDescent="0.15">
      <c r="AR30992" s="9" ph="1"/>
    </row>
    <row r="30993" spans="44:44" ht="15.75" customHeight="1" x14ac:dyDescent="0.15">
      <c r="AR30993" s="9" ph="1"/>
    </row>
    <row r="30994" spans="44:44" ht="15.75" customHeight="1" x14ac:dyDescent="0.15">
      <c r="AR30994" s="9" ph="1"/>
    </row>
    <row r="30995" spans="44:44" ht="15.75" customHeight="1" x14ac:dyDescent="0.15">
      <c r="AR30995" s="9" ph="1"/>
    </row>
    <row r="30996" spans="44:44" ht="15.75" customHeight="1" x14ac:dyDescent="0.15">
      <c r="AR30996" s="9" ph="1"/>
    </row>
    <row r="30997" spans="44:44" ht="15.75" customHeight="1" x14ac:dyDescent="0.15">
      <c r="AR30997" s="9" ph="1"/>
    </row>
    <row r="30998" spans="44:44" ht="15.75" customHeight="1" x14ac:dyDescent="0.15">
      <c r="AR30998" s="9" ph="1"/>
    </row>
    <row r="30999" spans="44:44" ht="15.75" customHeight="1" x14ac:dyDescent="0.15">
      <c r="AR30999" s="9" ph="1"/>
    </row>
    <row r="31000" spans="44:44" ht="15.75" customHeight="1" x14ac:dyDescent="0.15">
      <c r="AR31000" s="9" ph="1"/>
    </row>
    <row r="31002" spans="44:44" ht="15.75" customHeight="1" x14ac:dyDescent="0.15">
      <c r="AR31002" s="9" ph="1"/>
    </row>
    <row r="31003" spans="44:44" ht="15.75" customHeight="1" x14ac:dyDescent="0.15">
      <c r="AR31003" s="9" ph="1"/>
    </row>
    <row r="31004" spans="44:44" ht="15.75" customHeight="1" x14ac:dyDescent="0.15">
      <c r="AR31004" s="9" ph="1"/>
    </row>
    <row r="31005" spans="44:44" ht="15.75" customHeight="1" x14ac:dyDescent="0.15">
      <c r="AR31005" s="9" ph="1"/>
    </row>
    <row r="31006" spans="44:44" ht="15.75" customHeight="1" x14ac:dyDescent="0.15">
      <c r="AR31006" s="9" ph="1"/>
    </row>
    <row r="31007" spans="44:44" ht="15.75" customHeight="1" x14ac:dyDescent="0.15">
      <c r="AR31007" s="9" ph="1"/>
    </row>
    <row r="31008" spans="44:44" ht="15.75" customHeight="1" x14ac:dyDescent="0.15">
      <c r="AR31008" s="9" ph="1"/>
    </row>
    <row r="31009" spans="44:44" ht="15.75" customHeight="1" x14ac:dyDescent="0.15">
      <c r="AR31009" s="9" ph="1"/>
    </row>
    <row r="31010" spans="44:44" ht="15.75" customHeight="1" x14ac:dyDescent="0.15">
      <c r="AR31010" s="9" ph="1"/>
    </row>
    <row r="31011" spans="44:44" ht="15.75" customHeight="1" x14ac:dyDescent="0.15">
      <c r="AR31011" s="9" ph="1"/>
    </row>
    <row r="31012" spans="44:44" ht="15.75" customHeight="1" x14ac:dyDescent="0.15">
      <c r="AR31012" s="9" ph="1"/>
    </row>
    <row r="31013" spans="44:44" ht="15.75" customHeight="1" x14ac:dyDescent="0.15">
      <c r="AR31013" s="9" ph="1"/>
    </row>
    <row r="31014" spans="44:44" ht="15.75" customHeight="1" x14ac:dyDescent="0.15">
      <c r="AR31014" s="9" ph="1"/>
    </row>
    <row r="31015" spans="44:44" ht="15.75" customHeight="1" x14ac:dyDescent="0.15">
      <c r="AR31015" s="9" ph="1"/>
    </row>
    <row r="31016" spans="44:44" ht="15.75" customHeight="1" x14ac:dyDescent="0.15">
      <c r="AR31016" s="9" ph="1"/>
    </row>
    <row r="31017" spans="44:44" ht="15.75" customHeight="1" x14ac:dyDescent="0.15">
      <c r="AR31017" s="9" ph="1"/>
    </row>
    <row r="31018" spans="44:44" ht="15.75" customHeight="1" x14ac:dyDescent="0.15">
      <c r="AR31018" s="9" ph="1"/>
    </row>
    <row r="31020" spans="44:44" ht="15.75" customHeight="1" x14ac:dyDescent="0.15">
      <c r="AR31020" s="9" ph="1"/>
    </row>
    <row r="31021" spans="44:44" ht="15.75" customHeight="1" x14ac:dyDescent="0.15">
      <c r="AR31021" s="9" ph="1"/>
    </row>
    <row r="31022" spans="44:44" ht="15.75" customHeight="1" x14ac:dyDescent="0.15">
      <c r="AR31022" s="9" ph="1"/>
    </row>
    <row r="31024" spans="44:44" ht="15.75" customHeight="1" x14ac:dyDescent="0.15">
      <c r="AR31024" s="9" ph="1"/>
    </row>
    <row r="31025" spans="44:44" ht="15.75" customHeight="1" x14ac:dyDescent="0.15">
      <c r="AR31025" s="9" ph="1"/>
    </row>
    <row r="31026" spans="44:44" ht="15.75" customHeight="1" x14ac:dyDescent="0.15">
      <c r="AR31026" s="9" ph="1"/>
    </row>
    <row r="31027" spans="44:44" ht="15.75" customHeight="1" x14ac:dyDescent="0.15">
      <c r="AR31027" s="9" ph="1"/>
    </row>
    <row r="31028" spans="44:44" ht="15.75" customHeight="1" x14ac:dyDescent="0.15">
      <c r="AR31028" s="9" ph="1"/>
    </row>
    <row r="31029" spans="44:44" ht="15.75" customHeight="1" x14ac:dyDescent="0.15">
      <c r="AR31029" s="9" ph="1"/>
    </row>
    <row r="31031" spans="44:44" ht="15.75" customHeight="1" x14ac:dyDescent="0.15">
      <c r="AR31031" s="9" ph="1"/>
    </row>
    <row r="31032" spans="44:44" ht="15.75" customHeight="1" x14ac:dyDescent="0.15">
      <c r="AR31032" s="9" ph="1"/>
    </row>
    <row r="31033" spans="44:44" ht="15.75" customHeight="1" x14ac:dyDescent="0.15">
      <c r="AR31033" s="9" ph="1"/>
    </row>
    <row r="31034" spans="44:44" ht="15.75" customHeight="1" x14ac:dyDescent="0.15">
      <c r="AR31034" s="9" ph="1"/>
    </row>
    <row r="31035" spans="44:44" ht="15.75" customHeight="1" x14ac:dyDescent="0.15">
      <c r="AR31035" s="9" ph="1"/>
    </row>
    <row r="31036" spans="44:44" ht="15.75" customHeight="1" x14ac:dyDescent="0.15">
      <c r="AR31036" s="9" ph="1"/>
    </row>
    <row r="31037" spans="44:44" ht="15.75" customHeight="1" x14ac:dyDescent="0.15">
      <c r="AR31037" s="9" ph="1"/>
    </row>
    <row r="31038" spans="44:44" ht="15.75" customHeight="1" x14ac:dyDescent="0.15">
      <c r="AR31038" s="9" ph="1"/>
    </row>
    <row r="31039" spans="44:44" ht="15.75" customHeight="1" x14ac:dyDescent="0.15">
      <c r="AR31039" s="9" ph="1"/>
    </row>
    <row r="31040" spans="44:44" ht="15.75" customHeight="1" x14ac:dyDescent="0.15">
      <c r="AR31040" s="9" ph="1"/>
    </row>
    <row r="31041" spans="44:44" ht="15.75" customHeight="1" x14ac:dyDescent="0.15">
      <c r="AR31041" s="9" ph="1"/>
    </row>
    <row r="31042" spans="44:44" ht="15.75" customHeight="1" x14ac:dyDescent="0.15">
      <c r="AR31042" s="9" ph="1"/>
    </row>
    <row r="31043" spans="44:44" ht="15.75" customHeight="1" x14ac:dyDescent="0.15">
      <c r="AR31043" s="9" ph="1"/>
    </row>
    <row r="31045" spans="44:44" ht="15.75" customHeight="1" x14ac:dyDescent="0.15">
      <c r="AR31045" s="9" ph="1"/>
    </row>
    <row r="31046" spans="44:44" ht="15.75" customHeight="1" x14ac:dyDescent="0.15">
      <c r="AR31046" s="9" ph="1"/>
    </row>
    <row r="31047" spans="44:44" ht="15.75" customHeight="1" x14ac:dyDescent="0.15">
      <c r="AR31047" s="9" ph="1"/>
    </row>
    <row r="31049" spans="44:44" ht="15.75" customHeight="1" x14ac:dyDescent="0.15">
      <c r="AR31049" s="9" ph="1"/>
    </row>
    <row r="31050" spans="44:44" ht="15.75" customHeight="1" x14ac:dyDescent="0.15">
      <c r="AR31050" s="9" ph="1"/>
    </row>
    <row r="31051" spans="44:44" ht="15.75" customHeight="1" x14ac:dyDescent="0.15">
      <c r="AR31051" s="9" ph="1"/>
    </row>
    <row r="31052" spans="44:44" ht="15.75" customHeight="1" x14ac:dyDescent="0.15">
      <c r="AR31052" s="9" ph="1"/>
    </row>
    <row r="31053" spans="44:44" ht="15.75" customHeight="1" x14ac:dyDescent="0.15">
      <c r="AR31053" s="9" ph="1"/>
    </row>
    <row r="31054" spans="44:44" ht="15.75" customHeight="1" x14ac:dyDescent="0.15">
      <c r="AR31054" s="9" ph="1"/>
    </row>
    <row r="31055" spans="44:44" ht="15.75" customHeight="1" x14ac:dyDescent="0.15">
      <c r="AR31055" s="9" ph="1"/>
    </row>
    <row r="31056" spans="44:44" ht="15.75" customHeight="1" x14ac:dyDescent="0.15">
      <c r="AR31056" s="9" ph="1"/>
    </row>
    <row r="31057" spans="44:44" ht="15.75" customHeight="1" x14ac:dyDescent="0.15">
      <c r="AR31057" s="9" ph="1"/>
    </row>
    <row r="31058" spans="44:44" ht="15.75" customHeight="1" x14ac:dyDescent="0.15">
      <c r="AR31058" s="9" ph="1"/>
    </row>
    <row r="31059" spans="44:44" ht="15.75" customHeight="1" x14ac:dyDescent="0.15">
      <c r="AR31059" s="9" ph="1"/>
    </row>
    <row r="31060" spans="44:44" ht="15.75" customHeight="1" x14ac:dyDescent="0.15">
      <c r="AR31060" s="9" ph="1"/>
    </row>
    <row r="31061" spans="44:44" ht="15.75" customHeight="1" x14ac:dyDescent="0.15">
      <c r="AR31061" s="9" ph="1"/>
    </row>
    <row r="31062" spans="44:44" ht="15.75" customHeight="1" x14ac:dyDescent="0.15">
      <c r="AR31062" s="9" ph="1"/>
    </row>
    <row r="31063" spans="44:44" ht="15.75" customHeight="1" x14ac:dyDescent="0.15">
      <c r="AR31063" s="9" ph="1"/>
    </row>
    <row r="31064" spans="44:44" ht="15.75" customHeight="1" x14ac:dyDescent="0.15">
      <c r="AR31064" s="9" ph="1"/>
    </row>
    <row r="31066" spans="44:44" ht="15.75" customHeight="1" x14ac:dyDescent="0.15">
      <c r="AR31066" s="9" ph="1"/>
    </row>
    <row r="31067" spans="44:44" ht="15.75" customHeight="1" x14ac:dyDescent="0.15">
      <c r="AR31067" s="9" ph="1"/>
    </row>
    <row r="31068" spans="44:44" ht="15.75" customHeight="1" x14ac:dyDescent="0.15">
      <c r="AR31068" s="9" ph="1"/>
    </row>
    <row r="31070" spans="44:44" ht="15.75" customHeight="1" x14ac:dyDescent="0.15">
      <c r="AR31070" s="9" ph="1"/>
    </row>
    <row r="31071" spans="44:44" ht="15.75" customHeight="1" x14ac:dyDescent="0.15">
      <c r="AR31071" s="9" ph="1"/>
    </row>
    <row r="31072" spans="44:44" ht="15.75" customHeight="1" x14ac:dyDescent="0.15">
      <c r="AR31072" s="9" ph="1"/>
    </row>
    <row r="31073" spans="44:44" ht="15.75" customHeight="1" x14ac:dyDescent="0.15">
      <c r="AR31073" s="9" ph="1"/>
    </row>
    <row r="31074" spans="44:44" ht="15.75" customHeight="1" x14ac:dyDescent="0.15">
      <c r="AR31074" s="9" ph="1"/>
    </row>
    <row r="31075" spans="44:44" ht="15.75" customHeight="1" x14ac:dyDescent="0.15">
      <c r="AR31075" s="9" ph="1"/>
    </row>
    <row r="31076" spans="44:44" ht="15.75" customHeight="1" x14ac:dyDescent="0.15">
      <c r="AR31076" s="9" ph="1"/>
    </row>
    <row r="31077" spans="44:44" ht="15.75" customHeight="1" x14ac:dyDescent="0.15">
      <c r="AR31077" s="9" ph="1"/>
    </row>
    <row r="31079" spans="44:44" ht="15.75" customHeight="1" x14ac:dyDescent="0.15">
      <c r="AR31079" s="9" ph="1"/>
    </row>
    <row r="31080" spans="44:44" ht="15.75" customHeight="1" x14ac:dyDescent="0.15">
      <c r="AR31080" s="9" ph="1"/>
    </row>
    <row r="31081" spans="44:44" ht="15.75" customHeight="1" x14ac:dyDescent="0.15">
      <c r="AR31081" s="9" ph="1"/>
    </row>
    <row r="31082" spans="44:44" ht="15.75" customHeight="1" x14ac:dyDescent="0.15">
      <c r="AR31082" s="9" ph="1"/>
    </row>
    <row r="31083" spans="44:44" ht="15.75" customHeight="1" x14ac:dyDescent="0.15">
      <c r="AR31083" s="9" ph="1"/>
    </row>
    <row r="31084" spans="44:44" ht="15.75" customHeight="1" x14ac:dyDescent="0.15">
      <c r="AR31084" s="9" ph="1"/>
    </row>
    <row r="31085" spans="44:44" ht="15.75" customHeight="1" x14ac:dyDescent="0.15">
      <c r="AR31085" s="9" ph="1"/>
    </row>
    <row r="31086" spans="44:44" ht="15.75" customHeight="1" x14ac:dyDescent="0.15">
      <c r="AR31086" s="9" ph="1"/>
    </row>
    <row r="31088" spans="44:44" ht="15.75" customHeight="1" x14ac:dyDescent="0.15">
      <c r="AR31088" s="9" ph="1"/>
    </row>
    <row r="31089" spans="44:44" ht="15.75" customHeight="1" x14ac:dyDescent="0.15">
      <c r="AR31089" s="9" ph="1"/>
    </row>
    <row r="31090" spans="44:44" ht="15.75" customHeight="1" x14ac:dyDescent="0.15">
      <c r="AR31090" s="9" ph="1"/>
    </row>
    <row r="31091" spans="44:44" ht="15.75" customHeight="1" x14ac:dyDescent="0.15">
      <c r="AR31091" s="9" ph="1"/>
    </row>
    <row r="31092" spans="44:44" ht="15.75" customHeight="1" x14ac:dyDescent="0.15">
      <c r="AR31092" s="9" ph="1"/>
    </row>
    <row r="31093" spans="44:44" ht="15.75" customHeight="1" x14ac:dyDescent="0.15">
      <c r="AR31093" s="9" ph="1"/>
    </row>
    <row r="31095" spans="44:44" ht="15.75" customHeight="1" x14ac:dyDescent="0.15">
      <c r="AR31095" s="9" ph="1"/>
    </row>
    <row r="31096" spans="44:44" ht="15.75" customHeight="1" x14ac:dyDescent="0.15">
      <c r="AR31096" s="9" ph="1"/>
    </row>
    <row r="31097" spans="44:44" ht="15.75" customHeight="1" x14ac:dyDescent="0.15">
      <c r="AR31097" s="9" ph="1"/>
    </row>
    <row r="31098" spans="44:44" ht="15.75" customHeight="1" x14ac:dyDescent="0.15">
      <c r="AR31098" s="9" ph="1"/>
    </row>
    <row r="31099" spans="44:44" ht="15.75" customHeight="1" x14ac:dyDescent="0.15">
      <c r="AR31099" s="9" ph="1"/>
    </row>
    <row r="31100" spans="44:44" ht="15.75" customHeight="1" x14ac:dyDescent="0.15">
      <c r="AR31100" s="9" ph="1"/>
    </row>
    <row r="31101" spans="44:44" ht="15.75" customHeight="1" x14ac:dyDescent="0.15">
      <c r="AR31101" s="9" ph="1"/>
    </row>
    <row r="31108" spans="44:44" ht="15.75" customHeight="1" x14ac:dyDescent="0.15">
      <c r="AR31108" s="9" ph="1"/>
    </row>
    <row r="31109" spans="44:44" ht="15.75" customHeight="1" x14ac:dyDescent="0.15">
      <c r="AR31109" s="9" ph="1"/>
    </row>
    <row r="31111" spans="44:44" ht="15.75" customHeight="1" x14ac:dyDescent="0.15">
      <c r="AR31111" s="9" ph="1"/>
    </row>
    <row r="31118" spans="44:44" ht="15.75" customHeight="1" x14ac:dyDescent="0.15">
      <c r="AR31118" s="9" ph="1"/>
    </row>
    <row r="31129" spans="44:44" ht="15.75" customHeight="1" x14ac:dyDescent="0.15">
      <c r="AR31129" s="9" ph="1"/>
    </row>
    <row r="31136" spans="44:44" ht="15.75" customHeight="1" x14ac:dyDescent="0.15">
      <c r="AR31136" s="9" ph="1"/>
    </row>
    <row r="31140" spans="44:44" ht="15.75" customHeight="1" x14ac:dyDescent="0.15">
      <c r="AR31140" s="9" ph="1"/>
    </row>
    <row r="31147" spans="44:44" ht="15.75" customHeight="1" x14ac:dyDescent="0.15">
      <c r="AR31147" s="9" ph="1"/>
    </row>
    <row r="31154" spans="44:44" ht="15.75" customHeight="1" x14ac:dyDescent="0.15">
      <c r="AR31154" s="9" ph="1"/>
    </row>
    <row r="31161" spans="44:44" ht="15.75" customHeight="1" x14ac:dyDescent="0.15">
      <c r="AR31161" s="9" ph="1"/>
    </row>
    <row r="31162" spans="44:44" ht="15.75" customHeight="1" x14ac:dyDescent="0.15">
      <c r="AR31162" s="9" ph="1"/>
    </row>
    <row r="31164" spans="44:44" ht="15.75" customHeight="1" x14ac:dyDescent="0.15">
      <c r="AR31164" s="9" ph="1"/>
    </row>
    <row r="31171" spans="44:44" ht="15.75" customHeight="1" x14ac:dyDescent="0.15">
      <c r="AR31171" s="9" ph="1"/>
    </row>
    <row r="31182" spans="44:44" ht="15.75" customHeight="1" x14ac:dyDescent="0.15">
      <c r="AR31182" s="9" ph="1"/>
    </row>
    <row r="31189" spans="44:44" ht="15.75" customHeight="1" x14ac:dyDescent="0.15">
      <c r="AR31189" s="9" ph="1"/>
    </row>
    <row r="31190" spans="44:44" ht="15.75" customHeight="1" x14ac:dyDescent="0.15">
      <c r="AR31190" s="9" ph="1"/>
    </row>
    <row r="31191" spans="44:44" ht="15.75" customHeight="1" x14ac:dyDescent="0.15">
      <c r="AR31191" s="9" ph="1"/>
    </row>
    <row r="31192" spans="44:44" ht="15.75" customHeight="1" x14ac:dyDescent="0.15">
      <c r="AR31192" s="9" ph="1"/>
    </row>
    <row r="31193" spans="44:44" ht="15.75" customHeight="1" x14ac:dyDescent="0.15">
      <c r="AR31193" s="9" ph="1"/>
    </row>
    <row r="31194" spans="44:44" ht="15.75" customHeight="1" x14ac:dyDescent="0.15">
      <c r="AR31194" s="9" ph="1"/>
    </row>
    <row r="31195" spans="44:44" ht="15.75" customHeight="1" x14ac:dyDescent="0.15">
      <c r="AR31195" s="9" ph="1"/>
    </row>
    <row r="31196" spans="44:44" ht="15.75" customHeight="1" x14ac:dyDescent="0.15">
      <c r="AR31196" s="9" ph="1"/>
    </row>
    <row r="31198" spans="44:44" ht="15.75" customHeight="1" x14ac:dyDescent="0.15">
      <c r="AR31198" s="9" ph="1"/>
    </row>
    <row r="31205" spans="44:44" ht="15.75" customHeight="1" x14ac:dyDescent="0.15">
      <c r="AR31205" s="9" ph="1"/>
    </row>
    <row r="31209" spans="44:44" ht="15.75" customHeight="1" x14ac:dyDescent="0.15">
      <c r="AR31209" s="9" ph="1"/>
    </row>
    <row r="31216" spans="44:44" ht="15.75" customHeight="1" x14ac:dyDescent="0.15">
      <c r="AR31216" s="9" ph="1"/>
    </row>
    <row r="31223" spans="44:44" ht="15.75" customHeight="1" x14ac:dyDescent="0.15">
      <c r="AR31223" s="9" ph="1"/>
    </row>
    <row r="31230" spans="44:44" ht="15.75" customHeight="1" x14ac:dyDescent="0.15">
      <c r="AR31230" s="9" ph="1"/>
    </row>
    <row r="31231" spans="44:44" ht="15.75" customHeight="1" x14ac:dyDescent="0.15">
      <c r="AR31231" s="9" ph="1"/>
    </row>
    <row r="31233" spans="44:44" ht="15.75" customHeight="1" x14ac:dyDescent="0.15">
      <c r="AR31233" s="9" ph="1"/>
    </row>
    <row r="31240" spans="44:44" ht="15.75" customHeight="1" x14ac:dyDescent="0.15">
      <c r="AR31240" s="9" ph="1"/>
    </row>
    <row r="31251" spans="44:44" ht="15.75" customHeight="1" x14ac:dyDescent="0.15">
      <c r="AR31251" s="9" ph="1"/>
    </row>
    <row r="31258" spans="44:44" ht="15.75" customHeight="1" x14ac:dyDescent="0.15">
      <c r="AR31258" s="9" ph="1"/>
    </row>
    <row r="31259" spans="44:44" ht="15.75" customHeight="1" x14ac:dyDescent="0.15">
      <c r="AR31259" s="9" ph="1"/>
    </row>
    <row r="31260" spans="44:44" ht="15.75" customHeight="1" x14ac:dyDescent="0.15">
      <c r="AR31260" s="9" ph="1"/>
    </row>
    <row r="31261" spans="44:44" ht="15.75" customHeight="1" x14ac:dyDescent="0.15">
      <c r="AR31261" s="9" ph="1"/>
    </row>
    <row r="31262" spans="44:44" ht="15.75" customHeight="1" x14ac:dyDescent="0.15">
      <c r="AR31262" s="9" ph="1"/>
    </row>
    <row r="31263" spans="44:44" ht="15.75" customHeight="1" x14ac:dyDescent="0.15">
      <c r="AR31263" s="9" ph="1"/>
    </row>
    <row r="31264" spans="44:44" ht="15.75" customHeight="1" x14ac:dyDescent="0.15">
      <c r="AR31264" s="9" ph="1"/>
    </row>
    <row r="31265" spans="44:44" ht="15.75" customHeight="1" x14ac:dyDescent="0.15">
      <c r="AR31265" s="9" ph="1"/>
    </row>
    <row r="31267" spans="44:44" ht="15.75" customHeight="1" x14ac:dyDescent="0.15">
      <c r="AR31267" s="9" ph="1"/>
    </row>
    <row r="31268" spans="44:44" ht="15.75" customHeight="1" x14ac:dyDescent="0.15">
      <c r="AR31268" s="9" ph="1"/>
    </row>
    <row r="31269" spans="44:44" ht="15.75" customHeight="1" x14ac:dyDescent="0.15">
      <c r="AR31269" s="9" ph="1"/>
    </row>
    <row r="31270" spans="44:44" ht="15.75" customHeight="1" x14ac:dyDescent="0.15">
      <c r="AR31270" s="9" ph="1"/>
    </row>
    <row r="31277" spans="44:44" ht="15.75" customHeight="1" x14ac:dyDescent="0.15">
      <c r="AR31277" s="9" ph="1"/>
    </row>
    <row r="31278" spans="44:44" ht="15.75" customHeight="1" x14ac:dyDescent="0.15">
      <c r="AR31278" s="9" ph="1"/>
    </row>
    <row r="31279" spans="44:44" ht="15.75" customHeight="1" x14ac:dyDescent="0.15">
      <c r="AR31279" s="9" ph="1"/>
    </row>
    <row r="31280" spans="44:44" ht="15.75" customHeight="1" x14ac:dyDescent="0.15">
      <c r="AR31280" s="9" ph="1"/>
    </row>
    <row r="31281" spans="44:44" ht="15.75" customHeight="1" x14ac:dyDescent="0.15">
      <c r="AR31281" s="9" ph="1"/>
    </row>
    <row r="31282" spans="44:44" ht="15.75" customHeight="1" x14ac:dyDescent="0.15">
      <c r="AR31282" s="9" ph="1"/>
    </row>
    <row r="31283" spans="44:44" ht="15.75" customHeight="1" x14ac:dyDescent="0.15">
      <c r="AR31283" s="9" ph="1"/>
    </row>
    <row r="31284" spans="44:44" ht="15.75" customHeight="1" x14ac:dyDescent="0.15">
      <c r="AR31284" s="9" ph="1"/>
    </row>
    <row r="31286" spans="44:44" ht="15.75" customHeight="1" x14ac:dyDescent="0.15">
      <c r="AR31286" s="9" ph="1"/>
    </row>
    <row r="31287" spans="44:44" ht="15.75" customHeight="1" x14ac:dyDescent="0.15">
      <c r="AR31287" s="9" ph="1"/>
    </row>
    <row r="31288" spans="44:44" ht="15.75" customHeight="1" x14ac:dyDescent="0.15">
      <c r="AR31288" s="9" ph="1"/>
    </row>
    <row r="31290" spans="44:44" ht="15.75" customHeight="1" x14ac:dyDescent="0.15">
      <c r="AR31290" s="9" ph="1"/>
    </row>
    <row r="31291" spans="44:44" ht="15.75" customHeight="1" x14ac:dyDescent="0.15">
      <c r="AR31291" s="9" ph="1"/>
    </row>
    <row r="31292" spans="44:44" ht="15.75" customHeight="1" x14ac:dyDescent="0.15">
      <c r="AR31292" s="9" ph="1"/>
    </row>
    <row r="31293" spans="44:44" ht="15.75" customHeight="1" x14ac:dyDescent="0.15">
      <c r="AR31293" s="9" ph="1"/>
    </row>
    <row r="31294" spans="44:44" ht="15.75" customHeight="1" x14ac:dyDescent="0.15">
      <c r="AR31294" s="9" ph="1"/>
    </row>
    <row r="31295" spans="44:44" ht="15.75" customHeight="1" x14ac:dyDescent="0.15">
      <c r="AR31295" s="9" ph="1"/>
    </row>
    <row r="31296" spans="44:44" ht="15.75" customHeight="1" x14ac:dyDescent="0.15">
      <c r="AR31296" s="9" ph="1"/>
    </row>
    <row r="31297" spans="44:44" ht="15.75" customHeight="1" x14ac:dyDescent="0.15">
      <c r="AR31297" s="9" ph="1"/>
    </row>
    <row r="31298" spans="44:44" ht="15.75" customHeight="1" x14ac:dyDescent="0.15">
      <c r="AR31298" s="9" ph="1"/>
    </row>
    <row r="31299" spans="44:44" ht="15.75" customHeight="1" x14ac:dyDescent="0.15">
      <c r="AR31299" s="9" ph="1"/>
    </row>
    <row r="31300" spans="44:44" ht="15.75" customHeight="1" x14ac:dyDescent="0.15">
      <c r="AR31300" s="9" ph="1"/>
    </row>
    <row r="31301" spans="44:44" ht="15.75" customHeight="1" x14ac:dyDescent="0.15">
      <c r="AR31301" s="9" ph="1"/>
    </row>
    <row r="31302" spans="44:44" ht="15.75" customHeight="1" x14ac:dyDescent="0.15">
      <c r="AR31302" s="9" ph="1"/>
    </row>
    <row r="31304" spans="44:44" ht="15.75" customHeight="1" x14ac:dyDescent="0.15">
      <c r="AR31304" s="9" ph="1"/>
    </row>
    <row r="31305" spans="44:44" ht="15.75" customHeight="1" x14ac:dyDescent="0.15">
      <c r="AR31305" s="9" ph="1"/>
    </row>
    <row r="31306" spans="44:44" ht="15.75" customHeight="1" x14ac:dyDescent="0.15">
      <c r="AR31306" s="9" ph="1"/>
    </row>
    <row r="31308" spans="44:44" ht="15.75" customHeight="1" x14ac:dyDescent="0.15">
      <c r="AR31308" s="9" ph="1"/>
    </row>
    <row r="31309" spans="44:44" ht="15.75" customHeight="1" x14ac:dyDescent="0.15">
      <c r="AR31309" s="9" ph="1"/>
    </row>
    <row r="31310" spans="44:44" ht="15.75" customHeight="1" x14ac:dyDescent="0.15">
      <c r="AR31310" s="9" ph="1"/>
    </row>
    <row r="31311" spans="44:44" ht="15.75" customHeight="1" x14ac:dyDescent="0.15">
      <c r="AR31311" s="9" ph="1"/>
    </row>
    <row r="31312" spans="44:44" ht="15.75" customHeight="1" x14ac:dyDescent="0.15">
      <c r="AR31312" s="9" ph="1"/>
    </row>
    <row r="31313" spans="44:44" ht="15.75" customHeight="1" x14ac:dyDescent="0.15">
      <c r="AR31313" s="9" ph="1"/>
    </row>
    <row r="31315" spans="44:44" ht="15.75" customHeight="1" x14ac:dyDescent="0.15">
      <c r="AR31315" s="9" ph="1"/>
    </row>
    <row r="31316" spans="44:44" ht="15.75" customHeight="1" x14ac:dyDescent="0.15">
      <c r="AR31316" s="9" ph="1"/>
    </row>
    <row r="31317" spans="44:44" ht="15.75" customHeight="1" x14ac:dyDescent="0.15">
      <c r="AR31317" s="9" ph="1"/>
    </row>
    <row r="31318" spans="44:44" ht="15.75" customHeight="1" x14ac:dyDescent="0.15">
      <c r="AR31318" s="9" ph="1"/>
    </row>
    <row r="31319" spans="44:44" ht="15.75" customHeight="1" x14ac:dyDescent="0.15">
      <c r="AR31319" s="9" ph="1"/>
    </row>
    <row r="31320" spans="44:44" ht="15.75" customHeight="1" x14ac:dyDescent="0.15">
      <c r="AR31320" s="9" ph="1"/>
    </row>
    <row r="31321" spans="44:44" ht="15.75" customHeight="1" x14ac:dyDescent="0.15">
      <c r="AR31321" s="9" ph="1"/>
    </row>
    <row r="31322" spans="44:44" ht="15.75" customHeight="1" x14ac:dyDescent="0.15">
      <c r="AR31322" s="9" ph="1"/>
    </row>
    <row r="31323" spans="44:44" ht="15.75" customHeight="1" x14ac:dyDescent="0.15">
      <c r="AR31323" s="9" ph="1"/>
    </row>
    <row r="31324" spans="44:44" ht="15.75" customHeight="1" x14ac:dyDescent="0.15">
      <c r="AR31324" s="9" ph="1"/>
    </row>
    <row r="31325" spans="44:44" ht="15.75" customHeight="1" x14ac:dyDescent="0.15">
      <c r="AR31325" s="9" ph="1"/>
    </row>
    <row r="31326" spans="44:44" ht="15.75" customHeight="1" x14ac:dyDescent="0.15">
      <c r="AR31326" s="9" ph="1"/>
    </row>
    <row r="31327" spans="44:44" ht="15.75" customHeight="1" x14ac:dyDescent="0.15">
      <c r="AR31327" s="9" ph="1"/>
    </row>
    <row r="31329" spans="44:44" ht="15.75" customHeight="1" x14ac:dyDescent="0.15">
      <c r="AR31329" s="9" ph="1"/>
    </row>
    <row r="31330" spans="44:44" ht="15.75" customHeight="1" x14ac:dyDescent="0.15">
      <c r="AR31330" s="9" ph="1"/>
    </row>
    <row r="31331" spans="44:44" ht="15.75" customHeight="1" x14ac:dyDescent="0.15">
      <c r="AR31331" s="9" ph="1"/>
    </row>
    <row r="31333" spans="44:44" ht="15.75" customHeight="1" x14ac:dyDescent="0.15">
      <c r="AR31333" s="9" ph="1"/>
    </row>
    <row r="31334" spans="44:44" ht="15.75" customHeight="1" x14ac:dyDescent="0.15">
      <c r="AR31334" s="9" ph="1"/>
    </row>
    <row r="31335" spans="44:44" ht="15.75" customHeight="1" x14ac:dyDescent="0.15">
      <c r="AR31335" s="9" ph="1"/>
    </row>
    <row r="31336" spans="44:44" ht="15.75" customHeight="1" x14ac:dyDescent="0.15">
      <c r="AR31336" s="9" ph="1"/>
    </row>
    <row r="31337" spans="44:44" ht="15.75" customHeight="1" x14ac:dyDescent="0.15">
      <c r="AR31337" s="9" ph="1"/>
    </row>
    <row r="31338" spans="44:44" ht="15.75" customHeight="1" x14ac:dyDescent="0.15">
      <c r="AR31338" s="9" ph="1"/>
    </row>
    <row r="31339" spans="44:44" ht="15.75" customHeight="1" x14ac:dyDescent="0.15">
      <c r="AR31339" s="9" ph="1"/>
    </row>
    <row r="31340" spans="44:44" ht="15.75" customHeight="1" x14ac:dyDescent="0.15">
      <c r="AR31340" s="9" ph="1"/>
    </row>
    <row r="31341" spans="44:44" ht="15.75" customHeight="1" x14ac:dyDescent="0.15">
      <c r="AR31341" s="9" ph="1"/>
    </row>
    <row r="31342" spans="44:44" ht="15.75" customHeight="1" x14ac:dyDescent="0.15">
      <c r="AR31342" s="9" ph="1"/>
    </row>
    <row r="31343" spans="44:44" ht="15.75" customHeight="1" x14ac:dyDescent="0.15">
      <c r="AR31343" s="9" ph="1"/>
    </row>
    <row r="31344" spans="44:44" ht="15.75" customHeight="1" x14ac:dyDescent="0.15">
      <c r="AR31344" s="9" ph="1"/>
    </row>
    <row r="31345" spans="44:44" ht="15.75" customHeight="1" x14ac:dyDescent="0.15">
      <c r="AR31345" s="9" ph="1"/>
    </row>
    <row r="31346" spans="44:44" ht="15.75" customHeight="1" x14ac:dyDescent="0.15">
      <c r="AR31346" s="9" ph="1"/>
    </row>
    <row r="31347" spans="44:44" ht="15.75" customHeight="1" x14ac:dyDescent="0.15">
      <c r="AR31347" s="9" ph="1"/>
    </row>
    <row r="31348" spans="44:44" ht="15.75" customHeight="1" x14ac:dyDescent="0.15">
      <c r="AR31348" s="9" ph="1"/>
    </row>
    <row r="31350" spans="44:44" ht="15.75" customHeight="1" x14ac:dyDescent="0.15">
      <c r="AR31350" s="9" ph="1"/>
    </row>
    <row r="31351" spans="44:44" ht="15.75" customHeight="1" x14ac:dyDescent="0.15">
      <c r="AR31351" s="9" ph="1"/>
    </row>
    <row r="31352" spans="44:44" ht="15.75" customHeight="1" x14ac:dyDescent="0.15">
      <c r="AR31352" s="9" ph="1"/>
    </row>
    <row r="31354" spans="44:44" ht="15.75" customHeight="1" x14ac:dyDescent="0.15">
      <c r="AR31354" s="9" ph="1"/>
    </row>
    <row r="31355" spans="44:44" ht="15.75" customHeight="1" x14ac:dyDescent="0.15">
      <c r="AR31355" s="9" ph="1"/>
    </row>
    <row r="31356" spans="44:44" ht="15.75" customHeight="1" x14ac:dyDescent="0.15">
      <c r="AR31356" s="9" ph="1"/>
    </row>
    <row r="31357" spans="44:44" ht="15.75" customHeight="1" x14ac:dyDescent="0.15">
      <c r="AR31357" s="9" ph="1"/>
    </row>
    <row r="31358" spans="44:44" ht="15.75" customHeight="1" x14ac:dyDescent="0.15">
      <c r="AR31358" s="9" ph="1"/>
    </row>
    <row r="31359" spans="44:44" ht="15.75" customHeight="1" x14ac:dyDescent="0.15">
      <c r="AR31359" s="9" ph="1"/>
    </row>
    <row r="31360" spans="44:44" ht="15.75" customHeight="1" x14ac:dyDescent="0.15">
      <c r="AR31360" s="9" ph="1"/>
    </row>
    <row r="31361" spans="44:44" ht="15.75" customHeight="1" x14ac:dyDescent="0.15">
      <c r="AR31361" s="9" ph="1"/>
    </row>
    <row r="31363" spans="44:44" ht="15.75" customHeight="1" x14ac:dyDescent="0.15">
      <c r="AR31363" s="9" ph="1"/>
    </row>
    <row r="31364" spans="44:44" ht="15.75" customHeight="1" x14ac:dyDescent="0.15">
      <c r="AR31364" s="9" ph="1"/>
    </row>
    <row r="31365" spans="44:44" ht="15.75" customHeight="1" x14ac:dyDescent="0.15">
      <c r="AR31365" s="9" ph="1"/>
    </row>
    <row r="31366" spans="44:44" ht="15.75" customHeight="1" x14ac:dyDescent="0.15">
      <c r="AR31366" s="9" ph="1"/>
    </row>
    <row r="31367" spans="44:44" ht="15.75" customHeight="1" x14ac:dyDescent="0.15">
      <c r="AR31367" s="9" ph="1"/>
    </row>
    <row r="31368" spans="44:44" ht="15.75" customHeight="1" x14ac:dyDescent="0.15">
      <c r="AR31368" s="9" ph="1"/>
    </row>
    <row r="31369" spans="44:44" ht="15.75" customHeight="1" x14ac:dyDescent="0.15">
      <c r="AR31369" s="9" ph="1"/>
    </row>
    <row r="31370" spans="44:44" ht="15.75" customHeight="1" x14ac:dyDescent="0.15">
      <c r="AR31370" s="9" ph="1"/>
    </row>
    <row r="31372" spans="44:44" ht="15.75" customHeight="1" x14ac:dyDescent="0.15">
      <c r="AR31372" s="9" ph="1"/>
    </row>
    <row r="31373" spans="44:44" ht="15.75" customHeight="1" x14ac:dyDescent="0.15">
      <c r="AR31373" s="9" ph="1"/>
    </row>
    <row r="31374" spans="44:44" ht="15.75" customHeight="1" x14ac:dyDescent="0.15">
      <c r="AR31374" s="9" ph="1"/>
    </row>
    <row r="31375" spans="44:44" ht="15.75" customHeight="1" x14ac:dyDescent="0.15">
      <c r="AR31375" s="9" ph="1"/>
    </row>
    <row r="31376" spans="44:44" ht="15.75" customHeight="1" x14ac:dyDescent="0.15">
      <c r="AR31376" s="9" ph="1"/>
    </row>
    <row r="31377" spans="44:44" ht="15.75" customHeight="1" x14ac:dyDescent="0.15">
      <c r="AR31377" s="9" ph="1"/>
    </row>
    <row r="31379" spans="44:44" ht="15.75" customHeight="1" x14ac:dyDescent="0.15">
      <c r="AR31379" s="9" ph="1"/>
    </row>
    <row r="31380" spans="44:44" ht="15.75" customHeight="1" x14ac:dyDescent="0.15">
      <c r="AR31380" s="9" ph="1"/>
    </row>
    <row r="31381" spans="44:44" ht="15.75" customHeight="1" x14ac:dyDescent="0.15">
      <c r="AR31381" s="9" ph="1"/>
    </row>
    <row r="31382" spans="44:44" ht="15.75" customHeight="1" x14ac:dyDescent="0.15">
      <c r="AR31382" s="9" ph="1"/>
    </row>
    <row r="31383" spans="44:44" ht="15.75" customHeight="1" x14ac:dyDescent="0.15">
      <c r="AR31383" s="9" ph="1"/>
    </row>
    <row r="31384" spans="44:44" ht="15.75" customHeight="1" x14ac:dyDescent="0.15">
      <c r="AR31384" s="9" ph="1"/>
    </row>
    <row r="31385" spans="44:44" ht="15.75" customHeight="1" x14ac:dyDescent="0.15">
      <c r="AR31385" s="9" ph="1"/>
    </row>
    <row r="31386" spans="44:44" ht="15.75" customHeight="1" x14ac:dyDescent="0.15">
      <c r="AR31386" s="9" ph="1"/>
    </row>
    <row r="31387" spans="44:44" ht="15.75" customHeight="1" x14ac:dyDescent="0.15">
      <c r="AR31387" s="9" ph="1"/>
    </row>
    <row r="31388" spans="44:44" ht="15.75" customHeight="1" x14ac:dyDescent="0.15">
      <c r="AR31388" s="9" ph="1"/>
    </row>
    <row r="31389" spans="44:44" ht="15.75" customHeight="1" x14ac:dyDescent="0.15">
      <c r="AR31389" s="9" ph="1"/>
    </row>
    <row r="31396" spans="44:44" ht="15.75" customHeight="1" x14ac:dyDescent="0.15">
      <c r="AR31396" s="9" ph="1"/>
    </row>
    <row r="31397" spans="44:44" ht="15.75" customHeight="1" x14ac:dyDescent="0.15">
      <c r="AR31397" s="9" ph="1"/>
    </row>
    <row r="31399" spans="44:44" ht="15.75" customHeight="1" x14ac:dyDescent="0.15">
      <c r="AR31399" s="9" ph="1"/>
    </row>
    <row r="31406" spans="44:44" ht="15.75" customHeight="1" x14ac:dyDescent="0.15">
      <c r="AR31406" s="9" ph="1"/>
    </row>
    <row r="31417" spans="44:44" ht="15.75" customHeight="1" x14ac:dyDescent="0.15">
      <c r="AR31417" s="9" ph="1"/>
    </row>
    <row r="31424" spans="44:44" ht="15.75" customHeight="1" x14ac:dyDescent="0.15">
      <c r="AR31424" s="9" ph="1"/>
    </row>
    <row r="31428" spans="44:44" ht="15.75" customHeight="1" x14ac:dyDescent="0.15">
      <c r="AR31428" s="9" ph="1"/>
    </row>
    <row r="31435" spans="44:44" ht="15.75" customHeight="1" x14ac:dyDescent="0.15">
      <c r="AR31435" s="9" ph="1"/>
    </row>
    <row r="31442" spans="44:44" ht="15.75" customHeight="1" x14ac:dyDescent="0.15">
      <c r="AR31442" s="9" ph="1"/>
    </row>
    <row r="31449" spans="44:44" ht="15.75" customHeight="1" x14ac:dyDescent="0.15">
      <c r="AR31449" s="9" ph="1"/>
    </row>
    <row r="31450" spans="44:44" ht="15.75" customHeight="1" x14ac:dyDescent="0.15">
      <c r="AR31450" s="9" ph="1"/>
    </row>
    <row r="31452" spans="44:44" ht="15.75" customHeight="1" x14ac:dyDescent="0.15">
      <c r="AR31452" s="9" ph="1"/>
    </row>
    <row r="31459" spans="44:44" ht="15.75" customHeight="1" x14ac:dyDescent="0.15">
      <c r="AR31459" s="9" ph="1"/>
    </row>
    <row r="31470" spans="44:44" ht="15.75" customHeight="1" x14ac:dyDescent="0.15">
      <c r="AR31470" s="9" ph="1"/>
    </row>
    <row r="31477" spans="44:44" ht="15.75" customHeight="1" x14ac:dyDescent="0.15">
      <c r="AR31477" s="9" ph="1"/>
    </row>
    <row r="31478" spans="44:44" ht="15.75" customHeight="1" x14ac:dyDescent="0.15">
      <c r="AR31478" s="9" ph="1"/>
    </row>
    <row r="31479" spans="44:44" ht="15.75" customHeight="1" x14ac:dyDescent="0.15">
      <c r="AR31479" s="9" ph="1"/>
    </row>
    <row r="31480" spans="44:44" ht="15.75" customHeight="1" x14ac:dyDescent="0.15">
      <c r="AR31480" s="9" ph="1"/>
    </row>
    <row r="31481" spans="44:44" ht="15.75" customHeight="1" x14ac:dyDescent="0.15">
      <c r="AR31481" s="9" ph="1"/>
    </row>
    <row r="31482" spans="44:44" ht="15.75" customHeight="1" x14ac:dyDescent="0.15">
      <c r="AR31482" s="9" ph="1"/>
    </row>
    <row r="31483" spans="44:44" ht="15.75" customHeight="1" x14ac:dyDescent="0.15">
      <c r="AR31483" s="9" ph="1"/>
    </row>
    <row r="31484" spans="44:44" ht="15.75" customHeight="1" x14ac:dyDescent="0.15">
      <c r="AR31484" s="9" ph="1"/>
    </row>
    <row r="31486" spans="44:44" ht="15.75" customHeight="1" x14ac:dyDescent="0.15">
      <c r="AR31486" s="9" ph="1"/>
    </row>
    <row r="31493" spans="44:44" ht="15.75" customHeight="1" x14ac:dyDescent="0.15">
      <c r="AR31493" s="9" ph="1"/>
    </row>
    <row r="31497" spans="44:44" ht="15.75" customHeight="1" x14ac:dyDescent="0.15">
      <c r="AR31497" s="9" ph="1"/>
    </row>
    <row r="31504" spans="44:44" ht="15.75" customHeight="1" x14ac:dyDescent="0.15">
      <c r="AR31504" s="9" ph="1"/>
    </row>
    <row r="31511" spans="44:44" ht="15.75" customHeight="1" x14ac:dyDescent="0.15">
      <c r="AR31511" s="9" ph="1"/>
    </row>
    <row r="31518" spans="44:44" ht="15.75" customHeight="1" x14ac:dyDescent="0.15">
      <c r="AR31518" s="9" ph="1"/>
    </row>
    <row r="31519" spans="44:44" ht="15.75" customHeight="1" x14ac:dyDescent="0.15">
      <c r="AR31519" s="9" ph="1"/>
    </row>
    <row r="31521" spans="44:44" ht="15.75" customHeight="1" x14ac:dyDescent="0.15">
      <c r="AR31521" s="9" ph="1"/>
    </row>
    <row r="31528" spans="44:44" ht="15.75" customHeight="1" x14ac:dyDescent="0.15">
      <c r="AR31528" s="9" ph="1"/>
    </row>
    <row r="31539" spans="44:44" ht="15.75" customHeight="1" x14ac:dyDescent="0.15">
      <c r="AR31539" s="9" ph="1"/>
    </row>
    <row r="31546" spans="44:44" ht="15.75" customHeight="1" x14ac:dyDescent="0.15">
      <c r="AR31546" s="9" ph="1"/>
    </row>
    <row r="31547" spans="44:44" ht="15.75" customHeight="1" x14ac:dyDescent="0.15">
      <c r="AR31547" s="9" ph="1"/>
    </row>
    <row r="31548" spans="44:44" ht="15.75" customHeight="1" x14ac:dyDescent="0.15">
      <c r="AR31548" s="9" ph="1"/>
    </row>
    <row r="31549" spans="44:44" ht="15.75" customHeight="1" x14ac:dyDescent="0.15">
      <c r="AR31549" s="9" ph="1"/>
    </row>
    <row r="31550" spans="44:44" ht="15.75" customHeight="1" x14ac:dyDescent="0.15">
      <c r="AR31550" s="9" ph="1"/>
    </row>
    <row r="31551" spans="44:44" ht="15.75" customHeight="1" x14ac:dyDescent="0.15">
      <c r="AR31551" s="9" ph="1"/>
    </row>
    <row r="31552" spans="44:44" ht="15.75" customHeight="1" x14ac:dyDescent="0.15">
      <c r="AR31552" s="9" ph="1"/>
    </row>
    <row r="31553" spans="44:44" ht="15.75" customHeight="1" x14ac:dyDescent="0.15">
      <c r="AR31553" s="9" ph="1"/>
    </row>
    <row r="31555" spans="44:44" ht="15.75" customHeight="1" x14ac:dyDescent="0.15">
      <c r="AR31555" s="9" ph="1"/>
    </row>
    <row r="31556" spans="44:44" ht="15.75" customHeight="1" x14ac:dyDescent="0.15">
      <c r="AR31556" s="9" ph="1"/>
    </row>
    <row r="31557" spans="44:44" ht="15.75" customHeight="1" x14ac:dyDescent="0.15">
      <c r="AR31557" s="9" ph="1"/>
    </row>
    <row r="31558" spans="44:44" ht="15.75" customHeight="1" x14ac:dyDescent="0.15">
      <c r="AR31558" s="9" ph="1"/>
    </row>
    <row r="31565" spans="44:44" ht="15.75" customHeight="1" x14ac:dyDescent="0.15">
      <c r="AR31565" s="9" ph="1"/>
    </row>
    <row r="31566" spans="44:44" ht="15.75" customHeight="1" x14ac:dyDescent="0.15">
      <c r="AR31566" s="9" ph="1"/>
    </row>
    <row r="31567" spans="44:44" ht="15.75" customHeight="1" x14ac:dyDescent="0.15">
      <c r="AR31567" s="9" ph="1"/>
    </row>
    <row r="31568" spans="44:44" ht="15.75" customHeight="1" x14ac:dyDescent="0.15">
      <c r="AR31568" s="9" ph="1"/>
    </row>
    <row r="31569" spans="44:44" ht="15.75" customHeight="1" x14ac:dyDescent="0.15">
      <c r="AR31569" s="9" ph="1"/>
    </row>
    <row r="31570" spans="44:44" ht="15.75" customHeight="1" x14ac:dyDescent="0.15">
      <c r="AR31570" s="9" ph="1"/>
    </row>
    <row r="31571" spans="44:44" ht="15.75" customHeight="1" x14ac:dyDescent="0.15">
      <c r="AR31571" s="9" ph="1"/>
    </row>
    <row r="31572" spans="44:44" ht="15.75" customHeight="1" x14ac:dyDescent="0.15">
      <c r="AR31572" s="9" ph="1"/>
    </row>
    <row r="31574" spans="44:44" ht="15.75" customHeight="1" x14ac:dyDescent="0.15">
      <c r="AR31574" s="9" ph="1"/>
    </row>
    <row r="31575" spans="44:44" ht="15.75" customHeight="1" x14ac:dyDescent="0.15">
      <c r="AR31575" s="9" ph="1"/>
    </row>
    <row r="31576" spans="44:44" ht="15.75" customHeight="1" x14ac:dyDescent="0.15">
      <c r="AR31576" s="9" ph="1"/>
    </row>
    <row r="31578" spans="44:44" ht="15.75" customHeight="1" x14ac:dyDescent="0.15">
      <c r="AR31578" s="9" ph="1"/>
    </row>
    <row r="31579" spans="44:44" ht="15.75" customHeight="1" x14ac:dyDescent="0.15">
      <c r="AR31579" s="9" ph="1"/>
    </row>
    <row r="31580" spans="44:44" ht="15.75" customHeight="1" x14ac:dyDescent="0.15">
      <c r="AR31580" s="9" ph="1"/>
    </row>
    <row r="31581" spans="44:44" ht="15.75" customHeight="1" x14ac:dyDescent="0.15">
      <c r="AR31581" s="9" ph="1"/>
    </row>
    <row r="31582" spans="44:44" ht="15.75" customHeight="1" x14ac:dyDescent="0.15">
      <c r="AR31582" s="9" ph="1"/>
    </row>
    <row r="31583" spans="44:44" ht="15.75" customHeight="1" x14ac:dyDescent="0.15">
      <c r="AR31583" s="9" ph="1"/>
    </row>
    <row r="31584" spans="44:44" ht="15.75" customHeight="1" x14ac:dyDescent="0.15">
      <c r="AR31584" s="9" ph="1"/>
    </row>
    <row r="31585" spans="44:44" ht="15.75" customHeight="1" x14ac:dyDescent="0.15">
      <c r="AR31585" s="9" ph="1"/>
    </row>
    <row r="31586" spans="44:44" ht="15.75" customHeight="1" x14ac:dyDescent="0.15">
      <c r="AR31586" s="9" ph="1"/>
    </row>
    <row r="31587" spans="44:44" ht="15.75" customHeight="1" x14ac:dyDescent="0.15">
      <c r="AR31587" s="9" ph="1"/>
    </row>
    <row r="31588" spans="44:44" ht="15.75" customHeight="1" x14ac:dyDescent="0.15">
      <c r="AR31588" s="9" ph="1"/>
    </row>
    <row r="31589" spans="44:44" ht="15.75" customHeight="1" x14ac:dyDescent="0.15">
      <c r="AR31589" s="9" ph="1"/>
    </row>
    <row r="31590" spans="44:44" ht="15.75" customHeight="1" x14ac:dyDescent="0.15">
      <c r="AR31590" s="9" ph="1"/>
    </row>
    <row r="31592" spans="44:44" ht="15.75" customHeight="1" x14ac:dyDescent="0.15">
      <c r="AR31592" s="9" ph="1"/>
    </row>
    <row r="31593" spans="44:44" ht="15.75" customHeight="1" x14ac:dyDescent="0.15">
      <c r="AR31593" s="9" ph="1"/>
    </row>
    <row r="31594" spans="44:44" ht="15.75" customHeight="1" x14ac:dyDescent="0.15">
      <c r="AR31594" s="9" ph="1"/>
    </row>
    <row r="31596" spans="44:44" ht="15.75" customHeight="1" x14ac:dyDescent="0.15">
      <c r="AR31596" s="9" ph="1"/>
    </row>
    <row r="31597" spans="44:44" ht="15.75" customHeight="1" x14ac:dyDescent="0.15">
      <c r="AR31597" s="9" ph="1"/>
    </row>
    <row r="31598" spans="44:44" ht="15.75" customHeight="1" x14ac:dyDescent="0.15">
      <c r="AR31598" s="9" ph="1"/>
    </row>
    <row r="31599" spans="44:44" ht="15.75" customHeight="1" x14ac:dyDescent="0.15">
      <c r="AR31599" s="9" ph="1"/>
    </row>
    <row r="31600" spans="44:44" ht="15.75" customHeight="1" x14ac:dyDescent="0.15">
      <c r="AR31600" s="9" ph="1"/>
    </row>
    <row r="31601" spans="44:44" ht="15.75" customHeight="1" x14ac:dyDescent="0.15">
      <c r="AR31601" s="9" ph="1"/>
    </row>
    <row r="31603" spans="44:44" ht="15.75" customHeight="1" x14ac:dyDescent="0.15">
      <c r="AR31603" s="9" ph="1"/>
    </row>
    <row r="31604" spans="44:44" ht="15.75" customHeight="1" x14ac:dyDescent="0.15">
      <c r="AR31604" s="9" ph="1"/>
    </row>
    <row r="31605" spans="44:44" ht="15.75" customHeight="1" x14ac:dyDescent="0.15">
      <c r="AR31605" s="9" ph="1"/>
    </row>
    <row r="31606" spans="44:44" ht="15.75" customHeight="1" x14ac:dyDescent="0.15">
      <c r="AR31606" s="9" ph="1"/>
    </row>
    <row r="31607" spans="44:44" ht="15.75" customHeight="1" x14ac:dyDescent="0.15">
      <c r="AR31607" s="9" ph="1"/>
    </row>
    <row r="31608" spans="44:44" ht="15.75" customHeight="1" x14ac:dyDescent="0.15">
      <c r="AR31608" s="9" ph="1"/>
    </row>
    <row r="31609" spans="44:44" ht="15.75" customHeight="1" x14ac:dyDescent="0.15">
      <c r="AR31609" s="9" ph="1"/>
    </row>
    <row r="31610" spans="44:44" ht="15.75" customHeight="1" x14ac:dyDescent="0.15">
      <c r="AR31610" s="9" ph="1"/>
    </row>
    <row r="31611" spans="44:44" ht="15.75" customHeight="1" x14ac:dyDescent="0.15">
      <c r="AR31611" s="9" ph="1"/>
    </row>
    <row r="31612" spans="44:44" ht="15.75" customHeight="1" x14ac:dyDescent="0.15">
      <c r="AR31612" s="9" ph="1"/>
    </row>
    <row r="31613" spans="44:44" ht="15.75" customHeight="1" x14ac:dyDescent="0.15">
      <c r="AR31613" s="9" ph="1"/>
    </row>
    <row r="31614" spans="44:44" ht="15.75" customHeight="1" x14ac:dyDescent="0.15">
      <c r="AR31614" s="9" ph="1"/>
    </row>
    <row r="31615" spans="44:44" ht="15.75" customHeight="1" x14ac:dyDescent="0.15">
      <c r="AR31615" s="9" ph="1"/>
    </row>
    <row r="31617" spans="44:44" ht="15.75" customHeight="1" x14ac:dyDescent="0.15">
      <c r="AR31617" s="9" ph="1"/>
    </row>
    <row r="31618" spans="44:44" ht="15.75" customHeight="1" x14ac:dyDescent="0.15">
      <c r="AR31618" s="9" ph="1"/>
    </row>
    <row r="31619" spans="44:44" ht="15.75" customHeight="1" x14ac:dyDescent="0.15">
      <c r="AR31619" s="9" ph="1"/>
    </row>
    <row r="31621" spans="44:44" ht="15.75" customHeight="1" x14ac:dyDescent="0.15">
      <c r="AR31621" s="9" ph="1"/>
    </row>
    <row r="31622" spans="44:44" ht="15.75" customHeight="1" x14ac:dyDescent="0.15">
      <c r="AR31622" s="9" ph="1"/>
    </row>
    <row r="31623" spans="44:44" ht="15.75" customHeight="1" x14ac:dyDescent="0.15">
      <c r="AR31623" s="9" ph="1"/>
    </row>
    <row r="31624" spans="44:44" ht="15.75" customHeight="1" x14ac:dyDescent="0.15">
      <c r="AR31624" s="9" ph="1"/>
    </row>
    <row r="31625" spans="44:44" ht="15.75" customHeight="1" x14ac:dyDescent="0.15">
      <c r="AR31625" s="9" ph="1"/>
    </row>
    <row r="31626" spans="44:44" ht="15.75" customHeight="1" x14ac:dyDescent="0.15">
      <c r="AR31626" s="9" ph="1"/>
    </row>
    <row r="31627" spans="44:44" ht="15.75" customHeight="1" x14ac:dyDescent="0.15">
      <c r="AR31627" s="9" ph="1"/>
    </row>
    <row r="31628" spans="44:44" ht="15.75" customHeight="1" x14ac:dyDescent="0.15">
      <c r="AR31628" s="9" ph="1"/>
    </row>
    <row r="31629" spans="44:44" ht="15.75" customHeight="1" x14ac:dyDescent="0.15">
      <c r="AR31629" s="9" ph="1"/>
    </row>
    <row r="31630" spans="44:44" ht="15.75" customHeight="1" x14ac:dyDescent="0.15">
      <c r="AR31630" s="9" ph="1"/>
    </row>
    <row r="31631" spans="44:44" ht="15.75" customHeight="1" x14ac:dyDescent="0.15">
      <c r="AR31631" s="9" ph="1"/>
    </row>
    <row r="31632" spans="44:44" ht="15.75" customHeight="1" x14ac:dyDescent="0.15">
      <c r="AR31632" s="9" ph="1"/>
    </row>
    <row r="31633" spans="44:44" ht="15.75" customHeight="1" x14ac:dyDescent="0.15">
      <c r="AR31633" s="9" ph="1"/>
    </row>
    <row r="31634" spans="44:44" ht="15.75" customHeight="1" x14ac:dyDescent="0.15">
      <c r="AR31634" s="9" ph="1"/>
    </row>
    <row r="31635" spans="44:44" ht="15.75" customHeight="1" x14ac:dyDescent="0.15">
      <c r="AR31635" s="9" ph="1"/>
    </row>
    <row r="31636" spans="44:44" ht="15.75" customHeight="1" x14ac:dyDescent="0.15">
      <c r="AR31636" s="9" ph="1"/>
    </row>
    <row r="31638" spans="44:44" ht="15.75" customHeight="1" x14ac:dyDescent="0.15">
      <c r="AR31638" s="9" ph="1"/>
    </row>
    <row r="31639" spans="44:44" ht="15.75" customHeight="1" x14ac:dyDescent="0.15">
      <c r="AR31639" s="9" ph="1"/>
    </row>
    <row r="31640" spans="44:44" ht="15.75" customHeight="1" x14ac:dyDescent="0.15">
      <c r="AR31640" s="9" ph="1"/>
    </row>
    <row r="31642" spans="44:44" ht="15.75" customHeight="1" x14ac:dyDescent="0.15">
      <c r="AR31642" s="9" ph="1"/>
    </row>
    <row r="31643" spans="44:44" ht="15.75" customHeight="1" x14ac:dyDescent="0.15">
      <c r="AR31643" s="9" ph="1"/>
    </row>
    <row r="31644" spans="44:44" ht="15.75" customHeight="1" x14ac:dyDescent="0.15">
      <c r="AR31644" s="9" ph="1"/>
    </row>
    <row r="31645" spans="44:44" ht="15.75" customHeight="1" x14ac:dyDescent="0.15">
      <c r="AR31645" s="9" ph="1"/>
    </row>
    <row r="31646" spans="44:44" ht="15.75" customHeight="1" x14ac:dyDescent="0.15">
      <c r="AR31646" s="9" ph="1"/>
    </row>
    <row r="31647" spans="44:44" ht="15.75" customHeight="1" x14ac:dyDescent="0.15">
      <c r="AR31647" s="9" ph="1"/>
    </row>
    <row r="31648" spans="44:44" ht="15.75" customHeight="1" x14ac:dyDescent="0.15">
      <c r="AR31648" s="9" ph="1"/>
    </row>
    <row r="31649" spans="44:44" ht="15.75" customHeight="1" x14ac:dyDescent="0.15">
      <c r="AR31649" s="9" ph="1"/>
    </row>
    <row r="31651" spans="44:44" ht="15.75" customHeight="1" x14ac:dyDescent="0.15">
      <c r="AR31651" s="9" ph="1"/>
    </row>
    <row r="31652" spans="44:44" ht="15.75" customHeight="1" x14ac:dyDescent="0.15">
      <c r="AR31652" s="9" ph="1"/>
    </row>
    <row r="31653" spans="44:44" ht="15.75" customHeight="1" x14ac:dyDescent="0.15">
      <c r="AR31653" s="9" ph="1"/>
    </row>
    <row r="31654" spans="44:44" ht="15.75" customHeight="1" x14ac:dyDescent="0.15">
      <c r="AR31654" s="9" ph="1"/>
    </row>
    <row r="31655" spans="44:44" ht="15.75" customHeight="1" x14ac:dyDescent="0.15">
      <c r="AR31655" s="9" ph="1"/>
    </row>
    <row r="31656" spans="44:44" ht="15.75" customHeight="1" x14ac:dyDescent="0.15">
      <c r="AR31656" s="9" ph="1"/>
    </row>
    <row r="31657" spans="44:44" ht="15.75" customHeight="1" x14ac:dyDescent="0.15">
      <c r="AR31657" s="9" ph="1"/>
    </row>
    <row r="31658" spans="44:44" ht="15.75" customHeight="1" x14ac:dyDescent="0.15">
      <c r="AR31658" s="9" ph="1"/>
    </row>
    <row r="31660" spans="44:44" ht="15.75" customHeight="1" x14ac:dyDescent="0.15">
      <c r="AR31660" s="9" ph="1"/>
    </row>
    <row r="31661" spans="44:44" ht="15.75" customHeight="1" x14ac:dyDescent="0.15">
      <c r="AR31661" s="9" ph="1"/>
    </row>
    <row r="31662" spans="44:44" ht="15.75" customHeight="1" x14ac:dyDescent="0.15">
      <c r="AR31662" s="9" ph="1"/>
    </row>
    <row r="31663" spans="44:44" ht="15.75" customHeight="1" x14ac:dyDescent="0.15">
      <c r="AR31663" s="9" ph="1"/>
    </row>
    <row r="31664" spans="44:44" ht="15.75" customHeight="1" x14ac:dyDescent="0.15">
      <c r="AR31664" s="9" ph="1"/>
    </row>
    <row r="31665" spans="44:44" ht="15.75" customHeight="1" x14ac:dyDescent="0.15">
      <c r="AR31665" s="9" ph="1"/>
    </row>
    <row r="31667" spans="44:44" ht="15.75" customHeight="1" x14ac:dyDescent="0.15">
      <c r="AR31667" s="9" ph="1"/>
    </row>
    <row r="31668" spans="44:44" ht="15.75" customHeight="1" x14ac:dyDescent="0.15">
      <c r="AR31668" s="9" ph="1"/>
    </row>
    <row r="31669" spans="44:44" ht="15.75" customHeight="1" x14ac:dyDescent="0.15">
      <c r="AR31669" s="9" ph="1"/>
    </row>
    <row r="31670" spans="44:44" ht="15.75" customHeight="1" x14ac:dyDescent="0.15">
      <c r="AR31670" s="9" ph="1"/>
    </row>
    <row r="31671" spans="44:44" ht="15.75" customHeight="1" x14ac:dyDescent="0.15">
      <c r="AR31671" s="9" ph="1"/>
    </row>
    <row r="31672" spans="44:44" ht="15.75" customHeight="1" x14ac:dyDescent="0.15">
      <c r="AR31672" s="9" ph="1"/>
    </row>
    <row r="31673" spans="44:44" ht="15.75" customHeight="1" x14ac:dyDescent="0.15">
      <c r="AR31673" s="9" ph="1"/>
    </row>
    <row r="31674" spans="44:44" ht="15.75" customHeight="1" x14ac:dyDescent="0.15">
      <c r="AR31674" s="9" ph="1"/>
    </row>
    <row r="31675" spans="44:44" ht="15.75" customHeight="1" x14ac:dyDescent="0.15">
      <c r="AR31675" s="9" ph="1"/>
    </row>
    <row r="31676" spans="44:44" ht="15.75" customHeight="1" x14ac:dyDescent="0.15">
      <c r="AR31676" s="9" ph="1"/>
    </row>
    <row r="31678" spans="44:44" ht="15.75" customHeight="1" x14ac:dyDescent="0.15">
      <c r="AR31678" s="9" ph="1"/>
    </row>
    <row r="31679" spans="44:44" ht="15.75" customHeight="1" x14ac:dyDescent="0.15">
      <c r="AR31679" s="9" ph="1"/>
    </row>
    <row r="31680" spans="44:44" ht="15.75" customHeight="1" x14ac:dyDescent="0.15">
      <c r="AR31680" s="9" ph="1"/>
    </row>
    <row r="31681" spans="44:44" ht="15.75" customHeight="1" x14ac:dyDescent="0.15">
      <c r="AR31681" s="9" ph="1"/>
    </row>
    <row r="31682" spans="44:44" ht="15.75" customHeight="1" x14ac:dyDescent="0.15">
      <c r="AR31682" s="9" ph="1"/>
    </row>
    <row r="31683" spans="44:44" ht="15.75" customHeight="1" x14ac:dyDescent="0.15">
      <c r="AR31683" s="9" ph="1"/>
    </row>
    <row r="31684" spans="44:44" ht="15.75" customHeight="1" x14ac:dyDescent="0.15">
      <c r="AR31684" s="9" ph="1"/>
    </row>
    <row r="31685" spans="44:44" ht="15.75" customHeight="1" x14ac:dyDescent="0.15">
      <c r="AR31685" s="9" ph="1"/>
    </row>
    <row r="31687" spans="44:44" ht="15.75" customHeight="1" x14ac:dyDescent="0.15">
      <c r="AR31687" s="9" ph="1"/>
    </row>
    <row r="31688" spans="44:44" ht="15.75" customHeight="1" x14ac:dyDescent="0.15">
      <c r="AR31688" s="9" ph="1"/>
    </row>
    <row r="31689" spans="44:44" ht="15.75" customHeight="1" x14ac:dyDescent="0.15">
      <c r="AR31689" s="9" ph="1"/>
    </row>
    <row r="31690" spans="44:44" ht="15.75" customHeight="1" x14ac:dyDescent="0.15">
      <c r="AR31690" s="9" ph="1"/>
    </row>
    <row r="31691" spans="44:44" ht="15.75" customHeight="1" x14ac:dyDescent="0.15">
      <c r="AR31691" s="9" ph="1"/>
    </row>
    <row r="31692" spans="44:44" ht="15.75" customHeight="1" x14ac:dyDescent="0.15">
      <c r="AR31692" s="9" ph="1"/>
    </row>
    <row r="31694" spans="44:44" ht="15.75" customHeight="1" x14ac:dyDescent="0.15">
      <c r="AR31694" s="9" ph="1"/>
    </row>
    <row r="31695" spans="44:44" ht="15.75" customHeight="1" x14ac:dyDescent="0.15">
      <c r="AR31695" s="9" ph="1"/>
    </row>
    <row r="31696" spans="44:44" ht="15.75" customHeight="1" x14ac:dyDescent="0.15">
      <c r="AR31696" s="9" ph="1"/>
    </row>
    <row r="31697" spans="44:44" ht="15.75" customHeight="1" x14ac:dyDescent="0.15">
      <c r="AR31697" s="9" ph="1"/>
    </row>
    <row r="31698" spans="44:44" ht="15.75" customHeight="1" x14ac:dyDescent="0.15">
      <c r="AR31698" s="9" ph="1"/>
    </row>
    <row r="31699" spans="44:44" ht="15.75" customHeight="1" x14ac:dyDescent="0.15">
      <c r="AR31699" s="9" ph="1"/>
    </row>
    <row r="31700" spans="44:44" ht="15.75" customHeight="1" x14ac:dyDescent="0.15">
      <c r="AR31700" s="9" ph="1"/>
    </row>
    <row r="31701" spans="44:44" ht="15.75" customHeight="1" x14ac:dyDescent="0.15">
      <c r="AR31701" s="9" ph="1"/>
    </row>
    <row r="31702" spans="44:44" ht="15.75" customHeight="1" x14ac:dyDescent="0.15">
      <c r="AR31702" s="9" ph="1"/>
    </row>
    <row r="31703" spans="44:44" ht="15.75" customHeight="1" x14ac:dyDescent="0.15">
      <c r="AR31703" s="9" ph="1"/>
    </row>
    <row r="31704" spans="44:44" ht="15.75" customHeight="1" x14ac:dyDescent="0.15">
      <c r="AR31704" s="9" ph="1"/>
    </row>
    <row r="31711" spans="44:44" ht="15.75" customHeight="1" x14ac:dyDescent="0.15">
      <c r="AR31711" s="9" ph="1"/>
    </row>
    <row r="31712" spans="44:44" ht="15.75" customHeight="1" x14ac:dyDescent="0.15">
      <c r="AR31712" s="9" ph="1"/>
    </row>
    <row r="31714" spans="44:44" ht="15.75" customHeight="1" x14ac:dyDescent="0.15">
      <c r="AR31714" s="9" ph="1"/>
    </row>
    <row r="31721" spans="44:44" ht="15.75" customHeight="1" x14ac:dyDescent="0.15">
      <c r="AR31721" s="9" ph="1"/>
    </row>
    <row r="31732" spans="44:44" ht="15.75" customHeight="1" x14ac:dyDescent="0.15">
      <c r="AR31732" s="9" ph="1"/>
    </row>
    <row r="31739" spans="44:44" ht="15.75" customHeight="1" x14ac:dyDescent="0.15">
      <c r="AR31739" s="9" ph="1"/>
    </row>
    <row r="31743" spans="44:44" ht="15.75" customHeight="1" x14ac:dyDescent="0.15">
      <c r="AR31743" s="9" ph="1"/>
    </row>
    <row r="31750" spans="44:44" ht="15.75" customHeight="1" x14ac:dyDescent="0.15">
      <c r="AR31750" s="9" ph="1"/>
    </row>
    <row r="31757" spans="44:44" ht="15.75" customHeight="1" x14ac:dyDescent="0.15">
      <c r="AR31757" s="9" ph="1"/>
    </row>
    <row r="31764" spans="44:44" ht="15.75" customHeight="1" x14ac:dyDescent="0.15">
      <c r="AR31764" s="9" ph="1"/>
    </row>
    <row r="31765" spans="44:44" ht="15.75" customHeight="1" x14ac:dyDescent="0.15">
      <c r="AR31765" s="9" ph="1"/>
    </row>
    <row r="31767" spans="44:44" ht="15.75" customHeight="1" x14ac:dyDescent="0.15">
      <c r="AR31767" s="9" ph="1"/>
    </row>
    <row r="31774" spans="44:44" ht="15.75" customHeight="1" x14ac:dyDescent="0.15">
      <c r="AR31774" s="9" ph="1"/>
    </row>
    <row r="31785" spans="44:44" ht="15.75" customHeight="1" x14ac:dyDescent="0.15">
      <c r="AR31785" s="9" ph="1"/>
    </row>
    <row r="31792" spans="44:44" ht="15.75" customHeight="1" x14ac:dyDescent="0.15">
      <c r="AR31792" s="9" ph="1"/>
    </row>
    <row r="31793" spans="44:44" ht="15.75" customHeight="1" x14ac:dyDescent="0.15">
      <c r="AR31793" s="9" ph="1"/>
    </row>
    <row r="31794" spans="44:44" ht="15.75" customHeight="1" x14ac:dyDescent="0.15">
      <c r="AR31794" s="9" ph="1"/>
    </row>
    <row r="31795" spans="44:44" ht="15.75" customHeight="1" x14ac:dyDescent="0.15">
      <c r="AR31795" s="9" ph="1"/>
    </row>
    <row r="31796" spans="44:44" ht="15.75" customHeight="1" x14ac:dyDescent="0.15">
      <c r="AR31796" s="9" ph="1"/>
    </row>
    <row r="31797" spans="44:44" ht="15.75" customHeight="1" x14ac:dyDescent="0.15">
      <c r="AR31797" s="9" ph="1"/>
    </row>
    <row r="31798" spans="44:44" ht="15.75" customHeight="1" x14ac:dyDescent="0.15">
      <c r="AR31798" s="9" ph="1"/>
    </row>
    <row r="31799" spans="44:44" ht="15.75" customHeight="1" x14ac:dyDescent="0.15">
      <c r="AR31799" s="9" ph="1"/>
    </row>
    <row r="31801" spans="44:44" ht="15.75" customHeight="1" x14ac:dyDescent="0.15">
      <c r="AR31801" s="9" ph="1"/>
    </row>
    <row r="31808" spans="44:44" ht="15.75" customHeight="1" x14ac:dyDescent="0.15">
      <c r="AR31808" s="9" ph="1"/>
    </row>
    <row r="31812" spans="44:44" ht="15.75" customHeight="1" x14ac:dyDescent="0.15">
      <c r="AR31812" s="9" ph="1"/>
    </row>
    <row r="31819" spans="44:44" ht="15.75" customHeight="1" x14ac:dyDescent="0.15">
      <c r="AR31819" s="9" ph="1"/>
    </row>
    <row r="31826" spans="44:44" ht="15.75" customHeight="1" x14ac:dyDescent="0.15">
      <c r="AR31826" s="9" ph="1"/>
    </row>
    <row r="31833" spans="44:44" ht="15.75" customHeight="1" x14ac:dyDescent="0.15">
      <c r="AR31833" s="9" ph="1"/>
    </row>
    <row r="31834" spans="44:44" ht="15.75" customHeight="1" x14ac:dyDescent="0.15">
      <c r="AR31834" s="9" ph="1"/>
    </row>
    <row r="31836" spans="44:44" ht="15.75" customHeight="1" x14ac:dyDescent="0.15">
      <c r="AR31836" s="9" ph="1"/>
    </row>
    <row r="31843" spans="44:44" ht="15.75" customHeight="1" x14ac:dyDescent="0.15">
      <c r="AR31843" s="9" ph="1"/>
    </row>
    <row r="31854" spans="44:44" ht="15.75" customHeight="1" x14ac:dyDescent="0.15">
      <c r="AR31854" s="9" ph="1"/>
    </row>
    <row r="31861" spans="44:44" ht="15.75" customHeight="1" x14ac:dyDescent="0.15">
      <c r="AR31861" s="9" ph="1"/>
    </row>
    <row r="31862" spans="44:44" ht="15.75" customHeight="1" x14ac:dyDescent="0.15">
      <c r="AR31862" s="9" ph="1"/>
    </row>
    <row r="31863" spans="44:44" ht="15.75" customHeight="1" x14ac:dyDescent="0.15">
      <c r="AR31863" s="9" ph="1"/>
    </row>
    <row r="31864" spans="44:44" ht="15.75" customHeight="1" x14ac:dyDescent="0.15">
      <c r="AR31864" s="9" ph="1"/>
    </row>
    <row r="31865" spans="44:44" ht="15.75" customHeight="1" x14ac:dyDescent="0.15">
      <c r="AR31865" s="9" ph="1"/>
    </row>
    <row r="31866" spans="44:44" ht="15.75" customHeight="1" x14ac:dyDescent="0.15">
      <c r="AR31866" s="9" ph="1"/>
    </row>
    <row r="31867" spans="44:44" ht="15.75" customHeight="1" x14ac:dyDescent="0.15">
      <c r="AR31867" s="9" ph="1"/>
    </row>
    <row r="31868" spans="44:44" ht="15.75" customHeight="1" x14ac:dyDescent="0.15">
      <c r="AR31868" s="9" ph="1"/>
    </row>
    <row r="31870" spans="44:44" ht="15.75" customHeight="1" x14ac:dyDescent="0.15">
      <c r="AR31870" s="9" ph="1"/>
    </row>
    <row r="31871" spans="44:44" ht="15.75" customHeight="1" x14ac:dyDescent="0.15">
      <c r="AR31871" s="9" ph="1"/>
    </row>
    <row r="31872" spans="44:44" ht="15.75" customHeight="1" x14ac:dyDescent="0.15">
      <c r="AR31872" s="9" ph="1"/>
    </row>
    <row r="31873" spans="44:44" ht="15.75" customHeight="1" x14ac:dyDescent="0.15">
      <c r="AR31873" s="9" ph="1"/>
    </row>
    <row r="31880" spans="44:44" ht="15.75" customHeight="1" x14ac:dyDescent="0.15">
      <c r="AR31880" s="9" ph="1"/>
    </row>
    <row r="31881" spans="44:44" ht="15.75" customHeight="1" x14ac:dyDescent="0.15">
      <c r="AR31881" s="9" ph="1"/>
    </row>
    <row r="31882" spans="44:44" ht="15.75" customHeight="1" x14ac:dyDescent="0.15">
      <c r="AR31882" s="9" ph="1"/>
    </row>
    <row r="31883" spans="44:44" ht="15.75" customHeight="1" x14ac:dyDescent="0.15">
      <c r="AR31883" s="9" ph="1"/>
    </row>
    <row r="31884" spans="44:44" ht="15.75" customHeight="1" x14ac:dyDescent="0.15">
      <c r="AR31884" s="9" ph="1"/>
    </row>
    <row r="31885" spans="44:44" ht="15.75" customHeight="1" x14ac:dyDescent="0.15">
      <c r="AR31885" s="9" ph="1"/>
    </row>
    <row r="31886" spans="44:44" ht="15.75" customHeight="1" x14ac:dyDescent="0.15">
      <c r="AR31886" s="9" ph="1"/>
    </row>
    <row r="31887" spans="44:44" ht="15.75" customHeight="1" x14ac:dyDescent="0.15">
      <c r="AR31887" s="9" ph="1"/>
    </row>
    <row r="31889" spans="44:44" ht="15.75" customHeight="1" x14ac:dyDescent="0.15">
      <c r="AR31889" s="9" ph="1"/>
    </row>
    <row r="31890" spans="44:44" ht="15.75" customHeight="1" x14ac:dyDescent="0.15">
      <c r="AR31890" s="9" ph="1"/>
    </row>
    <row r="31891" spans="44:44" ht="15.75" customHeight="1" x14ac:dyDescent="0.15">
      <c r="AR31891" s="9" ph="1"/>
    </row>
    <row r="31893" spans="44:44" ht="15.75" customHeight="1" x14ac:dyDescent="0.15">
      <c r="AR31893" s="9" ph="1"/>
    </row>
    <row r="31894" spans="44:44" ht="15.75" customHeight="1" x14ac:dyDescent="0.15">
      <c r="AR31894" s="9" ph="1"/>
    </row>
    <row r="31895" spans="44:44" ht="15.75" customHeight="1" x14ac:dyDescent="0.15">
      <c r="AR31895" s="9" ph="1"/>
    </row>
    <row r="31896" spans="44:44" ht="15.75" customHeight="1" x14ac:dyDescent="0.15">
      <c r="AR31896" s="9" ph="1"/>
    </row>
    <row r="31897" spans="44:44" ht="15.75" customHeight="1" x14ac:dyDescent="0.15">
      <c r="AR31897" s="9" ph="1"/>
    </row>
    <row r="31898" spans="44:44" ht="15.75" customHeight="1" x14ac:dyDescent="0.15">
      <c r="AR31898" s="9" ph="1"/>
    </row>
    <row r="31899" spans="44:44" ht="15.75" customHeight="1" x14ac:dyDescent="0.15">
      <c r="AR31899" s="9" ph="1"/>
    </row>
    <row r="31900" spans="44:44" ht="15.75" customHeight="1" x14ac:dyDescent="0.15">
      <c r="AR31900" s="9" ph="1"/>
    </row>
    <row r="31901" spans="44:44" ht="15.75" customHeight="1" x14ac:dyDescent="0.15">
      <c r="AR31901" s="9" ph="1"/>
    </row>
    <row r="31902" spans="44:44" ht="15.75" customHeight="1" x14ac:dyDescent="0.15">
      <c r="AR31902" s="9" ph="1"/>
    </row>
    <row r="31903" spans="44:44" ht="15.75" customHeight="1" x14ac:dyDescent="0.15">
      <c r="AR31903" s="9" ph="1"/>
    </row>
    <row r="31904" spans="44:44" ht="15.75" customHeight="1" x14ac:dyDescent="0.15">
      <c r="AR31904" s="9" ph="1"/>
    </row>
    <row r="31905" spans="44:44" ht="15.75" customHeight="1" x14ac:dyDescent="0.15">
      <c r="AR31905" s="9" ph="1"/>
    </row>
    <row r="31907" spans="44:44" ht="15.75" customHeight="1" x14ac:dyDescent="0.15">
      <c r="AR31907" s="9" ph="1"/>
    </row>
    <row r="31908" spans="44:44" ht="15.75" customHeight="1" x14ac:dyDescent="0.15">
      <c r="AR31908" s="9" ph="1"/>
    </row>
    <row r="31909" spans="44:44" ht="15.75" customHeight="1" x14ac:dyDescent="0.15">
      <c r="AR31909" s="9" ph="1"/>
    </row>
    <row r="31911" spans="44:44" ht="15.75" customHeight="1" x14ac:dyDescent="0.15">
      <c r="AR31911" s="9" ph="1"/>
    </row>
    <row r="31912" spans="44:44" ht="15.75" customHeight="1" x14ac:dyDescent="0.15">
      <c r="AR31912" s="9" ph="1"/>
    </row>
    <row r="31913" spans="44:44" ht="15.75" customHeight="1" x14ac:dyDescent="0.15">
      <c r="AR31913" s="9" ph="1"/>
    </row>
    <row r="31914" spans="44:44" ht="15.75" customHeight="1" x14ac:dyDescent="0.15">
      <c r="AR31914" s="9" ph="1"/>
    </row>
    <row r="31915" spans="44:44" ht="15.75" customHeight="1" x14ac:dyDescent="0.15">
      <c r="AR31915" s="9" ph="1"/>
    </row>
    <row r="31916" spans="44:44" ht="15.75" customHeight="1" x14ac:dyDescent="0.15">
      <c r="AR31916" s="9" ph="1"/>
    </row>
    <row r="31918" spans="44:44" ht="15.75" customHeight="1" x14ac:dyDescent="0.15">
      <c r="AR31918" s="9" ph="1"/>
    </row>
    <row r="31919" spans="44:44" ht="15.75" customHeight="1" x14ac:dyDescent="0.15">
      <c r="AR31919" s="9" ph="1"/>
    </row>
    <row r="31920" spans="44:44" ht="15.75" customHeight="1" x14ac:dyDescent="0.15">
      <c r="AR31920" s="9" ph="1"/>
    </row>
    <row r="31921" spans="44:44" ht="15.75" customHeight="1" x14ac:dyDescent="0.15">
      <c r="AR31921" s="9" ph="1"/>
    </row>
    <row r="31922" spans="44:44" ht="15.75" customHeight="1" x14ac:dyDescent="0.15">
      <c r="AR31922" s="9" ph="1"/>
    </row>
    <row r="31923" spans="44:44" ht="15.75" customHeight="1" x14ac:dyDescent="0.15">
      <c r="AR31923" s="9" ph="1"/>
    </row>
    <row r="31924" spans="44:44" ht="15.75" customHeight="1" x14ac:dyDescent="0.15">
      <c r="AR31924" s="9" ph="1"/>
    </row>
    <row r="31925" spans="44:44" ht="15.75" customHeight="1" x14ac:dyDescent="0.15">
      <c r="AR31925" s="9" ph="1"/>
    </row>
    <row r="31926" spans="44:44" ht="15.75" customHeight="1" x14ac:dyDescent="0.15">
      <c r="AR31926" s="9" ph="1"/>
    </row>
    <row r="31927" spans="44:44" ht="15.75" customHeight="1" x14ac:dyDescent="0.15">
      <c r="AR31927" s="9" ph="1"/>
    </row>
    <row r="31928" spans="44:44" ht="15.75" customHeight="1" x14ac:dyDescent="0.15">
      <c r="AR31928" s="9" ph="1"/>
    </row>
    <row r="31929" spans="44:44" ht="15.75" customHeight="1" x14ac:dyDescent="0.15">
      <c r="AR31929" s="9" ph="1"/>
    </row>
    <row r="31930" spans="44:44" ht="15.75" customHeight="1" x14ac:dyDescent="0.15">
      <c r="AR31930" s="9" ph="1"/>
    </row>
    <row r="31932" spans="44:44" ht="15.75" customHeight="1" x14ac:dyDescent="0.15">
      <c r="AR31932" s="9" ph="1"/>
    </row>
    <row r="31933" spans="44:44" ht="15.75" customHeight="1" x14ac:dyDescent="0.15">
      <c r="AR31933" s="9" ph="1"/>
    </row>
    <row r="31934" spans="44:44" ht="15.75" customHeight="1" x14ac:dyDescent="0.15">
      <c r="AR31934" s="9" ph="1"/>
    </row>
    <row r="31936" spans="44:44" ht="15.75" customHeight="1" x14ac:dyDescent="0.15">
      <c r="AR31936" s="9" ph="1"/>
    </row>
    <row r="31937" spans="44:44" ht="15.75" customHeight="1" x14ac:dyDescent="0.15">
      <c r="AR31937" s="9" ph="1"/>
    </row>
    <row r="31938" spans="44:44" ht="15.75" customHeight="1" x14ac:dyDescent="0.15">
      <c r="AR31938" s="9" ph="1"/>
    </row>
    <row r="31939" spans="44:44" ht="15.75" customHeight="1" x14ac:dyDescent="0.15">
      <c r="AR31939" s="9" ph="1"/>
    </row>
    <row r="31940" spans="44:44" ht="15.75" customHeight="1" x14ac:dyDescent="0.15">
      <c r="AR31940" s="9" ph="1"/>
    </row>
    <row r="31941" spans="44:44" ht="15.75" customHeight="1" x14ac:dyDescent="0.15">
      <c r="AR31941" s="9" ph="1"/>
    </row>
    <row r="31942" spans="44:44" ht="15.75" customHeight="1" x14ac:dyDescent="0.15">
      <c r="AR31942" s="9" ph="1"/>
    </row>
    <row r="31943" spans="44:44" ht="15.75" customHeight="1" x14ac:dyDescent="0.15">
      <c r="AR31943" s="9" ph="1"/>
    </row>
    <row r="31944" spans="44:44" ht="15.75" customHeight="1" x14ac:dyDescent="0.15">
      <c r="AR31944" s="9" ph="1"/>
    </row>
    <row r="31945" spans="44:44" ht="15.75" customHeight="1" x14ac:dyDescent="0.15">
      <c r="AR31945" s="9" ph="1"/>
    </row>
    <row r="31946" spans="44:44" ht="15.75" customHeight="1" x14ac:dyDescent="0.15">
      <c r="AR31946" s="9" ph="1"/>
    </row>
    <row r="31947" spans="44:44" ht="15.75" customHeight="1" x14ac:dyDescent="0.15">
      <c r="AR31947" s="9" ph="1"/>
    </row>
    <row r="31948" spans="44:44" ht="15.75" customHeight="1" x14ac:dyDescent="0.15">
      <c r="AR31948" s="9" ph="1"/>
    </row>
    <row r="31949" spans="44:44" ht="15.75" customHeight="1" x14ac:dyDescent="0.15">
      <c r="AR31949" s="9" ph="1"/>
    </row>
    <row r="31950" spans="44:44" ht="15.75" customHeight="1" x14ac:dyDescent="0.15">
      <c r="AR31950" s="9" ph="1"/>
    </row>
    <row r="31951" spans="44:44" ht="15.75" customHeight="1" x14ac:dyDescent="0.15">
      <c r="AR31951" s="9" ph="1"/>
    </row>
    <row r="31953" spans="44:44" ht="15.75" customHeight="1" x14ac:dyDescent="0.15">
      <c r="AR31953" s="9" ph="1"/>
    </row>
    <row r="31954" spans="44:44" ht="15.75" customHeight="1" x14ac:dyDescent="0.15">
      <c r="AR31954" s="9" ph="1"/>
    </row>
    <row r="31955" spans="44:44" ht="15.75" customHeight="1" x14ac:dyDescent="0.15">
      <c r="AR31955" s="9" ph="1"/>
    </row>
    <row r="31957" spans="44:44" ht="15.75" customHeight="1" x14ac:dyDescent="0.15">
      <c r="AR31957" s="9" ph="1"/>
    </row>
    <row r="31958" spans="44:44" ht="15.75" customHeight="1" x14ac:dyDescent="0.15">
      <c r="AR31958" s="9" ph="1"/>
    </row>
    <row r="31959" spans="44:44" ht="15.75" customHeight="1" x14ac:dyDescent="0.15">
      <c r="AR31959" s="9" ph="1"/>
    </row>
    <row r="31960" spans="44:44" ht="15.75" customHeight="1" x14ac:dyDescent="0.15">
      <c r="AR31960" s="9" ph="1"/>
    </row>
    <row r="31961" spans="44:44" ht="15.75" customHeight="1" x14ac:dyDescent="0.15">
      <c r="AR31961" s="9" ph="1"/>
    </row>
    <row r="31962" spans="44:44" ht="15.75" customHeight="1" x14ac:dyDescent="0.15">
      <c r="AR31962" s="9" ph="1"/>
    </row>
    <row r="31963" spans="44:44" ht="15.75" customHeight="1" x14ac:dyDescent="0.15">
      <c r="AR31963" s="9" ph="1"/>
    </row>
    <row r="31964" spans="44:44" ht="15.75" customHeight="1" x14ac:dyDescent="0.15">
      <c r="AR31964" s="9" ph="1"/>
    </row>
    <row r="31966" spans="44:44" ht="15.75" customHeight="1" x14ac:dyDescent="0.15">
      <c r="AR31966" s="9" ph="1"/>
    </row>
    <row r="31967" spans="44:44" ht="15.75" customHeight="1" x14ac:dyDescent="0.15">
      <c r="AR31967" s="9" ph="1"/>
    </row>
    <row r="31968" spans="44:44" ht="15.75" customHeight="1" x14ac:dyDescent="0.15">
      <c r="AR31968" s="9" ph="1"/>
    </row>
    <row r="31969" spans="44:44" ht="15.75" customHeight="1" x14ac:dyDescent="0.15">
      <c r="AR31969" s="9" ph="1"/>
    </row>
    <row r="31970" spans="44:44" ht="15.75" customHeight="1" x14ac:dyDescent="0.15">
      <c r="AR31970" s="9" ph="1"/>
    </row>
    <row r="31971" spans="44:44" ht="15.75" customHeight="1" x14ac:dyDescent="0.15">
      <c r="AR31971" s="9" ph="1"/>
    </row>
    <row r="31972" spans="44:44" ht="15.75" customHeight="1" x14ac:dyDescent="0.15">
      <c r="AR31972" s="9" ph="1"/>
    </row>
    <row r="31973" spans="44:44" ht="15.75" customHeight="1" x14ac:dyDescent="0.15">
      <c r="AR31973" s="9" ph="1"/>
    </row>
    <row r="31975" spans="44:44" ht="15.75" customHeight="1" x14ac:dyDescent="0.15">
      <c r="AR31975" s="9" ph="1"/>
    </row>
    <row r="31976" spans="44:44" ht="15.75" customHeight="1" x14ac:dyDescent="0.15">
      <c r="AR31976" s="9" ph="1"/>
    </row>
    <row r="31977" spans="44:44" ht="15.75" customHeight="1" x14ac:dyDescent="0.15">
      <c r="AR31977" s="9" ph="1"/>
    </row>
    <row r="31978" spans="44:44" ht="15.75" customHeight="1" x14ac:dyDescent="0.15">
      <c r="AR31978" s="9" ph="1"/>
    </row>
    <row r="31979" spans="44:44" ht="15.75" customHeight="1" x14ac:dyDescent="0.15">
      <c r="AR31979" s="9" ph="1"/>
    </row>
    <row r="31980" spans="44:44" ht="15.75" customHeight="1" x14ac:dyDescent="0.15">
      <c r="AR31980" s="9" ph="1"/>
    </row>
    <row r="31982" spans="44:44" ht="15.75" customHeight="1" x14ac:dyDescent="0.15">
      <c r="AR31982" s="9" ph="1"/>
    </row>
    <row r="31983" spans="44:44" ht="15.75" customHeight="1" x14ac:dyDescent="0.15">
      <c r="AR31983" s="9" ph="1"/>
    </row>
    <row r="31984" spans="44:44" ht="15.75" customHeight="1" x14ac:dyDescent="0.15">
      <c r="AR31984" s="9" ph="1"/>
    </row>
    <row r="31985" spans="44:44" ht="15.75" customHeight="1" x14ac:dyDescent="0.15">
      <c r="AR31985" s="9" ph="1"/>
    </row>
    <row r="31986" spans="44:44" ht="15.75" customHeight="1" x14ac:dyDescent="0.15">
      <c r="AR31986" s="9" ph="1"/>
    </row>
    <row r="31987" spans="44:44" ht="15.75" customHeight="1" x14ac:dyDescent="0.15">
      <c r="AR31987" s="9" ph="1"/>
    </row>
    <row r="31990" spans="44:44" ht="15.75" customHeight="1" x14ac:dyDescent="0.15">
      <c r="AR31990" s="9" ph="1"/>
    </row>
    <row r="32001" spans="44:44" ht="15.75" customHeight="1" x14ac:dyDescent="0.15">
      <c r="AR32001" s="9" ph="1"/>
    </row>
    <row r="32008" spans="44:44" ht="15.75" customHeight="1" x14ac:dyDescent="0.15">
      <c r="AR32008" s="9" ph="1"/>
    </row>
    <row r="32009" spans="44:44" ht="15.75" customHeight="1" x14ac:dyDescent="0.15">
      <c r="AR32009" s="9" ph="1"/>
    </row>
    <row r="32010" spans="44:44" ht="15.75" customHeight="1" x14ac:dyDescent="0.15">
      <c r="AR32010" s="9" ph="1"/>
    </row>
    <row r="32011" spans="44:44" ht="15.75" customHeight="1" x14ac:dyDescent="0.15">
      <c r="AR32011" s="9" ph="1"/>
    </row>
    <row r="32012" spans="44:44" ht="15.75" customHeight="1" x14ac:dyDescent="0.15">
      <c r="AR32012" s="9" ph="1"/>
    </row>
    <row r="32013" spans="44:44" ht="15.75" customHeight="1" x14ac:dyDescent="0.15">
      <c r="AR32013" s="9" ph="1"/>
    </row>
    <row r="32014" spans="44:44" ht="15.75" customHeight="1" x14ac:dyDescent="0.15">
      <c r="AR32014" s="9" ph="1"/>
    </row>
    <row r="32015" spans="44:44" ht="15.75" customHeight="1" x14ac:dyDescent="0.15">
      <c r="AR32015" s="9" ph="1"/>
    </row>
    <row r="32017" spans="44:44" ht="15.75" customHeight="1" x14ac:dyDescent="0.15">
      <c r="AR32017" s="9" ph="1"/>
    </row>
    <row r="32018" spans="44:44" ht="15.75" customHeight="1" x14ac:dyDescent="0.15">
      <c r="AR32018" s="9" ph="1"/>
    </row>
    <row r="32019" spans="44:44" ht="15.75" customHeight="1" x14ac:dyDescent="0.15">
      <c r="AR32019" s="9" ph="1"/>
    </row>
    <row r="32020" spans="44:44" ht="15.75" customHeight="1" x14ac:dyDescent="0.15">
      <c r="AR32020" s="9" ph="1"/>
    </row>
    <row r="32027" spans="44:44" ht="15.75" customHeight="1" x14ac:dyDescent="0.15">
      <c r="AR32027" s="9" ph="1"/>
    </row>
    <row r="32028" spans="44:44" ht="15.75" customHeight="1" x14ac:dyDescent="0.15">
      <c r="AR32028" s="9" ph="1"/>
    </row>
    <row r="32029" spans="44:44" ht="15.75" customHeight="1" x14ac:dyDescent="0.15">
      <c r="AR32029" s="9" ph="1"/>
    </row>
    <row r="32030" spans="44:44" ht="15.75" customHeight="1" x14ac:dyDescent="0.15">
      <c r="AR32030" s="9" ph="1"/>
    </row>
    <row r="32031" spans="44:44" ht="15.75" customHeight="1" x14ac:dyDescent="0.15">
      <c r="AR32031" s="9" ph="1"/>
    </row>
    <row r="32032" spans="44:44" ht="15.75" customHeight="1" x14ac:dyDescent="0.15">
      <c r="AR32032" s="9" ph="1"/>
    </row>
    <row r="32033" spans="44:44" ht="15.75" customHeight="1" x14ac:dyDescent="0.15">
      <c r="AR32033" s="9" ph="1"/>
    </row>
    <row r="32034" spans="44:44" ht="15.75" customHeight="1" x14ac:dyDescent="0.15">
      <c r="AR32034" s="9" ph="1"/>
    </row>
    <row r="32036" spans="44:44" ht="15.75" customHeight="1" x14ac:dyDescent="0.15">
      <c r="AR32036" s="9" ph="1"/>
    </row>
    <row r="32037" spans="44:44" ht="15.75" customHeight="1" x14ac:dyDescent="0.15">
      <c r="AR32037" s="9" ph="1"/>
    </row>
    <row r="32038" spans="44:44" ht="15.75" customHeight="1" x14ac:dyDescent="0.15">
      <c r="AR32038" s="9" ph="1"/>
    </row>
    <row r="32040" spans="44:44" ht="15.75" customHeight="1" x14ac:dyDescent="0.15">
      <c r="AR32040" s="9" ph="1"/>
    </row>
    <row r="32041" spans="44:44" ht="15.75" customHeight="1" x14ac:dyDescent="0.15">
      <c r="AR32041" s="9" ph="1"/>
    </row>
    <row r="32042" spans="44:44" ht="15.75" customHeight="1" x14ac:dyDescent="0.15">
      <c r="AR32042" s="9" ph="1"/>
    </row>
    <row r="32043" spans="44:44" ht="15.75" customHeight="1" x14ac:dyDescent="0.15">
      <c r="AR32043" s="9" ph="1"/>
    </row>
    <row r="32044" spans="44:44" ht="15.75" customHeight="1" x14ac:dyDescent="0.15">
      <c r="AR32044" s="9" ph="1"/>
    </row>
    <row r="32045" spans="44:44" ht="15.75" customHeight="1" x14ac:dyDescent="0.15">
      <c r="AR32045" s="9" ph="1"/>
    </row>
    <row r="32046" spans="44:44" ht="15.75" customHeight="1" x14ac:dyDescent="0.15">
      <c r="AR32046" s="9" ph="1"/>
    </row>
    <row r="32047" spans="44:44" ht="15.75" customHeight="1" x14ac:dyDescent="0.15">
      <c r="AR32047" s="9" ph="1"/>
    </row>
    <row r="32048" spans="44:44" ht="15.75" customHeight="1" x14ac:dyDescent="0.15">
      <c r="AR32048" s="9" ph="1"/>
    </row>
    <row r="32049" spans="44:44" ht="15.75" customHeight="1" x14ac:dyDescent="0.15">
      <c r="AR32049" s="9" ph="1"/>
    </row>
    <row r="32050" spans="44:44" ht="15.75" customHeight="1" x14ac:dyDescent="0.15">
      <c r="AR32050" s="9" ph="1"/>
    </row>
    <row r="32051" spans="44:44" ht="15.75" customHeight="1" x14ac:dyDescent="0.15">
      <c r="AR32051" s="9" ph="1"/>
    </row>
    <row r="32052" spans="44:44" ht="15.75" customHeight="1" x14ac:dyDescent="0.15">
      <c r="AR32052" s="9" ph="1"/>
    </row>
    <row r="32054" spans="44:44" ht="15.75" customHeight="1" x14ac:dyDescent="0.15">
      <c r="AR32054" s="9" ph="1"/>
    </row>
    <row r="32055" spans="44:44" ht="15.75" customHeight="1" x14ac:dyDescent="0.15">
      <c r="AR32055" s="9" ph="1"/>
    </row>
    <row r="32056" spans="44:44" ht="15.75" customHeight="1" x14ac:dyDescent="0.15">
      <c r="AR32056" s="9" ph="1"/>
    </row>
    <row r="32058" spans="44:44" ht="15.75" customHeight="1" x14ac:dyDescent="0.15">
      <c r="AR32058" s="9" ph="1"/>
    </row>
    <row r="32059" spans="44:44" ht="15.75" customHeight="1" x14ac:dyDescent="0.15">
      <c r="AR32059" s="9" ph="1"/>
    </row>
    <row r="32060" spans="44:44" ht="15.75" customHeight="1" x14ac:dyDescent="0.15">
      <c r="AR32060" s="9" ph="1"/>
    </row>
    <row r="32061" spans="44:44" ht="15.75" customHeight="1" x14ac:dyDescent="0.15">
      <c r="AR32061" s="9" ph="1"/>
    </row>
    <row r="32062" spans="44:44" ht="15.75" customHeight="1" x14ac:dyDescent="0.15">
      <c r="AR32062" s="9" ph="1"/>
    </row>
    <row r="32063" spans="44:44" ht="15.75" customHeight="1" x14ac:dyDescent="0.15">
      <c r="AR32063" s="9" ph="1"/>
    </row>
    <row r="32065" spans="44:44" ht="15.75" customHeight="1" x14ac:dyDescent="0.15">
      <c r="AR32065" s="9" ph="1"/>
    </row>
    <row r="32066" spans="44:44" ht="15.75" customHeight="1" x14ac:dyDescent="0.15">
      <c r="AR32066" s="9" ph="1"/>
    </row>
    <row r="32067" spans="44:44" ht="15.75" customHeight="1" x14ac:dyDescent="0.15">
      <c r="AR32067" s="9" ph="1"/>
    </row>
    <row r="32068" spans="44:44" ht="15.75" customHeight="1" x14ac:dyDescent="0.15">
      <c r="AR32068" s="9" ph="1"/>
    </row>
    <row r="32069" spans="44:44" ht="15.75" customHeight="1" x14ac:dyDescent="0.15">
      <c r="AR32069" s="9" ph="1"/>
    </row>
    <row r="32070" spans="44:44" ht="15.75" customHeight="1" x14ac:dyDescent="0.15">
      <c r="AR32070" s="9" ph="1"/>
    </row>
    <row r="32071" spans="44:44" ht="15.75" customHeight="1" x14ac:dyDescent="0.15">
      <c r="AR32071" s="9" ph="1"/>
    </row>
    <row r="32072" spans="44:44" ht="15.75" customHeight="1" x14ac:dyDescent="0.15">
      <c r="AR32072" s="9" ph="1"/>
    </row>
    <row r="32073" spans="44:44" ht="15.75" customHeight="1" x14ac:dyDescent="0.15">
      <c r="AR32073" s="9" ph="1"/>
    </row>
    <row r="32074" spans="44:44" ht="15.75" customHeight="1" x14ac:dyDescent="0.15">
      <c r="AR32074" s="9" ph="1"/>
    </row>
    <row r="32075" spans="44:44" ht="15.75" customHeight="1" x14ac:dyDescent="0.15">
      <c r="AR32075" s="9" ph="1"/>
    </row>
    <row r="32076" spans="44:44" ht="15.75" customHeight="1" x14ac:dyDescent="0.15">
      <c r="AR32076" s="9" ph="1"/>
    </row>
    <row r="32077" spans="44:44" ht="15.75" customHeight="1" x14ac:dyDescent="0.15">
      <c r="AR32077" s="9" ph="1"/>
    </row>
    <row r="32079" spans="44:44" ht="15.75" customHeight="1" x14ac:dyDescent="0.15">
      <c r="AR32079" s="9" ph="1"/>
    </row>
    <row r="32080" spans="44:44" ht="15.75" customHeight="1" x14ac:dyDescent="0.15">
      <c r="AR32080" s="9" ph="1"/>
    </row>
    <row r="32081" spans="44:44" ht="15.75" customHeight="1" x14ac:dyDescent="0.15">
      <c r="AR32081" s="9" ph="1"/>
    </row>
    <row r="32083" spans="44:44" ht="15.75" customHeight="1" x14ac:dyDescent="0.15">
      <c r="AR32083" s="9" ph="1"/>
    </row>
    <row r="32084" spans="44:44" ht="15.75" customHeight="1" x14ac:dyDescent="0.15">
      <c r="AR32084" s="9" ph="1"/>
    </row>
    <row r="32085" spans="44:44" ht="15.75" customHeight="1" x14ac:dyDescent="0.15">
      <c r="AR32085" s="9" ph="1"/>
    </row>
    <row r="32086" spans="44:44" ht="15.75" customHeight="1" x14ac:dyDescent="0.15">
      <c r="AR32086" s="9" ph="1"/>
    </row>
    <row r="32087" spans="44:44" ht="15.75" customHeight="1" x14ac:dyDescent="0.15">
      <c r="AR32087" s="9" ph="1"/>
    </row>
    <row r="32088" spans="44:44" ht="15.75" customHeight="1" x14ac:dyDescent="0.15">
      <c r="AR32088" s="9" ph="1"/>
    </row>
    <row r="32089" spans="44:44" ht="15.75" customHeight="1" x14ac:dyDescent="0.15">
      <c r="AR32089" s="9" ph="1"/>
    </row>
    <row r="32090" spans="44:44" ht="15.75" customHeight="1" x14ac:dyDescent="0.15">
      <c r="AR32090" s="9" ph="1"/>
    </row>
    <row r="32091" spans="44:44" ht="15.75" customHeight="1" x14ac:dyDescent="0.15">
      <c r="AR32091" s="9" ph="1"/>
    </row>
    <row r="32092" spans="44:44" ht="15.75" customHeight="1" x14ac:dyDescent="0.15">
      <c r="AR32092" s="9" ph="1"/>
    </row>
    <row r="32093" spans="44:44" ht="15.75" customHeight="1" x14ac:dyDescent="0.15">
      <c r="AR32093" s="9" ph="1"/>
    </row>
    <row r="32094" spans="44:44" ht="15.75" customHeight="1" x14ac:dyDescent="0.15">
      <c r="AR32094" s="9" ph="1"/>
    </row>
    <row r="32095" spans="44:44" ht="15.75" customHeight="1" x14ac:dyDescent="0.15">
      <c r="AR32095" s="9" ph="1"/>
    </row>
    <row r="32096" spans="44:44" ht="15.75" customHeight="1" x14ac:dyDescent="0.15">
      <c r="AR32096" s="9" ph="1"/>
    </row>
    <row r="32097" spans="44:44" ht="15.75" customHeight="1" x14ac:dyDescent="0.15">
      <c r="AR32097" s="9" ph="1"/>
    </row>
    <row r="32098" spans="44:44" ht="15.75" customHeight="1" x14ac:dyDescent="0.15">
      <c r="AR32098" s="9" ph="1"/>
    </row>
    <row r="32100" spans="44:44" ht="15.75" customHeight="1" x14ac:dyDescent="0.15">
      <c r="AR32100" s="9" ph="1"/>
    </row>
    <row r="32101" spans="44:44" ht="15.75" customHeight="1" x14ac:dyDescent="0.15">
      <c r="AR32101" s="9" ph="1"/>
    </row>
    <row r="32102" spans="44:44" ht="15.75" customHeight="1" x14ac:dyDescent="0.15">
      <c r="AR32102" s="9" ph="1"/>
    </row>
    <row r="32104" spans="44:44" ht="15.75" customHeight="1" x14ac:dyDescent="0.15">
      <c r="AR32104" s="9" ph="1"/>
    </row>
    <row r="32105" spans="44:44" ht="15.75" customHeight="1" x14ac:dyDescent="0.15">
      <c r="AR32105" s="9" ph="1"/>
    </row>
    <row r="32106" spans="44:44" ht="15.75" customHeight="1" x14ac:dyDescent="0.15">
      <c r="AR32106" s="9" ph="1"/>
    </row>
    <row r="32107" spans="44:44" ht="15.75" customHeight="1" x14ac:dyDescent="0.15">
      <c r="AR32107" s="9" ph="1"/>
    </row>
    <row r="32108" spans="44:44" ht="15.75" customHeight="1" x14ac:dyDescent="0.15">
      <c r="AR32108" s="9" ph="1"/>
    </row>
    <row r="32109" spans="44:44" ht="15.75" customHeight="1" x14ac:dyDescent="0.15">
      <c r="AR32109" s="9" ph="1"/>
    </row>
    <row r="32110" spans="44:44" ht="15.75" customHeight="1" x14ac:dyDescent="0.15">
      <c r="AR32110" s="9" ph="1"/>
    </row>
    <row r="32111" spans="44:44" ht="15.75" customHeight="1" x14ac:dyDescent="0.15">
      <c r="AR32111" s="9" ph="1"/>
    </row>
    <row r="32113" spans="44:44" ht="15.75" customHeight="1" x14ac:dyDescent="0.15">
      <c r="AR32113" s="9" ph="1"/>
    </row>
    <row r="32114" spans="44:44" ht="15.75" customHeight="1" x14ac:dyDescent="0.15">
      <c r="AR32114" s="9" ph="1"/>
    </row>
    <row r="32115" spans="44:44" ht="15.75" customHeight="1" x14ac:dyDescent="0.15">
      <c r="AR32115" s="9" ph="1"/>
    </row>
    <row r="32116" spans="44:44" ht="15.75" customHeight="1" x14ac:dyDescent="0.15">
      <c r="AR32116" s="9" ph="1"/>
    </row>
    <row r="32117" spans="44:44" ht="15.75" customHeight="1" x14ac:dyDescent="0.15">
      <c r="AR32117" s="9" ph="1"/>
    </row>
    <row r="32118" spans="44:44" ht="15.75" customHeight="1" x14ac:dyDescent="0.15">
      <c r="AR32118" s="9" ph="1"/>
    </row>
    <row r="32119" spans="44:44" ht="15.75" customHeight="1" x14ac:dyDescent="0.15">
      <c r="AR32119" s="9" ph="1"/>
    </row>
    <row r="32120" spans="44:44" ht="15.75" customHeight="1" x14ac:dyDescent="0.15">
      <c r="AR32120" s="9" ph="1"/>
    </row>
    <row r="32122" spans="44:44" ht="15.75" customHeight="1" x14ac:dyDescent="0.15">
      <c r="AR32122" s="9" ph="1"/>
    </row>
    <row r="32123" spans="44:44" ht="15.75" customHeight="1" x14ac:dyDescent="0.15">
      <c r="AR32123" s="9" ph="1"/>
    </row>
    <row r="32124" spans="44:44" ht="15.75" customHeight="1" x14ac:dyDescent="0.15">
      <c r="AR32124" s="9" ph="1"/>
    </row>
    <row r="32125" spans="44:44" ht="15.75" customHeight="1" x14ac:dyDescent="0.15">
      <c r="AR32125" s="9" ph="1"/>
    </row>
    <row r="32126" spans="44:44" ht="15.75" customHeight="1" x14ac:dyDescent="0.15">
      <c r="AR32126" s="9" ph="1"/>
    </row>
    <row r="32127" spans="44:44" ht="15.75" customHeight="1" x14ac:dyDescent="0.15">
      <c r="AR32127" s="9" ph="1"/>
    </row>
    <row r="32129" spans="44:44" ht="15.75" customHeight="1" x14ac:dyDescent="0.15">
      <c r="AR32129" s="9" ph="1"/>
    </row>
    <row r="32130" spans="44:44" ht="15.75" customHeight="1" x14ac:dyDescent="0.15">
      <c r="AR32130" s="9" ph="1"/>
    </row>
    <row r="32131" spans="44:44" ht="15.75" customHeight="1" x14ac:dyDescent="0.15">
      <c r="AR32131" s="9" ph="1"/>
    </row>
    <row r="32132" spans="44:44" ht="15.75" customHeight="1" x14ac:dyDescent="0.15">
      <c r="AR32132" s="9" ph="1"/>
    </row>
    <row r="32133" spans="44:44" ht="15.75" customHeight="1" x14ac:dyDescent="0.15">
      <c r="AR32133" s="9" ph="1"/>
    </row>
    <row r="32134" spans="44:44" ht="15.75" customHeight="1" x14ac:dyDescent="0.15">
      <c r="AR32134" s="9" ph="1"/>
    </row>
    <row r="32136" spans="44:44" ht="15.75" customHeight="1" x14ac:dyDescent="0.15">
      <c r="AR32136" s="9" ph="1"/>
    </row>
    <row r="32137" spans="44:44" ht="15.75" customHeight="1" x14ac:dyDescent="0.15">
      <c r="AR32137" s="9" ph="1"/>
    </row>
    <row r="32138" spans="44:44" ht="15.75" customHeight="1" x14ac:dyDescent="0.15">
      <c r="AR32138" s="9" ph="1"/>
    </row>
    <row r="32139" spans="44:44" ht="15.75" customHeight="1" x14ac:dyDescent="0.15">
      <c r="AR32139" s="9" ph="1"/>
    </row>
    <row r="32140" spans="44:44" ht="15.75" customHeight="1" x14ac:dyDescent="0.15">
      <c r="AR32140" s="9" ph="1"/>
    </row>
    <row r="32141" spans="44:44" ht="15.75" customHeight="1" x14ac:dyDescent="0.15">
      <c r="AR32141" s="9" ph="1"/>
    </row>
    <row r="32142" spans="44:44" ht="15.75" customHeight="1" x14ac:dyDescent="0.15">
      <c r="AR32142" s="9" ph="1"/>
    </row>
    <row r="32143" spans="44:44" ht="15.75" customHeight="1" x14ac:dyDescent="0.15">
      <c r="AR32143" s="9" ph="1"/>
    </row>
    <row r="32145" spans="44:44" ht="15.75" customHeight="1" x14ac:dyDescent="0.15">
      <c r="AR32145" s="9" ph="1"/>
    </row>
    <row r="32146" spans="44:44" ht="15.75" customHeight="1" x14ac:dyDescent="0.15">
      <c r="AR32146" s="9" ph="1"/>
    </row>
    <row r="32147" spans="44:44" ht="15.75" customHeight="1" x14ac:dyDescent="0.15">
      <c r="AR32147" s="9" ph="1"/>
    </row>
    <row r="32148" spans="44:44" ht="15.75" customHeight="1" x14ac:dyDescent="0.15">
      <c r="AR32148" s="9" ph="1"/>
    </row>
    <row r="32149" spans="44:44" ht="15.75" customHeight="1" x14ac:dyDescent="0.15">
      <c r="AR32149" s="9" ph="1"/>
    </row>
    <row r="32150" spans="44:44" ht="15.75" customHeight="1" x14ac:dyDescent="0.15">
      <c r="AR32150" s="9" ph="1"/>
    </row>
    <row r="32151" spans="44:44" ht="15.75" customHeight="1" x14ac:dyDescent="0.15">
      <c r="AR32151" s="9" ph="1"/>
    </row>
    <row r="32152" spans="44:44" ht="15.75" customHeight="1" x14ac:dyDescent="0.15">
      <c r="AR32152" s="9" ph="1"/>
    </row>
    <row r="32154" spans="44:44" ht="15.75" customHeight="1" x14ac:dyDescent="0.15">
      <c r="AR32154" s="9" ph="1"/>
    </row>
    <row r="32155" spans="44:44" ht="15.75" customHeight="1" x14ac:dyDescent="0.15">
      <c r="AR32155" s="9" ph="1"/>
    </row>
    <row r="32156" spans="44:44" ht="15.75" customHeight="1" x14ac:dyDescent="0.15">
      <c r="AR32156" s="9" ph="1"/>
    </row>
    <row r="32157" spans="44:44" ht="15.75" customHeight="1" x14ac:dyDescent="0.15">
      <c r="AR32157" s="9" ph="1"/>
    </row>
    <row r="32158" spans="44:44" ht="15.75" customHeight="1" x14ac:dyDescent="0.15">
      <c r="AR32158" s="9" ph="1"/>
    </row>
    <row r="32159" spans="44:44" ht="15.75" customHeight="1" x14ac:dyDescent="0.15">
      <c r="AR32159" s="9" ph="1"/>
    </row>
    <row r="32161" spans="44:44" ht="15.75" customHeight="1" x14ac:dyDescent="0.15">
      <c r="AR32161" s="9" ph="1"/>
    </row>
    <row r="32162" spans="44:44" ht="15.75" customHeight="1" x14ac:dyDescent="0.15">
      <c r="AR32162" s="9" ph="1"/>
    </row>
    <row r="32163" spans="44:44" ht="15.75" customHeight="1" x14ac:dyDescent="0.15">
      <c r="AR32163" s="9" ph="1"/>
    </row>
    <row r="32164" spans="44:44" ht="15.75" customHeight="1" x14ac:dyDescent="0.15">
      <c r="AR32164" s="9" ph="1"/>
    </row>
    <row r="32165" spans="44:44" ht="15.75" customHeight="1" x14ac:dyDescent="0.15">
      <c r="AR32165" s="9" ph="1"/>
    </row>
    <row r="32166" spans="44:44" ht="15.75" customHeight="1" x14ac:dyDescent="0.15">
      <c r="AR32166" s="9" ph="1"/>
    </row>
    <row r="32169" spans="44:44" ht="15.75" customHeight="1" x14ac:dyDescent="0.15">
      <c r="AR32169" s="9" ph="1"/>
    </row>
    <row r="32180" spans="44:44" ht="15.75" customHeight="1" x14ac:dyDescent="0.15">
      <c r="AR32180" s="9" ph="1"/>
    </row>
    <row r="32187" spans="44:44" ht="15.75" customHeight="1" x14ac:dyDescent="0.15">
      <c r="AR32187" s="9" ph="1"/>
    </row>
    <row r="32188" spans="44:44" ht="15.75" customHeight="1" x14ac:dyDescent="0.15">
      <c r="AR32188" s="9" ph="1"/>
    </row>
    <row r="32189" spans="44:44" ht="15.75" customHeight="1" x14ac:dyDescent="0.15">
      <c r="AR32189" s="9" ph="1"/>
    </row>
    <row r="32190" spans="44:44" ht="15.75" customHeight="1" x14ac:dyDescent="0.15">
      <c r="AR32190" s="9" ph="1"/>
    </row>
    <row r="32191" spans="44:44" ht="15.75" customHeight="1" x14ac:dyDescent="0.15">
      <c r="AR32191" s="9" ph="1"/>
    </row>
    <row r="32192" spans="44:44" ht="15.75" customHeight="1" x14ac:dyDescent="0.15">
      <c r="AR32192" s="9" ph="1"/>
    </row>
    <row r="32193" spans="44:44" ht="15.75" customHeight="1" x14ac:dyDescent="0.15">
      <c r="AR32193" s="9" ph="1"/>
    </row>
    <row r="32194" spans="44:44" ht="15.75" customHeight="1" x14ac:dyDescent="0.15">
      <c r="AR32194" s="9" ph="1"/>
    </row>
    <row r="32196" spans="44:44" ht="15.75" customHeight="1" x14ac:dyDescent="0.15">
      <c r="AR32196" s="9" ph="1"/>
    </row>
    <row r="32197" spans="44:44" ht="15.75" customHeight="1" x14ac:dyDescent="0.15">
      <c r="AR32197" s="9" ph="1"/>
    </row>
    <row r="32198" spans="44:44" ht="15.75" customHeight="1" x14ac:dyDescent="0.15">
      <c r="AR32198" s="9" ph="1"/>
    </row>
    <row r="32199" spans="44:44" ht="15.75" customHeight="1" x14ac:dyDescent="0.15">
      <c r="AR32199" s="9" ph="1"/>
    </row>
    <row r="32206" spans="44:44" ht="15.75" customHeight="1" x14ac:dyDescent="0.15">
      <c r="AR32206" s="9" ph="1"/>
    </row>
    <row r="32207" spans="44:44" ht="15.75" customHeight="1" x14ac:dyDescent="0.15">
      <c r="AR32207" s="9" ph="1"/>
    </row>
    <row r="32208" spans="44:44" ht="15.75" customHeight="1" x14ac:dyDescent="0.15">
      <c r="AR32208" s="9" ph="1"/>
    </row>
    <row r="32209" spans="44:44" ht="15.75" customHeight="1" x14ac:dyDescent="0.15">
      <c r="AR32209" s="9" ph="1"/>
    </row>
    <row r="32210" spans="44:44" ht="15.75" customHeight="1" x14ac:dyDescent="0.15">
      <c r="AR32210" s="9" ph="1"/>
    </row>
    <row r="32211" spans="44:44" ht="15.75" customHeight="1" x14ac:dyDescent="0.15">
      <c r="AR32211" s="9" ph="1"/>
    </row>
    <row r="32212" spans="44:44" ht="15.75" customHeight="1" x14ac:dyDescent="0.15">
      <c r="AR32212" s="9" ph="1"/>
    </row>
    <row r="32213" spans="44:44" ht="15.75" customHeight="1" x14ac:dyDescent="0.15">
      <c r="AR32213" s="9" ph="1"/>
    </row>
    <row r="32215" spans="44:44" ht="15.75" customHeight="1" x14ac:dyDescent="0.15">
      <c r="AR32215" s="9" ph="1"/>
    </row>
    <row r="32216" spans="44:44" ht="15.75" customHeight="1" x14ac:dyDescent="0.15">
      <c r="AR32216" s="9" ph="1"/>
    </row>
    <row r="32217" spans="44:44" ht="15.75" customHeight="1" x14ac:dyDescent="0.15">
      <c r="AR32217" s="9" ph="1"/>
    </row>
    <row r="32219" spans="44:44" ht="15.75" customHeight="1" x14ac:dyDescent="0.15">
      <c r="AR32219" s="9" ph="1"/>
    </row>
    <row r="32220" spans="44:44" ht="15.75" customHeight="1" x14ac:dyDescent="0.15">
      <c r="AR32220" s="9" ph="1"/>
    </row>
    <row r="32221" spans="44:44" ht="15.75" customHeight="1" x14ac:dyDescent="0.15">
      <c r="AR32221" s="9" ph="1"/>
    </row>
    <row r="32222" spans="44:44" ht="15.75" customHeight="1" x14ac:dyDescent="0.15">
      <c r="AR32222" s="9" ph="1"/>
    </row>
    <row r="32223" spans="44:44" ht="15.75" customHeight="1" x14ac:dyDescent="0.15">
      <c r="AR32223" s="9" ph="1"/>
    </row>
    <row r="32224" spans="44:44" ht="15.75" customHeight="1" x14ac:dyDescent="0.15">
      <c r="AR32224" s="9" ph="1"/>
    </row>
    <row r="32225" spans="44:44" ht="15.75" customHeight="1" x14ac:dyDescent="0.15">
      <c r="AR32225" s="9" ph="1"/>
    </row>
    <row r="32226" spans="44:44" ht="15.75" customHeight="1" x14ac:dyDescent="0.15">
      <c r="AR32226" s="9" ph="1"/>
    </row>
    <row r="32227" spans="44:44" ht="15.75" customHeight="1" x14ac:dyDescent="0.15">
      <c r="AR32227" s="9" ph="1"/>
    </row>
    <row r="32228" spans="44:44" ht="15.75" customHeight="1" x14ac:dyDescent="0.15">
      <c r="AR32228" s="9" ph="1"/>
    </row>
    <row r="32229" spans="44:44" ht="15.75" customHeight="1" x14ac:dyDescent="0.15">
      <c r="AR32229" s="9" ph="1"/>
    </row>
    <row r="32230" spans="44:44" ht="15.75" customHeight="1" x14ac:dyDescent="0.15">
      <c r="AR32230" s="9" ph="1"/>
    </row>
    <row r="32231" spans="44:44" ht="15.75" customHeight="1" x14ac:dyDescent="0.15">
      <c r="AR32231" s="9" ph="1"/>
    </row>
    <row r="32233" spans="44:44" ht="15.75" customHeight="1" x14ac:dyDescent="0.15">
      <c r="AR32233" s="9" ph="1"/>
    </row>
    <row r="32234" spans="44:44" ht="15.75" customHeight="1" x14ac:dyDescent="0.15">
      <c r="AR32234" s="9" ph="1"/>
    </row>
    <row r="32235" spans="44:44" ht="15.75" customHeight="1" x14ac:dyDescent="0.15">
      <c r="AR32235" s="9" ph="1"/>
    </row>
    <row r="32237" spans="44:44" ht="15.75" customHeight="1" x14ac:dyDescent="0.15">
      <c r="AR32237" s="9" ph="1"/>
    </row>
    <row r="32238" spans="44:44" ht="15.75" customHeight="1" x14ac:dyDescent="0.15">
      <c r="AR32238" s="9" ph="1"/>
    </row>
    <row r="32239" spans="44:44" ht="15.75" customHeight="1" x14ac:dyDescent="0.15">
      <c r="AR32239" s="9" ph="1"/>
    </row>
    <row r="32240" spans="44:44" ht="15.75" customHeight="1" x14ac:dyDescent="0.15">
      <c r="AR32240" s="9" ph="1"/>
    </row>
    <row r="32241" spans="44:44" ht="15.75" customHeight="1" x14ac:dyDescent="0.15">
      <c r="AR32241" s="9" ph="1"/>
    </row>
    <row r="32242" spans="44:44" ht="15.75" customHeight="1" x14ac:dyDescent="0.15">
      <c r="AR32242" s="9" ph="1"/>
    </row>
    <row r="32244" spans="44:44" ht="15.75" customHeight="1" x14ac:dyDescent="0.15">
      <c r="AR32244" s="9" ph="1"/>
    </row>
    <row r="32245" spans="44:44" ht="15.75" customHeight="1" x14ac:dyDescent="0.15">
      <c r="AR32245" s="9" ph="1"/>
    </row>
    <row r="32246" spans="44:44" ht="15.75" customHeight="1" x14ac:dyDescent="0.15">
      <c r="AR32246" s="9" ph="1"/>
    </row>
    <row r="32247" spans="44:44" ht="15.75" customHeight="1" x14ac:dyDescent="0.15">
      <c r="AR32247" s="9" ph="1"/>
    </row>
    <row r="32248" spans="44:44" ht="15.75" customHeight="1" x14ac:dyDescent="0.15">
      <c r="AR32248" s="9" ph="1"/>
    </row>
    <row r="32249" spans="44:44" ht="15.75" customHeight="1" x14ac:dyDescent="0.15">
      <c r="AR32249" s="9" ph="1"/>
    </row>
    <row r="32250" spans="44:44" ht="15.75" customHeight="1" x14ac:dyDescent="0.15">
      <c r="AR32250" s="9" ph="1"/>
    </row>
    <row r="32251" spans="44:44" ht="15.75" customHeight="1" x14ac:dyDescent="0.15">
      <c r="AR32251" s="9" ph="1"/>
    </row>
    <row r="32252" spans="44:44" ht="15.75" customHeight="1" x14ac:dyDescent="0.15">
      <c r="AR32252" s="9" ph="1"/>
    </row>
    <row r="32253" spans="44:44" ht="15.75" customHeight="1" x14ac:dyDescent="0.15">
      <c r="AR32253" s="9" ph="1"/>
    </row>
    <row r="32254" spans="44:44" ht="15.75" customHeight="1" x14ac:dyDescent="0.15">
      <c r="AR32254" s="9" ph="1"/>
    </row>
    <row r="32255" spans="44:44" ht="15.75" customHeight="1" x14ac:dyDescent="0.15">
      <c r="AR32255" s="9" ph="1"/>
    </row>
    <row r="32256" spans="44:44" ht="15.75" customHeight="1" x14ac:dyDescent="0.15">
      <c r="AR32256" s="9" ph="1"/>
    </row>
    <row r="32258" spans="44:44" ht="15.75" customHeight="1" x14ac:dyDescent="0.15">
      <c r="AR32258" s="9" ph="1"/>
    </row>
    <row r="32259" spans="44:44" ht="15.75" customHeight="1" x14ac:dyDescent="0.15">
      <c r="AR32259" s="9" ph="1"/>
    </row>
    <row r="32260" spans="44:44" ht="15.75" customHeight="1" x14ac:dyDescent="0.15">
      <c r="AR32260" s="9" ph="1"/>
    </row>
    <row r="32262" spans="44:44" ht="15.75" customHeight="1" x14ac:dyDescent="0.15">
      <c r="AR32262" s="9" ph="1"/>
    </row>
    <row r="32263" spans="44:44" ht="15.75" customHeight="1" x14ac:dyDescent="0.15">
      <c r="AR32263" s="9" ph="1"/>
    </row>
    <row r="32264" spans="44:44" ht="15.75" customHeight="1" x14ac:dyDescent="0.15">
      <c r="AR32264" s="9" ph="1"/>
    </row>
    <row r="32265" spans="44:44" ht="15.75" customHeight="1" x14ac:dyDescent="0.15">
      <c r="AR32265" s="9" ph="1"/>
    </row>
    <row r="32266" spans="44:44" ht="15.75" customHeight="1" x14ac:dyDescent="0.15">
      <c r="AR32266" s="9" ph="1"/>
    </row>
    <row r="32267" spans="44:44" ht="15.75" customHeight="1" x14ac:dyDescent="0.15">
      <c r="AR32267" s="9" ph="1"/>
    </row>
    <row r="32268" spans="44:44" ht="15.75" customHeight="1" x14ac:dyDescent="0.15">
      <c r="AR32268" s="9" ph="1"/>
    </row>
    <row r="32269" spans="44:44" ht="15.75" customHeight="1" x14ac:dyDescent="0.15">
      <c r="AR32269" s="9" ph="1"/>
    </row>
    <row r="32270" spans="44:44" ht="15.75" customHeight="1" x14ac:dyDescent="0.15">
      <c r="AR32270" s="9" ph="1"/>
    </row>
    <row r="32271" spans="44:44" ht="15.75" customHeight="1" x14ac:dyDescent="0.15">
      <c r="AR32271" s="9" ph="1"/>
    </row>
    <row r="32272" spans="44:44" ht="15.75" customHeight="1" x14ac:dyDescent="0.15">
      <c r="AR32272" s="9" ph="1"/>
    </row>
    <row r="32273" spans="44:44" ht="15.75" customHeight="1" x14ac:dyDescent="0.15">
      <c r="AR32273" s="9" ph="1"/>
    </row>
    <row r="32274" spans="44:44" ht="15.75" customHeight="1" x14ac:dyDescent="0.15">
      <c r="AR32274" s="9" ph="1"/>
    </row>
    <row r="32275" spans="44:44" ht="15.75" customHeight="1" x14ac:dyDescent="0.15">
      <c r="AR32275" s="9" ph="1"/>
    </row>
    <row r="32276" spans="44:44" ht="15.75" customHeight="1" x14ac:dyDescent="0.15">
      <c r="AR32276" s="9" ph="1"/>
    </row>
    <row r="32277" spans="44:44" ht="15.75" customHeight="1" x14ac:dyDescent="0.15">
      <c r="AR32277" s="9" ph="1"/>
    </row>
    <row r="32279" spans="44:44" ht="15.75" customHeight="1" x14ac:dyDescent="0.15">
      <c r="AR32279" s="9" ph="1"/>
    </row>
    <row r="32280" spans="44:44" ht="15.75" customHeight="1" x14ac:dyDescent="0.15">
      <c r="AR32280" s="9" ph="1"/>
    </row>
    <row r="32281" spans="44:44" ht="15.75" customHeight="1" x14ac:dyDescent="0.15">
      <c r="AR32281" s="9" ph="1"/>
    </row>
    <row r="32283" spans="44:44" ht="15.75" customHeight="1" x14ac:dyDescent="0.15">
      <c r="AR32283" s="9" ph="1"/>
    </row>
    <row r="32284" spans="44:44" ht="15.75" customHeight="1" x14ac:dyDescent="0.15">
      <c r="AR32284" s="9" ph="1"/>
    </row>
    <row r="32285" spans="44:44" ht="15.75" customHeight="1" x14ac:dyDescent="0.15">
      <c r="AR32285" s="9" ph="1"/>
    </row>
    <row r="32286" spans="44:44" ht="15.75" customHeight="1" x14ac:dyDescent="0.15">
      <c r="AR32286" s="9" ph="1"/>
    </row>
    <row r="32287" spans="44:44" ht="15.75" customHeight="1" x14ac:dyDescent="0.15">
      <c r="AR32287" s="9" ph="1"/>
    </row>
    <row r="32288" spans="44:44" ht="15.75" customHeight="1" x14ac:dyDescent="0.15">
      <c r="AR32288" s="9" ph="1"/>
    </row>
    <row r="32289" spans="44:44" ht="15.75" customHeight="1" x14ac:dyDescent="0.15">
      <c r="AR32289" s="9" ph="1"/>
    </row>
    <row r="32290" spans="44:44" ht="15.75" customHeight="1" x14ac:dyDescent="0.15">
      <c r="AR32290" s="9" ph="1"/>
    </row>
    <row r="32292" spans="44:44" ht="15.75" customHeight="1" x14ac:dyDescent="0.15">
      <c r="AR32292" s="9" ph="1"/>
    </row>
    <row r="32293" spans="44:44" ht="15.75" customHeight="1" x14ac:dyDescent="0.15">
      <c r="AR32293" s="9" ph="1"/>
    </row>
    <row r="32294" spans="44:44" ht="15.75" customHeight="1" x14ac:dyDescent="0.15">
      <c r="AR32294" s="9" ph="1"/>
    </row>
    <row r="32295" spans="44:44" ht="15.75" customHeight="1" x14ac:dyDescent="0.15">
      <c r="AR32295" s="9" ph="1"/>
    </row>
    <row r="32296" spans="44:44" ht="15.75" customHeight="1" x14ac:dyDescent="0.15">
      <c r="AR32296" s="9" ph="1"/>
    </row>
    <row r="32297" spans="44:44" ht="15.75" customHeight="1" x14ac:dyDescent="0.15">
      <c r="AR32297" s="9" ph="1"/>
    </row>
    <row r="32298" spans="44:44" ht="15.75" customHeight="1" x14ac:dyDescent="0.15">
      <c r="AR32298" s="9" ph="1"/>
    </row>
    <row r="32299" spans="44:44" ht="15.75" customHeight="1" x14ac:dyDescent="0.15">
      <c r="AR32299" s="9" ph="1"/>
    </row>
    <row r="32301" spans="44:44" ht="15.75" customHeight="1" x14ac:dyDescent="0.15">
      <c r="AR32301" s="9" ph="1"/>
    </row>
    <row r="32302" spans="44:44" ht="15.75" customHeight="1" x14ac:dyDescent="0.15">
      <c r="AR32302" s="9" ph="1"/>
    </row>
    <row r="32303" spans="44:44" ht="15.75" customHeight="1" x14ac:dyDescent="0.15">
      <c r="AR32303" s="9" ph="1"/>
    </row>
    <row r="32304" spans="44:44" ht="15.75" customHeight="1" x14ac:dyDescent="0.15">
      <c r="AR32304" s="9" ph="1"/>
    </row>
    <row r="32305" spans="44:44" ht="15.75" customHeight="1" x14ac:dyDescent="0.15">
      <c r="AR32305" s="9" ph="1"/>
    </row>
    <row r="32306" spans="44:44" ht="15.75" customHeight="1" x14ac:dyDescent="0.15">
      <c r="AR32306" s="9" ph="1"/>
    </row>
    <row r="32308" spans="44:44" ht="15.75" customHeight="1" x14ac:dyDescent="0.15">
      <c r="AR32308" s="9" ph="1"/>
    </row>
    <row r="32309" spans="44:44" ht="15.75" customHeight="1" x14ac:dyDescent="0.15">
      <c r="AR32309" s="9" ph="1"/>
    </row>
    <row r="32310" spans="44:44" ht="15.75" customHeight="1" x14ac:dyDescent="0.15">
      <c r="AR32310" s="9" ph="1"/>
    </row>
    <row r="32311" spans="44:44" ht="15.75" customHeight="1" x14ac:dyDescent="0.15">
      <c r="AR32311" s="9" ph="1"/>
    </row>
    <row r="32312" spans="44:44" ht="15.75" customHeight="1" x14ac:dyDescent="0.15">
      <c r="AR32312" s="9" ph="1"/>
    </row>
    <row r="32313" spans="44:44" ht="15.75" customHeight="1" x14ac:dyDescent="0.15">
      <c r="AR32313" s="9" ph="1"/>
    </row>
    <row r="32314" spans="44:44" ht="15.75" customHeight="1" x14ac:dyDescent="0.15">
      <c r="AR32314" s="9" ph="1"/>
    </row>
    <row r="32316" spans="44:44" ht="15.75" customHeight="1" x14ac:dyDescent="0.15">
      <c r="AR32316" s="9" ph="1"/>
    </row>
    <row r="32317" spans="44:44" ht="15.75" customHeight="1" x14ac:dyDescent="0.15">
      <c r="AR32317" s="9" ph="1"/>
    </row>
    <row r="32318" spans="44:44" ht="15.75" customHeight="1" x14ac:dyDescent="0.15">
      <c r="AR32318" s="9" ph="1"/>
    </row>
    <row r="32319" spans="44:44" ht="15.75" customHeight="1" x14ac:dyDescent="0.15">
      <c r="AR32319" s="9" ph="1"/>
    </row>
    <row r="32320" spans="44:44" ht="15.75" customHeight="1" x14ac:dyDescent="0.15">
      <c r="AR32320" s="9" ph="1"/>
    </row>
    <row r="32321" spans="44:44" ht="15.75" customHeight="1" x14ac:dyDescent="0.15">
      <c r="AR32321" s="9" ph="1"/>
    </row>
    <row r="32323" spans="44:44" ht="15.75" customHeight="1" x14ac:dyDescent="0.15">
      <c r="AR32323" s="9" ph="1"/>
    </row>
    <row r="32324" spans="44:44" ht="15.75" customHeight="1" x14ac:dyDescent="0.15">
      <c r="AR32324" s="9" ph="1"/>
    </row>
    <row r="32325" spans="44:44" ht="15.75" customHeight="1" x14ac:dyDescent="0.15">
      <c r="AR32325" s="9" ph="1"/>
    </row>
    <row r="32326" spans="44:44" ht="15.75" customHeight="1" x14ac:dyDescent="0.15">
      <c r="AR32326" s="9" ph="1"/>
    </row>
    <row r="32327" spans="44:44" ht="15.75" customHeight="1" x14ac:dyDescent="0.15">
      <c r="AR32327" s="9" ph="1"/>
    </row>
    <row r="32328" spans="44:44" ht="15.75" customHeight="1" x14ac:dyDescent="0.15">
      <c r="AR32328" s="9" ph="1"/>
    </row>
    <row r="32329" spans="44:44" ht="15.75" customHeight="1" x14ac:dyDescent="0.15">
      <c r="AR32329" s="9" ph="1"/>
    </row>
    <row r="32330" spans="44:44" ht="15.75" customHeight="1" x14ac:dyDescent="0.15">
      <c r="AR32330" s="9" ph="1"/>
    </row>
    <row r="32331" spans="44:44" ht="15.75" customHeight="1" x14ac:dyDescent="0.15">
      <c r="AR32331" s="9" ph="1"/>
    </row>
    <row r="32332" spans="44:44" ht="15.75" customHeight="1" x14ac:dyDescent="0.15">
      <c r="AR32332" s="9" ph="1"/>
    </row>
    <row r="32333" spans="44:44" ht="15.75" customHeight="1" x14ac:dyDescent="0.15">
      <c r="AR32333" s="9" ph="1"/>
    </row>
    <row r="32334" spans="44:44" ht="15.75" customHeight="1" x14ac:dyDescent="0.15">
      <c r="AR32334" s="9" ph="1"/>
    </row>
    <row r="32335" spans="44:44" ht="15.75" customHeight="1" x14ac:dyDescent="0.15">
      <c r="AR32335" s="9" ph="1"/>
    </row>
    <row r="32337" spans="44:44" ht="15.75" customHeight="1" x14ac:dyDescent="0.15">
      <c r="AR32337" s="9" ph="1"/>
    </row>
    <row r="32338" spans="44:44" ht="15.75" customHeight="1" x14ac:dyDescent="0.15">
      <c r="AR32338" s="9" ph="1"/>
    </row>
    <row r="32339" spans="44:44" ht="15.75" customHeight="1" x14ac:dyDescent="0.15">
      <c r="AR32339" s="9" ph="1"/>
    </row>
    <row r="32341" spans="44:44" ht="15.75" customHeight="1" x14ac:dyDescent="0.15">
      <c r="AR32341" s="9" ph="1"/>
    </row>
    <row r="32342" spans="44:44" ht="15.75" customHeight="1" x14ac:dyDescent="0.15">
      <c r="AR32342" s="9" ph="1"/>
    </row>
    <row r="32343" spans="44:44" ht="15.75" customHeight="1" x14ac:dyDescent="0.15">
      <c r="AR32343" s="9" ph="1"/>
    </row>
    <row r="32344" spans="44:44" ht="15.75" customHeight="1" x14ac:dyDescent="0.15">
      <c r="AR32344" s="9" ph="1"/>
    </row>
    <row r="32345" spans="44:44" ht="15.75" customHeight="1" x14ac:dyDescent="0.15">
      <c r="AR32345" s="9" ph="1"/>
    </row>
    <row r="32346" spans="44:44" ht="15.75" customHeight="1" x14ac:dyDescent="0.15">
      <c r="AR32346" s="9" ph="1"/>
    </row>
    <row r="32347" spans="44:44" ht="15.75" customHeight="1" x14ac:dyDescent="0.15">
      <c r="AR32347" s="9" ph="1"/>
    </row>
    <row r="32348" spans="44:44" ht="15.75" customHeight="1" x14ac:dyDescent="0.15">
      <c r="AR32348" s="9" ph="1"/>
    </row>
    <row r="32349" spans="44:44" ht="15.75" customHeight="1" x14ac:dyDescent="0.15">
      <c r="AR32349" s="9" ph="1"/>
    </row>
    <row r="32350" spans="44:44" ht="15.75" customHeight="1" x14ac:dyDescent="0.15">
      <c r="AR32350" s="9" ph="1"/>
    </row>
    <row r="32351" spans="44:44" ht="15.75" customHeight="1" x14ac:dyDescent="0.15">
      <c r="AR32351" s="9" ph="1"/>
    </row>
    <row r="32352" spans="44:44" ht="15.75" customHeight="1" x14ac:dyDescent="0.15">
      <c r="AR32352" s="9" ph="1"/>
    </row>
    <row r="32353" spans="44:44" ht="15.75" customHeight="1" x14ac:dyDescent="0.15">
      <c r="AR32353" s="9" ph="1"/>
    </row>
    <row r="32354" spans="44:44" ht="15.75" customHeight="1" x14ac:dyDescent="0.15">
      <c r="AR32354" s="9" ph="1"/>
    </row>
    <row r="32355" spans="44:44" ht="15.75" customHeight="1" x14ac:dyDescent="0.15">
      <c r="AR32355" s="9" ph="1"/>
    </row>
    <row r="32356" spans="44:44" ht="15.75" customHeight="1" x14ac:dyDescent="0.15">
      <c r="AR32356" s="9" ph="1"/>
    </row>
    <row r="32358" spans="44:44" ht="15.75" customHeight="1" x14ac:dyDescent="0.15">
      <c r="AR32358" s="9" ph="1"/>
    </row>
    <row r="32359" spans="44:44" ht="15.75" customHeight="1" x14ac:dyDescent="0.15">
      <c r="AR32359" s="9" ph="1"/>
    </row>
    <row r="32360" spans="44:44" ht="15.75" customHeight="1" x14ac:dyDescent="0.15">
      <c r="AR32360" s="9" ph="1"/>
    </row>
    <row r="32362" spans="44:44" ht="15.75" customHeight="1" x14ac:dyDescent="0.15">
      <c r="AR32362" s="9" ph="1"/>
    </row>
    <row r="32363" spans="44:44" ht="15.75" customHeight="1" x14ac:dyDescent="0.15">
      <c r="AR32363" s="9" ph="1"/>
    </row>
    <row r="32364" spans="44:44" ht="15.75" customHeight="1" x14ac:dyDescent="0.15">
      <c r="AR32364" s="9" ph="1"/>
    </row>
    <row r="32365" spans="44:44" ht="15.75" customHeight="1" x14ac:dyDescent="0.15">
      <c r="AR32365" s="9" ph="1"/>
    </row>
    <row r="32366" spans="44:44" ht="15.75" customHeight="1" x14ac:dyDescent="0.15">
      <c r="AR32366" s="9" ph="1"/>
    </row>
    <row r="32367" spans="44:44" ht="15.75" customHeight="1" x14ac:dyDescent="0.15">
      <c r="AR32367" s="9" ph="1"/>
    </row>
    <row r="32368" spans="44:44" ht="15.75" customHeight="1" x14ac:dyDescent="0.15">
      <c r="AR32368" s="9" ph="1"/>
    </row>
    <row r="32369" spans="44:44" ht="15.75" customHeight="1" x14ac:dyDescent="0.15">
      <c r="AR32369" s="9" ph="1"/>
    </row>
    <row r="32371" spans="44:44" ht="15.75" customHeight="1" x14ac:dyDescent="0.15">
      <c r="AR32371" s="9" ph="1"/>
    </row>
    <row r="32372" spans="44:44" ht="15.75" customHeight="1" x14ac:dyDescent="0.15">
      <c r="AR32372" s="9" ph="1"/>
    </row>
    <row r="32373" spans="44:44" ht="15.75" customHeight="1" x14ac:dyDescent="0.15">
      <c r="AR32373" s="9" ph="1"/>
    </row>
    <row r="32374" spans="44:44" ht="15.75" customHeight="1" x14ac:dyDescent="0.15">
      <c r="AR32374" s="9" ph="1"/>
    </row>
    <row r="32375" spans="44:44" ht="15.75" customHeight="1" x14ac:dyDescent="0.15">
      <c r="AR32375" s="9" ph="1"/>
    </row>
    <row r="32376" spans="44:44" ht="15.75" customHeight="1" x14ac:dyDescent="0.15">
      <c r="AR32376" s="9" ph="1"/>
    </row>
    <row r="32377" spans="44:44" ht="15.75" customHeight="1" x14ac:dyDescent="0.15">
      <c r="AR32377" s="9" ph="1"/>
    </row>
    <row r="32378" spans="44:44" ht="15.75" customHeight="1" x14ac:dyDescent="0.15">
      <c r="AR32378" s="9" ph="1"/>
    </row>
    <row r="32380" spans="44:44" ht="15.75" customHeight="1" x14ac:dyDescent="0.15">
      <c r="AR32380" s="9" ph="1"/>
    </row>
    <row r="32381" spans="44:44" ht="15.75" customHeight="1" x14ac:dyDescent="0.15">
      <c r="AR32381" s="9" ph="1"/>
    </row>
    <row r="32382" spans="44:44" ht="15.75" customHeight="1" x14ac:dyDescent="0.15">
      <c r="AR32382" s="9" ph="1"/>
    </row>
    <row r="32383" spans="44:44" ht="15.75" customHeight="1" x14ac:dyDescent="0.15">
      <c r="AR32383" s="9" ph="1"/>
    </row>
    <row r="32384" spans="44:44" ht="15.75" customHeight="1" x14ac:dyDescent="0.15">
      <c r="AR32384" s="9" ph="1"/>
    </row>
    <row r="32385" spans="44:44" ht="15.75" customHeight="1" x14ac:dyDescent="0.15">
      <c r="AR32385" s="9" ph="1"/>
    </row>
    <row r="32387" spans="44:44" ht="15.75" customHeight="1" x14ac:dyDescent="0.15">
      <c r="AR32387" s="9" ph="1"/>
    </row>
    <row r="32388" spans="44:44" ht="15.75" customHeight="1" x14ac:dyDescent="0.15">
      <c r="AR32388" s="9" ph="1"/>
    </row>
    <row r="32389" spans="44:44" ht="15.75" customHeight="1" x14ac:dyDescent="0.15">
      <c r="AR32389" s="9" ph="1"/>
    </row>
    <row r="32390" spans="44:44" ht="15.75" customHeight="1" x14ac:dyDescent="0.15">
      <c r="AR32390" s="9" ph="1"/>
    </row>
    <row r="32391" spans="44:44" ht="15.75" customHeight="1" x14ac:dyDescent="0.15">
      <c r="AR32391" s="9" ph="1"/>
    </row>
    <row r="32392" spans="44:44" ht="15.75" customHeight="1" x14ac:dyDescent="0.15">
      <c r="AR32392" s="9" ph="1"/>
    </row>
    <row r="32393" spans="44:44" ht="15.75" customHeight="1" x14ac:dyDescent="0.15">
      <c r="AR32393" s="9" ph="1"/>
    </row>
    <row r="32397" spans="44:44" ht="15.75" customHeight="1" x14ac:dyDescent="0.15">
      <c r="AR32397" s="9" ph="1"/>
    </row>
    <row r="32398" spans="44:44" ht="15.75" customHeight="1" x14ac:dyDescent="0.15">
      <c r="AR32398" s="9" ph="1"/>
    </row>
    <row r="32399" spans="44:44" ht="15.75" customHeight="1" x14ac:dyDescent="0.15">
      <c r="AR32399" s="9" ph="1"/>
    </row>
    <row r="32400" spans="44:44" ht="15.75" customHeight="1" x14ac:dyDescent="0.15">
      <c r="AR32400" s="9" ph="1"/>
    </row>
    <row r="32401" spans="44:44" ht="15.75" customHeight="1" x14ac:dyDescent="0.15">
      <c r="AR32401" s="9" ph="1"/>
    </row>
    <row r="32402" spans="44:44" ht="15.75" customHeight="1" x14ac:dyDescent="0.15">
      <c r="AR32402" s="9" ph="1"/>
    </row>
    <row r="32403" spans="44:44" ht="15.75" customHeight="1" x14ac:dyDescent="0.15">
      <c r="AR32403" s="9" ph="1"/>
    </row>
    <row r="32404" spans="44:44" ht="15.75" customHeight="1" x14ac:dyDescent="0.15">
      <c r="AR32404" s="9" ph="1"/>
    </row>
    <row r="32406" spans="44:44" ht="15.75" customHeight="1" x14ac:dyDescent="0.15">
      <c r="AR32406" s="9" ph="1"/>
    </row>
    <row r="32407" spans="44:44" ht="15.75" customHeight="1" x14ac:dyDescent="0.15">
      <c r="AR32407" s="9" ph="1"/>
    </row>
    <row r="32408" spans="44:44" ht="15.75" customHeight="1" x14ac:dyDescent="0.15">
      <c r="AR32408" s="9" ph="1"/>
    </row>
    <row r="32409" spans="44:44" ht="15.75" customHeight="1" x14ac:dyDescent="0.15">
      <c r="AR32409" s="9" ph="1"/>
    </row>
    <row r="32416" spans="44:44" ht="15.75" customHeight="1" x14ac:dyDescent="0.15">
      <c r="AR32416" s="9" ph="1"/>
    </row>
    <row r="32417" spans="44:44" ht="15.75" customHeight="1" x14ac:dyDescent="0.15">
      <c r="AR32417" s="9" ph="1"/>
    </row>
    <row r="32418" spans="44:44" ht="15.75" customHeight="1" x14ac:dyDescent="0.15">
      <c r="AR32418" s="9" ph="1"/>
    </row>
    <row r="32419" spans="44:44" ht="15.75" customHeight="1" x14ac:dyDescent="0.15">
      <c r="AR32419" s="9" ph="1"/>
    </row>
    <row r="32420" spans="44:44" ht="15.75" customHeight="1" x14ac:dyDescent="0.15">
      <c r="AR32420" s="9" ph="1"/>
    </row>
    <row r="32421" spans="44:44" ht="15.75" customHeight="1" x14ac:dyDescent="0.15">
      <c r="AR32421" s="9" ph="1"/>
    </row>
    <row r="32422" spans="44:44" ht="15.75" customHeight="1" x14ac:dyDescent="0.15">
      <c r="AR32422" s="9" ph="1"/>
    </row>
    <row r="32423" spans="44:44" ht="15.75" customHeight="1" x14ac:dyDescent="0.15">
      <c r="AR32423" s="9" ph="1"/>
    </row>
    <row r="32425" spans="44:44" ht="15.75" customHeight="1" x14ac:dyDescent="0.15">
      <c r="AR32425" s="9" ph="1"/>
    </row>
    <row r="32426" spans="44:44" ht="15.75" customHeight="1" x14ac:dyDescent="0.15">
      <c r="AR32426" s="9" ph="1"/>
    </row>
    <row r="32427" spans="44:44" ht="15.75" customHeight="1" x14ac:dyDescent="0.15">
      <c r="AR32427" s="9" ph="1"/>
    </row>
    <row r="32429" spans="44:44" ht="15.75" customHeight="1" x14ac:dyDescent="0.15">
      <c r="AR32429" s="9" ph="1"/>
    </row>
    <row r="32430" spans="44:44" ht="15.75" customHeight="1" x14ac:dyDescent="0.15">
      <c r="AR32430" s="9" ph="1"/>
    </row>
    <row r="32431" spans="44:44" ht="15.75" customHeight="1" x14ac:dyDescent="0.15">
      <c r="AR32431" s="9" ph="1"/>
    </row>
    <row r="32432" spans="44:44" ht="15.75" customHeight="1" x14ac:dyDescent="0.15">
      <c r="AR32432" s="9" ph="1"/>
    </row>
    <row r="32433" spans="44:44" ht="15.75" customHeight="1" x14ac:dyDescent="0.15">
      <c r="AR32433" s="9" ph="1"/>
    </row>
    <row r="32434" spans="44:44" ht="15.75" customHeight="1" x14ac:dyDescent="0.15">
      <c r="AR32434" s="9" ph="1"/>
    </row>
    <row r="32435" spans="44:44" ht="15.75" customHeight="1" x14ac:dyDescent="0.15">
      <c r="AR32435" s="9" ph="1"/>
    </row>
    <row r="32436" spans="44:44" ht="15.75" customHeight="1" x14ac:dyDescent="0.15">
      <c r="AR32436" s="9" ph="1"/>
    </row>
    <row r="32437" spans="44:44" ht="15.75" customHeight="1" x14ac:dyDescent="0.15">
      <c r="AR32437" s="9" ph="1"/>
    </row>
    <row r="32438" spans="44:44" ht="15.75" customHeight="1" x14ac:dyDescent="0.15">
      <c r="AR32438" s="9" ph="1"/>
    </row>
    <row r="32439" spans="44:44" ht="15.75" customHeight="1" x14ac:dyDescent="0.15">
      <c r="AR32439" s="9" ph="1"/>
    </row>
    <row r="32440" spans="44:44" ht="15.75" customHeight="1" x14ac:dyDescent="0.15">
      <c r="AR32440" s="9" ph="1"/>
    </row>
    <row r="32441" spans="44:44" ht="15.75" customHeight="1" x14ac:dyDescent="0.15">
      <c r="AR32441" s="9" ph="1"/>
    </row>
    <row r="32443" spans="44:44" ht="15.75" customHeight="1" x14ac:dyDescent="0.15">
      <c r="AR32443" s="9" ph="1"/>
    </row>
    <row r="32444" spans="44:44" ht="15.75" customHeight="1" x14ac:dyDescent="0.15">
      <c r="AR32444" s="9" ph="1"/>
    </row>
    <row r="32445" spans="44:44" ht="15.75" customHeight="1" x14ac:dyDescent="0.15">
      <c r="AR32445" s="9" ph="1"/>
    </row>
    <row r="32447" spans="44:44" ht="15.75" customHeight="1" x14ac:dyDescent="0.15">
      <c r="AR32447" s="9" ph="1"/>
    </row>
    <row r="32448" spans="44:44" ht="15.75" customHeight="1" x14ac:dyDescent="0.15">
      <c r="AR32448" s="9" ph="1"/>
    </row>
    <row r="32449" spans="44:44" ht="15.75" customHeight="1" x14ac:dyDescent="0.15">
      <c r="AR32449" s="9" ph="1"/>
    </row>
    <row r="32450" spans="44:44" ht="15.75" customHeight="1" x14ac:dyDescent="0.15">
      <c r="AR32450" s="9" ph="1"/>
    </row>
    <row r="32451" spans="44:44" ht="15.75" customHeight="1" x14ac:dyDescent="0.15">
      <c r="AR32451" s="9" ph="1"/>
    </row>
    <row r="32452" spans="44:44" ht="15.75" customHeight="1" x14ac:dyDescent="0.15">
      <c r="AR32452" s="9" ph="1"/>
    </row>
    <row r="32454" spans="44:44" ht="15.75" customHeight="1" x14ac:dyDescent="0.15">
      <c r="AR32454" s="9" ph="1"/>
    </row>
    <row r="32455" spans="44:44" ht="15.75" customHeight="1" x14ac:dyDescent="0.15">
      <c r="AR32455" s="9" ph="1"/>
    </row>
    <row r="32456" spans="44:44" ht="15.75" customHeight="1" x14ac:dyDescent="0.15">
      <c r="AR32456" s="9" ph="1"/>
    </row>
    <row r="32457" spans="44:44" ht="15.75" customHeight="1" x14ac:dyDescent="0.15">
      <c r="AR32457" s="9" ph="1"/>
    </row>
    <row r="32458" spans="44:44" ht="15.75" customHeight="1" x14ac:dyDescent="0.15">
      <c r="AR32458" s="9" ph="1"/>
    </row>
    <row r="32459" spans="44:44" ht="15.75" customHeight="1" x14ac:dyDescent="0.15">
      <c r="AR32459" s="9" ph="1"/>
    </row>
    <row r="32460" spans="44:44" ht="15.75" customHeight="1" x14ac:dyDescent="0.15">
      <c r="AR32460" s="9" ph="1"/>
    </row>
    <row r="32461" spans="44:44" ht="15.75" customHeight="1" x14ac:dyDescent="0.15">
      <c r="AR32461" s="9" ph="1"/>
    </row>
    <row r="32462" spans="44:44" ht="15.75" customHeight="1" x14ac:dyDescent="0.15">
      <c r="AR32462" s="9" ph="1"/>
    </row>
    <row r="32463" spans="44:44" ht="15.75" customHeight="1" x14ac:dyDescent="0.15">
      <c r="AR32463" s="9" ph="1"/>
    </row>
    <row r="32464" spans="44:44" ht="15.75" customHeight="1" x14ac:dyDescent="0.15">
      <c r="AR32464" s="9" ph="1"/>
    </row>
    <row r="32465" spans="44:44" ht="15.75" customHeight="1" x14ac:dyDescent="0.15">
      <c r="AR32465" s="9" ph="1"/>
    </row>
    <row r="32466" spans="44:44" ht="15.75" customHeight="1" x14ac:dyDescent="0.15">
      <c r="AR32466" s="9" ph="1"/>
    </row>
    <row r="32468" spans="44:44" ht="15.75" customHeight="1" x14ac:dyDescent="0.15">
      <c r="AR32468" s="9" ph="1"/>
    </row>
    <row r="32469" spans="44:44" ht="15.75" customHeight="1" x14ac:dyDescent="0.15">
      <c r="AR32469" s="9" ph="1"/>
    </row>
    <row r="32470" spans="44:44" ht="15.75" customHeight="1" x14ac:dyDescent="0.15">
      <c r="AR32470" s="9" ph="1"/>
    </row>
    <row r="32472" spans="44:44" ht="15.75" customHeight="1" x14ac:dyDescent="0.15">
      <c r="AR32472" s="9" ph="1"/>
    </row>
    <row r="32473" spans="44:44" ht="15.75" customHeight="1" x14ac:dyDescent="0.15">
      <c r="AR32473" s="9" ph="1"/>
    </row>
    <row r="32474" spans="44:44" ht="15.75" customHeight="1" x14ac:dyDescent="0.15">
      <c r="AR32474" s="9" ph="1"/>
    </row>
    <row r="32475" spans="44:44" ht="15.75" customHeight="1" x14ac:dyDescent="0.15">
      <c r="AR32475" s="9" ph="1"/>
    </row>
    <row r="32476" spans="44:44" ht="15.75" customHeight="1" x14ac:dyDescent="0.15">
      <c r="AR32476" s="9" ph="1"/>
    </row>
    <row r="32477" spans="44:44" ht="15.75" customHeight="1" x14ac:dyDescent="0.15">
      <c r="AR32477" s="9" ph="1"/>
    </row>
    <row r="32478" spans="44:44" ht="15.75" customHeight="1" x14ac:dyDescent="0.15">
      <c r="AR32478" s="9" ph="1"/>
    </row>
    <row r="32479" spans="44:44" ht="15.75" customHeight="1" x14ac:dyDescent="0.15">
      <c r="AR32479" s="9" ph="1"/>
    </row>
    <row r="32480" spans="44:44" ht="15.75" customHeight="1" x14ac:dyDescent="0.15">
      <c r="AR32480" s="9" ph="1"/>
    </row>
    <row r="32481" spans="44:44" ht="15.75" customHeight="1" x14ac:dyDescent="0.15">
      <c r="AR32481" s="9" ph="1"/>
    </row>
    <row r="32482" spans="44:44" ht="15.75" customHeight="1" x14ac:dyDescent="0.15">
      <c r="AR32482" s="9" ph="1"/>
    </row>
    <row r="32483" spans="44:44" ht="15.75" customHeight="1" x14ac:dyDescent="0.15">
      <c r="AR32483" s="9" ph="1"/>
    </row>
    <row r="32484" spans="44:44" ht="15.75" customHeight="1" x14ac:dyDescent="0.15">
      <c r="AR32484" s="9" ph="1"/>
    </row>
    <row r="32485" spans="44:44" ht="15.75" customHeight="1" x14ac:dyDescent="0.15">
      <c r="AR32485" s="9" ph="1"/>
    </row>
    <row r="32486" spans="44:44" ht="15.75" customHeight="1" x14ac:dyDescent="0.15">
      <c r="AR32486" s="9" ph="1"/>
    </row>
    <row r="32487" spans="44:44" ht="15.75" customHeight="1" x14ac:dyDescent="0.15">
      <c r="AR32487" s="9" ph="1"/>
    </row>
    <row r="32489" spans="44:44" ht="15.75" customHeight="1" x14ac:dyDescent="0.15">
      <c r="AR32489" s="9" ph="1"/>
    </row>
    <row r="32490" spans="44:44" ht="15.75" customHeight="1" x14ac:dyDescent="0.15">
      <c r="AR32490" s="9" ph="1"/>
    </row>
    <row r="32491" spans="44:44" ht="15.75" customHeight="1" x14ac:dyDescent="0.15">
      <c r="AR32491" s="9" ph="1"/>
    </row>
    <row r="32493" spans="44:44" ht="15.75" customHeight="1" x14ac:dyDescent="0.15">
      <c r="AR32493" s="9" ph="1"/>
    </row>
    <row r="32494" spans="44:44" ht="15.75" customHeight="1" x14ac:dyDescent="0.15">
      <c r="AR32494" s="9" ph="1"/>
    </row>
    <row r="32495" spans="44:44" ht="15.75" customHeight="1" x14ac:dyDescent="0.15">
      <c r="AR32495" s="9" ph="1"/>
    </row>
    <row r="32496" spans="44:44" ht="15.75" customHeight="1" x14ac:dyDescent="0.15">
      <c r="AR32496" s="9" ph="1"/>
    </row>
    <row r="32497" spans="44:44" ht="15.75" customHeight="1" x14ac:dyDescent="0.15">
      <c r="AR32497" s="9" ph="1"/>
    </row>
    <row r="32498" spans="44:44" ht="15.75" customHeight="1" x14ac:dyDescent="0.15">
      <c r="AR32498" s="9" ph="1"/>
    </row>
    <row r="32499" spans="44:44" ht="15.75" customHeight="1" x14ac:dyDescent="0.15">
      <c r="AR32499" s="9" ph="1"/>
    </row>
    <row r="32500" spans="44:44" ht="15.75" customHeight="1" x14ac:dyDescent="0.15">
      <c r="AR32500" s="9" ph="1"/>
    </row>
    <row r="32502" spans="44:44" ht="15.75" customHeight="1" x14ac:dyDescent="0.15">
      <c r="AR32502" s="9" ph="1"/>
    </row>
    <row r="32503" spans="44:44" ht="15.75" customHeight="1" x14ac:dyDescent="0.15">
      <c r="AR32503" s="9" ph="1"/>
    </row>
    <row r="32504" spans="44:44" ht="15.75" customHeight="1" x14ac:dyDescent="0.15">
      <c r="AR32504" s="9" ph="1"/>
    </row>
    <row r="32505" spans="44:44" ht="15.75" customHeight="1" x14ac:dyDescent="0.15">
      <c r="AR32505" s="9" ph="1"/>
    </row>
    <row r="32506" spans="44:44" ht="15.75" customHeight="1" x14ac:dyDescent="0.15">
      <c r="AR32506" s="9" ph="1"/>
    </row>
    <row r="32507" spans="44:44" ht="15.75" customHeight="1" x14ac:dyDescent="0.15">
      <c r="AR32507" s="9" ph="1"/>
    </row>
    <row r="32508" spans="44:44" ht="15.75" customHeight="1" x14ac:dyDescent="0.15">
      <c r="AR32508" s="9" ph="1"/>
    </row>
    <row r="32509" spans="44:44" ht="15.75" customHeight="1" x14ac:dyDescent="0.15">
      <c r="AR32509" s="9" ph="1"/>
    </row>
    <row r="32511" spans="44:44" ht="15.75" customHeight="1" x14ac:dyDescent="0.15">
      <c r="AR32511" s="9" ph="1"/>
    </row>
    <row r="32512" spans="44:44" ht="15.75" customHeight="1" x14ac:dyDescent="0.15">
      <c r="AR32512" s="9" ph="1"/>
    </row>
    <row r="32513" spans="44:44" ht="15.75" customHeight="1" x14ac:dyDescent="0.15">
      <c r="AR32513" s="9" ph="1"/>
    </row>
    <row r="32514" spans="44:44" ht="15.75" customHeight="1" x14ac:dyDescent="0.15">
      <c r="AR32514" s="9" ph="1"/>
    </row>
    <row r="32515" spans="44:44" ht="15.75" customHeight="1" x14ac:dyDescent="0.15">
      <c r="AR32515" s="9" ph="1"/>
    </row>
    <row r="32516" spans="44:44" ht="15.75" customHeight="1" x14ac:dyDescent="0.15">
      <c r="AR32516" s="9" ph="1"/>
    </row>
    <row r="32518" spans="44:44" ht="15.75" customHeight="1" x14ac:dyDescent="0.15">
      <c r="AR32518" s="9" ph="1"/>
    </row>
    <row r="32519" spans="44:44" ht="15.75" customHeight="1" x14ac:dyDescent="0.15">
      <c r="AR32519" s="9" ph="1"/>
    </row>
    <row r="32520" spans="44:44" ht="15.75" customHeight="1" x14ac:dyDescent="0.15">
      <c r="AR32520" s="9" ph="1"/>
    </row>
    <row r="32521" spans="44:44" ht="15.75" customHeight="1" x14ac:dyDescent="0.15">
      <c r="AR32521" s="9" ph="1"/>
    </row>
    <row r="32522" spans="44:44" ht="15.75" customHeight="1" x14ac:dyDescent="0.15">
      <c r="AR32522" s="9" ph="1"/>
    </row>
    <row r="32523" spans="44:44" ht="15.75" customHeight="1" x14ac:dyDescent="0.15">
      <c r="AR32523" s="9" ph="1"/>
    </row>
    <row r="32524" spans="44:44" ht="15.75" customHeight="1" x14ac:dyDescent="0.15">
      <c r="AR32524" s="9" ph="1"/>
    </row>
    <row r="32526" spans="44:44" ht="15.75" customHeight="1" x14ac:dyDescent="0.15">
      <c r="AR32526" s="9" ph="1"/>
    </row>
    <row r="32527" spans="44:44" ht="15.75" customHeight="1" x14ac:dyDescent="0.15">
      <c r="AR32527" s="9" ph="1"/>
    </row>
    <row r="32528" spans="44:44" ht="15.75" customHeight="1" x14ac:dyDescent="0.15">
      <c r="AR32528" s="9" ph="1"/>
    </row>
    <row r="32529" spans="44:44" ht="15.75" customHeight="1" x14ac:dyDescent="0.15">
      <c r="AR32529" s="9" ph="1"/>
    </row>
    <row r="32530" spans="44:44" ht="15.75" customHeight="1" x14ac:dyDescent="0.15">
      <c r="AR32530" s="9" ph="1"/>
    </row>
    <row r="32531" spans="44:44" ht="15.75" customHeight="1" x14ac:dyDescent="0.15">
      <c r="AR32531" s="9" ph="1"/>
    </row>
    <row r="32533" spans="44:44" ht="15.75" customHeight="1" x14ac:dyDescent="0.15">
      <c r="AR32533" s="9" ph="1"/>
    </row>
    <row r="32534" spans="44:44" ht="15.75" customHeight="1" x14ac:dyDescent="0.15">
      <c r="AR32534" s="9" ph="1"/>
    </row>
    <row r="32535" spans="44:44" ht="15.75" customHeight="1" x14ac:dyDescent="0.15">
      <c r="AR32535" s="9" ph="1"/>
    </row>
    <row r="32536" spans="44:44" ht="15.75" customHeight="1" x14ac:dyDescent="0.15">
      <c r="AR32536" s="9" ph="1"/>
    </row>
    <row r="32537" spans="44:44" ht="15.75" customHeight="1" x14ac:dyDescent="0.15">
      <c r="AR32537" s="9" ph="1"/>
    </row>
    <row r="32538" spans="44:44" ht="15.75" customHeight="1" x14ac:dyDescent="0.15">
      <c r="AR32538" s="9" ph="1"/>
    </row>
    <row r="32539" spans="44:44" ht="15.75" customHeight="1" x14ac:dyDescent="0.15">
      <c r="AR32539" s="9" ph="1"/>
    </row>
    <row r="32540" spans="44:44" ht="15.75" customHeight="1" x14ac:dyDescent="0.15">
      <c r="AR32540" s="9" ph="1"/>
    </row>
    <row r="32541" spans="44:44" ht="15.75" customHeight="1" x14ac:dyDescent="0.15">
      <c r="AR32541" s="9" ph="1"/>
    </row>
    <row r="32542" spans="44:44" ht="15.75" customHeight="1" x14ac:dyDescent="0.15">
      <c r="AR32542" s="9" ph="1"/>
    </row>
    <row r="32543" spans="44:44" ht="15.75" customHeight="1" x14ac:dyDescent="0.15">
      <c r="AR32543" s="9" ph="1"/>
    </row>
    <row r="32544" spans="44:44" ht="15.75" customHeight="1" x14ac:dyDescent="0.15">
      <c r="AR32544" s="9" ph="1"/>
    </row>
    <row r="32545" spans="44:44" ht="15.75" customHeight="1" x14ac:dyDescent="0.15">
      <c r="AR32545" s="9" ph="1"/>
    </row>
    <row r="32547" spans="44:44" ht="15.75" customHeight="1" x14ac:dyDescent="0.15">
      <c r="AR32547" s="9" ph="1"/>
    </row>
    <row r="32548" spans="44:44" ht="15.75" customHeight="1" x14ac:dyDescent="0.15">
      <c r="AR32548" s="9" ph="1"/>
    </row>
    <row r="32549" spans="44:44" ht="15.75" customHeight="1" x14ac:dyDescent="0.15">
      <c r="AR32549" s="9" ph="1"/>
    </row>
    <row r="32551" spans="44:44" ht="15.75" customHeight="1" x14ac:dyDescent="0.15">
      <c r="AR32551" s="9" ph="1"/>
    </row>
    <row r="32552" spans="44:44" ht="15.75" customHeight="1" x14ac:dyDescent="0.15">
      <c r="AR32552" s="9" ph="1"/>
    </row>
    <row r="32553" spans="44:44" ht="15.75" customHeight="1" x14ac:dyDescent="0.15">
      <c r="AR32553" s="9" ph="1"/>
    </row>
    <row r="32554" spans="44:44" ht="15.75" customHeight="1" x14ac:dyDescent="0.15">
      <c r="AR32554" s="9" ph="1"/>
    </row>
    <row r="32555" spans="44:44" ht="15.75" customHeight="1" x14ac:dyDescent="0.15">
      <c r="AR32555" s="9" ph="1"/>
    </row>
    <row r="32556" spans="44:44" ht="15.75" customHeight="1" x14ac:dyDescent="0.15">
      <c r="AR32556" s="9" ph="1"/>
    </row>
    <row r="32557" spans="44:44" ht="15.75" customHeight="1" x14ac:dyDescent="0.15">
      <c r="AR32557" s="9" ph="1"/>
    </row>
    <row r="32558" spans="44:44" ht="15.75" customHeight="1" x14ac:dyDescent="0.15">
      <c r="AR32558" s="9" ph="1"/>
    </row>
    <row r="32559" spans="44:44" ht="15.75" customHeight="1" x14ac:dyDescent="0.15">
      <c r="AR32559" s="9" ph="1"/>
    </row>
    <row r="32560" spans="44:44" ht="15.75" customHeight="1" x14ac:dyDescent="0.15">
      <c r="AR32560" s="9" ph="1"/>
    </row>
    <row r="32561" spans="44:44" ht="15.75" customHeight="1" x14ac:dyDescent="0.15">
      <c r="AR32561" s="9" ph="1"/>
    </row>
    <row r="32562" spans="44:44" ht="15.75" customHeight="1" x14ac:dyDescent="0.15">
      <c r="AR32562" s="9" ph="1"/>
    </row>
    <row r="32563" spans="44:44" ht="15.75" customHeight="1" x14ac:dyDescent="0.15">
      <c r="AR32563" s="9" ph="1"/>
    </row>
    <row r="32564" spans="44:44" ht="15.75" customHeight="1" x14ac:dyDescent="0.15">
      <c r="AR32564" s="9" ph="1"/>
    </row>
    <row r="32565" spans="44:44" ht="15.75" customHeight="1" x14ac:dyDescent="0.15">
      <c r="AR32565" s="9" ph="1"/>
    </row>
    <row r="32566" spans="44:44" ht="15.75" customHeight="1" x14ac:dyDescent="0.15">
      <c r="AR32566" s="9" ph="1"/>
    </row>
    <row r="32568" spans="44:44" ht="15.75" customHeight="1" x14ac:dyDescent="0.15">
      <c r="AR32568" s="9" ph="1"/>
    </row>
    <row r="32569" spans="44:44" ht="15.75" customHeight="1" x14ac:dyDescent="0.15">
      <c r="AR32569" s="9" ph="1"/>
    </row>
    <row r="32570" spans="44:44" ht="15.75" customHeight="1" x14ac:dyDescent="0.15">
      <c r="AR32570" s="9" ph="1"/>
    </row>
    <row r="32572" spans="44:44" ht="15.75" customHeight="1" x14ac:dyDescent="0.15">
      <c r="AR32572" s="9" ph="1"/>
    </row>
    <row r="32573" spans="44:44" ht="15.75" customHeight="1" x14ac:dyDescent="0.15">
      <c r="AR32573" s="9" ph="1"/>
    </row>
    <row r="32574" spans="44:44" ht="15.75" customHeight="1" x14ac:dyDescent="0.15">
      <c r="AR32574" s="9" ph="1"/>
    </row>
    <row r="32575" spans="44:44" ht="15.75" customHeight="1" x14ac:dyDescent="0.15">
      <c r="AR32575" s="9" ph="1"/>
    </row>
    <row r="32576" spans="44:44" ht="15.75" customHeight="1" x14ac:dyDescent="0.15">
      <c r="AR32576" s="9" ph="1"/>
    </row>
    <row r="32577" spans="44:44" ht="15.75" customHeight="1" x14ac:dyDescent="0.15">
      <c r="AR32577" s="9" ph="1"/>
    </row>
    <row r="32578" spans="44:44" ht="15.75" customHeight="1" x14ac:dyDescent="0.15">
      <c r="AR32578" s="9" ph="1"/>
    </row>
    <row r="32579" spans="44:44" ht="15.75" customHeight="1" x14ac:dyDescent="0.15">
      <c r="AR32579" s="9" ph="1"/>
    </row>
    <row r="32581" spans="44:44" ht="15.75" customHeight="1" x14ac:dyDescent="0.15">
      <c r="AR32581" s="9" ph="1"/>
    </row>
    <row r="32582" spans="44:44" ht="15.75" customHeight="1" x14ac:dyDescent="0.15">
      <c r="AR32582" s="9" ph="1"/>
    </row>
    <row r="32583" spans="44:44" ht="15.75" customHeight="1" x14ac:dyDescent="0.15">
      <c r="AR32583" s="9" ph="1"/>
    </row>
    <row r="32584" spans="44:44" ht="15.75" customHeight="1" x14ac:dyDescent="0.15">
      <c r="AR32584" s="9" ph="1"/>
    </row>
    <row r="32585" spans="44:44" ht="15.75" customHeight="1" x14ac:dyDescent="0.15">
      <c r="AR32585" s="9" ph="1"/>
    </row>
    <row r="32586" spans="44:44" ht="15.75" customHeight="1" x14ac:dyDescent="0.15">
      <c r="AR32586" s="9" ph="1"/>
    </row>
    <row r="32587" spans="44:44" ht="15.75" customHeight="1" x14ac:dyDescent="0.15">
      <c r="AR32587" s="9" ph="1"/>
    </row>
    <row r="32588" spans="44:44" ht="15.75" customHeight="1" x14ac:dyDescent="0.15">
      <c r="AR32588" s="9" ph="1"/>
    </row>
    <row r="32590" spans="44:44" ht="15.75" customHeight="1" x14ac:dyDescent="0.15">
      <c r="AR32590" s="9" ph="1"/>
    </row>
    <row r="32591" spans="44:44" ht="15.75" customHeight="1" x14ac:dyDescent="0.15">
      <c r="AR32591" s="9" ph="1"/>
    </row>
    <row r="32592" spans="44:44" ht="15.75" customHeight="1" x14ac:dyDescent="0.15">
      <c r="AR32592" s="9" ph="1"/>
    </row>
    <row r="32593" spans="44:44" ht="15.75" customHeight="1" x14ac:dyDescent="0.15">
      <c r="AR32593" s="9" ph="1"/>
    </row>
    <row r="32594" spans="44:44" ht="15.75" customHeight="1" x14ac:dyDescent="0.15">
      <c r="AR32594" s="9" ph="1"/>
    </row>
    <row r="32595" spans="44:44" ht="15.75" customHeight="1" x14ac:dyDescent="0.15">
      <c r="AR32595" s="9" ph="1"/>
    </row>
    <row r="32597" spans="44:44" ht="15.75" customHeight="1" x14ac:dyDescent="0.15">
      <c r="AR32597" s="9" ph="1"/>
    </row>
    <row r="32598" spans="44:44" ht="15.75" customHeight="1" x14ac:dyDescent="0.15">
      <c r="AR32598" s="9" ph="1"/>
    </row>
    <row r="32599" spans="44:44" ht="15.75" customHeight="1" x14ac:dyDescent="0.15">
      <c r="AR32599" s="9" ph="1"/>
    </row>
    <row r="32600" spans="44:44" ht="15.75" customHeight="1" x14ac:dyDescent="0.15">
      <c r="AR32600" s="9" ph="1"/>
    </row>
    <row r="32601" spans="44:44" ht="15.75" customHeight="1" x14ac:dyDescent="0.15">
      <c r="AR32601" s="9" ph="1"/>
    </row>
    <row r="32602" spans="44:44" ht="15.75" customHeight="1" x14ac:dyDescent="0.15">
      <c r="AR32602" s="9" ph="1"/>
    </row>
    <row r="32603" spans="44:44" ht="15.75" customHeight="1" x14ac:dyDescent="0.15">
      <c r="AR32603" s="9" ph="1"/>
    </row>
    <row r="32604" spans="44:44" ht="15.75" customHeight="1" x14ac:dyDescent="0.15">
      <c r="AR32604" s="9" ph="1"/>
    </row>
    <row r="32605" spans="44:44" ht="15.75" customHeight="1" x14ac:dyDescent="0.15">
      <c r="AR32605" s="9" ph="1"/>
    </row>
    <row r="32606" spans="44:44" ht="15.75" customHeight="1" x14ac:dyDescent="0.15">
      <c r="AR32606" s="9" ph="1"/>
    </row>
    <row r="32607" spans="44:44" ht="15.75" customHeight="1" x14ac:dyDescent="0.15">
      <c r="AR32607" s="9" ph="1"/>
    </row>
    <row r="32608" spans="44:44" ht="15.75" customHeight="1" x14ac:dyDescent="0.15">
      <c r="AR32608" s="9" ph="1"/>
    </row>
    <row r="32610" spans="44:44" ht="15.75" customHeight="1" x14ac:dyDescent="0.15">
      <c r="AR32610" s="9" ph="1"/>
    </row>
    <row r="32611" spans="44:44" ht="15.75" customHeight="1" x14ac:dyDescent="0.15">
      <c r="AR32611" s="9" ph="1"/>
    </row>
    <row r="32612" spans="44:44" ht="15.75" customHeight="1" x14ac:dyDescent="0.15">
      <c r="AR32612" s="9" ph="1"/>
    </row>
    <row r="32613" spans="44:44" ht="15.75" customHeight="1" x14ac:dyDescent="0.15">
      <c r="AR32613" s="9" ph="1"/>
    </row>
    <row r="32614" spans="44:44" ht="15.75" customHeight="1" x14ac:dyDescent="0.15">
      <c r="AR32614" s="9" ph="1"/>
    </row>
    <row r="32615" spans="44:44" ht="15.75" customHeight="1" x14ac:dyDescent="0.15">
      <c r="AR32615" s="9" ph="1"/>
    </row>
    <row r="32616" spans="44:44" ht="15.75" customHeight="1" x14ac:dyDescent="0.15">
      <c r="AR32616" s="9" ph="1"/>
    </row>
    <row r="32617" spans="44:44" ht="15.75" customHeight="1" x14ac:dyDescent="0.15">
      <c r="AR32617" s="9" ph="1"/>
    </row>
    <row r="32619" spans="44:44" ht="15.75" customHeight="1" x14ac:dyDescent="0.15">
      <c r="AR32619" s="9" ph="1"/>
    </row>
    <row r="32620" spans="44:44" ht="15.75" customHeight="1" x14ac:dyDescent="0.15">
      <c r="AR32620" s="9" ph="1"/>
    </row>
    <row r="32621" spans="44:44" ht="15.75" customHeight="1" x14ac:dyDescent="0.15">
      <c r="AR32621" s="9" ph="1"/>
    </row>
    <row r="32622" spans="44:44" ht="15.75" customHeight="1" x14ac:dyDescent="0.15">
      <c r="AR32622" s="9" ph="1"/>
    </row>
    <row r="32623" spans="44:44" ht="15.75" customHeight="1" x14ac:dyDescent="0.15">
      <c r="AR32623" s="9" ph="1"/>
    </row>
    <row r="32624" spans="44:44" ht="15.75" customHeight="1" x14ac:dyDescent="0.15">
      <c r="AR32624" s="9" ph="1"/>
    </row>
    <row r="32626" spans="44:44" ht="15.75" customHeight="1" x14ac:dyDescent="0.15">
      <c r="AR32626" s="9" ph="1"/>
    </row>
    <row r="32627" spans="44:44" ht="15.75" customHeight="1" x14ac:dyDescent="0.15">
      <c r="AR32627" s="9" ph="1"/>
    </row>
    <row r="32628" spans="44:44" ht="15.75" customHeight="1" x14ac:dyDescent="0.15">
      <c r="AR32628" s="9" ph="1"/>
    </row>
    <row r="32629" spans="44:44" ht="15.75" customHeight="1" x14ac:dyDescent="0.15">
      <c r="AR32629" s="9" ph="1"/>
    </row>
    <row r="32630" spans="44:44" ht="15.75" customHeight="1" x14ac:dyDescent="0.15">
      <c r="AR32630" s="9" ph="1"/>
    </row>
    <row r="32631" spans="44:44" ht="15.75" customHeight="1" x14ac:dyDescent="0.15">
      <c r="AR32631" s="9" ph="1"/>
    </row>
    <row r="32632" spans="44:44" ht="15.75" customHeight="1" x14ac:dyDescent="0.15">
      <c r="AR32632" s="9" ph="1"/>
    </row>
    <row r="32636" spans="44:44" ht="15.75" customHeight="1" x14ac:dyDescent="0.15">
      <c r="AR32636" s="9" ph="1"/>
    </row>
    <row r="32637" spans="44:44" ht="15.75" customHeight="1" x14ac:dyDescent="0.15">
      <c r="AR32637" s="9" ph="1"/>
    </row>
    <row r="32638" spans="44:44" ht="15.75" customHeight="1" x14ac:dyDescent="0.15">
      <c r="AR32638" s="9" ph="1"/>
    </row>
    <row r="32639" spans="44:44" ht="15.75" customHeight="1" x14ac:dyDescent="0.15">
      <c r="AR32639" s="9" ph="1"/>
    </row>
    <row r="32640" spans="44:44" ht="15.75" customHeight="1" x14ac:dyDescent="0.15">
      <c r="AR32640" s="9" ph="1"/>
    </row>
    <row r="32641" spans="44:44" ht="15.75" customHeight="1" x14ac:dyDescent="0.15">
      <c r="AR32641" s="9" ph="1"/>
    </row>
    <row r="32642" spans="44:44" ht="15.75" customHeight="1" x14ac:dyDescent="0.15">
      <c r="AR32642" s="9" ph="1"/>
    </row>
    <row r="32643" spans="44:44" ht="15.75" customHeight="1" x14ac:dyDescent="0.15">
      <c r="AR32643" s="9" ph="1"/>
    </row>
    <row r="32645" spans="44:44" ht="15.75" customHeight="1" x14ac:dyDescent="0.15">
      <c r="AR32645" s="9" ph="1"/>
    </row>
    <row r="32646" spans="44:44" ht="15.75" customHeight="1" x14ac:dyDescent="0.15">
      <c r="AR32646" s="9" ph="1"/>
    </row>
    <row r="32647" spans="44:44" ht="15.75" customHeight="1" x14ac:dyDescent="0.15">
      <c r="AR32647" s="9" ph="1"/>
    </row>
    <row r="32648" spans="44:44" ht="15.75" customHeight="1" x14ac:dyDescent="0.15">
      <c r="AR32648" s="9" ph="1"/>
    </row>
    <row r="32655" spans="44:44" ht="15.75" customHeight="1" x14ac:dyDescent="0.15">
      <c r="AR32655" s="9" ph="1"/>
    </row>
    <row r="32656" spans="44:44" ht="15.75" customHeight="1" x14ac:dyDescent="0.15">
      <c r="AR32656" s="9" ph="1"/>
    </row>
    <row r="32657" spans="44:44" ht="15.75" customHeight="1" x14ac:dyDescent="0.15">
      <c r="AR32657" s="9" ph="1"/>
    </row>
    <row r="32658" spans="44:44" ht="15.75" customHeight="1" x14ac:dyDescent="0.15">
      <c r="AR32658" s="9" ph="1"/>
    </row>
    <row r="32659" spans="44:44" ht="15.75" customHeight="1" x14ac:dyDescent="0.15">
      <c r="AR32659" s="9" ph="1"/>
    </row>
    <row r="32660" spans="44:44" ht="15.75" customHeight="1" x14ac:dyDescent="0.15">
      <c r="AR32660" s="9" ph="1"/>
    </row>
    <row r="32661" spans="44:44" ht="15.75" customHeight="1" x14ac:dyDescent="0.15">
      <c r="AR32661" s="9" ph="1"/>
    </row>
    <row r="32662" spans="44:44" ht="15.75" customHeight="1" x14ac:dyDescent="0.15">
      <c r="AR32662" s="9" ph="1"/>
    </row>
    <row r="32664" spans="44:44" ht="15.75" customHeight="1" x14ac:dyDescent="0.15">
      <c r="AR32664" s="9" ph="1"/>
    </row>
    <row r="32665" spans="44:44" ht="15.75" customHeight="1" x14ac:dyDescent="0.15">
      <c r="AR32665" s="9" ph="1"/>
    </row>
    <row r="32666" spans="44:44" ht="15.75" customHeight="1" x14ac:dyDescent="0.15">
      <c r="AR32666" s="9" ph="1"/>
    </row>
    <row r="32668" spans="44:44" ht="15.75" customHeight="1" x14ac:dyDescent="0.15">
      <c r="AR32668" s="9" ph="1"/>
    </row>
    <row r="32669" spans="44:44" ht="15.75" customHeight="1" x14ac:dyDescent="0.15">
      <c r="AR32669" s="9" ph="1"/>
    </row>
    <row r="32670" spans="44:44" ht="15.75" customHeight="1" x14ac:dyDescent="0.15">
      <c r="AR32670" s="9" ph="1"/>
    </row>
    <row r="32671" spans="44:44" ht="15.75" customHeight="1" x14ac:dyDescent="0.15">
      <c r="AR32671" s="9" ph="1"/>
    </row>
    <row r="32672" spans="44:44" ht="15.75" customHeight="1" x14ac:dyDescent="0.15">
      <c r="AR32672" s="9" ph="1"/>
    </row>
    <row r="32673" spans="44:44" ht="15.75" customHeight="1" x14ac:dyDescent="0.15">
      <c r="AR32673" s="9" ph="1"/>
    </row>
    <row r="32674" spans="44:44" ht="15.75" customHeight="1" x14ac:dyDescent="0.15">
      <c r="AR32674" s="9" ph="1"/>
    </row>
    <row r="32675" spans="44:44" ht="15.75" customHeight="1" x14ac:dyDescent="0.15">
      <c r="AR32675" s="9" ph="1"/>
    </row>
    <row r="32676" spans="44:44" ht="15.75" customHeight="1" x14ac:dyDescent="0.15">
      <c r="AR32676" s="9" ph="1"/>
    </row>
    <row r="32677" spans="44:44" ht="15.75" customHeight="1" x14ac:dyDescent="0.15">
      <c r="AR32677" s="9" ph="1"/>
    </row>
    <row r="32678" spans="44:44" ht="15.75" customHeight="1" x14ac:dyDescent="0.15">
      <c r="AR32678" s="9" ph="1"/>
    </row>
    <row r="32679" spans="44:44" ht="15.75" customHeight="1" x14ac:dyDescent="0.15">
      <c r="AR32679" s="9" ph="1"/>
    </row>
    <row r="32680" spans="44:44" ht="15.75" customHeight="1" x14ac:dyDescent="0.15">
      <c r="AR32680" s="9" ph="1"/>
    </row>
    <row r="32682" spans="44:44" ht="15.75" customHeight="1" x14ac:dyDescent="0.15">
      <c r="AR32682" s="9" ph="1"/>
    </row>
    <row r="32683" spans="44:44" ht="15.75" customHeight="1" x14ac:dyDescent="0.15">
      <c r="AR32683" s="9" ph="1"/>
    </row>
    <row r="32684" spans="44:44" ht="15.75" customHeight="1" x14ac:dyDescent="0.15">
      <c r="AR32684" s="9" ph="1"/>
    </row>
    <row r="32686" spans="44:44" ht="15.75" customHeight="1" x14ac:dyDescent="0.15">
      <c r="AR32686" s="9" ph="1"/>
    </row>
    <row r="32687" spans="44:44" ht="15.75" customHeight="1" x14ac:dyDescent="0.15">
      <c r="AR32687" s="9" ph="1"/>
    </row>
    <row r="32688" spans="44:44" ht="15.75" customHeight="1" x14ac:dyDescent="0.15">
      <c r="AR32688" s="9" ph="1"/>
    </row>
    <row r="32689" spans="44:44" ht="15.75" customHeight="1" x14ac:dyDescent="0.15">
      <c r="AR32689" s="9" ph="1"/>
    </row>
    <row r="32690" spans="44:44" ht="15.75" customHeight="1" x14ac:dyDescent="0.15">
      <c r="AR32690" s="9" ph="1"/>
    </row>
    <row r="32691" spans="44:44" ht="15.75" customHeight="1" x14ac:dyDescent="0.15">
      <c r="AR32691" s="9" ph="1"/>
    </row>
    <row r="32693" spans="44:44" ht="15.75" customHeight="1" x14ac:dyDescent="0.15">
      <c r="AR32693" s="9" ph="1"/>
    </row>
    <row r="32694" spans="44:44" ht="15.75" customHeight="1" x14ac:dyDescent="0.15">
      <c r="AR32694" s="9" ph="1"/>
    </row>
    <row r="32695" spans="44:44" ht="15.75" customHeight="1" x14ac:dyDescent="0.15">
      <c r="AR32695" s="9" ph="1"/>
    </row>
    <row r="32696" spans="44:44" ht="15.75" customHeight="1" x14ac:dyDescent="0.15">
      <c r="AR32696" s="9" ph="1"/>
    </row>
    <row r="32697" spans="44:44" ht="15.75" customHeight="1" x14ac:dyDescent="0.15">
      <c r="AR32697" s="9" ph="1"/>
    </row>
    <row r="32698" spans="44:44" ht="15.75" customHeight="1" x14ac:dyDescent="0.15">
      <c r="AR32698" s="9" ph="1"/>
    </row>
    <row r="32699" spans="44:44" ht="15.75" customHeight="1" x14ac:dyDescent="0.15">
      <c r="AR32699" s="9" ph="1"/>
    </row>
    <row r="32700" spans="44:44" ht="15.75" customHeight="1" x14ac:dyDescent="0.15">
      <c r="AR32700" s="9" ph="1"/>
    </row>
    <row r="32701" spans="44:44" ht="15.75" customHeight="1" x14ac:dyDescent="0.15">
      <c r="AR32701" s="9" ph="1"/>
    </row>
    <row r="32702" spans="44:44" ht="15.75" customHeight="1" x14ac:dyDescent="0.15">
      <c r="AR32702" s="9" ph="1"/>
    </row>
    <row r="32703" spans="44:44" ht="15.75" customHeight="1" x14ac:dyDescent="0.15">
      <c r="AR32703" s="9" ph="1"/>
    </row>
    <row r="32704" spans="44:44" ht="15.75" customHeight="1" x14ac:dyDescent="0.15">
      <c r="AR32704" s="9" ph="1"/>
    </row>
    <row r="32705" spans="44:44" ht="15.75" customHeight="1" x14ac:dyDescent="0.15">
      <c r="AR32705" s="9" ph="1"/>
    </row>
    <row r="32707" spans="44:44" ht="15.75" customHeight="1" x14ac:dyDescent="0.15">
      <c r="AR32707" s="9" ph="1"/>
    </row>
    <row r="32708" spans="44:44" ht="15.75" customHeight="1" x14ac:dyDescent="0.15">
      <c r="AR32708" s="9" ph="1"/>
    </row>
    <row r="32709" spans="44:44" ht="15.75" customHeight="1" x14ac:dyDescent="0.15">
      <c r="AR32709" s="9" ph="1"/>
    </row>
    <row r="32711" spans="44:44" ht="15.75" customHeight="1" x14ac:dyDescent="0.15">
      <c r="AR32711" s="9" ph="1"/>
    </row>
    <row r="32712" spans="44:44" ht="15.75" customHeight="1" x14ac:dyDescent="0.15">
      <c r="AR32712" s="9" ph="1"/>
    </row>
    <row r="32713" spans="44:44" ht="15.75" customHeight="1" x14ac:dyDescent="0.15">
      <c r="AR32713" s="9" ph="1"/>
    </row>
    <row r="32714" spans="44:44" ht="15.75" customHeight="1" x14ac:dyDescent="0.15">
      <c r="AR32714" s="9" ph="1"/>
    </row>
    <row r="32715" spans="44:44" ht="15.75" customHeight="1" x14ac:dyDescent="0.15">
      <c r="AR32715" s="9" ph="1"/>
    </row>
    <row r="32716" spans="44:44" ht="15.75" customHeight="1" x14ac:dyDescent="0.15">
      <c r="AR32716" s="9" ph="1"/>
    </row>
    <row r="32717" spans="44:44" ht="15.75" customHeight="1" x14ac:dyDescent="0.15">
      <c r="AR32717" s="9" ph="1"/>
    </row>
    <row r="32718" spans="44:44" ht="15.75" customHeight="1" x14ac:dyDescent="0.15">
      <c r="AR32718" s="9" ph="1"/>
    </row>
    <row r="32719" spans="44:44" ht="15.75" customHeight="1" x14ac:dyDescent="0.15">
      <c r="AR32719" s="9" ph="1"/>
    </row>
    <row r="32720" spans="44:44" ht="15.75" customHeight="1" x14ac:dyDescent="0.15">
      <c r="AR32720" s="9" ph="1"/>
    </row>
    <row r="32721" spans="44:44" ht="15.75" customHeight="1" x14ac:dyDescent="0.15">
      <c r="AR32721" s="9" ph="1"/>
    </row>
    <row r="32722" spans="44:44" ht="15.75" customHeight="1" x14ac:dyDescent="0.15">
      <c r="AR32722" s="9" ph="1"/>
    </row>
    <row r="32723" spans="44:44" ht="15.75" customHeight="1" x14ac:dyDescent="0.15">
      <c r="AR32723" s="9" ph="1"/>
    </row>
    <row r="32724" spans="44:44" ht="15.75" customHeight="1" x14ac:dyDescent="0.15">
      <c r="AR32724" s="9" ph="1"/>
    </row>
    <row r="32725" spans="44:44" ht="15.75" customHeight="1" x14ac:dyDescent="0.15">
      <c r="AR32725" s="9" ph="1"/>
    </row>
    <row r="32726" spans="44:44" ht="15.75" customHeight="1" x14ac:dyDescent="0.15">
      <c r="AR32726" s="9" ph="1"/>
    </row>
    <row r="32728" spans="44:44" ht="15.75" customHeight="1" x14ac:dyDescent="0.15">
      <c r="AR32728" s="9" ph="1"/>
    </row>
    <row r="32729" spans="44:44" ht="15.75" customHeight="1" x14ac:dyDescent="0.15">
      <c r="AR32729" s="9" ph="1"/>
    </row>
    <row r="32730" spans="44:44" ht="15.75" customHeight="1" x14ac:dyDescent="0.15">
      <c r="AR32730" s="9" ph="1"/>
    </row>
    <row r="32732" spans="44:44" ht="15.75" customHeight="1" x14ac:dyDescent="0.15">
      <c r="AR32732" s="9" ph="1"/>
    </row>
    <row r="32733" spans="44:44" ht="15.75" customHeight="1" x14ac:dyDescent="0.15">
      <c r="AR32733" s="9" ph="1"/>
    </row>
    <row r="32734" spans="44:44" ht="15.75" customHeight="1" x14ac:dyDescent="0.15">
      <c r="AR32734" s="9" ph="1"/>
    </row>
    <row r="32735" spans="44:44" ht="15.75" customHeight="1" x14ac:dyDescent="0.15">
      <c r="AR32735" s="9" ph="1"/>
    </row>
    <row r="32736" spans="44:44" ht="15.75" customHeight="1" x14ac:dyDescent="0.15">
      <c r="AR32736" s="9" ph="1"/>
    </row>
    <row r="32737" spans="44:44" ht="15.75" customHeight="1" x14ac:dyDescent="0.15">
      <c r="AR32737" s="9" ph="1"/>
    </row>
    <row r="32738" spans="44:44" ht="15.75" customHeight="1" x14ac:dyDescent="0.15">
      <c r="AR32738" s="9" ph="1"/>
    </row>
    <row r="32739" spans="44:44" ht="15.75" customHeight="1" x14ac:dyDescent="0.15">
      <c r="AR32739" s="9" ph="1"/>
    </row>
    <row r="32741" spans="44:44" ht="15.75" customHeight="1" x14ac:dyDescent="0.15">
      <c r="AR32741" s="9" ph="1"/>
    </row>
    <row r="32742" spans="44:44" ht="15.75" customHeight="1" x14ac:dyDescent="0.15">
      <c r="AR32742" s="9" ph="1"/>
    </row>
    <row r="32743" spans="44:44" ht="15.75" customHeight="1" x14ac:dyDescent="0.15">
      <c r="AR32743" s="9" ph="1"/>
    </row>
    <row r="32744" spans="44:44" ht="15.75" customHeight="1" x14ac:dyDescent="0.15">
      <c r="AR32744" s="9" ph="1"/>
    </row>
    <row r="32745" spans="44:44" ht="15.75" customHeight="1" x14ac:dyDescent="0.15">
      <c r="AR32745" s="9" ph="1"/>
    </row>
    <row r="32746" spans="44:44" ht="15.75" customHeight="1" x14ac:dyDescent="0.15">
      <c r="AR32746" s="9" ph="1"/>
    </row>
    <row r="32747" spans="44:44" ht="15.75" customHeight="1" x14ac:dyDescent="0.15">
      <c r="AR32747" s="9" ph="1"/>
    </row>
    <row r="32748" spans="44:44" ht="15.75" customHeight="1" x14ac:dyDescent="0.15">
      <c r="AR32748" s="9" ph="1"/>
    </row>
    <row r="32750" spans="44:44" ht="15.75" customHeight="1" x14ac:dyDescent="0.15">
      <c r="AR32750" s="9" ph="1"/>
    </row>
    <row r="32751" spans="44:44" ht="15.75" customHeight="1" x14ac:dyDescent="0.15">
      <c r="AR32751" s="9" ph="1"/>
    </row>
    <row r="32752" spans="44:44" ht="15.75" customHeight="1" x14ac:dyDescent="0.15">
      <c r="AR32752" s="9" ph="1"/>
    </row>
    <row r="32753" spans="44:44" ht="15.75" customHeight="1" x14ac:dyDescent="0.15">
      <c r="AR32753" s="9" ph="1"/>
    </row>
    <row r="32754" spans="44:44" ht="15.75" customHeight="1" x14ac:dyDescent="0.15">
      <c r="AR32754" s="9" ph="1"/>
    </row>
    <row r="32755" spans="44:44" ht="15.75" customHeight="1" x14ac:dyDescent="0.15">
      <c r="AR32755" s="9" ph="1"/>
    </row>
    <row r="32757" spans="44:44" ht="15.75" customHeight="1" x14ac:dyDescent="0.15">
      <c r="AR32757" s="9" ph="1"/>
    </row>
    <row r="32758" spans="44:44" ht="15.75" customHeight="1" x14ac:dyDescent="0.15">
      <c r="AR32758" s="9" ph="1"/>
    </row>
    <row r="32759" spans="44:44" ht="15.75" customHeight="1" x14ac:dyDescent="0.15">
      <c r="AR32759" s="9" ph="1"/>
    </row>
    <row r="32760" spans="44:44" ht="15.75" customHeight="1" x14ac:dyDescent="0.15">
      <c r="AR32760" s="9" ph="1"/>
    </row>
    <row r="32761" spans="44:44" ht="15.75" customHeight="1" x14ac:dyDescent="0.15">
      <c r="AR32761" s="9" ph="1"/>
    </row>
    <row r="32762" spans="44:44" ht="15.75" customHeight="1" x14ac:dyDescent="0.15">
      <c r="AR32762" s="9" ph="1"/>
    </row>
    <row r="32763" spans="44:44" ht="15.75" customHeight="1" x14ac:dyDescent="0.15">
      <c r="AR32763" s="9" ph="1"/>
    </row>
    <row r="32765" spans="44:44" ht="15.75" customHeight="1" x14ac:dyDescent="0.15">
      <c r="AR32765" s="9" ph="1"/>
    </row>
    <row r="32766" spans="44:44" ht="15.75" customHeight="1" x14ac:dyDescent="0.15">
      <c r="AR32766" s="9" ph="1"/>
    </row>
    <row r="32767" spans="44:44" ht="15.75" customHeight="1" x14ac:dyDescent="0.15">
      <c r="AR32767" s="9" ph="1"/>
    </row>
    <row r="32768" spans="44:44" ht="15.75" customHeight="1" x14ac:dyDescent="0.15">
      <c r="AR32768" s="9" ph="1"/>
    </row>
    <row r="32769" spans="44:44" ht="15.75" customHeight="1" x14ac:dyDescent="0.15">
      <c r="AR32769" s="9" ph="1"/>
    </row>
    <row r="32770" spans="44:44" ht="15.75" customHeight="1" x14ac:dyDescent="0.15">
      <c r="AR32770" s="9" ph="1"/>
    </row>
    <row r="32772" spans="44:44" ht="15.75" customHeight="1" x14ac:dyDescent="0.15">
      <c r="AR32772" s="9" ph="1"/>
    </row>
    <row r="32773" spans="44:44" ht="15.75" customHeight="1" x14ac:dyDescent="0.15">
      <c r="AR32773" s="9" ph="1"/>
    </row>
    <row r="32774" spans="44:44" ht="15.75" customHeight="1" x14ac:dyDescent="0.15">
      <c r="AR32774" s="9" ph="1"/>
    </row>
    <row r="32775" spans="44:44" ht="15.75" customHeight="1" x14ac:dyDescent="0.15">
      <c r="AR32775" s="9" ph="1"/>
    </row>
    <row r="32776" spans="44:44" ht="15.75" customHeight="1" x14ac:dyDescent="0.15">
      <c r="AR32776" s="9" ph="1"/>
    </row>
    <row r="32777" spans="44:44" ht="15.75" customHeight="1" x14ac:dyDescent="0.15">
      <c r="AR32777" s="9" ph="1"/>
    </row>
    <row r="32778" spans="44:44" ht="15.75" customHeight="1" x14ac:dyDescent="0.15">
      <c r="AR32778" s="9" ph="1"/>
    </row>
    <row r="32779" spans="44:44" ht="15.75" customHeight="1" x14ac:dyDescent="0.15">
      <c r="AR32779" s="9" ph="1"/>
    </row>
    <row r="32780" spans="44:44" ht="15.75" customHeight="1" x14ac:dyDescent="0.15">
      <c r="AR32780" s="9" ph="1"/>
    </row>
    <row r="32781" spans="44:44" ht="15.75" customHeight="1" x14ac:dyDescent="0.15">
      <c r="AR32781" s="9" ph="1"/>
    </row>
    <row r="32782" spans="44:44" ht="15.75" customHeight="1" x14ac:dyDescent="0.15">
      <c r="AR32782" s="9" ph="1"/>
    </row>
    <row r="32783" spans="44:44" ht="15.75" customHeight="1" x14ac:dyDescent="0.15">
      <c r="AR32783" s="9" ph="1"/>
    </row>
    <row r="32784" spans="44:44" ht="15.75" customHeight="1" x14ac:dyDescent="0.15">
      <c r="AR32784" s="9" ph="1"/>
    </row>
    <row r="32786" spans="44:44" ht="15.75" customHeight="1" x14ac:dyDescent="0.15">
      <c r="AR32786" s="9" ph="1"/>
    </row>
    <row r="32787" spans="44:44" ht="15.75" customHeight="1" x14ac:dyDescent="0.15">
      <c r="AR32787" s="9" ph="1"/>
    </row>
    <row r="32788" spans="44:44" ht="15.75" customHeight="1" x14ac:dyDescent="0.15">
      <c r="AR32788" s="9" ph="1"/>
    </row>
    <row r="32790" spans="44:44" ht="15.75" customHeight="1" x14ac:dyDescent="0.15">
      <c r="AR32790" s="9" ph="1"/>
    </row>
    <row r="32791" spans="44:44" ht="15.75" customHeight="1" x14ac:dyDescent="0.15">
      <c r="AR32791" s="9" ph="1"/>
    </row>
    <row r="32792" spans="44:44" ht="15.75" customHeight="1" x14ac:dyDescent="0.15">
      <c r="AR32792" s="9" ph="1"/>
    </row>
    <row r="32793" spans="44:44" ht="15.75" customHeight="1" x14ac:dyDescent="0.15">
      <c r="AR32793" s="9" ph="1"/>
    </row>
    <row r="32794" spans="44:44" ht="15.75" customHeight="1" x14ac:dyDescent="0.15">
      <c r="AR32794" s="9" ph="1"/>
    </row>
    <row r="32795" spans="44:44" ht="15.75" customHeight="1" x14ac:dyDescent="0.15">
      <c r="AR32795" s="9" ph="1"/>
    </row>
    <row r="32796" spans="44:44" ht="15.75" customHeight="1" x14ac:dyDescent="0.15">
      <c r="AR32796" s="9" ph="1"/>
    </row>
    <row r="32797" spans="44:44" ht="15.75" customHeight="1" x14ac:dyDescent="0.15">
      <c r="AR32797" s="9" ph="1"/>
    </row>
    <row r="32798" spans="44:44" ht="15.75" customHeight="1" x14ac:dyDescent="0.15">
      <c r="AR32798" s="9" ph="1"/>
    </row>
    <row r="32799" spans="44:44" ht="15.75" customHeight="1" x14ac:dyDescent="0.15">
      <c r="AR32799" s="9" ph="1"/>
    </row>
    <row r="32800" spans="44:44" ht="15.75" customHeight="1" x14ac:dyDescent="0.15">
      <c r="AR32800" s="9" ph="1"/>
    </row>
    <row r="32801" spans="44:44" ht="15.75" customHeight="1" x14ac:dyDescent="0.15">
      <c r="AR32801" s="9" ph="1"/>
    </row>
    <row r="32802" spans="44:44" ht="15.75" customHeight="1" x14ac:dyDescent="0.15">
      <c r="AR32802" s="9" ph="1"/>
    </row>
    <row r="32803" spans="44:44" ht="15.75" customHeight="1" x14ac:dyDescent="0.15">
      <c r="AR32803" s="9" ph="1"/>
    </row>
    <row r="32804" spans="44:44" ht="15.75" customHeight="1" x14ac:dyDescent="0.15">
      <c r="AR32804" s="9" ph="1"/>
    </row>
    <row r="32805" spans="44:44" ht="15.75" customHeight="1" x14ac:dyDescent="0.15">
      <c r="AR32805" s="9" ph="1"/>
    </row>
    <row r="32807" spans="44:44" ht="15.75" customHeight="1" x14ac:dyDescent="0.15">
      <c r="AR32807" s="9" ph="1"/>
    </row>
    <row r="32808" spans="44:44" ht="15.75" customHeight="1" x14ac:dyDescent="0.15">
      <c r="AR32808" s="9" ph="1"/>
    </row>
    <row r="32809" spans="44:44" ht="15.75" customHeight="1" x14ac:dyDescent="0.15">
      <c r="AR32809" s="9" ph="1"/>
    </row>
    <row r="32811" spans="44:44" ht="15.75" customHeight="1" x14ac:dyDescent="0.15">
      <c r="AR32811" s="9" ph="1"/>
    </row>
    <row r="32812" spans="44:44" ht="15.75" customHeight="1" x14ac:dyDescent="0.15">
      <c r="AR32812" s="9" ph="1"/>
    </row>
    <row r="32813" spans="44:44" ht="15.75" customHeight="1" x14ac:dyDescent="0.15">
      <c r="AR32813" s="9" ph="1"/>
    </row>
    <row r="32814" spans="44:44" ht="15.75" customHeight="1" x14ac:dyDescent="0.15">
      <c r="AR32814" s="9" ph="1"/>
    </row>
    <row r="32815" spans="44:44" ht="15.75" customHeight="1" x14ac:dyDescent="0.15">
      <c r="AR32815" s="9" ph="1"/>
    </row>
    <row r="32816" spans="44:44" ht="15.75" customHeight="1" x14ac:dyDescent="0.15">
      <c r="AR32816" s="9" ph="1"/>
    </row>
    <row r="32817" spans="44:44" ht="15.75" customHeight="1" x14ac:dyDescent="0.15">
      <c r="AR32817" s="9" ph="1"/>
    </row>
    <row r="32818" spans="44:44" ht="15.75" customHeight="1" x14ac:dyDescent="0.15">
      <c r="AR32818" s="9" ph="1"/>
    </row>
    <row r="32820" spans="44:44" ht="15.75" customHeight="1" x14ac:dyDescent="0.15">
      <c r="AR32820" s="9" ph="1"/>
    </row>
    <row r="32821" spans="44:44" ht="15.75" customHeight="1" x14ac:dyDescent="0.15">
      <c r="AR32821" s="9" ph="1"/>
    </row>
    <row r="32822" spans="44:44" ht="15.75" customHeight="1" x14ac:dyDescent="0.15">
      <c r="AR32822" s="9" ph="1"/>
    </row>
    <row r="32823" spans="44:44" ht="15.75" customHeight="1" x14ac:dyDescent="0.15">
      <c r="AR32823" s="9" ph="1"/>
    </row>
    <row r="32824" spans="44:44" ht="15.75" customHeight="1" x14ac:dyDescent="0.15">
      <c r="AR32824" s="9" ph="1"/>
    </row>
    <row r="32825" spans="44:44" ht="15.75" customHeight="1" x14ac:dyDescent="0.15">
      <c r="AR32825" s="9" ph="1"/>
    </row>
    <row r="32826" spans="44:44" ht="15.75" customHeight="1" x14ac:dyDescent="0.15">
      <c r="AR32826" s="9" ph="1"/>
    </row>
    <row r="32827" spans="44:44" ht="15.75" customHeight="1" x14ac:dyDescent="0.15">
      <c r="AR32827" s="9" ph="1"/>
    </row>
    <row r="32829" spans="44:44" ht="15.75" customHeight="1" x14ac:dyDescent="0.15">
      <c r="AR32829" s="9" ph="1"/>
    </row>
    <row r="32830" spans="44:44" ht="15.75" customHeight="1" x14ac:dyDescent="0.15">
      <c r="AR32830" s="9" ph="1"/>
    </row>
    <row r="32831" spans="44:44" ht="15.75" customHeight="1" x14ac:dyDescent="0.15">
      <c r="AR32831" s="9" ph="1"/>
    </row>
    <row r="32832" spans="44:44" ht="15.75" customHeight="1" x14ac:dyDescent="0.15">
      <c r="AR32832" s="9" ph="1"/>
    </row>
    <row r="32833" spans="44:44" ht="15.75" customHeight="1" x14ac:dyDescent="0.15">
      <c r="AR32833" s="9" ph="1"/>
    </row>
    <row r="32834" spans="44:44" ht="15.75" customHeight="1" x14ac:dyDescent="0.15">
      <c r="AR32834" s="9" ph="1"/>
    </row>
    <row r="32836" spans="44:44" ht="15.75" customHeight="1" x14ac:dyDescent="0.15">
      <c r="AR32836" s="9" ph="1"/>
    </row>
    <row r="32837" spans="44:44" ht="15.75" customHeight="1" x14ac:dyDescent="0.15">
      <c r="AR32837" s="9" ph="1"/>
    </row>
    <row r="32838" spans="44:44" ht="15.75" customHeight="1" x14ac:dyDescent="0.15">
      <c r="AR32838" s="9" ph="1"/>
    </row>
    <row r="32839" spans="44:44" ht="15.75" customHeight="1" x14ac:dyDescent="0.15">
      <c r="AR32839" s="9" ph="1"/>
    </row>
    <row r="32840" spans="44:44" ht="15.75" customHeight="1" x14ac:dyDescent="0.15">
      <c r="AR32840" s="9" ph="1"/>
    </row>
    <row r="32841" spans="44:44" ht="15.75" customHeight="1" x14ac:dyDescent="0.15">
      <c r="AR32841" s="9" ph="1"/>
    </row>
    <row r="32842" spans="44:44" ht="15.75" customHeight="1" x14ac:dyDescent="0.15">
      <c r="AR32842" s="9" ph="1"/>
    </row>
    <row r="32843" spans="44:44" ht="15.75" customHeight="1" x14ac:dyDescent="0.15">
      <c r="AR32843" s="9" ph="1"/>
    </row>
    <row r="32844" spans="44:44" ht="15.75" customHeight="1" x14ac:dyDescent="0.15">
      <c r="AR32844" s="9" ph="1"/>
    </row>
    <row r="32845" spans="44:44" ht="15.75" customHeight="1" x14ac:dyDescent="0.15">
      <c r="AR32845" s="9" ph="1"/>
    </row>
    <row r="32846" spans="44:44" ht="15.75" customHeight="1" x14ac:dyDescent="0.15">
      <c r="AR32846" s="9" ph="1"/>
    </row>
    <row r="32847" spans="44:44" ht="15.75" customHeight="1" x14ac:dyDescent="0.15">
      <c r="AR32847" s="9" ph="1"/>
    </row>
    <row r="32848" spans="44:44" ht="15.75" customHeight="1" x14ac:dyDescent="0.15">
      <c r="AR32848" s="9" ph="1"/>
    </row>
    <row r="32849" spans="44:44" ht="15.75" customHeight="1" x14ac:dyDescent="0.15">
      <c r="AR32849" s="9" ph="1"/>
    </row>
    <row r="32850" spans="44:44" ht="15.75" customHeight="1" x14ac:dyDescent="0.15">
      <c r="AR32850" s="9" ph="1"/>
    </row>
    <row r="32851" spans="44:44" ht="15.75" customHeight="1" x14ac:dyDescent="0.15">
      <c r="AR32851" s="9" ph="1"/>
    </row>
    <row r="32852" spans="44:44" ht="15.75" customHeight="1" x14ac:dyDescent="0.15">
      <c r="AR32852" s="9" ph="1"/>
    </row>
    <row r="32854" spans="44:44" ht="15.75" customHeight="1" x14ac:dyDescent="0.15">
      <c r="AR32854" s="9" ph="1"/>
    </row>
    <row r="32855" spans="44:44" ht="15.75" customHeight="1" x14ac:dyDescent="0.15">
      <c r="AR32855" s="9" ph="1"/>
    </row>
    <row r="32856" spans="44:44" ht="15.75" customHeight="1" x14ac:dyDescent="0.15">
      <c r="AR32856" s="9" ph="1"/>
    </row>
    <row r="32857" spans="44:44" ht="15.75" customHeight="1" x14ac:dyDescent="0.15">
      <c r="AR32857" s="9" ph="1"/>
    </row>
    <row r="32858" spans="44:44" ht="15.75" customHeight="1" x14ac:dyDescent="0.15">
      <c r="AR32858" s="9" ph="1"/>
    </row>
    <row r="32859" spans="44:44" ht="15.75" customHeight="1" x14ac:dyDescent="0.15">
      <c r="AR32859" s="9" ph="1"/>
    </row>
    <row r="32860" spans="44:44" ht="15.75" customHeight="1" x14ac:dyDescent="0.15">
      <c r="AR32860" s="9" ph="1"/>
    </row>
    <row r="32861" spans="44:44" ht="15.75" customHeight="1" x14ac:dyDescent="0.15">
      <c r="AR32861" s="9" ph="1"/>
    </row>
    <row r="32863" spans="44:44" ht="15.75" customHeight="1" x14ac:dyDescent="0.15">
      <c r="AR32863" s="9" ph="1"/>
    </row>
    <row r="32864" spans="44:44" ht="15.75" customHeight="1" x14ac:dyDescent="0.15">
      <c r="AR32864" s="9" ph="1"/>
    </row>
    <row r="32865" spans="44:44" ht="15.75" customHeight="1" x14ac:dyDescent="0.15">
      <c r="AR32865" s="9" ph="1"/>
    </row>
    <row r="32866" spans="44:44" ht="15.75" customHeight="1" x14ac:dyDescent="0.15">
      <c r="AR32866" s="9" ph="1"/>
    </row>
    <row r="32867" spans="44:44" ht="15.75" customHeight="1" x14ac:dyDescent="0.15">
      <c r="AR32867" s="9" ph="1"/>
    </row>
    <row r="32868" spans="44:44" ht="15.75" customHeight="1" x14ac:dyDescent="0.15">
      <c r="AR32868" s="9" ph="1"/>
    </row>
    <row r="32870" spans="44:44" ht="15.75" customHeight="1" x14ac:dyDescent="0.15">
      <c r="AR32870" s="9" ph="1"/>
    </row>
    <row r="32871" spans="44:44" ht="15.75" customHeight="1" x14ac:dyDescent="0.15">
      <c r="AR32871" s="9" ph="1"/>
    </row>
    <row r="32872" spans="44:44" ht="15.75" customHeight="1" x14ac:dyDescent="0.15">
      <c r="AR32872" s="9" ph="1"/>
    </row>
    <row r="32873" spans="44:44" ht="15.75" customHeight="1" x14ac:dyDescent="0.15">
      <c r="AR32873" s="9" ph="1"/>
    </row>
    <row r="32874" spans="44:44" ht="15.75" customHeight="1" x14ac:dyDescent="0.15">
      <c r="AR32874" s="9" ph="1"/>
    </row>
    <row r="32875" spans="44:44" ht="15.75" customHeight="1" x14ac:dyDescent="0.15">
      <c r="AR32875" s="9" ph="1"/>
    </row>
    <row r="32876" spans="44:44" ht="15.75" customHeight="1" x14ac:dyDescent="0.15">
      <c r="AR32876" s="9" ph="1"/>
    </row>
    <row r="32880" spans="44:44" ht="15.75" customHeight="1" x14ac:dyDescent="0.15">
      <c r="AR32880" s="9" ph="1"/>
    </row>
    <row r="32881" spans="44:44" ht="15.75" customHeight="1" x14ac:dyDescent="0.15">
      <c r="AR32881" s="9" ph="1"/>
    </row>
    <row r="32882" spans="44:44" ht="15.75" customHeight="1" x14ac:dyDescent="0.15">
      <c r="AR32882" s="9" ph="1"/>
    </row>
    <row r="32883" spans="44:44" ht="15.75" customHeight="1" x14ac:dyDescent="0.15">
      <c r="AR32883" s="9" ph="1"/>
    </row>
    <row r="32884" spans="44:44" ht="15.75" customHeight="1" x14ac:dyDescent="0.15">
      <c r="AR32884" s="9" ph="1"/>
    </row>
    <row r="32885" spans="44:44" ht="15.75" customHeight="1" x14ac:dyDescent="0.15">
      <c r="AR32885" s="9" ph="1"/>
    </row>
    <row r="32886" spans="44:44" ht="15.75" customHeight="1" x14ac:dyDescent="0.15">
      <c r="AR32886" s="9" ph="1"/>
    </row>
    <row r="32887" spans="44:44" ht="15.75" customHeight="1" x14ac:dyDescent="0.15">
      <c r="AR32887" s="9" ph="1"/>
    </row>
    <row r="32889" spans="44:44" ht="15.75" customHeight="1" x14ac:dyDescent="0.15">
      <c r="AR32889" s="9" ph="1"/>
    </row>
    <row r="32890" spans="44:44" ht="15.75" customHeight="1" x14ac:dyDescent="0.15">
      <c r="AR32890" s="9" ph="1"/>
    </row>
    <row r="32891" spans="44:44" ht="15.75" customHeight="1" x14ac:dyDescent="0.15">
      <c r="AR32891" s="9" ph="1"/>
    </row>
    <row r="32892" spans="44:44" ht="15.75" customHeight="1" x14ac:dyDescent="0.15">
      <c r="AR32892" s="9" ph="1"/>
    </row>
    <row r="32899" spans="44:44" ht="15.75" customHeight="1" x14ac:dyDescent="0.15">
      <c r="AR32899" s="9" ph="1"/>
    </row>
    <row r="32900" spans="44:44" ht="15.75" customHeight="1" x14ac:dyDescent="0.15">
      <c r="AR32900" s="9" ph="1"/>
    </row>
    <row r="32901" spans="44:44" ht="15.75" customHeight="1" x14ac:dyDescent="0.15">
      <c r="AR32901" s="9" ph="1"/>
    </row>
    <row r="32902" spans="44:44" ht="15.75" customHeight="1" x14ac:dyDescent="0.15">
      <c r="AR32902" s="9" ph="1"/>
    </row>
    <row r="32903" spans="44:44" ht="15.75" customHeight="1" x14ac:dyDescent="0.15">
      <c r="AR32903" s="9" ph="1"/>
    </row>
    <row r="32904" spans="44:44" ht="15.75" customHeight="1" x14ac:dyDescent="0.15">
      <c r="AR32904" s="9" ph="1"/>
    </row>
    <row r="32905" spans="44:44" ht="15.75" customHeight="1" x14ac:dyDescent="0.15">
      <c r="AR32905" s="9" ph="1"/>
    </row>
    <row r="32906" spans="44:44" ht="15.75" customHeight="1" x14ac:dyDescent="0.15">
      <c r="AR32906" s="9" ph="1"/>
    </row>
    <row r="32908" spans="44:44" ht="15.75" customHeight="1" x14ac:dyDescent="0.15">
      <c r="AR32908" s="9" ph="1"/>
    </row>
    <row r="32909" spans="44:44" ht="15.75" customHeight="1" x14ac:dyDescent="0.15">
      <c r="AR32909" s="9" ph="1"/>
    </row>
    <row r="32910" spans="44:44" ht="15.75" customHeight="1" x14ac:dyDescent="0.15">
      <c r="AR32910" s="9" ph="1"/>
    </row>
    <row r="32912" spans="44:44" ht="15.75" customHeight="1" x14ac:dyDescent="0.15">
      <c r="AR32912" s="9" ph="1"/>
    </row>
    <row r="32913" spans="44:44" ht="15.75" customHeight="1" x14ac:dyDescent="0.15">
      <c r="AR32913" s="9" ph="1"/>
    </row>
    <row r="32914" spans="44:44" ht="15.75" customHeight="1" x14ac:dyDescent="0.15">
      <c r="AR32914" s="9" ph="1"/>
    </row>
    <row r="32915" spans="44:44" ht="15.75" customHeight="1" x14ac:dyDescent="0.15">
      <c r="AR32915" s="9" ph="1"/>
    </row>
    <row r="32916" spans="44:44" ht="15.75" customHeight="1" x14ac:dyDescent="0.15">
      <c r="AR32916" s="9" ph="1"/>
    </row>
    <row r="32917" spans="44:44" ht="15.75" customHeight="1" x14ac:dyDescent="0.15">
      <c r="AR32917" s="9" ph="1"/>
    </row>
    <row r="32918" spans="44:44" ht="15.75" customHeight="1" x14ac:dyDescent="0.15">
      <c r="AR32918" s="9" ph="1"/>
    </row>
    <row r="32919" spans="44:44" ht="15.75" customHeight="1" x14ac:dyDescent="0.15">
      <c r="AR32919" s="9" ph="1"/>
    </row>
    <row r="32920" spans="44:44" ht="15.75" customHeight="1" x14ac:dyDescent="0.15">
      <c r="AR32920" s="9" ph="1"/>
    </row>
    <row r="32921" spans="44:44" ht="15.75" customHeight="1" x14ac:dyDescent="0.15">
      <c r="AR32921" s="9" ph="1"/>
    </row>
    <row r="32922" spans="44:44" ht="15.75" customHeight="1" x14ac:dyDescent="0.15">
      <c r="AR32922" s="9" ph="1"/>
    </row>
    <row r="32923" spans="44:44" ht="15.75" customHeight="1" x14ac:dyDescent="0.15">
      <c r="AR32923" s="9" ph="1"/>
    </row>
    <row r="32924" spans="44:44" ht="15.75" customHeight="1" x14ac:dyDescent="0.15">
      <c r="AR32924" s="9" ph="1"/>
    </row>
    <row r="32926" spans="44:44" ht="15.75" customHeight="1" x14ac:dyDescent="0.15">
      <c r="AR32926" s="9" ph="1"/>
    </row>
    <row r="32927" spans="44:44" ht="15.75" customHeight="1" x14ac:dyDescent="0.15">
      <c r="AR32927" s="9" ph="1"/>
    </row>
    <row r="32928" spans="44:44" ht="15.75" customHeight="1" x14ac:dyDescent="0.15">
      <c r="AR32928" s="9" ph="1"/>
    </row>
    <row r="32930" spans="44:44" ht="15.75" customHeight="1" x14ac:dyDescent="0.15">
      <c r="AR32930" s="9" ph="1"/>
    </row>
    <row r="32931" spans="44:44" ht="15.75" customHeight="1" x14ac:dyDescent="0.15">
      <c r="AR32931" s="9" ph="1"/>
    </row>
    <row r="32932" spans="44:44" ht="15.75" customHeight="1" x14ac:dyDescent="0.15">
      <c r="AR32932" s="9" ph="1"/>
    </row>
    <row r="32933" spans="44:44" ht="15.75" customHeight="1" x14ac:dyDescent="0.15">
      <c r="AR32933" s="9" ph="1"/>
    </row>
    <row r="32934" spans="44:44" ht="15.75" customHeight="1" x14ac:dyDescent="0.15">
      <c r="AR32934" s="9" ph="1"/>
    </row>
    <row r="32935" spans="44:44" ht="15.75" customHeight="1" x14ac:dyDescent="0.15">
      <c r="AR32935" s="9" ph="1"/>
    </row>
    <row r="32937" spans="44:44" ht="15.75" customHeight="1" x14ac:dyDescent="0.15">
      <c r="AR32937" s="9" ph="1"/>
    </row>
    <row r="32938" spans="44:44" ht="15.75" customHeight="1" x14ac:dyDescent="0.15">
      <c r="AR32938" s="9" ph="1"/>
    </row>
    <row r="32939" spans="44:44" ht="15.75" customHeight="1" x14ac:dyDescent="0.15">
      <c r="AR32939" s="9" ph="1"/>
    </row>
    <row r="32940" spans="44:44" ht="15.75" customHeight="1" x14ac:dyDescent="0.15">
      <c r="AR32940" s="9" ph="1"/>
    </row>
    <row r="32941" spans="44:44" ht="15.75" customHeight="1" x14ac:dyDescent="0.15">
      <c r="AR32941" s="9" ph="1"/>
    </row>
    <row r="32942" spans="44:44" ht="15.75" customHeight="1" x14ac:dyDescent="0.15">
      <c r="AR32942" s="9" ph="1"/>
    </row>
    <row r="32943" spans="44:44" ht="15.75" customHeight="1" x14ac:dyDescent="0.15">
      <c r="AR32943" s="9" ph="1"/>
    </row>
    <row r="32944" spans="44:44" ht="15.75" customHeight="1" x14ac:dyDescent="0.15">
      <c r="AR32944" s="9" ph="1"/>
    </row>
    <row r="32945" spans="44:44" ht="15.75" customHeight="1" x14ac:dyDescent="0.15">
      <c r="AR32945" s="9" ph="1"/>
    </row>
    <row r="32946" spans="44:44" ht="15.75" customHeight="1" x14ac:dyDescent="0.15">
      <c r="AR32946" s="9" ph="1"/>
    </row>
    <row r="32947" spans="44:44" ht="15.75" customHeight="1" x14ac:dyDescent="0.15">
      <c r="AR32947" s="9" ph="1"/>
    </row>
    <row r="32948" spans="44:44" ht="15.75" customHeight="1" x14ac:dyDescent="0.15">
      <c r="AR32948" s="9" ph="1"/>
    </row>
    <row r="32949" spans="44:44" ht="15.75" customHeight="1" x14ac:dyDescent="0.15">
      <c r="AR32949" s="9" ph="1"/>
    </row>
    <row r="32951" spans="44:44" ht="15.75" customHeight="1" x14ac:dyDescent="0.15">
      <c r="AR32951" s="9" ph="1"/>
    </row>
    <row r="32952" spans="44:44" ht="15.75" customHeight="1" x14ac:dyDescent="0.15">
      <c r="AR32952" s="9" ph="1"/>
    </row>
    <row r="32953" spans="44:44" ht="15.75" customHeight="1" x14ac:dyDescent="0.15">
      <c r="AR32953" s="9" ph="1"/>
    </row>
    <row r="32955" spans="44:44" ht="15.75" customHeight="1" x14ac:dyDescent="0.15">
      <c r="AR32955" s="9" ph="1"/>
    </row>
    <row r="32956" spans="44:44" ht="15.75" customHeight="1" x14ac:dyDescent="0.15">
      <c r="AR32956" s="9" ph="1"/>
    </row>
    <row r="32957" spans="44:44" ht="15.75" customHeight="1" x14ac:dyDescent="0.15">
      <c r="AR32957" s="9" ph="1"/>
    </row>
    <row r="32958" spans="44:44" ht="15.75" customHeight="1" x14ac:dyDescent="0.15">
      <c r="AR32958" s="9" ph="1"/>
    </row>
    <row r="32959" spans="44:44" ht="15.75" customHeight="1" x14ac:dyDescent="0.15">
      <c r="AR32959" s="9" ph="1"/>
    </row>
    <row r="32960" spans="44:44" ht="15.75" customHeight="1" x14ac:dyDescent="0.15">
      <c r="AR32960" s="9" ph="1"/>
    </row>
    <row r="32961" spans="44:44" ht="15.75" customHeight="1" x14ac:dyDescent="0.15">
      <c r="AR32961" s="9" ph="1"/>
    </row>
    <row r="32962" spans="44:44" ht="15.75" customHeight="1" x14ac:dyDescent="0.15">
      <c r="AR32962" s="9" ph="1"/>
    </row>
    <row r="32963" spans="44:44" ht="15.75" customHeight="1" x14ac:dyDescent="0.15">
      <c r="AR32963" s="9" ph="1"/>
    </row>
    <row r="32964" spans="44:44" ht="15.75" customHeight="1" x14ac:dyDescent="0.15">
      <c r="AR32964" s="9" ph="1"/>
    </row>
    <row r="32965" spans="44:44" ht="15.75" customHeight="1" x14ac:dyDescent="0.15">
      <c r="AR32965" s="9" ph="1"/>
    </row>
    <row r="32966" spans="44:44" ht="15.75" customHeight="1" x14ac:dyDescent="0.15">
      <c r="AR32966" s="9" ph="1"/>
    </row>
    <row r="32967" spans="44:44" ht="15.75" customHeight="1" x14ac:dyDescent="0.15">
      <c r="AR32967" s="9" ph="1"/>
    </row>
    <row r="32968" spans="44:44" ht="15.75" customHeight="1" x14ac:dyDescent="0.15">
      <c r="AR32968" s="9" ph="1"/>
    </row>
    <row r="32969" spans="44:44" ht="15.75" customHeight="1" x14ac:dyDescent="0.15">
      <c r="AR32969" s="9" ph="1"/>
    </row>
    <row r="32970" spans="44:44" ht="15.75" customHeight="1" x14ac:dyDescent="0.15">
      <c r="AR32970" s="9" ph="1"/>
    </row>
    <row r="32972" spans="44:44" ht="15.75" customHeight="1" x14ac:dyDescent="0.15">
      <c r="AR32972" s="9" ph="1"/>
    </row>
    <row r="32973" spans="44:44" ht="15.75" customHeight="1" x14ac:dyDescent="0.15">
      <c r="AR32973" s="9" ph="1"/>
    </row>
    <row r="32974" spans="44:44" ht="15.75" customHeight="1" x14ac:dyDescent="0.15">
      <c r="AR32974" s="9" ph="1"/>
    </row>
    <row r="32976" spans="44:44" ht="15.75" customHeight="1" x14ac:dyDescent="0.15">
      <c r="AR32976" s="9" ph="1"/>
    </row>
    <row r="32977" spans="44:44" ht="15.75" customHeight="1" x14ac:dyDescent="0.15">
      <c r="AR32977" s="9" ph="1"/>
    </row>
    <row r="32978" spans="44:44" ht="15.75" customHeight="1" x14ac:dyDescent="0.15">
      <c r="AR32978" s="9" ph="1"/>
    </row>
    <row r="32979" spans="44:44" ht="15.75" customHeight="1" x14ac:dyDescent="0.15">
      <c r="AR32979" s="9" ph="1"/>
    </row>
    <row r="32980" spans="44:44" ht="15.75" customHeight="1" x14ac:dyDescent="0.15">
      <c r="AR32980" s="9" ph="1"/>
    </row>
    <row r="32981" spans="44:44" ht="15.75" customHeight="1" x14ac:dyDescent="0.15">
      <c r="AR32981" s="9" ph="1"/>
    </row>
    <row r="32982" spans="44:44" ht="15.75" customHeight="1" x14ac:dyDescent="0.15">
      <c r="AR32982" s="9" ph="1"/>
    </row>
    <row r="32983" spans="44:44" ht="15.75" customHeight="1" x14ac:dyDescent="0.15">
      <c r="AR32983" s="9" ph="1"/>
    </row>
    <row r="32985" spans="44:44" ht="15.75" customHeight="1" x14ac:dyDescent="0.15">
      <c r="AR32985" s="9" ph="1"/>
    </row>
    <row r="32986" spans="44:44" ht="15.75" customHeight="1" x14ac:dyDescent="0.15">
      <c r="AR32986" s="9" ph="1"/>
    </row>
    <row r="32987" spans="44:44" ht="15.75" customHeight="1" x14ac:dyDescent="0.15">
      <c r="AR32987" s="9" ph="1"/>
    </row>
    <row r="32988" spans="44:44" ht="15.75" customHeight="1" x14ac:dyDescent="0.15">
      <c r="AR32988" s="9" ph="1"/>
    </row>
    <row r="32989" spans="44:44" ht="15.75" customHeight="1" x14ac:dyDescent="0.15">
      <c r="AR32989" s="9" ph="1"/>
    </row>
    <row r="32990" spans="44:44" ht="15.75" customHeight="1" x14ac:dyDescent="0.15">
      <c r="AR32990" s="9" ph="1"/>
    </row>
    <row r="32991" spans="44:44" ht="15.75" customHeight="1" x14ac:dyDescent="0.15">
      <c r="AR32991" s="9" ph="1"/>
    </row>
    <row r="32992" spans="44:44" ht="15.75" customHeight="1" x14ac:dyDescent="0.15">
      <c r="AR32992" s="9" ph="1"/>
    </row>
    <row r="32994" spans="44:44" ht="15.75" customHeight="1" x14ac:dyDescent="0.15">
      <c r="AR32994" s="9" ph="1"/>
    </row>
    <row r="32995" spans="44:44" ht="15.75" customHeight="1" x14ac:dyDescent="0.15">
      <c r="AR32995" s="9" ph="1"/>
    </row>
    <row r="32996" spans="44:44" ht="15.75" customHeight="1" x14ac:dyDescent="0.15">
      <c r="AR32996" s="9" ph="1"/>
    </row>
    <row r="32997" spans="44:44" ht="15.75" customHeight="1" x14ac:dyDescent="0.15">
      <c r="AR32997" s="9" ph="1"/>
    </row>
    <row r="32998" spans="44:44" ht="15.75" customHeight="1" x14ac:dyDescent="0.15">
      <c r="AR32998" s="9" ph="1"/>
    </row>
    <row r="32999" spans="44:44" ht="15.75" customHeight="1" x14ac:dyDescent="0.15">
      <c r="AR32999" s="9" ph="1"/>
    </row>
    <row r="33001" spans="44:44" ht="15.75" customHeight="1" x14ac:dyDescent="0.15">
      <c r="AR33001" s="9" ph="1"/>
    </row>
    <row r="33002" spans="44:44" ht="15.75" customHeight="1" x14ac:dyDescent="0.15">
      <c r="AR33002" s="9" ph="1"/>
    </row>
    <row r="33003" spans="44:44" ht="15.75" customHeight="1" x14ac:dyDescent="0.15">
      <c r="AR33003" s="9" ph="1"/>
    </row>
    <row r="33004" spans="44:44" ht="15.75" customHeight="1" x14ac:dyDescent="0.15">
      <c r="AR33004" s="9" ph="1"/>
    </row>
    <row r="33005" spans="44:44" ht="15.75" customHeight="1" x14ac:dyDescent="0.15">
      <c r="AR33005" s="9" ph="1"/>
    </row>
    <row r="33006" spans="44:44" ht="15.75" customHeight="1" x14ac:dyDescent="0.15">
      <c r="AR33006" s="9" ph="1"/>
    </row>
    <row r="33007" spans="44:44" ht="15.75" customHeight="1" x14ac:dyDescent="0.15">
      <c r="AR33007" s="9" ph="1"/>
    </row>
    <row r="33009" spans="44:44" ht="15.75" customHeight="1" x14ac:dyDescent="0.15">
      <c r="AR33009" s="9" ph="1"/>
    </row>
    <row r="33010" spans="44:44" ht="15.75" customHeight="1" x14ac:dyDescent="0.15">
      <c r="AR33010" s="9" ph="1"/>
    </row>
    <row r="33011" spans="44:44" ht="15.75" customHeight="1" x14ac:dyDescent="0.15">
      <c r="AR33011" s="9" ph="1"/>
    </row>
    <row r="33012" spans="44:44" ht="15.75" customHeight="1" x14ac:dyDescent="0.15">
      <c r="AR33012" s="9" ph="1"/>
    </row>
    <row r="33013" spans="44:44" ht="15.75" customHeight="1" x14ac:dyDescent="0.15">
      <c r="AR33013" s="9" ph="1"/>
    </row>
    <row r="33014" spans="44:44" ht="15.75" customHeight="1" x14ac:dyDescent="0.15">
      <c r="AR33014" s="9" ph="1"/>
    </row>
    <row r="33016" spans="44:44" ht="15.75" customHeight="1" x14ac:dyDescent="0.15">
      <c r="AR33016" s="9" ph="1"/>
    </row>
    <row r="33017" spans="44:44" ht="15.75" customHeight="1" x14ac:dyDescent="0.15">
      <c r="AR33017" s="9" ph="1"/>
    </row>
    <row r="33018" spans="44:44" ht="15.75" customHeight="1" x14ac:dyDescent="0.15">
      <c r="AR33018" s="9" ph="1"/>
    </row>
    <row r="33019" spans="44:44" ht="15.75" customHeight="1" x14ac:dyDescent="0.15">
      <c r="AR33019" s="9" ph="1"/>
    </row>
    <row r="33020" spans="44:44" ht="15.75" customHeight="1" x14ac:dyDescent="0.15">
      <c r="AR33020" s="9" ph="1"/>
    </row>
    <row r="33021" spans="44:44" ht="15.75" customHeight="1" x14ac:dyDescent="0.15">
      <c r="AR33021" s="9" ph="1"/>
    </row>
    <row r="33022" spans="44:44" ht="15.75" customHeight="1" x14ac:dyDescent="0.15">
      <c r="AR33022" s="9" ph="1"/>
    </row>
    <row r="33023" spans="44:44" ht="15.75" customHeight="1" x14ac:dyDescent="0.15">
      <c r="AR33023" s="9" ph="1"/>
    </row>
    <row r="33024" spans="44:44" ht="15.75" customHeight="1" x14ac:dyDescent="0.15">
      <c r="AR33024" s="9" ph="1"/>
    </row>
    <row r="33025" spans="44:44" ht="15.75" customHeight="1" x14ac:dyDescent="0.15">
      <c r="AR33025" s="9" ph="1"/>
    </row>
    <row r="33026" spans="44:44" ht="15.75" customHeight="1" x14ac:dyDescent="0.15">
      <c r="AR33026" s="9" ph="1"/>
    </row>
    <row r="33027" spans="44:44" ht="15.75" customHeight="1" x14ac:dyDescent="0.15">
      <c r="AR33027" s="9" ph="1"/>
    </row>
    <row r="33028" spans="44:44" ht="15.75" customHeight="1" x14ac:dyDescent="0.15">
      <c r="AR33028" s="9" ph="1"/>
    </row>
    <row r="33030" spans="44:44" ht="15.75" customHeight="1" x14ac:dyDescent="0.15">
      <c r="AR33030" s="9" ph="1"/>
    </row>
    <row r="33031" spans="44:44" ht="15.75" customHeight="1" x14ac:dyDescent="0.15">
      <c r="AR33031" s="9" ph="1"/>
    </row>
    <row r="33032" spans="44:44" ht="15.75" customHeight="1" x14ac:dyDescent="0.15">
      <c r="AR33032" s="9" ph="1"/>
    </row>
    <row r="33034" spans="44:44" ht="15.75" customHeight="1" x14ac:dyDescent="0.15">
      <c r="AR33034" s="9" ph="1"/>
    </row>
    <row r="33035" spans="44:44" ht="15.75" customHeight="1" x14ac:dyDescent="0.15">
      <c r="AR33035" s="9" ph="1"/>
    </row>
    <row r="33036" spans="44:44" ht="15.75" customHeight="1" x14ac:dyDescent="0.15">
      <c r="AR33036" s="9" ph="1"/>
    </row>
    <row r="33037" spans="44:44" ht="15.75" customHeight="1" x14ac:dyDescent="0.15">
      <c r="AR33037" s="9" ph="1"/>
    </row>
    <row r="33038" spans="44:44" ht="15.75" customHeight="1" x14ac:dyDescent="0.15">
      <c r="AR33038" s="9" ph="1"/>
    </row>
    <row r="33039" spans="44:44" ht="15.75" customHeight="1" x14ac:dyDescent="0.15">
      <c r="AR33039" s="9" ph="1"/>
    </row>
    <row r="33040" spans="44:44" ht="15.75" customHeight="1" x14ac:dyDescent="0.15">
      <c r="AR33040" s="9" ph="1"/>
    </row>
    <row r="33041" spans="44:44" ht="15.75" customHeight="1" x14ac:dyDescent="0.15">
      <c r="AR33041" s="9" ph="1"/>
    </row>
    <row r="33042" spans="44:44" ht="15.75" customHeight="1" x14ac:dyDescent="0.15">
      <c r="AR33042" s="9" ph="1"/>
    </row>
    <row r="33043" spans="44:44" ht="15.75" customHeight="1" x14ac:dyDescent="0.15">
      <c r="AR33043" s="9" ph="1"/>
    </row>
    <row r="33044" spans="44:44" ht="15.75" customHeight="1" x14ac:dyDescent="0.15">
      <c r="AR33044" s="9" ph="1"/>
    </row>
    <row r="33045" spans="44:44" ht="15.75" customHeight="1" x14ac:dyDescent="0.15">
      <c r="AR33045" s="9" ph="1"/>
    </row>
    <row r="33046" spans="44:44" ht="15.75" customHeight="1" x14ac:dyDescent="0.15">
      <c r="AR33046" s="9" ph="1"/>
    </row>
    <row r="33047" spans="44:44" ht="15.75" customHeight="1" x14ac:dyDescent="0.15">
      <c r="AR33047" s="9" ph="1"/>
    </row>
    <row r="33048" spans="44:44" ht="15.75" customHeight="1" x14ac:dyDescent="0.15">
      <c r="AR33048" s="9" ph="1"/>
    </row>
    <row r="33049" spans="44:44" ht="15.75" customHeight="1" x14ac:dyDescent="0.15">
      <c r="AR33049" s="9" ph="1"/>
    </row>
    <row r="33051" spans="44:44" ht="15.75" customHeight="1" x14ac:dyDescent="0.15">
      <c r="AR33051" s="9" ph="1"/>
    </row>
    <row r="33052" spans="44:44" ht="15.75" customHeight="1" x14ac:dyDescent="0.15">
      <c r="AR33052" s="9" ph="1"/>
    </row>
    <row r="33053" spans="44:44" ht="15.75" customHeight="1" x14ac:dyDescent="0.15">
      <c r="AR33053" s="9" ph="1"/>
    </row>
    <row r="33055" spans="44:44" ht="15.75" customHeight="1" x14ac:dyDescent="0.15">
      <c r="AR33055" s="9" ph="1"/>
    </row>
    <row r="33056" spans="44:44" ht="15.75" customHeight="1" x14ac:dyDescent="0.15">
      <c r="AR33056" s="9" ph="1"/>
    </row>
    <row r="33057" spans="44:44" ht="15.75" customHeight="1" x14ac:dyDescent="0.15">
      <c r="AR33057" s="9" ph="1"/>
    </row>
    <row r="33058" spans="44:44" ht="15.75" customHeight="1" x14ac:dyDescent="0.15">
      <c r="AR33058" s="9" ph="1"/>
    </row>
    <row r="33059" spans="44:44" ht="15.75" customHeight="1" x14ac:dyDescent="0.15">
      <c r="AR33059" s="9" ph="1"/>
    </row>
    <row r="33060" spans="44:44" ht="15.75" customHeight="1" x14ac:dyDescent="0.15">
      <c r="AR33060" s="9" ph="1"/>
    </row>
    <row r="33061" spans="44:44" ht="15.75" customHeight="1" x14ac:dyDescent="0.15">
      <c r="AR33061" s="9" ph="1"/>
    </row>
    <row r="33062" spans="44:44" ht="15.75" customHeight="1" x14ac:dyDescent="0.15">
      <c r="AR33062" s="9" ph="1"/>
    </row>
    <row r="33064" spans="44:44" ht="15.75" customHeight="1" x14ac:dyDescent="0.15">
      <c r="AR33064" s="9" ph="1"/>
    </row>
    <row r="33065" spans="44:44" ht="15.75" customHeight="1" x14ac:dyDescent="0.15">
      <c r="AR33065" s="9" ph="1"/>
    </row>
    <row r="33066" spans="44:44" ht="15.75" customHeight="1" x14ac:dyDescent="0.15">
      <c r="AR33066" s="9" ph="1"/>
    </row>
    <row r="33067" spans="44:44" ht="15.75" customHeight="1" x14ac:dyDescent="0.15">
      <c r="AR33067" s="9" ph="1"/>
    </row>
    <row r="33068" spans="44:44" ht="15.75" customHeight="1" x14ac:dyDescent="0.15">
      <c r="AR33068" s="9" ph="1"/>
    </row>
    <row r="33069" spans="44:44" ht="15.75" customHeight="1" x14ac:dyDescent="0.15">
      <c r="AR33069" s="9" ph="1"/>
    </row>
    <row r="33070" spans="44:44" ht="15.75" customHeight="1" x14ac:dyDescent="0.15">
      <c r="AR33070" s="9" ph="1"/>
    </row>
    <row r="33071" spans="44:44" ht="15.75" customHeight="1" x14ac:dyDescent="0.15">
      <c r="AR33071" s="9" ph="1"/>
    </row>
    <row r="33073" spans="44:44" ht="15.75" customHeight="1" x14ac:dyDescent="0.15">
      <c r="AR33073" s="9" ph="1"/>
    </row>
    <row r="33074" spans="44:44" ht="15.75" customHeight="1" x14ac:dyDescent="0.15">
      <c r="AR33074" s="9" ph="1"/>
    </row>
    <row r="33075" spans="44:44" ht="15.75" customHeight="1" x14ac:dyDescent="0.15">
      <c r="AR33075" s="9" ph="1"/>
    </row>
    <row r="33076" spans="44:44" ht="15.75" customHeight="1" x14ac:dyDescent="0.15">
      <c r="AR33076" s="9" ph="1"/>
    </row>
    <row r="33077" spans="44:44" ht="15.75" customHeight="1" x14ac:dyDescent="0.15">
      <c r="AR33077" s="9" ph="1"/>
    </row>
    <row r="33078" spans="44:44" ht="15.75" customHeight="1" x14ac:dyDescent="0.15">
      <c r="AR33078" s="9" ph="1"/>
    </row>
    <row r="33080" spans="44:44" ht="15.75" customHeight="1" x14ac:dyDescent="0.15">
      <c r="AR33080" s="9" ph="1"/>
    </row>
    <row r="33081" spans="44:44" ht="15.75" customHeight="1" x14ac:dyDescent="0.15">
      <c r="AR33081" s="9" ph="1"/>
    </row>
    <row r="33082" spans="44:44" ht="15.75" customHeight="1" x14ac:dyDescent="0.15">
      <c r="AR33082" s="9" ph="1"/>
    </row>
    <row r="33083" spans="44:44" ht="15.75" customHeight="1" x14ac:dyDescent="0.15">
      <c r="AR33083" s="9" ph="1"/>
    </row>
    <row r="33084" spans="44:44" ht="15.75" customHeight="1" x14ac:dyDescent="0.15">
      <c r="AR33084" s="9" ph="1"/>
    </row>
    <row r="33085" spans="44:44" ht="15.75" customHeight="1" x14ac:dyDescent="0.15">
      <c r="AR33085" s="9" ph="1"/>
    </row>
    <row r="33086" spans="44:44" ht="15.75" customHeight="1" x14ac:dyDescent="0.15">
      <c r="AR33086" s="9" ph="1"/>
    </row>
    <row r="33087" spans="44:44" ht="15.75" customHeight="1" x14ac:dyDescent="0.15">
      <c r="AR33087" s="9" ph="1"/>
    </row>
    <row r="33088" spans="44:44" ht="15.75" customHeight="1" x14ac:dyDescent="0.15">
      <c r="AR33088" s="9" ph="1"/>
    </row>
    <row r="33089" spans="44:44" ht="15.75" customHeight="1" x14ac:dyDescent="0.15">
      <c r="AR33089" s="9" ph="1"/>
    </row>
    <row r="33090" spans="44:44" ht="15.75" customHeight="1" x14ac:dyDescent="0.15">
      <c r="AR33090" s="9" ph="1"/>
    </row>
    <row r="33091" spans="44:44" ht="15.75" customHeight="1" x14ac:dyDescent="0.15">
      <c r="AR33091" s="9" ph="1"/>
    </row>
    <row r="33092" spans="44:44" ht="15.75" customHeight="1" x14ac:dyDescent="0.15">
      <c r="AR33092" s="9" ph="1"/>
    </row>
    <row r="33093" spans="44:44" ht="15.75" customHeight="1" x14ac:dyDescent="0.15">
      <c r="AR33093" s="9" ph="1"/>
    </row>
    <row r="33094" spans="44:44" ht="15.75" customHeight="1" x14ac:dyDescent="0.15">
      <c r="AR33094" s="9" ph="1"/>
    </row>
    <row r="33095" spans="44:44" ht="15.75" customHeight="1" x14ac:dyDescent="0.15">
      <c r="AR33095" s="9" ph="1"/>
    </row>
    <row r="33096" spans="44:44" ht="15.75" customHeight="1" x14ac:dyDescent="0.15">
      <c r="AR33096" s="9" ph="1"/>
    </row>
    <row r="33097" spans="44:44" ht="15.75" customHeight="1" x14ac:dyDescent="0.15">
      <c r="AR33097" s="9" ph="1"/>
    </row>
    <row r="33098" spans="44:44" ht="15.75" customHeight="1" x14ac:dyDescent="0.15">
      <c r="AR33098" s="9" ph="1"/>
    </row>
    <row r="33100" spans="44:44" ht="15.75" customHeight="1" x14ac:dyDescent="0.15">
      <c r="AR33100" s="9" ph="1"/>
    </row>
    <row r="33101" spans="44:44" ht="15.75" customHeight="1" x14ac:dyDescent="0.15">
      <c r="AR33101" s="9" ph="1"/>
    </row>
    <row r="33102" spans="44:44" ht="15.75" customHeight="1" x14ac:dyDescent="0.15">
      <c r="AR33102" s="9" ph="1"/>
    </row>
    <row r="33104" spans="44:44" ht="15.75" customHeight="1" x14ac:dyDescent="0.15">
      <c r="AR33104" s="9" ph="1"/>
    </row>
    <row r="33105" spans="44:44" ht="15.75" customHeight="1" x14ac:dyDescent="0.15">
      <c r="AR33105" s="9" ph="1"/>
    </row>
    <row r="33106" spans="44:44" ht="15.75" customHeight="1" x14ac:dyDescent="0.15">
      <c r="AR33106" s="9" ph="1"/>
    </row>
    <row r="33107" spans="44:44" ht="15.75" customHeight="1" x14ac:dyDescent="0.15">
      <c r="AR33107" s="9" ph="1"/>
    </row>
    <row r="33108" spans="44:44" ht="15.75" customHeight="1" x14ac:dyDescent="0.15">
      <c r="AR33108" s="9" ph="1"/>
    </row>
    <row r="33109" spans="44:44" ht="15.75" customHeight="1" x14ac:dyDescent="0.15">
      <c r="AR33109" s="9" ph="1"/>
    </row>
    <row r="33110" spans="44:44" ht="15.75" customHeight="1" x14ac:dyDescent="0.15">
      <c r="AR33110" s="9" ph="1"/>
    </row>
    <row r="33111" spans="44:44" ht="15.75" customHeight="1" x14ac:dyDescent="0.15">
      <c r="AR33111" s="9" ph="1"/>
    </row>
    <row r="33112" spans="44:44" ht="15.75" customHeight="1" x14ac:dyDescent="0.15">
      <c r="AR33112" s="9" ph="1"/>
    </row>
    <row r="33113" spans="44:44" ht="15.75" customHeight="1" x14ac:dyDescent="0.15">
      <c r="AR33113" s="9" ph="1"/>
    </row>
    <row r="33114" spans="44:44" ht="15.75" customHeight="1" x14ac:dyDescent="0.15">
      <c r="AR33114" s="9" ph="1"/>
    </row>
    <row r="33115" spans="44:44" ht="15.75" customHeight="1" x14ac:dyDescent="0.15">
      <c r="AR33115" s="9" ph="1"/>
    </row>
    <row r="33116" spans="44:44" ht="15.75" customHeight="1" x14ac:dyDescent="0.15">
      <c r="AR33116" s="9" ph="1"/>
    </row>
    <row r="33117" spans="44:44" ht="15.75" customHeight="1" x14ac:dyDescent="0.15">
      <c r="AR33117" s="9" ph="1"/>
    </row>
    <row r="33118" spans="44:44" ht="15.75" customHeight="1" x14ac:dyDescent="0.15">
      <c r="AR33118" s="9" ph="1"/>
    </row>
    <row r="33119" spans="44:44" ht="15.75" customHeight="1" x14ac:dyDescent="0.15">
      <c r="AR33119" s="9" ph="1"/>
    </row>
    <row r="33121" spans="44:44" ht="15.75" customHeight="1" x14ac:dyDescent="0.15">
      <c r="AR33121" s="9" ph="1"/>
    </row>
    <row r="33122" spans="44:44" ht="15.75" customHeight="1" x14ac:dyDescent="0.15">
      <c r="AR33122" s="9" ph="1"/>
    </row>
    <row r="33123" spans="44:44" ht="15.75" customHeight="1" x14ac:dyDescent="0.15">
      <c r="AR33123" s="9" ph="1"/>
    </row>
    <row r="33125" spans="44:44" ht="15.75" customHeight="1" x14ac:dyDescent="0.15">
      <c r="AR33125" s="9" ph="1"/>
    </row>
    <row r="33126" spans="44:44" ht="15.75" customHeight="1" x14ac:dyDescent="0.15">
      <c r="AR33126" s="9" ph="1"/>
    </row>
    <row r="33127" spans="44:44" ht="15.75" customHeight="1" x14ac:dyDescent="0.15">
      <c r="AR33127" s="9" ph="1"/>
    </row>
    <row r="33128" spans="44:44" ht="15.75" customHeight="1" x14ac:dyDescent="0.15">
      <c r="AR33128" s="9" ph="1"/>
    </row>
    <row r="33129" spans="44:44" ht="15.75" customHeight="1" x14ac:dyDescent="0.15">
      <c r="AR33129" s="9" ph="1"/>
    </row>
    <row r="33130" spans="44:44" ht="15.75" customHeight="1" x14ac:dyDescent="0.15">
      <c r="AR33130" s="9" ph="1"/>
    </row>
    <row r="33131" spans="44:44" ht="15.75" customHeight="1" x14ac:dyDescent="0.15">
      <c r="AR33131" s="9" ph="1"/>
    </row>
    <row r="33132" spans="44:44" ht="15.75" customHeight="1" x14ac:dyDescent="0.15">
      <c r="AR33132" s="9" ph="1"/>
    </row>
    <row r="33134" spans="44:44" ht="15.75" customHeight="1" x14ac:dyDescent="0.15">
      <c r="AR33134" s="9" ph="1"/>
    </row>
    <row r="33135" spans="44:44" ht="15.75" customHeight="1" x14ac:dyDescent="0.15">
      <c r="AR33135" s="9" ph="1"/>
    </row>
    <row r="33136" spans="44:44" ht="15.75" customHeight="1" x14ac:dyDescent="0.15">
      <c r="AR33136" s="9" ph="1"/>
    </row>
    <row r="33137" spans="44:44" ht="15.75" customHeight="1" x14ac:dyDescent="0.15">
      <c r="AR33137" s="9" ph="1"/>
    </row>
    <row r="33138" spans="44:44" ht="15.75" customHeight="1" x14ac:dyDescent="0.15">
      <c r="AR33138" s="9" ph="1"/>
    </row>
    <row r="33139" spans="44:44" ht="15.75" customHeight="1" x14ac:dyDescent="0.15">
      <c r="AR33139" s="9" ph="1"/>
    </row>
    <row r="33140" spans="44:44" ht="15.75" customHeight="1" x14ac:dyDescent="0.15">
      <c r="AR33140" s="9" ph="1"/>
    </row>
    <row r="33141" spans="44:44" ht="15.75" customHeight="1" x14ac:dyDescent="0.15">
      <c r="AR33141" s="9" ph="1"/>
    </row>
    <row r="33143" spans="44:44" ht="15.75" customHeight="1" x14ac:dyDescent="0.15">
      <c r="AR33143" s="9" ph="1"/>
    </row>
    <row r="33144" spans="44:44" ht="15.75" customHeight="1" x14ac:dyDescent="0.15">
      <c r="AR33144" s="9" ph="1"/>
    </row>
    <row r="33145" spans="44:44" ht="15.75" customHeight="1" x14ac:dyDescent="0.15">
      <c r="AR33145" s="9" ph="1"/>
    </row>
    <row r="33146" spans="44:44" ht="15.75" customHeight="1" x14ac:dyDescent="0.15">
      <c r="AR33146" s="9" ph="1"/>
    </row>
    <row r="33147" spans="44:44" ht="15.75" customHeight="1" x14ac:dyDescent="0.15">
      <c r="AR33147" s="9" ph="1"/>
    </row>
    <row r="33148" spans="44:44" ht="15.75" customHeight="1" x14ac:dyDescent="0.15">
      <c r="AR33148" s="9" ph="1"/>
    </row>
    <row r="33150" spans="44:44" ht="15.75" customHeight="1" x14ac:dyDescent="0.15">
      <c r="AR33150" s="9" ph="1"/>
    </row>
    <row r="33151" spans="44:44" ht="15.75" customHeight="1" x14ac:dyDescent="0.15">
      <c r="AR33151" s="9" ph="1"/>
    </row>
    <row r="33152" spans="44:44" ht="15.75" customHeight="1" x14ac:dyDescent="0.15">
      <c r="AR33152" s="9" ph="1"/>
    </row>
    <row r="33153" spans="44:44" ht="15.75" customHeight="1" x14ac:dyDescent="0.15">
      <c r="AR33153" s="9" ph="1"/>
    </row>
    <row r="33154" spans="44:44" ht="15.75" customHeight="1" x14ac:dyDescent="0.15">
      <c r="AR33154" s="9" ph="1"/>
    </row>
    <row r="33155" spans="44:44" ht="15.75" customHeight="1" x14ac:dyDescent="0.15">
      <c r="AR33155" s="9" ph="1"/>
    </row>
    <row r="33156" spans="44:44" ht="15.75" customHeight="1" x14ac:dyDescent="0.15">
      <c r="AR33156" s="9" ph="1"/>
    </row>
    <row r="33158" spans="44:44" ht="15.75" customHeight="1" x14ac:dyDescent="0.15">
      <c r="AR33158" s="9" ph="1"/>
    </row>
    <row r="33159" spans="44:44" ht="15.75" customHeight="1" x14ac:dyDescent="0.15">
      <c r="AR33159" s="9" ph="1"/>
    </row>
    <row r="33160" spans="44:44" ht="15.75" customHeight="1" x14ac:dyDescent="0.15">
      <c r="AR33160" s="9" ph="1"/>
    </row>
    <row r="33161" spans="44:44" ht="15.75" customHeight="1" x14ac:dyDescent="0.15">
      <c r="AR33161" s="9" ph="1"/>
    </row>
    <row r="33162" spans="44:44" ht="15.75" customHeight="1" x14ac:dyDescent="0.15">
      <c r="AR33162" s="9" ph="1"/>
    </row>
    <row r="33163" spans="44:44" ht="15.75" customHeight="1" x14ac:dyDescent="0.15">
      <c r="AR33163" s="9" ph="1"/>
    </row>
    <row r="33165" spans="44:44" ht="15.75" customHeight="1" x14ac:dyDescent="0.15">
      <c r="AR33165" s="9" ph="1"/>
    </row>
    <row r="33166" spans="44:44" ht="15.75" customHeight="1" x14ac:dyDescent="0.15">
      <c r="AR33166" s="9" ph="1"/>
    </row>
    <row r="33167" spans="44:44" ht="15.75" customHeight="1" x14ac:dyDescent="0.15">
      <c r="AR33167" s="9" ph="1"/>
    </row>
    <row r="33168" spans="44:44" ht="15.75" customHeight="1" x14ac:dyDescent="0.15">
      <c r="AR33168" s="9" ph="1"/>
    </row>
    <row r="33169" spans="44:44" ht="15.75" customHeight="1" x14ac:dyDescent="0.15">
      <c r="AR33169" s="9" ph="1"/>
    </row>
    <row r="33170" spans="44:44" ht="15.75" customHeight="1" x14ac:dyDescent="0.15">
      <c r="AR33170" s="9" ph="1"/>
    </row>
    <row r="33171" spans="44:44" ht="15.75" customHeight="1" x14ac:dyDescent="0.15">
      <c r="AR33171" s="9" ph="1"/>
    </row>
    <row r="33172" spans="44:44" ht="15.75" customHeight="1" x14ac:dyDescent="0.15">
      <c r="AR33172" s="9" ph="1"/>
    </row>
    <row r="33173" spans="44:44" ht="15.75" customHeight="1" x14ac:dyDescent="0.15">
      <c r="AR33173" s="9" ph="1"/>
    </row>
    <row r="33174" spans="44:44" ht="15.75" customHeight="1" x14ac:dyDescent="0.15">
      <c r="AR33174" s="9" ph="1"/>
    </row>
    <row r="33175" spans="44:44" ht="15.75" customHeight="1" x14ac:dyDescent="0.15">
      <c r="AR33175" s="9" ph="1"/>
    </row>
    <row r="33176" spans="44:44" ht="15.75" customHeight="1" x14ac:dyDescent="0.15">
      <c r="AR33176" s="9" ph="1"/>
    </row>
    <row r="33177" spans="44:44" ht="15.75" customHeight="1" x14ac:dyDescent="0.15">
      <c r="AR33177" s="9" ph="1"/>
    </row>
    <row r="33179" spans="44:44" ht="15.75" customHeight="1" x14ac:dyDescent="0.15">
      <c r="AR33179" s="9" ph="1"/>
    </row>
    <row r="33180" spans="44:44" ht="15.75" customHeight="1" x14ac:dyDescent="0.15">
      <c r="AR33180" s="9" ph="1"/>
    </row>
    <row r="33181" spans="44:44" ht="15.75" customHeight="1" x14ac:dyDescent="0.15">
      <c r="AR33181" s="9" ph="1"/>
    </row>
    <row r="33183" spans="44:44" ht="15.75" customHeight="1" x14ac:dyDescent="0.15">
      <c r="AR33183" s="9" ph="1"/>
    </row>
    <row r="33184" spans="44:44" ht="15.75" customHeight="1" x14ac:dyDescent="0.15">
      <c r="AR33184" s="9" ph="1"/>
    </row>
    <row r="33185" spans="44:44" ht="15.75" customHeight="1" x14ac:dyDescent="0.15">
      <c r="AR33185" s="9" ph="1"/>
    </row>
    <row r="33186" spans="44:44" ht="15.75" customHeight="1" x14ac:dyDescent="0.15">
      <c r="AR33186" s="9" ph="1"/>
    </row>
    <row r="33187" spans="44:44" ht="15.75" customHeight="1" x14ac:dyDescent="0.15">
      <c r="AR33187" s="9" ph="1"/>
    </row>
    <row r="33188" spans="44:44" ht="15.75" customHeight="1" x14ac:dyDescent="0.15">
      <c r="AR33188" s="9" ph="1"/>
    </row>
    <row r="33189" spans="44:44" ht="15.75" customHeight="1" x14ac:dyDescent="0.15">
      <c r="AR33189" s="9" ph="1"/>
    </row>
    <row r="33190" spans="44:44" ht="15.75" customHeight="1" x14ac:dyDescent="0.15">
      <c r="AR33190" s="9" ph="1"/>
    </row>
    <row r="33191" spans="44:44" ht="15.75" customHeight="1" x14ac:dyDescent="0.15">
      <c r="AR33191" s="9" ph="1"/>
    </row>
    <row r="33192" spans="44:44" ht="15.75" customHeight="1" x14ac:dyDescent="0.15">
      <c r="AR33192" s="9" ph="1"/>
    </row>
    <row r="33193" spans="44:44" ht="15.75" customHeight="1" x14ac:dyDescent="0.15">
      <c r="AR33193" s="9" ph="1"/>
    </row>
    <row r="33194" spans="44:44" ht="15.75" customHeight="1" x14ac:dyDescent="0.15">
      <c r="AR33194" s="9" ph="1"/>
    </row>
    <row r="33195" spans="44:44" ht="15.75" customHeight="1" x14ac:dyDescent="0.15">
      <c r="AR33195" s="9" ph="1"/>
    </row>
    <row r="33196" spans="44:44" ht="15.75" customHeight="1" x14ac:dyDescent="0.15">
      <c r="AR33196" s="9" ph="1"/>
    </row>
    <row r="33197" spans="44:44" ht="15.75" customHeight="1" x14ac:dyDescent="0.15">
      <c r="AR33197" s="9" ph="1"/>
    </row>
    <row r="33198" spans="44:44" ht="15.75" customHeight="1" x14ac:dyDescent="0.15">
      <c r="AR33198" s="9" ph="1"/>
    </row>
    <row r="33200" spans="44:44" ht="15.75" customHeight="1" x14ac:dyDescent="0.15">
      <c r="AR33200" s="9" ph="1"/>
    </row>
    <row r="33201" spans="44:44" ht="15.75" customHeight="1" x14ac:dyDescent="0.15">
      <c r="AR33201" s="9" ph="1"/>
    </row>
    <row r="33202" spans="44:44" ht="15.75" customHeight="1" x14ac:dyDescent="0.15">
      <c r="AR33202" s="9" ph="1"/>
    </row>
    <row r="33204" spans="44:44" ht="15.75" customHeight="1" x14ac:dyDescent="0.15">
      <c r="AR33204" s="9" ph="1"/>
    </row>
    <row r="33205" spans="44:44" ht="15.75" customHeight="1" x14ac:dyDescent="0.15">
      <c r="AR33205" s="9" ph="1"/>
    </row>
    <row r="33206" spans="44:44" ht="15.75" customHeight="1" x14ac:dyDescent="0.15">
      <c r="AR33206" s="9" ph="1"/>
    </row>
    <row r="33207" spans="44:44" ht="15.75" customHeight="1" x14ac:dyDescent="0.15">
      <c r="AR33207" s="9" ph="1"/>
    </row>
    <row r="33208" spans="44:44" ht="15.75" customHeight="1" x14ac:dyDescent="0.15">
      <c r="AR33208" s="9" ph="1"/>
    </row>
    <row r="33209" spans="44:44" ht="15.75" customHeight="1" x14ac:dyDescent="0.15">
      <c r="AR33209" s="9" ph="1"/>
    </row>
    <row r="33210" spans="44:44" ht="15.75" customHeight="1" x14ac:dyDescent="0.15">
      <c r="AR33210" s="9" ph="1"/>
    </row>
    <row r="33211" spans="44:44" ht="15.75" customHeight="1" x14ac:dyDescent="0.15">
      <c r="AR33211" s="9" ph="1"/>
    </row>
    <row r="33213" spans="44:44" ht="15.75" customHeight="1" x14ac:dyDescent="0.15">
      <c r="AR33213" s="9" ph="1"/>
    </row>
    <row r="33214" spans="44:44" ht="15.75" customHeight="1" x14ac:dyDescent="0.15">
      <c r="AR33214" s="9" ph="1"/>
    </row>
    <row r="33215" spans="44:44" ht="15.75" customHeight="1" x14ac:dyDescent="0.15">
      <c r="AR33215" s="9" ph="1"/>
    </row>
    <row r="33216" spans="44:44" ht="15.75" customHeight="1" x14ac:dyDescent="0.15">
      <c r="AR33216" s="9" ph="1"/>
    </row>
    <row r="33217" spans="44:44" ht="15.75" customHeight="1" x14ac:dyDescent="0.15">
      <c r="AR33217" s="9" ph="1"/>
    </row>
    <row r="33218" spans="44:44" ht="15.75" customHeight="1" x14ac:dyDescent="0.15">
      <c r="AR33218" s="9" ph="1"/>
    </row>
    <row r="33219" spans="44:44" ht="15.75" customHeight="1" x14ac:dyDescent="0.15">
      <c r="AR33219" s="9" ph="1"/>
    </row>
    <row r="33220" spans="44:44" ht="15.75" customHeight="1" x14ac:dyDescent="0.15">
      <c r="AR33220" s="9" ph="1"/>
    </row>
    <row r="33222" spans="44:44" ht="15.75" customHeight="1" x14ac:dyDescent="0.15">
      <c r="AR33222" s="9" ph="1"/>
    </row>
    <row r="33223" spans="44:44" ht="15.75" customHeight="1" x14ac:dyDescent="0.15">
      <c r="AR33223" s="9" ph="1"/>
    </row>
    <row r="33224" spans="44:44" ht="15.75" customHeight="1" x14ac:dyDescent="0.15">
      <c r="AR33224" s="9" ph="1"/>
    </row>
    <row r="33225" spans="44:44" ht="15.75" customHeight="1" x14ac:dyDescent="0.15">
      <c r="AR33225" s="9" ph="1"/>
    </row>
    <row r="33226" spans="44:44" ht="15.75" customHeight="1" x14ac:dyDescent="0.15">
      <c r="AR33226" s="9" ph="1"/>
    </row>
    <row r="33227" spans="44:44" ht="15.75" customHeight="1" x14ac:dyDescent="0.15">
      <c r="AR33227" s="9" ph="1"/>
    </row>
    <row r="33229" spans="44:44" ht="15.75" customHeight="1" x14ac:dyDescent="0.15">
      <c r="AR33229" s="9" ph="1"/>
    </row>
    <row r="33230" spans="44:44" ht="15.75" customHeight="1" x14ac:dyDescent="0.15">
      <c r="AR33230" s="9" ph="1"/>
    </row>
    <row r="33231" spans="44:44" ht="15.75" customHeight="1" x14ac:dyDescent="0.15">
      <c r="AR33231" s="9" ph="1"/>
    </row>
    <row r="33232" spans="44:44" ht="15.75" customHeight="1" x14ac:dyDescent="0.15">
      <c r="AR33232" s="9" ph="1"/>
    </row>
    <row r="33233" spans="44:44" ht="15.75" customHeight="1" x14ac:dyDescent="0.15">
      <c r="AR33233" s="9" ph="1"/>
    </row>
    <row r="33234" spans="44:44" ht="15.75" customHeight="1" x14ac:dyDescent="0.15">
      <c r="AR33234" s="9" ph="1"/>
    </row>
    <row r="33235" spans="44:44" ht="15.75" customHeight="1" x14ac:dyDescent="0.15">
      <c r="AR33235" s="9" ph="1"/>
    </row>
    <row r="33236" spans="44:44" ht="15.75" customHeight="1" x14ac:dyDescent="0.15">
      <c r="AR33236" s="9" ph="1"/>
    </row>
    <row r="33237" spans="44:44" ht="15.75" customHeight="1" x14ac:dyDescent="0.15">
      <c r="AR33237" s="9" ph="1"/>
    </row>
    <row r="33238" spans="44:44" ht="15.75" customHeight="1" x14ac:dyDescent="0.15">
      <c r="AR33238" s="9" ph="1"/>
    </row>
    <row r="33239" spans="44:44" ht="15.75" customHeight="1" x14ac:dyDescent="0.15">
      <c r="AR33239" s="9" ph="1"/>
    </row>
    <row r="33241" spans="44:44" ht="15.75" customHeight="1" x14ac:dyDescent="0.15">
      <c r="AR33241" s="9" ph="1"/>
    </row>
    <row r="33242" spans="44:44" ht="15.75" customHeight="1" x14ac:dyDescent="0.15">
      <c r="AR33242" s="9" ph="1"/>
    </row>
    <row r="33243" spans="44:44" ht="15.75" customHeight="1" x14ac:dyDescent="0.15">
      <c r="AR33243" s="9" ph="1"/>
    </row>
    <row r="33244" spans="44:44" ht="15.75" customHeight="1" x14ac:dyDescent="0.15">
      <c r="AR33244" s="9" ph="1"/>
    </row>
    <row r="33245" spans="44:44" ht="15.75" customHeight="1" x14ac:dyDescent="0.15">
      <c r="AR33245" s="9" ph="1"/>
    </row>
    <row r="33246" spans="44:44" ht="15.75" customHeight="1" x14ac:dyDescent="0.15">
      <c r="AR33246" s="9" ph="1"/>
    </row>
    <row r="33248" spans="44:44" ht="15.75" customHeight="1" x14ac:dyDescent="0.15">
      <c r="AR33248" s="9" ph="1"/>
    </row>
    <row r="33249" spans="44:44" ht="15.75" customHeight="1" x14ac:dyDescent="0.15">
      <c r="AR33249" s="9" ph="1"/>
    </row>
    <row r="33250" spans="44:44" ht="15.75" customHeight="1" x14ac:dyDescent="0.15">
      <c r="AR33250" s="9" ph="1"/>
    </row>
    <row r="33251" spans="44:44" ht="15.75" customHeight="1" x14ac:dyDescent="0.15">
      <c r="AR33251" s="9" ph="1"/>
    </row>
    <row r="33252" spans="44:44" ht="15.75" customHeight="1" x14ac:dyDescent="0.15">
      <c r="AR33252" s="9" ph="1"/>
    </row>
    <row r="33253" spans="44:44" ht="15.75" customHeight="1" x14ac:dyDescent="0.15">
      <c r="AR33253" s="9" ph="1"/>
    </row>
    <row r="33254" spans="44:44" ht="15.75" customHeight="1" x14ac:dyDescent="0.15">
      <c r="AR33254" s="9" ph="1"/>
    </row>
    <row r="33255" spans="44:44" ht="15.75" customHeight="1" x14ac:dyDescent="0.15">
      <c r="AR33255" s="9" ph="1"/>
    </row>
    <row r="33256" spans="44:44" ht="15.75" customHeight="1" x14ac:dyDescent="0.15">
      <c r="AR33256" s="9" ph="1"/>
    </row>
    <row r="33257" spans="44:44" ht="15.75" customHeight="1" x14ac:dyDescent="0.15">
      <c r="AR33257" s="9" ph="1"/>
    </row>
    <row r="33258" spans="44:44" ht="15.75" customHeight="1" x14ac:dyDescent="0.15">
      <c r="AR33258" s="9" ph="1"/>
    </row>
    <row r="33259" spans="44:44" ht="15.75" customHeight="1" x14ac:dyDescent="0.15">
      <c r="AR33259" s="9" ph="1"/>
    </row>
    <row r="33260" spans="44:44" ht="15.75" customHeight="1" x14ac:dyDescent="0.15">
      <c r="AR33260" s="9" ph="1"/>
    </row>
    <row r="33261" spans="44:44" ht="15.75" customHeight="1" x14ac:dyDescent="0.15">
      <c r="AR33261" s="9" ph="1"/>
    </row>
    <row r="33262" spans="44:44" ht="15.75" customHeight="1" x14ac:dyDescent="0.15">
      <c r="AR33262" s="9" ph="1"/>
    </row>
    <row r="33263" spans="44:44" ht="15.75" customHeight="1" x14ac:dyDescent="0.15">
      <c r="AR33263" s="9" ph="1"/>
    </row>
    <row r="33264" spans="44:44" ht="15.75" customHeight="1" x14ac:dyDescent="0.15">
      <c r="AR33264" s="9" ph="1"/>
    </row>
    <row r="33265" spans="44:44" ht="15.75" customHeight="1" x14ac:dyDescent="0.15">
      <c r="AR33265" s="9" ph="1"/>
    </row>
    <row r="33266" spans="44:44" ht="15.75" customHeight="1" x14ac:dyDescent="0.15">
      <c r="AR33266" s="9" ph="1"/>
    </row>
    <row r="33268" spans="44:44" ht="15.75" customHeight="1" x14ac:dyDescent="0.15">
      <c r="AR33268" s="9" ph="1"/>
    </row>
    <row r="33269" spans="44:44" ht="15.75" customHeight="1" x14ac:dyDescent="0.15">
      <c r="AR33269" s="9" ph="1"/>
    </row>
    <row r="33270" spans="44:44" ht="15.75" customHeight="1" x14ac:dyDescent="0.15">
      <c r="AR33270" s="9" ph="1"/>
    </row>
    <row r="33272" spans="44:44" ht="15.75" customHeight="1" x14ac:dyDescent="0.15">
      <c r="AR33272" s="9" ph="1"/>
    </row>
    <row r="33273" spans="44:44" ht="15.75" customHeight="1" x14ac:dyDescent="0.15">
      <c r="AR33273" s="9" ph="1"/>
    </row>
    <row r="33274" spans="44:44" ht="15.75" customHeight="1" x14ac:dyDescent="0.15">
      <c r="AR33274" s="9" ph="1"/>
    </row>
    <row r="33275" spans="44:44" ht="15.75" customHeight="1" x14ac:dyDescent="0.15">
      <c r="AR33275" s="9" ph="1"/>
    </row>
    <row r="33276" spans="44:44" ht="15.75" customHeight="1" x14ac:dyDescent="0.15">
      <c r="AR33276" s="9" ph="1"/>
    </row>
    <row r="33277" spans="44:44" ht="15.75" customHeight="1" x14ac:dyDescent="0.15">
      <c r="AR33277" s="9" ph="1"/>
    </row>
    <row r="33278" spans="44:44" ht="15.75" customHeight="1" x14ac:dyDescent="0.15">
      <c r="AR33278" s="9" ph="1"/>
    </row>
    <row r="33279" spans="44:44" ht="15.75" customHeight="1" x14ac:dyDescent="0.15">
      <c r="AR33279" s="9" ph="1"/>
    </row>
    <row r="33280" spans="44:44" ht="15.75" customHeight="1" x14ac:dyDescent="0.15">
      <c r="AR33280" s="9" ph="1"/>
    </row>
    <row r="33281" spans="44:44" ht="15.75" customHeight="1" x14ac:dyDescent="0.15">
      <c r="AR33281" s="9" ph="1"/>
    </row>
    <row r="33282" spans="44:44" ht="15.75" customHeight="1" x14ac:dyDescent="0.15">
      <c r="AR33282" s="9" ph="1"/>
    </row>
    <row r="33283" spans="44:44" ht="15.75" customHeight="1" x14ac:dyDescent="0.15">
      <c r="AR33283" s="9" ph="1"/>
    </row>
    <row r="33284" spans="44:44" ht="15.75" customHeight="1" x14ac:dyDescent="0.15">
      <c r="AR33284" s="9" ph="1"/>
    </row>
    <row r="33285" spans="44:44" ht="15.75" customHeight="1" x14ac:dyDescent="0.15">
      <c r="AR33285" s="9" ph="1"/>
    </row>
    <row r="33286" spans="44:44" ht="15.75" customHeight="1" x14ac:dyDescent="0.15">
      <c r="AR33286" s="9" ph="1"/>
    </row>
    <row r="33287" spans="44:44" ht="15.75" customHeight="1" x14ac:dyDescent="0.15">
      <c r="AR33287" s="9" ph="1"/>
    </row>
    <row r="33289" spans="44:44" ht="15.75" customHeight="1" x14ac:dyDescent="0.15">
      <c r="AR33289" s="9" ph="1"/>
    </row>
    <row r="33290" spans="44:44" ht="15.75" customHeight="1" x14ac:dyDescent="0.15">
      <c r="AR33290" s="9" ph="1"/>
    </row>
    <row r="33291" spans="44:44" ht="15.75" customHeight="1" x14ac:dyDescent="0.15">
      <c r="AR33291" s="9" ph="1"/>
    </row>
    <row r="33293" spans="44:44" ht="15.75" customHeight="1" x14ac:dyDescent="0.15">
      <c r="AR33293" s="9" ph="1"/>
    </row>
    <row r="33294" spans="44:44" ht="15.75" customHeight="1" x14ac:dyDescent="0.15">
      <c r="AR33294" s="9" ph="1"/>
    </row>
    <row r="33295" spans="44:44" ht="15.75" customHeight="1" x14ac:dyDescent="0.15">
      <c r="AR33295" s="9" ph="1"/>
    </row>
    <row r="33296" spans="44:44" ht="15.75" customHeight="1" x14ac:dyDescent="0.15">
      <c r="AR33296" s="9" ph="1"/>
    </row>
    <row r="33297" spans="44:44" ht="15.75" customHeight="1" x14ac:dyDescent="0.15">
      <c r="AR33297" s="9" ph="1"/>
    </row>
    <row r="33298" spans="44:44" ht="15.75" customHeight="1" x14ac:dyDescent="0.15">
      <c r="AR33298" s="9" ph="1"/>
    </row>
    <row r="33299" spans="44:44" ht="15.75" customHeight="1" x14ac:dyDescent="0.15">
      <c r="AR33299" s="9" ph="1"/>
    </row>
    <row r="33300" spans="44:44" ht="15.75" customHeight="1" x14ac:dyDescent="0.15">
      <c r="AR33300" s="9" ph="1"/>
    </row>
    <row r="33302" spans="44:44" ht="15.75" customHeight="1" x14ac:dyDescent="0.15">
      <c r="AR33302" s="9" ph="1"/>
    </row>
    <row r="33303" spans="44:44" ht="15.75" customHeight="1" x14ac:dyDescent="0.15">
      <c r="AR33303" s="9" ph="1"/>
    </row>
    <row r="33304" spans="44:44" ht="15.75" customHeight="1" x14ac:dyDescent="0.15">
      <c r="AR33304" s="9" ph="1"/>
    </row>
    <row r="33305" spans="44:44" ht="15.75" customHeight="1" x14ac:dyDescent="0.15">
      <c r="AR33305" s="9" ph="1"/>
    </row>
    <row r="33306" spans="44:44" ht="15.75" customHeight="1" x14ac:dyDescent="0.15">
      <c r="AR33306" s="9" ph="1"/>
    </row>
    <row r="33307" spans="44:44" ht="15.75" customHeight="1" x14ac:dyDescent="0.15">
      <c r="AR33307" s="9" ph="1"/>
    </row>
    <row r="33308" spans="44:44" ht="15.75" customHeight="1" x14ac:dyDescent="0.15">
      <c r="AR33308" s="9" ph="1"/>
    </row>
    <row r="33309" spans="44:44" ht="15.75" customHeight="1" x14ac:dyDescent="0.15">
      <c r="AR33309" s="9" ph="1"/>
    </row>
    <row r="33311" spans="44:44" ht="15.75" customHeight="1" x14ac:dyDescent="0.15">
      <c r="AR33311" s="9" ph="1"/>
    </row>
    <row r="33312" spans="44:44" ht="15.75" customHeight="1" x14ac:dyDescent="0.15">
      <c r="AR33312" s="9" ph="1"/>
    </row>
    <row r="33313" spans="44:44" ht="15.75" customHeight="1" x14ac:dyDescent="0.15">
      <c r="AR33313" s="9" ph="1"/>
    </row>
    <row r="33314" spans="44:44" ht="15.75" customHeight="1" x14ac:dyDescent="0.15">
      <c r="AR33314" s="9" ph="1"/>
    </row>
    <row r="33315" spans="44:44" ht="15.75" customHeight="1" x14ac:dyDescent="0.15">
      <c r="AR33315" s="9" ph="1"/>
    </row>
    <row r="33316" spans="44:44" ht="15.75" customHeight="1" x14ac:dyDescent="0.15">
      <c r="AR33316" s="9" ph="1"/>
    </row>
    <row r="33318" spans="44:44" ht="15.75" customHeight="1" x14ac:dyDescent="0.15">
      <c r="AR33318" s="9" ph="1"/>
    </row>
    <row r="33319" spans="44:44" ht="15.75" customHeight="1" x14ac:dyDescent="0.15">
      <c r="AR33319" s="9" ph="1"/>
    </row>
    <row r="33320" spans="44:44" ht="15.75" customHeight="1" x14ac:dyDescent="0.15">
      <c r="AR33320" s="9" ph="1"/>
    </row>
    <row r="33321" spans="44:44" ht="15.75" customHeight="1" x14ac:dyDescent="0.15">
      <c r="AR33321" s="9" ph="1"/>
    </row>
    <row r="33322" spans="44:44" ht="15.75" customHeight="1" x14ac:dyDescent="0.15">
      <c r="AR33322" s="9" ph="1"/>
    </row>
    <row r="33323" spans="44:44" ht="15.75" customHeight="1" x14ac:dyDescent="0.15">
      <c r="AR33323" s="9" ph="1"/>
    </row>
    <row r="33324" spans="44:44" ht="15.75" customHeight="1" x14ac:dyDescent="0.15">
      <c r="AR33324" s="9" ph="1"/>
    </row>
    <row r="33326" spans="44:44" ht="15.75" customHeight="1" x14ac:dyDescent="0.15">
      <c r="AR33326" s="9" ph="1"/>
    </row>
    <row r="33327" spans="44:44" ht="15.75" customHeight="1" x14ac:dyDescent="0.15">
      <c r="AR33327" s="9" ph="1"/>
    </row>
    <row r="33328" spans="44:44" ht="15.75" customHeight="1" x14ac:dyDescent="0.15">
      <c r="AR33328" s="9" ph="1"/>
    </row>
    <row r="33329" spans="44:44" ht="15.75" customHeight="1" x14ac:dyDescent="0.15">
      <c r="AR33329" s="9" ph="1"/>
    </row>
    <row r="33330" spans="44:44" ht="15.75" customHeight="1" x14ac:dyDescent="0.15">
      <c r="AR33330" s="9" ph="1"/>
    </row>
    <row r="33331" spans="44:44" ht="15.75" customHeight="1" x14ac:dyDescent="0.15">
      <c r="AR33331" s="9" ph="1"/>
    </row>
    <row r="33333" spans="44:44" ht="15.75" customHeight="1" x14ac:dyDescent="0.15">
      <c r="AR33333" s="9" ph="1"/>
    </row>
    <row r="33334" spans="44:44" ht="15.75" customHeight="1" x14ac:dyDescent="0.15">
      <c r="AR33334" s="9" ph="1"/>
    </row>
    <row r="33335" spans="44:44" ht="15.75" customHeight="1" x14ac:dyDescent="0.15">
      <c r="AR33335" s="9" ph="1"/>
    </row>
    <row r="33336" spans="44:44" ht="15.75" customHeight="1" x14ac:dyDescent="0.15">
      <c r="AR33336" s="9" ph="1"/>
    </row>
    <row r="33337" spans="44:44" ht="15.75" customHeight="1" x14ac:dyDescent="0.15">
      <c r="AR33337" s="9" ph="1"/>
    </row>
    <row r="33338" spans="44:44" ht="15.75" customHeight="1" x14ac:dyDescent="0.15">
      <c r="AR33338" s="9" ph="1"/>
    </row>
    <row r="33339" spans="44:44" ht="15.75" customHeight="1" x14ac:dyDescent="0.15">
      <c r="AR33339" s="9" ph="1"/>
    </row>
    <row r="33340" spans="44:44" ht="15.75" customHeight="1" x14ac:dyDescent="0.15">
      <c r="AR33340" s="9" ph="1"/>
    </row>
    <row r="33341" spans="44:44" ht="15.75" customHeight="1" x14ac:dyDescent="0.15">
      <c r="AR33341" s="9" ph="1"/>
    </row>
    <row r="33342" spans="44:44" ht="15.75" customHeight="1" x14ac:dyDescent="0.15">
      <c r="AR33342" s="9" ph="1"/>
    </row>
    <row r="33343" spans="44:44" ht="15.75" customHeight="1" x14ac:dyDescent="0.15">
      <c r="AR33343" s="9" ph="1"/>
    </row>
    <row r="33344" spans="44:44" ht="15.75" customHeight="1" x14ac:dyDescent="0.15">
      <c r="AR33344" s="9" ph="1"/>
    </row>
    <row r="33345" spans="44:44" ht="15.75" customHeight="1" x14ac:dyDescent="0.15">
      <c r="AR33345" s="9" ph="1"/>
    </row>
    <row r="33347" spans="44:44" ht="15.75" customHeight="1" x14ac:dyDescent="0.15">
      <c r="AR33347" s="9" ph="1"/>
    </row>
    <row r="33348" spans="44:44" ht="15.75" customHeight="1" x14ac:dyDescent="0.15">
      <c r="AR33348" s="9" ph="1"/>
    </row>
    <row r="33349" spans="44:44" ht="15.75" customHeight="1" x14ac:dyDescent="0.15">
      <c r="AR33349" s="9" ph="1"/>
    </row>
    <row r="33351" spans="44:44" ht="15.75" customHeight="1" x14ac:dyDescent="0.15">
      <c r="AR33351" s="9" ph="1"/>
    </row>
    <row r="33352" spans="44:44" ht="15.75" customHeight="1" x14ac:dyDescent="0.15">
      <c r="AR33352" s="9" ph="1"/>
    </row>
    <row r="33353" spans="44:44" ht="15.75" customHeight="1" x14ac:dyDescent="0.15">
      <c r="AR33353" s="9" ph="1"/>
    </row>
    <row r="33354" spans="44:44" ht="15.75" customHeight="1" x14ac:dyDescent="0.15">
      <c r="AR33354" s="9" ph="1"/>
    </row>
    <row r="33355" spans="44:44" ht="15.75" customHeight="1" x14ac:dyDescent="0.15">
      <c r="AR33355" s="9" ph="1"/>
    </row>
    <row r="33356" spans="44:44" ht="15.75" customHeight="1" x14ac:dyDescent="0.15">
      <c r="AR33356" s="9" ph="1"/>
    </row>
    <row r="33357" spans="44:44" ht="15.75" customHeight="1" x14ac:dyDescent="0.15">
      <c r="AR33357" s="9" ph="1"/>
    </row>
    <row r="33358" spans="44:44" ht="15.75" customHeight="1" x14ac:dyDescent="0.15">
      <c r="AR33358" s="9" ph="1"/>
    </row>
    <row r="33359" spans="44:44" ht="15.75" customHeight="1" x14ac:dyDescent="0.15">
      <c r="AR33359" s="9" ph="1"/>
    </row>
    <row r="33360" spans="44:44" ht="15.75" customHeight="1" x14ac:dyDescent="0.15">
      <c r="AR33360" s="9" ph="1"/>
    </row>
    <row r="33361" spans="44:44" ht="15.75" customHeight="1" x14ac:dyDescent="0.15">
      <c r="AR33361" s="9" ph="1"/>
    </row>
    <row r="33362" spans="44:44" ht="15.75" customHeight="1" x14ac:dyDescent="0.15">
      <c r="AR33362" s="9" ph="1"/>
    </row>
    <row r="33363" spans="44:44" ht="15.75" customHeight="1" x14ac:dyDescent="0.15">
      <c r="AR33363" s="9" ph="1"/>
    </row>
    <row r="33364" spans="44:44" ht="15.75" customHeight="1" x14ac:dyDescent="0.15">
      <c r="AR33364" s="9" ph="1"/>
    </row>
    <row r="33365" spans="44:44" ht="15.75" customHeight="1" x14ac:dyDescent="0.15">
      <c r="AR33365" s="9" ph="1"/>
    </row>
    <row r="33366" spans="44:44" ht="15.75" customHeight="1" x14ac:dyDescent="0.15">
      <c r="AR33366" s="9" ph="1"/>
    </row>
    <row r="33368" spans="44:44" ht="15.75" customHeight="1" x14ac:dyDescent="0.15">
      <c r="AR33368" s="9" ph="1"/>
    </row>
    <row r="33369" spans="44:44" ht="15.75" customHeight="1" x14ac:dyDescent="0.15">
      <c r="AR33369" s="9" ph="1"/>
    </row>
    <row r="33370" spans="44:44" ht="15.75" customHeight="1" x14ac:dyDescent="0.15">
      <c r="AR33370" s="9" ph="1"/>
    </row>
    <row r="33372" spans="44:44" ht="15.75" customHeight="1" x14ac:dyDescent="0.15">
      <c r="AR33372" s="9" ph="1"/>
    </row>
    <row r="33373" spans="44:44" ht="15.75" customHeight="1" x14ac:dyDescent="0.15">
      <c r="AR33373" s="9" ph="1"/>
    </row>
    <row r="33374" spans="44:44" ht="15.75" customHeight="1" x14ac:dyDescent="0.15">
      <c r="AR33374" s="9" ph="1"/>
    </row>
    <row r="33375" spans="44:44" ht="15.75" customHeight="1" x14ac:dyDescent="0.15">
      <c r="AR33375" s="9" ph="1"/>
    </row>
    <row r="33376" spans="44:44" ht="15.75" customHeight="1" x14ac:dyDescent="0.15">
      <c r="AR33376" s="9" ph="1"/>
    </row>
    <row r="33377" spans="44:44" ht="15.75" customHeight="1" x14ac:dyDescent="0.15">
      <c r="AR33377" s="9" ph="1"/>
    </row>
    <row r="33378" spans="44:44" ht="15.75" customHeight="1" x14ac:dyDescent="0.15">
      <c r="AR33378" s="9" ph="1"/>
    </row>
    <row r="33379" spans="44:44" ht="15.75" customHeight="1" x14ac:dyDescent="0.15">
      <c r="AR33379" s="9" ph="1"/>
    </row>
    <row r="33381" spans="44:44" ht="15.75" customHeight="1" x14ac:dyDescent="0.15">
      <c r="AR33381" s="9" ph="1"/>
    </row>
    <row r="33382" spans="44:44" ht="15.75" customHeight="1" x14ac:dyDescent="0.15">
      <c r="AR33382" s="9" ph="1"/>
    </row>
    <row r="33383" spans="44:44" ht="15.75" customHeight="1" x14ac:dyDescent="0.15">
      <c r="AR33383" s="9" ph="1"/>
    </row>
    <row r="33384" spans="44:44" ht="15.75" customHeight="1" x14ac:dyDescent="0.15">
      <c r="AR33384" s="9" ph="1"/>
    </row>
    <row r="33385" spans="44:44" ht="15.75" customHeight="1" x14ac:dyDescent="0.15">
      <c r="AR33385" s="9" ph="1"/>
    </row>
    <row r="33386" spans="44:44" ht="15.75" customHeight="1" x14ac:dyDescent="0.15">
      <c r="AR33386" s="9" ph="1"/>
    </row>
    <row r="33387" spans="44:44" ht="15.75" customHeight="1" x14ac:dyDescent="0.15">
      <c r="AR33387" s="9" ph="1"/>
    </row>
    <row r="33388" spans="44:44" ht="15.75" customHeight="1" x14ac:dyDescent="0.15">
      <c r="AR33388" s="9" ph="1"/>
    </row>
    <row r="33390" spans="44:44" ht="15.75" customHeight="1" x14ac:dyDescent="0.15">
      <c r="AR33390" s="9" ph="1"/>
    </row>
    <row r="33391" spans="44:44" ht="15.75" customHeight="1" x14ac:dyDescent="0.15">
      <c r="AR33391" s="9" ph="1"/>
    </row>
    <row r="33392" spans="44:44" ht="15.75" customHeight="1" x14ac:dyDescent="0.15">
      <c r="AR33392" s="9" ph="1"/>
    </row>
    <row r="33393" spans="44:44" ht="15.75" customHeight="1" x14ac:dyDescent="0.15">
      <c r="AR33393" s="9" ph="1"/>
    </row>
    <row r="33394" spans="44:44" ht="15.75" customHeight="1" x14ac:dyDescent="0.15">
      <c r="AR33394" s="9" ph="1"/>
    </row>
    <row r="33395" spans="44:44" ht="15.75" customHeight="1" x14ac:dyDescent="0.15">
      <c r="AR33395" s="9" ph="1"/>
    </row>
    <row r="33397" spans="44:44" ht="15.75" customHeight="1" x14ac:dyDescent="0.15">
      <c r="AR33397" s="9" ph="1"/>
    </row>
    <row r="33398" spans="44:44" ht="15.75" customHeight="1" x14ac:dyDescent="0.15">
      <c r="AR33398" s="9" ph="1"/>
    </row>
    <row r="33399" spans="44:44" ht="15.75" customHeight="1" x14ac:dyDescent="0.15">
      <c r="AR33399" s="9" ph="1"/>
    </row>
    <row r="33400" spans="44:44" ht="15.75" customHeight="1" x14ac:dyDescent="0.15">
      <c r="AR33400" s="9" ph="1"/>
    </row>
    <row r="33401" spans="44:44" ht="15.75" customHeight="1" x14ac:dyDescent="0.15">
      <c r="AR33401" s="9" ph="1"/>
    </row>
    <row r="33402" spans="44:44" ht="15.75" customHeight="1" x14ac:dyDescent="0.15">
      <c r="AR33402" s="9" ph="1"/>
    </row>
    <row r="33403" spans="44:44" ht="15.75" customHeight="1" x14ac:dyDescent="0.15">
      <c r="AR33403" s="9" ph="1"/>
    </row>
    <row r="33404" spans="44:44" ht="15.75" customHeight="1" x14ac:dyDescent="0.15">
      <c r="AR33404" s="9" ph="1"/>
    </row>
    <row r="33405" spans="44:44" ht="15.75" customHeight="1" x14ac:dyDescent="0.15">
      <c r="AR33405" s="9" ph="1"/>
    </row>
    <row r="33406" spans="44:44" ht="15.75" customHeight="1" x14ac:dyDescent="0.15">
      <c r="AR33406" s="9" ph="1"/>
    </row>
    <row r="33407" spans="44:44" ht="15.75" customHeight="1" x14ac:dyDescent="0.15">
      <c r="AR33407" s="9" ph="1"/>
    </row>
    <row r="33408" spans="44:44" ht="15.75" customHeight="1" x14ac:dyDescent="0.15">
      <c r="AR33408" s="9" ph="1"/>
    </row>
    <row r="33409" spans="44:44" ht="15.75" customHeight="1" x14ac:dyDescent="0.15">
      <c r="AR33409" s="9" ph="1"/>
    </row>
    <row r="33410" spans="44:44" ht="15.75" customHeight="1" x14ac:dyDescent="0.15">
      <c r="AR33410" s="9" ph="1"/>
    </row>
    <row r="33411" spans="44:44" ht="15.75" customHeight="1" x14ac:dyDescent="0.15">
      <c r="AR33411" s="9" ph="1"/>
    </row>
    <row r="33413" spans="44:44" ht="15.75" customHeight="1" x14ac:dyDescent="0.15">
      <c r="AR33413" s="9" ph="1"/>
    </row>
    <row r="33414" spans="44:44" ht="15.75" customHeight="1" x14ac:dyDescent="0.15">
      <c r="AR33414" s="9" ph="1"/>
    </row>
    <row r="33415" spans="44:44" ht="15.75" customHeight="1" x14ac:dyDescent="0.15">
      <c r="AR33415" s="9" ph="1"/>
    </row>
    <row r="33417" spans="44:44" ht="15.75" customHeight="1" x14ac:dyDescent="0.15">
      <c r="AR33417" s="9" ph="1"/>
    </row>
    <row r="33418" spans="44:44" ht="15.75" customHeight="1" x14ac:dyDescent="0.15">
      <c r="AR33418" s="9" ph="1"/>
    </row>
    <row r="33419" spans="44:44" ht="15.75" customHeight="1" x14ac:dyDescent="0.15">
      <c r="AR33419" s="9" ph="1"/>
    </row>
    <row r="33420" spans="44:44" ht="15.75" customHeight="1" x14ac:dyDescent="0.15">
      <c r="AR33420" s="9" ph="1"/>
    </row>
    <row r="33421" spans="44:44" ht="15.75" customHeight="1" x14ac:dyDescent="0.15">
      <c r="AR33421" s="9" ph="1"/>
    </row>
    <row r="33422" spans="44:44" ht="15.75" customHeight="1" x14ac:dyDescent="0.15">
      <c r="AR33422" s="9" ph="1"/>
    </row>
    <row r="33423" spans="44:44" ht="15.75" customHeight="1" x14ac:dyDescent="0.15">
      <c r="AR33423" s="9" ph="1"/>
    </row>
    <row r="33424" spans="44:44" ht="15.75" customHeight="1" x14ac:dyDescent="0.15">
      <c r="AR33424" s="9" ph="1"/>
    </row>
    <row r="33426" spans="44:44" ht="15.75" customHeight="1" x14ac:dyDescent="0.15">
      <c r="AR33426" s="9" ph="1"/>
    </row>
    <row r="33427" spans="44:44" ht="15.75" customHeight="1" x14ac:dyDescent="0.15">
      <c r="AR33427" s="9" ph="1"/>
    </row>
    <row r="33428" spans="44:44" ht="15.75" customHeight="1" x14ac:dyDescent="0.15">
      <c r="AR33428" s="9" ph="1"/>
    </row>
    <row r="33429" spans="44:44" ht="15.75" customHeight="1" x14ac:dyDescent="0.15">
      <c r="AR33429" s="9" ph="1"/>
    </row>
    <row r="33430" spans="44:44" ht="15.75" customHeight="1" x14ac:dyDescent="0.15">
      <c r="AR33430" s="9" ph="1"/>
    </row>
    <row r="33431" spans="44:44" ht="15.75" customHeight="1" x14ac:dyDescent="0.15">
      <c r="AR33431" s="9" ph="1"/>
    </row>
    <row r="33432" spans="44:44" ht="15.75" customHeight="1" x14ac:dyDescent="0.15">
      <c r="AR33432" s="9" ph="1"/>
    </row>
    <row r="33433" spans="44:44" ht="15.75" customHeight="1" x14ac:dyDescent="0.15">
      <c r="AR33433" s="9" ph="1"/>
    </row>
    <row r="33435" spans="44:44" ht="15.75" customHeight="1" x14ac:dyDescent="0.15">
      <c r="AR33435" s="9" ph="1"/>
    </row>
    <row r="33436" spans="44:44" ht="15.75" customHeight="1" x14ac:dyDescent="0.15">
      <c r="AR33436" s="9" ph="1"/>
    </row>
    <row r="33437" spans="44:44" ht="15.75" customHeight="1" x14ac:dyDescent="0.15">
      <c r="AR33437" s="9" ph="1"/>
    </row>
    <row r="33438" spans="44:44" ht="15.75" customHeight="1" x14ac:dyDescent="0.15">
      <c r="AR33438" s="9" ph="1"/>
    </row>
    <row r="33439" spans="44:44" ht="15.75" customHeight="1" x14ac:dyDescent="0.15">
      <c r="AR33439" s="9" ph="1"/>
    </row>
    <row r="33440" spans="44:44" ht="15.75" customHeight="1" x14ac:dyDescent="0.15">
      <c r="AR33440" s="9" ph="1"/>
    </row>
    <row r="33442" spans="44:44" ht="15.75" customHeight="1" x14ac:dyDescent="0.15">
      <c r="AR33442" s="9" ph="1"/>
    </row>
    <row r="33443" spans="44:44" ht="15.75" customHeight="1" x14ac:dyDescent="0.15">
      <c r="AR33443" s="9" ph="1"/>
    </row>
    <row r="33444" spans="44:44" ht="15.75" customHeight="1" x14ac:dyDescent="0.15">
      <c r="AR33444" s="9" ph="1"/>
    </row>
    <row r="33445" spans="44:44" ht="15.75" customHeight="1" x14ac:dyDescent="0.15">
      <c r="AR33445" s="9" ph="1"/>
    </row>
    <row r="33446" spans="44:44" ht="15.75" customHeight="1" x14ac:dyDescent="0.15">
      <c r="AR33446" s="9" ph="1"/>
    </row>
    <row r="33447" spans="44:44" ht="15.75" customHeight="1" x14ac:dyDescent="0.15">
      <c r="AR33447" s="9" ph="1"/>
    </row>
    <row r="33448" spans="44:44" ht="15.75" customHeight="1" x14ac:dyDescent="0.15">
      <c r="AR33448" s="9" ph="1"/>
    </row>
    <row r="33449" spans="44:44" ht="15.75" customHeight="1" x14ac:dyDescent="0.15">
      <c r="AR33449" s="9" ph="1"/>
    </row>
    <row r="33450" spans="44:44" ht="15.75" customHeight="1" x14ac:dyDescent="0.15">
      <c r="AR33450" s="9" ph="1"/>
    </row>
    <row r="33451" spans="44:44" ht="15.75" customHeight="1" x14ac:dyDescent="0.15">
      <c r="AR33451" s="9" ph="1"/>
    </row>
    <row r="33452" spans="44:44" ht="15.75" customHeight="1" x14ac:dyDescent="0.15">
      <c r="AR33452" s="9" ph="1"/>
    </row>
    <row r="33453" spans="44:44" ht="15.75" customHeight="1" x14ac:dyDescent="0.15">
      <c r="AR33453" s="9" ph="1"/>
    </row>
    <row r="33455" spans="44:44" ht="15.75" customHeight="1" x14ac:dyDescent="0.15">
      <c r="AR33455" s="9" ph="1"/>
    </row>
    <row r="33456" spans="44:44" ht="15.75" customHeight="1" x14ac:dyDescent="0.15">
      <c r="AR33456" s="9" ph="1"/>
    </row>
    <row r="33457" spans="44:44" ht="15.75" customHeight="1" x14ac:dyDescent="0.15">
      <c r="AR33457" s="9" ph="1"/>
    </row>
    <row r="33459" spans="44:44" ht="15.75" customHeight="1" x14ac:dyDescent="0.15">
      <c r="AR33459" s="9" ph="1"/>
    </row>
    <row r="33460" spans="44:44" ht="15.75" customHeight="1" x14ac:dyDescent="0.15">
      <c r="AR33460" s="9" ph="1"/>
    </row>
    <row r="33461" spans="44:44" ht="15.75" customHeight="1" x14ac:dyDescent="0.15">
      <c r="AR33461" s="9" ph="1"/>
    </row>
    <row r="33462" spans="44:44" ht="15.75" customHeight="1" x14ac:dyDescent="0.15">
      <c r="AR33462" s="9" ph="1"/>
    </row>
    <row r="33463" spans="44:44" ht="15.75" customHeight="1" x14ac:dyDescent="0.15">
      <c r="AR33463" s="9" ph="1"/>
    </row>
    <row r="33464" spans="44:44" ht="15.75" customHeight="1" x14ac:dyDescent="0.15">
      <c r="AR33464" s="9" ph="1"/>
    </row>
    <row r="33465" spans="44:44" ht="15.75" customHeight="1" x14ac:dyDescent="0.15">
      <c r="AR33465" s="9" ph="1"/>
    </row>
    <row r="33466" spans="44:44" ht="15.75" customHeight="1" x14ac:dyDescent="0.15">
      <c r="AR33466" s="9" ph="1"/>
    </row>
    <row r="33468" spans="44:44" ht="15.75" customHeight="1" x14ac:dyDescent="0.15">
      <c r="AR33468" s="9" ph="1"/>
    </row>
    <row r="33469" spans="44:44" ht="15.75" customHeight="1" x14ac:dyDescent="0.15">
      <c r="AR33469" s="9" ph="1"/>
    </row>
    <row r="33470" spans="44:44" ht="15.75" customHeight="1" x14ac:dyDescent="0.15">
      <c r="AR33470" s="9" ph="1"/>
    </row>
    <row r="33471" spans="44:44" ht="15.75" customHeight="1" x14ac:dyDescent="0.15">
      <c r="AR33471" s="9" ph="1"/>
    </row>
    <row r="33472" spans="44:44" ht="15.75" customHeight="1" x14ac:dyDescent="0.15">
      <c r="AR33472" s="9" ph="1"/>
    </row>
    <row r="33473" spans="44:44" ht="15.75" customHeight="1" x14ac:dyDescent="0.15">
      <c r="AR33473" s="9" ph="1"/>
    </row>
    <row r="33474" spans="44:44" ht="15.75" customHeight="1" x14ac:dyDescent="0.15">
      <c r="AR33474" s="9" ph="1"/>
    </row>
    <row r="33475" spans="44:44" ht="15.75" customHeight="1" x14ac:dyDescent="0.15">
      <c r="AR33475" s="9" ph="1"/>
    </row>
    <row r="33477" spans="44:44" ht="15.75" customHeight="1" x14ac:dyDescent="0.15">
      <c r="AR33477" s="9" ph="1"/>
    </row>
    <row r="33478" spans="44:44" ht="15.75" customHeight="1" x14ac:dyDescent="0.15">
      <c r="AR33478" s="9" ph="1"/>
    </row>
    <row r="33479" spans="44:44" ht="15.75" customHeight="1" x14ac:dyDescent="0.15">
      <c r="AR33479" s="9" ph="1"/>
    </row>
    <row r="33480" spans="44:44" ht="15.75" customHeight="1" x14ac:dyDescent="0.15">
      <c r="AR33480" s="9" ph="1"/>
    </row>
    <row r="33481" spans="44:44" ht="15.75" customHeight="1" x14ac:dyDescent="0.15">
      <c r="AR33481" s="9" ph="1"/>
    </row>
    <row r="33482" spans="44:44" ht="15.75" customHeight="1" x14ac:dyDescent="0.15">
      <c r="AR33482" s="9" ph="1"/>
    </row>
    <row r="33484" spans="44:44" ht="15.75" customHeight="1" x14ac:dyDescent="0.15">
      <c r="AR33484" s="9" ph="1"/>
    </row>
    <row r="33485" spans="44:44" ht="15.75" customHeight="1" x14ac:dyDescent="0.15">
      <c r="AR33485" s="9" ph="1"/>
    </row>
    <row r="33486" spans="44:44" ht="15.75" customHeight="1" x14ac:dyDescent="0.15">
      <c r="AR33486" s="9" ph="1"/>
    </row>
    <row r="33487" spans="44:44" ht="15.75" customHeight="1" x14ac:dyDescent="0.15">
      <c r="AR33487" s="9" ph="1"/>
    </row>
    <row r="33488" spans="44:44" ht="15.75" customHeight="1" x14ac:dyDescent="0.15">
      <c r="AR33488" s="9" ph="1"/>
    </row>
    <row r="33489" spans="44:44" ht="15.75" customHeight="1" x14ac:dyDescent="0.15">
      <c r="AR33489" s="9" ph="1"/>
    </row>
    <row r="33490" spans="44:44" ht="15.75" customHeight="1" x14ac:dyDescent="0.15">
      <c r="AR33490" s="9" ph="1"/>
    </row>
    <row r="33491" spans="44:44" ht="15.75" customHeight="1" x14ac:dyDescent="0.15">
      <c r="AR33491" s="9" ph="1"/>
    </row>
    <row r="33492" spans="44:44" ht="15.75" customHeight="1" x14ac:dyDescent="0.15">
      <c r="AR33492" s="9" ph="1"/>
    </row>
    <row r="33493" spans="44:44" ht="15.75" customHeight="1" x14ac:dyDescent="0.15">
      <c r="AR33493" s="9" ph="1"/>
    </row>
    <row r="33495" spans="44:44" ht="15.75" customHeight="1" x14ac:dyDescent="0.15">
      <c r="AR33495" s="9" ph="1"/>
    </row>
    <row r="33496" spans="44:44" ht="15.75" customHeight="1" x14ac:dyDescent="0.15">
      <c r="AR33496" s="9" ph="1"/>
    </row>
    <row r="33497" spans="44:44" ht="15.75" customHeight="1" x14ac:dyDescent="0.15">
      <c r="AR33497" s="9" ph="1"/>
    </row>
    <row r="33498" spans="44:44" ht="15.75" customHeight="1" x14ac:dyDescent="0.15">
      <c r="AR33498" s="9" ph="1"/>
    </row>
    <row r="33499" spans="44:44" ht="15.75" customHeight="1" x14ac:dyDescent="0.15">
      <c r="AR33499" s="9" ph="1"/>
    </row>
    <row r="33500" spans="44:44" ht="15.75" customHeight="1" x14ac:dyDescent="0.15">
      <c r="AR33500" s="9" ph="1"/>
    </row>
    <row r="33501" spans="44:44" ht="15.75" customHeight="1" x14ac:dyDescent="0.15">
      <c r="AR33501" s="9" ph="1"/>
    </row>
    <row r="33502" spans="44:44" ht="15.75" customHeight="1" x14ac:dyDescent="0.15">
      <c r="AR33502" s="9" ph="1"/>
    </row>
    <row r="33503" spans="44:44" ht="15.75" customHeight="1" x14ac:dyDescent="0.15">
      <c r="AR33503" s="9" ph="1"/>
    </row>
    <row r="33504" spans="44:44" ht="15.75" customHeight="1" x14ac:dyDescent="0.15">
      <c r="AR33504" s="9" ph="1"/>
    </row>
    <row r="33505" spans="44:44" ht="15.75" customHeight="1" x14ac:dyDescent="0.15">
      <c r="AR33505" s="9" ph="1"/>
    </row>
    <row r="33506" spans="44:44" ht="15.75" customHeight="1" x14ac:dyDescent="0.15">
      <c r="AR33506" s="9" ph="1"/>
    </row>
    <row r="33508" spans="44:44" ht="15.75" customHeight="1" x14ac:dyDescent="0.15">
      <c r="AR33508" s="9" ph="1"/>
    </row>
    <row r="33509" spans="44:44" ht="15.75" customHeight="1" x14ac:dyDescent="0.15">
      <c r="AR33509" s="9" ph="1"/>
    </row>
    <row r="33510" spans="44:44" ht="15.75" customHeight="1" x14ac:dyDescent="0.15">
      <c r="AR33510" s="9" ph="1"/>
    </row>
    <row r="33512" spans="44:44" ht="15.75" customHeight="1" x14ac:dyDescent="0.15">
      <c r="AR33512" s="9" ph="1"/>
    </row>
    <row r="33513" spans="44:44" ht="15.75" customHeight="1" x14ac:dyDescent="0.15">
      <c r="AR33513" s="9" ph="1"/>
    </row>
    <row r="33514" spans="44:44" ht="15.75" customHeight="1" x14ac:dyDescent="0.15">
      <c r="AR33514" s="9" ph="1"/>
    </row>
    <row r="33515" spans="44:44" ht="15.75" customHeight="1" x14ac:dyDescent="0.15">
      <c r="AR33515" s="9" ph="1"/>
    </row>
    <row r="33516" spans="44:44" ht="15.75" customHeight="1" x14ac:dyDescent="0.15">
      <c r="AR33516" s="9" ph="1"/>
    </row>
    <row r="33517" spans="44:44" ht="15.75" customHeight="1" x14ac:dyDescent="0.15">
      <c r="AR33517" s="9" ph="1"/>
    </row>
    <row r="33518" spans="44:44" ht="15.75" customHeight="1" x14ac:dyDescent="0.15">
      <c r="AR33518" s="9" ph="1"/>
    </row>
    <row r="33519" spans="44:44" ht="15.75" customHeight="1" x14ac:dyDescent="0.15">
      <c r="AR33519" s="9" ph="1"/>
    </row>
    <row r="33521" spans="44:44" ht="15.75" customHeight="1" x14ac:dyDescent="0.15">
      <c r="AR33521" s="9" ph="1"/>
    </row>
    <row r="33522" spans="44:44" ht="15.75" customHeight="1" x14ac:dyDescent="0.15">
      <c r="AR33522" s="9" ph="1"/>
    </row>
    <row r="33523" spans="44:44" ht="15.75" customHeight="1" x14ac:dyDescent="0.15">
      <c r="AR33523" s="9" ph="1"/>
    </row>
    <row r="33524" spans="44:44" ht="15.75" customHeight="1" x14ac:dyDescent="0.15">
      <c r="AR33524" s="9" ph="1"/>
    </row>
    <row r="33525" spans="44:44" ht="15.75" customHeight="1" x14ac:dyDescent="0.15">
      <c r="AR33525" s="9" ph="1"/>
    </row>
    <row r="33526" spans="44:44" ht="15.75" customHeight="1" x14ac:dyDescent="0.15">
      <c r="AR33526" s="9" ph="1"/>
    </row>
    <row r="33527" spans="44:44" ht="15.75" customHeight="1" x14ac:dyDescent="0.15">
      <c r="AR33527" s="9" ph="1"/>
    </row>
    <row r="33528" spans="44:44" ht="15.75" customHeight="1" x14ac:dyDescent="0.15">
      <c r="AR33528" s="9" ph="1"/>
    </row>
    <row r="33530" spans="44:44" ht="15.75" customHeight="1" x14ac:dyDescent="0.15">
      <c r="AR33530" s="9" ph="1"/>
    </row>
    <row r="33531" spans="44:44" ht="15.75" customHeight="1" x14ac:dyDescent="0.15">
      <c r="AR33531" s="9" ph="1"/>
    </row>
    <row r="33532" spans="44:44" ht="15.75" customHeight="1" x14ac:dyDescent="0.15">
      <c r="AR33532" s="9" ph="1"/>
    </row>
    <row r="33533" spans="44:44" ht="15.75" customHeight="1" x14ac:dyDescent="0.15">
      <c r="AR33533" s="9" ph="1"/>
    </row>
    <row r="33534" spans="44:44" ht="15.75" customHeight="1" x14ac:dyDescent="0.15">
      <c r="AR33534" s="9" ph="1"/>
    </row>
    <row r="33535" spans="44:44" ht="15.75" customHeight="1" x14ac:dyDescent="0.15">
      <c r="AR33535" s="9" ph="1"/>
    </row>
    <row r="33537" spans="44:44" ht="15.75" customHeight="1" x14ac:dyDescent="0.15">
      <c r="AR33537" s="9" ph="1"/>
    </row>
    <row r="33538" spans="44:44" ht="15.75" customHeight="1" x14ac:dyDescent="0.15">
      <c r="AR33538" s="9" ph="1"/>
    </row>
    <row r="33539" spans="44:44" ht="15.75" customHeight="1" x14ac:dyDescent="0.15">
      <c r="AR33539" s="9" ph="1"/>
    </row>
    <row r="33540" spans="44:44" ht="15.75" customHeight="1" x14ac:dyDescent="0.15">
      <c r="AR33540" s="9" ph="1"/>
    </row>
    <row r="33541" spans="44:44" ht="15.75" customHeight="1" x14ac:dyDescent="0.15">
      <c r="AR33541" s="9" ph="1"/>
    </row>
    <row r="33542" spans="44:44" ht="15.75" customHeight="1" x14ac:dyDescent="0.15">
      <c r="AR33542" s="9" ph="1"/>
    </row>
    <row r="33543" spans="44:44" ht="15.75" customHeight="1" x14ac:dyDescent="0.15">
      <c r="AR33543" s="9" ph="1"/>
    </row>
    <row r="33544" spans="44:44" ht="15.75" customHeight="1" x14ac:dyDescent="0.15">
      <c r="AR33544" s="9" ph="1"/>
    </row>
    <row r="33545" spans="44:44" ht="15.75" customHeight="1" x14ac:dyDescent="0.15">
      <c r="AR33545" s="9" ph="1"/>
    </row>
    <row r="33546" spans="44:44" ht="15.75" customHeight="1" x14ac:dyDescent="0.15">
      <c r="AR33546" s="9" ph="1"/>
    </row>
    <row r="33547" spans="44:44" ht="15.75" customHeight="1" x14ac:dyDescent="0.15">
      <c r="AR33547" s="9" ph="1"/>
    </row>
    <row r="33548" spans="44:44" ht="15.75" customHeight="1" x14ac:dyDescent="0.15">
      <c r="AR33548" s="9" ph="1"/>
    </row>
    <row r="33549" spans="44:44" ht="15.75" customHeight="1" x14ac:dyDescent="0.15">
      <c r="AR33549" s="9" ph="1"/>
    </row>
    <row r="33550" spans="44:44" ht="15.75" customHeight="1" x14ac:dyDescent="0.15">
      <c r="AR33550" s="9" ph="1"/>
    </row>
    <row r="33551" spans="44:44" ht="15.75" customHeight="1" x14ac:dyDescent="0.15">
      <c r="AR33551" s="9" ph="1"/>
    </row>
    <row r="33552" spans="44:44" ht="15.75" customHeight="1" x14ac:dyDescent="0.15">
      <c r="AR33552" s="9" ph="1"/>
    </row>
    <row r="33553" spans="44:44" ht="15.75" customHeight="1" x14ac:dyDescent="0.15">
      <c r="AR33553" s="9" ph="1"/>
    </row>
    <row r="33555" spans="44:44" ht="15.75" customHeight="1" x14ac:dyDescent="0.15">
      <c r="AR33555" s="9" ph="1"/>
    </row>
    <row r="33556" spans="44:44" ht="15.75" customHeight="1" x14ac:dyDescent="0.15">
      <c r="AR33556" s="9" ph="1"/>
    </row>
    <row r="33557" spans="44:44" ht="15.75" customHeight="1" x14ac:dyDescent="0.15">
      <c r="AR33557" s="9" ph="1"/>
    </row>
    <row r="33558" spans="44:44" ht="15.75" customHeight="1" x14ac:dyDescent="0.15">
      <c r="AR33558" s="9" ph="1"/>
    </row>
    <row r="33559" spans="44:44" ht="15.75" customHeight="1" x14ac:dyDescent="0.15">
      <c r="AR33559" s="9" ph="1"/>
    </row>
    <row r="33560" spans="44:44" ht="15.75" customHeight="1" x14ac:dyDescent="0.15">
      <c r="AR33560" s="9" ph="1"/>
    </row>
    <row r="33561" spans="44:44" ht="15.75" customHeight="1" x14ac:dyDescent="0.15">
      <c r="AR33561" s="9" ph="1"/>
    </row>
    <row r="33562" spans="44:44" ht="15.75" customHeight="1" x14ac:dyDescent="0.15">
      <c r="AR33562" s="9" ph="1"/>
    </row>
    <row r="33563" spans="44:44" ht="15.75" customHeight="1" x14ac:dyDescent="0.15">
      <c r="AR33563" s="9" ph="1"/>
    </row>
    <row r="33564" spans="44:44" ht="15.75" customHeight="1" x14ac:dyDescent="0.15">
      <c r="AR33564" s="9" ph="1"/>
    </row>
    <row r="33565" spans="44:44" ht="15.75" customHeight="1" x14ac:dyDescent="0.15">
      <c r="AR33565" s="9" ph="1"/>
    </row>
    <row r="33566" spans="44:44" ht="15.75" customHeight="1" x14ac:dyDescent="0.15">
      <c r="AR33566" s="9" ph="1"/>
    </row>
    <row r="33568" spans="44:44" ht="15.75" customHeight="1" x14ac:dyDescent="0.15">
      <c r="AR33568" s="9" ph="1"/>
    </row>
    <row r="33569" spans="44:44" ht="15.75" customHeight="1" x14ac:dyDescent="0.15">
      <c r="AR33569" s="9" ph="1"/>
    </row>
    <row r="33570" spans="44:44" ht="15.75" customHeight="1" x14ac:dyDescent="0.15">
      <c r="AR33570" s="9" ph="1"/>
    </row>
    <row r="33572" spans="44:44" ht="15.75" customHeight="1" x14ac:dyDescent="0.15">
      <c r="AR33572" s="9" ph="1"/>
    </row>
    <row r="33573" spans="44:44" ht="15.75" customHeight="1" x14ac:dyDescent="0.15">
      <c r="AR33573" s="9" ph="1"/>
    </row>
    <row r="33574" spans="44:44" ht="15.75" customHeight="1" x14ac:dyDescent="0.15">
      <c r="AR33574" s="9" ph="1"/>
    </row>
    <row r="33575" spans="44:44" ht="15.75" customHeight="1" x14ac:dyDescent="0.15">
      <c r="AR33575" s="9" ph="1"/>
    </row>
    <row r="33576" spans="44:44" ht="15.75" customHeight="1" x14ac:dyDescent="0.15">
      <c r="AR33576" s="9" ph="1"/>
    </row>
    <row r="33577" spans="44:44" ht="15.75" customHeight="1" x14ac:dyDescent="0.15">
      <c r="AR33577" s="9" ph="1"/>
    </row>
    <row r="33578" spans="44:44" ht="15.75" customHeight="1" x14ac:dyDescent="0.15">
      <c r="AR33578" s="9" ph="1"/>
    </row>
    <row r="33579" spans="44:44" ht="15.75" customHeight="1" x14ac:dyDescent="0.15">
      <c r="AR33579" s="9" ph="1"/>
    </row>
    <row r="33581" spans="44:44" ht="15.75" customHeight="1" x14ac:dyDescent="0.15">
      <c r="AR33581" s="9" ph="1"/>
    </row>
    <row r="33582" spans="44:44" ht="15.75" customHeight="1" x14ac:dyDescent="0.15">
      <c r="AR33582" s="9" ph="1"/>
    </row>
    <row r="33583" spans="44:44" ht="15.75" customHeight="1" x14ac:dyDescent="0.15">
      <c r="AR33583" s="9" ph="1"/>
    </row>
    <row r="33584" spans="44:44" ht="15.75" customHeight="1" x14ac:dyDescent="0.15">
      <c r="AR33584" s="9" ph="1"/>
    </row>
    <row r="33585" spans="44:44" ht="15.75" customHeight="1" x14ac:dyDescent="0.15">
      <c r="AR33585" s="9" ph="1"/>
    </row>
    <row r="33586" spans="44:44" ht="15.75" customHeight="1" x14ac:dyDescent="0.15">
      <c r="AR33586" s="9" ph="1"/>
    </row>
    <row r="33587" spans="44:44" ht="15.75" customHeight="1" x14ac:dyDescent="0.15">
      <c r="AR33587" s="9" ph="1"/>
    </row>
    <row r="33588" spans="44:44" ht="15.75" customHeight="1" x14ac:dyDescent="0.15">
      <c r="AR33588" s="9" ph="1"/>
    </row>
    <row r="33590" spans="44:44" ht="15.75" customHeight="1" x14ac:dyDescent="0.15">
      <c r="AR33590" s="9" ph="1"/>
    </row>
    <row r="33591" spans="44:44" ht="15.75" customHeight="1" x14ac:dyDescent="0.15">
      <c r="AR33591" s="9" ph="1"/>
    </row>
    <row r="33592" spans="44:44" ht="15.75" customHeight="1" x14ac:dyDescent="0.15">
      <c r="AR33592" s="9" ph="1"/>
    </row>
    <row r="33593" spans="44:44" ht="15.75" customHeight="1" x14ac:dyDescent="0.15">
      <c r="AR33593" s="9" ph="1"/>
    </row>
    <row r="33594" spans="44:44" ht="15.75" customHeight="1" x14ac:dyDescent="0.15">
      <c r="AR33594" s="9" ph="1"/>
    </row>
    <row r="33595" spans="44:44" ht="15.75" customHeight="1" x14ac:dyDescent="0.15">
      <c r="AR33595" s="9" ph="1"/>
    </row>
    <row r="33597" spans="44:44" ht="15.75" customHeight="1" x14ac:dyDescent="0.15">
      <c r="AR33597" s="9" ph="1"/>
    </row>
    <row r="33598" spans="44:44" ht="15.75" customHeight="1" x14ac:dyDescent="0.15">
      <c r="AR33598" s="9" ph="1"/>
    </row>
    <row r="33599" spans="44:44" ht="15.75" customHeight="1" x14ac:dyDescent="0.15">
      <c r="AR33599" s="9" ph="1"/>
    </row>
    <row r="33600" spans="44:44" ht="15.75" customHeight="1" x14ac:dyDescent="0.15">
      <c r="AR33600" s="9" ph="1"/>
    </row>
    <row r="33601" spans="44:44" ht="15.75" customHeight="1" x14ac:dyDescent="0.15">
      <c r="AR33601" s="9" ph="1"/>
    </row>
    <row r="33602" spans="44:44" ht="15.75" customHeight="1" x14ac:dyDescent="0.15">
      <c r="AR33602" s="9" ph="1"/>
    </row>
    <row r="33603" spans="44:44" ht="15.75" customHeight="1" x14ac:dyDescent="0.15">
      <c r="AR33603" s="9" ph="1"/>
    </row>
    <row r="33605" spans="44:44" ht="15.75" customHeight="1" x14ac:dyDescent="0.15">
      <c r="AR33605" s="9" ph="1"/>
    </row>
    <row r="33606" spans="44:44" ht="15.75" customHeight="1" x14ac:dyDescent="0.15">
      <c r="AR33606" s="9" ph="1"/>
    </row>
    <row r="33607" spans="44:44" ht="15.75" customHeight="1" x14ac:dyDescent="0.15">
      <c r="AR33607" s="9" ph="1"/>
    </row>
    <row r="33608" spans="44:44" ht="15.75" customHeight="1" x14ac:dyDescent="0.15">
      <c r="AR33608" s="9" ph="1"/>
    </row>
    <row r="33609" spans="44:44" ht="15.75" customHeight="1" x14ac:dyDescent="0.15">
      <c r="AR33609" s="9" ph="1"/>
    </row>
    <row r="33610" spans="44:44" ht="15.75" customHeight="1" x14ac:dyDescent="0.15">
      <c r="AR33610" s="9" ph="1"/>
    </row>
    <row r="33611" spans="44:44" ht="15.75" customHeight="1" x14ac:dyDescent="0.15">
      <c r="AR33611" s="9" ph="1"/>
    </row>
    <row r="33612" spans="44:44" ht="15.75" customHeight="1" x14ac:dyDescent="0.15">
      <c r="AR33612" s="9" ph="1"/>
    </row>
    <row r="33613" spans="44:44" ht="15.75" customHeight="1" x14ac:dyDescent="0.15">
      <c r="AR33613" s="9" ph="1"/>
    </row>
    <row r="33614" spans="44:44" ht="15.75" customHeight="1" x14ac:dyDescent="0.15">
      <c r="AR33614" s="9" ph="1"/>
    </row>
    <row r="33615" spans="44:44" ht="15.75" customHeight="1" x14ac:dyDescent="0.15">
      <c r="AR33615" s="9" ph="1"/>
    </row>
    <row r="33616" spans="44:44" ht="15.75" customHeight="1" x14ac:dyDescent="0.15">
      <c r="AR33616" s="9" ph="1"/>
    </row>
    <row r="33617" spans="44:44" ht="15.75" customHeight="1" x14ac:dyDescent="0.15">
      <c r="AR33617" s="9" ph="1"/>
    </row>
    <row r="33618" spans="44:44" ht="15.75" customHeight="1" x14ac:dyDescent="0.15">
      <c r="AR33618" s="9" ph="1"/>
    </row>
    <row r="33619" spans="44:44" ht="15.75" customHeight="1" x14ac:dyDescent="0.15">
      <c r="AR33619" s="9" ph="1"/>
    </row>
    <row r="33621" spans="44:44" ht="15.75" customHeight="1" x14ac:dyDescent="0.15">
      <c r="AR33621" s="9" ph="1"/>
    </row>
    <row r="33622" spans="44:44" ht="15.75" customHeight="1" x14ac:dyDescent="0.15">
      <c r="AR33622" s="9" ph="1"/>
    </row>
    <row r="33623" spans="44:44" ht="15.75" customHeight="1" x14ac:dyDescent="0.15">
      <c r="AR33623" s="9" ph="1"/>
    </row>
    <row r="33624" spans="44:44" ht="15.75" customHeight="1" x14ac:dyDescent="0.15">
      <c r="AR33624" s="9" ph="1"/>
    </row>
    <row r="33625" spans="44:44" ht="15.75" customHeight="1" x14ac:dyDescent="0.15">
      <c r="AR33625" s="9" ph="1"/>
    </row>
    <row r="33626" spans="44:44" ht="15.75" customHeight="1" x14ac:dyDescent="0.15">
      <c r="AR33626" s="9" ph="1"/>
    </row>
    <row r="33627" spans="44:44" ht="15.75" customHeight="1" x14ac:dyDescent="0.15">
      <c r="AR33627" s="9" ph="1"/>
    </row>
    <row r="33628" spans="44:44" ht="15.75" customHeight="1" x14ac:dyDescent="0.15">
      <c r="AR33628" s="9" ph="1"/>
    </row>
    <row r="33629" spans="44:44" ht="15.75" customHeight="1" x14ac:dyDescent="0.15">
      <c r="AR33629" s="9" ph="1"/>
    </row>
    <row r="33630" spans="44:44" ht="15.75" customHeight="1" x14ac:dyDescent="0.15">
      <c r="AR33630" s="9" ph="1"/>
    </row>
    <row r="33631" spans="44:44" ht="15.75" customHeight="1" x14ac:dyDescent="0.15">
      <c r="AR33631" s="9" ph="1"/>
    </row>
    <row r="33632" spans="44:44" ht="15.75" customHeight="1" x14ac:dyDescent="0.15">
      <c r="AR33632" s="9" ph="1"/>
    </row>
    <row r="33633" spans="44:44" ht="15.75" customHeight="1" x14ac:dyDescent="0.15">
      <c r="AR33633" s="9" ph="1"/>
    </row>
    <row r="33634" spans="44:44" ht="15.75" customHeight="1" x14ac:dyDescent="0.15">
      <c r="AR33634" s="9" ph="1"/>
    </row>
    <row r="33635" spans="44:44" ht="15.75" customHeight="1" x14ac:dyDescent="0.15">
      <c r="AR33635" s="9" ph="1"/>
    </row>
    <row r="33636" spans="44:44" ht="15.75" customHeight="1" x14ac:dyDescent="0.15">
      <c r="AR33636" s="9" ph="1"/>
    </row>
    <row r="33637" spans="44:44" ht="15.75" customHeight="1" x14ac:dyDescent="0.15">
      <c r="AR33637" s="9" ph="1"/>
    </row>
    <row r="33638" spans="44:44" ht="15.75" customHeight="1" x14ac:dyDescent="0.15">
      <c r="AR33638" s="9" ph="1"/>
    </row>
    <row r="33640" spans="44:44" ht="15.75" customHeight="1" x14ac:dyDescent="0.15">
      <c r="AR33640" s="9" ph="1"/>
    </row>
    <row r="33641" spans="44:44" ht="15.75" customHeight="1" x14ac:dyDescent="0.15">
      <c r="AR33641" s="9" ph="1"/>
    </row>
    <row r="33642" spans="44:44" ht="15.75" customHeight="1" x14ac:dyDescent="0.15">
      <c r="AR33642" s="9" ph="1"/>
    </row>
    <row r="33643" spans="44:44" ht="15.75" customHeight="1" x14ac:dyDescent="0.15">
      <c r="AR33643" s="9" ph="1"/>
    </row>
    <row r="33644" spans="44:44" ht="15.75" customHeight="1" x14ac:dyDescent="0.15">
      <c r="AR33644" s="9" ph="1"/>
    </row>
    <row r="33645" spans="44:44" ht="15.75" customHeight="1" x14ac:dyDescent="0.15">
      <c r="AR33645" s="9" ph="1"/>
    </row>
    <row r="33646" spans="44:44" ht="15.75" customHeight="1" x14ac:dyDescent="0.15">
      <c r="AR33646" s="9" ph="1"/>
    </row>
    <row r="33647" spans="44:44" ht="15.75" customHeight="1" x14ac:dyDescent="0.15">
      <c r="AR33647" s="9" ph="1"/>
    </row>
    <row r="33648" spans="44:44" ht="15.75" customHeight="1" x14ac:dyDescent="0.15">
      <c r="AR33648" s="9" ph="1"/>
    </row>
    <row r="33649" spans="44:44" ht="15.75" customHeight="1" x14ac:dyDescent="0.15">
      <c r="AR33649" s="9" ph="1"/>
    </row>
    <row r="33651" spans="44:44" ht="15.75" customHeight="1" x14ac:dyDescent="0.15">
      <c r="AR33651" s="9" ph="1"/>
    </row>
    <row r="33652" spans="44:44" ht="15.75" customHeight="1" x14ac:dyDescent="0.15">
      <c r="AR33652" s="9" ph="1"/>
    </row>
    <row r="33653" spans="44:44" ht="15.75" customHeight="1" x14ac:dyDescent="0.15">
      <c r="AR33653" s="9" ph="1"/>
    </row>
    <row r="33654" spans="44:44" ht="15.75" customHeight="1" x14ac:dyDescent="0.15">
      <c r="AR33654" s="9" ph="1"/>
    </row>
    <row r="33655" spans="44:44" ht="15.75" customHeight="1" x14ac:dyDescent="0.15">
      <c r="AR33655" s="9" ph="1"/>
    </row>
    <row r="33656" spans="44:44" ht="15.75" customHeight="1" x14ac:dyDescent="0.15">
      <c r="AR33656" s="9" ph="1"/>
    </row>
    <row r="33658" spans="44:44" ht="15.75" customHeight="1" x14ac:dyDescent="0.15">
      <c r="AR33658" s="9" ph="1"/>
    </row>
    <row r="33659" spans="44:44" ht="15.75" customHeight="1" x14ac:dyDescent="0.15">
      <c r="AR33659" s="9" ph="1"/>
    </row>
    <row r="33660" spans="44:44" ht="15.75" customHeight="1" x14ac:dyDescent="0.15">
      <c r="AR33660" s="9" ph="1"/>
    </row>
    <row r="33661" spans="44:44" ht="15.75" customHeight="1" x14ac:dyDescent="0.15">
      <c r="AR33661" s="9" ph="1"/>
    </row>
    <row r="33662" spans="44:44" ht="15.75" customHeight="1" x14ac:dyDescent="0.15">
      <c r="AR33662" s="9" ph="1"/>
    </row>
    <row r="33663" spans="44:44" ht="15.75" customHeight="1" x14ac:dyDescent="0.15">
      <c r="AR33663" s="9" ph="1"/>
    </row>
    <row r="33664" spans="44:44" ht="15.75" customHeight="1" x14ac:dyDescent="0.15">
      <c r="AR33664" s="9" ph="1"/>
    </row>
    <row r="33665" spans="44:44" ht="15.75" customHeight="1" x14ac:dyDescent="0.15">
      <c r="AR33665" s="9" ph="1"/>
    </row>
    <row r="33666" spans="44:44" ht="15.75" customHeight="1" x14ac:dyDescent="0.15">
      <c r="AR33666" s="9" ph="1"/>
    </row>
    <row r="33667" spans="44:44" ht="15.75" customHeight="1" x14ac:dyDescent="0.15">
      <c r="AR33667" s="9" ph="1"/>
    </row>
    <row r="33669" spans="44:44" ht="15.75" customHeight="1" x14ac:dyDescent="0.15">
      <c r="AR33669" s="9" ph="1"/>
    </row>
    <row r="33670" spans="44:44" ht="15.75" customHeight="1" x14ac:dyDescent="0.15">
      <c r="AR33670" s="9" ph="1"/>
    </row>
    <row r="33671" spans="44:44" ht="15.75" customHeight="1" x14ac:dyDescent="0.15">
      <c r="AR33671" s="9" ph="1"/>
    </row>
    <row r="33672" spans="44:44" ht="15.75" customHeight="1" x14ac:dyDescent="0.15">
      <c r="AR33672" s="9" ph="1"/>
    </row>
    <row r="33673" spans="44:44" ht="15.75" customHeight="1" x14ac:dyDescent="0.15">
      <c r="AR33673" s="9" ph="1"/>
    </row>
    <row r="33674" spans="44:44" ht="15.75" customHeight="1" x14ac:dyDescent="0.15">
      <c r="AR33674" s="9" ph="1"/>
    </row>
    <row r="33675" spans="44:44" ht="15.75" customHeight="1" x14ac:dyDescent="0.15">
      <c r="AR33675" s="9" ph="1"/>
    </row>
    <row r="33676" spans="44:44" ht="15.75" customHeight="1" x14ac:dyDescent="0.15">
      <c r="AR33676" s="9" ph="1"/>
    </row>
    <row r="33677" spans="44:44" ht="15.75" customHeight="1" x14ac:dyDescent="0.15">
      <c r="AR33677" s="9" ph="1"/>
    </row>
    <row r="33679" spans="44:44" ht="15.75" customHeight="1" x14ac:dyDescent="0.15">
      <c r="AR33679" s="9" ph="1"/>
    </row>
    <row r="33680" spans="44:44" ht="15.75" customHeight="1" x14ac:dyDescent="0.15">
      <c r="AR33680" s="9" ph="1"/>
    </row>
    <row r="33681" spans="44:44" ht="15.75" customHeight="1" x14ac:dyDescent="0.15">
      <c r="AR33681" s="9" ph="1"/>
    </row>
    <row r="33682" spans="44:44" ht="15.75" customHeight="1" x14ac:dyDescent="0.15">
      <c r="AR33682" s="9" ph="1"/>
    </row>
    <row r="33683" spans="44:44" ht="15.75" customHeight="1" x14ac:dyDescent="0.15">
      <c r="AR33683" s="9" ph="1"/>
    </row>
    <row r="33684" spans="44:44" ht="15.75" customHeight="1" x14ac:dyDescent="0.15">
      <c r="AR33684" s="9" ph="1"/>
    </row>
    <row r="33685" spans="44:44" ht="15.75" customHeight="1" x14ac:dyDescent="0.15">
      <c r="AR33685" s="9" ph="1"/>
    </row>
    <row r="33686" spans="44:44" ht="15.75" customHeight="1" x14ac:dyDescent="0.15">
      <c r="AR33686" s="9" ph="1"/>
    </row>
    <row r="33687" spans="44:44" ht="15.75" customHeight="1" x14ac:dyDescent="0.15">
      <c r="AR33687" s="9" ph="1"/>
    </row>
    <row r="33688" spans="44:44" ht="15.75" customHeight="1" x14ac:dyDescent="0.15">
      <c r="AR33688" s="9" ph="1"/>
    </row>
    <row r="33690" spans="44:44" ht="15.75" customHeight="1" x14ac:dyDescent="0.15">
      <c r="AR33690" s="9" ph="1"/>
    </row>
    <row r="33691" spans="44:44" ht="15.75" customHeight="1" x14ac:dyDescent="0.15">
      <c r="AR33691" s="9" ph="1"/>
    </row>
    <row r="33692" spans="44:44" ht="15.75" customHeight="1" x14ac:dyDescent="0.15">
      <c r="AR33692" s="9" ph="1"/>
    </row>
    <row r="33693" spans="44:44" ht="15.75" customHeight="1" x14ac:dyDescent="0.15">
      <c r="AR33693" s="9" ph="1"/>
    </row>
    <row r="33694" spans="44:44" ht="15.75" customHeight="1" x14ac:dyDescent="0.15">
      <c r="AR33694" s="9" ph="1"/>
    </row>
    <row r="33695" spans="44:44" ht="15.75" customHeight="1" x14ac:dyDescent="0.15">
      <c r="AR33695" s="9" ph="1"/>
    </row>
    <row r="33696" spans="44:44" ht="15.75" customHeight="1" x14ac:dyDescent="0.15">
      <c r="AR33696" s="9" ph="1"/>
    </row>
    <row r="33697" spans="44:44" ht="15.75" customHeight="1" x14ac:dyDescent="0.15">
      <c r="AR33697" s="9" ph="1"/>
    </row>
    <row r="33698" spans="44:44" ht="15.75" customHeight="1" x14ac:dyDescent="0.15">
      <c r="AR33698" s="9" ph="1"/>
    </row>
    <row r="33699" spans="44:44" ht="15.75" customHeight="1" x14ac:dyDescent="0.15">
      <c r="AR33699" s="9" ph="1"/>
    </row>
    <row r="33700" spans="44:44" ht="15.75" customHeight="1" x14ac:dyDescent="0.15">
      <c r="AR33700" s="9" ph="1"/>
    </row>
    <row r="33701" spans="44:44" ht="15.75" customHeight="1" x14ac:dyDescent="0.15">
      <c r="AR33701" s="9" ph="1"/>
    </row>
    <row r="33702" spans="44:44" ht="15.75" customHeight="1" x14ac:dyDescent="0.15">
      <c r="AR33702" s="9" ph="1"/>
    </row>
    <row r="33703" spans="44:44" ht="15.75" customHeight="1" x14ac:dyDescent="0.15">
      <c r="AR33703" s="9" ph="1"/>
    </row>
    <row r="33704" spans="44:44" ht="15.75" customHeight="1" x14ac:dyDescent="0.15">
      <c r="AR33704" s="9" ph="1"/>
    </row>
    <row r="33706" spans="44:44" ht="15.75" customHeight="1" x14ac:dyDescent="0.15">
      <c r="AR33706" s="9" ph="1"/>
    </row>
    <row r="33707" spans="44:44" ht="15.75" customHeight="1" x14ac:dyDescent="0.15">
      <c r="AR33707" s="9" ph="1"/>
    </row>
    <row r="33708" spans="44:44" ht="15.75" customHeight="1" x14ac:dyDescent="0.15">
      <c r="AR33708" s="9" ph="1"/>
    </row>
    <row r="33709" spans="44:44" ht="15.75" customHeight="1" x14ac:dyDescent="0.15">
      <c r="AR33709" s="9" ph="1"/>
    </row>
    <row r="33710" spans="44:44" ht="15.75" customHeight="1" x14ac:dyDescent="0.15">
      <c r="AR33710" s="9" ph="1"/>
    </row>
    <row r="33711" spans="44:44" ht="15.75" customHeight="1" x14ac:dyDescent="0.15">
      <c r="AR33711" s="9" ph="1"/>
    </row>
    <row r="33712" spans="44:44" ht="15.75" customHeight="1" x14ac:dyDescent="0.15">
      <c r="AR33712" s="9" ph="1"/>
    </row>
    <row r="33713" spans="44:44" ht="15.75" customHeight="1" x14ac:dyDescent="0.15">
      <c r="AR33713" s="9" ph="1"/>
    </row>
    <row r="33714" spans="44:44" ht="15.75" customHeight="1" x14ac:dyDescent="0.15">
      <c r="AR33714" s="9" ph="1"/>
    </row>
    <row r="33715" spans="44:44" ht="15.75" customHeight="1" x14ac:dyDescent="0.15">
      <c r="AR33715" s="9" ph="1"/>
    </row>
    <row r="33717" spans="44:44" ht="15.75" customHeight="1" x14ac:dyDescent="0.15">
      <c r="AR33717" s="9" ph="1"/>
    </row>
    <row r="33718" spans="44:44" ht="15.75" customHeight="1" x14ac:dyDescent="0.15">
      <c r="AR33718" s="9" ph="1"/>
    </row>
    <row r="33719" spans="44:44" ht="15.75" customHeight="1" x14ac:dyDescent="0.15">
      <c r="AR33719" s="9" ph="1"/>
    </row>
    <row r="33720" spans="44:44" ht="15.75" customHeight="1" x14ac:dyDescent="0.15">
      <c r="AR33720" s="9" ph="1"/>
    </row>
    <row r="33721" spans="44:44" ht="15.75" customHeight="1" x14ac:dyDescent="0.15">
      <c r="AR33721" s="9" ph="1"/>
    </row>
    <row r="33722" spans="44:44" ht="15.75" customHeight="1" x14ac:dyDescent="0.15">
      <c r="AR33722" s="9" ph="1"/>
    </row>
    <row r="33723" spans="44:44" ht="15.75" customHeight="1" x14ac:dyDescent="0.15">
      <c r="AR33723" s="9" ph="1"/>
    </row>
    <row r="33724" spans="44:44" ht="15.75" customHeight="1" x14ac:dyDescent="0.15">
      <c r="AR33724" s="9" ph="1"/>
    </row>
    <row r="33725" spans="44:44" ht="15.75" customHeight="1" x14ac:dyDescent="0.15">
      <c r="AR33725" s="9" ph="1"/>
    </row>
    <row r="33726" spans="44:44" ht="15.75" customHeight="1" x14ac:dyDescent="0.15">
      <c r="AR33726" s="9" ph="1"/>
    </row>
    <row r="33727" spans="44:44" ht="15.75" customHeight="1" x14ac:dyDescent="0.15">
      <c r="AR33727" s="9" ph="1"/>
    </row>
    <row r="33728" spans="44:44" ht="15.75" customHeight="1" x14ac:dyDescent="0.15">
      <c r="AR33728" s="9" ph="1"/>
    </row>
    <row r="33729" spans="44:44" ht="15.75" customHeight="1" x14ac:dyDescent="0.15">
      <c r="AR33729" s="9" ph="1"/>
    </row>
    <row r="33730" spans="44:44" ht="15.75" customHeight="1" x14ac:dyDescent="0.15">
      <c r="AR33730" s="9" ph="1"/>
    </row>
    <row r="33731" spans="44:44" ht="15.75" customHeight="1" x14ac:dyDescent="0.15">
      <c r="AR33731" s="9" ph="1"/>
    </row>
    <row r="33732" spans="44:44" ht="15.75" customHeight="1" x14ac:dyDescent="0.15">
      <c r="AR33732" s="9" ph="1"/>
    </row>
    <row r="33734" spans="44:44" ht="15.75" customHeight="1" x14ac:dyDescent="0.15">
      <c r="AR33734" s="9" ph="1"/>
    </row>
    <row r="33735" spans="44:44" ht="15.75" customHeight="1" x14ac:dyDescent="0.15">
      <c r="AR33735" s="9" ph="1"/>
    </row>
    <row r="33736" spans="44:44" ht="15.75" customHeight="1" x14ac:dyDescent="0.15">
      <c r="AR33736" s="9" ph="1"/>
    </row>
    <row r="33737" spans="44:44" ht="15.75" customHeight="1" x14ac:dyDescent="0.15">
      <c r="AR33737" s="9" ph="1"/>
    </row>
    <row r="33738" spans="44:44" ht="15.75" customHeight="1" x14ac:dyDescent="0.15">
      <c r="AR33738" s="9" ph="1"/>
    </row>
    <row r="33739" spans="44:44" ht="15.75" customHeight="1" x14ac:dyDescent="0.15">
      <c r="AR33739" s="9" ph="1"/>
    </row>
    <row r="33741" spans="44:44" ht="15.75" customHeight="1" x14ac:dyDescent="0.15">
      <c r="AR33741" s="9" ph="1"/>
    </row>
    <row r="33742" spans="44:44" ht="15.75" customHeight="1" x14ac:dyDescent="0.15">
      <c r="AR33742" s="9" ph="1"/>
    </row>
    <row r="33743" spans="44:44" ht="15.75" customHeight="1" x14ac:dyDescent="0.15">
      <c r="AR33743" s="9" ph="1"/>
    </row>
    <row r="33744" spans="44:44" ht="15.75" customHeight="1" x14ac:dyDescent="0.15">
      <c r="AR33744" s="9" ph="1"/>
    </row>
    <row r="33745" spans="44:44" ht="15.75" customHeight="1" x14ac:dyDescent="0.15">
      <c r="AR33745" s="9" ph="1"/>
    </row>
    <row r="33746" spans="44:44" ht="15.75" customHeight="1" x14ac:dyDescent="0.15">
      <c r="AR33746" s="9" ph="1"/>
    </row>
    <row r="33747" spans="44:44" ht="15.75" customHeight="1" x14ac:dyDescent="0.15">
      <c r="AR33747" s="9" ph="1"/>
    </row>
    <row r="33749" spans="44:44" ht="15.75" customHeight="1" x14ac:dyDescent="0.15">
      <c r="AR33749" s="9" ph="1"/>
    </row>
    <row r="33750" spans="44:44" ht="15.75" customHeight="1" x14ac:dyDescent="0.15">
      <c r="AR33750" s="9" ph="1"/>
    </row>
    <row r="33751" spans="44:44" ht="15.75" customHeight="1" x14ac:dyDescent="0.15">
      <c r="AR33751" s="9" ph="1"/>
    </row>
    <row r="33752" spans="44:44" ht="15.75" customHeight="1" x14ac:dyDescent="0.15">
      <c r="AR33752" s="9" ph="1"/>
    </row>
    <row r="33753" spans="44:44" ht="15.75" customHeight="1" x14ac:dyDescent="0.15">
      <c r="AR33753" s="9" ph="1"/>
    </row>
    <row r="33754" spans="44:44" ht="15.75" customHeight="1" x14ac:dyDescent="0.15">
      <c r="AR33754" s="9" ph="1"/>
    </row>
    <row r="33756" spans="44:44" ht="15.75" customHeight="1" x14ac:dyDescent="0.15">
      <c r="AR33756" s="9" ph="1"/>
    </row>
    <row r="33757" spans="44:44" ht="15.75" customHeight="1" x14ac:dyDescent="0.15">
      <c r="AR33757" s="9" ph="1"/>
    </row>
    <row r="33758" spans="44:44" ht="15.75" customHeight="1" x14ac:dyDescent="0.15">
      <c r="AR33758" s="9" ph="1"/>
    </row>
    <row r="33759" spans="44:44" ht="15.75" customHeight="1" x14ac:dyDescent="0.15">
      <c r="AR33759" s="9" ph="1"/>
    </row>
    <row r="33760" spans="44:44" ht="15.75" customHeight="1" x14ac:dyDescent="0.15">
      <c r="AR33760" s="9" ph="1"/>
    </row>
    <row r="33761" spans="44:44" ht="15.75" customHeight="1" x14ac:dyDescent="0.15">
      <c r="AR33761" s="9" ph="1"/>
    </row>
    <row r="33762" spans="44:44" ht="15.75" customHeight="1" x14ac:dyDescent="0.15">
      <c r="AR33762" s="9" ph="1"/>
    </row>
    <row r="33763" spans="44:44" ht="15.75" customHeight="1" x14ac:dyDescent="0.15">
      <c r="AR33763" s="9" ph="1"/>
    </row>
    <row r="33764" spans="44:44" ht="15.75" customHeight="1" x14ac:dyDescent="0.15">
      <c r="AR33764" s="9" ph="1"/>
    </row>
    <row r="33765" spans="44:44" ht="15.75" customHeight="1" x14ac:dyDescent="0.15">
      <c r="AR33765" s="9" ph="1"/>
    </row>
    <row r="33766" spans="44:44" ht="15.75" customHeight="1" x14ac:dyDescent="0.15">
      <c r="AR33766" s="9" ph="1"/>
    </row>
    <row r="33767" spans="44:44" ht="15.75" customHeight="1" x14ac:dyDescent="0.15">
      <c r="AR33767" s="9" ph="1"/>
    </row>
    <row r="33768" spans="44:44" ht="15.75" customHeight="1" x14ac:dyDescent="0.15">
      <c r="AR33768" s="9" ph="1"/>
    </row>
    <row r="33770" spans="44:44" ht="15.75" customHeight="1" x14ac:dyDescent="0.15">
      <c r="AR33770" s="9" ph="1"/>
    </row>
    <row r="33771" spans="44:44" ht="15.75" customHeight="1" x14ac:dyDescent="0.15">
      <c r="AR33771" s="9" ph="1"/>
    </row>
    <row r="33772" spans="44:44" ht="15.75" customHeight="1" x14ac:dyDescent="0.15">
      <c r="AR33772" s="9" ph="1"/>
    </row>
    <row r="33774" spans="44:44" ht="15.75" customHeight="1" x14ac:dyDescent="0.15">
      <c r="AR33774" s="9" ph="1"/>
    </row>
    <row r="33775" spans="44:44" ht="15.75" customHeight="1" x14ac:dyDescent="0.15">
      <c r="AR33775" s="9" ph="1"/>
    </row>
    <row r="33776" spans="44:44" ht="15.75" customHeight="1" x14ac:dyDescent="0.15">
      <c r="AR33776" s="9" ph="1"/>
    </row>
    <row r="33777" spans="44:44" ht="15.75" customHeight="1" x14ac:dyDescent="0.15">
      <c r="AR33777" s="9" ph="1"/>
    </row>
    <row r="33778" spans="44:44" ht="15.75" customHeight="1" x14ac:dyDescent="0.15">
      <c r="AR33778" s="9" ph="1"/>
    </row>
    <row r="33779" spans="44:44" ht="15.75" customHeight="1" x14ac:dyDescent="0.15">
      <c r="AR33779" s="9" ph="1"/>
    </row>
    <row r="33780" spans="44:44" ht="15.75" customHeight="1" x14ac:dyDescent="0.15">
      <c r="AR33780" s="9" ph="1"/>
    </row>
    <row r="33781" spans="44:44" ht="15.75" customHeight="1" x14ac:dyDescent="0.15">
      <c r="AR33781" s="9" ph="1"/>
    </row>
    <row r="33782" spans="44:44" ht="15.75" customHeight="1" x14ac:dyDescent="0.15">
      <c r="AR33782" s="9" ph="1"/>
    </row>
    <row r="33783" spans="44:44" ht="15.75" customHeight="1" x14ac:dyDescent="0.15">
      <c r="AR33783" s="9" ph="1"/>
    </row>
    <row r="33784" spans="44:44" ht="15.75" customHeight="1" x14ac:dyDescent="0.15">
      <c r="AR33784" s="9" ph="1"/>
    </row>
    <row r="33785" spans="44:44" ht="15.75" customHeight="1" x14ac:dyDescent="0.15">
      <c r="AR33785" s="9" ph="1"/>
    </row>
    <row r="33786" spans="44:44" ht="15.75" customHeight="1" x14ac:dyDescent="0.15">
      <c r="AR33786" s="9" ph="1"/>
    </row>
    <row r="33787" spans="44:44" ht="15.75" customHeight="1" x14ac:dyDescent="0.15">
      <c r="AR33787" s="9" ph="1"/>
    </row>
    <row r="33788" spans="44:44" ht="15.75" customHeight="1" x14ac:dyDescent="0.15">
      <c r="AR33788" s="9" ph="1"/>
    </row>
    <row r="33789" spans="44:44" ht="15.75" customHeight="1" x14ac:dyDescent="0.15">
      <c r="AR33789" s="9" ph="1"/>
    </row>
    <row r="33791" spans="44:44" ht="15.75" customHeight="1" x14ac:dyDescent="0.15">
      <c r="AR33791" s="9" ph="1"/>
    </row>
    <row r="33792" spans="44:44" ht="15.75" customHeight="1" x14ac:dyDescent="0.15">
      <c r="AR33792" s="9" ph="1"/>
    </row>
    <row r="33793" spans="44:44" ht="15.75" customHeight="1" x14ac:dyDescent="0.15">
      <c r="AR33793" s="9" ph="1"/>
    </row>
    <row r="33795" spans="44:44" ht="15.75" customHeight="1" x14ac:dyDescent="0.15">
      <c r="AR33795" s="9" ph="1"/>
    </row>
    <row r="33796" spans="44:44" ht="15.75" customHeight="1" x14ac:dyDescent="0.15">
      <c r="AR33796" s="9" ph="1"/>
    </row>
    <row r="33797" spans="44:44" ht="15.75" customHeight="1" x14ac:dyDescent="0.15">
      <c r="AR33797" s="9" ph="1"/>
    </row>
    <row r="33798" spans="44:44" ht="15.75" customHeight="1" x14ac:dyDescent="0.15">
      <c r="AR33798" s="9" ph="1"/>
    </row>
    <row r="33799" spans="44:44" ht="15.75" customHeight="1" x14ac:dyDescent="0.15">
      <c r="AR33799" s="9" ph="1"/>
    </row>
    <row r="33800" spans="44:44" ht="15.75" customHeight="1" x14ac:dyDescent="0.15">
      <c r="AR33800" s="9" ph="1"/>
    </row>
    <row r="33801" spans="44:44" ht="15.75" customHeight="1" x14ac:dyDescent="0.15">
      <c r="AR33801" s="9" ph="1"/>
    </row>
    <row r="33802" spans="44:44" ht="15.75" customHeight="1" x14ac:dyDescent="0.15">
      <c r="AR33802" s="9" ph="1"/>
    </row>
    <row r="33804" spans="44:44" ht="15.75" customHeight="1" x14ac:dyDescent="0.15">
      <c r="AR33804" s="9" ph="1"/>
    </row>
    <row r="33805" spans="44:44" ht="15.75" customHeight="1" x14ac:dyDescent="0.15">
      <c r="AR33805" s="9" ph="1"/>
    </row>
    <row r="33806" spans="44:44" ht="15.75" customHeight="1" x14ac:dyDescent="0.15">
      <c r="AR33806" s="9" ph="1"/>
    </row>
    <row r="33807" spans="44:44" ht="15.75" customHeight="1" x14ac:dyDescent="0.15">
      <c r="AR33807" s="9" ph="1"/>
    </row>
    <row r="33808" spans="44:44" ht="15.75" customHeight="1" x14ac:dyDescent="0.15">
      <c r="AR33808" s="9" ph="1"/>
    </row>
    <row r="33809" spans="44:44" ht="15.75" customHeight="1" x14ac:dyDescent="0.15">
      <c r="AR33809" s="9" ph="1"/>
    </row>
    <row r="33810" spans="44:44" ht="15.75" customHeight="1" x14ac:dyDescent="0.15">
      <c r="AR33810" s="9" ph="1"/>
    </row>
    <row r="33811" spans="44:44" ht="15.75" customHeight="1" x14ac:dyDescent="0.15">
      <c r="AR33811" s="9" ph="1"/>
    </row>
    <row r="33813" spans="44:44" ht="15.75" customHeight="1" x14ac:dyDescent="0.15">
      <c r="AR33813" s="9" ph="1"/>
    </row>
    <row r="33814" spans="44:44" ht="15.75" customHeight="1" x14ac:dyDescent="0.15">
      <c r="AR33814" s="9" ph="1"/>
    </row>
    <row r="33815" spans="44:44" ht="15.75" customHeight="1" x14ac:dyDescent="0.15">
      <c r="AR33815" s="9" ph="1"/>
    </row>
    <row r="33816" spans="44:44" ht="15.75" customHeight="1" x14ac:dyDescent="0.15">
      <c r="AR33816" s="9" ph="1"/>
    </row>
    <row r="33817" spans="44:44" ht="15.75" customHeight="1" x14ac:dyDescent="0.15">
      <c r="AR33817" s="9" ph="1"/>
    </row>
    <row r="33818" spans="44:44" ht="15.75" customHeight="1" x14ac:dyDescent="0.15">
      <c r="AR33818" s="9" ph="1"/>
    </row>
    <row r="33820" spans="44:44" ht="15.75" customHeight="1" x14ac:dyDescent="0.15">
      <c r="AR33820" s="9" ph="1"/>
    </row>
    <row r="33821" spans="44:44" ht="15.75" customHeight="1" x14ac:dyDescent="0.15">
      <c r="AR33821" s="9" ph="1"/>
    </row>
    <row r="33822" spans="44:44" ht="15.75" customHeight="1" x14ac:dyDescent="0.15">
      <c r="AR33822" s="9" ph="1"/>
    </row>
    <row r="33823" spans="44:44" ht="15.75" customHeight="1" x14ac:dyDescent="0.15">
      <c r="AR33823" s="9" ph="1"/>
    </row>
    <row r="33824" spans="44:44" ht="15.75" customHeight="1" x14ac:dyDescent="0.15">
      <c r="AR33824" s="9" ph="1"/>
    </row>
    <row r="33825" spans="44:44" ht="15.75" customHeight="1" x14ac:dyDescent="0.15">
      <c r="AR33825" s="9" ph="1"/>
    </row>
    <row r="33826" spans="44:44" ht="15.75" customHeight="1" x14ac:dyDescent="0.15">
      <c r="AR33826" s="9" ph="1"/>
    </row>
    <row r="33827" spans="44:44" ht="15.75" customHeight="1" x14ac:dyDescent="0.15">
      <c r="AR33827" s="9" ph="1"/>
    </row>
    <row r="33828" spans="44:44" ht="15.75" customHeight="1" x14ac:dyDescent="0.15">
      <c r="AR33828" s="9" ph="1"/>
    </row>
    <row r="33829" spans="44:44" ht="15.75" customHeight="1" x14ac:dyDescent="0.15">
      <c r="AR33829" s="9" ph="1"/>
    </row>
    <row r="33830" spans="44:44" ht="15.75" customHeight="1" x14ac:dyDescent="0.15">
      <c r="AR33830" s="9" ph="1"/>
    </row>
    <row r="33831" spans="44:44" ht="15.75" customHeight="1" x14ac:dyDescent="0.15">
      <c r="AR33831" s="9" ph="1"/>
    </row>
    <row r="33833" spans="44:44" ht="15.75" customHeight="1" x14ac:dyDescent="0.15">
      <c r="AR33833" s="9" ph="1"/>
    </row>
    <row r="33834" spans="44:44" ht="15.75" customHeight="1" x14ac:dyDescent="0.15">
      <c r="AR33834" s="9" ph="1"/>
    </row>
    <row r="33835" spans="44:44" ht="15.75" customHeight="1" x14ac:dyDescent="0.15">
      <c r="AR33835" s="9" ph="1"/>
    </row>
    <row r="33836" spans="44:44" ht="15.75" customHeight="1" x14ac:dyDescent="0.15">
      <c r="AR33836" s="9" ph="1"/>
    </row>
    <row r="33837" spans="44:44" ht="15.75" customHeight="1" x14ac:dyDescent="0.15">
      <c r="AR33837" s="9" ph="1"/>
    </row>
    <row r="33838" spans="44:44" ht="15.75" customHeight="1" x14ac:dyDescent="0.15">
      <c r="AR33838" s="9" ph="1"/>
    </row>
    <row r="33839" spans="44:44" ht="15.75" customHeight="1" x14ac:dyDescent="0.15">
      <c r="AR33839" s="9" ph="1"/>
    </row>
    <row r="33840" spans="44:44" ht="15.75" customHeight="1" x14ac:dyDescent="0.15">
      <c r="AR33840" s="9" ph="1"/>
    </row>
    <row r="33842" spans="44:44" ht="15.75" customHeight="1" x14ac:dyDescent="0.15">
      <c r="AR33842" s="9" ph="1"/>
    </row>
    <row r="33843" spans="44:44" ht="15.75" customHeight="1" x14ac:dyDescent="0.15">
      <c r="AR33843" s="9" ph="1"/>
    </row>
    <row r="33844" spans="44:44" ht="15.75" customHeight="1" x14ac:dyDescent="0.15">
      <c r="AR33844" s="9" ph="1"/>
    </row>
    <row r="33845" spans="44:44" ht="15.75" customHeight="1" x14ac:dyDescent="0.15">
      <c r="AR33845" s="9" ph="1"/>
    </row>
    <row r="33846" spans="44:44" ht="15.75" customHeight="1" x14ac:dyDescent="0.15">
      <c r="AR33846" s="9" ph="1"/>
    </row>
    <row r="33847" spans="44:44" ht="15.75" customHeight="1" x14ac:dyDescent="0.15">
      <c r="AR33847" s="9" ph="1"/>
    </row>
    <row r="33849" spans="44:44" ht="15.75" customHeight="1" x14ac:dyDescent="0.15">
      <c r="AR33849" s="9" ph="1"/>
    </row>
    <row r="33850" spans="44:44" ht="15.75" customHeight="1" x14ac:dyDescent="0.15">
      <c r="AR33850" s="9" ph="1"/>
    </row>
    <row r="33851" spans="44:44" ht="15.75" customHeight="1" x14ac:dyDescent="0.15">
      <c r="AR33851" s="9" ph="1"/>
    </row>
    <row r="33852" spans="44:44" ht="15.75" customHeight="1" x14ac:dyDescent="0.15">
      <c r="AR33852" s="9" ph="1"/>
    </row>
    <row r="33853" spans="44:44" ht="15.75" customHeight="1" x14ac:dyDescent="0.15">
      <c r="AR33853" s="9" ph="1"/>
    </row>
    <row r="33854" spans="44:44" ht="15.75" customHeight="1" x14ac:dyDescent="0.15">
      <c r="AR33854" s="9" ph="1"/>
    </row>
    <row r="33855" spans="44:44" ht="15.75" customHeight="1" x14ac:dyDescent="0.15">
      <c r="AR33855" s="9" ph="1"/>
    </row>
    <row r="33859" spans="44:44" ht="15.75" customHeight="1" x14ac:dyDescent="0.15">
      <c r="AR33859" s="9" ph="1"/>
    </row>
    <row r="33860" spans="44:44" ht="15.75" customHeight="1" x14ac:dyDescent="0.15">
      <c r="AR33860" s="9" ph="1"/>
    </row>
    <row r="33861" spans="44:44" ht="15.75" customHeight="1" x14ac:dyDescent="0.15">
      <c r="AR33861" s="9" ph="1"/>
    </row>
    <row r="33862" spans="44:44" ht="15.75" customHeight="1" x14ac:dyDescent="0.15">
      <c r="AR33862" s="9" ph="1"/>
    </row>
    <row r="33863" spans="44:44" ht="15.75" customHeight="1" x14ac:dyDescent="0.15">
      <c r="AR33863" s="9" ph="1"/>
    </row>
    <row r="33864" spans="44:44" ht="15.75" customHeight="1" x14ac:dyDescent="0.15">
      <c r="AR33864" s="9" ph="1"/>
    </row>
    <row r="33865" spans="44:44" ht="15.75" customHeight="1" x14ac:dyDescent="0.15">
      <c r="AR33865" s="9" ph="1"/>
    </row>
    <row r="33866" spans="44:44" ht="15.75" customHeight="1" x14ac:dyDescent="0.15">
      <c r="AR33866" s="9" ph="1"/>
    </row>
    <row r="33868" spans="44:44" ht="15.75" customHeight="1" x14ac:dyDescent="0.15">
      <c r="AR33868" s="9" ph="1"/>
    </row>
    <row r="33869" spans="44:44" ht="15.75" customHeight="1" x14ac:dyDescent="0.15">
      <c r="AR33869" s="9" ph="1"/>
    </row>
    <row r="33870" spans="44:44" ht="15.75" customHeight="1" x14ac:dyDescent="0.15">
      <c r="AR33870" s="9" ph="1"/>
    </row>
    <row r="33871" spans="44:44" ht="15.75" customHeight="1" x14ac:dyDescent="0.15">
      <c r="AR33871" s="9" ph="1"/>
    </row>
    <row r="33878" spans="44:44" ht="15.75" customHeight="1" x14ac:dyDescent="0.15">
      <c r="AR33878" s="9" ph="1"/>
    </row>
    <row r="33879" spans="44:44" ht="15.75" customHeight="1" x14ac:dyDescent="0.15">
      <c r="AR33879" s="9" ph="1"/>
    </row>
    <row r="33880" spans="44:44" ht="15.75" customHeight="1" x14ac:dyDescent="0.15">
      <c r="AR33880" s="9" ph="1"/>
    </row>
    <row r="33881" spans="44:44" ht="15.75" customHeight="1" x14ac:dyDescent="0.15">
      <c r="AR33881" s="9" ph="1"/>
    </row>
    <row r="33882" spans="44:44" ht="15.75" customHeight="1" x14ac:dyDescent="0.15">
      <c r="AR33882" s="9" ph="1"/>
    </row>
    <row r="33883" spans="44:44" ht="15.75" customHeight="1" x14ac:dyDescent="0.15">
      <c r="AR33883" s="9" ph="1"/>
    </row>
    <row r="33884" spans="44:44" ht="15.75" customHeight="1" x14ac:dyDescent="0.15">
      <c r="AR33884" s="9" ph="1"/>
    </row>
    <row r="33885" spans="44:44" ht="15.75" customHeight="1" x14ac:dyDescent="0.15">
      <c r="AR33885" s="9" ph="1"/>
    </row>
    <row r="33887" spans="44:44" ht="15.75" customHeight="1" x14ac:dyDescent="0.15">
      <c r="AR33887" s="9" ph="1"/>
    </row>
    <row r="33888" spans="44:44" ht="15.75" customHeight="1" x14ac:dyDescent="0.15">
      <c r="AR33888" s="9" ph="1"/>
    </row>
    <row r="33889" spans="44:44" ht="15.75" customHeight="1" x14ac:dyDescent="0.15">
      <c r="AR33889" s="9" ph="1"/>
    </row>
    <row r="33891" spans="44:44" ht="15.75" customHeight="1" x14ac:dyDescent="0.15">
      <c r="AR33891" s="9" ph="1"/>
    </row>
    <row r="33892" spans="44:44" ht="15.75" customHeight="1" x14ac:dyDescent="0.15">
      <c r="AR33892" s="9" ph="1"/>
    </row>
    <row r="33893" spans="44:44" ht="15.75" customHeight="1" x14ac:dyDescent="0.15">
      <c r="AR33893" s="9" ph="1"/>
    </row>
    <row r="33894" spans="44:44" ht="15.75" customHeight="1" x14ac:dyDescent="0.15">
      <c r="AR33894" s="9" ph="1"/>
    </row>
    <row r="33895" spans="44:44" ht="15.75" customHeight="1" x14ac:dyDescent="0.15">
      <c r="AR33895" s="9" ph="1"/>
    </row>
    <row r="33896" spans="44:44" ht="15.75" customHeight="1" x14ac:dyDescent="0.15">
      <c r="AR33896" s="9" ph="1"/>
    </row>
    <row r="33897" spans="44:44" ht="15.75" customHeight="1" x14ac:dyDescent="0.15">
      <c r="AR33897" s="9" ph="1"/>
    </row>
    <row r="33898" spans="44:44" ht="15.75" customHeight="1" x14ac:dyDescent="0.15">
      <c r="AR33898" s="9" ph="1"/>
    </row>
    <row r="33899" spans="44:44" ht="15.75" customHeight="1" x14ac:dyDescent="0.15">
      <c r="AR33899" s="9" ph="1"/>
    </row>
    <row r="33900" spans="44:44" ht="15.75" customHeight="1" x14ac:dyDescent="0.15">
      <c r="AR33900" s="9" ph="1"/>
    </row>
    <row r="33901" spans="44:44" ht="15.75" customHeight="1" x14ac:dyDescent="0.15">
      <c r="AR33901" s="9" ph="1"/>
    </row>
    <row r="33902" spans="44:44" ht="15.75" customHeight="1" x14ac:dyDescent="0.15">
      <c r="AR33902" s="9" ph="1"/>
    </row>
    <row r="33903" spans="44:44" ht="15.75" customHeight="1" x14ac:dyDescent="0.15">
      <c r="AR33903" s="9" ph="1"/>
    </row>
    <row r="33905" spans="44:44" ht="15.75" customHeight="1" x14ac:dyDescent="0.15">
      <c r="AR33905" s="9" ph="1"/>
    </row>
    <row r="33906" spans="44:44" ht="15.75" customHeight="1" x14ac:dyDescent="0.15">
      <c r="AR33906" s="9" ph="1"/>
    </row>
    <row r="33907" spans="44:44" ht="15.75" customHeight="1" x14ac:dyDescent="0.15">
      <c r="AR33907" s="9" ph="1"/>
    </row>
    <row r="33909" spans="44:44" ht="15.75" customHeight="1" x14ac:dyDescent="0.15">
      <c r="AR33909" s="9" ph="1"/>
    </row>
    <row r="33910" spans="44:44" ht="15.75" customHeight="1" x14ac:dyDescent="0.15">
      <c r="AR33910" s="9" ph="1"/>
    </row>
    <row r="33911" spans="44:44" ht="15.75" customHeight="1" x14ac:dyDescent="0.15">
      <c r="AR33911" s="9" ph="1"/>
    </row>
    <row r="33912" spans="44:44" ht="15.75" customHeight="1" x14ac:dyDescent="0.15">
      <c r="AR33912" s="9" ph="1"/>
    </row>
    <row r="33913" spans="44:44" ht="15.75" customHeight="1" x14ac:dyDescent="0.15">
      <c r="AR33913" s="9" ph="1"/>
    </row>
    <row r="33914" spans="44:44" ht="15.75" customHeight="1" x14ac:dyDescent="0.15">
      <c r="AR33914" s="9" ph="1"/>
    </row>
    <row r="33916" spans="44:44" ht="15.75" customHeight="1" x14ac:dyDescent="0.15">
      <c r="AR33916" s="9" ph="1"/>
    </row>
    <row r="33917" spans="44:44" ht="15.75" customHeight="1" x14ac:dyDescent="0.15">
      <c r="AR33917" s="9" ph="1"/>
    </row>
    <row r="33918" spans="44:44" ht="15.75" customHeight="1" x14ac:dyDescent="0.15">
      <c r="AR33918" s="9" ph="1"/>
    </row>
    <row r="33919" spans="44:44" ht="15.75" customHeight="1" x14ac:dyDescent="0.15">
      <c r="AR33919" s="9" ph="1"/>
    </row>
    <row r="33920" spans="44:44" ht="15.75" customHeight="1" x14ac:dyDescent="0.15">
      <c r="AR33920" s="9" ph="1"/>
    </row>
    <row r="33921" spans="44:44" ht="15.75" customHeight="1" x14ac:dyDescent="0.15">
      <c r="AR33921" s="9" ph="1"/>
    </row>
    <row r="33922" spans="44:44" ht="15.75" customHeight="1" x14ac:dyDescent="0.15">
      <c r="AR33922" s="9" ph="1"/>
    </row>
    <row r="33923" spans="44:44" ht="15.75" customHeight="1" x14ac:dyDescent="0.15">
      <c r="AR33923" s="9" ph="1"/>
    </row>
    <row r="33924" spans="44:44" ht="15.75" customHeight="1" x14ac:dyDescent="0.15">
      <c r="AR33924" s="9" ph="1"/>
    </row>
    <row r="33925" spans="44:44" ht="15.75" customHeight="1" x14ac:dyDescent="0.15">
      <c r="AR33925" s="9" ph="1"/>
    </row>
    <row r="33926" spans="44:44" ht="15.75" customHeight="1" x14ac:dyDescent="0.15">
      <c r="AR33926" s="9" ph="1"/>
    </row>
    <row r="33927" spans="44:44" ht="15.75" customHeight="1" x14ac:dyDescent="0.15">
      <c r="AR33927" s="9" ph="1"/>
    </row>
    <row r="33928" spans="44:44" ht="15.75" customHeight="1" x14ac:dyDescent="0.15">
      <c r="AR33928" s="9" ph="1"/>
    </row>
    <row r="33930" spans="44:44" ht="15.75" customHeight="1" x14ac:dyDescent="0.15">
      <c r="AR33930" s="9" ph="1"/>
    </row>
    <row r="33931" spans="44:44" ht="15.75" customHeight="1" x14ac:dyDescent="0.15">
      <c r="AR33931" s="9" ph="1"/>
    </row>
    <row r="33932" spans="44:44" ht="15.75" customHeight="1" x14ac:dyDescent="0.15">
      <c r="AR33932" s="9" ph="1"/>
    </row>
    <row r="33934" spans="44:44" ht="15.75" customHeight="1" x14ac:dyDescent="0.15">
      <c r="AR33934" s="9" ph="1"/>
    </row>
    <row r="33935" spans="44:44" ht="15.75" customHeight="1" x14ac:dyDescent="0.15">
      <c r="AR33935" s="9" ph="1"/>
    </row>
    <row r="33936" spans="44:44" ht="15.75" customHeight="1" x14ac:dyDescent="0.15">
      <c r="AR33936" s="9" ph="1"/>
    </row>
    <row r="33937" spans="44:44" ht="15.75" customHeight="1" x14ac:dyDescent="0.15">
      <c r="AR33937" s="9" ph="1"/>
    </row>
    <row r="33938" spans="44:44" ht="15.75" customHeight="1" x14ac:dyDescent="0.15">
      <c r="AR33938" s="9" ph="1"/>
    </row>
    <row r="33939" spans="44:44" ht="15.75" customHeight="1" x14ac:dyDescent="0.15">
      <c r="AR33939" s="9" ph="1"/>
    </row>
    <row r="33940" spans="44:44" ht="15.75" customHeight="1" x14ac:dyDescent="0.15">
      <c r="AR33940" s="9" ph="1"/>
    </row>
    <row r="33941" spans="44:44" ht="15.75" customHeight="1" x14ac:dyDescent="0.15">
      <c r="AR33941" s="9" ph="1"/>
    </row>
    <row r="33942" spans="44:44" ht="15.75" customHeight="1" x14ac:dyDescent="0.15">
      <c r="AR33942" s="9" ph="1"/>
    </row>
    <row r="33943" spans="44:44" ht="15.75" customHeight="1" x14ac:dyDescent="0.15">
      <c r="AR33943" s="9" ph="1"/>
    </row>
    <row r="33944" spans="44:44" ht="15.75" customHeight="1" x14ac:dyDescent="0.15">
      <c r="AR33944" s="9" ph="1"/>
    </row>
    <row r="33945" spans="44:44" ht="15.75" customHeight="1" x14ac:dyDescent="0.15">
      <c r="AR33945" s="9" ph="1"/>
    </row>
    <row r="33946" spans="44:44" ht="15.75" customHeight="1" x14ac:dyDescent="0.15">
      <c r="AR33946" s="9" ph="1"/>
    </row>
    <row r="33947" spans="44:44" ht="15.75" customHeight="1" x14ac:dyDescent="0.15">
      <c r="AR33947" s="9" ph="1"/>
    </row>
    <row r="33948" spans="44:44" ht="15.75" customHeight="1" x14ac:dyDescent="0.15">
      <c r="AR33948" s="9" ph="1"/>
    </row>
    <row r="33949" spans="44:44" ht="15.75" customHeight="1" x14ac:dyDescent="0.15">
      <c r="AR33949" s="9" ph="1"/>
    </row>
    <row r="33951" spans="44:44" ht="15.75" customHeight="1" x14ac:dyDescent="0.15">
      <c r="AR33951" s="9" ph="1"/>
    </row>
    <row r="33952" spans="44:44" ht="15.75" customHeight="1" x14ac:dyDescent="0.15">
      <c r="AR33952" s="9" ph="1"/>
    </row>
    <row r="33953" spans="44:44" ht="15.75" customHeight="1" x14ac:dyDescent="0.15">
      <c r="AR33953" s="9" ph="1"/>
    </row>
    <row r="33955" spans="44:44" ht="15.75" customHeight="1" x14ac:dyDescent="0.15">
      <c r="AR33955" s="9" ph="1"/>
    </row>
    <row r="33956" spans="44:44" ht="15.75" customHeight="1" x14ac:dyDescent="0.15">
      <c r="AR33956" s="9" ph="1"/>
    </row>
    <row r="33957" spans="44:44" ht="15.75" customHeight="1" x14ac:dyDescent="0.15">
      <c r="AR33957" s="9" ph="1"/>
    </row>
    <row r="33958" spans="44:44" ht="15.75" customHeight="1" x14ac:dyDescent="0.15">
      <c r="AR33958" s="9" ph="1"/>
    </row>
    <row r="33959" spans="44:44" ht="15.75" customHeight="1" x14ac:dyDescent="0.15">
      <c r="AR33959" s="9" ph="1"/>
    </row>
    <row r="33960" spans="44:44" ht="15.75" customHeight="1" x14ac:dyDescent="0.15">
      <c r="AR33960" s="9" ph="1"/>
    </row>
    <row r="33961" spans="44:44" ht="15.75" customHeight="1" x14ac:dyDescent="0.15">
      <c r="AR33961" s="9" ph="1"/>
    </row>
    <row r="33962" spans="44:44" ht="15.75" customHeight="1" x14ac:dyDescent="0.15">
      <c r="AR33962" s="9" ph="1"/>
    </row>
    <row r="33964" spans="44:44" ht="15.75" customHeight="1" x14ac:dyDescent="0.15">
      <c r="AR33964" s="9" ph="1"/>
    </row>
    <row r="33965" spans="44:44" ht="15.75" customHeight="1" x14ac:dyDescent="0.15">
      <c r="AR33965" s="9" ph="1"/>
    </row>
    <row r="33966" spans="44:44" ht="15.75" customHeight="1" x14ac:dyDescent="0.15">
      <c r="AR33966" s="9" ph="1"/>
    </row>
    <row r="33967" spans="44:44" ht="15.75" customHeight="1" x14ac:dyDescent="0.15">
      <c r="AR33967" s="9" ph="1"/>
    </row>
    <row r="33968" spans="44:44" ht="15.75" customHeight="1" x14ac:dyDescent="0.15">
      <c r="AR33968" s="9" ph="1"/>
    </row>
    <row r="33969" spans="44:44" ht="15.75" customHeight="1" x14ac:dyDescent="0.15">
      <c r="AR33969" s="9" ph="1"/>
    </row>
    <row r="33970" spans="44:44" ht="15.75" customHeight="1" x14ac:dyDescent="0.15">
      <c r="AR33970" s="9" ph="1"/>
    </row>
    <row r="33971" spans="44:44" ht="15.75" customHeight="1" x14ac:dyDescent="0.15">
      <c r="AR33971" s="9" ph="1"/>
    </row>
    <row r="33973" spans="44:44" ht="15.75" customHeight="1" x14ac:dyDescent="0.15">
      <c r="AR33973" s="9" ph="1"/>
    </row>
    <row r="33974" spans="44:44" ht="15.75" customHeight="1" x14ac:dyDescent="0.15">
      <c r="AR33974" s="9" ph="1"/>
    </row>
    <row r="33975" spans="44:44" ht="15.75" customHeight="1" x14ac:dyDescent="0.15">
      <c r="AR33975" s="9" ph="1"/>
    </row>
    <row r="33976" spans="44:44" ht="15.75" customHeight="1" x14ac:dyDescent="0.15">
      <c r="AR33976" s="9" ph="1"/>
    </row>
    <row r="33977" spans="44:44" ht="15.75" customHeight="1" x14ac:dyDescent="0.15">
      <c r="AR33977" s="9" ph="1"/>
    </row>
    <row r="33978" spans="44:44" ht="15.75" customHeight="1" x14ac:dyDescent="0.15">
      <c r="AR33978" s="9" ph="1"/>
    </row>
    <row r="33980" spans="44:44" ht="15.75" customHeight="1" x14ac:dyDescent="0.15">
      <c r="AR33980" s="9" ph="1"/>
    </row>
    <row r="33981" spans="44:44" ht="15.75" customHeight="1" x14ac:dyDescent="0.15">
      <c r="AR33981" s="9" ph="1"/>
    </row>
    <row r="33982" spans="44:44" ht="15.75" customHeight="1" x14ac:dyDescent="0.15">
      <c r="AR33982" s="9" ph="1"/>
    </row>
    <row r="33983" spans="44:44" ht="15.75" customHeight="1" x14ac:dyDescent="0.15">
      <c r="AR33983" s="9" ph="1"/>
    </row>
    <row r="33984" spans="44:44" ht="15.75" customHeight="1" x14ac:dyDescent="0.15">
      <c r="AR33984" s="9" ph="1"/>
    </row>
    <row r="33985" spans="44:44" ht="15.75" customHeight="1" x14ac:dyDescent="0.15">
      <c r="AR33985" s="9" ph="1"/>
    </row>
    <row r="33986" spans="44:44" ht="15.75" customHeight="1" x14ac:dyDescent="0.15">
      <c r="AR33986" s="9" ph="1"/>
    </row>
    <row r="33988" spans="44:44" ht="15.75" customHeight="1" x14ac:dyDescent="0.15">
      <c r="AR33988" s="9" ph="1"/>
    </row>
    <row r="33989" spans="44:44" ht="15.75" customHeight="1" x14ac:dyDescent="0.15">
      <c r="AR33989" s="9" ph="1"/>
    </row>
    <row r="33990" spans="44:44" ht="15.75" customHeight="1" x14ac:dyDescent="0.15">
      <c r="AR33990" s="9" ph="1"/>
    </row>
    <row r="33991" spans="44:44" ht="15.75" customHeight="1" x14ac:dyDescent="0.15">
      <c r="AR33991" s="9" ph="1"/>
    </row>
    <row r="33992" spans="44:44" ht="15.75" customHeight="1" x14ac:dyDescent="0.15">
      <c r="AR33992" s="9" ph="1"/>
    </row>
    <row r="33993" spans="44:44" ht="15.75" customHeight="1" x14ac:dyDescent="0.15">
      <c r="AR33993" s="9" ph="1"/>
    </row>
    <row r="33995" spans="44:44" ht="15.75" customHeight="1" x14ac:dyDescent="0.15">
      <c r="AR33995" s="9" ph="1"/>
    </row>
    <row r="33996" spans="44:44" ht="15.75" customHeight="1" x14ac:dyDescent="0.15">
      <c r="AR33996" s="9" ph="1"/>
    </row>
    <row r="33997" spans="44:44" ht="15.75" customHeight="1" x14ac:dyDescent="0.15">
      <c r="AR33997" s="9" ph="1"/>
    </row>
    <row r="33998" spans="44:44" ht="15.75" customHeight="1" x14ac:dyDescent="0.15">
      <c r="AR33998" s="9" ph="1"/>
    </row>
    <row r="33999" spans="44:44" ht="15.75" customHeight="1" x14ac:dyDescent="0.15">
      <c r="AR33999" s="9" ph="1"/>
    </row>
    <row r="34000" spans="44:44" ht="15.75" customHeight="1" x14ac:dyDescent="0.15">
      <c r="AR34000" s="9" ph="1"/>
    </row>
    <row r="34001" spans="44:44" ht="15.75" customHeight="1" x14ac:dyDescent="0.15">
      <c r="AR34001" s="9" ph="1"/>
    </row>
    <row r="34002" spans="44:44" ht="15.75" customHeight="1" x14ac:dyDescent="0.15">
      <c r="AR34002" s="9" ph="1"/>
    </row>
    <row r="34003" spans="44:44" ht="15.75" customHeight="1" x14ac:dyDescent="0.15">
      <c r="AR34003" s="9" ph="1"/>
    </row>
    <row r="34004" spans="44:44" ht="15.75" customHeight="1" x14ac:dyDescent="0.15">
      <c r="AR34004" s="9" ph="1"/>
    </row>
    <row r="34005" spans="44:44" ht="15.75" customHeight="1" x14ac:dyDescent="0.15">
      <c r="AR34005" s="9" ph="1"/>
    </row>
    <row r="34006" spans="44:44" ht="15.75" customHeight="1" x14ac:dyDescent="0.15">
      <c r="AR34006" s="9" ph="1"/>
    </row>
    <row r="34007" spans="44:44" ht="15.75" customHeight="1" x14ac:dyDescent="0.15">
      <c r="AR34007" s="9" ph="1"/>
    </row>
    <row r="34009" spans="44:44" ht="15.75" customHeight="1" x14ac:dyDescent="0.15">
      <c r="AR34009" s="9" ph="1"/>
    </row>
    <row r="34010" spans="44:44" ht="15.75" customHeight="1" x14ac:dyDescent="0.15">
      <c r="AR34010" s="9" ph="1"/>
    </row>
    <row r="34011" spans="44:44" ht="15.75" customHeight="1" x14ac:dyDescent="0.15">
      <c r="AR34011" s="9" ph="1"/>
    </row>
    <row r="34013" spans="44:44" ht="15.75" customHeight="1" x14ac:dyDescent="0.15">
      <c r="AR34013" s="9" ph="1"/>
    </row>
    <row r="34014" spans="44:44" ht="15.75" customHeight="1" x14ac:dyDescent="0.15">
      <c r="AR34014" s="9" ph="1"/>
    </row>
    <row r="34015" spans="44:44" ht="15.75" customHeight="1" x14ac:dyDescent="0.15">
      <c r="AR34015" s="9" ph="1"/>
    </row>
    <row r="34016" spans="44:44" ht="15.75" customHeight="1" x14ac:dyDescent="0.15">
      <c r="AR34016" s="9" ph="1"/>
    </row>
    <row r="34017" spans="44:44" ht="15.75" customHeight="1" x14ac:dyDescent="0.15">
      <c r="AR34017" s="9" ph="1"/>
    </row>
    <row r="34018" spans="44:44" ht="15.75" customHeight="1" x14ac:dyDescent="0.15">
      <c r="AR34018" s="9" ph="1"/>
    </row>
    <row r="34019" spans="44:44" ht="15.75" customHeight="1" x14ac:dyDescent="0.15">
      <c r="AR34019" s="9" ph="1"/>
    </row>
    <row r="34020" spans="44:44" ht="15.75" customHeight="1" x14ac:dyDescent="0.15">
      <c r="AR34020" s="9" ph="1"/>
    </row>
    <row r="34021" spans="44:44" ht="15.75" customHeight="1" x14ac:dyDescent="0.15">
      <c r="AR34021" s="9" ph="1"/>
    </row>
    <row r="34022" spans="44:44" ht="15.75" customHeight="1" x14ac:dyDescent="0.15">
      <c r="AR34022" s="9" ph="1"/>
    </row>
    <row r="34023" spans="44:44" ht="15.75" customHeight="1" x14ac:dyDescent="0.15">
      <c r="AR34023" s="9" ph="1"/>
    </row>
    <row r="34024" spans="44:44" ht="15.75" customHeight="1" x14ac:dyDescent="0.15">
      <c r="AR34024" s="9" ph="1"/>
    </row>
    <row r="34025" spans="44:44" ht="15.75" customHeight="1" x14ac:dyDescent="0.15">
      <c r="AR34025" s="9" ph="1"/>
    </row>
    <row r="34026" spans="44:44" ht="15.75" customHeight="1" x14ac:dyDescent="0.15">
      <c r="AR34026" s="9" ph="1"/>
    </row>
    <row r="34027" spans="44:44" ht="15.75" customHeight="1" x14ac:dyDescent="0.15">
      <c r="AR34027" s="9" ph="1"/>
    </row>
    <row r="34028" spans="44:44" ht="15.75" customHeight="1" x14ac:dyDescent="0.15">
      <c r="AR34028" s="9" ph="1"/>
    </row>
    <row r="34030" spans="44:44" ht="15.75" customHeight="1" x14ac:dyDescent="0.15">
      <c r="AR34030" s="9" ph="1"/>
    </row>
    <row r="34031" spans="44:44" ht="15.75" customHeight="1" x14ac:dyDescent="0.15">
      <c r="AR34031" s="9" ph="1"/>
    </row>
    <row r="34032" spans="44:44" ht="15.75" customHeight="1" x14ac:dyDescent="0.15">
      <c r="AR34032" s="9" ph="1"/>
    </row>
    <row r="34034" spans="44:44" ht="15.75" customHeight="1" x14ac:dyDescent="0.15">
      <c r="AR34034" s="9" ph="1"/>
    </row>
    <row r="34035" spans="44:44" ht="15.75" customHeight="1" x14ac:dyDescent="0.15">
      <c r="AR34035" s="9" ph="1"/>
    </row>
    <row r="34036" spans="44:44" ht="15.75" customHeight="1" x14ac:dyDescent="0.15">
      <c r="AR34036" s="9" ph="1"/>
    </row>
    <row r="34037" spans="44:44" ht="15.75" customHeight="1" x14ac:dyDescent="0.15">
      <c r="AR34037" s="9" ph="1"/>
    </row>
    <row r="34038" spans="44:44" ht="15.75" customHeight="1" x14ac:dyDescent="0.15">
      <c r="AR34038" s="9" ph="1"/>
    </row>
    <row r="34039" spans="44:44" ht="15.75" customHeight="1" x14ac:dyDescent="0.15">
      <c r="AR34039" s="9" ph="1"/>
    </row>
    <row r="34040" spans="44:44" ht="15.75" customHeight="1" x14ac:dyDescent="0.15">
      <c r="AR34040" s="9" ph="1"/>
    </row>
    <row r="34041" spans="44:44" ht="15.75" customHeight="1" x14ac:dyDescent="0.15">
      <c r="AR34041" s="9" ph="1"/>
    </row>
    <row r="34043" spans="44:44" ht="15.75" customHeight="1" x14ac:dyDescent="0.15">
      <c r="AR34043" s="9" ph="1"/>
    </row>
    <row r="34044" spans="44:44" ht="15.75" customHeight="1" x14ac:dyDescent="0.15">
      <c r="AR34044" s="9" ph="1"/>
    </row>
    <row r="34045" spans="44:44" ht="15.75" customHeight="1" x14ac:dyDescent="0.15">
      <c r="AR34045" s="9" ph="1"/>
    </row>
    <row r="34046" spans="44:44" ht="15.75" customHeight="1" x14ac:dyDescent="0.15">
      <c r="AR34046" s="9" ph="1"/>
    </row>
    <row r="34047" spans="44:44" ht="15.75" customHeight="1" x14ac:dyDescent="0.15">
      <c r="AR34047" s="9" ph="1"/>
    </row>
    <row r="34048" spans="44:44" ht="15.75" customHeight="1" x14ac:dyDescent="0.15">
      <c r="AR34048" s="9" ph="1"/>
    </row>
    <row r="34049" spans="44:44" ht="15.75" customHeight="1" x14ac:dyDescent="0.15">
      <c r="AR34049" s="9" ph="1"/>
    </row>
    <row r="34050" spans="44:44" ht="15.75" customHeight="1" x14ac:dyDescent="0.15">
      <c r="AR34050" s="9" ph="1"/>
    </row>
    <row r="34052" spans="44:44" ht="15.75" customHeight="1" x14ac:dyDescent="0.15">
      <c r="AR34052" s="9" ph="1"/>
    </row>
    <row r="34053" spans="44:44" ht="15.75" customHeight="1" x14ac:dyDescent="0.15">
      <c r="AR34053" s="9" ph="1"/>
    </row>
    <row r="34054" spans="44:44" ht="15.75" customHeight="1" x14ac:dyDescent="0.15">
      <c r="AR34054" s="9" ph="1"/>
    </row>
    <row r="34055" spans="44:44" ht="15.75" customHeight="1" x14ac:dyDescent="0.15">
      <c r="AR34055" s="9" ph="1"/>
    </row>
    <row r="34056" spans="44:44" ht="15.75" customHeight="1" x14ac:dyDescent="0.15">
      <c r="AR34056" s="9" ph="1"/>
    </row>
    <row r="34057" spans="44:44" ht="15.75" customHeight="1" x14ac:dyDescent="0.15">
      <c r="AR34057" s="9" ph="1"/>
    </row>
    <row r="34059" spans="44:44" ht="15.75" customHeight="1" x14ac:dyDescent="0.15">
      <c r="AR34059" s="9" ph="1"/>
    </row>
    <row r="34060" spans="44:44" ht="15.75" customHeight="1" x14ac:dyDescent="0.15">
      <c r="AR34060" s="9" ph="1"/>
    </row>
    <row r="34061" spans="44:44" ht="15.75" customHeight="1" x14ac:dyDescent="0.15">
      <c r="AR34061" s="9" ph="1"/>
    </row>
    <row r="34062" spans="44:44" ht="15.75" customHeight="1" x14ac:dyDescent="0.15">
      <c r="AR34062" s="9" ph="1"/>
    </row>
    <row r="34063" spans="44:44" ht="15.75" customHeight="1" x14ac:dyDescent="0.15">
      <c r="AR34063" s="9" ph="1"/>
    </row>
    <row r="34064" spans="44:44" ht="15.75" customHeight="1" x14ac:dyDescent="0.15">
      <c r="AR34064" s="9" ph="1"/>
    </row>
    <row r="34065" spans="44:44" ht="15.75" customHeight="1" x14ac:dyDescent="0.15">
      <c r="AR34065" s="9" ph="1"/>
    </row>
    <row r="34066" spans="44:44" ht="15.75" customHeight="1" x14ac:dyDescent="0.15">
      <c r="AR34066" s="9" ph="1"/>
    </row>
    <row r="34067" spans="44:44" ht="15.75" customHeight="1" x14ac:dyDescent="0.15">
      <c r="AR34067" s="9" ph="1"/>
    </row>
    <row r="34068" spans="44:44" ht="15.75" customHeight="1" x14ac:dyDescent="0.15">
      <c r="AR34068" s="9" ph="1"/>
    </row>
    <row r="34069" spans="44:44" ht="15.75" customHeight="1" x14ac:dyDescent="0.15">
      <c r="AR34069" s="9" ph="1"/>
    </row>
    <row r="34070" spans="44:44" ht="15.75" customHeight="1" x14ac:dyDescent="0.15">
      <c r="AR34070" s="9" ph="1"/>
    </row>
    <row r="34071" spans="44:44" ht="15.75" customHeight="1" x14ac:dyDescent="0.15">
      <c r="AR34071" s="9" ph="1"/>
    </row>
    <row r="34072" spans="44:44" ht="15.75" customHeight="1" x14ac:dyDescent="0.15">
      <c r="AR34072" s="9" ph="1"/>
    </row>
    <row r="34073" spans="44:44" ht="15.75" customHeight="1" x14ac:dyDescent="0.15">
      <c r="AR34073" s="9" ph="1"/>
    </row>
    <row r="34074" spans="44:44" ht="15.75" customHeight="1" x14ac:dyDescent="0.15">
      <c r="AR34074" s="9" ph="1"/>
    </row>
    <row r="34075" spans="44:44" ht="15.75" customHeight="1" x14ac:dyDescent="0.15">
      <c r="AR34075" s="9" ph="1"/>
    </row>
    <row r="34077" spans="44:44" ht="15.75" customHeight="1" x14ac:dyDescent="0.15">
      <c r="AR34077" s="9" ph="1"/>
    </row>
    <row r="34078" spans="44:44" ht="15.75" customHeight="1" x14ac:dyDescent="0.15">
      <c r="AR34078" s="9" ph="1"/>
    </row>
    <row r="34079" spans="44:44" ht="15.75" customHeight="1" x14ac:dyDescent="0.15">
      <c r="AR34079" s="9" ph="1"/>
    </row>
    <row r="34080" spans="44:44" ht="15.75" customHeight="1" x14ac:dyDescent="0.15">
      <c r="AR34080" s="9" ph="1"/>
    </row>
    <row r="34081" spans="44:44" ht="15.75" customHeight="1" x14ac:dyDescent="0.15">
      <c r="AR34081" s="9" ph="1"/>
    </row>
    <row r="34082" spans="44:44" ht="15.75" customHeight="1" x14ac:dyDescent="0.15">
      <c r="AR34082" s="9" ph="1"/>
    </row>
    <row r="34083" spans="44:44" ht="15.75" customHeight="1" x14ac:dyDescent="0.15">
      <c r="AR34083" s="9" ph="1"/>
    </row>
    <row r="34084" spans="44:44" ht="15.75" customHeight="1" x14ac:dyDescent="0.15">
      <c r="AR34084" s="9" ph="1"/>
    </row>
    <row r="34086" spans="44:44" ht="15.75" customHeight="1" x14ac:dyDescent="0.15">
      <c r="AR34086" s="9" ph="1"/>
    </row>
    <row r="34087" spans="44:44" ht="15.75" customHeight="1" x14ac:dyDescent="0.15">
      <c r="AR34087" s="9" ph="1"/>
    </row>
    <row r="34088" spans="44:44" ht="15.75" customHeight="1" x14ac:dyDescent="0.15">
      <c r="AR34088" s="9" ph="1"/>
    </row>
    <row r="34089" spans="44:44" ht="15.75" customHeight="1" x14ac:dyDescent="0.15">
      <c r="AR34089" s="9" ph="1"/>
    </row>
    <row r="34090" spans="44:44" ht="15.75" customHeight="1" x14ac:dyDescent="0.15">
      <c r="AR34090" s="9" ph="1"/>
    </row>
    <row r="34091" spans="44:44" ht="15.75" customHeight="1" x14ac:dyDescent="0.15">
      <c r="AR34091" s="9" ph="1"/>
    </row>
    <row r="34093" spans="44:44" ht="15.75" customHeight="1" x14ac:dyDescent="0.15">
      <c r="AR34093" s="9" ph="1"/>
    </row>
    <row r="34094" spans="44:44" ht="15.75" customHeight="1" x14ac:dyDescent="0.15">
      <c r="AR34094" s="9" ph="1"/>
    </row>
    <row r="34095" spans="44:44" ht="15.75" customHeight="1" x14ac:dyDescent="0.15">
      <c r="AR34095" s="9" ph="1"/>
    </row>
    <row r="34096" spans="44:44" ht="15.75" customHeight="1" x14ac:dyDescent="0.15">
      <c r="AR34096" s="9" ph="1"/>
    </row>
    <row r="34097" spans="44:44" ht="15.75" customHeight="1" x14ac:dyDescent="0.15">
      <c r="AR34097" s="9" ph="1"/>
    </row>
    <row r="34098" spans="44:44" ht="15.75" customHeight="1" x14ac:dyDescent="0.15">
      <c r="AR34098" s="9" ph="1"/>
    </row>
    <row r="34099" spans="44:44" ht="15.75" customHeight="1" x14ac:dyDescent="0.15">
      <c r="AR34099" s="9" ph="1"/>
    </row>
    <row r="34103" spans="44:44" ht="15.75" customHeight="1" x14ac:dyDescent="0.15">
      <c r="AR34103" s="9" ph="1"/>
    </row>
    <row r="34104" spans="44:44" ht="15.75" customHeight="1" x14ac:dyDescent="0.15">
      <c r="AR34104" s="9" ph="1"/>
    </row>
    <row r="34105" spans="44:44" ht="15.75" customHeight="1" x14ac:dyDescent="0.15">
      <c r="AR34105" s="9" ph="1"/>
    </row>
    <row r="34106" spans="44:44" ht="15.75" customHeight="1" x14ac:dyDescent="0.15">
      <c r="AR34106" s="9" ph="1"/>
    </row>
    <row r="34107" spans="44:44" ht="15.75" customHeight="1" x14ac:dyDescent="0.15">
      <c r="AR34107" s="9" ph="1"/>
    </row>
    <row r="34108" spans="44:44" ht="15.75" customHeight="1" x14ac:dyDescent="0.15">
      <c r="AR34108" s="9" ph="1"/>
    </row>
    <row r="34109" spans="44:44" ht="15.75" customHeight="1" x14ac:dyDescent="0.15">
      <c r="AR34109" s="9" ph="1"/>
    </row>
    <row r="34110" spans="44:44" ht="15.75" customHeight="1" x14ac:dyDescent="0.15">
      <c r="AR34110" s="9" ph="1"/>
    </row>
    <row r="34112" spans="44:44" ht="15.75" customHeight="1" x14ac:dyDescent="0.15">
      <c r="AR34112" s="9" ph="1"/>
    </row>
    <row r="34113" spans="44:44" ht="15.75" customHeight="1" x14ac:dyDescent="0.15">
      <c r="AR34113" s="9" ph="1"/>
    </row>
    <row r="34114" spans="44:44" ht="15.75" customHeight="1" x14ac:dyDescent="0.15">
      <c r="AR34114" s="9" ph="1"/>
    </row>
    <row r="34115" spans="44:44" ht="15.75" customHeight="1" x14ac:dyDescent="0.15">
      <c r="AR34115" s="9" ph="1"/>
    </row>
    <row r="34122" spans="44:44" ht="15.75" customHeight="1" x14ac:dyDescent="0.15">
      <c r="AR34122" s="9" ph="1"/>
    </row>
    <row r="34123" spans="44:44" ht="15.75" customHeight="1" x14ac:dyDescent="0.15">
      <c r="AR34123" s="9" ph="1"/>
    </row>
    <row r="34124" spans="44:44" ht="15.75" customHeight="1" x14ac:dyDescent="0.15">
      <c r="AR34124" s="9" ph="1"/>
    </row>
    <row r="34125" spans="44:44" ht="15.75" customHeight="1" x14ac:dyDescent="0.15">
      <c r="AR34125" s="9" ph="1"/>
    </row>
    <row r="34126" spans="44:44" ht="15.75" customHeight="1" x14ac:dyDescent="0.15">
      <c r="AR34126" s="9" ph="1"/>
    </row>
    <row r="34127" spans="44:44" ht="15.75" customHeight="1" x14ac:dyDescent="0.15">
      <c r="AR34127" s="9" ph="1"/>
    </row>
    <row r="34128" spans="44:44" ht="15.75" customHeight="1" x14ac:dyDescent="0.15">
      <c r="AR34128" s="9" ph="1"/>
    </row>
    <row r="34129" spans="44:44" ht="15.75" customHeight="1" x14ac:dyDescent="0.15">
      <c r="AR34129" s="9" ph="1"/>
    </row>
    <row r="34131" spans="44:44" ht="15.75" customHeight="1" x14ac:dyDescent="0.15">
      <c r="AR34131" s="9" ph="1"/>
    </row>
    <row r="34132" spans="44:44" ht="15.75" customHeight="1" x14ac:dyDescent="0.15">
      <c r="AR34132" s="9" ph="1"/>
    </row>
    <row r="34133" spans="44:44" ht="15.75" customHeight="1" x14ac:dyDescent="0.15">
      <c r="AR34133" s="9" ph="1"/>
    </row>
    <row r="34135" spans="44:44" ht="15.75" customHeight="1" x14ac:dyDescent="0.15">
      <c r="AR34135" s="9" ph="1"/>
    </row>
    <row r="34136" spans="44:44" ht="15.75" customHeight="1" x14ac:dyDescent="0.15">
      <c r="AR34136" s="9" ph="1"/>
    </row>
    <row r="34137" spans="44:44" ht="15.75" customHeight="1" x14ac:dyDescent="0.15">
      <c r="AR34137" s="9" ph="1"/>
    </row>
    <row r="34138" spans="44:44" ht="15.75" customHeight="1" x14ac:dyDescent="0.15">
      <c r="AR34138" s="9" ph="1"/>
    </row>
    <row r="34139" spans="44:44" ht="15.75" customHeight="1" x14ac:dyDescent="0.15">
      <c r="AR34139" s="9" ph="1"/>
    </row>
    <row r="34140" spans="44:44" ht="15.75" customHeight="1" x14ac:dyDescent="0.15">
      <c r="AR34140" s="9" ph="1"/>
    </row>
    <row r="34141" spans="44:44" ht="15.75" customHeight="1" x14ac:dyDescent="0.15">
      <c r="AR34141" s="9" ph="1"/>
    </row>
    <row r="34142" spans="44:44" ht="15.75" customHeight="1" x14ac:dyDescent="0.15">
      <c r="AR34142" s="9" ph="1"/>
    </row>
    <row r="34143" spans="44:44" ht="15.75" customHeight="1" x14ac:dyDescent="0.15">
      <c r="AR34143" s="9" ph="1"/>
    </row>
    <row r="34144" spans="44:44" ht="15.75" customHeight="1" x14ac:dyDescent="0.15">
      <c r="AR34144" s="9" ph="1"/>
    </row>
    <row r="34145" spans="44:44" ht="15.75" customHeight="1" x14ac:dyDescent="0.15">
      <c r="AR34145" s="9" ph="1"/>
    </row>
    <row r="34146" spans="44:44" ht="15.75" customHeight="1" x14ac:dyDescent="0.15">
      <c r="AR34146" s="9" ph="1"/>
    </row>
    <row r="34147" spans="44:44" ht="15.75" customHeight="1" x14ac:dyDescent="0.15">
      <c r="AR34147" s="9" ph="1"/>
    </row>
    <row r="34149" spans="44:44" ht="15.75" customHeight="1" x14ac:dyDescent="0.15">
      <c r="AR34149" s="9" ph="1"/>
    </row>
    <row r="34150" spans="44:44" ht="15.75" customHeight="1" x14ac:dyDescent="0.15">
      <c r="AR34150" s="9" ph="1"/>
    </row>
    <row r="34151" spans="44:44" ht="15.75" customHeight="1" x14ac:dyDescent="0.15">
      <c r="AR34151" s="9" ph="1"/>
    </row>
    <row r="34153" spans="44:44" ht="15.75" customHeight="1" x14ac:dyDescent="0.15">
      <c r="AR34153" s="9" ph="1"/>
    </row>
    <row r="34154" spans="44:44" ht="15.75" customHeight="1" x14ac:dyDescent="0.15">
      <c r="AR34154" s="9" ph="1"/>
    </row>
    <row r="34155" spans="44:44" ht="15.75" customHeight="1" x14ac:dyDescent="0.15">
      <c r="AR34155" s="9" ph="1"/>
    </row>
    <row r="34156" spans="44:44" ht="15.75" customHeight="1" x14ac:dyDescent="0.15">
      <c r="AR34156" s="9" ph="1"/>
    </row>
    <row r="34157" spans="44:44" ht="15.75" customHeight="1" x14ac:dyDescent="0.15">
      <c r="AR34157" s="9" ph="1"/>
    </row>
    <row r="34158" spans="44:44" ht="15.75" customHeight="1" x14ac:dyDescent="0.15">
      <c r="AR34158" s="9" ph="1"/>
    </row>
    <row r="34160" spans="44:44" ht="15.75" customHeight="1" x14ac:dyDescent="0.15">
      <c r="AR34160" s="9" ph="1"/>
    </row>
    <row r="34161" spans="44:44" ht="15.75" customHeight="1" x14ac:dyDescent="0.15">
      <c r="AR34161" s="9" ph="1"/>
    </row>
    <row r="34162" spans="44:44" ht="15.75" customHeight="1" x14ac:dyDescent="0.15">
      <c r="AR34162" s="9" ph="1"/>
    </row>
    <row r="34163" spans="44:44" ht="15.75" customHeight="1" x14ac:dyDescent="0.15">
      <c r="AR34163" s="9" ph="1"/>
    </row>
    <row r="34164" spans="44:44" ht="15.75" customHeight="1" x14ac:dyDescent="0.15">
      <c r="AR34164" s="9" ph="1"/>
    </row>
    <row r="34165" spans="44:44" ht="15.75" customHeight="1" x14ac:dyDescent="0.15">
      <c r="AR34165" s="9" ph="1"/>
    </row>
    <row r="34166" spans="44:44" ht="15.75" customHeight="1" x14ac:dyDescent="0.15">
      <c r="AR34166" s="9" ph="1"/>
    </row>
    <row r="34167" spans="44:44" ht="15.75" customHeight="1" x14ac:dyDescent="0.15">
      <c r="AR34167" s="9" ph="1"/>
    </row>
    <row r="34168" spans="44:44" ht="15.75" customHeight="1" x14ac:dyDescent="0.15">
      <c r="AR34168" s="9" ph="1"/>
    </row>
    <row r="34169" spans="44:44" ht="15.75" customHeight="1" x14ac:dyDescent="0.15">
      <c r="AR34169" s="9" ph="1"/>
    </row>
    <row r="34170" spans="44:44" ht="15.75" customHeight="1" x14ac:dyDescent="0.15">
      <c r="AR34170" s="9" ph="1"/>
    </row>
    <row r="34171" spans="44:44" ht="15.75" customHeight="1" x14ac:dyDescent="0.15">
      <c r="AR34171" s="9" ph="1"/>
    </row>
    <row r="34172" spans="44:44" ht="15.75" customHeight="1" x14ac:dyDescent="0.15">
      <c r="AR34172" s="9" ph="1"/>
    </row>
    <row r="34174" spans="44:44" ht="15.75" customHeight="1" x14ac:dyDescent="0.15">
      <c r="AR34174" s="9" ph="1"/>
    </row>
    <row r="34175" spans="44:44" ht="15.75" customHeight="1" x14ac:dyDescent="0.15">
      <c r="AR34175" s="9" ph="1"/>
    </row>
    <row r="34176" spans="44:44" ht="15.75" customHeight="1" x14ac:dyDescent="0.15">
      <c r="AR34176" s="9" ph="1"/>
    </row>
    <row r="34178" spans="44:44" ht="15.75" customHeight="1" x14ac:dyDescent="0.15">
      <c r="AR34178" s="9" ph="1"/>
    </row>
    <row r="34179" spans="44:44" ht="15.75" customHeight="1" x14ac:dyDescent="0.15">
      <c r="AR34179" s="9" ph="1"/>
    </row>
    <row r="34180" spans="44:44" ht="15.75" customHeight="1" x14ac:dyDescent="0.15">
      <c r="AR34180" s="9" ph="1"/>
    </row>
    <row r="34181" spans="44:44" ht="15.75" customHeight="1" x14ac:dyDescent="0.15">
      <c r="AR34181" s="9" ph="1"/>
    </row>
    <row r="34182" spans="44:44" ht="15.75" customHeight="1" x14ac:dyDescent="0.15">
      <c r="AR34182" s="9" ph="1"/>
    </row>
    <row r="34183" spans="44:44" ht="15.75" customHeight="1" x14ac:dyDescent="0.15">
      <c r="AR34183" s="9" ph="1"/>
    </row>
    <row r="34184" spans="44:44" ht="15.75" customHeight="1" x14ac:dyDescent="0.15">
      <c r="AR34184" s="9" ph="1"/>
    </row>
    <row r="34185" spans="44:44" ht="15.75" customHeight="1" x14ac:dyDescent="0.15">
      <c r="AR34185" s="9" ph="1"/>
    </row>
    <row r="34186" spans="44:44" ht="15.75" customHeight="1" x14ac:dyDescent="0.15">
      <c r="AR34186" s="9" ph="1"/>
    </row>
    <row r="34187" spans="44:44" ht="15.75" customHeight="1" x14ac:dyDescent="0.15">
      <c r="AR34187" s="9" ph="1"/>
    </row>
    <row r="34188" spans="44:44" ht="15.75" customHeight="1" x14ac:dyDescent="0.15">
      <c r="AR34188" s="9" ph="1"/>
    </row>
    <row r="34189" spans="44:44" ht="15.75" customHeight="1" x14ac:dyDescent="0.15">
      <c r="AR34189" s="9" ph="1"/>
    </row>
    <row r="34190" spans="44:44" ht="15.75" customHeight="1" x14ac:dyDescent="0.15">
      <c r="AR34190" s="9" ph="1"/>
    </row>
    <row r="34191" spans="44:44" ht="15.75" customHeight="1" x14ac:dyDescent="0.15">
      <c r="AR34191" s="9" ph="1"/>
    </row>
    <row r="34192" spans="44:44" ht="15.75" customHeight="1" x14ac:dyDescent="0.15">
      <c r="AR34192" s="9" ph="1"/>
    </row>
    <row r="34193" spans="44:44" ht="15.75" customHeight="1" x14ac:dyDescent="0.15">
      <c r="AR34193" s="9" ph="1"/>
    </row>
    <row r="34195" spans="44:44" ht="15.75" customHeight="1" x14ac:dyDescent="0.15">
      <c r="AR34195" s="9" ph="1"/>
    </row>
    <row r="34196" spans="44:44" ht="15.75" customHeight="1" x14ac:dyDescent="0.15">
      <c r="AR34196" s="9" ph="1"/>
    </row>
    <row r="34197" spans="44:44" ht="15.75" customHeight="1" x14ac:dyDescent="0.15">
      <c r="AR34197" s="9" ph="1"/>
    </row>
    <row r="34199" spans="44:44" ht="15.75" customHeight="1" x14ac:dyDescent="0.15">
      <c r="AR34199" s="9" ph="1"/>
    </row>
    <row r="34200" spans="44:44" ht="15.75" customHeight="1" x14ac:dyDescent="0.15">
      <c r="AR34200" s="9" ph="1"/>
    </row>
    <row r="34201" spans="44:44" ht="15.75" customHeight="1" x14ac:dyDescent="0.15">
      <c r="AR34201" s="9" ph="1"/>
    </row>
    <row r="34202" spans="44:44" ht="15.75" customHeight="1" x14ac:dyDescent="0.15">
      <c r="AR34202" s="9" ph="1"/>
    </row>
    <row r="34203" spans="44:44" ht="15.75" customHeight="1" x14ac:dyDescent="0.15">
      <c r="AR34203" s="9" ph="1"/>
    </row>
    <row r="34204" spans="44:44" ht="15.75" customHeight="1" x14ac:dyDescent="0.15">
      <c r="AR34204" s="9" ph="1"/>
    </row>
    <row r="34205" spans="44:44" ht="15.75" customHeight="1" x14ac:dyDescent="0.15">
      <c r="AR34205" s="9" ph="1"/>
    </row>
    <row r="34206" spans="44:44" ht="15.75" customHeight="1" x14ac:dyDescent="0.15">
      <c r="AR34206" s="9" ph="1"/>
    </row>
    <row r="34208" spans="44:44" ht="15.75" customHeight="1" x14ac:dyDescent="0.15">
      <c r="AR34208" s="9" ph="1"/>
    </row>
    <row r="34209" spans="44:44" ht="15.75" customHeight="1" x14ac:dyDescent="0.15">
      <c r="AR34209" s="9" ph="1"/>
    </row>
    <row r="34210" spans="44:44" ht="15.75" customHeight="1" x14ac:dyDescent="0.15">
      <c r="AR34210" s="9" ph="1"/>
    </row>
    <row r="34211" spans="44:44" ht="15.75" customHeight="1" x14ac:dyDescent="0.15">
      <c r="AR34211" s="9" ph="1"/>
    </row>
    <row r="34212" spans="44:44" ht="15.75" customHeight="1" x14ac:dyDescent="0.15">
      <c r="AR34212" s="9" ph="1"/>
    </row>
    <row r="34213" spans="44:44" ht="15.75" customHeight="1" x14ac:dyDescent="0.15">
      <c r="AR34213" s="9" ph="1"/>
    </row>
    <row r="34214" spans="44:44" ht="15.75" customHeight="1" x14ac:dyDescent="0.15">
      <c r="AR34214" s="9" ph="1"/>
    </row>
    <row r="34215" spans="44:44" ht="15.75" customHeight="1" x14ac:dyDescent="0.15">
      <c r="AR34215" s="9" ph="1"/>
    </row>
    <row r="34217" spans="44:44" ht="15.75" customHeight="1" x14ac:dyDescent="0.15">
      <c r="AR34217" s="9" ph="1"/>
    </row>
    <row r="34218" spans="44:44" ht="15.75" customHeight="1" x14ac:dyDescent="0.15">
      <c r="AR34218" s="9" ph="1"/>
    </row>
    <row r="34219" spans="44:44" ht="15.75" customHeight="1" x14ac:dyDescent="0.15">
      <c r="AR34219" s="9" ph="1"/>
    </row>
    <row r="34220" spans="44:44" ht="15.75" customHeight="1" x14ac:dyDescent="0.15">
      <c r="AR34220" s="9" ph="1"/>
    </row>
    <row r="34221" spans="44:44" ht="15.75" customHeight="1" x14ac:dyDescent="0.15">
      <c r="AR34221" s="9" ph="1"/>
    </row>
    <row r="34222" spans="44:44" ht="15.75" customHeight="1" x14ac:dyDescent="0.15">
      <c r="AR34222" s="9" ph="1"/>
    </row>
    <row r="34224" spans="44:44" ht="15.75" customHeight="1" x14ac:dyDescent="0.15">
      <c r="AR34224" s="9" ph="1"/>
    </row>
    <row r="34225" spans="44:44" ht="15.75" customHeight="1" x14ac:dyDescent="0.15">
      <c r="AR34225" s="9" ph="1"/>
    </row>
    <row r="34226" spans="44:44" ht="15.75" customHeight="1" x14ac:dyDescent="0.15">
      <c r="AR34226" s="9" ph="1"/>
    </row>
    <row r="34227" spans="44:44" ht="15.75" customHeight="1" x14ac:dyDescent="0.15">
      <c r="AR34227" s="9" ph="1"/>
    </row>
    <row r="34228" spans="44:44" ht="15.75" customHeight="1" x14ac:dyDescent="0.15">
      <c r="AR34228" s="9" ph="1"/>
    </row>
    <row r="34229" spans="44:44" ht="15.75" customHeight="1" x14ac:dyDescent="0.15">
      <c r="AR34229" s="9" ph="1"/>
    </row>
    <row r="34230" spans="44:44" ht="15.75" customHeight="1" x14ac:dyDescent="0.15">
      <c r="AR34230" s="9" ph="1"/>
    </row>
    <row r="34232" spans="44:44" ht="15.75" customHeight="1" x14ac:dyDescent="0.15">
      <c r="AR34232" s="9" ph="1"/>
    </row>
    <row r="34233" spans="44:44" ht="15.75" customHeight="1" x14ac:dyDescent="0.15">
      <c r="AR34233" s="9" ph="1"/>
    </row>
    <row r="34234" spans="44:44" ht="15.75" customHeight="1" x14ac:dyDescent="0.15">
      <c r="AR34234" s="9" ph="1"/>
    </row>
    <row r="34235" spans="44:44" ht="15.75" customHeight="1" x14ac:dyDescent="0.15">
      <c r="AR34235" s="9" ph="1"/>
    </row>
    <row r="34236" spans="44:44" ht="15.75" customHeight="1" x14ac:dyDescent="0.15">
      <c r="AR34236" s="9" ph="1"/>
    </row>
    <row r="34237" spans="44:44" ht="15.75" customHeight="1" x14ac:dyDescent="0.15">
      <c r="AR34237" s="9" ph="1"/>
    </row>
    <row r="34239" spans="44:44" ht="15.75" customHeight="1" x14ac:dyDescent="0.15">
      <c r="AR34239" s="9" ph="1"/>
    </row>
    <row r="34240" spans="44:44" ht="15.75" customHeight="1" x14ac:dyDescent="0.15">
      <c r="AR34240" s="9" ph="1"/>
    </row>
    <row r="34241" spans="44:44" ht="15.75" customHeight="1" x14ac:dyDescent="0.15">
      <c r="AR34241" s="9" ph="1"/>
    </row>
    <row r="34242" spans="44:44" ht="15.75" customHeight="1" x14ac:dyDescent="0.15">
      <c r="AR34242" s="9" ph="1"/>
    </row>
    <row r="34243" spans="44:44" ht="15.75" customHeight="1" x14ac:dyDescent="0.15">
      <c r="AR34243" s="9" ph="1"/>
    </row>
    <row r="34244" spans="44:44" ht="15.75" customHeight="1" x14ac:dyDescent="0.15">
      <c r="AR34244" s="9" ph="1"/>
    </row>
    <row r="34245" spans="44:44" ht="15.75" customHeight="1" x14ac:dyDescent="0.15">
      <c r="AR34245" s="9" ph="1"/>
    </row>
    <row r="34246" spans="44:44" ht="15.75" customHeight="1" x14ac:dyDescent="0.15">
      <c r="AR34246" s="9" ph="1"/>
    </row>
    <row r="34247" spans="44:44" ht="15.75" customHeight="1" x14ac:dyDescent="0.15">
      <c r="AR34247" s="9" ph="1"/>
    </row>
    <row r="34248" spans="44:44" ht="15.75" customHeight="1" x14ac:dyDescent="0.15">
      <c r="AR34248" s="9" ph="1"/>
    </row>
    <row r="34249" spans="44:44" ht="15.75" customHeight="1" x14ac:dyDescent="0.15">
      <c r="AR34249" s="9" ph="1"/>
    </row>
    <row r="34250" spans="44:44" ht="15.75" customHeight="1" x14ac:dyDescent="0.15">
      <c r="AR34250" s="9" ph="1"/>
    </row>
    <row r="34251" spans="44:44" ht="15.75" customHeight="1" x14ac:dyDescent="0.15">
      <c r="AR34251" s="9" ph="1"/>
    </row>
    <row r="34253" spans="44:44" ht="15.75" customHeight="1" x14ac:dyDescent="0.15">
      <c r="AR34253" s="9" ph="1"/>
    </row>
    <row r="34254" spans="44:44" ht="15.75" customHeight="1" x14ac:dyDescent="0.15">
      <c r="AR34254" s="9" ph="1"/>
    </row>
    <row r="34255" spans="44:44" ht="15.75" customHeight="1" x14ac:dyDescent="0.15">
      <c r="AR34255" s="9" ph="1"/>
    </row>
    <row r="34257" spans="44:44" ht="15.75" customHeight="1" x14ac:dyDescent="0.15">
      <c r="AR34257" s="9" ph="1"/>
    </row>
    <row r="34258" spans="44:44" ht="15.75" customHeight="1" x14ac:dyDescent="0.15">
      <c r="AR34258" s="9" ph="1"/>
    </row>
    <row r="34259" spans="44:44" ht="15.75" customHeight="1" x14ac:dyDescent="0.15">
      <c r="AR34259" s="9" ph="1"/>
    </row>
    <row r="34260" spans="44:44" ht="15.75" customHeight="1" x14ac:dyDescent="0.15">
      <c r="AR34260" s="9" ph="1"/>
    </row>
    <row r="34261" spans="44:44" ht="15.75" customHeight="1" x14ac:dyDescent="0.15">
      <c r="AR34261" s="9" ph="1"/>
    </row>
    <row r="34262" spans="44:44" ht="15.75" customHeight="1" x14ac:dyDescent="0.15">
      <c r="AR34262" s="9" ph="1"/>
    </row>
    <row r="34263" spans="44:44" ht="15.75" customHeight="1" x14ac:dyDescent="0.15">
      <c r="AR34263" s="9" ph="1"/>
    </row>
    <row r="34264" spans="44:44" ht="15.75" customHeight="1" x14ac:dyDescent="0.15">
      <c r="AR34264" s="9" ph="1"/>
    </row>
    <row r="34265" spans="44:44" ht="15.75" customHeight="1" x14ac:dyDescent="0.15">
      <c r="AR34265" s="9" ph="1"/>
    </row>
    <row r="34266" spans="44:44" ht="15.75" customHeight="1" x14ac:dyDescent="0.15">
      <c r="AR34266" s="9" ph="1"/>
    </row>
    <row r="34267" spans="44:44" ht="15.75" customHeight="1" x14ac:dyDescent="0.15">
      <c r="AR34267" s="9" ph="1"/>
    </row>
    <row r="34268" spans="44:44" ht="15.75" customHeight="1" x14ac:dyDescent="0.15">
      <c r="AR34268" s="9" ph="1"/>
    </row>
    <row r="34269" spans="44:44" ht="15.75" customHeight="1" x14ac:dyDescent="0.15">
      <c r="AR34269" s="9" ph="1"/>
    </row>
    <row r="34270" spans="44:44" ht="15.75" customHeight="1" x14ac:dyDescent="0.15">
      <c r="AR34270" s="9" ph="1"/>
    </row>
    <row r="34271" spans="44:44" ht="15.75" customHeight="1" x14ac:dyDescent="0.15">
      <c r="AR34271" s="9" ph="1"/>
    </row>
    <row r="34272" spans="44:44" ht="15.75" customHeight="1" x14ac:dyDescent="0.15">
      <c r="AR34272" s="9" ph="1"/>
    </row>
    <row r="34274" spans="44:44" ht="15.75" customHeight="1" x14ac:dyDescent="0.15">
      <c r="AR34274" s="9" ph="1"/>
    </row>
    <row r="34275" spans="44:44" ht="15.75" customHeight="1" x14ac:dyDescent="0.15">
      <c r="AR34275" s="9" ph="1"/>
    </row>
    <row r="34276" spans="44:44" ht="15.75" customHeight="1" x14ac:dyDescent="0.15">
      <c r="AR34276" s="9" ph="1"/>
    </row>
    <row r="34278" spans="44:44" ht="15.75" customHeight="1" x14ac:dyDescent="0.15">
      <c r="AR34278" s="9" ph="1"/>
    </row>
    <row r="34279" spans="44:44" ht="15.75" customHeight="1" x14ac:dyDescent="0.15">
      <c r="AR34279" s="9" ph="1"/>
    </row>
    <row r="34280" spans="44:44" ht="15.75" customHeight="1" x14ac:dyDescent="0.15">
      <c r="AR34280" s="9" ph="1"/>
    </row>
    <row r="34281" spans="44:44" ht="15.75" customHeight="1" x14ac:dyDescent="0.15">
      <c r="AR34281" s="9" ph="1"/>
    </row>
    <row r="34282" spans="44:44" ht="15.75" customHeight="1" x14ac:dyDescent="0.15">
      <c r="AR34282" s="9" ph="1"/>
    </row>
    <row r="34283" spans="44:44" ht="15.75" customHeight="1" x14ac:dyDescent="0.15">
      <c r="AR34283" s="9" ph="1"/>
    </row>
    <row r="34284" spans="44:44" ht="15.75" customHeight="1" x14ac:dyDescent="0.15">
      <c r="AR34284" s="9" ph="1"/>
    </row>
    <row r="34285" spans="44:44" ht="15.75" customHeight="1" x14ac:dyDescent="0.15">
      <c r="AR34285" s="9" ph="1"/>
    </row>
    <row r="34287" spans="44:44" ht="15.75" customHeight="1" x14ac:dyDescent="0.15">
      <c r="AR34287" s="9" ph="1"/>
    </row>
    <row r="34288" spans="44:44" ht="15.75" customHeight="1" x14ac:dyDescent="0.15">
      <c r="AR34288" s="9" ph="1"/>
    </row>
    <row r="34289" spans="44:44" ht="15.75" customHeight="1" x14ac:dyDescent="0.15">
      <c r="AR34289" s="9" ph="1"/>
    </row>
    <row r="34290" spans="44:44" ht="15.75" customHeight="1" x14ac:dyDescent="0.15">
      <c r="AR34290" s="9" ph="1"/>
    </row>
    <row r="34291" spans="44:44" ht="15.75" customHeight="1" x14ac:dyDescent="0.15">
      <c r="AR34291" s="9" ph="1"/>
    </row>
    <row r="34292" spans="44:44" ht="15.75" customHeight="1" x14ac:dyDescent="0.15">
      <c r="AR34292" s="9" ph="1"/>
    </row>
    <row r="34293" spans="44:44" ht="15.75" customHeight="1" x14ac:dyDescent="0.15">
      <c r="AR34293" s="9" ph="1"/>
    </row>
    <row r="34294" spans="44:44" ht="15.75" customHeight="1" x14ac:dyDescent="0.15">
      <c r="AR34294" s="9" ph="1"/>
    </row>
    <row r="34296" spans="44:44" ht="15.75" customHeight="1" x14ac:dyDescent="0.15">
      <c r="AR34296" s="9" ph="1"/>
    </row>
    <row r="34297" spans="44:44" ht="15.75" customHeight="1" x14ac:dyDescent="0.15">
      <c r="AR34297" s="9" ph="1"/>
    </row>
    <row r="34298" spans="44:44" ht="15.75" customHeight="1" x14ac:dyDescent="0.15">
      <c r="AR34298" s="9" ph="1"/>
    </row>
    <row r="34299" spans="44:44" ht="15.75" customHeight="1" x14ac:dyDescent="0.15">
      <c r="AR34299" s="9" ph="1"/>
    </row>
    <row r="34300" spans="44:44" ht="15.75" customHeight="1" x14ac:dyDescent="0.15">
      <c r="AR34300" s="9" ph="1"/>
    </row>
    <row r="34301" spans="44:44" ht="15.75" customHeight="1" x14ac:dyDescent="0.15">
      <c r="AR34301" s="9" ph="1"/>
    </row>
    <row r="34303" spans="44:44" ht="15.75" customHeight="1" x14ac:dyDescent="0.15">
      <c r="AR34303" s="9" ph="1"/>
    </row>
    <row r="34304" spans="44:44" ht="15.75" customHeight="1" x14ac:dyDescent="0.15">
      <c r="AR34304" s="9" ph="1"/>
    </row>
    <row r="34305" spans="44:44" ht="15.75" customHeight="1" x14ac:dyDescent="0.15">
      <c r="AR34305" s="9" ph="1"/>
    </row>
    <row r="34306" spans="44:44" ht="15.75" customHeight="1" x14ac:dyDescent="0.15">
      <c r="AR34306" s="9" ph="1"/>
    </row>
    <row r="34307" spans="44:44" ht="15.75" customHeight="1" x14ac:dyDescent="0.15">
      <c r="AR34307" s="9" ph="1"/>
    </row>
    <row r="34308" spans="44:44" ht="15.75" customHeight="1" x14ac:dyDescent="0.15">
      <c r="AR34308" s="9" ph="1"/>
    </row>
    <row r="34309" spans="44:44" ht="15.75" customHeight="1" x14ac:dyDescent="0.15">
      <c r="AR34309" s="9" ph="1"/>
    </row>
    <row r="34310" spans="44:44" ht="15.75" customHeight="1" x14ac:dyDescent="0.15">
      <c r="AR34310" s="9" ph="1"/>
    </row>
    <row r="34311" spans="44:44" ht="15.75" customHeight="1" x14ac:dyDescent="0.15">
      <c r="AR34311" s="9" ph="1"/>
    </row>
    <row r="34312" spans="44:44" ht="15.75" customHeight="1" x14ac:dyDescent="0.15">
      <c r="AR34312" s="9" ph="1"/>
    </row>
    <row r="34313" spans="44:44" ht="15.75" customHeight="1" x14ac:dyDescent="0.15">
      <c r="AR34313" s="9" ph="1"/>
    </row>
    <row r="34314" spans="44:44" ht="15.75" customHeight="1" x14ac:dyDescent="0.15">
      <c r="AR34314" s="9" ph="1"/>
    </row>
    <row r="34315" spans="44:44" ht="15.75" customHeight="1" x14ac:dyDescent="0.15">
      <c r="AR34315" s="9" ph="1"/>
    </row>
    <row r="34316" spans="44:44" ht="15.75" customHeight="1" x14ac:dyDescent="0.15">
      <c r="AR34316" s="9" ph="1"/>
    </row>
    <row r="34317" spans="44:44" ht="15.75" customHeight="1" x14ac:dyDescent="0.15">
      <c r="AR34317" s="9" ph="1"/>
    </row>
    <row r="34318" spans="44:44" ht="15.75" customHeight="1" x14ac:dyDescent="0.15">
      <c r="AR34318" s="9" ph="1"/>
    </row>
    <row r="34319" spans="44:44" ht="15.75" customHeight="1" x14ac:dyDescent="0.15">
      <c r="AR34319" s="9" ph="1"/>
    </row>
    <row r="34320" spans="44:44" ht="15.75" customHeight="1" x14ac:dyDescent="0.15">
      <c r="AR34320" s="9" ph="1"/>
    </row>
    <row r="34321" spans="44:44" ht="15.75" customHeight="1" x14ac:dyDescent="0.15">
      <c r="AR34321" s="9" ph="1"/>
    </row>
    <row r="34323" spans="44:44" ht="15.75" customHeight="1" x14ac:dyDescent="0.15">
      <c r="AR34323" s="9" ph="1"/>
    </row>
    <row r="34324" spans="44:44" ht="15.75" customHeight="1" x14ac:dyDescent="0.15">
      <c r="AR34324" s="9" ph="1"/>
    </row>
    <row r="34325" spans="44:44" ht="15.75" customHeight="1" x14ac:dyDescent="0.15">
      <c r="AR34325" s="9" ph="1"/>
    </row>
    <row r="34327" spans="44:44" ht="15.75" customHeight="1" x14ac:dyDescent="0.15">
      <c r="AR34327" s="9" ph="1"/>
    </row>
    <row r="34328" spans="44:44" ht="15.75" customHeight="1" x14ac:dyDescent="0.15">
      <c r="AR34328" s="9" ph="1"/>
    </row>
    <row r="34329" spans="44:44" ht="15.75" customHeight="1" x14ac:dyDescent="0.15">
      <c r="AR34329" s="9" ph="1"/>
    </row>
    <row r="34330" spans="44:44" ht="15.75" customHeight="1" x14ac:dyDescent="0.15">
      <c r="AR34330" s="9" ph="1"/>
    </row>
    <row r="34331" spans="44:44" ht="15.75" customHeight="1" x14ac:dyDescent="0.15">
      <c r="AR34331" s="9" ph="1"/>
    </row>
    <row r="34332" spans="44:44" ht="15.75" customHeight="1" x14ac:dyDescent="0.15">
      <c r="AR34332" s="9" ph="1"/>
    </row>
    <row r="34333" spans="44:44" ht="15.75" customHeight="1" x14ac:dyDescent="0.15">
      <c r="AR34333" s="9" ph="1"/>
    </row>
    <row r="34334" spans="44:44" ht="15.75" customHeight="1" x14ac:dyDescent="0.15">
      <c r="AR34334" s="9" ph="1"/>
    </row>
    <row r="34335" spans="44:44" ht="15.75" customHeight="1" x14ac:dyDescent="0.15">
      <c r="AR34335" s="9" ph="1"/>
    </row>
    <row r="34336" spans="44:44" ht="15.75" customHeight="1" x14ac:dyDescent="0.15">
      <c r="AR34336" s="9" ph="1"/>
    </row>
    <row r="34337" spans="44:44" ht="15.75" customHeight="1" x14ac:dyDescent="0.15">
      <c r="AR34337" s="9" ph="1"/>
    </row>
    <row r="34338" spans="44:44" ht="15.75" customHeight="1" x14ac:dyDescent="0.15">
      <c r="AR34338" s="9" ph="1"/>
    </row>
    <row r="34339" spans="44:44" ht="15.75" customHeight="1" x14ac:dyDescent="0.15">
      <c r="AR34339" s="9" ph="1"/>
    </row>
    <row r="34340" spans="44:44" ht="15.75" customHeight="1" x14ac:dyDescent="0.15">
      <c r="AR34340" s="9" ph="1"/>
    </row>
    <row r="34341" spans="44:44" ht="15.75" customHeight="1" x14ac:dyDescent="0.15">
      <c r="AR34341" s="9" ph="1"/>
    </row>
    <row r="34342" spans="44:44" ht="15.75" customHeight="1" x14ac:dyDescent="0.15">
      <c r="AR34342" s="9" ph="1"/>
    </row>
    <row r="34344" spans="44:44" ht="15.75" customHeight="1" x14ac:dyDescent="0.15">
      <c r="AR34344" s="9" ph="1"/>
    </row>
    <row r="34345" spans="44:44" ht="15.75" customHeight="1" x14ac:dyDescent="0.15">
      <c r="AR34345" s="9" ph="1"/>
    </row>
    <row r="34346" spans="44:44" ht="15.75" customHeight="1" x14ac:dyDescent="0.15">
      <c r="AR34346" s="9" ph="1"/>
    </row>
    <row r="34348" spans="44:44" ht="15.75" customHeight="1" x14ac:dyDescent="0.15">
      <c r="AR34348" s="9" ph="1"/>
    </row>
    <row r="34349" spans="44:44" ht="15.75" customHeight="1" x14ac:dyDescent="0.15">
      <c r="AR34349" s="9" ph="1"/>
    </row>
    <row r="34350" spans="44:44" ht="15.75" customHeight="1" x14ac:dyDescent="0.15">
      <c r="AR34350" s="9" ph="1"/>
    </row>
    <row r="34351" spans="44:44" ht="15.75" customHeight="1" x14ac:dyDescent="0.15">
      <c r="AR34351" s="9" ph="1"/>
    </row>
    <row r="34352" spans="44:44" ht="15.75" customHeight="1" x14ac:dyDescent="0.15">
      <c r="AR34352" s="9" ph="1"/>
    </row>
    <row r="34353" spans="44:44" ht="15.75" customHeight="1" x14ac:dyDescent="0.15">
      <c r="AR34353" s="9" ph="1"/>
    </row>
    <row r="34354" spans="44:44" ht="15.75" customHeight="1" x14ac:dyDescent="0.15">
      <c r="AR34354" s="9" ph="1"/>
    </row>
    <row r="34355" spans="44:44" ht="15.75" customHeight="1" x14ac:dyDescent="0.15">
      <c r="AR34355" s="9" ph="1"/>
    </row>
    <row r="34357" spans="44:44" ht="15.75" customHeight="1" x14ac:dyDescent="0.15">
      <c r="AR34357" s="9" ph="1"/>
    </row>
    <row r="34358" spans="44:44" ht="15.75" customHeight="1" x14ac:dyDescent="0.15">
      <c r="AR34358" s="9" ph="1"/>
    </row>
    <row r="34359" spans="44:44" ht="15.75" customHeight="1" x14ac:dyDescent="0.15">
      <c r="AR34359" s="9" ph="1"/>
    </row>
    <row r="34360" spans="44:44" ht="15.75" customHeight="1" x14ac:dyDescent="0.15">
      <c r="AR34360" s="9" ph="1"/>
    </row>
    <row r="34361" spans="44:44" ht="15.75" customHeight="1" x14ac:dyDescent="0.15">
      <c r="AR34361" s="9" ph="1"/>
    </row>
    <row r="34362" spans="44:44" ht="15.75" customHeight="1" x14ac:dyDescent="0.15">
      <c r="AR34362" s="9" ph="1"/>
    </row>
    <row r="34363" spans="44:44" ht="15.75" customHeight="1" x14ac:dyDescent="0.15">
      <c r="AR34363" s="9" ph="1"/>
    </row>
    <row r="34364" spans="44:44" ht="15.75" customHeight="1" x14ac:dyDescent="0.15">
      <c r="AR34364" s="9" ph="1"/>
    </row>
    <row r="34366" spans="44:44" ht="15.75" customHeight="1" x14ac:dyDescent="0.15">
      <c r="AR34366" s="9" ph="1"/>
    </row>
    <row r="34367" spans="44:44" ht="15.75" customHeight="1" x14ac:dyDescent="0.15">
      <c r="AR34367" s="9" ph="1"/>
    </row>
    <row r="34368" spans="44:44" ht="15.75" customHeight="1" x14ac:dyDescent="0.15">
      <c r="AR34368" s="9" ph="1"/>
    </row>
    <row r="34369" spans="44:44" ht="15.75" customHeight="1" x14ac:dyDescent="0.15">
      <c r="AR34369" s="9" ph="1"/>
    </row>
    <row r="34370" spans="44:44" ht="15.75" customHeight="1" x14ac:dyDescent="0.15">
      <c r="AR34370" s="9" ph="1"/>
    </row>
    <row r="34371" spans="44:44" ht="15.75" customHeight="1" x14ac:dyDescent="0.15">
      <c r="AR34371" s="9" ph="1"/>
    </row>
    <row r="34373" spans="44:44" ht="15.75" customHeight="1" x14ac:dyDescent="0.15">
      <c r="AR34373" s="9" ph="1"/>
    </row>
    <row r="34374" spans="44:44" ht="15.75" customHeight="1" x14ac:dyDescent="0.15">
      <c r="AR34374" s="9" ph="1"/>
    </row>
    <row r="34375" spans="44:44" ht="15.75" customHeight="1" x14ac:dyDescent="0.15">
      <c r="AR34375" s="9" ph="1"/>
    </row>
    <row r="34376" spans="44:44" ht="15.75" customHeight="1" x14ac:dyDescent="0.15">
      <c r="AR34376" s="9" ph="1"/>
    </row>
    <row r="34377" spans="44:44" ht="15.75" customHeight="1" x14ac:dyDescent="0.15">
      <c r="AR34377" s="9" ph="1"/>
    </row>
    <row r="34378" spans="44:44" ht="15.75" customHeight="1" x14ac:dyDescent="0.15">
      <c r="AR34378" s="9" ph="1"/>
    </row>
    <row r="34379" spans="44:44" ht="15.75" customHeight="1" x14ac:dyDescent="0.15">
      <c r="AR34379" s="9" ph="1"/>
    </row>
    <row r="34381" spans="44:44" ht="15.75" customHeight="1" x14ac:dyDescent="0.15">
      <c r="AR34381" s="9" ph="1"/>
    </row>
    <row r="34382" spans="44:44" ht="15.75" customHeight="1" x14ac:dyDescent="0.15">
      <c r="AR34382" s="9" ph="1"/>
    </row>
    <row r="34383" spans="44:44" ht="15.75" customHeight="1" x14ac:dyDescent="0.15">
      <c r="AR34383" s="9" ph="1"/>
    </row>
    <row r="34384" spans="44:44" ht="15.75" customHeight="1" x14ac:dyDescent="0.15">
      <c r="AR34384" s="9" ph="1"/>
    </row>
    <row r="34385" spans="44:44" ht="15.75" customHeight="1" x14ac:dyDescent="0.15">
      <c r="AR34385" s="9" ph="1"/>
    </row>
    <row r="34386" spans="44:44" ht="15.75" customHeight="1" x14ac:dyDescent="0.15">
      <c r="AR34386" s="9" ph="1"/>
    </row>
    <row r="34388" spans="44:44" ht="15.75" customHeight="1" x14ac:dyDescent="0.15">
      <c r="AR34388" s="9" ph="1"/>
    </row>
    <row r="34389" spans="44:44" ht="15.75" customHeight="1" x14ac:dyDescent="0.15">
      <c r="AR34389" s="9" ph="1"/>
    </row>
    <row r="34390" spans="44:44" ht="15.75" customHeight="1" x14ac:dyDescent="0.15">
      <c r="AR34390" s="9" ph="1"/>
    </row>
    <row r="34391" spans="44:44" ht="15.75" customHeight="1" x14ac:dyDescent="0.15">
      <c r="AR34391" s="9" ph="1"/>
    </row>
    <row r="34392" spans="44:44" ht="15.75" customHeight="1" x14ac:dyDescent="0.15">
      <c r="AR34392" s="9" ph="1"/>
    </row>
    <row r="34393" spans="44:44" ht="15.75" customHeight="1" x14ac:dyDescent="0.15">
      <c r="AR34393" s="9" ph="1"/>
    </row>
    <row r="34394" spans="44:44" ht="15.75" customHeight="1" x14ac:dyDescent="0.15">
      <c r="AR34394" s="9" ph="1"/>
    </row>
    <row r="34395" spans="44:44" ht="15.75" customHeight="1" x14ac:dyDescent="0.15">
      <c r="AR34395" s="9" ph="1"/>
    </row>
    <row r="34396" spans="44:44" ht="15.75" customHeight="1" x14ac:dyDescent="0.15">
      <c r="AR34396" s="9" ph="1"/>
    </row>
    <row r="34397" spans="44:44" ht="15.75" customHeight="1" x14ac:dyDescent="0.15">
      <c r="AR34397" s="9" ph="1"/>
    </row>
    <row r="34398" spans="44:44" ht="15.75" customHeight="1" x14ac:dyDescent="0.15">
      <c r="AR34398" s="9" ph="1"/>
    </row>
    <row r="34399" spans="44:44" ht="15.75" customHeight="1" x14ac:dyDescent="0.15">
      <c r="AR34399" s="9" ph="1"/>
    </row>
    <row r="34400" spans="44:44" ht="15.75" customHeight="1" x14ac:dyDescent="0.15">
      <c r="AR34400" s="9" ph="1"/>
    </row>
    <row r="34402" spans="44:44" ht="15.75" customHeight="1" x14ac:dyDescent="0.15">
      <c r="AR34402" s="9" ph="1"/>
    </row>
    <row r="34403" spans="44:44" ht="15.75" customHeight="1" x14ac:dyDescent="0.15">
      <c r="AR34403" s="9" ph="1"/>
    </row>
    <row r="34404" spans="44:44" ht="15.75" customHeight="1" x14ac:dyDescent="0.15">
      <c r="AR34404" s="9" ph="1"/>
    </row>
    <row r="34406" spans="44:44" ht="15.75" customHeight="1" x14ac:dyDescent="0.15">
      <c r="AR34406" s="9" ph="1"/>
    </row>
    <row r="34407" spans="44:44" ht="15.75" customHeight="1" x14ac:dyDescent="0.15">
      <c r="AR34407" s="9" ph="1"/>
    </row>
    <row r="34408" spans="44:44" ht="15.75" customHeight="1" x14ac:dyDescent="0.15">
      <c r="AR34408" s="9" ph="1"/>
    </row>
    <row r="34409" spans="44:44" ht="15.75" customHeight="1" x14ac:dyDescent="0.15">
      <c r="AR34409" s="9" ph="1"/>
    </row>
    <row r="34410" spans="44:44" ht="15.75" customHeight="1" x14ac:dyDescent="0.15">
      <c r="AR34410" s="9" ph="1"/>
    </row>
    <row r="34411" spans="44:44" ht="15.75" customHeight="1" x14ac:dyDescent="0.15">
      <c r="AR34411" s="9" ph="1"/>
    </row>
    <row r="34412" spans="44:44" ht="15.75" customHeight="1" x14ac:dyDescent="0.15">
      <c r="AR34412" s="9" ph="1"/>
    </row>
    <row r="34413" spans="44:44" ht="15.75" customHeight="1" x14ac:dyDescent="0.15">
      <c r="AR34413" s="9" ph="1"/>
    </row>
    <row r="34414" spans="44:44" ht="15.75" customHeight="1" x14ac:dyDescent="0.15">
      <c r="AR34414" s="9" ph="1"/>
    </row>
    <row r="34415" spans="44:44" ht="15.75" customHeight="1" x14ac:dyDescent="0.15">
      <c r="AR34415" s="9" ph="1"/>
    </row>
    <row r="34416" spans="44:44" ht="15.75" customHeight="1" x14ac:dyDescent="0.15">
      <c r="AR34416" s="9" ph="1"/>
    </row>
    <row r="34417" spans="44:44" ht="15.75" customHeight="1" x14ac:dyDescent="0.15">
      <c r="AR34417" s="9" ph="1"/>
    </row>
    <row r="34418" spans="44:44" ht="15.75" customHeight="1" x14ac:dyDescent="0.15">
      <c r="AR34418" s="9" ph="1"/>
    </row>
    <row r="34419" spans="44:44" ht="15.75" customHeight="1" x14ac:dyDescent="0.15">
      <c r="AR34419" s="9" ph="1"/>
    </row>
    <row r="34420" spans="44:44" ht="15.75" customHeight="1" x14ac:dyDescent="0.15">
      <c r="AR34420" s="9" ph="1"/>
    </row>
    <row r="34421" spans="44:44" ht="15.75" customHeight="1" x14ac:dyDescent="0.15">
      <c r="AR34421" s="9" ph="1"/>
    </row>
    <row r="34423" spans="44:44" ht="15.75" customHeight="1" x14ac:dyDescent="0.15">
      <c r="AR34423" s="9" ph="1"/>
    </row>
    <row r="34424" spans="44:44" ht="15.75" customHeight="1" x14ac:dyDescent="0.15">
      <c r="AR34424" s="9" ph="1"/>
    </row>
    <row r="34425" spans="44:44" ht="15.75" customHeight="1" x14ac:dyDescent="0.15">
      <c r="AR34425" s="9" ph="1"/>
    </row>
    <row r="34427" spans="44:44" ht="15.75" customHeight="1" x14ac:dyDescent="0.15">
      <c r="AR34427" s="9" ph="1"/>
    </row>
    <row r="34428" spans="44:44" ht="15.75" customHeight="1" x14ac:dyDescent="0.15">
      <c r="AR34428" s="9" ph="1"/>
    </row>
    <row r="34429" spans="44:44" ht="15.75" customHeight="1" x14ac:dyDescent="0.15">
      <c r="AR34429" s="9" ph="1"/>
    </row>
    <row r="34430" spans="44:44" ht="15.75" customHeight="1" x14ac:dyDescent="0.15">
      <c r="AR34430" s="9" ph="1"/>
    </row>
    <row r="34431" spans="44:44" ht="15.75" customHeight="1" x14ac:dyDescent="0.15">
      <c r="AR34431" s="9" ph="1"/>
    </row>
    <row r="34432" spans="44:44" ht="15.75" customHeight="1" x14ac:dyDescent="0.15">
      <c r="AR34432" s="9" ph="1"/>
    </row>
    <row r="34433" spans="44:44" ht="15.75" customHeight="1" x14ac:dyDescent="0.15">
      <c r="AR34433" s="9" ph="1"/>
    </row>
    <row r="34434" spans="44:44" ht="15.75" customHeight="1" x14ac:dyDescent="0.15">
      <c r="AR34434" s="9" ph="1"/>
    </row>
    <row r="34436" spans="44:44" ht="15.75" customHeight="1" x14ac:dyDescent="0.15">
      <c r="AR34436" s="9" ph="1"/>
    </row>
    <row r="34437" spans="44:44" ht="15.75" customHeight="1" x14ac:dyDescent="0.15">
      <c r="AR34437" s="9" ph="1"/>
    </row>
    <row r="34438" spans="44:44" ht="15.75" customHeight="1" x14ac:dyDescent="0.15">
      <c r="AR34438" s="9" ph="1"/>
    </row>
    <row r="34439" spans="44:44" ht="15.75" customHeight="1" x14ac:dyDescent="0.15">
      <c r="AR34439" s="9" ph="1"/>
    </row>
    <row r="34440" spans="44:44" ht="15.75" customHeight="1" x14ac:dyDescent="0.15">
      <c r="AR34440" s="9" ph="1"/>
    </row>
    <row r="34441" spans="44:44" ht="15.75" customHeight="1" x14ac:dyDescent="0.15">
      <c r="AR34441" s="9" ph="1"/>
    </row>
    <row r="34442" spans="44:44" ht="15.75" customHeight="1" x14ac:dyDescent="0.15">
      <c r="AR34442" s="9" ph="1"/>
    </row>
    <row r="34443" spans="44:44" ht="15.75" customHeight="1" x14ac:dyDescent="0.15">
      <c r="AR34443" s="9" ph="1"/>
    </row>
    <row r="34445" spans="44:44" ht="15.75" customHeight="1" x14ac:dyDescent="0.15">
      <c r="AR34445" s="9" ph="1"/>
    </row>
    <row r="34446" spans="44:44" ht="15.75" customHeight="1" x14ac:dyDescent="0.15">
      <c r="AR34446" s="9" ph="1"/>
    </row>
    <row r="34447" spans="44:44" ht="15.75" customHeight="1" x14ac:dyDescent="0.15">
      <c r="AR34447" s="9" ph="1"/>
    </row>
    <row r="34448" spans="44:44" ht="15.75" customHeight="1" x14ac:dyDescent="0.15">
      <c r="AR34448" s="9" ph="1"/>
    </row>
    <row r="34449" spans="44:44" ht="15.75" customHeight="1" x14ac:dyDescent="0.15">
      <c r="AR34449" s="9" ph="1"/>
    </row>
    <row r="34450" spans="44:44" ht="15.75" customHeight="1" x14ac:dyDescent="0.15">
      <c r="AR34450" s="9" ph="1"/>
    </row>
    <row r="34452" spans="44:44" ht="15.75" customHeight="1" x14ac:dyDescent="0.15">
      <c r="AR34452" s="9" ph="1"/>
    </row>
    <row r="34453" spans="44:44" ht="15.75" customHeight="1" x14ac:dyDescent="0.15">
      <c r="AR34453" s="9" ph="1"/>
    </row>
    <row r="34454" spans="44:44" ht="15.75" customHeight="1" x14ac:dyDescent="0.15">
      <c r="AR34454" s="9" ph="1"/>
    </row>
    <row r="34455" spans="44:44" ht="15.75" customHeight="1" x14ac:dyDescent="0.15">
      <c r="AR34455" s="9" ph="1"/>
    </row>
    <row r="34456" spans="44:44" ht="15.75" customHeight="1" x14ac:dyDescent="0.15">
      <c r="AR34456" s="9" ph="1"/>
    </row>
    <row r="34457" spans="44:44" ht="15.75" customHeight="1" x14ac:dyDescent="0.15">
      <c r="AR34457" s="9" ph="1"/>
    </row>
    <row r="34458" spans="44:44" ht="15.75" customHeight="1" x14ac:dyDescent="0.15">
      <c r="AR34458" s="9" ph="1"/>
    </row>
    <row r="34459" spans="44:44" ht="15.75" customHeight="1" x14ac:dyDescent="0.15">
      <c r="AR34459" s="9" ph="1"/>
    </row>
    <row r="34460" spans="44:44" ht="15.75" customHeight="1" x14ac:dyDescent="0.15">
      <c r="AR34460" s="9" ph="1"/>
    </row>
    <row r="34461" spans="44:44" ht="15.75" customHeight="1" x14ac:dyDescent="0.15">
      <c r="AR34461" s="9" ph="1"/>
    </row>
    <row r="34462" spans="44:44" ht="15.75" customHeight="1" x14ac:dyDescent="0.15">
      <c r="AR34462" s="9" ph="1"/>
    </row>
    <row r="34464" spans="44:44" ht="15.75" customHeight="1" x14ac:dyDescent="0.15">
      <c r="AR34464" s="9" ph="1"/>
    </row>
    <row r="34465" spans="44:44" ht="15.75" customHeight="1" x14ac:dyDescent="0.15">
      <c r="AR34465" s="9" ph="1"/>
    </row>
    <row r="34466" spans="44:44" ht="15.75" customHeight="1" x14ac:dyDescent="0.15">
      <c r="AR34466" s="9" ph="1"/>
    </row>
    <row r="34467" spans="44:44" ht="15.75" customHeight="1" x14ac:dyDescent="0.15">
      <c r="AR34467" s="9" ph="1"/>
    </row>
    <row r="34468" spans="44:44" ht="15.75" customHeight="1" x14ac:dyDescent="0.15">
      <c r="AR34468" s="9" ph="1"/>
    </row>
    <row r="34469" spans="44:44" ht="15.75" customHeight="1" x14ac:dyDescent="0.15">
      <c r="AR34469" s="9" ph="1"/>
    </row>
    <row r="34471" spans="44:44" ht="15.75" customHeight="1" x14ac:dyDescent="0.15">
      <c r="AR34471" s="9" ph="1"/>
    </row>
    <row r="34472" spans="44:44" ht="15.75" customHeight="1" x14ac:dyDescent="0.15">
      <c r="AR34472" s="9" ph="1"/>
    </row>
    <row r="34473" spans="44:44" ht="15.75" customHeight="1" x14ac:dyDescent="0.15">
      <c r="AR34473" s="9" ph="1"/>
    </row>
    <row r="34474" spans="44:44" ht="15.75" customHeight="1" x14ac:dyDescent="0.15">
      <c r="AR34474" s="9" ph="1"/>
    </row>
    <row r="34475" spans="44:44" ht="15.75" customHeight="1" x14ac:dyDescent="0.15">
      <c r="AR34475" s="9" ph="1"/>
    </row>
    <row r="34476" spans="44:44" ht="15.75" customHeight="1" x14ac:dyDescent="0.15">
      <c r="AR34476" s="9" ph="1"/>
    </row>
    <row r="34477" spans="44:44" ht="15.75" customHeight="1" x14ac:dyDescent="0.15">
      <c r="AR34477" s="9" ph="1"/>
    </row>
    <row r="34478" spans="44:44" ht="15.75" customHeight="1" x14ac:dyDescent="0.15">
      <c r="AR34478" s="9" ph="1"/>
    </row>
    <row r="34479" spans="44:44" ht="15.75" customHeight="1" x14ac:dyDescent="0.15">
      <c r="AR34479" s="9" ph="1"/>
    </row>
    <row r="34480" spans="44:44" ht="15.75" customHeight="1" x14ac:dyDescent="0.15">
      <c r="AR34480" s="9" ph="1"/>
    </row>
    <row r="34481" spans="44:44" ht="15.75" customHeight="1" x14ac:dyDescent="0.15">
      <c r="AR34481" s="9" ph="1"/>
    </row>
    <row r="34482" spans="44:44" ht="15.75" customHeight="1" x14ac:dyDescent="0.15">
      <c r="AR34482" s="9" ph="1"/>
    </row>
    <row r="34483" spans="44:44" ht="15.75" customHeight="1" x14ac:dyDescent="0.15">
      <c r="AR34483" s="9" ph="1"/>
    </row>
    <row r="34484" spans="44:44" ht="15.75" customHeight="1" x14ac:dyDescent="0.15">
      <c r="AR34484" s="9" ph="1"/>
    </row>
    <row r="34485" spans="44:44" ht="15.75" customHeight="1" x14ac:dyDescent="0.15">
      <c r="AR34485" s="9" ph="1"/>
    </row>
    <row r="34486" spans="44:44" ht="15.75" customHeight="1" x14ac:dyDescent="0.15">
      <c r="AR34486" s="9" ph="1"/>
    </row>
    <row r="34487" spans="44:44" ht="15.75" customHeight="1" x14ac:dyDescent="0.15">
      <c r="AR34487" s="9" ph="1"/>
    </row>
    <row r="34488" spans="44:44" ht="15.75" customHeight="1" x14ac:dyDescent="0.15">
      <c r="AR34488" s="9" ph="1"/>
    </row>
    <row r="34489" spans="44:44" ht="15.75" customHeight="1" x14ac:dyDescent="0.15">
      <c r="AR34489" s="9" ph="1"/>
    </row>
    <row r="34491" spans="44:44" ht="15.75" customHeight="1" x14ac:dyDescent="0.15">
      <c r="AR34491" s="9" ph="1"/>
    </row>
    <row r="34492" spans="44:44" ht="15.75" customHeight="1" x14ac:dyDescent="0.15">
      <c r="AR34492" s="9" ph="1"/>
    </row>
    <row r="34493" spans="44:44" ht="15.75" customHeight="1" x14ac:dyDescent="0.15">
      <c r="AR34493" s="9" ph="1"/>
    </row>
    <row r="34495" spans="44:44" ht="15.75" customHeight="1" x14ac:dyDescent="0.15">
      <c r="AR34495" s="9" ph="1"/>
    </row>
    <row r="34496" spans="44:44" ht="15.75" customHeight="1" x14ac:dyDescent="0.15">
      <c r="AR34496" s="9" ph="1"/>
    </row>
    <row r="34497" spans="44:44" ht="15.75" customHeight="1" x14ac:dyDescent="0.15">
      <c r="AR34497" s="9" ph="1"/>
    </row>
    <row r="34498" spans="44:44" ht="15.75" customHeight="1" x14ac:dyDescent="0.15">
      <c r="AR34498" s="9" ph="1"/>
    </row>
    <row r="34499" spans="44:44" ht="15.75" customHeight="1" x14ac:dyDescent="0.15">
      <c r="AR34499" s="9" ph="1"/>
    </row>
    <row r="34500" spans="44:44" ht="15.75" customHeight="1" x14ac:dyDescent="0.15">
      <c r="AR34500" s="9" ph="1"/>
    </row>
    <row r="34501" spans="44:44" ht="15.75" customHeight="1" x14ac:dyDescent="0.15">
      <c r="AR34501" s="9" ph="1"/>
    </row>
    <row r="34502" spans="44:44" ht="15.75" customHeight="1" x14ac:dyDescent="0.15">
      <c r="AR34502" s="9" ph="1"/>
    </row>
    <row r="34503" spans="44:44" ht="15.75" customHeight="1" x14ac:dyDescent="0.15">
      <c r="AR34503" s="9" ph="1"/>
    </row>
    <row r="34504" spans="44:44" ht="15.75" customHeight="1" x14ac:dyDescent="0.15">
      <c r="AR34504" s="9" ph="1"/>
    </row>
    <row r="34505" spans="44:44" ht="15.75" customHeight="1" x14ac:dyDescent="0.15">
      <c r="AR34505" s="9" ph="1"/>
    </row>
    <row r="34506" spans="44:44" ht="15.75" customHeight="1" x14ac:dyDescent="0.15">
      <c r="AR34506" s="9" ph="1"/>
    </row>
    <row r="34507" spans="44:44" ht="15.75" customHeight="1" x14ac:dyDescent="0.15">
      <c r="AR34507" s="9" ph="1"/>
    </row>
    <row r="34508" spans="44:44" ht="15.75" customHeight="1" x14ac:dyDescent="0.15">
      <c r="AR34508" s="9" ph="1"/>
    </row>
    <row r="34509" spans="44:44" ht="15.75" customHeight="1" x14ac:dyDescent="0.15">
      <c r="AR34509" s="9" ph="1"/>
    </row>
    <row r="34510" spans="44:44" ht="15.75" customHeight="1" x14ac:dyDescent="0.15">
      <c r="AR34510" s="9" ph="1"/>
    </row>
    <row r="34512" spans="44:44" ht="15.75" customHeight="1" x14ac:dyDescent="0.15">
      <c r="AR34512" s="9" ph="1"/>
    </row>
    <row r="34513" spans="44:44" ht="15.75" customHeight="1" x14ac:dyDescent="0.15">
      <c r="AR34513" s="9" ph="1"/>
    </row>
    <row r="34514" spans="44:44" ht="15.75" customHeight="1" x14ac:dyDescent="0.15">
      <c r="AR34514" s="9" ph="1"/>
    </row>
    <row r="34516" spans="44:44" ht="15.75" customHeight="1" x14ac:dyDescent="0.15">
      <c r="AR34516" s="9" ph="1"/>
    </row>
    <row r="34517" spans="44:44" ht="15.75" customHeight="1" x14ac:dyDescent="0.15">
      <c r="AR34517" s="9" ph="1"/>
    </row>
    <row r="34518" spans="44:44" ht="15.75" customHeight="1" x14ac:dyDescent="0.15">
      <c r="AR34518" s="9" ph="1"/>
    </row>
    <row r="34519" spans="44:44" ht="15.75" customHeight="1" x14ac:dyDescent="0.15">
      <c r="AR34519" s="9" ph="1"/>
    </row>
    <row r="34520" spans="44:44" ht="15.75" customHeight="1" x14ac:dyDescent="0.15">
      <c r="AR34520" s="9" ph="1"/>
    </row>
    <row r="34521" spans="44:44" ht="15.75" customHeight="1" x14ac:dyDescent="0.15">
      <c r="AR34521" s="9" ph="1"/>
    </row>
    <row r="34522" spans="44:44" ht="15.75" customHeight="1" x14ac:dyDescent="0.15">
      <c r="AR34522" s="9" ph="1"/>
    </row>
    <row r="34523" spans="44:44" ht="15.75" customHeight="1" x14ac:dyDescent="0.15">
      <c r="AR34523" s="9" ph="1"/>
    </row>
    <row r="34525" spans="44:44" ht="15.75" customHeight="1" x14ac:dyDescent="0.15">
      <c r="AR34525" s="9" ph="1"/>
    </row>
    <row r="34526" spans="44:44" ht="15.75" customHeight="1" x14ac:dyDescent="0.15">
      <c r="AR34526" s="9" ph="1"/>
    </row>
    <row r="34527" spans="44:44" ht="15.75" customHeight="1" x14ac:dyDescent="0.15">
      <c r="AR34527" s="9" ph="1"/>
    </row>
    <row r="34528" spans="44:44" ht="15.75" customHeight="1" x14ac:dyDescent="0.15">
      <c r="AR34528" s="9" ph="1"/>
    </row>
    <row r="34529" spans="44:44" ht="15.75" customHeight="1" x14ac:dyDescent="0.15">
      <c r="AR34529" s="9" ph="1"/>
    </row>
    <row r="34530" spans="44:44" ht="15.75" customHeight="1" x14ac:dyDescent="0.15">
      <c r="AR34530" s="9" ph="1"/>
    </row>
    <row r="34531" spans="44:44" ht="15.75" customHeight="1" x14ac:dyDescent="0.15">
      <c r="AR34531" s="9" ph="1"/>
    </row>
    <row r="34532" spans="44:44" ht="15.75" customHeight="1" x14ac:dyDescent="0.15">
      <c r="AR34532" s="9" ph="1"/>
    </row>
    <row r="34534" spans="44:44" ht="15.75" customHeight="1" x14ac:dyDescent="0.15">
      <c r="AR34534" s="9" ph="1"/>
    </row>
    <row r="34535" spans="44:44" ht="15.75" customHeight="1" x14ac:dyDescent="0.15">
      <c r="AR34535" s="9" ph="1"/>
    </row>
    <row r="34536" spans="44:44" ht="15.75" customHeight="1" x14ac:dyDescent="0.15">
      <c r="AR34536" s="9" ph="1"/>
    </row>
    <row r="34537" spans="44:44" ht="15.75" customHeight="1" x14ac:dyDescent="0.15">
      <c r="AR34537" s="9" ph="1"/>
    </row>
    <row r="34538" spans="44:44" ht="15.75" customHeight="1" x14ac:dyDescent="0.15">
      <c r="AR34538" s="9" ph="1"/>
    </row>
    <row r="34539" spans="44:44" ht="15.75" customHeight="1" x14ac:dyDescent="0.15">
      <c r="AR34539" s="9" ph="1"/>
    </row>
    <row r="34541" spans="44:44" ht="15.75" customHeight="1" x14ac:dyDescent="0.15">
      <c r="AR34541" s="9" ph="1"/>
    </row>
    <row r="34542" spans="44:44" ht="15.75" customHeight="1" x14ac:dyDescent="0.15">
      <c r="AR34542" s="9" ph="1"/>
    </row>
    <row r="34543" spans="44:44" ht="15.75" customHeight="1" x14ac:dyDescent="0.15">
      <c r="AR34543" s="9" ph="1"/>
    </row>
    <row r="34544" spans="44:44" ht="15.75" customHeight="1" x14ac:dyDescent="0.15">
      <c r="AR34544" s="9" ph="1"/>
    </row>
    <row r="34545" spans="44:44" ht="15.75" customHeight="1" x14ac:dyDescent="0.15">
      <c r="AR34545" s="9" ph="1"/>
    </row>
    <row r="34546" spans="44:44" ht="15.75" customHeight="1" x14ac:dyDescent="0.15">
      <c r="AR34546" s="9" ph="1"/>
    </row>
    <row r="34547" spans="44:44" ht="15.75" customHeight="1" x14ac:dyDescent="0.15">
      <c r="AR34547" s="9" ph="1"/>
    </row>
    <row r="34549" spans="44:44" ht="15.75" customHeight="1" x14ac:dyDescent="0.15">
      <c r="AR34549" s="9" ph="1"/>
    </row>
    <row r="34550" spans="44:44" ht="15.75" customHeight="1" x14ac:dyDescent="0.15">
      <c r="AR34550" s="9" ph="1"/>
    </row>
    <row r="34551" spans="44:44" ht="15.75" customHeight="1" x14ac:dyDescent="0.15">
      <c r="AR34551" s="9" ph="1"/>
    </row>
    <row r="34552" spans="44:44" ht="15.75" customHeight="1" x14ac:dyDescent="0.15">
      <c r="AR34552" s="9" ph="1"/>
    </row>
    <row r="34553" spans="44:44" ht="15.75" customHeight="1" x14ac:dyDescent="0.15">
      <c r="AR34553" s="9" ph="1"/>
    </row>
    <row r="34554" spans="44:44" ht="15.75" customHeight="1" x14ac:dyDescent="0.15">
      <c r="AR34554" s="9" ph="1"/>
    </row>
    <row r="34556" spans="44:44" ht="15.75" customHeight="1" x14ac:dyDescent="0.15">
      <c r="AR34556" s="9" ph="1"/>
    </row>
    <row r="34557" spans="44:44" ht="15.75" customHeight="1" x14ac:dyDescent="0.15">
      <c r="AR34557" s="9" ph="1"/>
    </row>
    <row r="34558" spans="44:44" ht="15.75" customHeight="1" x14ac:dyDescent="0.15">
      <c r="AR34558" s="9" ph="1"/>
    </row>
    <row r="34559" spans="44:44" ht="15.75" customHeight="1" x14ac:dyDescent="0.15">
      <c r="AR34559" s="9" ph="1"/>
    </row>
    <row r="34560" spans="44:44" ht="15.75" customHeight="1" x14ac:dyDescent="0.15">
      <c r="AR34560" s="9" ph="1"/>
    </row>
    <row r="34561" spans="44:44" ht="15.75" customHeight="1" x14ac:dyDescent="0.15">
      <c r="AR34561" s="9" ph="1"/>
    </row>
    <row r="34562" spans="44:44" ht="15.75" customHeight="1" x14ac:dyDescent="0.15">
      <c r="AR34562" s="9" ph="1"/>
    </row>
    <row r="34563" spans="44:44" ht="15.75" customHeight="1" x14ac:dyDescent="0.15">
      <c r="AR34563" s="9" ph="1"/>
    </row>
    <row r="34564" spans="44:44" ht="15.75" customHeight="1" x14ac:dyDescent="0.15">
      <c r="AR34564" s="9" ph="1"/>
    </row>
    <row r="34565" spans="44:44" ht="15.75" customHeight="1" x14ac:dyDescent="0.15">
      <c r="AR34565" s="9" ph="1"/>
    </row>
    <row r="34566" spans="44:44" ht="15.75" customHeight="1" x14ac:dyDescent="0.15">
      <c r="AR34566" s="9" ph="1"/>
    </row>
    <row r="34567" spans="44:44" ht="15.75" customHeight="1" x14ac:dyDescent="0.15">
      <c r="AR34567" s="9" ph="1"/>
    </row>
    <row r="34568" spans="44:44" ht="15.75" customHeight="1" x14ac:dyDescent="0.15">
      <c r="AR34568" s="9" ph="1"/>
    </row>
    <row r="34570" spans="44:44" ht="15.75" customHeight="1" x14ac:dyDescent="0.15">
      <c r="AR34570" s="9" ph="1"/>
    </row>
    <row r="34571" spans="44:44" ht="15.75" customHeight="1" x14ac:dyDescent="0.15">
      <c r="AR34571" s="9" ph="1"/>
    </row>
    <row r="34572" spans="44:44" ht="15.75" customHeight="1" x14ac:dyDescent="0.15">
      <c r="AR34572" s="9" ph="1"/>
    </row>
    <row r="34574" spans="44:44" ht="15.75" customHeight="1" x14ac:dyDescent="0.15">
      <c r="AR34574" s="9" ph="1"/>
    </row>
    <row r="34575" spans="44:44" ht="15.75" customHeight="1" x14ac:dyDescent="0.15">
      <c r="AR34575" s="9" ph="1"/>
    </row>
    <row r="34576" spans="44:44" ht="15.75" customHeight="1" x14ac:dyDescent="0.15">
      <c r="AR34576" s="9" ph="1"/>
    </row>
    <row r="34577" spans="44:44" ht="15.75" customHeight="1" x14ac:dyDescent="0.15">
      <c r="AR34577" s="9" ph="1"/>
    </row>
    <row r="34578" spans="44:44" ht="15.75" customHeight="1" x14ac:dyDescent="0.15">
      <c r="AR34578" s="9" ph="1"/>
    </row>
    <row r="34579" spans="44:44" ht="15.75" customHeight="1" x14ac:dyDescent="0.15">
      <c r="AR34579" s="9" ph="1"/>
    </row>
    <row r="34580" spans="44:44" ht="15.75" customHeight="1" x14ac:dyDescent="0.15">
      <c r="AR34580" s="9" ph="1"/>
    </row>
    <row r="34581" spans="44:44" ht="15.75" customHeight="1" x14ac:dyDescent="0.15">
      <c r="AR34581" s="9" ph="1"/>
    </row>
    <row r="34582" spans="44:44" ht="15.75" customHeight="1" x14ac:dyDescent="0.15">
      <c r="AR34582" s="9" ph="1"/>
    </row>
    <row r="34583" spans="44:44" ht="15.75" customHeight="1" x14ac:dyDescent="0.15">
      <c r="AR34583" s="9" ph="1"/>
    </row>
    <row r="34584" spans="44:44" ht="15.75" customHeight="1" x14ac:dyDescent="0.15">
      <c r="AR34584" s="9" ph="1"/>
    </row>
    <row r="34585" spans="44:44" ht="15.75" customHeight="1" x14ac:dyDescent="0.15">
      <c r="AR34585" s="9" ph="1"/>
    </row>
    <row r="34586" spans="44:44" ht="15.75" customHeight="1" x14ac:dyDescent="0.15">
      <c r="AR34586" s="9" ph="1"/>
    </row>
    <row r="34587" spans="44:44" ht="15.75" customHeight="1" x14ac:dyDescent="0.15">
      <c r="AR34587" s="9" ph="1"/>
    </row>
    <row r="34588" spans="44:44" ht="15.75" customHeight="1" x14ac:dyDescent="0.15">
      <c r="AR34588" s="9" ph="1"/>
    </row>
    <row r="34589" spans="44:44" ht="15.75" customHeight="1" x14ac:dyDescent="0.15">
      <c r="AR34589" s="9" ph="1"/>
    </row>
    <row r="34591" spans="44:44" ht="15.75" customHeight="1" x14ac:dyDescent="0.15">
      <c r="AR34591" s="9" ph="1"/>
    </row>
    <row r="34592" spans="44:44" ht="15.75" customHeight="1" x14ac:dyDescent="0.15">
      <c r="AR34592" s="9" ph="1"/>
    </row>
    <row r="34593" spans="44:44" ht="15.75" customHeight="1" x14ac:dyDescent="0.15">
      <c r="AR34593" s="9" ph="1"/>
    </row>
    <row r="34595" spans="44:44" ht="15.75" customHeight="1" x14ac:dyDescent="0.15">
      <c r="AR34595" s="9" ph="1"/>
    </row>
    <row r="34596" spans="44:44" ht="15.75" customHeight="1" x14ac:dyDescent="0.15">
      <c r="AR34596" s="9" ph="1"/>
    </row>
    <row r="34597" spans="44:44" ht="15.75" customHeight="1" x14ac:dyDescent="0.15">
      <c r="AR34597" s="9" ph="1"/>
    </row>
    <row r="34598" spans="44:44" ht="15.75" customHeight="1" x14ac:dyDescent="0.15">
      <c r="AR34598" s="9" ph="1"/>
    </row>
    <row r="34599" spans="44:44" ht="15.75" customHeight="1" x14ac:dyDescent="0.15">
      <c r="AR34599" s="9" ph="1"/>
    </row>
    <row r="34600" spans="44:44" ht="15.75" customHeight="1" x14ac:dyDescent="0.15">
      <c r="AR34600" s="9" ph="1"/>
    </row>
    <row r="34601" spans="44:44" ht="15.75" customHeight="1" x14ac:dyDescent="0.15">
      <c r="AR34601" s="9" ph="1"/>
    </row>
    <row r="34602" spans="44:44" ht="15.75" customHeight="1" x14ac:dyDescent="0.15">
      <c r="AR34602" s="9" ph="1"/>
    </row>
    <row r="34604" spans="44:44" ht="15.75" customHeight="1" x14ac:dyDescent="0.15">
      <c r="AR34604" s="9" ph="1"/>
    </row>
    <row r="34605" spans="44:44" ht="15.75" customHeight="1" x14ac:dyDescent="0.15">
      <c r="AR34605" s="9" ph="1"/>
    </row>
    <row r="34606" spans="44:44" ht="15.75" customHeight="1" x14ac:dyDescent="0.15">
      <c r="AR34606" s="9" ph="1"/>
    </row>
    <row r="34607" spans="44:44" ht="15.75" customHeight="1" x14ac:dyDescent="0.15">
      <c r="AR34607" s="9" ph="1"/>
    </row>
    <row r="34608" spans="44:44" ht="15.75" customHeight="1" x14ac:dyDescent="0.15">
      <c r="AR34608" s="9" ph="1"/>
    </row>
    <row r="34609" spans="44:44" ht="15.75" customHeight="1" x14ac:dyDescent="0.15">
      <c r="AR34609" s="9" ph="1"/>
    </row>
    <row r="34610" spans="44:44" ht="15.75" customHeight="1" x14ac:dyDescent="0.15">
      <c r="AR34610" s="9" ph="1"/>
    </row>
    <row r="34611" spans="44:44" ht="15.75" customHeight="1" x14ac:dyDescent="0.15">
      <c r="AR34611" s="9" ph="1"/>
    </row>
    <row r="34613" spans="44:44" ht="15.75" customHeight="1" x14ac:dyDescent="0.15">
      <c r="AR34613" s="9" ph="1"/>
    </row>
    <row r="34614" spans="44:44" ht="15.75" customHeight="1" x14ac:dyDescent="0.15">
      <c r="AR34614" s="9" ph="1"/>
    </row>
    <row r="34615" spans="44:44" ht="15.75" customHeight="1" x14ac:dyDescent="0.15">
      <c r="AR34615" s="9" ph="1"/>
    </row>
    <row r="34616" spans="44:44" ht="15.75" customHeight="1" x14ac:dyDescent="0.15">
      <c r="AR34616" s="9" ph="1"/>
    </row>
    <row r="34617" spans="44:44" ht="15.75" customHeight="1" x14ac:dyDescent="0.15">
      <c r="AR34617" s="9" ph="1"/>
    </row>
    <row r="34618" spans="44:44" ht="15.75" customHeight="1" x14ac:dyDescent="0.15">
      <c r="AR34618" s="9" ph="1"/>
    </row>
    <row r="34620" spans="44:44" ht="15.75" customHeight="1" x14ac:dyDescent="0.15">
      <c r="AR34620" s="9" ph="1"/>
    </row>
    <row r="34621" spans="44:44" ht="15.75" customHeight="1" x14ac:dyDescent="0.15">
      <c r="AR34621" s="9" ph="1"/>
    </row>
    <row r="34622" spans="44:44" ht="15.75" customHeight="1" x14ac:dyDescent="0.15">
      <c r="AR34622" s="9" ph="1"/>
    </row>
    <row r="34623" spans="44:44" ht="15.75" customHeight="1" x14ac:dyDescent="0.15">
      <c r="AR34623" s="9" ph="1"/>
    </row>
    <row r="34624" spans="44:44" ht="15.75" customHeight="1" x14ac:dyDescent="0.15">
      <c r="AR34624" s="9" ph="1"/>
    </row>
    <row r="34625" spans="44:44" ht="15.75" customHeight="1" x14ac:dyDescent="0.15">
      <c r="AR34625" s="9" ph="1"/>
    </row>
    <row r="34626" spans="44:44" ht="15.75" customHeight="1" x14ac:dyDescent="0.15">
      <c r="AR34626" s="9" ph="1"/>
    </row>
    <row r="34627" spans="44:44" ht="15.75" customHeight="1" x14ac:dyDescent="0.15">
      <c r="AR34627" s="9" ph="1"/>
    </row>
    <row r="34628" spans="44:44" ht="15.75" customHeight="1" x14ac:dyDescent="0.15">
      <c r="AR34628" s="9" ph="1"/>
    </row>
    <row r="34629" spans="44:44" ht="15.75" customHeight="1" x14ac:dyDescent="0.15">
      <c r="AR34629" s="9" ph="1"/>
    </row>
    <row r="34630" spans="44:44" ht="15.75" customHeight="1" x14ac:dyDescent="0.15">
      <c r="AR34630" s="9" ph="1"/>
    </row>
    <row r="34631" spans="44:44" ht="15.75" customHeight="1" x14ac:dyDescent="0.15">
      <c r="AR34631" s="9" ph="1"/>
    </row>
    <row r="34632" spans="44:44" ht="15.75" customHeight="1" x14ac:dyDescent="0.15">
      <c r="AR34632" s="9" ph="1"/>
    </row>
    <row r="34633" spans="44:44" ht="15.75" customHeight="1" x14ac:dyDescent="0.15">
      <c r="AR34633" s="9" ph="1"/>
    </row>
    <row r="34634" spans="44:44" ht="15.75" customHeight="1" x14ac:dyDescent="0.15">
      <c r="AR34634" s="9" ph="1"/>
    </row>
    <row r="34636" spans="44:44" ht="15.75" customHeight="1" x14ac:dyDescent="0.15">
      <c r="AR34636" s="9" ph="1"/>
    </row>
    <row r="34637" spans="44:44" ht="15.75" customHeight="1" x14ac:dyDescent="0.15">
      <c r="AR34637" s="9" ph="1"/>
    </row>
    <row r="34638" spans="44:44" ht="15.75" customHeight="1" x14ac:dyDescent="0.15">
      <c r="AR34638" s="9" ph="1"/>
    </row>
    <row r="34640" spans="44:44" ht="15.75" customHeight="1" x14ac:dyDescent="0.15">
      <c r="AR34640" s="9" ph="1"/>
    </row>
    <row r="34641" spans="44:44" ht="15.75" customHeight="1" x14ac:dyDescent="0.15">
      <c r="AR34641" s="9" ph="1"/>
    </row>
    <row r="34642" spans="44:44" ht="15.75" customHeight="1" x14ac:dyDescent="0.15">
      <c r="AR34642" s="9" ph="1"/>
    </row>
    <row r="34643" spans="44:44" ht="15.75" customHeight="1" x14ac:dyDescent="0.15">
      <c r="AR34643" s="9" ph="1"/>
    </row>
    <row r="34644" spans="44:44" ht="15.75" customHeight="1" x14ac:dyDescent="0.15">
      <c r="AR34644" s="9" ph="1"/>
    </row>
    <row r="34645" spans="44:44" ht="15.75" customHeight="1" x14ac:dyDescent="0.15">
      <c r="AR34645" s="9" ph="1"/>
    </row>
    <row r="34646" spans="44:44" ht="15.75" customHeight="1" x14ac:dyDescent="0.15">
      <c r="AR34646" s="9" ph="1"/>
    </row>
    <row r="34647" spans="44:44" ht="15.75" customHeight="1" x14ac:dyDescent="0.15">
      <c r="AR34647" s="9" ph="1"/>
    </row>
    <row r="34649" spans="44:44" ht="15.75" customHeight="1" x14ac:dyDescent="0.15">
      <c r="AR34649" s="9" ph="1"/>
    </row>
    <row r="34650" spans="44:44" ht="15.75" customHeight="1" x14ac:dyDescent="0.15">
      <c r="AR34650" s="9" ph="1"/>
    </row>
    <row r="34651" spans="44:44" ht="15.75" customHeight="1" x14ac:dyDescent="0.15">
      <c r="AR34651" s="9" ph="1"/>
    </row>
    <row r="34652" spans="44:44" ht="15.75" customHeight="1" x14ac:dyDescent="0.15">
      <c r="AR34652" s="9" ph="1"/>
    </row>
    <row r="34653" spans="44:44" ht="15.75" customHeight="1" x14ac:dyDescent="0.15">
      <c r="AR34653" s="9" ph="1"/>
    </row>
    <row r="34654" spans="44:44" ht="15.75" customHeight="1" x14ac:dyDescent="0.15">
      <c r="AR34654" s="9" ph="1"/>
    </row>
    <row r="34655" spans="44:44" ht="15.75" customHeight="1" x14ac:dyDescent="0.15">
      <c r="AR34655" s="9" ph="1"/>
    </row>
    <row r="34656" spans="44:44" ht="15.75" customHeight="1" x14ac:dyDescent="0.15">
      <c r="AR34656" s="9" ph="1"/>
    </row>
    <row r="34658" spans="44:44" ht="15.75" customHeight="1" x14ac:dyDescent="0.15">
      <c r="AR34658" s="9" ph="1"/>
    </row>
    <row r="34659" spans="44:44" ht="15.75" customHeight="1" x14ac:dyDescent="0.15">
      <c r="AR34659" s="9" ph="1"/>
    </row>
    <row r="34660" spans="44:44" ht="15.75" customHeight="1" x14ac:dyDescent="0.15">
      <c r="AR34660" s="9" ph="1"/>
    </row>
    <row r="34661" spans="44:44" ht="15.75" customHeight="1" x14ac:dyDescent="0.15">
      <c r="AR34661" s="9" ph="1"/>
    </row>
    <row r="34662" spans="44:44" ht="15.75" customHeight="1" x14ac:dyDescent="0.15">
      <c r="AR34662" s="9" ph="1"/>
    </row>
    <row r="34663" spans="44:44" ht="15.75" customHeight="1" x14ac:dyDescent="0.15">
      <c r="AR34663" s="9" ph="1"/>
    </row>
    <row r="34665" spans="44:44" ht="15.75" customHeight="1" x14ac:dyDescent="0.15">
      <c r="AR34665" s="9" ph="1"/>
    </row>
    <row r="34666" spans="44:44" ht="15.75" customHeight="1" x14ac:dyDescent="0.15">
      <c r="AR34666" s="9" ph="1"/>
    </row>
    <row r="34667" spans="44:44" ht="15.75" customHeight="1" x14ac:dyDescent="0.15">
      <c r="AR34667" s="9" ph="1"/>
    </row>
    <row r="34668" spans="44:44" ht="15.75" customHeight="1" x14ac:dyDescent="0.15">
      <c r="AR34668" s="9" ph="1"/>
    </row>
    <row r="34669" spans="44:44" ht="15.75" customHeight="1" x14ac:dyDescent="0.15">
      <c r="AR34669" s="9" ph="1"/>
    </row>
    <row r="34670" spans="44:44" ht="15.75" customHeight="1" x14ac:dyDescent="0.15">
      <c r="AR34670" s="9" ph="1"/>
    </row>
    <row r="34671" spans="44:44" ht="15.75" customHeight="1" x14ac:dyDescent="0.15">
      <c r="AR34671" s="9" ph="1"/>
    </row>
    <row r="34672" spans="44:44" ht="15.75" customHeight="1" x14ac:dyDescent="0.15">
      <c r="AR34672" s="9" ph="1"/>
    </row>
    <row r="34673" spans="44:44" ht="15.75" customHeight="1" x14ac:dyDescent="0.15">
      <c r="AR34673" s="9" ph="1"/>
    </row>
    <row r="34674" spans="44:44" ht="15.75" customHeight="1" x14ac:dyDescent="0.15">
      <c r="AR34674" s="9" ph="1"/>
    </row>
    <row r="34675" spans="44:44" ht="15.75" customHeight="1" x14ac:dyDescent="0.15">
      <c r="AR34675" s="9" ph="1"/>
    </row>
    <row r="34676" spans="44:44" ht="15.75" customHeight="1" x14ac:dyDescent="0.15">
      <c r="AR34676" s="9" ph="1"/>
    </row>
    <row r="34678" spans="44:44" ht="15.75" customHeight="1" x14ac:dyDescent="0.15">
      <c r="AR34678" s="9" ph="1"/>
    </row>
    <row r="34679" spans="44:44" ht="15.75" customHeight="1" x14ac:dyDescent="0.15">
      <c r="AR34679" s="9" ph="1"/>
    </row>
    <row r="34680" spans="44:44" ht="15.75" customHeight="1" x14ac:dyDescent="0.15">
      <c r="AR34680" s="9" ph="1"/>
    </row>
    <row r="34682" spans="44:44" ht="15.75" customHeight="1" x14ac:dyDescent="0.15">
      <c r="AR34682" s="9" ph="1"/>
    </row>
    <row r="34683" spans="44:44" ht="15.75" customHeight="1" x14ac:dyDescent="0.15">
      <c r="AR34683" s="9" ph="1"/>
    </row>
    <row r="34684" spans="44:44" ht="15.75" customHeight="1" x14ac:dyDescent="0.15">
      <c r="AR34684" s="9" ph="1"/>
    </row>
    <row r="34685" spans="44:44" ht="15.75" customHeight="1" x14ac:dyDescent="0.15">
      <c r="AR34685" s="9" ph="1"/>
    </row>
    <row r="34686" spans="44:44" ht="15.75" customHeight="1" x14ac:dyDescent="0.15">
      <c r="AR34686" s="9" ph="1"/>
    </row>
    <row r="34687" spans="44:44" ht="15.75" customHeight="1" x14ac:dyDescent="0.15">
      <c r="AR34687" s="9" ph="1"/>
    </row>
    <row r="34688" spans="44:44" ht="15.75" customHeight="1" x14ac:dyDescent="0.15">
      <c r="AR34688" s="9" ph="1"/>
    </row>
    <row r="34689" spans="44:44" ht="15.75" customHeight="1" x14ac:dyDescent="0.15">
      <c r="AR34689" s="9" ph="1"/>
    </row>
    <row r="34691" spans="44:44" ht="15.75" customHeight="1" x14ac:dyDescent="0.15">
      <c r="AR34691" s="9" ph="1"/>
    </row>
    <row r="34692" spans="44:44" ht="15.75" customHeight="1" x14ac:dyDescent="0.15">
      <c r="AR34692" s="9" ph="1"/>
    </row>
    <row r="34693" spans="44:44" ht="15.75" customHeight="1" x14ac:dyDescent="0.15">
      <c r="AR34693" s="9" ph="1"/>
    </row>
    <row r="34694" spans="44:44" ht="15.75" customHeight="1" x14ac:dyDescent="0.15">
      <c r="AR34694" s="9" ph="1"/>
    </row>
    <row r="34695" spans="44:44" ht="15.75" customHeight="1" x14ac:dyDescent="0.15">
      <c r="AR34695" s="9" ph="1"/>
    </row>
    <row r="34696" spans="44:44" ht="15.75" customHeight="1" x14ac:dyDescent="0.15">
      <c r="AR34696" s="9" ph="1"/>
    </row>
    <row r="34697" spans="44:44" ht="15.75" customHeight="1" x14ac:dyDescent="0.15">
      <c r="AR34697" s="9" ph="1"/>
    </row>
    <row r="34698" spans="44:44" ht="15.75" customHeight="1" x14ac:dyDescent="0.15">
      <c r="AR34698" s="9" ph="1"/>
    </row>
    <row r="34700" spans="44:44" ht="15.75" customHeight="1" x14ac:dyDescent="0.15">
      <c r="AR34700" s="9" ph="1"/>
    </row>
    <row r="34701" spans="44:44" ht="15.75" customHeight="1" x14ac:dyDescent="0.15">
      <c r="AR34701" s="9" ph="1"/>
    </row>
    <row r="34702" spans="44:44" ht="15.75" customHeight="1" x14ac:dyDescent="0.15">
      <c r="AR34702" s="9" ph="1"/>
    </row>
    <row r="34703" spans="44:44" ht="15.75" customHeight="1" x14ac:dyDescent="0.15">
      <c r="AR34703" s="9" ph="1"/>
    </row>
    <row r="34704" spans="44:44" ht="15.75" customHeight="1" x14ac:dyDescent="0.15">
      <c r="AR34704" s="9" ph="1"/>
    </row>
    <row r="34705" spans="44:44" ht="15.75" customHeight="1" x14ac:dyDescent="0.15">
      <c r="AR34705" s="9" ph="1"/>
    </row>
    <row r="34707" spans="44:44" ht="15.75" customHeight="1" x14ac:dyDescent="0.15">
      <c r="AR34707" s="9" ph="1"/>
    </row>
    <row r="34708" spans="44:44" ht="15.75" customHeight="1" x14ac:dyDescent="0.15">
      <c r="AR34708" s="9" ph="1"/>
    </row>
    <row r="34709" spans="44:44" ht="15.75" customHeight="1" x14ac:dyDescent="0.15">
      <c r="AR34709" s="9" ph="1"/>
    </row>
    <row r="34710" spans="44:44" ht="15.75" customHeight="1" x14ac:dyDescent="0.15">
      <c r="AR34710" s="9" ph="1"/>
    </row>
    <row r="34711" spans="44:44" ht="15.75" customHeight="1" x14ac:dyDescent="0.15">
      <c r="AR34711" s="9" ph="1"/>
    </row>
    <row r="34712" spans="44:44" ht="15.75" customHeight="1" x14ac:dyDescent="0.15">
      <c r="AR34712" s="9" ph="1"/>
    </row>
    <row r="34713" spans="44:44" ht="15.75" customHeight="1" x14ac:dyDescent="0.15">
      <c r="AR34713" s="9" ph="1"/>
    </row>
    <row r="34714" spans="44:44" ht="15.75" customHeight="1" x14ac:dyDescent="0.15">
      <c r="AR34714" s="9" ph="1"/>
    </row>
    <row r="34715" spans="44:44" ht="15.75" customHeight="1" x14ac:dyDescent="0.15">
      <c r="AR34715" s="9" ph="1"/>
    </row>
    <row r="34716" spans="44:44" ht="15.75" customHeight="1" x14ac:dyDescent="0.15">
      <c r="AR34716" s="9" ph="1"/>
    </row>
    <row r="34718" spans="44:44" ht="15.75" customHeight="1" x14ac:dyDescent="0.15">
      <c r="AR34718" s="9" ph="1"/>
    </row>
    <row r="34719" spans="44:44" ht="15.75" customHeight="1" x14ac:dyDescent="0.15">
      <c r="AR34719" s="9" ph="1"/>
    </row>
    <row r="34720" spans="44:44" ht="15.75" customHeight="1" x14ac:dyDescent="0.15">
      <c r="AR34720" s="9" ph="1"/>
    </row>
    <row r="34721" spans="44:44" ht="15.75" customHeight="1" x14ac:dyDescent="0.15">
      <c r="AR34721" s="9" ph="1"/>
    </row>
    <row r="34722" spans="44:44" ht="15.75" customHeight="1" x14ac:dyDescent="0.15">
      <c r="AR34722" s="9" ph="1"/>
    </row>
    <row r="34723" spans="44:44" ht="15.75" customHeight="1" x14ac:dyDescent="0.15">
      <c r="AR34723" s="9" ph="1"/>
    </row>
    <row r="34724" spans="44:44" ht="15.75" customHeight="1" x14ac:dyDescent="0.15">
      <c r="AR34724" s="9" ph="1"/>
    </row>
    <row r="34725" spans="44:44" ht="15.75" customHeight="1" x14ac:dyDescent="0.15">
      <c r="AR34725" s="9" ph="1"/>
    </row>
    <row r="34726" spans="44:44" ht="15.75" customHeight="1" x14ac:dyDescent="0.15">
      <c r="AR34726" s="9" ph="1"/>
    </row>
    <row r="34727" spans="44:44" ht="15.75" customHeight="1" x14ac:dyDescent="0.15">
      <c r="AR34727" s="9" ph="1"/>
    </row>
    <row r="34728" spans="44:44" ht="15.75" customHeight="1" x14ac:dyDescent="0.15">
      <c r="AR34728" s="9" ph="1"/>
    </row>
    <row r="34729" spans="44:44" ht="15.75" customHeight="1" x14ac:dyDescent="0.15">
      <c r="AR34729" s="9" ph="1"/>
    </row>
    <row r="34731" spans="44:44" ht="15.75" customHeight="1" x14ac:dyDescent="0.15">
      <c r="AR34731" s="9" ph="1"/>
    </row>
    <row r="34732" spans="44:44" ht="15.75" customHeight="1" x14ac:dyDescent="0.15">
      <c r="AR34732" s="9" ph="1"/>
    </row>
    <row r="34733" spans="44:44" ht="15.75" customHeight="1" x14ac:dyDescent="0.15">
      <c r="AR34733" s="9" ph="1"/>
    </row>
    <row r="34735" spans="44:44" ht="15.75" customHeight="1" x14ac:dyDescent="0.15">
      <c r="AR34735" s="9" ph="1"/>
    </row>
    <row r="34736" spans="44:44" ht="15.75" customHeight="1" x14ac:dyDescent="0.15">
      <c r="AR34736" s="9" ph="1"/>
    </row>
    <row r="34737" spans="44:44" ht="15.75" customHeight="1" x14ac:dyDescent="0.15">
      <c r="AR34737" s="9" ph="1"/>
    </row>
    <row r="34738" spans="44:44" ht="15.75" customHeight="1" x14ac:dyDescent="0.15">
      <c r="AR34738" s="9" ph="1"/>
    </row>
    <row r="34739" spans="44:44" ht="15.75" customHeight="1" x14ac:dyDescent="0.15">
      <c r="AR34739" s="9" ph="1"/>
    </row>
    <row r="34740" spans="44:44" ht="15.75" customHeight="1" x14ac:dyDescent="0.15">
      <c r="AR34740" s="9" ph="1"/>
    </row>
    <row r="34741" spans="44:44" ht="15.75" customHeight="1" x14ac:dyDescent="0.15">
      <c r="AR34741" s="9" ph="1"/>
    </row>
    <row r="34742" spans="44:44" ht="15.75" customHeight="1" x14ac:dyDescent="0.15">
      <c r="AR34742" s="9" ph="1"/>
    </row>
    <row r="34744" spans="44:44" ht="15.75" customHeight="1" x14ac:dyDescent="0.15">
      <c r="AR34744" s="9" ph="1"/>
    </row>
    <row r="34745" spans="44:44" ht="15.75" customHeight="1" x14ac:dyDescent="0.15">
      <c r="AR34745" s="9" ph="1"/>
    </row>
    <row r="34746" spans="44:44" ht="15.75" customHeight="1" x14ac:dyDescent="0.15">
      <c r="AR34746" s="9" ph="1"/>
    </row>
    <row r="34747" spans="44:44" ht="15.75" customHeight="1" x14ac:dyDescent="0.15">
      <c r="AR34747" s="9" ph="1"/>
    </row>
    <row r="34748" spans="44:44" ht="15.75" customHeight="1" x14ac:dyDescent="0.15">
      <c r="AR34748" s="9" ph="1"/>
    </row>
    <row r="34749" spans="44:44" ht="15.75" customHeight="1" x14ac:dyDescent="0.15">
      <c r="AR34749" s="9" ph="1"/>
    </row>
    <row r="34750" spans="44:44" ht="15.75" customHeight="1" x14ac:dyDescent="0.15">
      <c r="AR34750" s="9" ph="1"/>
    </row>
    <row r="34751" spans="44:44" ht="15.75" customHeight="1" x14ac:dyDescent="0.15">
      <c r="AR34751" s="9" ph="1"/>
    </row>
    <row r="34753" spans="44:44" ht="15.75" customHeight="1" x14ac:dyDescent="0.15">
      <c r="AR34753" s="9" ph="1"/>
    </row>
    <row r="34754" spans="44:44" ht="15.75" customHeight="1" x14ac:dyDescent="0.15">
      <c r="AR34754" s="9" ph="1"/>
    </row>
    <row r="34755" spans="44:44" ht="15.75" customHeight="1" x14ac:dyDescent="0.15">
      <c r="AR34755" s="9" ph="1"/>
    </row>
    <row r="34756" spans="44:44" ht="15.75" customHeight="1" x14ac:dyDescent="0.15">
      <c r="AR34756" s="9" ph="1"/>
    </row>
    <row r="34757" spans="44:44" ht="15.75" customHeight="1" x14ac:dyDescent="0.15">
      <c r="AR34757" s="9" ph="1"/>
    </row>
    <row r="34758" spans="44:44" ht="15.75" customHeight="1" x14ac:dyDescent="0.15">
      <c r="AR34758" s="9" ph="1"/>
    </row>
    <row r="34760" spans="44:44" ht="15.75" customHeight="1" x14ac:dyDescent="0.15">
      <c r="AR34760" s="9" ph="1"/>
    </row>
    <row r="34761" spans="44:44" ht="15.75" customHeight="1" x14ac:dyDescent="0.15">
      <c r="AR34761" s="9" ph="1"/>
    </row>
    <row r="34762" spans="44:44" ht="15.75" customHeight="1" x14ac:dyDescent="0.15">
      <c r="AR34762" s="9" ph="1"/>
    </row>
    <row r="34763" spans="44:44" ht="15.75" customHeight="1" x14ac:dyDescent="0.15">
      <c r="AR34763" s="9" ph="1"/>
    </row>
    <row r="34764" spans="44:44" ht="15.75" customHeight="1" x14ac:dyDescent="0.15">
      <c r="AR34764" s="9" ph="1"/>
    </row>
    <row r="34765" spans="44:44" ht="15.75" customHeight="1" x14ac:dyDescent="0.15">
      <c r="AR34765" s="9" ph="1"/>
    </row>
    <row r="34766" spans="44:44" ht="15.75" customHeight="1" x14ac:dyDescent="0.15">
      <c r="AR34766" s="9" ph="1"/>
    </row>
    <row r="34767" spans="44:44" ht="15.75" customHeight="1" x14ac:dyDescent="0.15">
      <c r="AR34767" s="9" ph="1"/>
    </row>
    <row r="34768" spans="44:44" ht="15.75" customHeight="1" x14ac:dyDescent="0.15">
      <c r="AR34768" s="9" ph="1"/>
    </row>
    <row r="34769" spans="44:44" ht="15.75" customHeight="1" x14ac:dyDescent="0.15">
      <c r="AR34769" s="9" ph="1"/>
    </row>
    <row r="34770" spans="44:44" ht="15.75" customHeight="1" x14ac:dyDescent="0.15">
      <c r="AR34770" s="9" ph="1"/>
    </row>
    <row r="34771" spans="44:44" ht="15.75" customHeight="1" x14ac:dyDescent="0.15">
      <c r="AR34771" s="9" ph="1"/>
    </row>
    <row r="34772" spans="44:44" ht="15.75" customHeight="1" x14ac:dyDescent="0.15">
      <c r="AR34772" s="9" ph="1"/>
    </row>
    <row r="34773" spans="44:44" ht="15.75" customHeight="1" x14ac:dyDescent="0.15">
      <c r="AR34773" s="9" ph="1"/>
    </row>
    <row r="34774" spans="44:44" ht="15.75" customHeight="1" x14ac:dyDescent="0.15">
      <c r="AR34774" s="9" ph="1"/>
    </row>
    <row r="34775" spans="44:44" ht="15.75" customHeight="1" x14ac:dyDescent="0.15">
      <c r="AR34775" s="9" ph="1"/>
    </row>
    <row r="34776" spans="44:44" ht="15.75" customHeight="1" x14ac:dyDescent="0.15">
      <c r="AR34776" s="9" ph="1"/>
    </row>
    <row r="34778" spans="44:44" ht="15.75" customHeight="1" x14ac:dyDescent="0.15">
      <c r="AR34778" s="9" ph="1"/>
    </row>
    <row r="34779" spans="44:44" ht="15.75" customHeight="1" x14ac:dyDescent="0.15">
      <c r="AR34779" s="9" ph="1"/>
    </row>
    <row r="34780" spans="44:44" ht="15.75" customHeight="1" x14ac:dyDescent="0.15">
      <c r="AR34780" s="9" ph="1"/>
    </row>
    <row r="34781" spans="44:44" ht="15.75" customHeight="1" x14ac:dyDescent="0.15">
      <c r="AR34781" s="9" ph="1"/>
    </row>
    <row r="34782" spans="44:44" ht="15.75" customHeight="1" x14ac:dyDescent="0.15">
      <c r="AR34782" s="9" ph="1"/>
    </row>
    <row r="34783" spans="44:44" ht="15.75" customHeight="1" x14ac:dyDescent="0.15">
      <c r="AR34783" s="9" ph="1"/>
    </row>
    <row r="34784" spans="44:44" ht="15.75" customHeight="1" x14ac:dyDescent="0.15">
      <c r="AR34784" s="9" ph="1"/>
    </row>
    <row r="34785" spans="44:44" ht="15.75" customHeight="1" x14ac:dyDescent="0.15">
      <c r="AR34785" s="9" ph="1"/>
    </row>
    <row r="34786" spans="44:44" ht="15.75" customHeight="1" x14ac:dyDescent="0.15">
      <c r="AR34786" s="9" ph="1"/>
    </row>
    <row r="34787" spans="44:44" ht="15.75" customHeight="1" x14ac:dyDescent="0.15">
      <c r="AR34787" s="9" ph="1"/>
    </row>
    <row r="34788" spans="44:44" ht="15.75" customHeight="1" x14ac:dyDescent="0.15">
      <c r="AR34788" s="9" ph="1"/>
    </row>
    <row r="34789" spans="44:44" ht="15.75" customHeight="1" x14ac:dyDescent="0.15">
      <c r="AR34789" s="9" ph="1"/>
    </row>
    <row r="34791" spans="44:44" ht="15.75" customHeight="1" x14ac:dyDescent="0.15">
      <c r="AR34791" s="9" ph="1"/>
    </row>
    <row r="34792" spans="44:44" ht="15.75" customHeight="1" x14ac:dyDescent="0.15">
      <c r="AR34792" s="9" ph="1"/>
    </row>
    <row r="34793" spans="44:44" ht="15.75" customHeight="1" x14ac:dyDescent="0.15">
      <c r="AR34793" s="9" ph="1"/>
    </row>
    <row r="34795" spans="44:44" ht="15.75" customHeight="1" x14ac:dyDescent="0.15">
      <c r="AR34795" s="9" ph="1"/>
    </row>
    <row r="34796" spans="44:44" ht="15.75" customHeight="1" x14ac:dyDescent="0.15">
      <c r="AR34796" s="9" ph="1"/>
    </row>
    <row r="34797" spans="44:44" ht="15.75" customHeight="1" x14ac:dyDescent="0.15">
      <c r="AR34797" s="9" ph="1"/>
    </row>
    <row r="34798" spans="44:44" ht="15.75" customHeight="1" x14ac:dyDescent="0.15">
      <c r="AR34798" s="9" ph="1"/>
    </row>
    <row r="34799" spans="44:44" ht="15.75" customHeight="1" x14ac:dyDescent="0.15">
      <c r="AR34799" s="9" ph="1"/>
    </row>
    <row r="34800" spans="44:44" ht="15.75" customHeight="1" x14ac:dyDescent="0.15">
      <c r="AR34800" s="9" ph="1"/>
    </row>
    <row r="34801" spans="44:44" ht="15.75" customHeight="1" x14ac:dyDescent="0.15">
      <c r="AR34801" s="9" ph="1"/>
    </row>
    <row r="34802" spans="44:44" ht="15.75" customHeight="1" x14ac:dyDescent="0.15">
      <c r="AR34802" s="9" ph="1"/>
    </row>
    <row r="34804" spans="44:44" ht="15.75" customHeight="1" x14ac:dyDescent="0.15">
      <c r="AR34804" s="9" ph="1"/>
    </row>
    <row r="34805" spans="44:44" ht="15.75" customHeight="1" x14ac:dyDescent="0.15">
      <c r="AR34805" s="9" ph="1"/>
    </row>
    <row r="34806" spans="44:44" ht="15.75" customHeight="1" x14ac:dyDescent="0.15">
      <c r="AR34806" s="9" ph="1"/>
    </row>
    <row r="34807" spans="44:44" ht="15.75" customHeight="1" x14ac:dyDescent="0.15">
      <c r="AR34807" s="9" ph="1"/>
    </row>
    <row r="34808" spans="44:44" ht="15.75" customHeight="1" x14ac:dyDescent="0.15">
      <c r="AR34808" s="9" ph="1"/>
    </row>
    <row r="34809" spans="44:44" ht="15.75" customHeight="1" x14ac:dyDescent="0.15">
      <c r="AR34809" s="9" ph="1"/>
    </row>
    <row r="34810" spans="44:44" ht="15.75" customHeight="1" x14ac:dyDescent="0.15">
      <c r="AR34810" s="9" ph="1"/>
    </row>
    <row r="34811" spans="44:44" ht="15.75" customHeight="1" x14ac:dyDescent="0.15">
      <c r="AR34811" s="9" ph="1"/>
    </row>
    <row r="34813" spans="44:44" ht="15.75" customHeight="1" x14ac:dyDescent="0.15">
      <c r="AR34813" s="9" ph="1"/>
    </row>
    <row r="34814" spans="44:44" ht="15.75" customHeight="1" x14ac:dyDescent="0.15">
      <c r="AR34814" s="9" ph="1"/>
    </row>
    <row r="34815" spans="44:44" ht="15.75" customHeight="1" x14ac:dyDescent="0.15">
      <c r="AR34815" s="9" ph="1"/>
    </row>
    <row r="34816" spans="44:44" ht="15.75" customHeight="1" x14ac:dyDescent="0.15">
      <c r="AR34816" s="9" ph="1"/>
    </row>
    <row r="34817" spans="44:44" ht="15.75" customHeight="1" x14ac:dyDescent="0.15">
      <c r="AR34817" s="9" ph="1"/>
    </row>
    <row r="34818" spans="44:44" ht="15.75" customHeight="1" x14ac:dyDescent="0.15">
      <c r="AR34818" s="9" ph="1"/>
    </row>
    <row r="34820" spans="44:44" ht="15.75" customHeight="1" x14ac:dyDescent="0.15">
      <c r="AR34820" s="9" ph="1"/>
    </row>
    <row r="34821" spans="44:44" ht="15.75" customHeight="1" x14ac:dyDescent="0.15">
      <c r="AR34821" s="9" ph="1"/>
    </row>
    <row r="34822" spans="44:44" ht="15.75" customHeight="1" x14ac:dyDescent="0.15">
      <c r="AR34822" s="9" ph="1"/>
    </row>
    <row r="34823" spans="44:44" ht="15.75" customHeight="1" x14ac:dyDescent="0.15">
      <c r="AR34823" s="9" ph="1"/>
    </row>
    <row r="34824" spans="44:44" ht="15.75" customHeight="1" x14ac:dyDescent="0.15">
      <c r="AR34824" s="9" ph="1"/>
    </row>
    <row r="34825" spans="44:44" ht="15.75" customHeight="1" x14ac:dyDescent="0.15">
      <c r="AR34825" s="9" ph="1"/>
    </row>
    <row r="34826" spans="44:44" ht="15.75" customHeight="1" x14ac:dyDescent="0.15">
      <c r="AR34826" s="9" ph="1"/>
    </row>
    <row r="34828" spans="44:44" ht="15.75" customHeight="1" x14ac:dyDescent="0.15">
      <c r="AR34828" s="9" ph="1"/>
    </row>
    <row r="34829" spans="44:44" ht="15.75" customHeight="1" x14ac:dyDescent="0.15">
      <c r="AR34829" s="9" ph="1"/>
    </row>
    <row r="34830" spans="44:44" ht="15.75" customHeight="1" x14ac:dyDescent="0.15">
      <c r="AR34830" s="9" ph="1"/>
    </row>
    <row r="34831" spans="44:44" ht="15.75" customHeight="1" x14ac:dyDescent="0.15">
      <c r="AR34831" s="9" ph="1"/>
    </row>
    <row r="34832" spans="44:44" ht="15.75" customHeight="1" x14ac:dyDescent="0.15">
      <c r="AR34832" s="9" ph="1"/>
    </row>
    <row r="34833" spans="44:44" ht="15.75" customHeight="1" x14ac:dyDescent="0.15">
      <c r="AR34833" s="9" ph="1"/>
    </row>
    <row r="34834" spans="44:44" ht="15.75" customHeight="1" x14ac:dyDescent="0.15">
      <c r="AR34834" s="9" ph="1"/>
    </row>
    <row r="34835" spans="44:44" ht="15.75" customHeight="1" x14ac:dyDescent="0.15">
      <c r="AR34835" s="9" ph="1"/>
    </row>
    <row r="34836" spans="44:44" ht="15.75" customHeight="1" x14ac:dyDescent="0.15">
      <c r="AR34836" s="9" ph="1"/>
    </row>
    <row r="34837" spans="44:44" ht="15.75" customHeight="1" x14ac:dyDescent="0.15">
      <c r="AR34837" s="9" ph="1"/>
    </row>
    <row r="34838" spans="44:44" ht="15.75" customHeight="1" x14ac:dyDescent="0.15">
      <c r="AR34838" s="9" ph="1"/>
    </row>
    <row r="34839" spans="44:44" ht="15.75" customHeight="1" x14ac:dyDescent="0.15">
      <c r="AR34839" s="9" ph="1"/>
    </row>
    <row r="34840" spans="44:44" ht="15.75" customHeight="1" x14ac:dyDescent="0.15">
      <c r="AR34840" s="9" ph="1"/>
    </row>
    <row r="34841" spans="44:44" ht="15.75" customHeight="1" x14ac:dyDescent="0.15">
      <c r="AR34841" s="9" ph="1"/>
    </row>
    <row r="34842" spans="44:44" ht="15.75" customHeight="1" x14ac:dyDescent="0.15">
      <c r="AR34842" s="9" ph="1"/>
    </row>
    <row r="34844" spans="44:44" ht="15.75" customHeight="1" x14ac:dyDescent="0.15">
      <c r="AR34844" s="9" ph="1"/>
    </row>
    <row r="34845" spans="44:44" ht="15.75" customHeight="1" x14ac:dyDescent="0.15">
      <c r="AR34845" s="9" ph="1"/>
    </row>
    <row r="34846" spans="44:44" ht="15.75" customHeight="1" x14ac:dyDescent="0.15">
      <c r="AR34846" s="9" ph="1"/>
    </row>
    <row r="34847" spans="44:44" ht="15.75" customHeight="1" x14ac:dyDescent="0.15">
      <c r="AR34847" s="9" ph="1"/>
    </row>
    <row r="34848" spans="44:44" ht="15.75" customHeight="1" x14ac:dyDescent="0.15">
      <c r="AR34848" s="9" ph="1"/>
    </row>
    <row r="34849" spans="44:44" ht="15.75" customHeight="1" x14ac:dyDescent="0.15">
      <c r="AR34849" s="9" ph="1"/>
    </row>
    <row r="34850" spans="44:44" ht="15.75" customHeight="1" x14ac:dyDescent="0.15">
      <c r="AR34850" s="9" ph="1"/>
    </row>
    <row r="34851" spans="44:44" ht="15.75" customHeight="1" x14ac:dyDescent="0.15">
      <c r="AR34851" s="9" ph="1"/>
    </row>
    <row r="34852" spans="44:44" ht="15.75" customHeight="1" x14ac:dyDescent="0.15">
      <c r="AR34852" s="9" ph="1"/>
    </row>
    <row r="34853" spans="44:44" ht="15.75" customHeight="1" x14ac:dyDescent="0.15">
      <c r="AR34853" s="9" ph="1"/>
    </row>
    <row r="34854" spans="44:44" ht="15.75" customHeight="1" x14ac:dyDescent="0.15">
      <c r="AR34854" s="9" ph="1"/>
    </row>
    <row r="34855" spans="44:44" ht="15.75" customHeight="1" x14ac:dyDescent="0.15">
      <c r="AR34855" s="9" ph="1"/>
    </row>
    <row r="34856" spans="44:44" ht="15.75" customHeight="1" x14ac:dyDescent="0.15">
      <c r="AR34856" s="9" ph="1"/>
    </row>
    <row r="34857" spans="44:44" ht="15.75" customHeight="1" x14ac:dyDescent="0.15">
      <c r="AR34857" s="9" ph="1"/>
    </row>
    <row r="34858" spans="44:44" ht="15.75" customHeight="1" x14ac:dyDescent="0.15">
      <c r="AR34858" s="9" ph="1"/>
    </row>
    <row r="34859" spans="44:44" ht="15.75" customHeight="1" x14ac:dyDescent="0.15">
      <c r="AR34859" s="9" ph="1"/>
    </row>
    <row r="34860" spans="44:44" ht="15.75" customHeight="1" x14ac:dyDescent="0.15">
      <c r="AR34860" s="9" ph="1"/>
    </row>
    <row r="34861" spans="44:44" ht="15.75" customHeight="1" x14ac:dyDescent="0.15">
      <c r="AR34861" s="9" ph="1"/>
    </row>
    <row r="34863" spans="44:44" ht="15.75" customHeight="1" x14ac:dyDescent="0.15">
      <c r="AR34863" s="9" ph="1"/>
    </row>
    <row r="34864" spans="44:44" ht="15.75" customHeight="1" x14ac:dyDescent="0.15">
      <c r="AR34864" s="9" ph="1"/>
    </row>
    <row r="34865" spans="44:44" ht="15.75" customHeight="1" x14ac:dyDescent="0.15">
      <c r="AR34865" s="9" ph="1"/>
    </row>
    <row r="34866" spans="44:44" ht="15.75" customHeight="1" x14ac:dyDescent="0.15">
      <c r="AR34866" s="9" ph="1"/>
    </row>
    <row r="34867" spans="44:44" ht="15.75" customHeight="1" x14ac:dyDescent="0.15">
      <c r="AR34867" s="9" ph="1"/>
    </row>
    <row r="34868" spans="44:44" ht="15.75" customHeight="1" x14ac:dyDescent="0.15">
      <c r="AR34868" s="9" ph="1"/>
    </row>
    <row r="34869" spans="44:44" ht="15.75" customHeight="1" x14ac:dyDescent="0.15">
      <c r="AR34869" s="9" ph="1"/>
    </row>
    <row r="34870" spans="44:44" ht="15.75" customHeight="1" x14ac:dyDescent="0.15">
      <c r="AR34870" s="9" ph="1"/>
    </row>
    <row r="34871" spans="44:44" ht="15.75" customHeight="1" x14ac:dyDescent="0.15">
      <c r="AR34871" s="9" ph="1"/>
    </row>
    <row r="34872" spans="44:44" ht="15.75" customHeight="1" x14ac:dyDescent="0.15">
      <c r="AR34872" s="9" ph="1"/>
    </row>
    <row r="34874" spans="44:44" ht="15.75" customHeight="1" x14ac:dyDescent="0.15">
      <c r="AR34874" s="9" ph="1"/>
    </row>
    <row r="34875" spans="44:44" ht="15.75" customHeight="1" x14ac:dyDescent="0.15">
      <c r="AR34875" s="9" ph="1"/>
    </row>
    <row r="34876" spans="44:44" ht="15.75" customHeight="1" x14ac:dyDescent="0.15">
      <c r="AR34876" s="9" ph="1"/>
    </row>
    <row r="34877" spans="44:44" ht="15.75" customHeight="1" x14ac:dyDescent="0.15">
      <c r="AR34877" s="9" ph="1"/>
    </row>
    <row r="34878" spans="44:44" ht="15.75" customHeight="1" x14ac:dyDescent="0.15">
      <c r="AR34878" s="9" ph="1"/>
    </row>
    <row r="34879" spans="44:44" ht="15.75" customHeight="1" x14ac:dyDescent="0.15">
      <c r="AR34879" s="9" ph="1"/>
    </row>
    <row r="34881" spans="44:44" ht="15.75" customHeight="1" x14ac:dyDescent="0.15">
      <c r="AR34881" s="9" ph="1"/>
    </row>
    <row r="34882" spans="44:44" ht="15.75" customHeight="1" x14ac:dyDescent="0.15">
      <c r="AR34882" s="9" ph="1"/>
    </row>
    <row r="34883" spans="44:44" ht="15.75" customHeight="1" x14ac:dyDescent="0.15">
      <c r="AR34883" s="9" ph="1"/>
    </row>
    <row r="34884" spans="44:44" ht="15.75" customHeight="1" x14ac:dyDescent="0.15">
      <c r="AR34884" s="9" ph="1"/>
    </row>
    <row r="34885" spans="44:44" ht="15.75" customHeight="1" x14ac:dyDescent="0.15">
      <c r="AR34885" s="9" ph="1"/>
    </row>
    <row r="34886" spans="44:44" ht="15.75" customHeight="1" x14ac:dyDescent="0.15">
      <c r="AR34886" s="9" ph="1"/>
    </row>
    <row r="34887" spans="44:44" ht="15.75" customHeight="1" x14ac:dyDescent="0.15">
      <c r="AR34887" s="9" ph="1"/>
    </row>
    <row r="34888" spans="44:44" ht="15.75" customHeight="1" x14ac:dyDescent="0.15">
      <c r="AR34888" s="9" ph="1"/>
    </row>
    <row r="34889" spans="44:44" ht="15.75" customHeight="1" x14ac:dyDescent="0.15">
      <c r="AR34889" s="9" ph="1"/>
    </row>
    <row r="34890" spans="44:44" ht="15.75" customHeight="1" x14ac:dyDescent="0.15">
      <c r="AR34890" s="9" ph="1"/>
    </row>
    <row r="34892" spans="44:44" ht="15.75" customHeight="1" x14ac:dyDescent="0.15">
      <c r="AR34892" s="9" ph="1"/>
    </row>
    <row r="34893" spans="44:44" ht="15.75" customHeight="1" x14ac:dyDescent="0.15">
      <c r="AR34893" s="9" ph="1"/>
    </row>
    <row r="34894" spans="44:44" ht="15.75" customHeight="1" x14ac:dyDescent="0.15">
      <c r="AR34894" s="9" ph="1"/>
    </row>
    <row r="34895" spans="44:44" ht="15.75" customHeight="1" x14ac:dyDescent="0.15">
      <c r="AR34895" s="9" ph="1"/>
    </row>
    <row r="34896" spans="44:44" ht="15.75" customHeight="1" x14ac:dyDescent="0.15">
      <c r="AR34896" s="9" ph="1"/>
    </row>
    <row r="34897" spans="44:44" ht="15.75" customHeight="1" x14ac:dyDescent="0.15">
      <c r="AR34897" s="9" ph="1"/>
    </row>
    <row r="34898" spans="44:44" ht="15.75" customHeight="1" x14ac:dyDescent="0.15">
      <c r="AR34898" s="9" ph="1"/>
    </row>
    <row r="34899" spans="44:44" ht="15.75" customHeight="1" x14ac:dyDescent="0.15">
      <c r="AR34899" s="9" ph="1"/>
    </row>
    <row r="34900" spans="44:44" ht="15.75" customHeight="1" x14ac:dyDescent="0.15">
      <c r="AR34900" s="9" ph="1"/>
    </row>
    <row r="34902" spans="44:44" ht="15.75" customHeight="1" x14ac:dyDescent="0.15">
      <c r="AR34902" s="9" ph="1"/>
    </row>
    <row r="34903" spans="44:44" ht="15.75" customHeight="1" x14ac:dyDescent="0.15">
      <c r="AR34903" s="9" ph="1"/>
    </row>
    <row r="34904" spans="44:44" ht="15.75" customHeight="1" x14ac:dyDescent="0.15">
      <c r="AR34904" s="9" ph="1"/>
    </row>
    <row r="34905" spans="44:44" ht="15.75" customHeight="1" x14ac:dyDescent="0.15">
      <c r="AR34905" s="9" ph="1"/>
    </row>
    <row r="34906" spans="44:44" ht="15.75" customHeight="1" x14ac:dyDescent="0.15">
      <c r="AR34906" s="9" ph="1"/>
    </row>
    <row r="34907" spans="44:44" ht="15.75" customHeight="1" x14ac:dyDescent="0.15">
      <c r="AR34907" s="9" ph="1"/>
    </row>
    <row r="34908" spans="44:44" ht="15.75" customHeight="1" x14ac:dyDescent="0.15">
      <c r="AR34908" s="9" ph="1"/>
    </row>
    <row r="34909" spans="44:44" ht="15.75" customHeight="1" x14ac:dyDescent="0.15">
      <c r="AR34909" s="9" ph="1"/>
    </row>
    <row r="34910" spans="44:44" ht="15.75" customHeight="1" x14ac:dyDescent="0.15">
      <c r="AR34910" s="9" ph="1"/>
    </row>
    <row r="34911" spans="44:44" ht="15.75" customHeight="1" x14ac:dyDescent="0.15">
      <c r="AR34911" s="9" ph="1"/>
    </row>
    <row r="34913" spans="44:44" ht="15.75" customHeight="1" x14ac:dyDescent="0.15">
      <c r="AR34913" s="9" ph="1"/>
    </row>
    <row r="34914" spans="44:44" ht="15.75" customHeight="1" x14ac:dyDescent="0.15">
      <c r="AR34914" s="9" ph="1"/>
    </row>
    <row r="34915" spans="44:44" ht="15.75" customHeight="1" x14ac:dyDescent="0.15">
      <c r="AR34915" s="9" ph="1"/>
    </row>
    <row r="34916" spans="44:44" ht="15.75" customHeight="1" x14ac:dyDescent="0.15">
      <c r="AR34916" s="9" ph="1"/>
    </row>
    <row r="34917" spans="44:44" ht="15.75" customHeight="1" x14ac:dyDescent="0.15">
      <c r="AR34917" s="9" ph="1"/>
    </row>
    <row r="34918" spans="44:44" ht="15.75" customHeight="1" x14ac:dyDescent="0.15">
      <c r="AR34918" s="9" ph="1"/>
    </row>
    <row r="34919" spans="44:44" ht="15.75" customHeight="1" x14ac:dyDescent="0.15">
      <c r="AR34919" s="9" ph="1"/>
    </row>
    <row r="34920" spans="44:44" ht="15.75" customHeight="1" x14ac:dyDescent="0.15">
      <c r="AR34920" s="9" ph="1"/>
    </row>
    <row r="34921" spans="44:44" ht="15.75" customHeight="1" x14ac:dyDescent="0.15">
      <c r="AR34921" s="9" ph="1"/>
    </row>
    <row r="34922" spans="44:44" ht="15.75" customHeight="1" x14ac:dyDescent="0.15">
      <c r="AR34922" s="9" ph="1"/>
    </row>
    <row r="34923" spans="44:44" ht="15.75" customHeight="1" x14ac:dyDescent="0.15">
      <c r="AR34923" s="9" ph="1"/>
    </row>
    <row r="34924" spans="44:44" ht="15.75" customHeight="1" x14ac:dyDescent="0.15">
      <c r="AR34924" s="9" ph="1"/>
    </row>
    <row r="34925" spans="44:44" ht="15.75" customHeight="1" x14ac:dyDescent="0.15">
      <c r="AR34925" s="9" ph="1"/>
    </row>
    <row r="34926" spans="44:44" ht="15.75" customHeight="1" x14ac:dyDescent="0.15">
      <c r="AR34926" s="9" ph="1"/>
    </row>
    <row r="34927" spans="44:44" ht="15.75" customHeight="1" x14ac:dyDescent="0.15">
      <c r="AR34927" s="9" ph="1"/>
    </row>
    <row r="34929" spans="44:44" ht="15.75" customHeight="1" x14ac:dyDescent="0.15">
      <c r="AR34929" s="9" ph="1"/>
    </row>
    <row r="34930" spans="44:44" ht="15.75" customHeight="1" x14ac:dyDescent="0.15">
      <c r="AR34930" s="9" ph="1"/>
    </row>
    <row r="34931" spans="44:44" ht="15.75" customHeight="1" x14ac:dyDescent="0.15">
      <c r="AR34931" s="9" ph="1"/>
    </row>
    <row r="34932" spans="44:44" ht="15.75" customHeight="1" x14ac:dyDescent="0.15">
      <c r="AR34932" s="9" ph="1"/>
    </row>
    <row r="34933" spans="44:44" ht="15.75" customHeight="1" x14ac:dyDescent="0.15">
      <c r="AR34933" s="9" ph="1"/>
    </row>
    <row r="34934" spans="44:44" ht="15.75" customHeight="1" x14ac:dyDescent="0.15">
      <c r="AR34934" s="9" ph="1"/>
    </row>
    <row r="34935" spans="44:44" ht="15.75" customHeight="1" x14ac:dyDescent="0.15">
      <c r="AR34935" s="9" ph="1"/>
    </row>
    <row r="34936" spans="44:44" ht="15.75" customHeight="1" x14ac:dyDescent="0.15">
      <c r="AR34936" s="9" ph="1"/>
    </row>
    <row r="34937" spans="44:44" ht="15.75" customHeight="1" x14ac:dyDescent="0.15">
      <c r="AR34937" s="9" ph="1"/>
    </row>
    <row r="34938" spans="44:44" ht="15.75" customHeight="1" x14ac:dyDescent="0.15">
      <c r="AR34938" s="9" ph="1"/>
    </row>
    <row r="34940" spans="44:44" ht="15.75" customHeight="1" x14ac:dyDescent="0.15">
      <c r="AR34940" s="9" ph="1"/>
    </row>
    <row r="34941" spans="44:44" ht="15.75" customHeight="1" x14ac:dyDescent="0.15">
      <c r="AR34941" s="9" ph="1"/>
    </row>
    <row r="34942" spans="44:44" ht="15.75" customHeight="1" x14ac:dyDescent="0.15">
      <c r="AR34942" s="9" ph="1"/>
    </row>
    <row r="34943" spans="44:44" ht="15.75" customHeight="1" x14ac:dyDescent="0.15">
      <c r="AR34943" s="9" ph="1"/>
    </row>
    <row r="34944" spans="44:44" ht="15.75" customHeight="1" x14ac:dyDescent="0.15">
      <c r="AR34944" s="9" ph="1"/>
    </row>
    <row r="34945" spans="44:44" ht="15.75" customHeight="1" x14ac:dyDescent="0.15">
      <c r="AR34945" s="9" ph="1"/>
    </row>
    <row r="34946" spans="44:44" ht="15.75" customHeight="1" x14ac:dyDescent="0.15">
      <c r="AR34946" s="9" ph="1"/>
    </row>
    <row r="34947" spans="44:44" ht="15.75" customHeight="1" x14ac:dyDescent="0.15">
      <c r="AR34947" s="9" ph="1"/>
    </row>
    <row r="34948" spans="44:44" ht="15.75" customHeight="1" x14ac:dyDescent="0.15">
      <c r="AR34948" s="9" ph="1"/>
    </row>
    <row r="34949" spans="44:44" ht="15.75" customHeight="1" x14ac:dyDescent="0.15">
      <c r="AR34949" s="9" ph="1"/>
    </row>
    <row r="34950" spans="44:44" ht="15.75" customHeight="1" x14ac:dyDescent="0.15">
      <c r="AR34950" s="9" ph="1"/>
    </row>
    <row r="34951" spans="44:44" ht="15.75" customHeight="1" x14ac:dyDescent="0.15">
      <c r="AR34951" s="9" ph="1"/>
    </row>
    <row r="34953" spans="44:44" ht="15.75" customHeight="1" x14ac:dyDescent="0.15">
      <c r="AR34953" s="9" ph="1"/>
    </row>
    <row r="34954" spans="44:44" ht="15.75" customHeight="1" x14ac:dyDescent="0.15">
      <c r="AR34954" s="9" ph="1"/>
    </row>
    <row r="34955" spans="44:44" ht="15.75" customHeight="1" x14ac:dyDescent="0.15">
      <c r="AR34955" s="9" ph="1"/>
    </row>
    <row r="34957" spans="44:44" ht="15.75" customHeight="1" x14ac:dyDescent="0.15">
      <c r="AR34957" s="9" ph="1"/>
    </row>
    <row r="34958" spans="44:44" ht="15.75" customHeight="1" x14ac:dyDescent="0.15">
      <c r="AR34958" s="9" ph="1"/>
    </row>
    <row r="34959" spans="44:44" ht="15.75" customHeight="1" x14ac:dyDescent="0.15">
      <c r="AR34959" s="9" ph="1"/>
    </row>
    <row r="34960" spans="44:44" ht="15.75" customHeight="1" x14ac:dyDescent="0.15">
      <c r="AR34960" s="9" ph="1"/>
    </row>
    <row r="34961" spans="44:44" ht="15.75" customHeight="1" x14ac:dyDescent="0.15">
      <c r="AR34961" s="9" ph="1"/>
    </row>
    <row r="34962" spans="44:44" ht="15.75" customHeight="1" x14ac:dyDescent="0.15">
      <c r="AR34962" s="9" ph="1"/>
    </row>
    <row r="34963" spans="44:44" ht="15.75" customHeight="1" x14ac:dyDescent="0.15">
      <c r="AR34963" s="9" ph="1"/>
    </row>
    <row r="34964" spans="44:44" ht="15.75" customHeight="1" x14ac:dyDescent="0.15">
      <c r="AR34964" s="9" ph="1"/>
    </row>
    <row r="34966" spans="44:44" ht="15.75" customHeight="1" x14ac:dyDescent="0.15">
      <c r="AR34966" s="9" ph="1"/>
    </row>
    <row r="34967" spans="44:44" ht="15.75" customHeight="1" x14ac:dyDescent="0.15">
      <c r="AR34967" s="9" ph="1"/>
    </row>
    <row r="34968" spans="44:44" ht="15.75" customHeight="1" x14ac:dyDescent="0.15">
      <c r="AR34968" s="9" ph="1"/>
    </row>
    <row r="34969" spans="44:44" ht="15.75" customHeight="1" x14ac:dyDescent="0.15">
      <c r="AR34969" s="9" ph="1"/>
    </row>
    <row r="34970" spans="44:44" ht="15.75" customHeight="1" x14ac:dyDescent="0.15">
      <c r="AR34970" s="9" ph="1"/>
    </row>
    <row r="34971" spans="44:44" ht="15.75" customHeight="1" x14ac:dyDescent="0.15">
      <c r="AR34971" s="9" ph="1"/>
    </row>
    <row r="34972" spans="44:44" ht="15.75" customHeight="1" x14ac:dyDescent="0.15">
      <c r="AR34972" s="9" ph="1"/>
    </row>
    <row r="34973" spans="44:44" ht="15.75" customHeight="1" x14ac:dyDescent="0.15">
      <c r="AR34973" s="9" ph="1"/>
    </row>
    <row r="34975" spans="44:44" ht="15.75" customHeight="1" x14ac:dyDescent="0.15">
      <c r="AR34975" s="9" ph="1"/>
    </row>
    <row r="34976" spans="44:44" ht="15.75" customHeight="1" x14ac:dyDescent="0.15">
      <c r="AR34976" s="9" ph="1"/>
    </row>
    <row r="34977" spans="44:44" ht="15.75" customHeight="1" x14ac:dyDescent="0.15">
      <c r="AR34977" s="9" ph="1"/>
    </row>
    <row r="34978" spans="44:44" ht="15.75" customHeight="1" x14ac:dyDescent="0.15">
      <c r="AR34978" s="9" ph="1"/>
    </row>
    <row r="34979" spans="44:44" ht="15.75" customHeight="1" x14ac:dyDescent="0.15">
      <c r="AR34979" s="9" ph="1"/>
    </row>
    <row r="34980" spans="44:44" ht="15.75" customHeight="1" x14ac:dyDescent="0.15">
      <c r="AR34980" s="9" ph="1"/>
    </row>
    <row r="34982" spans="44:44" ht="15.75" customHeight="1" x14ac:dyDescent="0.15">
      <c r="AR34982" s="9" ph="1"/>
    </row>
    <row r="34983" spans="44:44" ht="15.75" customHeight="1" x14ac:dyDescent="0.15">
      <c r="AR34983" s="9" ph="1"/>
    </row>
    <row r="34984" spans="44:44" ht="15.75" customHeight="1" x14ac:dyDescent="0.15">
      <c r="AR34984" s="9" ph="1"/>
    </row>
    <row r="34985" spans="44:44" ht="15.75" customHeight="1" x14ac:dyDescent="0.15">
      <c r="AR34985" s="9" ph="1"/>
    </row>
    <row r="34986" spans="44:44" ht="15.75" customHeight="1" x14ac:dyDescent="0.15">
      <c r="AR34986" s="9" ph="1"/>
    </row>
    <row r="34987" spans="44:44" ht="15.75" customHeight="1" x14ac:dyDescent="0.15">
      <c r="AR34987" s="9" ph="1"/>
    </row>
    <row r="34988" spans="44:44" ht="15.75" customHeight="1" x14ac:dyDescent="0.15">
      <c r="AR34988" s="9" ph="1"/>
    </row>
    <row r="34990" spans="44:44" ht="15.75" customHeight="1" x14ac:dyDescent="0.15">
      <c r="AR34990" s="9" ph="1"/>
    </row>
    <row r="34991" spans="44:44" ht="15.75" customHeight="1" x14ac:dyDescent="0.15">
      <c r="AR34991" s="9" ph="1"/>
    </row>
    <row r="34992" spans="44:44" ht="15.75" customHeight="1" x14ac:dyDescent="0.15">
      <c r="AR34992" s="9" ph="1"/>
    </row>
    <row r="34993" spans="44:44" ht="15.75" customHeight="1" x14ac:dyDescent="0.15">
      <c r="AR34993" s="9" ph="1"/>
    </row>
    <row r="34994" spans="44:44" ht="15.75" customHeight="1" x14ac:dyDescent="0.15">
      <c r="AR34994" s="9" ph="1"/>
    </row>
    <row r="34995" spans="44:44" ht="15.75" customHeight="1" x14ac:dyDescent="0.15">
      <c r="AR34995" s="9" ph="1"/>
    </row>
    <row r="34997" spans="44:44" ht="15.75" customHeight="1" x14ac:dyDescent="0.15">
      <c r="AR34997" s="9" ph="1"/>
    </row>
    <row r="34998" spans="44:44" ht="15.75" customHeight="1" x14ac:dyDescent="0.15">
      <c r="AR34998" s="9" ph="1"/>
    </row>
    <row r="34999" spans="44:44" ht="15.75" customHeight="1" x14ac:dyDescent="0.15">
      <c r="AR34999" s="9" ph="1"/>
    </row>
    <row r="35000" spans="44:44" ht="15.75" customHeight="1" x14ac:dyDescent="0.15">
      <c r="AR35000" s="9" ph="1"/>
    </row>
    <row r="35001" spans="44:44" ht="15.75" customHeight="1" x14ac:dyDescent="0.15">
      <c r="AR35001" s="9" ph="1"/>
    </row>
    <row r="35002" spans="44:44" ht="15.75" customHeight="1" x14ac:dyDescent="0.15">
      <c r="AR35002" s="9" ph="1"/>
    </row>
    <row r="35003" spans="44:44" ht="15.75" customHeight="1" x14ac:dyDescent="0.15">
      <c r="AR35003" s="9" ph="1"/>
    </row>
    <row r="35004" spans="44:44" ht="15.75" customHeight="1" x14ac:dyDescent="0.15">
      <c r="AR35004" s="9" ph="1"/>
    </row>
    <row r="35005" spans="44:44" ht="15.75" customHeight="1" x14ac:dyDescent="0.15">
      <c r="AR35005" s="9" ph="1"/>
    </row>
    <row r="35006" spans="44:44" ht="15.75" customHeight="1" x14ac:dyDescent="0.15">
      <c r="AR35006" s="9" ph="1"/>
    </row>
    <row r="35007" spans="44:44" ht="15.75" customHeight="1" x14ac:dyDescent="0.15">
      <c r="AR35007" s="9" ph="1"/>
    </row>
    <row r="35008" spans="44:44" ht="15.75" customHeight="1" x14ac:dyDescent="0.15">
      <c r="AR35008" s="9" ph="1"/>
    </row>
    <row r="35009" spans="44:44" ht="15.75" customHeight="1" x14ac:dyDescent="0.15">
      <c r="AR35009" s="9" ph="1"/>
    </row>
    <row r="35011" spans="44:44" ht="15.75" customHeight="1" x14ac:dyDescent="0.15">
      <c r="AR35011" s="9" ph="1"/>
    </row>
    <row r="35012" spans="44:44" ht="15.75" customHeight="1" x14ac:dyDescent="0.15">
      <c r="AR35012" s="9" ph="1"/>
    </row>
    <row r="35013" spans="44:44" ht="15.75" customHeight="1" x14ac:dyDescent="0.15">
      <c r="AR35013" s="9" ph="1"/>
    </row>
    <row r="35015" spans="44:44" ht="15.75" customHeight="1" x14ac:dyDescent="0.15">
      <c r="AR35015" s="9" ph="1"/>
    </row>
    <row r="35016" spans="44:44" ht="15.75" customHeight="1" x14ac:dyDescent="0.15">
      <c r="AR35016" s="9" ph="1"/>
    </row>
    <row r="35017" spans="44:44" ht="15.75" customHeight="1" x14ac:dyDescent="0.15">
      <c r="AR35017" s="9" ph="1"/>
    </row>
    <row r="35018" spans="44:44" ht="15.75" customHeight="1" x14ac:dyDescent="0.15">
      <c r="AR35018" s="9" ph="1"/>
    </row>
    <row r="35019" spans="44:44" ht="15.75" customHeight="1" x14ac:dyDescent="0.15">
      <c r="AR35019" s="9" ph="1"/>
    </row>
    <row r="35020" spans="44:44" ht="15.75" customHeight="1" x14ac:dyDescent="0.15">
      <c r="AR35020" s="9" ph="1"/>
    </row>
    <row r="35021" spans="44:44" ht="15.75" customHeight="1" x14ac:dyDescent="0.15">
      <c r="AR35021" s="9" ph="1"/>
    </row>
    <row r="35022" spans="44:44" ht="15.75" customHeight="1" x14ac:dyDescent="0.15">
      <c r="AR35022" s="9" ph="1"/>
    </row>
    <row r="35023" spans="44:44" ht="15.75" customHeight="1" x14ac:dyDescent="0.15">
      <c r="AR35023" s="9" ph="1"/>
    </row>
    <row r="35024" spans="44:44" ht="15.75" customHeight="1" x14ac:dyDescent="0.15">
      <c r="AR35024" s="9" ph="1"/>
    </row>
    <row r="35025" spans="44:44" ht="15.75" customHeight="1" x14ac:dyDescent="0.15">
      <c r="AR35025" s="9" ph="1"/>
    </row>
    <row r="35026" spans="44:44" ht="15.75" customHeight="1" x14ac:dyDescent="0.15">
      <c r="AR35026" s="9" ph="1"/>
    </row>
    <row r="35027" spans="44:44" ht="15.75" customHeight="1" x14ac:dyDescent="0.15">
      <c r="AR35027" s="9" ph="1"/>
    </row>
    <row r="35028" spans="44:44" ht="15.75" customHeight="1" x14ac:dyDescent="0.15">
      <c r="AR35028" s="9" ph="1"/>
    </row>
    <row r="35029" spans="44:44" ht="15.75" customHeight="1" x14ac:dyDescent="0.15">
      <c r="AR35029" s="9" ph="1"/>
    </row>
    <row r="35030" spans="44:44" ht="15.75" customHeight="1" x14ac:dyDescent="0.15">
      <c r="AR35030" s="9" ph="1"/>
    </row>
    <row r="35032" spans="44:44" ht="15.75" customHeight="1" x14ac:dyDescent="0.15">
      <c r="AR35032" s="9" ph="1"/>
    </row>
    <row r="35033" spans="44:44" ht="15.75" customHeight="1" x14ac:dyDescent="0.15">
      <c r="AR35033" s="9" ph="1"/>
    </row>
    <row r="35034" spans="44:44" ht="15.75" customHeight="1" x14ac:dyDescent="0.15">
      <c r="AR35034" s="9" ph="1"/>
    </row>
    <row r="35036" spans="44:44" ht="15.75" customHeight="1" x14ac:dyDescent="0.15">
      <c r="AR35036" s="9" ph="1"/>
    </row>
    <row r="35037" spans="44:44" ht="15.75" customHeight="1" x14ac:dyDescent="0.15">
      <c r="AR35037" s="9" ph="1"/>
    </row>
    <row r="35038" spans="44:44" ht="15.75" customHeight="1" x14ac:dyDescent="0.15">
      <c r="AR35038" s="9" ph="1"/>
    </row>
    <row r="35039" spans="44:44" ht="15.75" customHeight="1" x14ac:dyDescent="0.15">
      <c r="AR35039" s="9" ph="1"/>
    </row>
    <row r="35040" spans="44:44" ht="15.75" customHeight="1" x14ac:dyDescent="0.15">
      <c r="AR35040" s="9" ph="1"/>
    </row>
    <row r="35041" spans="44:44" ht="15.75" customHeight="1" x14ac:dyDescent="0.15">
      <c r="AR35041" s="9" ph="1"/>
    </row>
    <row r="35042" spans="44:44" ht="15.75" customHeight="1" x14ac:dyDescent="0.15">
      <c r="AR35042" s="9" ph="1"/>
    </row>
    <row r="35043" spans="44:44" ht="15.75" customHeight="1" x14ac:dyDescent="0.15">
      <c r="AR35043" s="9" ph="1"/>
    </row>
    <row r="35045" spans="44:44" ht="15.75" customHeight="1" x14ac:dyDescent="0.15">
      <c r="AR35045" s="9" ph="1"/>
    </row>
    <row r="35046" spans="44:44" ht="15.75" customHeight="1" x14ac:dyDescent="0.15">
      <c r="AR35046" s="9" ph="1"/>
    </row>
    <row r="35047" spans="44:44" ht="15.75" customHeight="1" x14ac:dyDescent="0.15">
      <c r="AR35047" s="9" ph="1"/>
    </row>
    <row r="35048" spans="44:44" ht="15.75" customHeight="1" x14ac:dyDescent="0.15">
      <c r="AR35048" s="9" ph="1"/>
    </row>
    <row r="35049" spans="44:44" ht="15.75" customHeight="1" x14ac:dyDescent="0.15">
      <c r="AR35049" s="9" ph="1"/>
    </row>
    <row r="35050" spans="44:44" ht="15.75" customHeight="1" x14ac:dyDescent="0.15">
      <c r="AR35050" s="9" ph="1"/>
    </row>
    <row r="35051" spans="44:44" ht="15.75" customHeight="1" x14ac:dyDescent="0.15">
      <c r="AR35051" s="9" ph="1"/>
    </row>
    <row r="35052" spans="44:44" ht="15.75" customHeight="1" x14ac:dyDescent="0.15">
      <c r="AR35052" s="9" ph="1"/>
    </row>
    <row r="35054" spans="44:44" ht="15.75" customHeight="1" x14ac:dyDescent="0.15">
      <c r="AR35054" s="9" ph="1"/>
    </row>
    <row r="35055" spans="44:44" ht="15.75" customHeight="1" x14ac:dyDescent="0.15">
      <c r="AR35055" s="9" ph="1"/>
    </row>
    <row r="35056" spans="44:44" ht="15.75" customHeight="1" x14ac:dyDescent="0.15">
      <c r="AR35056" s="9" ph="1"/>
    </row>
    <row r="35057" spans="44:44" ht="15.75" customHeight="1" x14ac:dyDescent="0.15">
      <c r="AR35057" s="9" ph="1"/>
    </row>
    <row r="35058" spans="44:44" ht="15.75" customHeight="1" x14ac:dyDescent="0.15">
      <c r="AR35058" s="9" ph="1"/>
    </row>
    <row r="35059" spans="44:44" ht="15.75" customHeight="1" x14ac:dyDescent="0.15">
      <c r="AR35059" s="9" ph="1"/>
    </row>
    <row r="35061" spans="44:44" ht="15.75" customHeight="1" x14ac:dyDescent="0.15">
      <c r="AR35061" s="9" ph="1"/>
    </row>
    <row r="35062" spans="44:44" ht="15.75" customHeight="1" x14ac:dyDescent="0.15">
      <c r="AR35062" s="9" ph="1"/>
    </row>
    <row r="35063" spans="44:44" ht="15.75" customHeight="1" x14ac:dyDescent="0.15">
      <c r="AR35063" s="9" ph="1"/>
    </row>
    <row r="35064" spans="44:44" ht="15.75" customHeight="1" x14ac:dyDescent="0.15">
      <c r="AR35064" s="9" ph="1"/>
    </row>
    <row r="35065" spans="44:44" ht="15.75" customHeight="1" x14ac:dyDescent="0.15">
      <c r="AR35065" s="9" ph="1"/>
    </row>
    <row r="35066" spans="44:44" ht="15.75" customHeight="1" x14ac:dyDescent="0.15">
      <c r="AR35066" s="9" ph="1"/>
    </row>
    <row r="35067" spans="44:44" ht="15.75" customHeight="1" x14ac:dyDescent="0.15">
      <c r="AR35067" s="9" ph="1"/>
    </row>
    <row r="35068" spans="44:44" ht="15.75" customHeight="1" x14ac:dyDescent="0.15">
      <c r="AR35068" s="9" ph="1"/>
    </row>
    <row r="35069" spans="44:44" ht="15.75" customHeight="1" x14ac:dyDescent="0.15">
      <c r="AR35069" s="9" ph="1"/>
    </row>
    <row r="35070" spans="44:44" ht="15.75" customHeight="1" x14ac:dyDescent="0.15">
      <c r="AR35070" s="9" ph="1"/>
    </row>
    <row r="35071" spans="44:44" ht="15.75" customHeight="1" x14ac:dyDescent="0.15">
      <c r="AR35071" s="9" ph="1"/>
    </row>
    <row r="35073" spans="44:44" ht="15.75" customHeight="1" x14ac:dyDescent="0.15">
      <c r="AR35073" s="9" ph="1"/>
    </row>
    <row r="35074" spans="44:44" ht="15.75" customHeight="1" x14ac:dyDescent="0.15">
      <c r="AR35074" s="9" ph="1"/>
    </row>
    <row r="35075" spans="44:44" ht="15.75" customHeight="1" x14ac:dyDescent="0.15">
      <c r="AR35075" s="9" ph="1"/>
    </row>
    <row r="35076" spans="44:44" ht="15.75" customHeight="1" x14ac:dyDescent="0.15">
      <c r="AR35076" s="9" ph="1"/>
    </row>
    <row r="35077" spans="44:44" ht="15.75" customHeight="1" x14ac:dyDescent="0.15">
      <c r="AR35077" s="9" ph="1"/>
    </row>
    <row r="35078" spans="44:44" ht="15.75" customHeight="1" x14ac:dyDescent="0.15">
      <c r="AR35078" s="9" ph="1"/>
    </row>
    <row r="35080" spans="44:44" ht="15.75" customHeight="1" x14ac:dyDescent="0.15">
      <c r="AR35080" s="9" ph="1"/>
    </row>
    <row r="35081" spans="44:44" ht="15.75" customHeight="1" x14ac:dyDescent="0.15">
      <c r="AR35081" s="9" ph="1"/>
    </row>
    <row r="35082" spans="44:44" ht="15.75" customHeight="1" x14ac:dyDescent="0.15">
      <c r="AR35082" s="9" ph="1"/>
    </row>
    <row r="35083" spans="44:44" ht="15.75" customHeight="1" x14ac:dyDescent="0.15">
      <c r="AR35083" s="9" ph="1"/>
    </row>
    <row r="35084" spans="44:44" ht="15.75" customHeight="1" x14ac:dyDescent="0.15">
      <c r="AR35084" s="9" ph="1"/>
    </row>
    <row r="35085" spans="44:44" ht="15.75" customHeight="1" x14ac:dyDescent="0.15">
      <c r="AR35085" s="9" ph="1"/>
    </row>
    <row r="35086" spans="44:44" ht="15.75" customHeight="1" x14ac:dyDescent="0.15">
      <c r="AR35086" s="9" ph="1"/>
    </row>
    <row r="35087" spans="44:44" ht="15.75" customHeight="1" x14ac:dyDescent="0.15">
      <c r="AR35087" s="9" ph="1"/>
    </row>
    <row r="35088" spans="44:44" ht="15.75" customHeight="1" x14ac:dyDescent="0.15">
      <c r="AR35088" s="9" ph="1"/>
    </row>
    <row r="35089" spans="44:44" ht="15.75" customHeight="1" x14ac:dyDescent="0.15">
      <c r="AR35089" s="9" ph="1"/>
    </row>
    <row r="35090" spans="44:44" ht="15.75" customHeight="1" x14ac:dyDescent="0.15">
      <c r="AR35090" s="9" ph="1"/>
    </row>
    <row r="35091" spans="44:44" ht="15.75" customHeight="1" x14ac:dyDescent="0.15">
      <c r="AR35091" s="9" ph="1"/>
    </row>
    <row r="35092" spans="44:44" ht="15.75" customHeight="1" x14ac:dyDescent="0.15">
      <c r="AR35092" s="9" ph="1"/>
    </row>
    <row r="35093" spans="44:44" ht="15.75" customHeight="1" x14ac:dyDescent="0.15">
      <c r="AR35093" s="9" ph="1"/>
    </row>
    <row r="35094" spans="44:44" ht="15.75" customHeight="1" x14ac:dyDescent="0.15">
      <c r="AR35094" s="9" ph="1"/>
    </row>
    <row r="35095" spans="44:44" ht="15.75" customHeight="1" x14ac:dyDescent="0.15">
      <c r="AR35095" s="9" ph="1"/>
    </row>
    <row r="35096" spans="44:44" ht="15.75" customHeight="1" x14ac:dyDescent="0.15">
      <c r="AR35096" s="9" ph="1"/>
    </row>
    <row r="35097" spans="44:44" ht="15.75" customHeight="1" x14ac:dyDescent="0.15">
      <c r="AR35097" s="9" ph="1"/>
    </row>
    <row r="35098" spans="44:44" ht="15.75" customHeight="1" x14ac:dyDescent="0.15">
      <c r="AR35098" s="9" ph="1"/>
    </row>
    <row r="35100" spans="44:44" ht="15.75" customHeight="1" x14ac:dyDescent="0.15">
      <c r="AR35100" s="9" ph="1"/>
    </row>
    <row r="35101" spans="44:44" ht="15.75" customHeight="1" x14ac:dyDescent="0.15">
      <c r="AR35101" s="9" ph="1"/>
    </row>
    <row r="35102" spans="44:44" ht="15.75" customHeight="1" x14ac:dyDescent="0.15">
      <c r="AR35102" s="9" ph="1"/>
    </row>
    <row r="35104" spans="44:44" ht="15.75" customHeight="1" x14ac:dyDescent="0.15">
      <c r="AR35104" s="9" ph="1"/>
    </row>
    <row r="35105" spans="44:44" ht="15.75" customHeight="1" x14ac:dyDescent="0.15">
      <c r="AR35105" s="9" ph="1"/>
    </row>
    <row r="35106" spans="44:44" ht="15.75" customHeight="1" x14ac:dyDescent="0.15">
      <c r="AR35106" s="9" ph="1"/>
    </row>
    <row r="35107" spans="44:44" ht="15.75" customHeight="1" x14ac:dyDescent="0.15">
      <c r="AR35107" s="9" ph="1"/>
    </row>
    <row r="35108" spans="44:44" ht="15.75" customHeight="1" x14ac:dyDescent="0.15">
      <c r="AR35108" s="9" ph="1"/>
    </row>
    <row r="35109" spans="44:44" ht="15.75" customHeight="1" x14ac:dyDescent="0.15">
      <c r="AR35109" s="9" ph="1"/>
    </row>
    <row r="35110" spans="44:44" ht="15.75" customHeight="1" x14ac:dyDescent="0.15">
      <c r="AR35110" s="9" ph="1"/>
    </row>
    <row r="35111" spans="44:44" ht="15.75" customHeight="1" x14ac:dyDescent="0.15">
      <c r="AR35111" s="9" ph="1"/>
    </row>
    <row r="35112" spans="44:44" ht="15.75" customHeight="1" x14ac:dyDescent="0.15">
      <c r="AR35112" s="9" ph="1"/>
    </row>
    <row r="35113" spans="44:44" ht="15.75" customHeight="1" x14ac:dyDescent="0.15">
      <c r="AR35113" s="9" ph="1"/>
    </row>
    <row r="35114" spans="44:44" ht="15.75" customHeight="1" x14ac:dyDescent="0.15">
      <c r="AR35114" s="9" ph="1"/>
    </row>
    <row r="35115" spans="44:44" ht="15.75" customHeight="1" x14ac:dyDescent="0.15">
      <c r="AR35115" s="9" ph="1"/>
    </row>
    <row r="35116" spans="44:44" ht="15.75" customHeight="1" x14ac:dyDescent="0.15">
      <c r="AR35116" s="9" ph="1"/>
    </row>
    <row r="35117" spans="44:44" ht="15.75" customHeight="1" x14ac:dyDescent="0.15">
      <c r="AR35117" s="9" ph="1"/>
    </row>
    <row r="35118" spans="44:44" ht="15.75" customHeight="1" x14ac:dyDescent="0.15">
      <c r="AR35118" s="9" ph="1"/>
    </row>
    <row r="35119" spans="44:44" ht="15.75" customHeight="1" x14ac:dyDescent="0.15">
      <c r="AR35119" s="9" ph="1"/>
    </row>
    <row r="35121" spans="44:44" ht="15.75" customHeight="1" x14ac:dyDescent="0.15">
      <c r="AR35121" s="9" ph="1"/>
    </row>
    <row r="35122" spans="44:44" ht="15.75" customHeight="1" x14ac:dyDescent="0.15">
      <c r="AR35122" s="9" ph="1"/>
    </row>
    <row r="35123" spans="44:44" ht="15.75" customHeight="1" x14ac:dyDescent="0.15">
      <c r="AR35123" s="9" ph="1"/>
    </row>
    <row r="35125" spans="44:44" ht="15.75" customHeight="1" x14ac:dyDescent="0.15">
      <c r="AR35125" s="9" ph="1"/>
    </row>
    <row r="35126" spans="44:44" ht="15.75" customHeight="1" x14ac:dyDescent="0.15">
      <c r="AR35126" s="9" ph="1"/>
    </row>
    <row r="35127" spans="44:44" ht="15.75" customHeight="1" x14ac:dyDescent="0.15">
      <c r="AR35127" s="9" ph="1"/>
    </row>
    <row r="35128" spans="44:44" ht="15.75" customHeight="1" x14ac:dyDescent="0.15">
      <c r="AR35128" s="9" ph="1"/>
    </row>
    <row r="35129" spans="44:44" ht="15.75" customHeight="1" x14ac:dyDescent="0.15">
      <c r="AR35129" s="9" ph="1"/>
    </row>
    <row r="35130" spans="44:44" ht="15.75" customHeight="1" x14ac:dyDescent="0.15">
      <c r="AR35130" s="9" ph="1"/>
    </row>
    <row r="35131" spans="44:44" ht="15.75" customHeight="1" x14ac:dyDescent="0.15">
      <c r="AR35131" s="9" ph="1"/>
    </row>
    <row r="35132" spans="44:44" ht="15.75" customHeight="1" x14ac:dyDescent="0.15">
      <c r="AR35132" s="9" ph="1"/>
    </row>
    <row r="35134" spans="44:44" ht="15.75" customHeight="1" x14ac:dyDescent="0.15">
      <c r="AR35134" s="9" ph="1"/>
    </row>
    <row r="35135" spans="44:44" ht="15.75" customHeight="1" x14ac:dyDescent="0.15">
      <c r="AR35135" s="9" ph="1"/>
    </row>
    <row r="35136" spans="44:44" ht="15.75" customHeight="1" x14ac:dyDescent="0.15">
      <c r="AR35136" s="9" ph="1"/>
    </row>
    <row r="35137" spans="44:44" ht="15.75" customHeight="1" x14ac:dyDescent="0.15">
      <c r="AR35137" s="9" ph="1"/>
    </row>
    <row r="35138" spans="44:44" ht="15.75" customHeight="1" x14ac:dyDescent="0.15">
      <c r="AR35138" s="9" ph="1"/>
    </row>
    <row r="35139" spans="44:44" ht="15.75" customHeight="1" x14ac:dyDescent="0.15">
      <c r="AR35139" s="9" ph="1"/>
    </row>
    <row r="35140" spans="44:44" ht="15.75" customHeight="1" x14ac:dyDescent="0.15">
      <c r="AR35140" s="9" ph="1"/>
    </row>
    <row r="35141" spans="44:44" ht="15.75" customHeight="1" x14ac:dyDescent="0.15">
      <c r="AR35141" s="9" ph="1"/>
    </row>
    <row r="35143" spans="44:44" ht="15.75" customHeight="1" x14ac:dyDescent="0.15">
      <c r="AR35143" s="9" ph="1"/>
    </row>
    <row r="35144" spans="44:44" ht="15.75" customHeight="1" x14ac:dyDescent="0.15">
      <c r="AR35144" s="9" ph="1"/>
    </row>
    <row r="35145" spans="44:44" ht="15.75" customHeight="1" x14ac:dyDescent="0.15">
      <c r="AR35145" s="9" ph="1"/>
    </row>
    <row r="35146" spans="44:44" ht="15.75" customHeight="1" x14ac:dyDescent="0.15">
      <c r="AR35146" s="9" ph="1"/>
    </row>
    <row r="35147" spans="44:44" ht="15.75" customHeight="1" x14ac:dyDescent="0.15">
      <c r="AR35147" s="9" ph="1"/>
    </row>
    <row r="35148" spans="44:44" ht="15.75" customHeight="1" x14ac:dyDescent="0.15">
      <c r="AR35148" s="9" ph="1"/>
    </row>
    <row r="35150" spans="44:44" ht="15.75" customHeight="1" x14ac:dyDescent="0.15">
      <c r="AR35150" s="9" ph="1"/>
    </row>
    <row r="35151" spans="44:44" ht="15.75" customHeight="1" x14ac:dyDescent="0.15">
      <c r="AR35151" s="9" ph="1"/>
    </row>
    <row r="35152" spans="44:44" ht="15.75" customHeight="1" x14ac:dyDescent="0.15">
      <c r="AR35152" s="9" ph="1"/>
    </row>
    <row r="35153" spans="44:44" ht="15.75" customHeight="1" x14ac:dyDescent="0.15">
      <c r="AR35153" s="9" ph="1"/>
    </row>
    <row r="35154" spans="44:44" ht="15.75" customHeight="1" x14ac:dyDescent="0.15">
      <c r="AR35154" s="9" ph="1"/>
    </row>
    <row r="35155" spans="44:44" ht="15.75" customHeight="1" x14ac:dyDescent="0.15">
      <c r="AR35155" s="9" ph="1"/>
    </row>
    <row r="35156" spans="44:44" ht="15.75" customHeight="1" x14ac:dyDescent="0.15">
      <c r="AR35156" s="9" ph="1"/>
    </row>
    <row r="35158" spans="44:44" ht="15.75" customHeight="1" x14ac:dyDescent="0.15">
      <c r="AR35158" s="9" ph="1"/>
    </row>
    <row r="35159" spans="44:44" ht="15.75" customHeight="1" x14ac:dyDescent="0.15">
      <c r="AR35159" s="9" ph="1"/>
    </row>
    <row r="35160" spans="44:44" ht="15.75" customHeight="1" x14ac:dyDescent="0.15">
      <c r="AR35160" s="9" ph="1"/>
    </row>
    <row r="35161" spans="44:44" ht="15.75" customHeight="1" x14ac:dyDescent="0.15">
      <c r="AR35161" s="9" ph="1"/>
    </row>
    <row r="35162" spans="44:44" ht="15.75" customHeight="1" x14ac:dyDescent="0.15">
      <c r="AR35162" s="9" ph="1"/>
    </row>
    <row r="35163" spans="44:44" ht="15.75" customHeight="1" x14ac:dyDescent="0.15">
      <c r="AR35163" s="9" ph="1"/>
    </row>
    <row r="35165" spans="44:44" ht="15.75" customHeight="1" x14ac:dyDescent="0.15">
      <c r="AR35165" s="9" ph="1"/>
    </row>
    <row r="35166" spans="44:44" ht="15.75" customHeight="1" x14ac:dyDescent="0.15">
      <c r="AR35166" s="9" ph="1"/>
    </row>
    <row r="35167" spans="44:44" ht="15.75" customHeight="1" x14ac:dyDescent="0.15">
      <c r="AR35167" s="9" ph="1"/>
    </row>
    <row r="35168" spans="44:44" ht="15.75" customHeight="1" x14ac:dyDescent="0.15">
      <c r="AR35168" s="9" ph="1"/>
    </row>
    <row r="35169" spans="44:44" ht="15.75" customHeight="1" x14ac:dyDescent="0.15">
      <c r="AR35169" s="9" ph="1"/>
    </row>
    <row r="35170" spans="44:44" ht="15.75" customHeight="1" x14ac:dyDescent="0.15">
      <c r="AR35170" s="9" ph="1"/>
    </row>
    <row r="35171" spans="44:44" ht="15.75" customHeight="1" x14ac:dyDescent="0.15">
      <c r="AR35171" s="9" ph="1"/>
    </row>
    <row r="35172" spans="44:44" ht="15.75" customHeight="1" x14ac:dyDescent="0.15">
      <c r="AR35172" s="9" ph="1"/>
    </row>
    <row r="35173" spans="44:44" ht="15.75" customHeight="1" x14ac:dyDescent="0.15">
      <c r="AR35173" s="9" ph="1"/>
    </row>
    <row r="35174" spans="44:44" ht="15.75" customHeight="1" x14ac:dyDescent="0.15">
      <c r="AR35174" s="9" ph="1"/>
    </row>
    <row r="35175" spans="44:44" ht="15.75" customHeight="1" x14ac:dyDescent="0.15">
      <c r="AR35175" s="9" ph="1"/>
    </row>
    <row r="35176" spans="44:44" ht="15.75" customHeight="1" x14ac:dyDescent="0.15">
      <c r="AR35176" s="9" ph="1"/>
    </row>
    <row r="35177" spans="44:44" ht="15.75" customHeight="1" x14ac:dyDescent="0.15">
      <c r="AR35177" s="9" ph="1"/>
    </row>
    <row r="35179" spans="44:44" ht="15.75" customHeight="1" x14ac:dyDescent="0.15">
      <c r="AR35179" s="9" ph="1"/>
    </row>
    <row r="35180" spans="44:44" ht="15.75" customHeight="1" x14ac:dyDescent="0.15">
      <c r="AR35180" s="9" ph="1"/>
    </row>
    <row r="35181" spans="44:44" ht="15.75" customHeight="1" x14ac:dyDescent="0.15">
      <c r="AR35181" s="9" ph="1"/>
    </row>
    <row r="35183" spans="44:44" ht="15.75" customHeight="1" x14ac:dyDescent="0.15">
      <c r="AR35183" s="9" ph="1"/>
    </row>
    <row r="35184" spans="44:44" ht="15.75" customHeight="1" x14ac:dyDescent="0.15">
      <c r="AR35184" s="9" ph="1"/>
    </row>
    <row r="35185" spans="44:44" ht="15.75" customHeight="1" x14ac:dyDescent="0.15">
      <c r="AR35185" s="9" ph="1"/>
    </row>
    <row r="35186" spans="44:44" ht="15.75" customHeight="1" x14ac:dyDescent="0.15">
      <c r="AR35186" s="9" ph="1"/>
    </row>
    <row r="35187" spans="44:44" ht="15.75" customHeight="1" x14ac:dyDescent="0.15">
      <c r="AR35187" s="9" ph="1"/>
    </row>
    <row r="35188" spans="44:44" ht="15.75" customHeight="1" x14ac:dyDescent="0.15">
      <c r="AR35188" s="9" ph="1"/>
    </row>
    <row r="35189" spans="44:44" ht="15.75" customHeight="1" x14ac:dyDescent="0.15">
      <c r="AR35189" s="9" ph="1"/>
    </row>
    <row r="35190" spans="44:44" ht="15.75" customHeight="1" x14ac:dyDescent="0.15">
      <c r="AR35190" s="9" ph="1"/>
    </row>
    <row r="35191" spans="44:44" ht="15.75" customHeight="1" x14ac:dyDescent="0.15">
      <c r="AR35191" s="9" ph="1"/>
    </row>
    <row r="35192" spans="44:44" ht="15.75" customHeight="1" x14ac:dyDescent="0.15">
      <c r="AR35192" s="9" ph="1"/>
    </row>
    <row r="35193" spans="44:44" ht="15.75" customHeight="1" x14ac:dyDescent="0.15">
      <c r="AR35193" s="9" ph="1"/>
    </row>
    <row r="35194" spans="44:44" ht="15.75" customHeight="1" x14ac:dyDescent="0.15">
      <c r="AR35194" s="9" ph="1"/>
    </row>
    <row r="35195" spans="44:44" ht="15.75" customHeight="1" x14ac:dyDescent="0.15">
      <c r="AR35195" s="9" ph="1"/>
    </row>
    <row r="35196" spans="44:44" ht="15.75" customHeight="1" x14ac:dyDescent="0.15">
      <c r="AR35196" s="9" ph="1"/>
    </row>
    <row r="35197" spans="44:44" ht="15.75" customHeight="1" x14ac:dyDescent="0.15">
      <c r="AR35197" s="9" ph="1"/>
    </row>
    <row r="35198" spans="44:44" ht="15.75" customHeight="1" x14ac:dyDescent="0.15">
      <c r="AR35198" s="9" ph="1"/>
    </row>
    <row r="35200" spans="44:44" ht="15.75" customHeight="1" x14ac:dyDescent="0.15">
      <c r="AR35200" s="9" ph="1"/>
    </row>
    <row r="35201" spans="44:44" ht="15.75" customHeight="1" x14ac:dyDescent="0.15">
      <c r="AR35201" s="9" ph="1"/>
    </row>
    <row r="35202" spans="44:44" ht="15.75" customHeight="1" x14ac:dyDescent="0.15">
      <c r="AR35202" s="9" ph="1"/>
    </row>
    <row r="35204" spans="44:44" ht="15.75" customHeight="1" x14ac:dyDescent="0.15">
      <c r="AR35204" s="9" ph="1"/>
    </row>
    <row r="35205" spans="44:44" ht="15.75" customHeight="1" x14ac:dyDescent="0.15">
      <c r="AR35205" s="9" ph="1"/>
    </row>
    <row r="35206" spans="44:44" ht="15.75" customHeight="1" x14ac:dyDescent="0.15">
      <c r="AR35206" s="9" ph="1"/>
    </row>
    <row r="35207" spans="44:44" ht="15.75" customHeight="1" x14ac:dyDescent="0.15">
      <c r="AR35207" s="9" ph="1"/>
    </row>
    <row r="35208" spans="44:44" ht="15.75" customHeight="1" x14ac:dyDescent="0.15">
      <c r="AR35208" s="9" ph="1"/>
    </row>
    <row r="35209" spans="44:44" ht="15.75" customHeight="1" x14ac:dyDescent="0.15">
      <c r="AR35209" s="9" ph="1"/>
    </row>
    <row r="35210" spans="44:44" ht="15.75" customHeight="1" x14ac:dyDescent="0.15">
      <c r="AR35210" s="9" ph="1"/>
    </row>
    <row r="35211" spans="44:44" ht="15.75" customHeight="1" x14ac:dyDescent="0.15">
      <c r="AR35211" s="9" ph="1"/>
    </row>
    <row r="35213" spans="44:44" ht="15.75" customHeight="1" x14ac:dyDescent="0.15">
      <c r="AR35213" s="9" ph="1"/>
    </row>
    <row r="35214" spans="44:44" ht="15.75" customHeight="1" x14ac:dyDescent="0.15">
      <c r="AR35214" s="9" ph="1"/>
    </row>
    <row r="35215" spans="44:44" ht="15.75" customHeight="1" x14ac:dyDescent="0.15">
      <c r="AR35215" s="9" ph="1"/>
    </row>
    <row r="35216" spans="44:44" ht="15.75" customHeight="1" x14ac:dyDescent="0.15">
      <c r="AR35216" s="9" ph="1"/>
    </row>
    <row r="35217" spans="44:44" ht="15.75" customHeight="1" x14ac:dyDescent="0.15">
      <c r="AR35217" s="9" ph="1"/>
    </row>
    <row r="35218" spans="44:44" ht="15.75" customHeight="1" x14ac:dyDescent="0.15">
      <c r="AR35218" s="9" ph="1"/>
    </row>
    <row r="35219" spans="44:44" ht="15.75" customHeight="1" x14ac:dyDescent="0.15">
      <c r="AR35219" s="9" ph="1"/>
    </row>
    <row r="35220" spans="44:44" ht="15.75" customHeight="1" x14ac:dyDescent="0.15">
      <c r="AR35220" s="9" ph="1"/>
    </row>
    <row r="35222" spans="44:44" ht="15.75" customHeight="1" x14ac:dyDescent="0.15">
      <c r="AR35222" s="9" ph="1"/>
    </row>
    <row r="35223" spans="44:44" ht="15.75" customHeight="1" x14ac:dyDescent="0.15">
      <c r="AR35223" s="9" ph="1"/>
    </row>
    <row r="35224" spans="44:44" ht="15.75" customHeight="1" x14ac:dyDescent="0.15">
      <c r="AR35224" s="9" ph="1"/>
    </row>
    <row r="35225" spans="44:44" ht="15.75" customHeight="1" x14ac:dyDescent="0.15">
      <c r="AR35225" s="9" ph="1"/>
    </row>
    <row r="35226" spans="44:44" ht="15.75" customHeight="1" x14ac:dyDescent="0.15">
      <c r="AR35226" s="9" ph="1"/>
    </row>
    <row r="35227" spans="44:44" ht="15.75" customHeight="1" x14ac:dyDescent="0.15">
      <c r="AR35227" s="9" ph="1"/>
    </row>
    <row r="35229" spans="44:44" ht="15.75" customHeight="1" x14ac:dyDescent="0.15">
      <c r="AR35229" s="9" ph="1"/>
    </row>
    <row r="35230" spans="44:44" ht="15.75" customHeight="1" x14ac:dyDescent="0.15">
      <c r="AR35230" s="9" ph="1"/>
    </row>
    <row r="35231" spans="44:44" ht="15.75" customHeight="1" x14ac:dyDescent="0.15">
      <c r="AR35231" s="9" ph="1"/>
    </row>
    <row r="35232" spans="44:44" ht="15.75" customHeight="1" x14ac:dyDescent="0.15">
      <c r="AR35232" s="9" ph="1"/>
    </row>
    <row r="35233" spans="44:44" ht="15.75" customHeight="1" x14ac:dyDescent="0.15">
      <c r="AR35233" s="9" ph="1"/>
    </row>
    <row r="35234" spans="44:44" ht="15.75" customHeight="1" x14ac:dyDescent="0.15">
      <c r="AR35234" s="9" ph="1"/>
    </row>
    <row r="35235" spans="44:44" ht="15.75" customHeight="1" x14ac:dyDescent="0.15">
      <c r="AR35235" s="9" ph="1"/>
    </row>
    <row r="35236" spans="44:44" ht="15.75" customHeight="1" x14ac:dyDescent="0.15">
      <c r="AR35236" s="9" ph="1"/>
    </row>
    <row r="35237" spans="44:44" ht="15.75" customHeight="1" x14ac:dyDescent="0.15">
      <c r="AR35237" s="9" ph="1"/>
    </row>
    <row r="35238" spans="44:44" ht="15.75" customHeight="1" x14ac:dyDescent="0.15">
      <c r="AR35238" s="9" ph="1"/>
    </row>
    <row r="35239" spans="44:44" ht="15.75" customHeight="1" x14ac:dyDescent="0.15">
      <c r="AR35239" s="9" ph="1"/>
    </row>
    <row r="35240" spans="44:44" ht="15.75" customHeight="1" x14ac:dyDescent="0.15">
      <c r="AR35240" s="9" ph="1"/>
    </row>
    <row r="35241" spans="44:44" ht="15.75" customHeight="1" x14ac:dyDescent="0.15">
      <c r="AR35241" s="9" ph="1"/>
    </row>
    <row r="35242" spans="44:44" ht="15.75" customHeight="1" x14ac:dyDescent="0.15">
      <c r="AR35242" s="9" ph="1"/>
    </row>
    <row r="35243" spans="44:44" ht="15.75" customHeight="1" x14ac:dyDescent="0.15">
      <c r="AR35243" s="9" ph="1"/>
    </row>
    <row r="35245" spans="44:44" ht="15.75" customHeight="1" x14ac:dyDescent="0.15">
      <c r="AR35245" s="9" ph="1"/>
    </row>
    <row r="35246" spans="44:44" ht="15.75" customHeight="1" x14ac:dyDescent="0.15">
      <c r="AR35246" s="9" ph="1"/>
    </row>
    <row r="35247" spans="44:44" ht="15.75" customHeight="1" x14ac:dyDescent="0.15">
      <c r="AR35247" s="9" ph="1"/>
    </row>
    <row r="35249" spans="44:44" ht="15.75" customHeight="1" x14ac:dyDescent="0.15">
      <c r="AR35249" s="9" ph="1"/>
    </row>
    <row r="35250" spans="44:44" ht="15.75" customHeight="1" x14ac:dyDescent="0.15">
      <c r="AR35250" s="9" ph="1"/>
    </row>
    <row r="35251" spans="44:44" ht="15.75" customHeight="1" x14ac:dyDescent="0.15">
      <c r="AR35251" s="9" ph="1"/>
    </row>
    <row r="35252" spans="44:44" ht="15.75" customHeight="1" x14ac:dyDescent="0.15">
      <c r="AR35252" s="9" ph="1"/>
    </row>
    <row r="35253" spans="44:44" ht="15.75" customHeight="1" x14ac:dyDescent="0.15">
      <c r="AR35253" s="9" ph="1"/>
    </row>
    <row r="35254" spans="44:44" ht="15.75" customHeight="1" x14ac:dyDescent="0.15">
      <c r="AR35254" s="9" ph="1"/>
    </row>
    <row r="35255" spans="44:44" ht="15.75" customHeight="1" x14ac:dyDescent="0.15">
      <c r="AR35255" s="9" ph="1"/>
    </row>
    <row r="35256" spans="44:44" ht="15.75" customHeight="1" x14ac:dyDescent="0.15">
      <c r="AR35256" s="9" ph="1"/>
    </row>
    <row r="35258" spans="44:44" ht="15.75" customHeight="1" x14ac:dyDescent="0.15">
      <c r="AR35258" s="9" ph="1"/>
    </row>
    <row r="35259" spans="44:44" ht="15.75" customHeight="1" x14ac:dyDescent="0.15">
      <c r="AR35259" s="9" ph="1"/>
    </row>
    <row r="35260" spans="44:44" ht="15.75" customHeight="1" x14ac:dyDescent="0.15">
      <c r="AR35260" s="9" ph="1"/>
    </row>
    <row r="35261" spans="44:44" ht="15.75" customHeight="1" x14ac:dyDescent="0.15">
      <c r="AR35261" s="9" ph="1"/>
    </row>
    <row r="35262" spans="44:44" ht="15.75" customHeight="1" x14ac:dyDescent="0.15">
      <c r="AR35262" s="9" ph="1"/>
    </row>
    <row r="35263" spans="44:44" ht="15.75" customHeight="1" x14ac:dyDescent="0.15">
      <c r="AR35263" s="9" ph="1"/>
    </row>
    <row r="35264" spans="44:44" ht="15.75" customHeight="1" x14ac:dyDescent="0.15">
      <c r="AR35264" s="9" ph="1"/>
    </row>
    <row r="35265" spans="44:44" ht="15.75" customHeight="1" x14ac:dyDescent="0.15">
      <c r="AR35265" s="9" ph="1"/>
    </row>
    <row r="35267" spans="44:44" ht="15.75" customHeight="1" x14ac:dyDescent="0.15">
      <c r="AR35267" s="9" ph="1"/>
    </row>
    <row r="35268" spans="44:44" ht="15.75" customHeight="1" x14ac:dyDescent="0.15">
      <c r="AR35268" s="9" ph="1"/>
    </row>
    <row r="35269" spans="44:44" ht="15.75" customHeight="1" x14ac:dyDescent="0.15">
      <c r="AR35269" s="9" ph="1"/>
    </row>
    <row r="35270" spans="44:44" ht="15.75" customHeight="1" x14ac:dyDescent="0.15">
      <c r="AR35270" s="9" ph="1"/>
    </row>
    <row r="35271" spans="44:44" ht="15.75" customHeight="1" x14ac:dyDescent="0.15">
      <c r="AR35271" s="9" ph="1"/>
    </row>
    <row r="35272" spans="44:44" ht="15.75" customHeight="1" x14ac:dyDescent="0.15">
      <c r="AR35272" s="9" ph="1"/>
    </row>
    <row r="35274" spans="44:44" ht="15.75" customHeight="1" x14ac:dyDescent="0.15">
      <c r="AR35274" s="9" ph="1"/>
    </row>
    <row r="35275" spans="44:44" ht="15.75" customHeight="1" x14ac:dyDescent="0.15">
      <c r="AR35275" s="9" ph="1"/>
    </row>
    <row r="35276" spans="44:44" ht="15.75" customHeight="1" x14ac:dyDescent="0.15">
      <c r="AR35276" s="9" ph="1"/>
    </row>
    <row r="35277" spans="44:44" ht="15.75" customHeight="1" x14ac:dyDescent="0.15">
      <c r="AR35277" s="9" ph="1"/>
    </row>
    <row r="35278" spans="44:44" ht="15.75" customHeight="1" x14ac:dyDescent="0.15">
      <c r="AR35278" s="9" ph="1"/>
    </row>
    <row r="35279" spans="44:44" ht="15.75" customHeight="1" x14ac:dyDescent="0.15">
      <c r="AR35279" s="9" ph="1"/>
    </row>
    <row r="35280" spans="44:44" ht="15.75" customHeight="1" x14ac:dyDescent="0.15">
      <c r="AR35280" s="9" ph="1"/>
    </row>
    <row r="35281" spans="44:44" ht="15.75" customHeight="1" x14ac:dyDescent="0.15">
      <c r="AR35281" s="9" ph="1"/>
    </row>
    <row r="35282" spans="44:44" ht="15.75" customHeight="1" x14ac:dyDescent="0.15">
      <c r="AR35282" s="9" ph="1"/>
    </row>
    <row r="35283" spans="44:44" ht="15.75" customHeight="1" x14ac:dyDescent="0.15">
      <c r="AR35283" s="9" ph="1"/>
    </row>
    <row r="35284" spans="44:44" ht="15.75" customHeight="1" x14ac:dyDescent="0.15">
      <c r="AR35284" s="9" ph="1"/>
    </row>
    <row r="35285" spans="44:44" ht="15.75" customHeight="1" x14ac:dyDescent="0.15">
      <c r="AR35285" s="9" ph="1"/>
    </row>
    <row r="35287" spans="44:44" ht="15.75" customHeight="1" x14ac:dyDescent="0.15">
      <c r="AR35287" s="9" ph="1"/>
    </row>
    <row r="35288" spans="44:44" ht="15.75" customHeight="1" x14ac:dyDescent="0.15">
      <c r="AR35288" s="9" ph="1"/>
    </row>
    <row r="35289" spans="44:44" ht="15.75" customHeight="1" x14ac:dyDescent="0.15">
      <c r="AR35289" s="9" ph="1"/>
    </row>
    <row r="35291" spans="44:44" ht="15.75" customHeight="1" x14ac:dyDescent="0.15">
      <c r="AR35291" s="9" ph="1"/>
    </row>
    <row r="35292" spans="44:44" ht="15.75" customHeight="1" x14ac:dyDescent="0.15">
      <c r="AR35292" s="9" ph="1"/>
    </row>
    <row r="35293" spans="44:44" ht="15.75" customHeight="1" x14ac:dyDescent="0.15">
      <c r="AR35293" s="9" ph="1"/>
    </row>
    <row r="35294" spans="44:44" ht="15.75" customHeight="1" x14ac:dyDescent="0.15">
      <c r="AR35294" s="9" ph="1"/>
    </row>
    <row r="35295" spans="44:44" ht="15.75" customHeight="1" x14ac:dyDescent="0.15">
      <c r="AR35295" s="9" ph="1"/>
    </row>
    <row r="35296" spans="44:44" ht="15.75" customHeight="1" x14ac:dyDescent="0.15">
      <c r="AR35296" s="9" ph="1"/>
    </row>
    <row r="35297" spans="44:44" ht="15.75" customHeight="1" x14ac:dyDescent="0.15">
      <c r="AR35297" s="9" ph="1"/>
    </row>
    <row r="35298" spans="44:44" ht="15.75" customHeight="1" x14ac:dyDescent="0.15">
      <c r="AR35298" s="9" ph="1"/>
    </row>
    <row r="35300" spans="44:44" ht="15.75" customHeight="1" x14ac:dyDescent="0.15">
      <c r="AR35300" s="9" ph="1"/>
    </row>
    <row r="35301" spans="44:44" ht="15.75" customHeight="1" x14ac:dyDescent="0.15">
      <c r="AR35301" s="9" ph="1"/>
    </row>
    <row r="35302" spans="44:44" ht="15.75" customHeight="1" x14ac:dyDescent="0.15">
      <c r="AR35302" s="9" ph="1"/>
    </row>
    <row r="35303" spans="44:44" ht="15.75" customHeight="1" x14ac:dyDescent="0.15">
      <c r="AR35303" s="9" ph="1"/>
    </row>
    <row r="35304" spans="44:44" ht="15.75" customHeight="1" x14ac:dyDescent="0.15">
      <c r="AR35304" s="9" ph="1"/>
    </row>
    <row r="35305" spans="44:44" ht="15.75" customHeight="1" x14ac:dyDescent="0.15">
      <c r="AR35305" s="9" ph="1"/>
    </row>
    <row r="35306" spans="44:44" ht="15.75" customHeight="1" x14ac:dyDescent="0.15">
      <c r="AR35306" s="9" ph="1"/>
    </row>
    <row r="35307" spans="44:44" ht="15.75" customHeight="1" x14ac:dyDescent="0.15">
      <c r="AR35307" s="9" ph="1"/>
    </row>
    <row r="35309" spans="44:44" ht="15.75" customHeight="1" x14ac:dyDescent="0.15">
      <c r="AR35309" s="9" ph="1"/>
    </row>
    <row r="35310" spans="44:44" ht="15.75" customHeight="1" x14ac:dyDescent="0.15">
      <c r="AR35310" s="9" ph="1"/>
    </row>
    <row r="35311" spans="44:44" ht="15.75" customHeight="1" x14ac:dyDescent="0.15">
      <c r="AR35311" s="9" ph="1"/>
    </row>
    <row r="35312" spans="44:44" ht="15.75" customHeight="1" x14ac:dyDescent="0.15">
      <c r="AR35312" s="9" ph="1"/>
    </row>
    <row r="35313" spans="44:44" ht="15.75" customHeight="1" x14ac:dyDescent="0.15">
      <c r="AR35313" s="9" ph="1"/>
    </row>
    <row r="35314" spans="44:44" ht="15.75" customHeight="1" x14ac:dyDescent="0.15">
      <c r="AR35314" s="9" ph="1"/>
    </row>
    <row r="35316" spans="44:44" ht="15.75" customHeight="1" x14ac:dyDescent="0.15">
      <c r="AR35316" s="9" ph="1"/>
    </row>
    <row r="35317" spans="44:44" ht="15.75" customHeight="1" x14ac:dyDescent="0.15">
      <c r="AR35317" s="9" ph="1"/>
    </row>
    <row r="35318" spans="44:44" ht="15.75" customHeight="1" x14ac:dyDescent="0.15">
      <c r="AR35318" s="9" ph="1"/>
    </row>
    <row r="35319" spans="44:44" ht="15.75" customHeight="1" x14ac:dyDescent="0.15">
      <c r="AR35319" s="9" ph="1"/>
    </row>
    <row r="35320" spans="44:44" ht="15.75" customHeight="1" x14ac:dyDescent="0.15">
      <c r="AR35320" s="9" ph="1"/>
    </row>
    <row r="35321" spans="44:44" ht="15.75" customHeight="1" x14ac:dyDescent="0.15">
      <c r="AR35321" s="9" ph="1"/>
    </row>
    <row r="35322" spans="44:44" ht="15.75" customHeight="1" x14ac:dyDescent="0.15">
      <c r="AR35322" s="9" ph="1"/>
    </row>
    <row r="35323" spans="44:44" ht="15.75" customHeight="1" x14ac:dyDescent="0.15">
      <c r="AR35323" s="9" ph="1"/>
    </row>
    <row r="35324" spans="44:44" ht="15.75" customHeight="1" x14ac:dyDescent="0.15">
      <c r="AR35324" s="9" ph="1"/>
    </row>
    <row r="35325" spans="44:44" ht="15.75" customHeight="1" x14ac:dyDescent="0.15">
      <c r="AR35325" s="9" ph="1"/>
    </row>
    <row r="35327" spans="44:44" ht="15.75" customHeight="1" x14ac:dyDescent="0.15">
      <c r="AR35327" s="9" ph="1"/>
    </row>
    <row r="35328" spans="44:44" ht="15.75" customHeight="1" x14ac:dyDescent="0.15">
      <c r="AR35328" s="9" ph="1"/>
    </row>
    <row r="35329" spans="44:44" ht="15.75" customHeight="1" x14ac:dyDescent="0.15">
      <c r="AR35329" s="9" ph="1"/>
    </row>
    <row r="35330" spans="44:44" ht="15.75" customHeight="1" x14ac:dyDescent="0.15">
      <c r="AR35330" s="9" ph="1"/>
    </row>
    <row r="35331" spans="44:44" ht="15.75" customHeight="1" x14ac:dyDescent="0.15">
      <c r="AR35331" s="9" ph="1"/>
    </row>
    <row r="35332" spans="44:44" ht="15.75" customHeight="1" x14ac:dyDescent="0.15">
      <c r="AR35332" s="9" ph="1"/>
    </row>
    <row r="35333" spans="44:44" ht="15.75" customHeight="1" x14ac:dyDescent="0.15">
      <c r="AR35333" s="9" ph="1"/>
    </row>
    <row r="35334" spans="44:44" ht="15.75" customHeight="1" x14ac:dyDescent="0.15">
      <c r="AR35334" s="9" ph="1"/>
    </row>
    <row r="35335" spans="44:44" ht="15.75" customHeight="1" x14ac:dyDescent="0.15">
      <c r="AR35335" s="9" ph="1"/>
    </row>
    <row r="35336" spans="44:44" ht="15.75" customHeight="1" x14ac:dyDescent="0.15">
      <c r="AR35336" s="9" ph="1"/>
    </row>
    <row r="35337" spans="44:44" ht="15.75" customHeight="1" x14ac:dyDescent="0.15">
      <c r="AR35337" s="9" ph="1"/>
    </row>
    <row r="35338" spans="44:44" ht="15.75" customHeight="1" x14ac:dyDescent="0.15">
      <c r="AR35338" s="9" ph="1"/>
    </row>
    <row r="35340" spans="44:44" ht="15.75" customHeight="1" x14ac:dyDescent="0.15">
      <c r="AR35340" s="9" ph="1"/>
    </row>
    <row r="35341" spans="44:44" ht="15.75" customHeight="1" x14ac:dyDescent="0.15">
      <c r="AR35341" s="9" ph="1"/>
    </row>
    <row r="35342" spans="44:44" ht="15.75" customHeight="1" x14ac:dyDescent="0.15">
      <c r="AR35342" s="9" ph="1"/>
    </row>
    <row r="35344" spans="44:44" ht="15.75" customHeight="1" x14ac:dyDescent="0.15">
      <c r="AR35344" s="9" ph="1"/>
    </row>
    <row r="35345" spans="44:44" ht="15.75" customHeight="1" x14ac:dyDescent="0.15">
      <c r="AR35345" s="9" ph="1"/>
    </row>
    <row r="35346" spans="44:44" ht="15.75" customHeight="1" x14ac:dyDescent="0.15">
      <c r="AR35346" s="9" ph="1"/>
    </row>
    <row r="35347" spans="44:44" ht="15.75" customHeight="1" x14ac:dyDescent="0.15">
      <c r="AR35347" s="9" ph="1"/>
    </row>
    <row r="35348" spans="44:44" ht="15.75" customHeight="1" x14ac:dyDescent="0.15">
      <c r="AR35348" s="9" ph="1"/>
    </row>
    <row r="35349" spans="44:44" ht="15.75" customHeight="1" x14ac:dyDescent="0.15">
      <c r="AR35349" s="9" ph="1"/>
    </row>
    <row r="35350" spans="44:44" ht="15.75" customHeight="1" x14ac:dyDescent="0.15">
      <c r="AR35350" s="9" ph="1"/>
    </row>
    <row r="35351" spans="44:44" ht="15.75" customHeight="1" x14ac:dyDescent="0.15">
      <c r="AR35351" s="9" ph="1"/>
    </row>
    <row r="35353" spans="44:44" ht="15.75" customHeight="1" x14ac:dyDescent="0.15">
      <c r="AR35353" s="9" ph="1"/>
    </row>
    <row r="35354" spans="44:44" ht="15.75" customHeight="1" x14ac:dyDescent="0.15">
      <c r="AR35354" s="9" ph="1"/>
    </row>
    <row r="35355" spans="44:44" ht="15.75" customHeight="1" x14ac:dyDescent="0.15">
      <c r="AR35355" s="9" ph="1"/>
    </row>
    <row r="35356" spans="44:44" ht="15.75" customHeight="1" x14ac:dyDescent="0.15">
      <c r="AR35356" s="9" ph="1"/>
    </row>
    <row r="35357" spans="44:44" ht="15.75" customHeight="1" x14ac:dyDescent="0.15">
      <c r="AR35357" s="9" ph="1"/>
    </row>
    <row r="35358" spans="44:44" ht="15.75" customHeight="1" x14ac:dyDescent="0.15">
      <c r="AR35358" s="9" ph="1"/>
    </row>
    <row r="35359" spans="44:44" ht="15.75" customHeight="1" x14ac:dyDescent="0.15">
      <c r="AR35359" s="9" ph="1"/>
    </row>
    <row r="35360" spans="44:44" ht="15.75" customHeight="1" x14ac:dyDescent="0.15">
      <c r="AR35360" s="9" ph="1"/>
    </row>
    <row r="35362" spans="44:44" ht="15.75" customHeight="1" x14ac:dyDescent="0.15">
      <c r="AR35362" s="9" ph="1"/>
    </row>
    <row r="35363" spans="44:44" ht="15.75" customHeight="1" x14ac:dyDescent="0.15">
      <c r="AR35363" s="9" ph="1"/>
    </row>
    <row r="35364" spans="44:44" ht="15.75" customHeight="1" x14ac:dyDescent="0.15">
      <c r="AR35364" s="9" ph="1"/>
    </row>
    <row r="35365" spans="44:44" ht="15.75" customHeight="1" x14ac:dyDescent="0.15">
      <c r="AR35365" s="9" ph="1"/>
    </row>
    <row r="35366" spans="44:44" ht="15.75" customHeight="1" x14ac:dyDescent="0.15">
      <c r="AR35366" s="9" ph="1"/>
    </row>
    <row r="35367" spans="44:44" ht="15.75" customHeight="1" x14ac:dyDescent="0.15">
      <c r="AR35367" s="9" ph="1"/>
    </row>
    <row r="35369" spans="44:44" ht="15.75" customHeight="1" x14ac:dyDescent="0.15">
      <c r="AR35369" s="9" ph="1"/>
    </row>
    <row r="35370" spans="44:44" ht="15.75" customHeight="1" x14ac:dyDescent="0.15">
      <c r="AR35370" s="9" ph="1"/>
    </row>
    <row r="35371" spans="44:44" ht="15.75" customHeight="1" x14ac:dyDescent="0.15">
      <c r="AR35371" s="9" ph="1"/>
    </row>
    <row r="35372" spans="44:44" ht="15.75" customHeight="1" x14ac:dyDescent="0.15">
      <c r="AR35372" s="9" ph="1"/>
    </row>
    <row r="35373" spans="44:44" ht="15.75" customHeight="1" x14ac:dyDescent="0.15">
      <c r="AR35373" s="9" ph="1"/>
    </row>
    <row r="35374" spans="44:44" ht="15.75" customHeight="1" x14ac:dyDescent="0.15">
      <c r="AR35374" s="9" ph="1"/>
    </row>
    <row r="35375" spans="44:44" ht="15.75" customHeight="1" x14ac:dyDescent="0.15">
      <c r="AR35375" s="9" ph="1"/>
    </row>
    <row r="35376" spans="44:44" ht="15.75" customHeight="1" x14ac:dyDescent="0.15">
      <c r="AR35376" s="9" ph="1"/>
    </row>
    <row r="35377" spans="44:44" ht="15.75" customHeight="1" x14ac:dyDescent="0.15">
      <c r="AR35377" s="9" ph="1"/>
    </row>
    <row r="35378" spans="44:44" ht="15.75" customHeight="1" x14ac:dyDescent="0.15">
      <c r="AR35378" s="9" ph="1"/>
    </row>
    <row r="35379" spans="44:44" ht="15.75" customHeight="1" x14ac:dyDescent="0.15">
      <c r="AR35379" s="9" ph="1"/>
    </row>
    <row r="35380" spans="44:44" ht="15.75" customHeight="1" x14ac:dyDescent="0.15">
      <c r="AR35380" s="9" ph="1"/>
    </row>
    <row r="35381" spans="44:44" ht="15.75" customHeight="1" x14ac:dyDescent="0.15">
      <c r="AR35381" s="9" ph="1"/>
    </row>
    <row r="35382" spans="44:44" ht="15.75" customHeight="1" x14ac:dyDescent="0.15">
      <c r="AR35382" s="9" ph="1"/>
    </row>
    <row r="35383" spans="44:44" ht="15.75" customHeight="1" x14ac:dyDescent="0.15">
      <c r="AR35383" s="9" ph="1"/>
    </row>
    <row r="35384" spans="44:44" ht="15.75" customHeight="1" x14ac:dyDescent="0.15">
      <c r="AR35384" s="9" ph="1"/>
    </row>
    <row r="35385" spans="44:44" ht="15.75" customHeight="1" x14ac:dyDescent="0.15">
      <c r="AR35385" s="9" ph="1"/>
    </row>
    <row r="35387" spans="44:44" ht="15.75" customHeight="1" x14ac:dyDescent="0.15">
      <c r="AR35387" s="9" ph="1"/>
    </row>
    <row r="35388" spans="44:44" ht="15.75" customHeight="1" x14ac:dyDescent="0.15">
      <c r="AR35388" s="9" ph="1"/>
    </row>
    <row r="35389" spans="44:44" ht="15.75" customHeight="1" x14ac:dyDescent="0.15">
      <c r="AR35389" s="9" ph="1"/>
    </row>
    <row r="35390" spans="44:44" ht="15.75" customHeight="1" x14ac:dyDescent="0.15">
      <c r="AR35390" s="9" ph="1"/>
    </row>
    <row r="35391" spans="44:44" ht="15.75" customHeight="1" x14ac:dyDescent="0.15">
      <c r="AR35391" s="9" ph="1"/>
    </row>
    <row r="35392" spans="44:44" ht="15.75" customHeight="1" x14ac:dyDescent="0.15">
      <c r="AR35392" s="9" ph="1"/>
    </row>
    <row r="35393" spans="44:44" ht="15.75" customHeight="1" x14ac:dyDescent="0.15">
      <c r="AR35393" s="9" ph="1"/>
    </row>
    <row r="35394" spans="44:44" ht="15.75" customHeight="1" x14ac:dyDescent="0.15">
      <c r="AR35394" s="9" ph="1"/>
    </row>
    <row r="35395" spans="44:44" ht="15.75" customHeight="1" x14ac:dyDescent="0.15">
      <c r="AR35395" s="9" ph="1"/>
    </row>
    <row r="35396" spans="44:44" ht="15.75" customHeight="1" x14ac:dyDescent="0.15">
      <c r="AR35396" s="9" ph="1"/>
    </row>
    <row r="35397" spans="44:44" ht="15.75" customHeight="1" x14ac:dyDescent="0.15">
      <c r="AR35397" s="9" ph="1"/>
    </row>
    <row r="35398" spans="44:44" ht="15.75" customHeight="1" x14ac:dyDescent="0.15">
      <c r="AR35398" s="9" ph="1"/>
    </row>
    <row r="35400" spans="44:44" ht="15.75" customHeight="1" x14ac:dyDescent="0.15">
      <c r="AR35400" s="9" ph="1"/>
    </row>
    <row r="35401" spans="44:44" ht="15.75" customHeight="1" x14ac:dyDescent="0.15">
      <c r="AR35401" s="9" ph="1"/>
    </row>
    <row r="35402" spans="44:44" ht="15.75" customHeight="1" x14ac:dyDescent="0.15">
      <c r="AR35402" s="9" ph="1"/>
    </row>
    <row r="35404" spans="44:44" ht="15.75" customHeight="1" x14ac:dyDescent="0.15">
      <c r="AR35404" s="9" ph="1"/>
    </row>
    <row r="35405" spans="44:44" ht="15.75" customHeight="1" x14ac:dyDescent="0.15">
      <c r="AR35405" s="9" ph="1"/>
    </row>
    <row r="35406" spans="44:44" ht="15.75" customHeight="1" x14ac:dyDescent="0.15">
      <c r="AR35406" s="9" ph="1"/>
    </row>
    <row r="35407" spans="44:44" ht="15.75" customHeight="1" x14ac:dyDescent="0.15">
      <c r="AR35407" s="9" ph="1"/>
    </row>
    <row r="35408" spans="44:44" ht="15.75" customHeight="1" x14ac:dyDescent="0.15">
      <c r="AR35408" s="9" ph="1"/>
    </row>
    <row r="35409" spans="44:44" ht="15.75" customHeight="1" x14ac:dyDescent="0.15">
      <c r="AR35409" s="9" ph="1"/>
    </row>
    <row r="35410" spans="44:44" ht="15.75" customHeight="1" x14ac:dyDescent="0.15">
      <c r="AR35410" s="9" ph="1"/>
    </row>
    <row r="35411" spans="44:44" ht="15.75" customHeight="1" x14ac:dyDescent="0.15">
      <c r="AR35411" s="9" ph="1"/>
    </row>
    <row r="35413" spans="44:44" ht="15.75" customHeight="1" x14ac:dyDescent="0.15">
      <c r="AR35413" s="9" ph="1"/>
    </row>
    <row r="35414" spans="44:44" ht="15.75" customHeight="1" x14ac:dyDescent="0.15">
      <c r="AR35414" s="9" ph="1"/>
    </row>
    <row r="35415" spans="44:44" ht="15.75" customHeight="1" x14ac:dyDescent="0.15">
      <c r="AR35415" s="9" ph="1"/>
    </row>
    <row r="35416" spans="44:44" ht="15.75" customHeight="1" x14ac:dyDescent="0.15">
      <c r="AR35416" s="9" ph="1"/>
    </row>
    <row r="35417" spans="44:44" ht="15.75" customHeight="1" x14ac:dyDescent="0.15">
      <c r="AR35417" s="9" ph="1"/>
    </row>
    <row r="35418" spans="44:44" ht="15.75" customHeight="1" x14ac:dyDescent="0.15">
      <c r="AR35418" s="9" ph="1"/>
    </row>
    <row r="35419" spans="44:44" ht="15.75" customHeight="1" x14ac:dyDescent="0.15">
      <c r="AR35419" s="9" ph="1"/>
    </row>
    <row r="35420" spans="44:44" ht="15.75" customHeight="1" x14ac:dyDescent="0.15">
      <c r="AR35420" s="9" ph="1"/>
    </row>
    <row r="35422" spans="44:44" ht="15.75" customHeight="1" x14ac:dyDescent="0.15">
      <c r="AR35422" s="9" ph="1"/>
    </row>
    <row r="35423" spans="44:44" ht="15.75" customHeight="1" x14ac:dyDescent="0.15">
      <c r="AR35423" s="9" ph="1"/>
    </row>
    <row r="35424" spans="44:44" ht="15.75" customHeight="1" x14ac:dyDescent="0.15">
      <c r="AR35424" s="9" ph="1"/>
    </row>
    <row r="35425" spans="44:44" ht="15.75" customHeight="1" x14ac:dyDescent="0.15">
      <c r="AR35425" s="9" ph="1"/>
    </row>
    <row r="35426" spans="44:44" ht="15.75" customHeight="1" x14ac:dyDescent="0.15">
      <c r="AR35426" s="9" ph="1"/>
    </row>
    <row r="35427" spans="44:44" ht="15.75" customHeight="1" x14ac:dyDescent="0.15">
      <c r="AR35427" s="9" ph="1"/>
    </row>
    <row r="35429" spans="44:44" ht="15.75" customHeight="1" x14ac:dyDescent="0.15">
      <c r="AR35429" s="9" ph="1"/>
    </row>
    <row r="35430" spans="44:44" ht="15.75" customHeight="1" x14ac:dyDescent="0.15">
      <c r="AR35430" s="9" ph="1"/>
    </row>
    <row r="35431" spans="44:44" ht="15.75" customHeight="1" x14ac:dyDescent="0.15">
      <c r="AR35431" s="9" ph="1"/>
    </row>
    <row r="35432" spans="44:44" ht="15.75" customHeight="1" x14ac:dyDescent="0.15">
      <c r="AR35432" s="9" ph="1"/>
    </row>
    <row r="35433" spans="44:44" ht="15.75" customHeight="1" x14ac:dyDescent="0.15">
      <c r="AR35433" s="9" ph="1"/>
    </row>
    <row r="35434" spans="44:44" ht="15.75" customHeight="1" x14ac:dyDescent="0.15">
      <c r="AR35434" s="9" ph="1"/>
    </row>
    <row r="35435" spans="44:44" ht="15.75" customHeight="1" x14ac:dyDescent="0.15">
      <c r="AR35435" s="9" ph="1"/>
    </row>
    <row r="35437" spans="44:44" ht="15.75" customHeight="1" x14ac:dyDescent="0.15">
      <c r="AR35437" s="9" ph="1"/>
    </row>
    <row r="35438" spans="44:44" ht="15.75" customHeight="1" x14ac:dyDescent="0.15">
      <c r="AR35438" s="9" ph="1"/>
    </row>
    <row r="35439" spans="44:44" ht="15.75" customHeight="1" x14ac:dyDescent="0.15">
      <c r="AR35439" s="9" ph="1"/>
    </row>
    <row r="35440" spans="44:44" ht="15.75" customHeight="1" x14ac:dyDescent="0.15">
      <c r="AR35440" s="9" ph="1"/>
    </row>
    <row r="35441" spans="44:44" ht="15.75" customHeight="1" x14ac:dyDescent="0.15">
      <c r="AR35441" s="9" ph="1"/>
    </row>
    <row r="35442" spans="44:44" ht="15.75" customHeight="1" x14ac:dyDescent="0.15">
      <c r="AR35442" s="9" ph="1"/>
    </row>
    <row r="35443" spans="44:44" ht="15.75" customHeight="1" x14ac:dyDescent="0.15">
      <c r="AR35443" s="9" ph="1"/>
    </row>
    <row r="35444" spans="44:44" ht="15.75" customHeight="1" x14ac:dyDescent="0.15">
      <c r="AR35444" s="9" ph="1"/>
    </row>
    <row r="35445" spans="44:44" ht="15.75" customHeight="1" x14ac:dyDescent="0.15">
      <c r="AR35445" s="9" ph="1"/>
    </row>
    <row r="35446" spans="44:44" ht="15.75" customHeight="1" x14ac:dyDescent="0.15">
      <c r="AR35446" s="9" ph="1"/>
    </row>
    <row r="35447" spans="44:44" ht="15.75" customHeight="1" x14ac:dyDescent="0.15">
      <c r="AR35447" s="9" ph="1"/>
    </row>
    <row r="35448" spans="44:44" ht="15.75" customHeight="1" x14ac:dyDescent="0.15">
      <c r="AR35448" s="9" ph="1"/>
    </row>
    <row r="35449" spans="44:44" ht="15.75" customHeight="1" x14ac:dyDescent="0.15">
      <c r="AR35449" s="9" ph="1"/>
    </row>
    <row r="35450" spans="44:44" ht="15.75" customHeight="1" x14ac:dyDescent="0.15">
      <c r="AR35450" s="9" ph="1"/>
    </row>
    <row r="35451" spans="44:44" ht="15.75" customHeight="1" x14ac:dyDescent="0.15">
      <c r="AR35451" s="9" ph="1"/>
    </row>
    <row r="35453" spans="44:44" ht="15.75" customHeight="1" x14ac:dyDescent="0.15">
      <c r="AR35453" s="9" ph="1"/>
    </row>
    <row r="35454" spans="44:44" ht="15.75" customHeight="1" x14ac:dyDescent="0.15">
      <c r="AR35454" s="9" ph="1"/>
    </row>
    <row r="35455" spans="44:44" ht="15.75" customHeight="1" x14ac:dyDescent="0.15">
      <c r="AR35455" s="9" ph="1"/>
    </row>
    <row r="35456" spans="44:44" ht="15.75" customHeight="1" x14ac:dyDescent="0.15">
      <c r="AR35456" s="9" ph="1"/>
    </row>
    <row r="35457" spans="44:44" ht="15.75" customHeight="1" x14ac:dyDescent="0.15">
      <c r="AR35457" s="9" ph="1"/>
    </row>
    <row r="35458" spans="44:44" ht="15.75" customHeight="1" x14ac:dyDescent="0.15">
      <c r="AR35458" s="9" ph="1"/>
    </row>
    <row r="35459" spans="44:44" ht="15.75" customHeight="1" x14ac:dyDescent="0.15">
      <c r="AR35459" s="9" ph="1"/>
    </row>
    <row r="35460" spans="44:44" ht="15.75" customHeight="1" x14ac:dyDescent="0.15">
      <c r="AR35460" s="9" ph="1"/>
    </row>
    <row r="35461" spans="44:44" ht="15.75" customHeight="1" x14ac:dyDescent="0.15">
      <c r="AR35461" s="9" ph="1"/>
    </row>
    <row r="35462" spans="44:44" ht="15.75" customHeight="1" x14ac:dyDescent="0.15">
      <c r="AR35462" s="9" ph="1"/>
    </row>
    <row r="35463" spans="44:44" ht="15.75" customHeight="1" x14ac:dyDescent="0.15">
      <c r="AR35463" s="9" ph="1"/>
    </row>
    <row r="35464" spans="44:44" ht="15.75" customHeight="1" x14ac:dyDescent="0.15">
      <c r="AR35464" s="9" ph="1"/>
    </row>
    <row r="35465" spans="44:44" ht="15.75" customHeight="1" x14ac:dyDescent="0.15">
      <c r="AR35465" s="9" ph="1"/>
    </row>
    <row r="35466" spans="44:44" ht="15.75" customHeight="1" x14ac:dyDescent="0.15">
      <c r="AR35466" s="9" ph="1"/>
    </row>
    <row r="35467" spans="44:44" ht="15.75" customHeight="1" x14ac:dyDescent="0.15">
      <c r="AR35467" s="9" ph="1"/>
    </row>
    <row r="35468" spans="44:44" ht="15.75" customHeight="1" x14ac:dyDescent="0.15">
      <c r="AR35468" s="9" ph="1"/>
    </row>
    <row r="35469" spans="44:44" ht="15.75" customHeight="1" x14ac:dyDescent="0.15">
      <c r="AR35469" s="9" ph="1"/>
    </row>
    <row r="35470" spans="44:44" ht="15.75" customHeight="1" x14ac:dyDescent="0.15">
      <c r="AR35470" s="9" ph="1"/>
    </row>
    <row r="35472" spans="44:44" ht="15.75" customHeight="1" x14ac:dyDescent="0.15">
      <c r="AR35472" s="9" ph="1"/>
    </row>
    <row r="35473" spans="44:44" ht="15.75" customHeight="1" x14ac:dyDescent="0.15">
      <c r="AR35473" s="9" ph="1"/>
    </row>
    <row r="35474" spans="44:44" ht="15.75" customHeight="1" x14ac:dyDescent="0.15">
      <c r="AR35474" s="9" ph="1"/>
    </row>
    <row r="35475" spans="44:44" ht="15.75" customHeight="1" x14ac:dyDescent="0.15">
      <c r="AR35475" s="9" ph="1"/>
    </row>
    <row r="35476" spans="44:44" ht="15.75" customHeight="1" x14ac:dyDescent="0.15">
      <c r="AR35476" s="9" ph="1"/>
    </row>
    <row r="35477" spans="44:44" ht="15.75" customHeight="1" x14ac:dyDescent="0.15">
      <c r="AR35477" s="9" ph="1"/>
    </row>
    <row r="35478" spans="44:44" ht="15.75" customHeight="1" x14ac:dyDescent="0.15">
      <c r="AR35478" s="9" ph="1"/>
    </row>
    <row r="35479" spans="44:44" ht="15.75" customHeight="1" x14ac:dyDescent="0.15">
      <c r="AR35479" s="9" ph="1"/>
    </row>
    <row r="35480" spans="44:44" ht="15.75" customHeight="1" x14ac:dyDescent="0.15">
      <c r="AR35480" s="9" ph="1"/>
    </row>
    <row r="35481" spans="44:44" ht="15.75" customHeight="1" x14ac:dyDescent="0.15">
      <c r="AR35481" s="9" ph="1"/>
    </row>
    <row r="35483" spans="44:44" ht="15.75" customHeight="1" x14ac:dyDescent="0.15">
      <c r="AR35483" s="9" ph="1"/>
    </row>
    <row r="35484" spans="44:44" ht="15.75" customHeight="1" x14ac:dyDescent="0.15">
      <c r="AR35484" s="9" ph="1"/>
    </row>
    <row r="35485" spans="44:44" ht="15.75" customHeight="1" x14ac:dyDescent="0.15">
      <c r="AR35485" s="9" ph="1"/>
    </row>
    <row r="35486" spans="44:44" ht="15.75" customHeight="1" x14ac:dyDescent="0.15">
      <c r="AR35486" s="9" ph="1"/>
    </row>
    <row r="35487" spans="44:44" ht="15.75" customHeight="1" x14ac:dyDescent="0.15">
      <c r="AR35487" s="9" ph="1"/>
    </row>
    <row r="35488" spans="44:44" ht="15.75" customHeight="1" x14ac:dyDescent="0.15">
      <c r="AR35488" s="9" ph="1"/>
    </row>
    <row r="35490" spans="44:44" ht="15.75" customHeight="1" x14ac:dyDescent="0.15">
      <c r="AR35490" s="9" ph="1"/>
    </row>
    <row r="35491" spans="44:44" ht="15.75" customHeight="1" x14ac:dyDescent="0.15">
      <c r="AR35491" s="9" ph="1"/>
    </row>
    <row r="35492" spans="44:44" ht="15.75" customHeight="1" x14ac:dyDescent="0.15">
      <c r="AR35492" s="9" ph="1"/>
    </row>
    <row r="35493" spans="44:44" ht="15.75" customHeight="1" x14ac:dyDescent="0.15">
      <c r="AR35493" s="9" ph="1"/>
    </row>
    <row r="35494" spans="44:44" ht="15.75" customHeight="1" x14ac:dyDescent="0.15">
      <c r="AR35494" s="9" ph="1"/>
    </row>
    <row r="35495" spans="44:44" ht="15.75" customHeight="1" x14ac:dyDescent="0.15">
      <c r="AR35495" s="9" ph="1"/>
    </row>
    <row r="35496" spans="44:44" ht="15.75" customHeight="1" x14ac:dyDescent="0.15">
      <c r="AR35496" s="9" ph="1"/>
    </row>
    <row r="35497" spans="44:44" ht="15.75" customHeight="1" x14ac:dyDescent="0.15">
      <c r="AR35497" s="9" ph="1"/>
    </row>
    <row r="35498" spans="44:44" ht="15.75" customHeight="1" x14ac:dyDescent="0.15">
      <c r="AR35498" s="9" ph="1"/>
    </row>
    <row r="35499" spans="44:44" ht="15.75" customHeight="1" x14ac:dyDescent="0.15">
      <c r="AR35499" s="9" ph="1"/>
    </row>
    <row r="35501" spans="44:44" ht="15.75" customHeight="1" x14ac:dyDescent="0.15">
      <c r="AR35501" s="9" ph="1"/>
    </row>
    <row r="35502" spans="44:44" ht="15.75" customHeight="1" x14ac:dyDescent="0.15">
      <c r="AR35502" s="9" ph="1"/>
    </row>
    <row r="35503" spans="44:44" ht="15.75" customHeight="1" x14ac:dyDescent="0.15">
      <c r="AR35503" s="9" ph="1"/>
    </row>
    <row r="35504" spans="44:44" ht="15.75" customHeight="1" x14ac:dyDescent="0.15">
      <c r="AR35504" s="9" ph="1"/>
    </row>
    <row r="35505" spans="44:44" ht="15.75" customHeight="1" x14ac:dyDescent="0.15">
      <c r="AR35505" s="9" ph="1"/>
    </row>
    <row r="35506" spans="44:44" ht="15.75" customHeight="1" x14ac:dyDescent="0.15">
      <c r="AR35506" s="9" ph="1"/>
    </row>
    <row r="35507" spans="44:44" ht="15.75" customHeight="1" x14ac:dyDescent="0.15">
      <c r="AR35507" s="9" ph="1"/>
    </row>
    <row r="35508" spans="44:44" ht="15.75" customHeight="1" x14ac:dyDescent="0.15">
      <c r="AR35508" s="9" ph="1"/>
    </row>
    <row r="35509" spans="44:44" ht="15.75" customHeight="1" x14ac:dyDescent="0.15">
      <c r="AR35509" s="9" ph="1"/>
    </row>
    <row r="35511" spans="44:44" ht="15.75" customHeight="1" x14ac:dyDescent="0.15">
      <c r="AR35511" s="9" ph="1"/>
    </row>
    <row r="35512" spans="44:44" ht="15.75" customHeight="1" x14ac:dyDescent="0.15">
      <c r="AR35512" s="9" ph="1"/>
    </row>
    <row r="35513" spans="44:44" ht="15.75" customHeight="1" x14ac:dyDescent="0.15">
      <c r="AR35513" s="9" ph="1"/>
    </row>
    <row r="35514" spans="44:44" ht="15.75" customHeight="1" x14ac:dyDescent="0.15">
      <c r="AR35514" s="9" ph="1"/>
    </row>
    <row r="35515" spans="44:44" ht="15.75" customHeight="1" x14ac:dyDescent="0.15">
      <c r="AR35515" s="9" ph="1"/>
    </row>
    <row r="35516" spans="44:44" ht="15.75" customHeight="1" x14ac:dyDescent="0.15">
      <c r="AR35516" s="9" ph="1"/>
    </row>
    <row r="35517" spans="44:44" ht="15.75" customHeight="1" x14ac:dyDescent="0.15">
      <c r="AR35517" s="9" ph="1"/>
    </row>
    <row r="35518" spans="44:44" ht="15.75" customHeight="1" x14ac:dyDescent="0.15">
      <c r="AR35518" s="9" ph="1"/>
    </row>
    <row r="35519" spans="44:44" ht="15.75" customHeight="1" x14ac:dyDescent="0.15">
      <c r="AR35519" s="9" ph="1"/>
    </row>
    <row r="35520" spans="44:44" ht="15.75" customHeight="1" x14ac:dyDescent="0.15">
      <c r="AR35520" s="9" ph="1"/>
    </row>
    <row r="35522" spans="44:44" ht="15.75" customHeight="1" x14ac:dyDescent="0.15">
      <c r="AR35522" s="9" ph="1"/>
    </row>
    <row r="35523" spans="44:44" ht="15.75" customHeight="1" x14ac:dyDescent="0.15">
      <c r="AR35523" s="9" ph="1"/>
    </row>
    <row r="35524" spans="44:44" ht="15.75" customHeight="1" x14ac:dyDescent="0.15">
      <c r="AR35524" s="9" ph="1"/>
    </row>
    <row r="35525" spans="44:44" ht="15.75" customHeight="1" x14ac:dyDescent="0.15">
      <c r="AR35525" s="9" ph="1"/>
    </row>
    <row r="35526" spans="44:44" ht="15.75" customHeight="1" x14ac:dyDescent="0.15">
      <c r="AR35526" s="9" ph="1"/>
    </row>
    <row r="35527" spans="44:44" ht="15.75" customHeight="1" x14ac:dyDescent="0.15">
      <c r="AR35527" s="9" ph="1"/>
    </row>
    <row r="35528" spans="44:44" ht="15.75" customHeight="1" x14ac:dyDescent="0.15">
      <c r="AR35528" s="9" ph="1"/>
    </row>
    <row r="35529" spans="44:44" ht="15.75" customHeight="1" x14ac:dyDescent="0.15">
      <c r="AR35529" s="9" ph="1"/>
    </row>
    <row r="35530" spans="44:44" ht="15.75" customHeight="1" x14ac:dyDescent="0.15">
      <c r="AR35530" s="9" ph="1"/>
    </row>
    <row r="35531" spans="44:44" ht="15.75" customHeight="1" x14ac:dyDescent="0.15">
      <c r="AR35531" s="9" ph="1"/>
    </row>
    <row r="35532" spans="44:44" ht="15.75" customHeight="1" x14ac:dyDescent="0.15">
      <c r="AR35532" s="9" ph="1"/>
    </row>
    <row r="35533" spans="44:44" ht="15.75" customHeight="1" x14ac:dyDescent="0.15">
      <c r="AR35533" s="9" ph="1"/>
    </row>
    <row r="35534" spans="44:44" ht="15.75" customHeight="1" x14ac:dyDescent="0.15">
      <c r="AR35534" s="9" ph="1"/>
    </row>
    <row r="35535" spans="44:44" ht="15.75" customHeight="1" x14ac:dyDescent="0.15">
      <c r="AR35535" s="9" ph="1"/>
    </row>
    <row r="35536" spans="44:44" ht="15.75" customHeight="1" x14ac:dyDescent="0.15">
      <c r="AR35536" s="9" ph="1"/>
    </row>
    <row r="35538" spans="44:44" ht="15.75" customHeight="1" x14ac:dyDescent="0.15">
      <c r="AR35538" s="9" ph="1"/>
    </row>
    <row r="35539" spans="44:44" ht="15.75" customHeight="1" x14ac:dyDescent="0.15">
      <c r="AR35539" s="9" ph="1"/>
    </row>
    <row r="35540" spans="44:44" ht="15.75" customHeight="1" x14ac:dyDescent="0.15">
      <c r="AR35540" s="9" ph="1"/>
    </row>
    <row r="35541" spans="44:44" ht="15.75" customHeight="1" x14ac:dyDescent="0.15">
      <c r="AR35541" s="9" ph="1"/>
    </row>
    <row r="35542" spans="44:44" ht="15.75" customHeight="1" x14ac:dyDescent="0.15">
      <c r="AR35542" s="9" ph="1"/>
    </row>
    <row r="35543" spans="44:44" ht="15.75" customHeight="1" x14ac:dyDescent="0.15">
      <c r="AR35543" s="9" ph="1"/>
    </row>
    <row r="35544" spans="44:44" ht="15.75" customHeight="1" x14ac:dyDescent="0.15">
      <c r="AR35544" s="9" ph="1"/>
    </row>
    <row r="35545" spans="44:44" ht="15.75" customHeight="1" x14ac:dyDescent="0.15">
      <c r="AR35545" s="9" ph="1"/>
    </row>
    <row r="35546" spans="44:44" ht="15.75" customHeight="1" x14ac:dyDescent="0.15">
      <c r="AR35546" s="9" ph="1"/>
    </row>
    <row r="35547" spans="44:44" ht="15.75" customHeight="1" x14ac:dyDescent="0.15">
      <c r="AR35547" s="9" ph="1"/>
    </row>
    <row r="35549" spans="44:44" ht="15.75" customHeight="1" x14ac:dyDescent="0.15">
      <c r="AR35549" s="9" ph="1"/>
    </row>
    <row r="35550" spans="44:44" ht="15.75" customHeight="1" x14ac:dyDescent="0.15">
      <c r="AR35550" s="9" ph="1"/>
    </row>
    <row r="35551" spans="44:44" ht="15.75" customHeight="1" x14ac:dyDescent="0.15">
      <c r="AR35551" s="9" ph="1"/>
    </row>
    <row r="35552" spans="44:44" ht="15.75" customHeight="1" x14ac:dyDescent="0.15">
      <c r="AR35552" s="9" ph="1"/>
    </row>
    <row r="35553" spans="44:44" ht="15.75" customHeight="1" x14ac:dyDescent="0.15">
      <c r="AR35553" s="9" ph="1"/>
    </row>
    <row r="35554" spans="44:44" ht="15.75" customHeight="1" x14ac:dyDescent="0.15">
      <c r="AR35554" s="9" ph="1"/>
    </row>
    <row r="35555" spans="44:44" ht="15.75" customHeight="1" x14ac:dyDescent="0.15">
      <c r="AR35555" s="9" ph="1"/>
    </row>
    <row r="35556" spans="44:44" ht="15.75" customHeight="1" x14ac:dyDescent="0.15">
      <c r="AR35556" s="9" ph="1"/>
    </row>
    <row r="35557" spans="44:44" ht="15.75" customHeight="1" x14ac:dyDescent="0.15">
      <c r="AR35557" s="9" ph="1"/>
    </row>
    <row r="35558" spans="44:44" ht="15.75" customHeight="1" x14ac:dyDescent="0.15">
      <c r="AR35558" s="9" ph="1"/>
    </row>
    <row r="35559" spans="44:44" ht="15.75" customHeight="1" x14ac:dyDescent="0.15">
      <c r="AR35559" s="9" ph="1"/>
    </row>
    <row r="35560" spans="44:44" ht="15.75" customHeight="1" x14ac:dyDescent="0.15">
      <c r="AR35560" s="9" ph="1"/>
    </row>
    <row r="35561" spans="44:44" ht="15.75" customHeight="1" x14ac:dyDescent="0.15">
      <c r="AR35561" s="9" ph="1"/>
    </row>
    <row r="35562" spans="44:44" ht="15.75" customHeight="1" x14ac:dyDescent="0.15">
      <c r="AR35562" s="9" ph="1"/>
    </row>
    <row r="35563" spans="44:44" ht="15.75" customHeight="1" x14ac:dyDescent="0.15">
      <c r="AR35563" s="9" ph="1"/>
    </row>
    <row r="35564" spans="44:44" ht="15.75" customHeight="1" x14ac:dyDescent="0.15">
      <c r="AR35564" s="9" ph="1"/>
    </row>
    <row r="35566" spans="44:44" ht="15.75" customHeight="1" x14ac:dyDescent="0.15">
      <c r="AR35566" s="9" ph="1"/>
    </row>
    <row r="35567" spans="44:44" ht="15.75" customHeight="1" x14ac:dyDescent="0.15">
      <c r="AR35567" s="9" ph="1"/>
    </row>
    <row r="35568" spans="44:44" ht="15.75" customHeight="1" x14ac:dyDescent="0.15">
      <c r="AR35568" s="9" ph="1"/>
    </row>
    <row r="35570" spans="44:44" ht="15.75" customHeight="1" x14ac:dyDescent="0.15">
      <c r="AR35570" s="9" ph="1"/>
    </row>
    <row r="35571" spans="44:44" ht="15.75" customHeight="1" x14ac:dyDescent="0.15">
      <c r="AR35571" s="9" ph="1"/>
    </row>
    <row r="35572" spans="44:44" ht="15.75" customHeight="1" x14ac:dyDescent="0.15">
      <c r="AR35572" s="9" ph="1"/>
    </row>
    <row r="35573" spans="44:44" ht="15.75" customHeight="1" x14ac:dyDescent="0.15">
      <c r="AR35573" s="9" ph="1"/>
    </row>
    <row r="35574" spans="44:44" ht="15.75" customHeight="1" x14ac:dyDescent="0.15">
      <c r="AR35574" s="9" ph="1"/>
    </row>
    <row r="35575" spans="44:44" ht="15.75" customHeight="1" x14ac:dyDescent="0.15">
      <c r="AR35575" s="9" ph="1"/>
    </row>
    <row r="35576" spans="44:44" ht="15.75" customHeight="1" x14ac:dyDescent="0.15">
      <c r="AR35576" s="9" ph="1"/>
    </row>
    <row r="35577" spans="44:44" ht="15.75" customHeight="1" x14ac:dyDescent="0.15">
      <c r="AR35577" s="9" ph="1"/>
    </row>
    <row r="35579" spans="44:44" ht="15.75" customHeight="1" x14ac:dyDescent="0.15">
      <c r="AR35579" s="9" ph="1"/>
    </row>
    <row r="35580" spans="44:44" ht="15.75" customHeight="1" x14ac:dyDescent="0.15">
      <c r="AR35580" s="9" ph="1"/>
    </row>
    <row r="35581" spans="44:44" ht="15.75" customHeight="1" x14ac:dyDescent="0.15">
      <c r="AR35581" s="9" ph="1"/>
    </row>
    <row r="35582" spans="44:44" ht="15.75" customHeight="1" x14ac:dyDescent="0.15">
      <c r="AR35582" s="9" ph="1"/>
    </row>
    <row r="35583" spans="44:44" ht="15.75" customHeight="1" x14ac:dyDescent="0.15">
      <c r="AR35583" s="9" ph="1"/>
    </row>
    <row r="35584" spans="44:44" ht="15.75" customHeight="1" x14ac:dyDescent="0.15">
      <c r="AR35584" s="9" ph="1"/>
    </row>
    <row r="35585" spans="44:44" ht="15.75" customHeight="1" x14ac:dyDescent="0.15">
      <c r="AR35585" s="9" ph="1"/>
    </row>
    <row r="35586" spans="44:44" ht="15.75" customHeight="1" x14ac:dyDescent="0.15">
      <c r="AR35586" s="9" ph="1"/>
    </row>
    <row r="35588" spans="44:44" ht="15.75" customHeight="1" x14ac:dyDescent="0.15">
      <c r="AR35588" s="9" ph="1"/>
    </row>
    <row r="35589" spans="44:44" ht="15.75" customHeight="1" x14ac:dyDescent="0.15">
      <c r="AR35589" s="9" ph="1"/>
    </row>
    <row r="35590" spans="44:44" ht="15.75" customHeight="1" x14ac:dyDescent="0.15">
      <c r="AR35590" s="9" ph="1"/>
    </row>
    <row r="35591" spans="44:44" ht="15.75" customHeight="1" x14ac:dyDescent="0.15">
      <c r="AR35591" s="9" ph="1"/>
    </row>
    <row r="35592" spans="44:44" ht="15.75" customHeight="1" x14ac:dyDescent="0.15">
      <c r="AR35592" s="9" ph="1"/>
    </row>
    <row r="35593" spans="44:44" ht="15.75" customHeight="1" x14ac:dyDescent="0.15">
      <c r="AR35593" s="9" ph="1"/>
    </row>
    <row r="35595" spans="44:44" ht="15.75" customHeight="1" x14ac:dyDescent="0.15">
      <c r="AR35595" s="9" ph="1"/>
    </row>
    <row r="35596" spans="44:44" ht="15.75" customHeight="1" x14ac:dyDescent="0.15">
      <c r="AR35596" s="9" ph="1"/>
    </row>
    <row r="35597" spans="44:44" ht="15.75" customHeight="1" x14ac:dyDescent="0.15">
      <c r="AR35597" s="9" ph="1"/>
    </row>
    <row r="35598" spans="44:44" ht="15.75" customHeight="1" x14ac:dyDescent="0.15">
      <c r="AR35598" s="9" ph="1"/>
    </row>
    <row r="35599" spans="44:44" ht="15.75" customHeight="1" x14ac:dyDescent="0.15">
      <c r="AR35599" s="9" ph="1"/>
    </row>
    <row r="35600" spans="44:44" ht="15.75" customHeight="1" x14ac:dyDescent="0.15">
      <c r="AR35600" s="9" ph="1"/>
    </row>
    <row r="35601" spans="44:44" ht="15.75" customHeight="1" x14ac:dyDescent="0.15">
      <c r="AR35601" s="9" ph="1"/>
    </row>
    <row r="35602" spans="44:44" ht="15.75" customHeight="1" x14ac:dyDescent="0.15">
      <c r="AR35602" s="9" ph="1"/>
    </row>
    <row r="35603" spans="44:44" ht="15.75" customHeight="1" x14ac:dyDescent="0.15">
      <c r="AR35603" s="9" ph="1"/>
    </row>
    <row r="35604" spans="44:44" ht="15.75" customHeight="1" x14ac:dyDescent="0.15">
      <c r="AR35604" s="9" ph="1"/>
    </row>
    <row r="35605" spans="44:44" ht="15.75" customHeight="1" x14ac:dyDescent="0.15">
      <c r="AR35605" s="9" ph="1"/>
    </row>
    <row r="35607" spans="44:44" ht="15.75" customHeight="1" x14ac:dyDescent="0.15">
      <c r="AR35607" s="9" ph="1"/>
    </row>
    <row r="35608" spans="44:44" ht="15.75" customHeight="1" x14ac:dyDescent="0.15">
      <c r="AR35608" s="9" ph="1"/>
    </row>
    <row r="35609" spans="44:44" ht="15.75" customHeight="1" x14ac:dyDescent="0.15">
      <c r="AR35609" s="9" ph="1"/>
    </row>
    <row r="35610" spans="44:44" ht="15.75" customHeight="1" x14ac:dyDescent="0.15">
      <c r="AR35610" s="9" ph="1"/>
    </row>
    <row r="35611" spans="44:44" ht="15.75" customHeight="1" x14ac:dyDescent="0.15">
      <c r="AR35611" s="9" ph="1"/>
    </row>
    <row r="35612" spans="44:44" ht="15.75" customHeight="1" x14ac:dyDescent="0.15">
      <c r="AR35612" s="9" ph="1"/>
    </row>
    <row r="35614" spans="44:44" ht="15.75" customHeight="1" x14ac:dyDescent="0.15">
      <c r="AR35614" s="9" ph="1"/>
    </row>
    <row r="35615" spans="44:44" ht="15.75" customHeight="1" x14ac:dyDescent="0.15">
      <c r="AR35615" s="9" ph="1"/>
    </row>
    <row r="35616" spans="44:44" ht="15.75" customHeight="1" x14ac:dyDescent="0.15">
      <c r="AR35616" s="9" ph="1"/>
    </row>
    <row r="35617" spans="44:44" ht="15.75" customHeight="1" x14ac:dyDescent="0.15">
      <c r="AR35617" s="9" ph="1"/>
    </row>
    <row r="35618" spans="44:44" ht="15.75" customHeight="1" x14ac:dyDescent="0.15">
      <c r="AR35618" s="9" ph="1"/>
    </row>
    <row r="35619" spans="44:44" ht="15.75" customHeight="1" x14ac:dyDescent="0.15">
      <c r="AR35619" s="9" ph="1"/>
    </row>
    <row r="35620" spans="44:44" ht="15.75" customHeight="1" x14ac:dyDescent="0.15">
      <c r="AR35620" s="9" ph="1"/>
    </row>
    <row r="35621" spans="44:44" ht="15.75" customHeight="1" x14ac:dyDescent="0.15">
      <c r="AR35621" s="9" ph="1"/>
    </row>
    <row r="35622" spans="44:44" ht="15.75" customHeight="1" x14ac:dyDescent="0.15">
      <c r="AR35622" s="9" ph="1"/>
    </row>
    <row r="35623" spans="44:44" ht="15.75" customHeight="1" x14ac:dyDescent="0.15">
      <c r="AR35623" s="9" ph="1"/>
    </row>
    <row r="35624" spans="44:44" ht="15.75" customHeight="1" x14ac:dyDescent="0.15">
      <c r="AR35624" s="9" ph="1"/>
    </row>
    <row r="35625" spans="44:44" ht="15.75" customHeight="1" x14ac:dyDescent="0.15">
      <c r="AR35625" s="9" ph="1"/>
    </row>
    <row r="35626" spans="44:44" ht="15.75" customHeight="1" x14ac:dyDescent="0.15">
      <c r="AR35626" s="9" ph="1"/>
    </row>
    <row r="35627" spans="44:44" ht="15.75" customHeight="1" x14ac:dyDescent="0.15">
      <c r="AR35627" s="9" ph="1"/>
    </row>
    <row r="35628" spans="44:44" ht="15.75" customHeight="1" x14ac:dyDescent="0.15">
      <c r="AR35628" s="9" ph="1"/>
    </row>
    <row r="35629" spans="44:44" ht="15.75" customHeight="1" x14ac:dyDescent="0.15">
      <c r="AR35629" s="9" ph="1"/>
    </row>
    <row r="35630" spans="44:44" ht="15.75" customHeight="1" x14ac:dyDescent="0.15">
      <c r="AR35630" s="9" ph="1"/>
    </row>
    <row r="35631" spans="44:44" ht="15.75" customHeight="1" x14ac:dyDescent="0.15">
      <c r="AR35631" s="9" ph="1"/>
    </row>
    <row r="35632" spans="44:44" ht="15.75" customHeight="1" x14ac:dyDescent="0.15">
      <c r="AR35632" s="9" ph="1"/>
    </row>
    <row r="35634" spans="44:44" ht="15.75" customHeight="1" x14ac:dyDescent="0.15">
      <c r="AR35634" s="9" ph="1"/>
    </row>
    <row r="35635" spans="44:44" ht="15.75" customHeight="1" x14ac:dyDescent="0.15">
      <c r="AR35635" s="9" ph="1"/>
    </row>
    <row r="35636" spans="44:44" ht="15.75" customHeight="1" x14ac:dyDescent="0.15">
      <c r="AR35636" s="9" ph="1"/>
    </row>
    <row r="35638" spans="44:44" ht="15.75" customHeight="1" x14ac:dyDescent="0.15">
      <c r="AR35638" s="9" ph="1"/>
    </row>
    <row r="35639" spans="44:44" ht="15.75" customHeight="1" x14ac:dyDescent="0.15">
      <c r="AR35639" s="9" ph="1"/>
    </row>
    <row r="35640" spans="44:44" ht="15.75" customHeight="1" x14ac:dyDescent="0.15">
      <c r="AR35640" s="9" ph="1"/>
    </row>
    <row r="35641" spans="44:44" ht="15.75" customHeight="1" x14ac:dyDescent="0.15">
      <c r="AR35641" s="9" ph="1"/>
    </row>
    <row r="35642" spans="44:44" ht="15.75" customHeight="1" x14ac:dyDescent="0.15">
      <c r="AR35642" s="9" ph="1"/>
    </row>
    <row r="35643" spans="44:44" ht="15.75" customHeight="1" x14ac:dyDescent="0.15">
      <c r="AR35643" s="9" ph="1"/>
    </row>
    <row r="35644" spans="44:44" ht="15.75" customHeight="1" x14ac:dyDescent="0.15">
      <c r="AR35644" s="9" ph="1"/>
    </row>
    <row r="35645" spans="44:44" ht="15.75" customHeight="1" x14ac:dyDescent="0.15">
      <c r="AR35645" s="9" ph="1"/>
    </row>
    <row r="35646" spans="44:44" ht="15.75" customHeight="1" x14ac:dyDescent="0.15">
      <c r="AR35646" s="9" ph="1"/>
    </row>
    <row r="35647" spans="44:44" ht="15.75" customHeight="1" x14ac:dyDescent="0.15">
      <c r="AR35647" s="9" ph="1"/>
    </row>
    <row r="35648" spans="44:44" ht="15.75" customHeight="1" x14ac:dyDescent="0.15">
      <c r="AR35648" s="9" ph="1"/>
    </row>
    <row r="35649" spans="44:44" ht="15.75" customHeight="1" x14ac:dyDescent="0.15">
      <c r="AR35649" s="9" ph="1"/>
    </row>
    <row r="35650" spans="44:44" ht="15.75" customHeight="1" x14ac:dyDescent="0.15">
      <c r="AR35650" s="9" ph="1"/>
    </row>
    <row r="35651" spans="44:44" ht="15.75" customHeight="1" x14ac:dyDescent="0.15">
      <c r="AR35651" s="9" ph="1"/>
    </row>
    <row r="35652" spans="44:44" ht="15.75" customHeight="1" x14ac:dyDescent="0.15">
      <c r="AR35652" s="9" ph="1"/>
    </row>
    <row r="35653" spans="44:44" ht="15.75" customHeight="1" x14ac:dyDescent="0.15">
      <c r="AR35653" s="9" ph="1"/>
    </row>
    <row r="35655" spans="44:44" ht="15.75" customHeight="1" x14ac:dyDescent="0.15">
      <c r="AR35655" s="9" ph="1"/>
    </row>
    <row r="35656" spans="44:44" ht="15.75" customHeight="1" x14ac:dyDescent="0.15">
      <c r="AR35656" s="9" ph="1"/>
    </row>
    <row r="35657" spans="44:44" ht="15.75" customHeight="1" x14ac:dyDescent="0.15">
      <c r="AR35657" s="9" ph="1"/>
    </row>
    <row r="35659" spans="44:44" ht="15.75" customHeight="1" x14ac:dyDescent="0.15">
      <c r="AR35659" s="9" ph="1"/>
    </row>
    <row r="35660" spans="44:44" ht="15.75" customHeight="1" x14ac:dyDescent="0.15">
      <c r="AR35660" s="9" ph="1"/>
    </row>
    <row r="35661" spans="44:44" ht="15.75" customHeight="1" x14ac:dyDescent="0.15">
      <c r="AR35661" s="9" ph="1"/>
    </row>
    <row r="35662" spans="44:44" ht="15.75" customHeight="1" x14ac:dyDescent="0.15">
      <c r="AR35662" s="9" ph="1"/>
    </row>
    <row r="35663" spans="44:44" ht="15.75" customHeight="1" x14ac:dyDescent="0.15">
      <c r="AR35663" s="9" ph="1"/>
    </row>
    <row r="35664" spans="44:44" ht="15.75" customHeight="1" x14ac:dyDescent="0.15">
      <c r="AR35664" s="9" ph="1"/>
    </row>
    <row r="35665" spans="44:44" ht="15.75" customHeight="1" x14ac:dyDescent="0.15">
      <c r="AR35665" s="9" ph="1"/>
    </row>
    <row r="35666" spans="44:44" ht="15.75" customHeight="1" x14ac:dyDescent="0.15">
      <c r="AR35666" s="9" ph="1"/>
    </row>
    <row r="35668" spans="44:44" ht="15.75" customHeight="1" x14ac:dyDescent="0.15">
      <c r="AR35668" s="9" ph="1"/>
    </row>
    <row r="35669" spans="44:44" ht="15.75" customHeight="1" x14ac:dyDescent="0.15">
      <c r="AR35669" s="9" ph="1"/>
    </row>
    <row r="35670" spans="44:44" ht="15.75" customHeight="1" x14ac:dyDescent="0.15">
      <c r="AR35670" s="9" ph="1"/>
    </row>
    <row r="35671" spans="44:44" ht="15.75" customHeight="1" x14ac:dyDescent="0.15">
      <c r="AR35671" s="9" ph="1"/>
    </row>
    <row r="35672" spans="44:44" ht="15.75" customHeight="1" x14ac:dyDescent="0.15">
      <c r="AR35672" s="9" ph="1"/>
    </row>
    <row r="35673" spans="44:44" ht="15.75" customHeight="1" x14ac:dyDescent="0.15">
      <c r="AR35673" s="9" ph="1"/>
    </row>
    <row r="35674" spans="44:44" ht="15.75" customHeight="1" x14ac:dyDescent="0.15">
      <c r="AR35674" s="9" ph="1"/>
    </row>
    <row r="35675" spans="44:44" ht="15.75" customHeight="1" x14ac:dyDescent="0.15">
      <c r="AR35675" s="9" ph="1"/>
    </row>
    <row r="35677" spans="44:44" ht="15.75" customHeight="1" x14ac:dyDescent="0.15">
      <c r="AR35677" s="9" ph="1"/>
    </row>
    <row r="35678" spans="44:44" ht="15.75" customHeight="1" x14ac:dyDescent="0.15">
      <c r="AR35678" s="9" ph="1"/>
    </row>
    <row r="35679" spans="44:44" ht="15.75" customHeight="1" x14ac:dyDescent="0.15">
      <c r="AR35679" s="9" ph="1"/>
    </row>
    <row r="35680" spans="44:44" ht="15.75" customHeight="1" x14ac:dyDescent="0.15">
      <c r="AR35680" s="9" ph="1"/>
    </row>
    <row r="35681" spans="44:44" ht="15.75" customHeight="1" x14ac:dyDescent="0.15">
      <c r="AR35681" s="9" ph="1"/>
    </row>
    <row r="35682" spans="44:44" ht="15.75" customHeight="1" x14ac:dyDescent="0.15">
      <c r="AR35682" s="9" ph="1"/>
    </row>
    <row r="35684" spans="44:44" ht="15.75" customHeight="1" x14ac:dyDescent="0.15">
      <c r="AR35684" s="9" ph="1"/>
    </row>
    <row r="35685" spans="44:44" ht="15.75" customHeight="1" x14ac:dyDescent="0.15">
      <c r="AR35685" s="9" ph="1"/>
    </row>
    <row r="35686" spans="44:44" ht="15.75" customHeight="1" x14ac:dyDescent="0.15">
      <c r="AR35686" s="9" ph="1"/>
    </row>
    <row r="35687" spans="44:44" ht="15.75" customHeight="1" x14ac:dyDescent="0.15">
      <c r="AR35687" s="9" ph="1"/>
    </row>
    <row r="35688" spans="44:44" ht="15.75" customHeight="1" x14ac:dyDescent="0.15">
      <c r="AR35688" s="9" ph="1"/>
    </row>
    <row r="35689" spans="44:44" ht="15.75" customHeight="1" x14ac:dyDescent="0.15">
      <c r="AR35689" s="9" ph="1"/>
    </row>
    <row r="35690" spans="44:44" ht="15.75" customHeight="1" x14ac:dyDescent="0.15">
      <c r="AR35690" s="9" ph="1"/>
    </row>
    <row r="35692" spans="44:44" ht="15.75" customHeight="1" x14ac:dyDescent="0.15">
      <c r="AR35692" s="9" ph="1"/>
    </row>
    <row r="35693" spans="44:44" ht="15.75" customHeight="1" x14ac:dyDescent="0.15">
      <c r="AR35693" s="9" ph="1"/>
    </row>
    <row r="35694" spans="44:44" ht="15.75" customHeight="1" x14ac:dyDescent="0.15">
      <c r="AR35694" s="9" ph="1"/>
    </row>
    <row r="35695" spans="44:44" ht="15.75" customHeight="1" x14ac:dyDescent="0.15">
      <c r="AR35695" s="9" ph="1"/>
    </row>
    <row r="35696" spans="44:44" ht="15.75" customHeight="1" x14ac:dyDescent="0.15">
      <c r="AR35696" s="9" ph="1"/>
    </row>
    <row r="35697" spans="44:44" ht="15.75" customHeight="1" x14ac:dyDescent="0.15">
      <c r="AR35697" s="9" ph="1"/>
    </row>
    <row r="35699" spans="44:44" ht="15.75" customHeight="1" x14ac:dyDescent="0.15">
      <c r="AR35699" s="9" ph="1"/>
    </row>
    <row r="35700" spans="44:44" ht="15.75" customHeight="1" x14ac:dyDescent="0.15">
      <c r="AR35700" s="9" ph="1"/>
    </row>
    <row r="35701" spans="44:44" ht="15.75" customHeight="1" x14ac:dyDescent="0.15">
      <c r="AR35701" s="9" ph="1"/>
    </row>
    <row r="35702" spans="44:44" ht="15.75" customHeight="1" x14ac:dyDescent="0.15">
      <c r="AR35702" s="9" ph="1"/>
    </row>
    <row r="35703" spans="44:44" ht="15.75" customHeight="1" x14ac:dyDescent="0.15">
      <c r="AR35703" s="9" ph="1"/>
    </row>
    <row r="35704" spans="44:44" ht="15.75" customHeight="1" x14ac:dyDescent="0.15">
      <c r="AR35704" s="9" ph="1"/>
    </row>
    <row r="35705" spans="44:44" ht="15.75" customHeight="1" x14ac:dyDescent="0.15">
      <c r="AR35705" s="9" ph="1"/>
    </row>
    <row r="35706" spans="44:44" ht="15.75" customHeight="1" x14ac:dyDescent="0.15">
      <c r="AR35706" s="9" ph="1"/>
    </row>
    <row r="35707" spans="44:44" ht="15.75" customHeight="1" x14ac:dyDescent="0.15">
      <c r="AR35707" s="9" ph="1"/>
    </row>
    <row r="35708" spans="44:44" ht="15.75" customHeight="1" x14ac:dyDescent="0.15">
      <c r="AR35708" s="9" ph="1"/>
    </row>
    <row r="35709" spans="44:44" ht="15.75" customHeight="1" x14ac:dyDescent="0.15">
      <c r="AR35709" s="9" ph="1"/>
    </row>
    <row r="35710" spans="44:44" ht="15.75" customHeight="1" x14ac:dyDescent="0.15">
      <c r="AR35710" s="9" ph="1"/>
    </row>
    <row r="35711" spans="44:44" ht="15.75" customHeight="1" x14ac:dyDescent="0.15">
      <c r="AR35711" s="9" ph="1"/>
    </row>
    <row r="35713" spans="44:44" ht="15.75" customHeight="1" x14ac:dyDescent="0.15">
      <c r="AR35713" s="9" ph="1"/>
    </row>
    <row r="35714" spans="44:44" ht="15.75" customHeight="1" x14ac:dyDescent="0.15">
      <c r="AR35714" s="9" ph="1"/>
    </row>
    <row r="35715" spans="44:44" ht="15.75" customHeight="1" x14ac:dyDescent="0.15">
      <c r="AR35715" s="9" ph="1"/>
    </row>
    <row r="35717" spans="44:44" ht="15.75" customHeight="1" x14ac:dyDescent="0.15">
      <c r="AR35717" s="9" ph="1"/>
    </row>
    <row r="35718" spans="44:44" ht="15.75" customHeight="1" x14ac:dyDescent="0.15">
      <c r="AR35718" s="9" ph="1"/>
    </row>
    <row r="35719" spans="44:44" ht="15.75" customHeight="1" x14ac:dyDescent="0.15">
      <c r="AR35719" s="9" ph="1"/>
    </row>
    <row r="35720" spans="44:44" ht="15.75" customHeight="1" x14ac:dyDescent="0.15">
      <c r="AR35720" s="9" ph="1"/>
    </row>
    <row r="35721" spans="44:44" ht="15.75" customHeight="1" x14ac:dyDescent="0.15">
      <c r="AR35721" s="9" ph="1"/>
    </row>
    <row r="35722" spans="44:44" ht="15.75" customHeight="1" x14ac:dyDescent="0.15">
      <c r="AR35722" s="9" ph="1"/>
    </row>
    <row r="35723" spans="44:44" ht="15.75" customHeight="1" x14ac:dyDescent="0.15">
      <c r="AR35723" s="9" ph="1"/>
    </row>
    <row r="35724" spans="44:44" ht="15.75" customHeight="1" x14ac:dyDescent="0.15">
      <c r="AR35724" s="9" ph="1"/>
    </row>
    <row r="35725" spans="44:44" ht="15.75" customHeight="1" x14ac:dyDescent="0.15">
      <c r="AR35725" s="9" ph="1"/>
    </row>
    <row r="35726" spans="44:44" ht="15.75" customHeight="1" x14ac:dyDescent="0.15">
      <c r="AR35726" s="9" ph="1"/>
    </row>
    <row r="35727" spans="44:44" ht="15.75" customHeight="1" x14ac:dyDescent="0.15">
      <c r="AR35727" s="9" ph="1"/>
    </row>
    <row r="35728" spans="44:44" ht="15.75" customHeight="1" x14ac:dyDescent="0.15">
      <c r="AR35728" s="9" ph="1"/>
    </row>
    <row r="35729" spans="44:44" ht="15.75" customHeight="1" x14ac:dyDescent="0.15">
      <c r="AR35729" s="9" ph="1"/>
    </row>
    <row r="35730" spans="44:44" ht="15.75" customHeight="1" x14ac:dyDescent="0.15">
      <c r="AR35730" s="9" ph="1"/>
    </row>
    <row r="35731" spans="44:44" ht="15.75" customHeight="1" x14ac:dyDescent="0.15">
      <c r="AR35731" s="9" ph="1"/>
    </row>
    <row r="35732" spans="44:44" ht="15.75" customHeight="1" x14ac:dyDescent="0.15">
      <c r="AR35732" s="9" ph="1"/>
    </row>
    <row r="35734" spans="44:44" ht="15.75" customHeight="1" x14ac:dyDescent="0.15">
      <c r="AR35734" s="9" ph="1"/>
    </row>
    <row r="35735" spans="44:44" ht="15.75" customHeight="1" x14ac:dyDescent="0.15">
      <c r="AR35735" s="9" ph="1"/>
    </row>
    <row r="35736" spans="44:44" ht="15.75" customHeight="1" x14ac:dyDescent="0.15">
      <c r="AR35736" s="9" ph="1"/>
    </row>
    <row r="35738" spans="44:44" ht="15.75" customHeight="1" x14ac:dyDescent="0.15">
      <c r="AR35738" s="9" ph="1"/>
    </row>
    <row r="35739" spans="44:44" ht="15.75" customHeight="1" x14ac:dyDescent="0.15">
      <c r="AR35739" s="9" ph="1"/>
    </row>
    <row r="35740" spans="44:44" ht="15.75" customHeight="1" x14ac:dyDescent="0.15">
      <c r="AR35740" s="9" ph="1"/>
    </row>
    <row r="35741" spans="44:44" ht="15.75" customHeight="1" x14ac:dyDescent="0.15">
      <c r="AR35741" s="9" ph="1"/>
    </row>
    <row r="35742" spans="44:44" ht="15.75" customHeight="1" x14ac:dyDescent="0.15">
      <c r="AR35742" s="9" ph="1"/>
    </row>
    <row r="35743" spans="44:44" ht="15.75" customHeight="1" x14ac:dyDescent="0.15">
      <c r="AR35743" s="9" ph="1"/>
    </row>
    <row r="35744" spans="44:44" ht="15.75" customHeight="1" x14ac:dyDescent="0.15">
      <c r="AR35744" s="9" ph="1"/>
    </row>
    <row r="35745" spans="44:44" ht="15.75" customHeight="1" x14ac:dyDescent="0.15">
      <c r="AR35745" s="9" ph="1"/>
    </row>
    <row r="35747" spans="44:44" ht="15.75" customHeight="1" x14ac:dyDescent="0.15">
      <c r="AR35747" s="9" ph="1"/>
    </row>
    <row r="35748" spans="44:44" ht="15.75" customHeight="1" x14ac:dyDescent="0.15">
      <c r="AR35748" s="9" ph="1"/>
    </row>
    <row r="35749" spans="44:44" ht="15.75" customHeight="1" x14ac:dyDescent="0.15">
      <c r="AR35749" s="9" ph="1"/>
    </row>
    <row r="35750" spans="44:44" ht="15.75" customHeight="1" x14ac:dyDescent="0.15">
      <c r="AR35750" s="9" ph="1"/>
    </row>
    <row r="35751" spans="44:44" ht="15.75" customHeight="1" x14ac:dyDescent="0.15">
      <c r="AR35751" s="9" ph="1"/>
    </row>
    <row r="35752" spans="44:44" ht="15.75" customHeight="1" x14ac:dyDescent="0.15">
      <c r="AR35752" s="9" ph="1"/>
    </row>
    <row r="35753" spans="44:44" ht="15.75" customHeight="1" x14ac:dyDescent="0.15">
      <c r="AR35753" s="9" ph="1"/>
    </row>
    <row r="35754" spans="44:44" ht="15.75" customHeight="1" x14ac:dyDescent="0.15">
      <c r="AR35754" s="9" ph="1"/>
    </row>
    <row r="35756" spans="44:44" ht="15.75" customHeight="1" x14ac:dyDescent="0.15">
      <c r="AR35756" s="9" ph="1"/>
    </row>
    <row r="35757" spans="44:44" ht="15.75" customHeight="1" x14ac:dyDescent="0.15">
      <c r="AR35757" s="9" ph="1"/>
    </row>
    <row r="35758" spans="44:44" ht="15.75" customHeight="1" x14ac:dyDescent="0.15">
      <c r="AR35758" s="9" ph="1"/>
    </row>
    <row r="35759" spans="44:44" ht="15.75" customHeight="1" x14ac:dyDescent="0.15">
      <c r="AR35759" s="9" ph="1"/>
    </row>
    <row r="35760" spans="44:44" ht="15.75" customHeight="1" x14ac:dyDescent="0.15">
      <c r="AR35760" s="9" ph="1"/>
    </row>
    <row r="35761" spans="44:44" ht="15.75" customHeight="1" x14ac:dyDescent="0.15">
      <c r="AR35761" s="9" ph="1"/>
    </row>
    <row r="35763" spans="44:44" ht="15.75" customHeight="1" x14ac:dyDescent="0.15">
      <c r="AR35763" s="9" ph="1"/>
    </row>
    <row r="35764" spans="44:44" ht="15.75" customHeight="1" x14ac:dyDescent="0.15">
      <c r="AR35764" s="9" ph="1"/>
    </row>
    <row r="35765" spans="44:44" ht="15.75" customHeight="1" x14ac:dyDescent="0.15">
      <c r="AR35765" s="9" ph="1"/>
    </row>
    <row r="35766" spans="44:44" ht="15.75" customHeight="1" x14ac:dyDescent="0.15">
      <c r="AR35766" s="9" ph="1"/>
    </row>
    <row r="35767" spans="44:44" ht="15.75" customHeight="1" x14ac:dyDescent="0.15">
      <c r="AR35767" s="9" ph="1"/>
    </row>
    <row r="35768" spans="44:44" ht="15.75" customHeight="1" x14ac:dyDescent="0.15">
      <c r="AR35768" s="9" ph="1"/>
    </row>
    <row r="35769" spans="44:44" ht="15.75" customHeight="1" x14ac:dyDescent="0.15">
      <c r="AR35769" s="9" ph="1"/>
    </row>
    <row r="35770" spans="44:44" ht="15.75" customHeight="1" x14ac:dyDescent="0.15">
      <c r="AR35770" s="9" ph="1"/>
    </row>
    <row r="35771" spans="44:44" ht="15.75" customHeight="1" x14ac:dyDescent="0.15">
      <c r="AR35771" s="9" ph="1"/>
    </row>
    <row r="35772" spans="44:44" ht="15.75" customHeight="1" x14ac:dyDescent="0.15">
      <c r="AR35772" s="9" ph="1"/>
    </row>
    <row r="35773" spans="44:44" ht="15.75" customHeight="1" x14ac:dyDescent="0.15">
      <c r="AR35773" s="9" ph="1"/>
    </row>
    <row r="35774" spans="44:44" ht="15.75" customHeight="1" x14ac:dyDescent="0.15">
      <c r="AR35774" s="9" ph="1"/>
    </row>
    <row r="35775" spans="44:44" ht="15.75" customHeight="1" x14ac:dyDescent="0.15">
      <c r="AR35775" s="9" ph="1"/>
    </row>
    <row r="35776" spans="44:44" ht="15.75" customHeight="1" x14ac:dyDescent="0.15">
      <c r="AR35776" s="9" ph="1"/>
    </row>
    <row r="35777" spans="44:44" ht="15.75" customHeight="1" x14ac:dyDescent="0.15">
      <c r="AR35777" s="9" ph="1"/>
    </row>
    <row r="35779" spans="44:44" ht="15.75" customHeight="1" x14ac:dyDescent="0.15">
      <c r="AR35779" s="9" ph="1"/>
    </row>
    <row r="35780" spans="44:44" ht="15.75" customHeight="1" x14ac:dyDescent="0.15">
      <c r="AR35780" s="9" ph="1"/>
    </row>
    <row r="35781" spans="44:44" ht="15.75" customHeight="1" x14ac:dyDescent="0.15">
      <c r="AR35781" s="9" ph="1"/>
    </row>
    <row r="35783" spans="44:44" ht="15.75" customHeight="1" x14ac:dyDescent="0.15">
      <c r="AR35783" s="9" ph="1"/>
    </row>
    <row r="35784" spans="44:44" ht="15.75" customHeight="1" x14ac:dyDescent="0.15">
      <c r="AR35784" s="9" ph="1"/>
    </row>
    <row r="35785" spans="44:44" ht="15.75" customHeight="1" x14ac:dyDescent="0.15">
      <c r="AR35785" s="9" ph="1"/>
    </row>
    <row r="35786" spans="44:44" ht="15.75" customHeight="1" x14ac:dyDescent="0.15">
      <c r="AR35786" s="9" ph="1"/>
    </row>
    <row r="35787" spans="44:44" ht="15.75" customHeight="1" x14ac:dyDescent="0.15">
      <c r="AR35787" s="9" ph="1"/>
    </row>
    <row r="35788" spans="44:44" ht="15.75" customHeight="1" x14ac:dyDescent="0.15">
      <c r="AR35788" s="9" ph="1"/>
    </row>
    <row r="35789" spans="44:44" ht="15.75" customHeight="1" x14ac:dyDescent="0.15">
      <c r="AR35789" s="9" ph="1"/>
    </row>
    <row r="35790" spans="44:44" ht="15.75" customHeight="1" x14ac:dyDescent="0.15">
      <c r="AR35790" s="9" ph="1"/>
    </row>
    <row r="35792" spans="44:44" ht="15.75" customHeight="1" x14ac:dyDescent="0.15">
      <c r="AR35792" s="9" ph="1"/>
    </row>
    <row r="35793" spans="44:44" ht="15.75" customHeight="1" x14ac:dyDescent="0.15">
      <c r="AR35793" s="9" ph="1"/>
    </row>
    <row r="35794" spans="44:44" ht="15.75" customHeight="1" x14ac:dyDescent="0.15">
      <c r="AR35794" s="9" ph="1"/>
    </row>
    <row r="35795" spans="44:44" ht="15.75" customHeight="1" x14ac:dyDescent="0.15">
      <c r="AR35795" s="9" ph="1"/>
    </row>
    <row r="35796" spans="44:44" ht="15.75" customHeight="1" x14ac:dyDescent="0.15">
      <c r="AR35796" s="9" ph="1"/>
    </row>
    <row r="35797" spans="44:44" ht="15.75" customHeight="1" x14ac:dyDescent="0.15">
      <c r="AR35797" s="9" ph="1"/>
    </row>
    <row r="35798" spans="44:44" ht="15.75" customHeight="1" x14ac:dyDescent="0.15">
      <c r="AR35798" s="9" ph="1"/>
    </row>
    <row r="35799" spans="44:44" ht="15.75" customHeight="1" x14ac:dyDescent="0.15">
      <c r="AR35799" s="9" ph="1"/>
    </row>
    <row r="35801" spans="44:44" ht="15.75" customHeight="1" x14ac:dyDescent="0.15">
      <c r="AR35801" s="9" ph="1"/>
    </row>
    <row r="35802" spans="44:44" ht="15.75" customHeight="1" x14ac:dyDescent="0.15">
      <c r="AR35802" s="9" ph="1"/>
    </row>
    <row r="35803" spans="44:44" ht="15.75" customHeight="1" x14ac:dyDescent="0.15">
      <c r="AR35803" s="9" ph="1"/>
    </row>
    <row r="35804" spans="44:44" ht="15.75" customHeight="1" x14ac:dyDescent="0.15">
      <c r="AR35804" s="9" ph="1"/>
    </row>
    <row r="35805" spans="44:44" ht="15.75" customHeight="1" x14ac:dyDescent="0.15">
      <c r="AR35805" s="9" ph="1"/>
    </row>
    <row r="35806" spans="44:44" ht="15.75" customHeight="1" x14ac:dyDescent="0.15">
      <c r="AR35806" s="9" ph="1"/>
    </row>
    <row r="35808" spans="44:44" ht="15.75" customHeight="1" x14ac:dyDescent="0.15">
      <c r="AR35808" s="9" ph="1"/>
    </row>
    <row r="35809" spans="44:44" ht="15.75" customHeight="1" x14ac:dyDescent="0.15">
      <c r="AR35809" s="9" ph="1"/>
    </row>
    <row r="35810" spans="44:44" ht="15.75" customHeight="1" x14ac:dyDescent="0.15">
      <c r="AR35810" s="9" ph="1"/>
    </row>
    <row r="35811" spans="44:44" ht="15.75" customHeight="1" x14ac:dyDescent="0.15">
      <c r="AR35811" s="9" ph="1"/>
    </row>
    <row r="35812" spans="44:44" ht="15.75" customHeight="1" x14ac:dyDescent="0.15">
      <c r="AR35812" s="9" ph="1"/>
    </row>
    <row r="35813" spans="44:44" ht="15.75" customHeight="1" x14ac:dyDescent="0.15">
      <c r="AR35813" s="9" ph="1"/>
    </row>
    <row r="35814" spans="44:44" ht="15.75" customHeight="1" x14ac:dyDescent="0.15">
      <c r="AR35814" s="9" ph="1"/>
    </row>
    <row r="35815" spans="44:44" ht="15.75" customHeight="1" x14ac:dyDescent="0.15">
      <c r="AR35815" s="9" ph="1"/>
    </row>
    <row r="35816" spans="44:44" ht="15.75" customHeight="1" x14ac:dyDescent="0.15">
      <c r="AR35816" s="9" ph="1"/>
    </row>
    <row r="35817" spans="44:44" ht="15.75" customHeight="1" x14ac:dyDescent="0.15">
      <c r="AR35817" s="9" ph="1"/>
    </row>
    <row r="35818" spans="44:44" ht="15.75" customHeight="1" x14ac:dyDescent="0.15">
      <c r="AR35818" s="9" ph="1"/>
    </row>
    <row r="35819" spans="44:44" ht="15.75" customHeight="1" x14ac:dyDescent="0.15">
      <c r="AR35819" s="9" ph="1"/>
    </row>
    <row r="35821" spans="44:44" ht="15.75" customHeight="1" x14ac:dyDescent="0.15">
      <c r="AR35821" s="9" ph="1"/>
    </row>
    <row r="35822" spans="44:44" ht="15.75" customHeight="1" x14ac:dyDescent="0.15">
      <c r="AR35822" s="9" ph="1"/>
    </row>
    <row r="35823" spans="44:44" ht="15.75" customHeight="1" x14ac:dyDescent="0.15">
      <c r="AR35823" s="9" ph="1"/>
    </row>
    <row r="35825" spans="44:44" ht="15.75" customHeight="1" x14ac:dyDescent="0.15">
      <c r="AR35825" s="9" ph="1"/>
    </row>
    <row r="35826" spans="44:44" ht="15.75" customHeight="1" x14ac:dyDescent="0.15">
      <c r="AR35826" s="9" ph="1"/>
    </row>
    <row r="35827" spans="44:44" ht="15.75" customHeight="1" x14ac:dyDescent="0.15">
      <c r="AR35827" s="9" ph="1"/>
    </row>
    <row r="35828" spans="44:44" ht="15.75" customHeight="1" x14ac:dyDescent="0.15">
      <c r="AR35828" s="9" ph="1"/>
    </row>
    <row r="35829" spans="44:44" ht="15.75" customHeight="1" x14ac:dyDescent="0.15">
      <c r="AR35829" s="9" ph="1"/>
    </row>
    <row r="35830" spans="44:44" ht="15.75" customHeight="1" x14ac:dyDescent="0.15">
      <c r="AR35830" s="9" ph="1"/>
    </row>
    <row r="35831" spans="44:44" ht="15.75" customHeight="1" x14ac:dyDescent="0.15">
      <c r="AR35831" s="9" ph="1"/>
    </row>
    <row r="35832" spans="44:44" ht="15.75" customHeight="1" x14ac:dyDescent="0.15">
      <c r="AR35832" s="9" ph="1"/>
    </row>
    <row r="35834" spans="44:44" ht="15.75" customHeight="1" x14ac:dyDescent="0.15">
      <c r="AR35834" s="9" ph="1"/>
    </row>
    <row r="35835" spans="44:44" ht="15.75" customHeight="1" x14ac:dyDescent="0.15">
      <c r="AR35835" s="9" ph="1"/>
    </row>
    <row r="35836" spans="44:44" ht="15.75" customHeight="1" x14ac:dyDescent="0.15">
      <c r="AR35836" s="9" ph="1"/>
    </row>
    <row r="35837" spans="44:44" ht="15.75" customHeight="1" x14ac:dyDescent="0.15">
      <c r="AR35837" s="9" ph="1"/>
    </row>
    <row r="35838" spans="44:44" ht="15.75" customHeight="1" x14ac:dyDescent="0.15">
      <c r="AR35838" s="9" ph="1"/>
    </row>
    <row r="35839" spans="44:44" ht="15.75" customHeight="1" x14ac:dyDescent="0.15">
      <c r="AR35839" s="9" ph="1"/>
    </row>
    <row r="35840" spans="44:44" ht="15.75" customHeight="1" x14ac:dyDescent="0.15">
      <c r="AR35840" s="9" ph="1"/>
    </row>
    <row r="35841" spans="44:44" ht="15.75" customHeight="1" x14ac:dyDescent="0.15">
      <c r="AR35841" s="9" ph="1"/>
    </row>
    <row r="35843" spans="44:44" ht="15.75" customHeight="1" x14ac:dyDescent="0.15">
      <c r="AR35843" s="9" ph="1"/>
    </row>
    <row r="35844" spans="44:44" ht="15.75" customHeight="1" x14ac:dyDescent="0.15">
      <c r="AR35844" s="9" ph="1"/>
    </row>
    <row r="35845" spans="44:44" ht="15.75" customHeight="1" x14ac:dyDescent="0.15">
      <c r="AR35845" s="9" ph="1"/>
    </row>
    <row r="35846" spans="44:44" ht="15.75" customHeight="1" x14ac:dyDescent="0.15">
      <c r="AR35846" s="9" ph="1"/>
    </row>
    <row r="35847" spans="44:44" ht="15.75" customHeight="1" x14ac:dyDescent="0.15">
      <c r="AR35847" s="9" ph="1"/>
    </row>
    <row r="35848" spans="44:44" ht="15.75" customHeight="1" x14ac:dyDescent="0.15">
      <c r="AR35848" s="9" ph="1"/>
    </row>
    <row r="35850" spans="44:44" ht="15.75" customHeight="1" x14ac:dyDescent="0.15">
      <c r="AR35850" s="9" ph="1"/>
    </row>
    <row r="35851" spans="44:44" ht="15.75" customHeight="1" x14ac:dyDescent="0.15">
      <c r="AR35851" s="9" ph="1"/>
    </row>
    <row r="35852" spans="44:44" ht="15.75" customHeight="1" x14ac:dyDescent="0.15">
      <c r="AR35852" s="9" ph="1"/>
    </row>
    <row r="35853" spans="44:44" ht="15.75" customHeight="1" x14ac:dyDescent="0.15">
      <c r="AR35853" s="9" ph="1"/>
    </row>
    <row r="35854" spans="44:44" ht="15.75" customHeight="1" x14ac:dyDescent="0.15">
      <c r="AR35854" s="9" ph="1"/>
    </row>
    <row r="35855" spans="44:44" ht="15.75" customHeight="1" x14ac:dyDescent="0.15">
      <c r="AR35855" s="9" ph="1"/>
    </row>
    <row r="35856" spans="44:44" ht="15.75" customHeight="1" x14ac:dyDescent="0.15">
      <c r="AR35856" s="9" ph="1"/>
    </row>
    <row r="35857" spans="44:44" ht="15.75" customHeight="1" x14ac:dyDescent="0.15">
      <c r="AR35857" s="9" ph="1"/>
    </row>
    <row r="35858" spans="44:44" ht="15.75" customHeight="1" x14ac:dyDescent="0.15">
      <c r="AR35858" s="9" ph="1"/>
    </row>
    <row r="35859" spans="44:44" ht="15.75" customHeight="1" x14ac:dyDescent="0.15">
      <c r="AR35859" s="9" ph="1"/>
    </row>
    <row r="35861" spans="44:44" ht="15.75" customHeight="1" x14ac:dyDescent="0.15">
      <c r="AR35861" s="9" ph="1"/>
    </row>
    <row r="35862" spans="44:44" ht="15.75" customHeight="1" x14ac:dyDescent="0.15">
      <c r="AR35862" s="9" ph="1"/>
    </row>
    <row r="35863" spans="44:44" ht="15.75" customHeight="1" x14ac:dyDescent="0.15">
      <c r="AR35863" s="9" ph="1"/>
    </row>
    <row r="35864" spans="44:44" ht="15.75" customHeight="1" x14ac:dyDescent="0.15">
      <c r="AR35864" s="9" ph="1"/>
    </row>
    <row r="35865" spans="44:44" ht="15.75" customHeight="1" x14ac:dyDescent="0.15">
      <c r="AR35865" s="9" ph="1"/>
    </row>
    <row r="35866" spans="44:44" ht="15.75" customHeight="1" x14ac:dyDescent="0.15">
      <c r="AR35866" s="9" ph="1"/>
    </row>
    <row r="35867" spans="44:44" ht="15.75" customHeight="1" x14ac:dyDescent="0.15">
      <c r="AR35867" s="9" ph="1"/>
    </row>
    <row r="35868" spans="44:44" ht="15.75" customHeight="1" x14ac:dyDescent="0.15">
      <c r="AR35868" s="9" ph="1"/>
    </row>
    <row r="35869" spans="44:44" ht="15.75" customHeight="1" x14ac:dyDescent="0.15">
      <c r="AR35869" s="9" ph="1"/>
    </row>
    <row r="35870" spans="44:44" ht="15.75" customHeight="1" x14ac:dyDescent="0.15">
      <c r="AR35870" s="9" ph="1"/>
    </row>
    <row r="35871" spans="44:44" ht="15.75" customHeight="1" x14ac:dyDescent="0.15">
      <c r="AR35871" s="9" ph="1"/>
    </row>
    <row r="35872" spans="44:44" ht="15.75" customHeight="1" x14ac:dyDescent="0.15">
      <c r="AR35872" s="9" ph="1"/>
    </row>
    <row r="35874" spans="44:44" ht="15.75" customHeight="1" x14ac:dyDescent="0.15">
      <c r="AR35874" s="9" ph="1"/>
    </row>
    <row r="35875" spans="44:44" ht="15.75" customHeight="1" x14ac:dyDescent="0.15">
      <c r="AR35875" s="9" ph="1"/>
    </row>
    <row r="35876" spans="44:44" ht="15.75" customHeight="1" x14ac:dyDescent="0.15">
      <c r="AR35876" s="9" ph="1"/>
    </row>
    <row r="35878" spans="44:44" ht="15.75" customHeight="1" x14ac:dyDescent="0.15">
      <c r="AR35878" s="9" ph="1"/>
    </row>
    <row r="35879" spans="44:44" ht="15.75" customHeight="1" x14ac:dyDescent="0.15">
      <c r="AR35879" s="9" ph="1"/>
    </row>
    <row r="35880" spans="44:44" ht="15.75" customHeight="1" x14ac:dyDescent="0.15">
      <c r="AR35880" s="9" ph="1"/>
    </row>
    <row r="35881" spans="44:44" ht="15.75" customHeight="1" x14ac:dyDescent="0.15">
      <c r="AR35881" s="9" ph="1"/>
    </row>
    <row r="35882" spans="44:44" ht="15.75" customHeight="1" x14ac:dyDescent="0.15">
      <c r="AR35882" s="9" ph="1"/>
    </row>
    <row r="35883" spans="44:44" ht="15.75" customHeight="1" x14ac:dyDescent="0.15">
      <c r="AR35883" s="9" ph="1"/>
    </row>
    <row r="35884" spans="44:44" ht="15.75" customHeight="1" x14ac:dyDescent="0.15">
      <c r="AR35884" s="9" ph="1"/>
    </row>
    <row r="35885" spans="44:44" ht="15.75" customHeight="1" x14ac:dyDescent="0.15">
      <c r="AR35885" s="9" ph="1"/>
    </row>
    <row r="35887" spans="44:44" ht="15.75" customHeight="1" x14ac:dyDescent="0.15">
      <c r="AR35887" s="9" ph="1"/>
    </row>
    <row r="35888" spans="44:44" ht="15.75" customHeight="1" x14ac:dyDescent="0.15">
      <c r="AR35888" s="9" ph="1"/>
    </row>
    <row r="35889" spans="44:44" ht="15.75" customHeight="1" x14ac:dyDescent="0.15">
      <c r="AR35889" s="9" ph="1"/>
    </row>
    <row r="35890" spans="44:44" ht="15.75" customHeight="1" x14ac:dyDescent="0.15">
      <c r="AR35890" s="9" ph="1"/>
    </row>
    <row r="35891" spans="44:44" ht="15.75" customHeight="1" x14ac:dyDescent="0.15">
      <c r="AR35891" s="9" ph="1"/>
    </row>
    <row r="35892" spans="44:44" ht="15.75" customHeight="1" x14ac:dyDescent="0.15">
      <c r="AR35892" s="9" ph="1"/>
    </row>
    <row r="35893" spans="44:44" ht="15.75" customHeight="1" x14ac:dyDescent="0.15">
      <c r="AR35893" s="9" ph="1"/>
    </row>
    <row r="35894" spans="44:44" ht="15.75" customHeight="1" x14ac:dyDescent="0.15">
      <c r="AR35894" s="9" ph="1"/>
    </row>
    <row r="35896" spans="44:44" ht="15.75" customHeight="1" x14ac:dyDescent="0.15">
      <c r="AR35896" s="9" ph="1"/>
    </row>
    <row r="35897" spans="44:44" ht="15.75" customHeight="1" x14ac:dyDescent="0.15">
      <c r="AR35897" s="9" ph="1"/>
    </row>
    <row r="35898" spans="44:44" ht="15.75" customHeight="1" x14ac:dyDescent="0.15">
      <c r="AR35898" s="9" ph="1"/>
    </row>
    <row r="35899" spans="44:44" ht="15.75" customHeight="1" x14ac:dyDescent="0.15">
      <c r="AR35899" s="9" ph="1"/>
    </row>
    <row r="35900" spans="44:44" ht="15.75" customHeight="1" x14ac:dyDescent="0.15">
      <c r="AR35900" s="9" ph="1"/>
    </row>
    <row r="35901" spans="44:44" ht="15.75" customHeight="1" x14ac:dyDescent="0.15">
      <c r="AR35901" s="9" ph="1"/>
    </row>
    <row r="35903" spans="44:44" ht="15.75" customHeight="1" x14ac:dyDescent="0.15">
      <c r="AR35903" s="9" ph="1"/>
    </row>
    <row r="35904" spans="44:44" ht="15.75" customHeight="1" x14ac:dyDescent="0.15">
      <c r="AR35904" s="9" ph="1"/>
    </row>
    <row r="35905" spans="44:44" ht="15.75" customHeight="1" x14ac:dyDescent="0.15">
      <c r="AR35905" s="9" ph="1"/>
    </row>
    <row r="35906" spans="44:44" ht="15.75" customHeight="1" x14ac:dyDescent="0.15">
      <c r="AR35906" s="9" ph="1"/>
    </row>
    <row r="35907" spans="44:44" ht="15.75" customHeight="1" x14ac:dyDescent="0.15">
      <c r="AR35907" s="9" ph="1"/>
    </row>
    <row r="35908" spans="44:44" ht="15.75" customHeight="1" x14ac:dyDescent="0.15">
      <c r="AR35908" s="9" ph="1"/>
    </row>
    <row r="35909" spans="44:44" ht="15.75" customHeight="1" x14ac:dyDescent="0.15">
      <c r="AR35909" s="9" ph="1"/>
    </row>
    <row r="35910" spans="44:44" ht="15.75" customHeight="1" x14ac:dyDescent="0.15">
      <c r="AR35910" s="9" ph="1"/>
    </row>
    <row r="35911" spans="44:44" ht="15.75" customHeight="1" x14ac:dyDescent="0.15">
      <c r="AR35911" s="9" ph="1"/>
    </row>
    <row r="35912" spans="44:44" ht="15.75" customHeight="1" x14ac:dyDescent="0.15">
      <c r="AR35912" s="9" ph="1"/>
    </row>
    <row r="35913" spans="44:44" ht="15.75" customHeight="1" x14ac:dyDescent="0.15">
      <c r="AR35913" s="9" ph="1"/>
    </row>
    <row r="35914" spans="44:44" ht="15.75" customHeight="1" x14ac:dyDescent="0.15">
      <c r="AR35914" s="9" ph="1"/>
    </row>
    <row r="35915" spans="44:44" ht="15.75" customHeight="1" x14ac:dyDescent="0.15">
      <c r="AR35915" s="9" ph="1"/>
    </row>
    <row r="35916" spans="44:44" ht="15.75" customHeight="1" x14ac:dyDescent="0.15">
      <c r="AR35916" s="9" ph="1"/>
    </row>
    <row r="35917" spans="44:44" ht="15.75" customHeight="1" x14ac:dyDescent="0.15">
      <c r="AR35917" s="9" ph="1"/>
    </row>
    <row r="35918" spans="44:44" ht="15.75" customHeight="1" x14ac:dyDescent="0.15">
      <c r="AR35918" s="9" ph="1"/>
    </row>
    <row r="35919" spans="44:44" ht="15.75" customHeight="1" x14ac:dyDescent="0.15">
      <c r="AR35919" s="9" ph="1"/>
    </row>
    <row r="35921" spans="44:44" ht="15.75" customHeight="1" x14ac:dyDescent="0.15">
      <c r="AR35921" s="9" ph="1"/>
    </row>
    <row r="35922" spans="44:44" ht="15.75" customHeight="1" x14ac:dyDescent="0.15">
      <c r="AR35922" s="9" ph="1"/>
    </row>
    <row r="35923" spans="44:44" ht="15.75" customHeight="1" x14ac:dyDescent="0.15">
      <c r="AR35923" s="9" ph="1"/>
    </row>
    <row r="35924" spans="44:44" ht="15.75" customHeight="1" x14ac:dyDescent="0.15">
      <c r="AR35924" s="9" ph="1"/>
    </row>
    <row r="35925" spans="44:44" ht="15.75" customHeight="1" x14ac:dyDescent="0.15">
      <c r="AR35925" s="9" ph="1"/>
    </row>
    <row r="35926" spans="44:44" ht="15.75" customHeight="1" x14ac:dyDescent="0.15">
      <c r="AR35926" s="9" ph="1"/>
    </row>
    <row r="35927" spans="44:44" ht="15.75" customHeight="1" x14ac:dyDescent="0.15">
      <c r="AR35927" s="9" ph="1"/>
    </row>
    <row r="35928" spans="44:44" ht="15.75" customHeight="1" x14ac:dyDescent="0.15">
      <c r="AR35928" s="9" ph="1"/>
    </row>
    <row r="35929" spans="44:44" ht="15.75" customHeight="1" x14ac:dyDescent="0.15">
      <c r="AR35929" s="9" ph="1"/>
    </row>
    <row r="35930" spans="44:44" ht="15.75" customHeight="1" x14ac:dyDescent="0.15">
      <c r="AR35930" s="9" ph="1"/>
    </row>
    <row r="35931" spans="44:44" ht="15.75" customHeight="1" x14ac:dyDescent="0.15">
      <c r="AR35931" s="9" ph="1"/>
    </row>
    <row r="35932" spans="44:44" ht="15.75" customHeight="1" x14ac:dyDescent="0.15">
      <c r="AR35932" s="9" ph="1"/>
    </row>
    <row r="35934" spans="44:44" ht="15.75" customHeight="1" x14ac:dyDescent="0.15">
      <c r="AR35934" s="9" ph="1"/>
    </row>
    <row r="35935" spans="44:44" ht="15.75" customHeight="1" x14ac:dyDescent="0.15">
      <c r="AR35935" s="9" ph="1"/>
    </row>
    <row r="35936" spans="44:44" ht="15.75" customHeight="1" x14ac:dyDescent="0.15">
      <c r="AR35936" s="9" ph="1"/>
    </row>
    <row r="35938" spans="44:44" ht="15.75" customHeight="1" x14ac:dyDescent="0.15">
      <c r="AR35938" s="9" ph="1"/>
    </row>
    <row r="35939" spans="44:44" ht="15.75" customHeight="1" x14ac:dyDescent="0.15">
      <c r="AR35939" s="9" ph="1"/>
    </row>
    <row r="35940" spans="44:44" ht="15.75" customHeight="1" x14ac:dyDescent="0.15">
      <c r="AR35940" s="9" ph="1"/>
    </row>
    <row r="35941" spans="44:44" ht="15.75" customHeight="1" x14ac:dyDescent="0.15">
      <c r="AR35941" s="9" ph="1"/>
    </row>
    <row r="35942" spans="44:44" ht="15.75" customHeight="1" x14ac:dyDescent="0.15">
      <c r="AR35942" s="9" ph="1"/>
    </row>
    <row r="35943" spans="44:44" ht="15.75" customHeight="1" x14ac:dyDescent="0.15">
      <c r="AR35943" s="9" ph="1"/>
    </row>
    <row r="35944" spans="44:44" ht="15.75" customHeight="1" x14ac:dyDescent="0.15">
      <c r="AR35944" s="9" ph="1"/>
    </row>
    <row r="35945" spans="44:44" ht="15.75" customHeight="1" x14ac:dyDescent="0.15">
      <c r="AR35945" s="9" ph="1"/>
    </row>
    <row r="35947" spans="44:44" ht="15.75" customHeight="1" x14ac:dyDescent="0.15">
      <c r="AR35947" s="9" ph="1"/>
    </row>
    <row r="35948" spans="44:44" ht="15.75" customHeight="1" x14ac:dyDescent="0.15">
      <c r="AR35948" s="9" ph="1"/>
    </row>
    <row r="35949" spans="44:44" ht="15.75" customHeight="1" x14ac:dyDescent="0.15">
      <c r="AR35949" s="9" ph="1"/>
    </row>
    <row r="35950" spans="44:44" ht="15.75" customHeight="1" x14ac:dyDescent="0.15">
      <c r="AR35950" s="9" ph="1"/>
    </row>
    <row r="35951" spans="44:44" ht="15.75" customHeight="1" x14ac:dyDescent="0.15">
      <c r="AR35951" s="9" ph="1"/>
    </row>
    <row r="35952" spans="44:44" ht="15.75" customHeight="1" x14ac:dyDescent="0.15">
      <c r="AR35952" s="9" ph="1"/>
    </row>
    <row r="35953" spans="44:44" ht="15.75" customHeight="1" x14ac:dyDescent="0.15">
      <c r="AR35953" s="9" ph="1"/>
    </row>
    <row r="35954" spans="44:44" ht="15.75" customHeight="1" x14ac:dyDescent="0.15">
      <c r="AR35954" s="9" ph="1"/>
    </row>
    <row r="35956" spans="44:44" ht="15.75" customHeight="1" x14ac:dyDescent="0.15">
      <c r="AR35956" s="9" ph="1"/>
    </row>
    <row r="35957" spans="44:44" ht="15.75" customHeight="1" x14ac:dyDescent="0.15">
      <c r="AR35957" s="9" ph="1"/>
    </row>
    <row r="35958" spans="44:44" ht="15.75" customHeight="1" x14ac:dyDescent="0.15">
      <c r="AR35958" s="9" ph="1"/>
    </row>
    <row r="35959" spans="44:44" ht="15.75" customHeight="1" x14ac:dyDescent="0.15">
      <c r="AR35959" s="9" ph="1"/>
    </row>
    <row r="35960" spans="44:44" ht="15.75" customHeight="1" x14ac:dyDescent="0.15">
      <c r="AR35960" s="9" ph="1"/>
    </row>
    <row r="35961" spans="44:44" ht="15.75" customHeight="1" x14ac:dyDescent="0.15">
      <c r="AR35961" s="9" ph="1"/>
    </row>
    <row r="35963" spans="44:44" ht="15.75" customHeight="1" x14ac:dyDescent="0.15">
      <c r="AR35963" s="9" ph="1"/>
    </row>
    <row r="35964" spans="44:44" ht="15.75" customHeight="1" x14ac:dyDescent="0.15">
      <c r="AR35964" s="9" ph="1"/>
    </row>
    <row r="35965" spans="44:44" ht="15.75" customHeight="1" x14ac:dyDescent="0.15">
      <c r="AR35965" s="9" ph="1"/>
    </row>
    <row r="35966" spans="44:44" ht="15.75" customHeight="1" x14ac:dyDescent="0.15">
      <c r="AR35966" s="9" ph="1"/>
    </row>
    <row r="35967" spans="44:44" ht="15.75" customHeight="1" x14ac:dyDescent="0.15">
      <c r="AR35967" s="9" ph="1"/>
    </row>
    <row r="35968" spans="44:44" ht="15.75" customHeight="1" x14ac:dyDescent="0.15">
      <c r="AR35968" s="9" ph="1"/>
    </row>
    <row r="35969" spans="44:44" ht="15.75" customHeight="1" x14ac:dyDescent="0.15">
      <c r="AR35969" s="9" ph="1"/>
    </row>
    <row r="35971" spans="44:44" ht="15.75" customHeight="1" x14ac:dyDescent="0.15">
      <c r="AR35971" s="9" ph="1"/>
    </row>
    <row r="35972" spans="44:44" ht="15.75" customHeight="1" x14ac:dyDescent="0.15">
      <c r="AR35972" s="9" ph="1"/>
    </row>
    <row r="35973" spans="44:44" ht="15.75" customHeight="1" x14ac:dyDescent="0.15">
      <c r="AR35973" s="9" ph="1"/>
    </row>
    <row r="35974" spans="44:44" ht="15.75" customHeight="1" x14ac:dyDescent="0.15">
      <c r="AR35974" s="9" ph="1"/>
    </row>
    <row r="35975" spans="44:44" ht="15.75" customHeight="1" x14ac:dyDescent="0.15">
      <c r="AR35975" s="9" ph="1"/>
    </row>
    <row r="35976" spans="44:44" ht="15.75" customHeight="1" x14ac:dyDescent="0.15">
      <c r="AR35976" s="9" ph="1"/>
    </row>
    <row r="35977" spans="44:44" ht="15.75" customHeight="1" x14ac:dyDescent="0.15">
      <c r="AR35977" s="9" ph="1"/>
    </row>
    <row r="35978" spans="44:44" ht="15.75" customHeight="1" x14ac:dyDescent="0.15">
      <c r="AR35978" s="9" ph="1"/>
    </row>
    <row r="35979" spans="44:44" ht="15.75" customHeight="1" x14ac:dyDescent="0.15">
      <c r="AR35979" s="9" ph="1"/>
    </row>
    <row r="35980" spans="44:44" ht="15.75" customHeight="1" x14ac:dyDescent="0.15">
      <c r="AR35980" s="9" ph="1"/>
    </row>
    <row r="35981" spans="44:44" ht="15.75" customHeight="1" x14ac:dyDescent="0.15">
      <c r="AR35981" s="9" ph="1"/>
    </row>
    <row r="35982" spans="44:44" ht="15.75" customHeight="1" x14ac:dyDescent="0.15">
      <c r="AR35982" s="9" ph="1"/>
    </row>
    <row r="35983" spans="44:44" ht="15.75" customHeight="1" x14ac:dyDescent="0.15">
      <c r="AR35983" s="9" ph="1"/>
    </row>
    <row r="35984" spans="44:44" ht="15.75" customHeight="1" x14ac:dyDescent="0.15">
      <c r="AR35984" s="9" ph="1"/>
    </row>
    <row r="35985" spans="44:44" ht="15.75" customHeight="1" x14ac:dyDescent="0.15">
      <c r="AR35985" s="9" ph="1"/>
    </row>
    <row r="35987" spans="44:44" ht="15.75" customHeight="1" x14ac:dyDescent="0.15">
      <c r="AR35987" s="9" ph="1"/>
    </row>
    <row r="35988" spans="44:44" ht="15.75" customHeight="1" x14ac:dyDescent="0.15">
      <c r="AR35988" s="9" ph="1"/>
    </row>
    <row r="35989" spans="44:44" ht="15.75" customHeight="1" x14ac:dyDescent="0.15">
      <c r="AR35989" s="9" ph="1"/>
    </row>
    <row r="35990" spans="44:44" ht="15.75" customHeight="1" x14ac:dyDescent="0.15">
      <c r="AR35990" s="9" ph="1"/>
    </row>
    <row r="35991" spans="44:44" ht="15.75" customHeight="1" x14ac:dyDescent="0.15">
      <c r="AR35991" s="9" ph="1"/>
    </row>
    <row r="35992" spans="44:44" ht="15.75" customHeight="1" x14ac:dyDescent="0.15">
      <c r="AR35992" s="9" ph="1"/>
    </row>
    <row r="35993" spans="44:44" ht="15.75" customHeight="1" x14ac:dyDescent="0.15">
      <c r="AR35993" s="9" ph="1"/>
    </row>
    <row r="35994" spans="44:44" ht="15.75" customHeight="1" x14ac:dyDescent="0.15">
      <c r="AR35994" s="9" ph="1"/>
    </row>
    <row r="35995" spans="44:44" ht="15.75" customHeight="1" x14ac:dyDescent="0.15">
      <c r="AR35995" s="9" ph="1"/>
    </row>
    <row r="35996" spans="44:44" ht="15.75" customHeight="1" x14ac:dyDescent="0.15">
      <c r="AR35996" s="9" ph="1"/>
    </row>
    <row r="35997" spans="44:44" ht="15.75" customHeight="1" x14ac:dyDescent="0.15">
      <c r="AR35997" s="9" ph="1"/>
    </row>
    <row r="35998" spans="44:44" ht="15.75" customHeight="1" x14ac:dyDescent="0.15">
      <c r="AR35998" s="9" ph="1"/>
    </row>
    <row r="35999" spans="44:44" ht="15.75" customHeight="1" x14ac:dyDescent="0.15">
      <c r="AR35999" s="9" ph="1"/>
    </row>
    <row r="36000" spans="44:44" ht="15.75" customHeight="1" x14ac:dyDescent="0.15">
      <c r="AR36000" s="9" ph="1"/>
    </row>
    <row r="36001" spans="44:44" ht="15.75" customHeight="1" x14ac:dyDescent="0.15">
      <c r="AR36001" s="9" ph="1"/>
    </row>
    <row r="36002" spans="44:44" ht="15.75" customHeight="1" x14ac:dyDescent="0.15">
      <c r="AR36002" s="9" ph="1"/>
    </row>
    <row r="36003" spans="44:44" ht="15.75" customHeight="1" x14ac:dyDescent="0.15">
      <c r="AR36003" s="9" ph="1"/>
    </row>
    <row r="36004" spans="44:44" ht="15.75" customHeight="1" x14ac:dyDescent="0.15">
      <c r="AR36004" s="9" ph="1"/>
    </row>
    <row r="36006" spans="44:44" ht="15.75" customHeight="1" x14ac:dyDescent="0.15">
      <c r="AR36006" s="9" ph="1"/>
    </row>
    <row r="36007" spans="44:44" ht="15.75" customHeight="1" x14ac:dyDescent="0.15">
      <c r="AR36007" s="9" ph="1"/>
    </row>
    <row r="36008" spans="44:44" ht="15.75" customHeight="1" x14ac:dyDescent="0.15">
      <c r="AR36008" s="9" ph="1"/>
    </row>
    <row r="36009" spans="44:44" ht="15.75" customHeight="1" x14ac:dyDescent="0.15">
      <c r="AR36009" s="9" ph="1"/>
    </row>
    <row r="36010" spans="44:44" ht="15.75" customHeight="1" x14ac:dyDescent="0.15">
      <c r="AR36010" s="9" ph="1"/>
    </row>
    <row r="36011" spans="44:44" ht="15.75" customHeight="1" x14ac:dyDescent="0.15">
      <c r="AR36011" s="9" ph="1"/>
    </row>
    <row r="36012" spans="44:44" ht="15.75" customHeight="1" x14ac:dyDescent="0.15">
      <c r="AR36012" s="9" ph="1"/>
    </row>
    <row r="36013" spans="44:44" ht="15.75" customHeight="1" x14ac:dyDescent="0.15">
      <c r="AR36013" s="9" ph="1"/>
    </row>
    <row r="36014" spans="44:44" ht="15.75" customHeight="1" x14ac:dyDescent="0.15">
      <c r="AR36014" s="9" ph="1"/>
    </row>
    <row r="36015" spans="44:44" ht="15.75" customHeight="1" x14ac:dyDescent="0.15">
      <c r="AR36015" s="9" ph="1"/>
    </row>
    <row r="36017" spans="44:44" ht="15.75" customHeight="1" x14ac:dyDescent="0.15">
      <c r="AR36017" s="9" ph="1"/>
    </row>
    <row r="36018" spans="44:44" ht="15.75" customHeight="1" x14ac:dyDescent="0.15">
      <c r="AR36018" s="9" ph="1"/>
    </row>
    <row r="36019" spans="44:44" ht="15.75" customHeight="1" x14ac:dyDescent="0.15">
      <c r="AR36019" s="9" ph="1"/>
    </row>
    <row r="36020" spans="44:44" ht="15.75" customHeight="1" x14ac:dyDescent="0.15">
      <c r="AR36020" s="9" ph="1"/>
    </row>
    <row r="36021" spans="44:44" ht="15.75" customHeight="1" x14ac:dyDescent="0.15">
      <c r="AR36021" s="9" ph="1"/>
    </row>
    <row r="36022" spans="44:44" ht="15.75" customHeight="1" x14ac:dyDescent="0.15">
      <c r="AR36022" s="9" ph="1"/>
    </row>
    <row r="36024" spans="44:44" ht="15.75" customHeight="1" x14ac:dyDescent="0.15">
      <c r="AR36024" s="9" ph="1"/>
    </row>
    <row r="36025" spans="44:44" ht="15.75" customHeight="1" x14ac:dyDescent="0.15">
      <c r="AR36025" s="9" ph="1"/>
    </row>
    <row r="36026" spans="44:44" ht="15.75" customHeight="1" x14ac:dyDescent="0.15">
      <c r="AR36026" s="9" ph="1"/>
    </row>
    <row r="36027" spans="44:44" ht="15.75" customHeight="1" x14ac:dyDescent="0.15">
      <c r="AR36027" s="9" ph="1"/>
    </row>
    <row r="36028" spans="44:44" ht="15.75" customHeight="1" x14ac:dyDescent="0.15">
      <c r="AR36028" s="9" ph="1"/>
    </row>
    <row r="36029" spans="44:44" ht="15.75" customHeight="1" x14ac:dyDescent="0.15">
      <c r="AR36029" s="9" ph="1"/>
    </row>
    <row r="36030" spans="44:44" ht="15.75" customHeight="1" x14ac:dyDescent="0.15">
      <c r="AR36030" s="9" ph="1"/>
    </row>
    <row r="36031" spans="44:44" ht="15.75" customHeight="1" x14ac:dyDescent="0.15">
      <c r="AR36031" s="9" ph="1"/>
    </row>
    <row r="36032" spans="44:44" ht="15.75" customHeight="1" x14ac:dyDescent="0.15">
      <c r="AR36032" s="9" ph="1"/>
    </row>
    <row r="36033" spans="44:44" ht="15.75" customHeight="1" x14ac:dyDescent="0.15">
      <c r="AR36033" s="9" ph="1"/>
    </row>
    <row r="36035" spans="44:44" ht="15.75" customHeight="1" x14ac:dyDescent="0.15">
      <c r="AR36035" s="9" ph="1"/>
    </row>
    <row r="36036" spans="44:44" ht="15.75" customHeight="1" x14ac:dyDescent="0.15">
      <c r="AR36036" s="9" ph="1"/>
    </row>
    <row r="36037" spans="44:44" ht="15.75" customHeight="1" x14ac:dyDescent="0.15">
      <c r="AR36037" s="9" ph="1"/>
    </row>
    <row r="36038" spans="44:44" ht="15.75" customHeight="1" x14ac:dyDescent="0.15">
      <c r="AR36038" s="9" ph="1"/>
    </row>
    <row r="36039" spans="44:44" ht="15.75" customHeight="1" x14ac:dyDescent="0.15">
      <c r="AR36039" s="9" ph="1"/>
    </row>
    <row r="36040" spans="44:44" ht="15.75" customHeight="1" x14ac:dyDescent="0.15">
      <c r="AR36040" s="9" ph="1"/>
    </row>
    <row r="36041" spans="44:44" ht="15.75" customHeight="1" x14ac:dyDescent="0.15">
      <c r="AR36041" s="9" ph="1"/>
    </row>
    <row r="36042" spans="44:44" ht="15.75" customHeight="1" x14ac:dyDescent="0.15">
      <c r="AR36042" s="9" ph="1"/>
    </row>
    <row r="36043" spans="44:44" ht="15.75" customHeight="1" x14ac:dyDescent="0.15">
      <c r="AR36043" s="9" ph="1"/>
    </row>
    <row r="36045" spans="44:44" ht="15.75" customHeight="1" x14ac:dyDescent="0.15">
      <c r="AR36045" s="9" ph="1"/>
    </row>
    <row r="36046" spans="44:44" ht="15.75" customHeight="1" x14ac:dyDescent="0.15">
      <c r="AR36046" s="9" ph="1"/>
    </row>
    <row r="36047" spans="44:44" ht="15.75" customHeight="1" x14ac:dyDescent="0.15">
      <c r="AR36047" s="9" ph="1"/>
    </row>
    <row r="36048" spans="44:44" ht="15.75" customHeight="1" x14ac:dyDescent="0.15">
      <c r="AR36048" s="9" ph="1"/>
    </row>
    <row r="36049" spans="44:44" ht="15.75" customHeight="1" x14ac:dyDescent="0.15">
      <c r="AR36049" s="9" ph="1"/>
    </row>
    <row r="36050" spans="44:44" ht="15.75" customHeight="1" x14ac:dyDescent="0.15">
      <c r="AR36050" s="9" ph="1"/>
    </row>
    <row r="36051" spans="44:44" ht="15.75" customHeight="1" x14ac:dyDescent="0.15">
      <c r="AR36051" s="9" ph="1"/>
    </row>
    <row r="36052" spans="44:44" ht="15.75" customHeight="1" x14ac:dyDescent="0.15">
      <c r="AR36052" s="9" ph="1"/>
    </row>
    <row r="36053" spans="44:44" ht="15.75" customHeight="1" x14ac:dyDescent="0.15">
      <c r="AR36053" s="9" ph="1"/>
    </row>
    <row r="36054" spans="44:44" ht="15.75" customHeight="1" x14ac:dyDescent="0.15">
      <c r="AR36054" s="9" ph="1"/>
    </row>
    <row r="36056" spans="44:44" ht="15.75" customHeight="1" x14ac:dyDescent="0.15">
      <c r="AR36056" s="9" ph="1"/>
    </row>
    <row r="36057" spans="44:44" ht="15.75" customHeight="1" x14ac:dyDescent="0.15">
      <c r="AR36057" s="9" ph="1"/>
    </row>
    <row r="36058" spans="44:44" ht="15.75" customHeight="1" x14ac:dyDescent="0.15">
      <c r="AR36058" s="9" ph="1"/>
    </row>
    <row r="36059" spans="44:44" ht="15.75" customHeight="1" x14ac:dyDescent="0.15">
      <c r="AR36059" s="9" ph="1"/>
    </row>
    <row r="36060" spans="44:44" ht="15.75" customHeight="1" x14ac:dyDescent="0.15">
      <c r="AR36060" s="9" ph="1"/>
    </row>
    <row r="36061" spans="44:44" ht="15.75" customHeight="1" x14ac:dyDescent="0.15">
      <c r="AR36061" s="9" ph="1"/>
    </row>
    <row r="36062" spans="44:44" ht="15.75" customHeight="1" x14ac:dyDescent="0.15">
      <c r="AR36062" s="9" ph="1"/>
    </row>
    <row r="36063" spans="44:44" ht="15.75" customHeight="1" x14ac:dyDescent="0.15">
      <c r="AR36063" s="9" ph="1"/>
    </row>
    <row r="36064" spans="44:44" ht="15.75" customHeight="1" x14ac:dyDescent="0.15">
      <c r="AR36064" s="9" ph="1"/>
    </row>
    <row r="36065" spans="44:44" ht="15.75" customHeight="1" x14ac:dyDescent="0.15">
      <c r="AR36065" s="9" ph="1"/>
    </row>
    <row r="36066" spans="44:44" ht="15.75" customHeight="1" x14ac:dyDescent="0.15">
      <c r="AR36066" s="9" ph="1"/>
    </row>
    <row r="36067" spans="44:44" ht="15.75" customHeight="1" x14ac:dyDescent="0.15">
      <c r="AR36067" s="9" ph="1"/>
    </row>
    <row r="36068" spans="44:44" ht="15.75" customHeight="1" x14ac:dyDescent="0.15">
      <c r="AR36068" s="9" ph="1"/>
    </row>
    <row r="36069" spans="44:44" ht="15.75" customHeight="1" x14ac:dyDescent="0.15">
      <c r="AR36069" s="9" ph="1"/>
    </row>
    <row r="36070" spans="44:44" ht="15.75" customHeight="1" x14ac:dyDescent="0.15">
      <c r="AR36070" s="9" ph="1"/>
    </row>
    <row r="36072" spans="44:44" ht="15.75" customHeight="1" x14ac:dyDescent="0.15">
      <c r="AR36072" s="9" ph="1"/>
    </row>
    <row r="36073" spans="44:44" ht="15.75" customHeight="1" x14ac:dyDescent="0.15">
      <c r="AR36073" s="9" ph="1"/>
    </row>
    <row r="36074" spans="44:44" ht="15.75" customHeight="1" x14ac:dyDescent="0.15">
      <c r="AR36074" s="9" ph="1"/>
    </row>
    <row r="36075" spans="44:44" ht="15.75" customHeight="1" x14ac:dyDescent="0.15">
      <c r="AR36075" s="9" ph="1"/>
    </row>
    <row r="36076" spans="44:44" ht="15.75" customHeight="1" x14ac:dyDescent="0.15">
      <c r="AR36076" s="9" ph="1"/>
    </row>
    <row r="36077" spans="44:44" ht="15.75" customHeight="1" x14ac:dyDescent="0.15">
      <c r="AR36077" s="9" ph="1"/>
    </row>
    <row r="36078" spans="44:44" ht="15.75" customHeight="1" x14ac:dyDescent="0.15">
      <c r="AR36078" s="9" ph="1"/>
    </row>
    <row r="36079" spans="44:44" ht="15.75" customHeight="1" x14ac:dyDescent="0.15">
      <c r="AR36079" s="9" ph="1"/>
    </row>
    <row r="36080" spans="44:44" ht="15.75" customHeight="1" x14ac:dyDescent="0.15">
      <c r="AR36080" s="9" ph="1"/>
    </row>
    <row r="36081" spans="44:44" ht="15.75" customHeight="1" x14ac:dyDescent="0.15">
      <c r="AR36081" s="9" ph="1"/>
    </row>
    <row r="36083" spans="44:44" ht="15.75" customHeight="1" x14ac:dyDescent="0.15">
      <c r="AR36083" s="9" ph="1"/>
    </row>
    <row r="36084" spans="44:44" ht="15.75" customHeight="1" x14ac:dyDescent="0.15">
      <c r="AR36084" s="9" ph="1"/>
    </row>
    <row r="36085" spans="44:44" ht="15.75" customHeight="1" x14ac:dyDescent="0.15">
      <c r="AR36085" s="9" ph="1"/>
    </row>
    <row r="36086" spans="44:44" ht="15.75" customHeight="1" x14ac:dyDescent="0.15">
      <c r="AR36086" s="9" ph="1"/>
    </row>
    <row r="36087" spans="44:44" ht="15.75" customHeight="1" x14ac:dyDescent="0.15">
      <c r="AR36087" s="9" ph="1"/>
    </row>
    <row r="36088" spans="44:44" ht="15.75" customHeight="1" x14ac:dyDescent="0.15">
      <c r="AR36088" s="9" ph="1"/>
    </row>
    <row r="36089" spans="44:44" ht="15.75" customHeight="1" x14ac:dyDescent="0.15">
      <c r="AR36089" s="9" ph="1"/>
    </row>
    <row r="36090" spans="44:44" ht="15.75" customHeight="1" x14ac:dyDescent="0.15">
      <c r="AR36090" s="9" ph="1"/>
    </row>
    <row r="36091" spans="44:44" ht="15.75" customHeight="1" x14ac:dyDescent="0.15">
      <c r="AR36091" s="9" ph="1"/>
    </row>
    <row r="36092" spans="44:44" ht="15.75" customHeight="1" x14ac:dyDescent="0.15">
      <c r="AR36092" s="9" ph="1"/>
    </row>
    <row r="36093" spans="44:44" ht="15.75" customHeight="1" x14ac:dyDescent="0.15">
      <c r="AR36093" s="9" ph="1"/>
    </row>
    <row r="36094" spans="44:44" ht="15.75" customHeight="1" x14ac:dyDescent="0.15">
      <c r="AR36094" s="9" ph="1"/>
    </row>
    <row r="36095" spans="44:44" ht="15.75" customHeight="1" x14ac:dyDescent="0.15">
      <c r="AR36095" s="9" ph="1"/>
    </row>
    <row r="36096" spans="44:44" ht="15.75" customHeight="1" x14ac:dyDescent="0.15">
      <c r="AR36096" s="9" ph="1"/>
    </row>
    <row r="36097" spans="44:44" ht="15.75" customHeight="1" x14ac:dyDescent="0.15">
      <c r="AR36097" s="9" ph="1"/>
    </row>
    <row r="36098" spans="44:44" ht="15.75" customHeight="1" x14ac:dyDescent="0.15">
      <c r="AR36098" s="9" ph="1"/>
    </row>
    <row r="36099" spans="44:44" ht="15.75" customHeight="1" x14ac:dyDescent="0.15">
      <c r="AR36099" s="9" ph="1"/>
    </row>
    <row r="36100" spans="44:44" ht="15.75" customHeight="1" x14ac:dyDescent="0.15">
      <c r="AR36100" s="9" ph="1"/>
    </row>
    <row r="36101" spans="44:44" ht="15.75" customHeight="1" x14ac:dyDescent="0.15">
      <c r="AR36101" s="9" ph="1"/>
    </row>
    <row r="36103" spans="44:44" ht="15.75" customHeight="1" x14ac:dyDescent="0.15">
      <c r="AR36103" s="9" ph="1"/>
    </row>
    <row r="36104" spans="44:44" ht="15.75" customHeight="1" x14ac:dyDescent="0.15">
      <c r="AR36104" s="9" ph="1"/>
    </row>
    <row r="36105" spans="44:44" ht="15.75" customHeight="1" x14ac:dyDescent="0.15">
      <c r="AR36105" s="9" ph="1"/>
    </row>
    <row r="36107" spans="44:44" ht="15.75" customHeight="1" x14ac:dyDescent="0.15">
      <c r="AR36107" s="9" ph="1"/>
    </row>
    <row r="36108" spans="44:44" ht="15.75" customHeight="1" x14ac:dyDescent="0.15">
      <c r="AR36108" s="9" ph="1"/>
    </row>
    <row r="36109" spans="44:44" ht="15.75" customHeight="1" x14ac:dyDescent="0.15">
      <c r="AR36109" s="9" ph="1"/>
    </row>
    <row r="36110" spans="44:44" ht="15.75" customHeight="1" x14ac:dyDescent="0.15">
      <c r="AR36110" s="9" ph="1"/>
    </row>
    <row r="36111" spans="44:44" ht="15.75" customHeight="1" x14ac:dyDescent="0.15">
      <c r="AR36111" s="9" ph="1"/>
    </row>
    <row r="36112" spans="44:44" ht="15.75" customHeight="1" x14ac:dyDescent="0.15">
      <c r="AR36112" s="9" ph="1"/>
    </row>
    <row r="36113" spans="44:44" ht="15.75" customHeight="1" x14ac:dyDescent="0.15">
      <c r="AR36113" s="9" ph="1"/>
    </row>
    <row r="36114" spans="44:44" ht="15.75" customHeight="1" x14ac:dyDescent="0.15">
      <c r="AR36114" s="9" ph="1"/>
    </row>
    <row r="36116" spans="44:44" ht="15.75" customHeight="1" x14ac:dyDescent="0.15">
      <c r="AR36116" s="9" ph="1"/>
    </row>
    <row r="36117" spans="44:44" ht="15.75" customHeight="1" x14ac:dyDescent="0.15">
      <c r="AR36117" s="9" ph="1"/>
    </row>
    <row r="36118" spans="44:44" ht="15.75" customHeight="1" x14ac:dyDescent="0.15">
      <c r="AR36118" s="9" ph="1"/>
    </row>
    <row r="36119" spans="44:44" ht="15.75" customHeight="1" x14ac:dyDescent="0.15">
      <c r="AR36119" s="9" ph="1"/>
    </row>
    <row r="36120" spans="44:44" ht="15.75" customHeight="1" x14ac:dyDescent="0.15">
      <c r="AR36120" s="9" ph="1"/>
    </row>
    <row r="36121" spans="44:44" ht="15.75" customHeight="1" x14ac:dyDescent="0.15">
      <c r="AR36121" s="9" ph="1"/>
    </row>
    <row r="36122" spans="44:44" ht="15.75" customHeight="1" x14ac:dyDescent="0.15">
      <c r="AR36122" s="9" ph="1"/>
    </row>
    <row r="36123" spans="44:44" ht="15.75" customHeight="1" x14ac:dyDescent="0.15">
      <c r="AR36123" s="9" ph="1"/>
    </row>
    <row r="36125" spans="44:44" ht="15.75" customHeight="1" x14ac:dyDescent="0.15">
      <c r="AR36125" s="9" ph="1"/>
    </row>
    <row r="36126" spans="44:44" ht="15.75" customHeight="1" x14ac:dyDescent="0.15">
      <c r="AR36126" s="9" ph="1"/>
    </row>
    <row r="36127" spans="44:44" ht="15.75" customHeight="1" x14ac:dyDescent="0.15">
      <c r="AR36127" s="9" ph="1"/>
    </row>
    <row r="36128" spans="44:44" ht="15.75" customHeight="1" x14ac:dyDescent="0.15">
      <c r="AR36128" s="9" ph="1"/>
    </row>
    <row r="36129" spans="44:44" ht="15.75" customHeight="1" x14ac:dyDescent="0.15">
      <c r="AR36129" s="9" ph="1"/>
    </row>
    <row r="36130" spans="44:44" ht="15.75" customHeight="1" x14ac:dyDescent="0.15">
      <c r="AR36130" s="9" ph="1"/>
    </row>
    <row r="36132" spans="44:44" ht="15.75" customHeight="1" x14ac:dyDescent="0.15">
      <c r="AR36132" s="9" ph="1"/>
    </row>
    <row r="36133" spans="44:44" ht="15.75" customHeight="1" x14ac:dyDescent="0.15">
      <c r="AR36133" s="9" ph="1"/>
    </row>
    <row r="36134" spans="44:44" ht="15.75" customHeight="1" x14ac:dyDescent="0.15">
      <c r="AR36134" s="9" ph="1"/>
    </row>
    <row r="36135" spans="44:44" ht="15.75" customHeight="1" x14ac:dyDescent="0.15">
      <c r="AR36135" s="9" ph="1"/>
    </row>
    <row r="36136" spans="44:44" ht="15.75" customHeight="1" x14ac:dyDescent="0.15">
      <c r="AR36136" s="9" ph="1"/>
    </row>
    <row r="36137" spans="44:44" ht="15.75" customHeight="1" x14ac:dyDescent="0.15">
      <c r="AR36137" s="9" ph="1"/>
    </row>
    <row r="36138" spans="44:44" ht="15.75" customHeight="1" x14ac:dyDescent="0.15">
      <c r="AR36138" s="9" ph="1"/>
    </row>
    <row r="36139" spans="44:44" ht="15.75" customHeight="1" x14ac:dyDescent="0.15">
      <c r="AR36139" s="9" ph="1"/>
    </row>
    <row r="36140" spans="44:44" ht="15.75" customHeight="1" x14ac:dyDescent="0.15">
      <c r="AR36140" s="9" ph="1"/>
    </row>
    <row r="36141" spans="44:44" ht="15.75" customHeight="1" x14ac:dyDescent="0.15">
      <c r="AR36141" s="9" ph="1"/>
    </row>
    <row r="36143" spans="44:44" ht="15.75" customHeight="1" x14ac:dyDescent="0.15">
      <c r="AR36143" s="9" ph="1"/>
    </row>
    <row r="36144" spans="44:44" ht="15.75" customHeight="1" x14ac:dyDescent="0.15">
      <c r="AR36144" s="9" ph="1"/>
    </row>
    <row r="36145" spans="44:44" ht="15.75" customHeight="1" x14ac:dyDescent="0.15">
      <c r="AR36145" s="9" ph="1"/>
    </row>
    <row r="36146" spans="44:44" ht="15.75" customHeight="1" x14ac:dyDescent="0.15">
      <c r="AR36146" s="9" ph="1"/>
    </row>
    <row r="36147" spans="44:44" ht="15.75" customHeight="1" x14ac:dyDescent="0.15">
      <c r="AR36147" s="9" ph="1"/>
    </row>
    <row r="36148" spans="44:44" ht="15.75" customHeight="1" x14ac:dyDescent="0.15">
      <c r="AR36148" s="9" ph="1"/>
    </row>
    <row r="36149" spans="44:44" ht="15.75" customHeight="1" x14ac:dyDescent="0.15">
      <c r="AR36149" s="9" ph="1"/>
    </row>
    <row r="36150" spans="44:44" ht="15.75" customHeight="1" x14ac:dyDescent="0.15">
      <c r="AR36150" s="9" ph="1"/>
    </row>
    <row r="36151" spans="44:44" ht="15.75" customHeight="1" x14ac:dyDescent="0.15">
      <c r="AR36151" s="9" ph="1"/>
    </row>
    <row r="36152" spans="44:44" ht="15.75" customHeight="1" x14ac:dyDescent="0.15">
      <c r="AR36152" s="9" ph="1"/>
    </row>
    <row r="36153" spans="44:44" ht="15.75" customHeight="1" x14ac:dyDescent="0.15">
      <c r="AR36153" s="9" ph="1"/>
    </row>
    <row r="36154" spans="44:44" ht="15.75" customHeight="1" x14ac:dyDescent="0.15">
      <c r="AR36154" s="9" ph="1"/>
    </row>
    <row r="36156" spans="44:44" ht="15.75" customHeight="1" x14ac:dyDescent="0.15">
      <c r="AR36156" s="9" ph="1"/>
    </row>
    <row r="36157" spans="44:44" ht="15.75" customHeight="1" x14ac:dyDescent="0.15">
      <c r="AR36157" s="9" ph="1"/>
    </row>
    <row r="36158" spans="44:44" ht="15.75" customHeight="1" x14ac:dyDescent="0.15">
      <c r="AR36158" s="9" ph="1"/>
    </row>
    <row r="36160" spans="44:44" ht="15.75" customHeight="1" x14ac:dyDescent="0.15">
      <c r="AR36160" s="9" ph="1"/>
    </row>
    <row r="36161" spans="44:44" ht="15.75" customHeight="1" x14ac:dyDescent="0.15">
      <c r="AR36161" s="9" ph="1"/>
    </row>
    <row r="36162" spans="44:44" ht="15.75" customHeight="1" x14ac:dyDescent="0.15">
      <c r="AR36162" s="9" ph="1"/>
    </row>
    <row r="36163" spans="44:44" ht="15.75" customHeight="1" x14ac:dyDescent="0.15">
      <c r="AR36163" s="9" ph="1"/>
    </row>
    <row r="36164" spans="44:44" ht="15.75" customHeight="1" x14ac:dyDescent="0.15">
      <c r="AR36164" s="9" ph="1"/>
    </row>
    <row r="36165" spans="44:44" ht="15.75" customHeight="1" x14ac:dyDescent="0.15">
      <c r="AR36165" s="9" ph="1"/>
    </row>
    <row r="36166" spans="44:44" ht="15.75" customHeight="1" x14ac:dyDescent="0.15">
      <c r="AR36166" s="9" ph="1"/>
    </row>
    <row r="36167" spans="44:44" ht="15.75" customHeight="1" x14ac:dyDescent="0.15">
      <c r="AR36167" s="9" ph="1"/>
    </row>
    <row r="36169" spans="44:44" ht="15.75" customHeight="1" x14ac:dyDescent="0.15">
      <c r="AR36169" s="9" ph="1"/>
    </row>
    <row r="36170" spans="44:44" ht="15.75" customHeight="1" x14ac:dyDescent="0.15">
      <c r="AR36170" s="9" ph="1"/>
    </row>
    <row r="36171" spans="44:44" ht="15.75" customHeight="1" x14ac:dyDescent="0.15">
      <c r="AR36171" s="9" ph="1"/>
    </row>
    <row r="36172" spans="44:44" ht="15.75" customHeight="1" x14ac:dyDescent="0.15">
      <c r="AR36172" s="9" ph="1"/>
    </row>
    <row r="36173" spans="44:44" ht="15.75" customHeight="1" x14ac:dyDescent="0.15">
      <c r="AR36173" s="9" ph="1"/>
    </row>
    <row r="36174" spans="44:44" ht="15.75" customHeight="1" x14ac:dyDescent="0.15">
      <c r="AR36174" s="9" ph="1"/>
    </row>
    <row r="36175" spans="44:44" ht="15.75" customHeight="1" x14ac:dyDescent="0.15">
      <c r="AR36175" s="9" ph="1"/>
    </row>
    <row r="36176" spans="44:44" ht="15.75" customHeight="1" x14ac:dyDescent="0.15">
      <c r="AR36176" s="9" ph="1"/>
    </row>
    <row r="36178" spans="44:44" ht="15.75" customHeight="1" x14ac:dyDescent="0.15">
      <c r="AR36178" s="9" ph="1"/>
    </row>
    <row r="36179" spans="44:44" ht="15.75" customHeight="1" x14ac:dyDescent="0.15">
      <c r="AR36179" s="9" ph="1"/>
    </row>
    <row r="36180" spans="44:44" ht="15.75" customHeight="1" x14ac:dyDescent="0.15">
      <c r="AR36180" s="9" ph="1"/>
    </row>
    <row r="36181" spans="44:44" ht="15.75" customHeight="1" x14ac:dyDescent="0.15">
      <c r="AR36181" s="9" ph="1"/>
    </row>
    <row r="36182" spans="44:44" ht="15.75" customHeight="1" x14ac:dyDescent="0.15">
      <c r="AR36182" s="9" ph="1"/>
    </row>
    <row r="36183" spans="44:44" ht="15.75" customHeight="1" x14ac:dyDescent="0.15">
      <c r="AR36183" s="9" ph="1"/>
    </row>
    <row r="36185" spans="44:44" ht="15.75" customHeight="1" x14ac:dyDescent="0.15">
      <c r="AR36185" s="9" ph="1"/>
    </row>
    <row r="36186" spans="44:44" ht="15.75" customHeight="1" x14ac:dyDescent="0.15">
      <c r="AR36186" s="9" ph="1"/>
    </row>
    <row r="36187" spans="44:44" ht="15.75" customHeight="1" x14ac:dyDescent="0.15">
      <c r="AR36187" s="9" ph="1"/>
    </row>
    <row r="36188" spans="44:44" ht="15.75" customHeight="1" x14ac:dyDescent="0.15">
      <c r="AR36188" s="9" ph="1"/>
    </row>
    <row r="36189" spans="44:44" ht="15.75" customHeight="1" x14ac:dyDescent="0.15">
      <c r="AR36189" s="9" ph="1"/>
    </row>
    <row r="36190" spans="44:44" ht="15.75" customHeight="1" x14ac:dyDescent="0.15">
      <c r="AR36190" s="9" ph="1"/>
    </row>
    <row r="36191" spans="44:44" ht="15.75" customHeight="1" x14ac:dyDescent="0.15">
      <c r="AR36191" s="9" ph="1"/>
    </row>
    <row r="36192" spans="44:44" ht="15.75" customHeight="1" x14ac:dyDescent="0.15">
      <c r="AR36192" s="9" ph="1"/>
    </row>
    <row r="36193" spans="44:44" ht="15.75" customHeight="1" x14ac:dyDescent="0.15">
      <c r="AR36193" s="9" ph="1"/>
    </row>
    <row r="36194" spans="44:44" ht="15.75" customHeight="1" x14ac:dyDescent="0.15">
      <c r="AR36194" s="9" ph="1"/>
    </row>
    <row r="36195" spans="44:44" ht="15.75" customHeight="1" x14ac:dyDescent="0.15">
      <c r="AR36195" s="9" ph="1"/>
    </row>
    <row r="36196" spans="44:44" ht="15.75" customHeight="1" x14ac:dyDescent="0.15">
      <c r="AR36196" s="9" ph="1"/>
    </row>
    <row r="36197" spans="44:44" ht="15.75" customHeight="1" x14ac:dyDescent="0.15">
      <c r="AR36197" s="9" ph="1"/>
    </row>
    <row r="36198" spans="44:44" ht="15.75" customHeight="1" x14ac:dyDescent="0.15">
      <c r="AR36198" s="9" ph="1"/>
    </row>
    <row r="36199" spans="44:44" ht="15.75" customHeight="1" x14ac:dyDescent="0.15">
      <c r="AR36199" s="9" ph="1"/>
    </row>
    <row r="36200" spans="44:44" ht="15.75" customHeight="1" x14ac:dyDescent="0.15">
      <c r="AR36200" s="9" ph="1"/>
    </row>
    <row r="36201" spans="44:44" ht="15.75" customHeight="1" x14ac:dyDescent="0.15">
      <c r="AR36201" s="9" ph="1"/>
    </row>
    <row r="36203" spans="44:44" ht="15.75" customHeight="1" x14ac:dyDescent="0.15">
      <c r="AR36203" s="9" ph="1"/>
    </row>
    <row r="36204" spans="44:44" ht="15.75" customHeight="1" x14ac:dyDescent="0.15">
      <c r="AR36204" s="9" ph="1"/>
    </row>
    <row r="36205" spans="44:44" ht="15.75" customHeight="1" x14ac:dyDescent="0.15">
      <c r="AR36205" s="9" ph="1"/>
    </row>
    <row r="36206" spans="44:44" ht="15.75" customHeight="1" x14ac:dyDescent="0.15">
      <c r="AR36206" s="9" ph="1"/>
    </row>
    <row r="36207" spans="44:44" ht="15.75" customHeight="1" x14ac:dyDescent="0.15">
      <c r="AR36207" s="9" ph="1"/>
    </row>
    <row r="36208" spans="44:44" ht="15.75" customHeight="1" x14ac:dyDescent="0.15">
      <c r="AR36208" s="9" ph="1"/>
    </row>
    <row r="36209" spans="44:44" ht="15.75" customHeight="1" x14ac:dyDescent="0.15">
      <c r="AR36209" s="9" ph="1"/>
    </row>
    <row r="36210" spans="44:44" ht="15.75" customHeight="1" x14ac:dyDescent="0.15">
      <c r="AR36210" s="9" ph="1"/>
    </row>
    <row r="36211" spans="44:44" ht="15.75" customHeight="1" x14ac:dyDescent="0.15">
      <c r="AR36211" s="9" ph="1"/>
    </row>
    <row r="36212" spans="44:44" ht="15.75" customHeight="1" x14ac:dyDescent="0.15">
      <c r="AR36212" s="9" ph="1"/>
    </row>
    <row r="36213" spans="44:44" ht="15.75" customHeight="1" x14ac:dyDescent="0.15">
      <c r="AR36213" s="9" ph="1"/>
    </row>
    <row r="36214" spans="44:44" ht="15.75" customHeight="1" x14ac:dyDescent="0.15">
      <c r="AR36214" s="9" ph="1"/>
    </row>
    <row r="36216" spans="44:44" ht="15.75" customHeight="1" x14ac:dyDescent="0.15">
      <c r="AR36216" s="9" ph="1"/>
    </row>
    <row r="36217" spans="44:44" ht="15.75" customHeight="1" x14ac:dyDescent="0.15">
      <c r="AR36217" s="9" ph="1"/>
    </row>
    <row r="36218" spans="44:44" ht="15.75" customHeight="1" x14ac:dyDescent="0.15">
      <c r="AR36218" s="9" ph="1"/>
    </row>
    <row r="36220" spans="44:44" ht="15.75" customHeight="1" x14ac:dyDescent="0.15">
      <c r="AR36220" s="9" ph="1"/>
    </row>
    <row r="36221" spans="44:44" ht="15.75" customHeight="1" x14ac:dyDescent="0.15">
      <c r="AR36221" s="9" ph="1"/>
    </row>
    <row r="36222" spans="44:44" ht="15.75" customHeight="1" x14ac:dyDescent="0.15">
      <c r="AR36222" s="9" ph="1"/>
    </row>
    <row r="36223" spans="44:44" ht="15.75" customHeight="1" x14ac:dyDescent="0.15">
      <c r="AR36223" s="9" ph="1"/>
    </row>
    <row r="36224" spans="44:44" ht="15.75" customHeight="1" x14ac:dyDescent="0.15">
      <c r="AR36224" s="9" ph="1"/>
    </row>
    <row r="36225" spans="44:44" ht="15.75" customHeight="1" x14ac:dyDescent="0.15">
      <c r="AR36225" s="9" ph="1"/>
    </row>
    <row r="36226" spans="44:44" ht="15.75" customHeight="1" x14ac:dyDescent="0.15">
      <c r="AR36226" s="9" ph="1"/>
    </row>
    <row r="36227" spans="44:44" ht="15.75" customHeight="1" x14ac:dyDescent="0.15">
      <c r="AR36227" s="9" ph="1"/>
    </row>
    <row r="36229" spans="44:44" ht="15.75" customHeight="1" x14ac:dyDescent="0.15">
      <c r="AR36229" s="9" ph="1"/>
    </row>
    <row r="36230" spans="44:44" ht="15.75" customHeight="1" x14ac:dyDescent="0.15">
      <c r="AR36230" s="9" ph="1"/>
    </row>
    <row r="36231" spans="44:44" ht="15.75" customHeight="1" x14ac:dyDescent="0.15">
      <c r="AR36231" s="9" ph="1"/>
    </row>
    <row r="36232" spans="44:44" ht="15.75" customHeight="1" x14ac:dyDescent="0.15">
      <c r="AR36232" s="9" ph="1"/>
    </row>
    <row r="36233" spans="44:44" ht="15.75" customHeight="1" x14ac:dyDescent="0.15">
      <c r="AR36233" s="9" ph="1"/>
    </row>
    <row r="36234" spans="44:44" ht="15.75" customHeight="1" x14ac:dyDescent="0.15">
      <c r="AR36234" s="9" ph="1"/>
    </row>
    <row r="36235" spans="44:44" ht="15.75" customHeight="1" x14ac:dyDescent="0.15">
      <c r="AR36235" s="9" ph="1"/>
    </row>
    <row r="36236" spans="44:44" ht="15.75" customHeight="1" x14ac:dyDescent="0.15">
      <c r="AR36236" s="9" ph="1"/>
    </row>
    <row r="36238" spans="44:44" ht="15.75" customHeight="1" x14ac:dyDescent="0.15">
      <c r="AR36238" s="9" ph="1"/>
    </row>
    <row r="36239" spans="44:44" ht="15.75" customHeight="1" x14ac:dyDescent="0.15">
      <c r="AR36239" s="9" ph="1"/>
    </row>
    <row r="36240" spans="44:44" ht="15.75" customHeight="1" x14ac:dyDescent="0.15">
      <c r="AR36240" s="9" ph="1"/>
    </row>
    <row r="36241" spans="44:44" ht="15.75" customHeight="1" x14ac:dyDescent="0.15">
      <c r="AR36241" s="9" ph="1"/>
    </row>
    <row r="36242" spans="44:44" ht="15.75" customHeight="1" x14ac:dyDescent="0.15">
      <c r="AR36242" s="9" ph="1"/>
    </row>
    <row r="36243" spans="44:44" ht="15.75" customHeight="1" x14ac:dyDescent="0.15">
      <c r="AR36243" s="9" ph="1"/>
    </row>
    <row r="36245" spans="44:44" ht="15.75" customHeight="1" x14ac:dyDescent="0.15">
      <c r="AR36245" s="9" ph="1"/>
    </row>
    <row r="36246" spans="44:44" ht="15.75" customHeight="1" x14ac:dyDescent="0.15">
      <c r="AR36246" s="9" ph="1"/>
    </row>
    <row r="36247" spans="44:44" ht="15.75" customHeight="1" x14ac:dyDescent="0.15">
      <c r="AR36247" s="9" ph="1"/>
    </row>
    <row r="36248" spans="44:44" ht="15.75" customHeight="1" x14ac:dyDescent="0.15">
      <c r="AR36248" s="9" ph="1"/>
    </row>
    <row r="36249" spans="44:44" ht="15.75" customHeight="1" x14ac:dyDescent="0.15">
      <c r="AR36249" s="9" ph="1"/>
    </row>
    <row r="36250" spans="44:44" ht="15.75" customHeight="1" x14ac:dyDescent="0.15">
      <c r="AR36250" s="9" ph="1"/>
    </row>
    <row r="36251" spans="44:44" ht="15.75" customHeight="1" x14ac:dyDescent="0.15">
      <c r="AR36251" s="9" ph="1"/>
    </row>
    <row r="36253" spans="44:44" ht="15.75" customHeight="1" x14ac:dyDescent="0.15">
      <c r="AR36253" s="9" ph="1"/>
    </row>
    <row r="36254" spans="44:44" ht="15.75" customHeight="1" x14ac:dyDescent="0.15">
      <c r="AR36254" s="9" ph="1"/>
    </row>
    <row r="36255" spans="44:44" ht="15.75" customHeight="1" x14ac:dyDescent="0.15">
      <c r="AR36255" s="9" ph="1"/>
    </row>
    <row r="36256" spans="44:44" ht="15.75" customHeight="1" x14ac:dyDescent="0.15">
      <c r="AR36256" s="9" ph="1"/>
    </row>
    <row r="36257" spans="44:44" ht="15.75" customHeight="1" x14ac:dyDescent="0.15">
      <c r="AR36257" s="9" ph="1"/>
    </row>
    <row r="36258" spans="44:44" ht="15.75" customHeight="1" x14ac:dyDescent="0.15">
      <c r="AR36258" s="9" ph="1"/>
    </row>
    <row r="36259" spans="44:44" ht="15.75" customHeight="1" x14ac:dyDescent="0.15">
      <c r="AR36259" s="9" ph="1"/>
    </row>
    <row r="36260" spans="44:44" ht="15.75" customHeight="1" x14ac:dyDescent="0.15">
      <c r="AR36260" s="9" ph="1"/>
    </row>
    <row r="36261" spans="44:44" ht="15.75" customHeight="1" x14ac:dyDescent="0.15">
      <c r="AR36261" s="9" ph="1"/>
    </row>
    <row r="36262" spans="44:44" ht="15.75" customHeight="1" x14ac:dyDescent="0.15">
      <c r="AR36262" s="9" ph="1"/>
    </row>
    <row r="36263" spans="44:44" ht="15.75" customHeight="1" x14ac:dyDescent="0.15">
      <c r="AR36263" s="9" ph="1"/>
    </row>
    <row r="36264" spans="44:44" ht="15.75" customHeight="1" x14ac:dyDescent="0.15">
      <c r="AR36264" s="9" ph="1"/>
    </row>
    <row r="36265" spans="44:44" ht="15.75" customHeight="1" x14ac:dyDescent="0.15">
      <c r="AR36265" s="9" ph="1"/>
    </row>
    <row r="36266" spans="44:44" ht="15.75" customHeight="1" x14ac:dyDescent="0.15">
      <c r="AR36266" s="9" ph="1"/>
    </row>
    <row r="36267" spans="44:44" ht="15.75" customHeight="1" x14ac:dyDescent="0.15">
      <c r="AR36267" s="9" ph="1"/>
    </row>
    <row r="36269" spans="44:44" ht="15.75" customHeight="1" x14ac:dyDescent="0.15">
      <c r="AR36269" s="9" ph="1"/>
    </row>
    <row r="36270" spans="44:44" ht="15.75" customHeight="1" x14ac:dyDescent="0.15">
      <c r="AR36270" s="9" ph="1"/>
    </row>
    <row r="36271" spans="44:44" ht="15.75" customHeight="1" x14ac:dyDescent="0.15">
      <c r="AR36271" s="9" ph="1"/>
    </row>
    <row r="36272" spans="44:44" ht="15.75" customHeight="1" x14ac:dyDescent="0.15">
      <c r="AR36272" s="9" ph="1"/>
    </row>
    <row r="36273" spans="44:44" ht="15.75" customHeight="1" x14ac:dyDescent="0.15">
      <c r="AR36273" s="9" ph="1"/>
    </row>
    <row r="36274" spans="44:44" ht="15.75" customHeight="1" x14ac:dyDescent="0.15">
      <c r="AR36274" s="9" ph="1"/>
    </row>
    <row r="36275" spans="44:44" ht="15.75" customHeight="1" x14ac:dyDescent="0.15">
      <c r="AR36275" s="9" ph="1"/>
    </row>
    <row r="36276" spans="44:44" ht="15.75" customHeight="1" x14ac:dyDescent="0.15">
      <c r="AR36276" s="9" ph="1"/>
    </row>
    <row r="36277" spans="44:44" ht="15.75" customHeight="1" x14ac:dyDescent="0.15">
      <c r="AR36277" s="9" ph="1"/>
    </row>
    <row r="36278" spans="44:44" ht="15.75" customHeight="1" x14ac:dyDescent="0.15">
      <c r="AR36278" s="9" ph="1"/>
    </row>
    <row r="36279" spans="44:44" ht="15.75" customHeight="1" x14ac:dyDescent="0.15">
      <c r="AR36279" s="9" ph="1"/>
    </row>
    <row r="36280" spans="44:44" ht="15.75" customHeight="1" x14ac:dyDescent="0.15">
      <c r="AR36280" s="9" ph="1"/>
    </row>
    <row r="36281" spans="44:44" ht="15.75" customHeight="1" x14ac:dyDescent="0.15">
      <c r="AR36281" s="9" ph="1"/>
    </row>
    <row r="36282" spans="44:44" ht="15.75" customHeight="1" x14ac:dyDescent="0.15">
      <c r="AR36282" s="9" ph="1"/>
    </row>
    <row r="36283" spans="44:44" ht="15.75" customHeight="1" x14ac:dyDescent="0.15">
      <c r="AR36283" s="9" ph="1"/>
    </row>
    <row r="36284" spans="44:44" ht="15.75" customHeight="1" x14ac:dyDescent="0.15">
      <c r="AR36284" s="9" ph="1"/>
    </row>
    <row r="36285" spans="44:44" ht="15.75" customHeight="1" x14ac:dyDescent="0.15">
      <c r="AR36285" s="9" ph="1"/>
    </row>
    <row r="36286" spans="44:44" ht="15.75" customHeight="1" x14ac:dyDescent="0.15">
      <c r="AR36286" s="9" ph="1"/>
    </row>
    <row r="36288" spans="44:44" ht="15.75" customHeight="1" x14ac:dyDescent="0.15">
      <c r="AR36288" s="9" ph="1"/>
    </row>
    <row r="36289" spans="44:44" ht="15.75" customHeight="1" x14ac:dyDescent="0.15">
      <c r="AR36289" s="9" ph="1"/>
    </row>
    <row r="36290" spans="44:44" ht="15.75" customHeight="1" x14ac:dyDescent="0.15">
      <c r="AR36290" s="9" ph="1"/>
    </row>
    <row r="36291" spans="44:44" ht="15.75" customHeight="1" x14ac:dyDescent="0.15">
      <c r="AR36291" s="9" ph="1"/>
    </row>
    <row r="36292" spans="44:44" ht="15.75" customHeight="1" x14ac:dyDescent="0.15">
      <c r="AR36292" s="9" ph="1"/>
    </row>
    <row r="36293" spans="44:44" ht="15.75" customHeight="1" x14ac:dyDescent="0.15">
      <c r="AR36293" s="9" ph="1"/>
    </row>
    <row r="36294" spans="44:44" ht="15.75" customHeight="1" x14ac:dyDescent="0.15">
      <c r="AR36294" s="9" ph="1"/>
    </row>
    <row r="36295" spans="44:44" ht="15.75" customHeight="1" x14ac:dyDescent="0.15">
      <c r="AR36295" s="9" ph="1"/>
    </row>
    <row r="36296" spans="44:44" ht="15.75" customHeight="1" x14ac:dyDescent="0.15">
      <c r="AR36296" s="9" ph="1"/>
    </row>
    <row r="36297" spans="44:44" ht="15.75" customHeight="1" x14ac:dyDescent="0.15">
      <c r="AR36297" s="9" ph="1"/>
    </row>
    <row r="36299" spans="44:44" ht="15.75" customHeight="1" x14ac:dyDescent="0.15">
      <c r="AR36299" s="9" ph="1"/>
    </row>
    <row r="36300" spans="44:44" ht="15.75" customHeight="1" x14ac:dyDescent="0.15">
      <c r="AR36300" s="9" ph="1"/>
    </row>
    <row r="36301" spans="44:44" ht="15.75" customHeight="1" x14ac:dyDescent="0.15">
      <c r="AR36301" s="9" ph="1"/>
    </row>
    <row r="36302" spans="44:44" ht="15.75" customHeight="1" x14ac:dyDescent="0.15">
      <c r="AR36302" s="9" ph="1"/>
    </row>
    <row r="36303" spans="44:44" ht="15.75" customHeight="1" x14ac:dyDescent="0.15">
      <c r="AR36303" s="9" ph="1"/>
    </row>
    <row r="36304" spans="44:44" ht="15.75" customHeight="1" x14ac:dyDescent="0.15">
      <c r="AR36304" s="9" ph="1"/>
    </row>
    <row r="36306" spans="44:44" ht="15.75" customHeight="1" x14ac:dyDescent="0.15">
      <c r="AR36306" s="9" ph="1"/>
    </row>
    <row r="36307" spans="44:44" ht="15.75" customHeight="1" x14ac:dyDescent="0.15">
      <c r="AR36307" s="9" ph="1"/>
    </row>
    <row r="36308" spans="44:44" ht="15.75" customHeight="1" x14ac:dyDescent="0.15">
      <c r="AR36308" s="9" ph="1"/>
    </row>
    <row r="36309" spans="44:44" ht="15.75" customHeight="1" x14ac:dyDescent="0.15">
      <c r="AR36309" s="9" ph="1"/>
    </row>
    <row r="36310" spans="44:44" ht="15.75" customHeight="1" x14ac:dyDescent="0.15">
      <c r="AR36310" s="9" ph="1"/>
    </row>
    <row r="36311" spans="44:44" ht="15.75" customHeight="1" x14ac:dyDescent="0.15">
      <c r="AR36311" s="9" ph="1"/>
    </row>
    <row r="36312" spans="44:44" ht="15.75" customHeight="1" x14ac:dyDescent="0.15">
      <c r="AR36312" s="9" ph="1"/>
    </row>
    <row r="36313" spans="44:44" ht="15.75" customHeight="1" x14ac:dyDescent="0.15">
      <c r="AR36313" s="9" ph="1"/>
    </row>
    <row r="36314" spans="44:44" ht="15.75" customHeight="1" x14ac:dyDescent="0.15">
      <c r="AR36314" s="9" ph="1"/>
    </row>
    <row r="36315" spans="44:44" ht="15.75" customHeight="1" x14ac:dyDescent="0.15">
      <c r="AR36315" s="9" ph="1"/>
    </row>
    <row r="36317" spans="44:44" ht="15.75" customHeight="1" x14ac:dyDescent="0.15">
      <c r="AR36317" s="9" ph="1"/>
    </row>
    <row r="36318" spans="44:44" ht="15.75" customHeight="1" x14ac:dyDescent="0.15">
      <c r="AR36318" s="9" ph="1"/>
    </row>
    <row r="36319" spans="44:44" ht="15.75" customHeight="1" x14ac:dyDescent="0.15">
      <c r="AR36319" s="9" ph="1"/>
    </row>
    <row r="36320" spans="44:44" ht="15.75" customHeight="1" x14ac:dyDescent="0.15">
      <c r="AR36320" s="9" ph="1"/>
    </row>
    <row r="36321" spans="44:44" ht="15.75" customHeight="1" x14ac:dyDescent="0.15">
      <c r="AR36321" s="9" ph="1"/>
    </row>
    <row r="36322" spans="44:44" ht="15.75" customHeight="1" x14ac:dyDescent="0.15">
      <c r="AR36322" s="9" ph="1"/>
    </row>
    <row r="36323" spans="44:44" ht="15.75" customHeight="1" x14ac:dyDescent="0.15">
      <c r="AR36323" s="9" ph="1"/>
    </row>
    <row r="36324" spans="44:44" ht="15.75" customHeight="1" x14ac:dyDescent="0.15">
      <c r="AR36324" s="9" ph="1"/>
    </row>
    <row r="36325" spans="44:44" ht="15.75" customHeight="1" x14ac:dyDescent="0.15">
      <c r="AR36325" s="9" ph="1"/>
    </row>
    <row r="36327" spans="44:44" ht="15.75" customHeight="1" x14ac:dyDescent="0.15">
      <c r="AR36327" s="9" ph="1"/>
    </row>
    <row r="36328" spans="44:44" ht="15.75" customHeight="1" x14ac:dyDescent="0.15">
      <c r="AR36328" s="9" ph="1"/>
    </row>
    <row r="36329" spans="44:44" ht="15.75" customHeight="1" x14ac:dyDescent="0.15">
      <c r="AR36329" s="9" ph="1"/>
    </row>
    <row r="36330" spans="44:44" ht="15.75" customHeight="1" x14ac:dyDescent="0.15">
      <c r="AR36330" s="9" ph="1"/>
    </row>
    <row r="36331" spans="44:44" ht="15.75" customHeight="1" x14ac:dyDescent="0.15">
      <c r="AR36331" s="9" ph="1"/>
    </row>
    <row r="36332" spans="44:44" ht="15.75" customHeight="1" x14ac:dyDescent="0.15">
      <c r="AR36332" s="9" ph="1"/>
    </row>
    <row r="36333" spans="44:44" ht="15.75" customHeight="1" x14ac:dyDescent="0.15">
      <c r="AR36333" s="9" ph="1"/>
    </row>
    <row r="36334" spans="44:44" ht="15.75" customHeight="1" x14ac:dyDescent="0.15">
      <c r="AR36334" s="9" ph="1"/>
    </row>
    <row r="36335" spans="44:44" ht="15.75" customHeight="1" x14ac:dyDescent="0.15">
      <c r="AR36335" s="9" ph="1"/>
    </row>
    <row r="36336" spans="44:44" ht="15.75" customHeight="1" x14ac:dyDescent="0.15">
      <c r="AR36336" s="9" ph="1"/>
    </row>
    <row r="36338" spans="44:44" ht="15.75" customHeight="1" x14ac:dyDescent="0.15">
      <c r="AR36338" s="9" ph="1"/>
    </row>
    <row r="36339" spans="44:44" ht="15.75" customHeight="1" x14ac:dyDescent="0.15">
      <c r="AR36339" s="9" ph="1"/>
    </row>
    <row r="36340" spans="44:44" ht="15.75" customHeight="1" x14ac:dyDescent="0.15">
      <c r="AR36340" s="9" ph="1"/>
    </row>
    <row r="36341" spans="44:44" ht="15.75" customHeight="1" x14ac:dyDescent="0.15">
      <c r="AR36341" s="9" ph="1"/>
    </row>
    <row r="36342" spans="44:44" ht="15.75" customHeight="1" x14ac:dyDescent="0.15">
      <c r="AR36342" s="9" ph="1"/>
    </row>
    <row r="36343" spans="44:44" ht="15.75" customHeight="1" x14ac:dyDescent="0.15">
      <c r="AR36343" s="9" ph="1"/>
    </row>
    <row r="36344" spans="44:44" ht="15.75" customHeight="1" x14ac:dyDescent="0.15">
      <c r="AR36344" s="9" ph="1"/>
    </row>
    <row r="36345" spans="44:44" ht="15.75" customHeight="1" x14ac:dyDescent="0.15">
      <c r="AR36345" s="9" ph="1"/>
    </row>
    <row r="36346" spans="44:44" ht="15.75" customHeight="1" x14ac:dyDescent="0.15">
      <c r="AR36346" s="9" ph="1"/>
    </row>
    <row r="36347" spans="44:44" ht="15.75" customHeight="1" x14ac:dyDescent="0.15">
      <c r="AR36347" s="9" ph="1"/>
    </row>
    <row r="36348" spans="44:44" ht="15.75" customHeight="1" x14ac:dyDescent="0.15">
      <c r="AR36348" s="9" ph="1"/>
    </row>
    <row r="36349" spans="44:44" ht="15.75" customHeight="1" x14ac:dyDescent="0.15">
      <c r="AR36349" s="9" ph="1"/>
    </row>
    <row r="36350" spans="44:44" ht="15.75" customHeight="1" x14ac:dyDescent="0.15">
      <c r="AR36350" s="9" ph="1"/>
    </row>
    <row r="36351" spans="44:44" ht="15.75" customHeight="1" x14ac:dyDescent="0.15">
      <c r="AR36351" s="9" ph="1"/>
    </row>
    <row r="36352" spans="44:44" ht="15.75" customHeight="1" x14ac:dyDescent="0.15">
      <c r="AR36352" s="9" ph="1"/>
    </row>
    <row r="36354" spans="44:44" ht="15.75" customHeight="1" x14ac:dyDescent="0.15">
      <c r="AR36354" s="9" ph="1"/>
    </row>
    <row r="36355" spans="44:44" ht="15.75" customHeight="1" x14ac:dyDescent="0.15">
      <c r="AR36355" s="9" ph="1"/>
    </row>
    <row r="36356" spans="44:44" ht="15.75" customHeight="1" x14ac:dyDescent="0.15">
      <c r="AR36356" s="9" ph="1"/>
    </row>
    <row r="36357" spans="44:44" ht="15.75" customHeight="1" x14ac:dyDescent="0.15">
      <c r="AR36357" s="9" ph="1"/>
    </row>
    <row r="36358" spans="44:44" ht="15.75" customHeight="1" x14ac:dyDescent="0.15">
      <c r="AR36358" s="9" ph="1"/>
    </row>
    <row r="36359" spans="44:44" ht="15.75" customHeight="1" x14ac:dyDescent="0.15">
      <c r="AR36359" s="9" ph="1"/>
    </row>
    <row r="36360" spans="44:44" ht="15.75" customHeight="1" x14ac:dyDescent="0.15">
      <c r="AR36360" s="9" ph="1"/>
    </row>
    <row r="36361" spans="44:44" ht="15.75" customHeight="1" x14ac:dyDescent="0.15">
      <c r="AR36361" s="9" ph="1"/>
    </row>
    <row r="36362" spans="44:44" ht="15.75" customHeight="1" x14ac:dyDescent="0.15">
      <c r="AR36362" s="9" ph="1"/>
    </row>
    <row r="36363" spans="44:44" ht="15.75" customHeight="1" x14ac:dyDescent="0.15">
      <c r="AR36363" s="9" ph="1"/>
    </row>
    <row r="36365" spans="44:44" ht="15.75" customHeight="1" x14ac:dyDescent="0.15">
      <c r="AR36365" s="9" ph="1"/>
    </row>
    <row r="36366" spans="44:44" ht="15.75" customHeight="1" x14ac:dyDescent="0.15">
      <c r="AR36366" s="9" ph="1"/>
    </row>
    <row r="36367" spans="44:44" ht="15.75" customHeight="1" x14ac:dyDescent="0.15">
      <c r="AR36367" s="9" ph="1"/>
    </row>
    <row r="36368" spans="44:44" ht="15.75" customHeight="1" x14ac:dyDescent="0.15">
      <c r="AR36368" s="9" ph="1"/>
    </row>
    <row r="36369" spans="44:44" ht="15.75" customHeight="1" x14ac:dyDescent="0.15">
      <c r="AR36369" s="9" ph="1"/>
    </row>
    <row r="36370" spans="44:44" ht="15.75" customHeight="1" x14ac:dyDescent="0.15">
      <c r="AR36370" s="9" ph="1"/>
    </row>
    <row r="36371" spans="44:44" ht="15.75" customHeight="1" x14ac:dyDescent="0.15">
      <c r="AR36371" s="9" ph="1"/>
    </row>
    <row r="36372" spans="44:44" ht="15.75" customHeight="1" x14ac:dyDescent="0.15">
      <c r="AR36372" s="9" ph="1"/>
    </row>
    <row r="36373" spans="44:44" ht="15.75" customHeight="1" x14ac:dyDescent="0.15">
      <c r="AR36373" s="9" ph="1"/>
    </row>
    <row r="36374" spans="44:44" ht="15.75" customHeight="1" x14ac:dyDescent="0.15">
      <c r="AR36374" s="9" ph="1"/>
    </row>
    <row r="36375" spans="44:44" ht="15.75" customHeight="1" x14ac:dyDescent="0.15">
      <c r="AR36375" s="9" ph="1"/>
    </row>
    <row r="36376" spans="44:44" ht="15.75" customHeight="1" x14ac:dyDescent="0.15">
      <c r="AR36376" s="9" ph="1"/>
    </row>
    <row r="36377" spans="44:44" ht="15.75" customHeight="1" x14ac:dyDescent="0.15">
      <c r="AR36377" s="9" ph="1"/>
    </row>
    <row r="36378" spans="44:44" ht="15.75" customHeight="1" x14ac:dyDescent="0.15">
      <c r="AR36378" s="9" ph="1"/>
    </row>
    <row r="36379" spans="44:44" ht="15.75" customHeight="1" x14ac:dyDescent="0.15">
      <c r="AR36379" s="9" ph="1"/>
    </row>
    <row r="36380" spans="44:44" ht="15.75" customHeight="1" x14ac:dyDescent="0.15">
      <c r="AR36380" s="9" ph="1"/>
    </row>
    <row r="36381" spans="44:44" ht="15.75" customHeight="1" x14ac:dyDescent="0.15">
      <c r="AR36381" s="9" ph="1"/>
    </row>
    <row r="36382" spans="44:44" ht="15.75" customHeight="1" x14ac:dyDescent="0.15">
      <c r="AR36382" s="9" ph="1"/>
    </row>
    <row r="36383" spans="44:44" ht="15.75" customHeight="1" x14ac:dyDescent="0.15">
      <c r="AR36383" s="9" ph="1"/>
    </row>
    <row r="36384" spans="44:44" ht="15.75" customHeight="1" x14ac:dyDescent="0.15">
      <c r="AR36384" s="9" ph="1"/>
    </row>
    <row r="36385" spans="44:44" ht="15.75" customHeight="1" x14ac:dyDescent="0.15">
      <c r="AR36385" s="9" ph="1"/>
    </row>
    <row r="36386" spans="44:44" ht="15.75" customHeight="1" x14ac:dyDescent="0.15">
      <c r="AR36386" s="9" ph="1"/>
    </row>
    <row r="36387" spans="44:44" ht="15.75" customHeight="1" x14ac:dyDescent="0.15">
      <c r="AR36387" s="9" ph="1"/>
    </row>
    <row r="36388" spans="44:44" ht="15.75" customHeight="1" x14ac:dyDescent="0.15">
      <c r="AR36388" s="9" ph="1"/>
    </row>
    <row r="36390" spans="44:44" ht="15.75" customHeight="1" x14ac:dyDescent="0.15">
      <c r="AR36390" s="9" ph="1"/>
    </row>
    <row r="36391" spans="44:44" ht="15.75" customHeight="1" x14ac:dyDescent="0.15">
      <c r="AR36391" s="9" ph="1"/>
    </row>
    <row r="36392" spans="44:44" ht="15.75" customHeight="1" x14ac:dyDescent="0.15">
      <c r="AR36392" s="9" ph="1"/>
    </row>
    <row r="36394" spans="44:44" ht="15.75" customHeight="1" x14ac:dyDescent="0.15">
      <c r="AR36394" s="9" ph="1"/>
    </row>
    <row r="36395" spans="44:44" ht="15.75" customHeight="1" x14ac:dyDescent="0.15">
      <c r="AR36395" s="9" ph="1"/>
    </row>
    <row r="36396" spans="44:44" ht="15.75" customHeight="1" x14ac:dyDescent="0.15">
      <c r="AR36396" s="9" ph="1"/>
    </row>
    <row r="36397" spans="44:44" ht="15.75" customHeight="1" x14ac:dyDescent="0.15">
      <c r="AR36397" s="9" ph="1"/>
    </row>
    <row r="36398" spans="44:44" ht="15.75" customHeight="1" x14ac:dyDescent="0.15">
      <c r="AR36398" s="9" ph="1"/>
    </row>
    <row r="36399" spans="44:44" ht="15.75" customHeight="1" x14ac:dyDescent="0.15">
      <c r="AR36399" s="9" ph="1"/>
    </row>
    <row r="36400" spans="44:44" ht="15.75" customHeight="1" x14ac:dyDescent="0.15">
      <c r="AR36400" s="9" ph="1"/>
    </row>
    <row r="36401" spans="44:44" ht="15.75" customHeight="1" x14ac:dyDescent="0.15">
      <c r="AR36401" s="9" ph="1"/>
    </row>
    <row r="36403" spans="44:44" ht="15.75" customHeight="1" x14ac:dyDescent="0.15">
      <c r="AR36403" s="9" ph="1"/>
    </row>
    <row r="36404" spans="44:44" ht="15.75" customHeight="1" x14ac:dyDescent="0.15">
      <c r="AR36404" s="9" ph="1"/>
    </row>
    <row r="36405" spans="44:44" ht="15.75" customHeight="1" x14ac:dyDescent="0.15">
      <c r="AR36405" s="9" ph="1"/>
    </row>
    <row r="36406" spans="44:44" ht="15.75" customHeight="1" x14ac:dyDescent="0.15">
      <c r="AR36406" s="9" ph="1"/>
    </row>
    <row r="36407" spans="44:44" ht="15.75" customHeight="1" x14ac:dyDescent="0.15">
      <c r="AR36407" s="9" ph="1"/>
    </row>
    <row r="36408" spans="44:44" ht="15.75" customHeight="1" x14ac:dyDescent="0.15">
      <c r="AR36408" s="9" ph="1"/>
    </row>
    <row r="36409" spans="44:44" ht="15.75" customHeight="1" x14ac:dyDescent="0.15">
      <c r="AR36409" s="9" ph="1"/>
    </row>
    <row r="36410" spans="44:44" ht="15.75" customHeight="1" x14ac:dyDescent="0.15">
      <c r="AR36410" s="9" ph="1"/>
    </row>
    <row r="36412" spans="44:44" ht="15.75" customHeight="1" x14ac:dyDescent="0.15">
      <c r="AR36412" s="9" ph="1"/>
    </row>
    <row r="36413" spans="44:44" ht="15.75" customHeight="1" x14ac:dyDescent="0.15">
      <c r="AR36413" s="9" ph="1"/>
    </row>
    <row r="36414" spans="44:44" ht="15.75" customHeight="1" x14ac:dyDescent="0.15">
      <c r="AR36414" s="9" ph="1"/>
    </row>
    <row r="36415" spans="44:44" ht="15.75" customHeight="1" x14ac:dyDescent="0.15">
      <c r="AR36415" s="9" ph="1"/>
    </row>
    <row r="36416" spans="44:44" ht="15.75" customHeight="1" x14ac:dyDescent="0.15">
      <c r="AR36416" s="9" ph="1"/>
    </row>
    <row r="36417" spans="44:44" ht="15.75" customHeight="1" x14ac:dyDescent="0.15">
      <c r="AR36417" s="9" ph="1"/>
    </row>
    <row r="36419" spans="44:44" ht="15.75" customHeight="1" x14ac:dyDescent="0.15">
      <c r="AR36419" s="9" ph="1"/>
    </row>
    <row r="36420" spans="44:44" ht="15.75" customHeight="1" x14ac:dyDescent="0.15">
      <c r="AR36420" s="9" ph="1"/>
    </row>
    <row r="36421" spans="44:44" ht="15.75" customHeight="1" x14ac:dyDescent="0.15">
      <c r="AR36421" s="9" ph="1"/>
    </row>
    <row r="36422" spans="44:44" ht="15.75" customHeight="1" x14ac:dyDescent="0.15">
      <c r="AR36422" s="9" ph="1"/>
    </row>
    <row r="36423" spans="44:44" ht="15.75" customHeight="1" x14ac:dyDescent="0.15">
      <c r="AR36423" s="9" ph="1"/>
    </row>
    <row r="36424" spans="44:44" ht="15.75" customHeight="1" x14ac:dyDescent="0.15">
      <c r="AR36424" s="9" ph="1"/>
    </row>
    <row r="36425" spans="44:44" ht="15.75" customHeight="1" x14ac:dyDescent="0.15">
      <c r="AR36425" s="9" ph="1"/>
    </row>
    <row r="36426" spans="44:44" ht="15.75" customHeight="1" x14ac:dyDescent="0.15">
      <c r="AR36426" s="9" ph="1"/>
    </row>
    <row r="36427" spans="44:44" ht="15.75" customHeight="1" x14ac:dyDescent="0.15">
      <c r="AR36427" s="9" ph="1"/>
    </row>
    <row r="36428" spans="44:44" ht="15.75" customHeight="1" x14ac:dyDescent="0.15">
      <c r="AR36428" s="9" ph="1"/>
    </row>
    <row r="36430" spans="44:44" ht="15.75" customHeight="1" x14ac:dyDescent="0.15">
      <c r="AR36430" s="9" ph="1"/>
    </row>
    <row r="36431" spans="44:44" ht="15.75" customHeight="1" x14ac:dyDescent="0.15">
      <c r="AR36431" s="9" ph="1"/>
    </row>
    <row r="36432" spans="44:44" ht="15.75" customHeight="1" x14ac:dyDescent="0.15">
      <c r="AR36432" s="9" ph="1"/>
    </row>
    <row r="36433" spans="44:44" ht="15.75" customHeight="1" x14ac:dyDescent="0.15">
      <c r="AR36433" s="9" ph="1"/>
    </row>
    <row r="36434" spans="44:44" ht="15.75" customHeight="1" x14ac:dyDescent="0.15">
      <c r="AR36434" s="9" ph="1"/>
    </row>
    <row r="36435" spans="44:44" ht="15.75" customHeight="1" x14ac:dyDescent="0.15">
      <c r="AR36435" s="9" ph="1"/>
    </row>
    <row r="36436" spans="44:44" ht="15.75" customHeight="1" x14ac:dyDescent="0.15">
      <c r="AR36436" s="9" ph="1"/>
    </row>
    <row r="36437" spans="44:44" ht="15.75" customHeight="1" x14ac:dyDescent="0.15">
      <c r="AR36437" s="9" ph="1"/>
    </row>
    <row r="36438" spans="44:44" ht="15.75" customHeight="1" x14ac:dyDescent="0.15">
      <c r="AR36438" s="9" ph="1"/>
    </row>
    <row r="36439" spans="44:44" ht="15.75" customHeight="1" x14ac:dyDescent="0.15">
      <c r="AR36439" s="9" ph="1"/>
    </row>
    <row r="36440" spans="44:44" ht="15.75" customHeight="1" x14ac:dyDescent="0.15">
      <c r="AR36440" s="9" ph="1"/>
    </row>
    <row r="36441" spans="44:44" ht="15.75" customHeight="1" x14ac:dyDescent="0.15">
      <c r="AR36441" s="9" ph="1"/>
    </row>
    <row r="36443" spans="44:44" ht="15.75" customHeight="1" x14ac:dyDescent="0.15">
      <c r="AR36443" s="9" ph="1"/>
    </row>
    <row r="36444" spans="44:44" ht="15.75" customHeight="1" x14ac:dyDescent="0.15">
      <c r="AR36444" s="9" ph="1"/>
    </row>
    <row r="36445" spans="44:44" ht="15.75" customHeight="1" x14ac:dyDescent="0.15">
      <c r="AR36445" s="9" ph="1"/>
    </row>
    <row r="36447" spans="44:44" ht="15.75" customHeight="1" x14ac:dyDescent="0.15">
      <c r="AR36447" s="9" ph="1"/>
    </row>
    <row r="36448" spans="44:44" ht="15.75" customHeight="1" x14ac:dyDescent="0.15">
      <c r="AR36448" s="9" ph="1"/>
    </row>
    <row r="36449" spans="44:44" ht="15.75" customHeight="1" x14ac:dyDescent="0.15">
      <c r="AR36449" s="9" ph="1"/>
    </row>
    <row r="36450" spans="44:44" ht="15.75" customHeight="1" x14ac:dyDescent="0.15">
      <c r="AR36450" s="9" ph="1"/>
    </row>
    <row r="36451" spans="44:44" ht="15.75" customHeight="1" x14ac:dyDescent="0.15">
      <c r="AR36451" s="9" ph="1"/>
    </row>
    <row r="36452" spans="44:44" ht="15.75" customHeight="1" x14ac:dyDescent="0.15">
      <c r="AR36452" s="9" ph="1"/>
    </row>
    <row r="36453" spans="44:44" ht="15.75" customHeight="1" x14ac:dyDescent="0.15">
      <c r="AR36453" s="9" ph="1"/>
    </row>
    <row r="36454" spans="44:44" ht="15.75" customHeight="1" x14ac:dyDescent="0.15">
      <c r="AR36454" s="9" ph="1"/>
    </row>
    <row r="36456" spans="44:44" ht="15.75" customHeight="1" x14ac:dyDescent="0.15">
      <c r="AR36456" s="9" ph="1"/>
    </row>
    <row r="36457" spans="44:44" ht="15.75" customHeight="1" x14ac:dyDescent="0.15">
      <c r="AR36457" s="9" ph="1"/>
    </row>
    <row r="36458" spans="44:44" ht="15.75" customHeight="1" x14ac:dyDescent="0.15">
      <c r="AR36458" s="9" ph="1"/>
    </row>
    <row r="36459" spans="44:44" ht="15.75" customHeight="1" x14ac:dyDescent="0.15">
      <c r="AR36459" s="9" ph="1"/>
    </row>
    <row r="36460" spans="44:44" ht="15.75" customHeight="1" x14ac:dyDescent="0.15">
      <c r="AR36460" s="9" ph="1"/>
    </row>
    <row r="36461" spans="44:44" ht="15.75" customHeight="1" x14ac:dyDescent="0.15">
      <c r="AR36461" s="9" ph="1"/>
    </row>
    <row r="36462" spans="44:44" ht="15.75" customHeight="1" x14ac:dyDescent="0.15">
      <c r="AR36462" s="9" ph="1"/>
    </row>
    <row r="36463" spans="44:44" ht="15.75" customHeight="1" x14ac:dyDescent="0.15">
      <c r="AR36463" s="9" ph="1"/>
    </row>
    <row r="36465" spans="44:44" ht="15.75" customHeight="1" x14ac:dyDescent="0.15">
      <c r="AR36465" s="9" ph="1"/>
    </row>
    <row r="36466" spans="44:44" ht="15.75" customHeight="1" x14ac:dyDescent="0.15">
      <c r="AR36466" s="9" ph="1"/>
    </row>
    <row r="36467" spans="44:44" ht="15.75" customHeight="1" x14ac:dyDescent="0.15">
      <c r="AR36467" s="9" ph="1"/>
    </row>
    <row r="36468" spans="44:44" ht="15.75" customHeight="1" x14ac:dyDescent="0.15">
      <c r="AR36468" s="9" ph="1"/>
    </row>
    <row r="36469" spans="44:44" ht="15.75" customHeight="1" x14ac:dyDescent="0.15">
      <c r="AR36469" s="9" ph="1"/>
    </row>
    <row r="36470" spans="44:44" ht="15.75" customHeight="1" x14ac:dyDescent="0.15">
      <c r="AR36470" s="9" ph="1"/>
    </row>
    <row r="36472" spans="44:44" ht="15.75" customHeight="1" x14ac:dyDescent="0.15">
      <c r="AR36472" s="9" ph="1"/>
    </row>
    <row r="36473" spans="44:44" ht="15.75" customHeight="1" x14ac:dyDescent="0.15">
      <c r="AR36473" s="9" ph="1"/>
    </row>
    <row r="36474" spans="44:44" ht="15.75" customHeight="1" x14ac:dyDescent="0.15">
      <c r="AR36474" s="9" ph="1"/>
    </row>
    <row r="36475" spans="44:44" ht="15.75" customHeight="1" x14ac:dyDescent="0.15">
      <c r="AR36475" s="9" ph="1"/>
    </row>
    <row r="36476" spans="44:44" ht="15.75" customHeight="1" x14ac:dyDescent="0.15">
      <c r="AR36476" s="9" ph="1"/>
    </row>
    <row r="36477" spans="44:44" ht="15.75" customHeight="1" x14ac:dyDescent="0.15">
      <c r="AR36477" s="9" ph="1"/>
    </row>
    <row r="36478" spans="44:44" ht="15.75" customHeight="1" x14ac:dyDescent="0.15">
      <c r="AR36478" s="9" ph="1"/>
    </row>
    <row r="36479" spans="44:44" ht="15.75" customHeight="1" x14ac:dyDescent="0.15">
      <c r="AR36479" s="9" ph="1"/>
    </row>
    <row r="36480" spans="44:44" ht="15.75" customHeight="1" x14ac:dyDescent="0.15">
      <c r="AR36480" s="9" ph="1"/>
    </row>
    <row r="36481" spans="44:44" ht="15.75" customHeight="1" x14ac:dyDescent="0.15">
      <c r="AR36481" s="9" ph="1"/>
    </row>
    <row r="36482" spans="44:44" ht="15.75" customHeight="1" x14ac:dyDescent="0.15">
      <c r="AR36482" s="9" ph="1"/>
    </row>
    <row r="36483" spans="44:44" ht="15.75" customHeight="1" x14ac:dyDescent="0.15">
      <c r="AR36483" s="9" ph="1"/>
    </row>
    <row r="36484" spans="44:44" ht="15.75" customHeight="1" x14ac:dyDescent="0.15">
      <c r="AR36484" s="9" ph="1"/>
    </row>
    <row r="36485" spans="44:44" ht="15.75" customHeight="1" x14ac:dyDescent="0.15">
      <c r="AR36485" s="9" ph="1"/>
    </row>
    <row r="36486" spans="44:44" ht="15.75" customHeight="1" x14ac:dyDescent="0.15">
      <c r="AR36486" s="9" ph="1"/>
    </row>
    <row r="36487" spans="44:44" ht="15.75" customHeight="1" x14ac:dyDescent="0.15">
      <c r="AR36487" s="9" ph="1"/>
    </row>
    <row r="36488" spans="44:44" ht="15.75" customHeight="1" x14ac:dyDescent="0.15">
      <c r="AR36488" s="9" ph="1"/>
    </row>
    <row r="36490" spans="44:44" ht="15.75" customHeight="1" x14ac:dyDescent="0.15">
      <c r="AR36490" s="9" ph="1"/>
    </row>
    <row r="36491" spans="44:44" ht="15.75" customHeight="1" x14ac:dyDescent="0.15">
      <c r="AR36491" s="9" ph="1"/>
    </row>
    <row r="36492" spans="44:44" ht="15.75" customHeight="1" x14ac:dyDescent="0.15">
      <c r="AR36492" s="9" ph="1"/>
    </row>
    <row r="36493" spans="44:44" ht="15.75" customHeight="1" x14ac:dyDescent="0.15">
      <c r="AR36493" s="9" ph="1"/>
    </row>
    <row r="36494" spans="44:44" ht="15.75" customHeight="1" x14ac:dyDescent="0.15">
      <c r="AR36494" s="9" ph="1"/>
    </row>
    <row r="36495" spans="44:44" ht="15.75" customHeight="1" x14ac:dyDescent="0.15">
      <c r="AR36495" s="9" ph="1"/>
    </row>
    <row r="36496" spans="44:44" ht="15.75" customHeight="1" x14ac:dyDescent="0.15">
      <c r="AR36496" s="9" ph="1"/>
    </row>
    <row r="36497" spans="44:44" ht="15.75" customHeight="1" x14ac:dyDescent="0.15">
      <c r="AR36497" s="9" ph="1"/>
    </row>
    <row r="36498" spans="44:44" ht="15.75" customHeight="1" x14ac:dyDescent="0.15">
      <c r="AR36498" s="9" ph="1"/>
    </row>
    <row r="36499" spans="44:44" ht="15.75" customHeight="1" x14ac:dyDescent="0.15">
      <c r="AR36499" s="9" ph="1"/>
    </row>
    <row r="36500" spans="44:44" ht="15.75" customHeight="1" x14ac:dyDescent="0.15">
      <c r="AR36500" s="9" ph="1"/>
    </row>
    <row r="36501" spans="44:44" ht="15.75" customHeight="1" x14ac:dyDescent="0.15">
      <c r="AR36501" s="9" ph="1"/>
    </row>
    <row r="36503" spans="44:44" ht="15.75" customHeight="1" x14ac:dyDescent="0.15">
      <c r="AR36503" s="9" ph="1"/>
    </row>
    <row r="36504" spans="44:44" ht="15.75" customHeight="1" x14ac:dyDescent="0.15">
      <c r="AR36504" s="9" ph="1"/>
    </row>
    <row r="36505" spans="44:44" ht="15.75" customHeight="1" x14ac:dyDescent="0.15">
      <c r="AR36505" s="9" ph="1"/>
    </row>
    <row r="36507" spans="44:44" ht="15.75" customHeight="1" x14ac:dyDescent="0.15">
      <c r="AR36507" s="9" ph="1"/>
    </row>
    <row r="36508" spans="44:44" ht="15.75" customHeight="1" x14ac:dyDescent="0.15">
      <c r="AR36508" s="9" ph="1"/>
    </row>
    <row r="36509" spans="44:44" ht="15.75" customHeight="1" x14ac:dyDescent="0.15">
      <c r="AR36509" s="9" ph="1"/>
    </row>
    <row r="36510" spans="44:44" ht="15.75" customHeight="1" x14ac:dyDescent="0.15">
      <c r="AR36510" s="9" ph="1"/>
    </row>
    <row r="36511" spans="44:44" ht="15.75" customHeight="1" x14ac:dyDescent="0.15">
      <c r="AR36511" s="9" ph="1"/>
    </row>
    <row r="36512" spans="44:44" ht="15.75" customHeight="1" x14ac:dyDescent="0.15">
      <c r="AR36512" s="9" ph="1"/>
    </row>
    <row r="36513" spans="44:44" ht="15.75" customHeight="1" x14ac:dyDescent="0.15">
      <c r="AR36513" s="9" ph="1"/>
    </row>
    <row r="36514" spans="44:44" ht="15.75" customHeight="1" x14ac:dyDescent="0.15">
      <c r="AR36514" s="9" ph="1"/>
    </row>
    <row r="36516" spans="44:44" ht="15.75" customHeight="1" x14ac:dyDescent="0.15">
      <c r="AR36516" s="9" ph="1"/>
    </row>
    <row r="36517" spans="44:44" ht="15.75" customHeight="1" x14ac:dyDescent="0.15">
      <c r="AR36517" s="9" ph="1"/>
    </row>
    <row r="36518" spans="44:44" ht="15.75" customHeight="1" x14ac:dyDescent="0.15">
      <c r="AR36518" s="9" ph="1"/>
    </row>
    <row r="36519" spans="44:44" ht="15.75" customHeight="1" x14ac:dyDescent="0.15">
      <c r="AR36519" s="9" ph="1"/>
    </row>
    <row r="36520" spans="44:44" ht="15.75" customHeight="1" x14ac:dyDescent="0.15">
      <c r="AR36520" s="9" ph="1"/>
    </row>
    <row r="36521" spans="44:44" ht="15.75" customHeight="1" x14ac:dyDescent="0.15">
      <c r="AR36521" s="9" ph="1"/>
    </row>
    <row r="36522" spans="44:44" ht="15.75" customHeight="1" x14ac:dyDescent="0.15">
      <c r="AR36522" s="9" ph="1"/>
    </row>
    <row r="36523" spans="44:44" ht="15.75" customHeight="1" x14ac:dyDescent="0.15">
      <c r="AR36523" s="9" ph="1"/>
    </row>
    <row r="36525" spans="44:44" ht="15.75" customHeight="1" x14ac:dyDescent="0.15">
      <c r="AR36525" s="9" ph="1"/>
    </row>
    <row r="36526" spans="44:44" ht="15.75" customHeight="1" x14ac:dyDescent="0.15">
      <c r="AR36526" s="9" ph="1"/>
    </row>
    <row r="36527" spans="44:44" ht="15.75" customHeight="1" x14ac:dyDescent="0.15">
      <c r="AR36527" s="9" ph="1"/>
    </row>
    <row r="36528" spans="44:44" ht="15.75" customHeight="1" x14ac:dyDescent="0.15">
      <c r="AR36528" s="9" ph="1"/>
    </row>
    <row r="36529" spans="44:44" ht="15.75" customHeight="1" x14ac:dyDescent="0.15">
      <c r="AR36529" s="9" ph="1"/>
    </row>
    <row r="36530" spans="44:44" ht="15.75" customHeight="1" x14ac:dyDescent="0.15">
      <c r="AR36530" s="9" ph="1"/>
    </row>
    <row r="36532" spans="44:44" ht="15.75" customHeight="1" x14ac:dyDescent="0.15">
      <c r="AR36532" s="9" ph="1"/>
    </row>
    <row r="36533" spans="44:44" ht="15.75" customHeight="1" x14ac:dyDescent="0.15">
      <c r="AR36533" s="9" ph="1"/>
    </row>
    <row r="36534" spans="44:44" ht="15.75" customHeight="1" x14ac:dyDescent="0.15">
      <c r="AR36534" s="9" ph="1"/>
    </row>
    <row r="36535" spans="44:44" ht="15.75" customHeight="1" x14ac:dyDescent="0.15">
      <c r="AR36535" s="9" ph="1"/>
    </row>
    <row r="36536" spans="44:44" ht="15.75" customHeight="1" x14ac:dyDescent="0.15">
      <c r="AR36536" s="9" ph="1"/>
    </row>
    <row r="36537" spans="44:44" ht="15.75" customHeight="1" x14ac:dyDescent="0.15">
      <c r="AR36537" s="9" ph="1"/>
    </row>
    <row r="36538" spans="44:44" ht="15.75" customHeight="1" x14ac:dyDescent="0.15">
      <c r="AR36538" s="9" ph="1"/>
    </row>
    <row r="36540" spans="44:44" ht="15.75" customHeight="1" x14ac:dyDescent="0.15">
      <c r="AR36540" s="9" ph="1"/>
    </row>
    <row r="36541" spans="44:44" ht="15.75" customHeight="1" x14ac:dyDescent="0.15">
      <c r="AR36541" s="9" ph="1"/>
    </row>
    <row r="36542" spans="44:44" ht="15.75" customHeight="1" x14ac:dyDescent="0.15">
      <c r="AR36542" s="9" ph="1"/>
    </row>
    <row r="36543" spans="44:44" ht="15.75" customHeight="1" x14ac:dyDescent="0.15">
      <c r="AR36543" s="9" ph="1"/>
    </row>
    <row r="36544" spans="44:44" ht="15.75" customHeight="1" x14ac:dyDescent="0.15">
      <c r="AR36544" s="9" ph="1"/>
    </row>
    <row r="36545" spans="44:44" ht="15.75" customHeight="1" x14ac:dyDescent="0.15">
      <c r="AR36545" s="9" ph="1"/>
    </row>
    <row r="36546" spans="44:44" ht="15.75" customHeight="1" x14ac:dyDescent="0.15">
      <c r="AR36546" s="9" ph="1"/>
    </row>
    <row r="36547" spans="44:44" ht="15.75" customHeight="1" x14ac:dyDescent="0.15">
      <c r="AR36547" s="9" ph="1"/>
    </row>
    <row r="36548" spans="44:44" ht="15.75" customHeight="1" x14ac:dyDescent="0.15">
      <c r="AR36548" s="9" ph="1"/>
    </row>
    <row r="36549" spans="44:44" ht="15.75" customHeight="1" x14ac:dyDescent="0.15">
      <c r="AR36549" s="9" ph="1"/>
    </row>
    <row r="36550" spans="44:44" ht="15.75" customHeight="1" x14ac:dyDescent="0.15">
      <c r="AR36550" s="9" ph="1"/>
    </row>
    <row r="36551" spans="44:44" ht="15.75" customHeight="1" x14ac:dyDescent="0.15">
      <c r="AR36551" s="9" ph="1"/>
    </row>
    <row r="36552" spans="44:44" ht="15.75" customHeight="1" x14ac:dyDescent="0.15">
      <c r="AR36552" s="9" ph="1"/>
    </row>
    <row r="36553" spans="44:44" ht="15.75" customHeight="1" x14ac:dyDescent="0.15">
      <c r="AR36553" s="9" ph="1"/>
    </row>
    <row r="36554" spans="44:44" ht="15.75" customHeight="1" x14ac:dyDescent="0.15">
      <c r="AR36554" s="9" ph="1"/>
    </row>
    <row r="36556" spans="44:44" ht="15.75" customHeight="1" x14ac:dyDescent="0.15">
      <c r="AR36556" s="9" ph="1"/>
    </row>
    <row r="36557" spans="44:44" ht="15.75" customHeight="1" x14ac:dyDescent="0.15">
      <c r="AR36557" s="9" ph="1"/>
    </row>
    <row r="36558" spans="44:44" ht="15.75" customHeight="1" x14ac:dyDescent="0.15">
      <c r="AR36558" s="9" ph="1"/>
    </row>
    <row r="36559" spans="44:44" ht="15.75" customHeight="1" x14ac:dyDescent="0.15">
      <c r="AR36559" s="9" ph="1"/>
    </row>
    <row r="36560" spans="44:44" ht="15.75" customHeight="1" x14ac:dyDescent="0.15">
      <c r="AR36560" s="9" ph="1"/>
    </row>
    <row r="36561" spans="44:44" ht="15.75" customHeight="1" x14ac:dyDescent="0.15">
      <c r="AR36561" s="9" ph="1"/>
    </row>
    <row r="36562" spans="44:44" ht="15.75" customHeight="1" x14ac:dyDescent="0.15">
      <c r="AR36562" s="9" ph="1"/>
    </row>
    <row r="36563" spans="44:44" ht="15.75" customHeight="1" x14ac:dyDescent="0.15">
      <c r="AR36563" s="9" ph="1"/>
    </row>
    <row r="36564" spans="44:44" ht="15.75" customHeight="1" x14ac:dyDescent="0.15">
      <c r="AR36564" s="9" ph="1"/>
    </row>
    <row r="36565" spans="44:44" ht="15.75" customHeight="1" x14ac:dyDescent="0.15">
      <c r="AR36565" s="9" ph="1"/>
    </row>
    <row r="36566" spans="44:44" ht="15.75" customHeight="1" x14ac:dyDescent="0.15">
      <c r="AR36566" s="9" ph="1"/>
    </row>
    <row r="36567" spans="44:44" ht="15.75" customHeight="1" x14ac:dyDescent="0.15">
      <c r="AR36567" s="9" ph="1"/>
    </row>
    <row r="36568" spans="44:44" ht="15.75" customHeight="1" x14ac:dyDescent="0.15">
      <c r="AR36568" s="9" ph="1"/>
    </row>
    <row r="36569" spans="44:44" ht="15.75" customHeight="1" x14ac:dyDescent="0.15">
      <c r="AR36569" s="9" ph="1"/>
    </row>
    <row r="36570" spans="44:44" ht="15.75" customHeight="1" x14ac:dyDescent="0.15">
      <c r="AR36570" s="9" ph="1"/>
    </row>
    <row r="36571" spans="44:44" ht="15.75" customHeight="1" x14ac:dyDescent="0.15">
      <c r="AR36571" s="9" ph="1"/>
    </row>
    <row r="36572" spans="44:44" ht="15.75" customHeight="1" x14ac:dyDescent="0.15">
      <c r="AR36572" s="9" ph="1"/>
    </row>
    <row r="36573" spans="44:44" ht="15.75" customHeight="1" x14ac:dyDescent="0.15">
      <c r="AR36573" s="9" ph="1"/>
    </row>
    <row r="36575" spans="44:44" ht="15.75" customHeight="1" x14ac:dyDescent="0.15">
      <c r="AR36575" s="9" ph="1"/>
    </row>
    <row r="36576" spans="44:44" ht="15.75" customHeight="1" x14ac:dyDescent="0.15">
      <c r="AR36576" s="9" ph="1"/>
    </row>
    <row r="36577" spans="44:44" ht="15.75" customHeight="1" x14ac:dyDescent="0.15">
      <c r="AR36577" s="9" ph="1"/>
    </row>
    <row r="36578" spans="44:44" ht="15.75" customHeight="1" x14ac:dyDescent="0.15">
      <c r="AR36578" s="9" ph="1"/>
    </row>
    <row r="36579" spans="44:44" ht="15.75" customHeight="1" x14ac:dyDescent="0.15">
      <c r="AR36579" s="9" ph="1"/>
    </row>
    <row r="36580" spans="44:44" ht="15.75" customHeight="1" x14ac:dyDescent="0.15">
      <c r="AR36580" s="9" ph="1"/>
    </row>
    <row r="36581" spans="44:44" ht="15.75" customHeight="1" x14ac:dyDescent="0.15">
      <c r="AR36581" s="9" ph="1"/>
    </row>
    <row r="36582" spans="44:44" ht="15.75" customHeight="1" x14ac:dyDescent="0.15">
      <c r="AR36582" s="9" ph="1"/>
    </row>
    <row r="36583" spans="44:44" ht="15.75" customHeight="1" x14ac:dyDescent="0.15">
      <c r="AR36583" s="9" ph="1"/>
    </row>
    <row r="36584" spans="44:44" ht="15.75" customHeight="1" x14ac:dyDescent="0.15">
      <c r="AR36584" s="9" ph="1"/>
    </row>
    <row r="36586" spans="44:44" ht="15.75" customHeight="1" x14ac:dyDescent="0.15">
      <c r="AR36586" s="9" ph="1"/>
    </row>
    <row r="36587" spans="44:44" ht="15.75" customHeight="1" x14ac:dyDescent="0.15">
      <c r="AR36587" s="9" ph="1"/>
    </row>
    <row r="36588" spans="44:44" ht="15.75" customHeight="1" x14ac:dyDescent="0.15">
      <c r="AR36588" s="9" ph="1"/>
    </row>
    <row r="36589" spans="44:44" ht="15.75" customHeight="1" x14ac:dyDescent="0.15">
      <c r="AR36589" s="9" ph="1"/>
    </row>
    <row r="36590" spans="44:44" ht="15.75" customHeight="1" x14ac:dyDescent="0.15">
      <c r="AR36590" s="9" ph="1"/>
    </row>
    <row r="36591" spans="44:44" ht="15.75" customHeight="1" x14ac:dyDescent="0.15">
      <c r="AR36591" s="9" ph="1"/>
    </row>
    <row r="36593" spans="44:44" ht="15.75" customHeight="1" x14ac:dyDescent="0.15">
      <c r="AR36593" s="9" ph="1"/>
    </row>
    <row r="36594" spans="44:44" ht="15.75" customHeight="1" x14ac:dyDescent="0.15">
      <c r="AR36594" s="9" ph="1"/>
    </row>
    <row r="36595" spans="44:44" ht="15.75" customHeight="1" x14ac:dyDescent="0.15">
      <c r="AR36595" s="9" ph="1"/>
    </row>
    <row r="36596" spans="44:44" ht="15.75" customHeight="1" x14ac:dyDescent="0.15">
      <c r="AR36596" s="9" ph="1"/>
    </row>
    <row r="36597" spans="44:44" ht="15.75" customHeight="1" x14ac:dyDescent="0.15">
      <c r="AR36597" s="9" ph="1"/>
    </row>
    <row r="36598" spans="44:44" ht="15.75" customHeight="1" x14ac:dyDescent="0.15">
      <c r="AR36598" s="9" ph="1"/>
    </row>
    <row r="36599" spans="44:44" ht="15.75" customHeight="1" x14ac:dyDescent="0.15">
      <c r="AR36599" s="9" ph="1"/>
    </row>
    <row r="36600" spans="44:44" ht="15.75" customHeight="1" x14ac:dyDescent="0.15">
      <c r="AR36600" s="9" ph="1"/>
    </row>
    <row r="36601" spans="44:44" ht="15.75" customHeight="1" x14ac:dyDescent="0.15">
      <c r="AR36601" s="9" ph="1"/>
    </row>
    <row r="36602" spans="44:44" ht="15.75" customHeight="1" x14ac:dyDescent="0.15">
      <c r="AR36602" s="9" ph="1"/>
    </row>
    <row r="36604" spans="44:44" ht="15.75" customHeight="1" x14ac:dyDescent="0.15">
      <c r="AR36604" s="9" ph="1"/>
    </row>
    <row r="36605" spans="44:44" ht="15.75" customHeight="1" x14ac:dyDescent="0.15">
      <c r="AR36605" s="9" ph="1"/>
    </row>
    <row r="36606" spans="44:44" ht="15.75" customHeight="1" x14ac:dyDescent="0.15">
      <c r="AR36606" s="9" ph="1"/>
    </row>
    <row r="36607" spans="44:44" ht="15.75" customHeight="1" x14ac:dyDescent="0.15">
      <c r="AR36607" s="9" ph="1"/>
    </row>
    <row r="36608" spans="44:44" ht="15.75" customHeight="1" x14ac:dyDescent="0.15">
      <c r="AR36608" s="9" ph="1"/>
    </row>
    <row r="36609" spans="44:44" ht="15.75" customHeight="1" x14ac:dyDescent="0.15">
      <c r="AR36609" s="9" ph="1"/>
    </row>
    <row r="36610" spans="44:44" ht="15.75" customHeight="1" x14ac:dyDescent="0.15">
      <c r="AR36610" s="9" ph="1"/>
    </row>
    <row r="36611" spans="44:44" ht="15.75" customHeight="1" x14ac:dyDescent="0.15">
      <c r="AR36611" s="9" ph="1"/>
    </row>
    <row r="36612" spans="44:44" ht="15.75" customHeight="1" x14ac:dyDescent="0.15">
      <c r="AR36612" s="9" ph="1"/>
    </row>
    <row r="36614" spans="44:44" ht="15.75" customHeight="1" x14ac:dyDescent="0.15">
      <c r="AR36614" s="9" ph="1"/>
    </row>
    <row r="36615" spans="44:44" ht="15.75" customHeight="1" x14ac:dyDescent="0.15">
      <c r="AR36615" s="9" ph="1"/>
    </row>
    <row r="36616" spans="44:44" ht="15.75" customHeight="1" x14ac:dyDescent="0.15">
      <c r="AR36616" s="9" ph="1"/>
    </row>
    <row r="36617" spans="44:44" ht="15.75" customHeight="1" x14ac:dyDescent="0.15">
      <c r="AR36617" s="9" ph="1"/>
    </row>
    <row r="36618" spans="44:44" ht="15.75" customHeight="1" x14ac:dyDescent="0.15">
      <c r="AR36618" s="9" ph="1"/>
    </row>
    <row r="36619" spans="44:44" ht="15.75" customHeight="1" x14ac:dyDescent="0.15">
      <c r="AR36619" s="9" ph="1"/>
    </row>
    <row r="36620" spans="44:44" ht="15.75" customHeight="1" x14ac:dyDescent="0.15">
      <c r="AR36620" s="9" ph="1"/>
    </row>
    <row r="36621" spans="44:44" ht="15.75" customHeight="1" x14ac:dyDescent="0.15">
      <c r="AR36621" s="9" ph="1"/>
    </row>
    <row r="36622" spans="44:44" ht="15.75" customHeight="1" x14ac:dyDescent="0.15">
      <c r="AR36622" s="9" ph="1"/>
    </row>
    <row r="36623" spans="44:44" ht="15.75" customHeight="1" x14ac:dyDescent="0.15">
      <c r="AR36623" s="9" ph="1"/>
    </row>
    <row r="36625" spans="44:44" ht="15.75" customHeight="1" x14ac:dyDescent="0.15">
      <c r="AR36625" s="9" ph="1"/>
    </row>
    <row r="36626" spans="44:44" ht="15.75" customHeight="1" x14ac:dyDescent="0.15">
      <c r="AR36626" s="9" ph="1"/>
    </row>
    <row r="36627" spans="44:44" ht="15.75" customHeight="1" x14ac:dyDescent="0.15">
      <c r="AR36627" s="9" ph="1"/>
    </row>
    <row r="36628" spans="44:44" ht="15.75" customHeight="1" x14ac:dyDescent="0.15">
      <c r="AR36628" s="9" ph="1"/>
    </row>
    <row r="36629" spans="44:44" ht="15.75" customHeight="1" x14ac:dyDescent="0.15">
      <c r="AR36629" s="9" ph="1"/>
    </row>
    <row r="36630" spans="44:44" ht="15.75" customHeight="1" x14ac:dyDescent="0.15">
      <c r="AR36630" s="9" ph="1"/>
    </row>
    <row r="36631" spans="44:44" ht="15.75" customHeight="1" x14ac:dyDescent="0.15">
      <c r="AR36631" s="9" ph="1"/>
    </row>
    <row r="36632" spans="44:44" ht="15.75" customHeight="1" x14ac:dyDescent="0.15">
      <c r="AR36632" s="9" ph="1"/>
    </row>
    <row r="36633" spans="44:44" ht="15.75" customHeight="1" x14ac:dyDescent="0.15">
      <c r="AR36633" s="9" ph="1"/>
    </row>
    <row r="36634" spans="44:44" ht="15.75" customHeight="1" x14ac:dyDescent="0.15">
      <c r="AR36634" s="9" ph="1"/>
    </row>
    <row r="36635" spans="44:44" ht="15.75" customHeight="1" x14ac:dyDescent="0.15">
      <c r="AR36635" s="9" ph="1"/>
    </row>
    <row r="36636" spans="44:44" ht="15.75" customHeight="1" x14ac:dyDescent="0.15">
      <c r="AR36636" s="9" ph="1"/>
    </row>
    <row r="36637" spans="44:44" ht="15.75" customHeight="1" x14ac:dyDescent="0.15">
      <c r="AR36637" s="9" ph="1"/>
    </row>
    <row r="36638" spans="44:44" ht="15.75" customHeight="1" x14ac:dyDescent="0.15">
      <c r="AR36638" s="9" ph="1"/>
    </row>
    <row r="36639" spans="44:44" ht="15.75" customHeight="1" x14ac:dyDescent="0.15">
      <c r="AR36639" s="9" ph="1"/>
    </row>
    <row r="36641" spans="44:44" ht="15.75" customHeight="1" x14ac:dyDescent="0.15">
      <c r="AR36641" s="9" ph="1"/>
    </row>
    <row r="36642" spans="44:44" ht="15.75" customHeight="1" x14ac:dyDescent="0.15">
      <c r="AR36642" s="9" ph="1"/>
    </row>
    <row r="36643" spans="44:44" ht="15.75" customHeight="1" x14ac:dyDescent="0.15">
      <c r="AR36643" s="9" ph="1"/>
    </row>
    <row r="36644" spans="44:44" ht="15.75" customHeight="1" x14ac:dyDescent="0.15">
      <c r="AR36644" s="9" ph="1"/>
    </row>
    <row r="36645" spans="44:44" ht="15.75" customHeight="1" x14ac:dyDescent="0.15">
      <c r="AR36645" s="9" ph="1"/>
    </row>
    <row r="36646" spans="44:44" ht="15.75" customHeight="1" x14ac:dyDescent="0.15">
      <c r="AR36646" s="9" ph="1"/>
    </row>
    <row r="36647" spans="44:44" ht="15.75" customHeight="1" x14ac:dyDescent="0.15">
      <c r="AR36647" s="9" ph="1"/>
    </row>
    <row r="36648" spans="44:44" ht="15.75" customHeight="1" x14ac:dyDescent="0.15">
      <c r="AR36648" s="9" ph="1"/>
    </row>
    <row r="36649" spans="44:44" ht="15.75" customHeight="1" x14ac:dyDescent="0.15">
      <c r="AR36649" s="9" ph="1"/>
    </row>
    <row r="36650" spans="44:44" ht="15.75" customHeight="1" x14ac:dyDescent="0.15">
      <c r="AR36650" s="9" ph="1"/>
    </row>
    <row r="36652" spans="44:44" ht="15.75" customHeight="1" x14ac:dyDescent="0.15">
      <c r="AR36652" s="9" ph="1"/>
    </row>
    <row r="36653" spans="44:44" ht="15.75" customHeight="1" x14ac:dyDescent="0.15">
      <c r="AR36653" s="9" ph="1"/>
    </row>
    <row r="36654" spans="44:44" ht="15.75" customHeight="1" x14ac:dyDescent="0.15">
      <c r="AR36654" s="9" ph="1"/>
    </row>
    <row r="36655" spans="44:44" ht="15.75" customHeight="1" x14ac:dyDescent="0.15">
      <c r="AR36655" s="9" ph="1"/>
    </row>
    <row r="36656" spans="44:44" ht="15.75" customHeight="1" x14ac:dyDescent="0.15">
      <c r="AR36656" s="9" ph="1"/>
    </row>
    <row r="36657" spans="44:44" ht="15.75" customHeight="1" x14ac:dyDescent="0.15">
      <c r="AR36657" s="9" ph="1"/>
    </row>
    <row r="36658" spans="44:44" ht="15.75" customHeight="1" x14ac:dyDescent="0.15">
      <c r="AR36658" s="9" ph="1"/>
    </row>
    <row r="36659" spans="44:44" ht="15.75" customHeight="1" x14ac:dyDescent="0.15">
      <c r="AR36659" s="9" ph="1"/>
    </row>
    <row r="36660" spans="44:44" ht="15.75" customHeight="1" x14ac:dyDescent="0.15">
      <c r="AR36660" s="9" ph="1"/>
    </row>
    <row r="36661" spans="44:44" ht="15.75" customHeight="1" x14ac:dyDescent="0.15">
      <c r="AR36661" s="9" ph="1"/>
    </row>
    <row r="36662" spans="44:44" ht="15.75" customHeight="1" x14ac:dyDescent="0.15">
      <c r="AR36662" s="9" ph="1"/>
    </row>
    <row r="36663" spans="44:44" ht="15.75" customHeight="1" x14ac:dyDescent="0.15">
      <c r="AR36663" s="9" ph="1"/>
    </row>
    <row r="36664" spans="44:44" ht="15.75" customHeight="1" x14ac:dyDescent="0.15">
      <c r="AR36664" s="9" ph="1"/>
    </row>
    <row r="36665" spans="44:44" ht="15.75" customHeight="1" x14ac:dyDescent="0.15">
      <c r="AR36665" s="9" ph="1"/>
    </row>
    <row r="36666" spans="44:44" ht="15.75" customHeight="1" x14ac:dyDescent="0.15">
      <c r="AR36666" s="9" ph="1"/>
    </row>
    <row r="36667" spans="44:44" ht="15.75" customHeight="1" x14ac:dyDescent="0.15">
      <c r="AR36667" s="9" ph="1"/>
    </row>
    <row r="36669" spans="44:44" ht="15.75" customHeight="1" x14ac:dyDescent="0.15">
      <c r="AR36669" s="9" ph="1"/>
    </row>
    <row r="36670" spans="44:44" ht="15.75" customHeight="1" x14ac:dyDescent="0.15">
      <c r="AR36670" s="9" ph="1"/>
    </row>
    <row r="36671" spans="44:44" ht="15.75" customHeight="1" x14ac:dyDescent="0.15">
      <c r="AR36671" s="9" ph="1"/>
    </row>
    <row r="36672" spans="44:44" ht="15.75" customHeight="1" x14ac:dyDescent="0.15">
      <c r="AR36672" s="9" ph="1"/>
    </row>
    <row r="36673" spans="44:44" ht="15.75" customHeight="1" x14ac:dyDescent="0.15">
      <c r="AR36673" s="9" ph="1"/>
    </row>
    <row r="36674" spans="44:44" ht="15.75" customHeight="1" x14ac:dyDescent="0.15">
      <c r="AR36674" s="9" ph="1"/>
    </row>
    <row r="36675" spans="44:44" ht="15.75" customHeight="1" x14ac:dyDescent="0.15">
      <c r="AR36675" s="9" ph="1"/>
    </row>
    <row r="36676" spans="44:44" ht="15.75" customHeight="1" x14ac:dyDescent="0.15">
      <c r="AR36676" s="9" ph="1"/>
    </row>
    <row r="36678" spans="44:44" ht="15.75" customHeight="1" x14ac:dyDescent="0.15">
      <c r="AR36678" s="9" ph="1"/>
    </row>
    <row r="36679" spans="44:44" ht="15.75" customHeight="1" x14ac:dyDescent="0.15">
      <c r="AR36679" s="9" ph="1"/>
    </row>
    <row r="36680" spans="44:44" ht="15.75" customHeight="1" x14ac:dyDescent="0.15">
      <c r="AR36680" s="9" ph="1"/>
    </row>
    <row r="36681" spans="44:44" ht="15.75" customHeight="1" x14ac:dyDescent="0.15">
      <c r="AR36681" s="9" ph="1"/>
    </row>
    <row r="36682" spans="44:44" ht="15.75" customHeight="1" x14ac:dyDescent="0.15">
      <c r="AR36682" s="9" ph="1"/>
    </row>
    <row r="36683" spans="44:44" ht="15.75" customHeight="1" x14ac:dyDescent="0.15">
      <c r="AR36683" s="9" ph="1"/>
    </row>
    <row r="36685" spans="44:44" ht="15.75" customHeight="1" x14ac:dyDescent="0.15">
      <c r="AR36685" s="9" ph="1"/>
    </row>
    <row r="36686" spans="44:44" ht="15.75" customHeight="1" x14ac:dyDescent="0.15">
      <c r="AR36686" s="9" ph="1"/>
    </row>
    <row r="36687" spans="44:44" ht="15.75" customHeight="1" x14ac:dyDescent="0.15">
      <c r="AR36687" s="9" ph="1"/>
    </row>
    <row r="36688" spans="44:44" ht="15.75" customHeight="1" x14ac:dyDescent="0.15">
      <c r="AR36688" s="9" ph="1"/>
    </row>
    <row r="36689" spans="44:44" ht="15.75" customHeight="1" x14ac:dyDescent="0.15">
      <c r="AR36689" s="9" ph="1"/>
    </row>
    <row r="36690" spans="44:44" ht="15.75" customHeight="1" x14ac:dyDescent="0.15">
      <c r="AR36690" s="9" ph="1"/>
    </row>
    <row r="36691" spans="44:44" ht="15.75" customHeight="1" x14ac:dyDescent="0.15">
      <c r="AR36691" s="9" ph="1"/>
    </row>
    <row r="36693" spans="44:44" ht="15.75" customHeight="1" x14ac:dyDescent="0.15">
      <c r="AR36693" s="9" ph="1"/>
    </row>
    <row r="36694" spans="44:44" ht="15.75" customHeight="1" x14ac:dyDescent="0.15">
      <c r="AR36694" s="9" ph="1"/>
    </row>
    <row r="36695" spans="44:44" ht="15.75" customHeight="1" x14ac:dyDescent="0.15">
      <c r="AR36695" s="9" ph="1"/>
    </row>
    <row r="36696" spans="44:44" ht="15.75" customHeight="1" x14ac:dyDescent="0.15">
      <c r="AR36696" s="9" ph="1"/>
    </row>
    <row r="36697" spans="44:44" ht="15.75" customHeight="1" x14ac:dyDescent="0.15">
      <c r="AR36697" s="9" ph="1"/>
    </row>
    <row r="36698" spans="44:44" ht="15.75" customHeight="1" x14ac:dyDescent="0.15">
      <c r="AR36698" s="9" ph="1"/>
    </row>
    <row r="36699" spans="44:44" ht="15.75" customHeight="1" x14ac:dyDescent="0.15">
      <c r="AR36699" s="9" ph="1"/>
    </row>
    <row r="36700" spans="44:44" ht="15.75" customHeight="1" x14ac:dyDescent="0.15">
      <c r="AR36700" s="9" ph="1"/>
    </row>
    <row r="36701" spans="44:44" ht="15.75" customHeight="1" x14ac:dyDescent="0.15">
      <c r="AR36701" s="9" ph="1"/>
    </row>
    <row r="36702" spans="44:44" ht="15.75" customHeight="1" x14ac:dyDescent="0.15">
      <c r="AR36702" s="9" ph="1"/>
    </row>
    <row r="36703" spans="44:44" ht="15.75" customHeight="1" x14ac:dyDescent="0.15">
      <c r="AR36703" s="9" ph="1"/>
    </row>
    <row r="36704" spans="44:44" ht="15.75" customHeight="1" x14ac:dyDescent="0.15">
      <c r="AR36704" s="9" ph="1"/>
    </row>
    <row r="36705" spans="44:44" ht="15.75" customHeight="1" x14ac:dyDescent="0.15">
      <c r="AR36705" s="9" ph="1"/>
    </row>
    <row r="36706" spans="44:44" ht="15.75" customHeight="1" x14ac:dyDescent="0.15">
      <c r="AR36706" s="9" ph="1"/>
    </row>
    <row r="36707" spans="44:44" ht="15.75" customHeight="1" x14ac:dyDescent="0.15">
      <c r="AR36707" s="9" ph="1"/>
    </row>
    <row r="36709" spans="44:44" ht="15.75" customHeight="1" x14ac:dyDescent="0.15">
      <c r="AR36709" s="9" ph="1"/>
    </row>
    <row r="36710" spans="44:44" ht="15.75" customHeight="1" x14ac:dyDescent="0.15">
      <c r="AR36710" s="9" ph="1"/>
    </row>
    <row r="36711" spans="44:44" ht="15.75" customHeight="1" x14ac:dyDescent="0.15">
      <c r="AR36711" s="9" ph="1"/>
    </row>
    <row r="36712" spans="44:44" ht="15.75" customHeight="1" x14ac:dyDescent="0.15">
      <c r="AR36712" s="9" ph="1"/>
    </row>
    <row r="36713" spans="44:44" ht="15.75" customHeight="1" x14ac:dyDescent="0.15">
      <c r="AR36713" s="9" ph="1"/>
    </row>
    <row r="36714" spans="44:44" ht="15.75" customHeight="1" x14ac:dyDescent="0.15">
      <c r="AR36714" s="9" ph="1"/>
    </row>
    <row r="36715" spans="44:44" ht="15.75" customHeight="1" x14ac:dyDescent="0.15">
      <c r="AR36715" s="9" ph="1"/>
    </row>
    <row r="36716" spans="44:44" ht="15.75" customHeight="1" x14ac:dyDescent="0.15">
      <c r="AR36716" s="9" ph="1"/>
    </row>
    <row r="36717" spans="44:44" ht="15.75" customHeight="1" x14ac:dyDescent="0.15">
      <c r="AR36717" s="9" ph="1"/>
    </row>
    <row r="36718" spans="44:44" ht="15.75" customHeight="1" x14ac:dyDescent="0.15">
      <c r="AR36718" s="9" ph="1"/>
    </row>
    <row r="36719" spans="44:44" ht="15.75" customHeight="1" x14ac:dyDescent="0.15">
      <c r="AR36719" s="9" ph="1"/>
    </row>
    <row r="36720" spans="44:44" ht="15.75" customHeight="1" x14ac:dyDescent="0.15">
      <c r="AR36720" s="9" ph="1"/>
    </row>
    <row r="36721" spans="44:44" ht="15.75" customHeight="1" x14ac:dyDescent="0.15">
      <c r="AR36721" s="9" ph="1"/>
    </row>
    <row r="36722" spans="44:44" ht="15.75" customHeight="1" x14ac:dyDescent="0.15">
      <c r="AR36722" s="9" ph="1"/>
    </row>
    <row r="36723" spans="44:44" ht="15.75" customHeight="1" x14ac:dyDescent="0.15">
      <c r="AR36723" s="9" ph="1"/>
    </row>
    <row r="36724" spans="44:44" ht="15.75" customHeight="1" x14ac:dyDescent="0.15">
      <c r="AR36724" s="9" ph="1"/>
    </row>
    <row r="36725" spans="44:44" ht="15.75" customHeight="1" x14ac:dyDescent="0.15">
      <c r="AR36725" s="9" ph="1"/>
    </row>
    <row r="36726" spans="44:44" ht="15.75" customHeight="1" x14ac:dyDescent="0.15">
      <c r="AR36726" s="9" ph="1"/>
    </row>
    <row r="36728" spans="44:44" ht="15.75" customHeight="1" x14ac:dyDescent="0.15">
      <c r="AR36728" s="9" ph="1"/>
    </row>
    <row r="36729" spans="44:44" ht="15.75" customHeight="1" x14ac:dyDescent="0.15">
      <c r="AR36729" s="9" ph="1"/>
    </row>
    <row r="36730" spans="44:44" ht="15.75" customHeight="1" x14ac:dyDescent="0.15">
      <c r="AR36730" s="9" ph="1"/>
    </row>
    <row r="36731" spans="44:44" ht="15.75" customHeight="1" x14ac:dyDescent="0.15">
      <c r="AR36731" s="9" ph="1"/>
    </row>
    <row r="36732" spans="44:44" ht="15.75" customHeight="1" x14ac:dyDescent="0.15">
      <c r="AR36732" s="9" ph="1"/>
    </row>
    <row r="36733" spans="44:44" ht="15.75" customHeight="1" x14ac:dyDescent="0.15">
      <c r="AR36733" s="9" ph="1"/>
    </row>
    <row r="36734" spans="44:44" ht="15.75" customHeight="1" x14ac:dyDescent="0.15">
      <c r="AR36734" s="9" ph="1"/>
    </row>
    <row r="36735" spans="44:44" ht="15.75" customHeight="1" x14ac:dyDescent="0.15">
      <c r="AR36735" s="9" ph="1"/>
    </row>
    <row r="36736" spans="44:44" ht="15.75" customHeight="1" x14ac:dyDescent="0.15">
      <c r="AR36736" s="9" ph="1"/>
    </row>
    <row r="36737" spans="44:44" ht="15.75" customHeight="1" x14ac:dyDescent="0.15">
      <c r="AR36737" s="9" ph="1"/>
    </row>
    <row r="36739" spans="44:44" ht="15.75" customHeight="1" x14ac:dyDescent="0.15">
      <c r="AR36739" s="9" ph="1"/>
    </row>
    <row r="36740" spans="44:44" ht="15.75" customHeight="1" x14ac:dyDescent="0.15">
      <c r="AR36740" s="9" ph="1"/>
    </row>
    <row r="36741" spans="44:44" ht="15.75" customHeight="1" x14ac:dyDescent="0.15">
      <c r="AR36741" s="9" ph="1"/>
    </row>
    <row r="36742" spans="44:44" ht="15.75" customHeight="1" x14ac:dyDescent="0.15">
      <c r="AR36742" s="9" ph="1"/>
    </row>
    <row r="36743" spans="44:44" ht="15.75" customHeight="1" x14ac:dyDescent="0.15">
      <c r="AR36743" s="9" ph="1"/>
    </row>
    <row r="36744" spans="44:44" ht="15.75" customHeight="1" x14ac:dyDescent="0.15">
      <c r="AR36744" s="9" ph="1"/>
    </row>
    <row r="36746" spans="44:44" ht="15.75" customHeight="1" x14ac:dyDescent="0.15">
      <c r="AR36746" s="9" ph="1"/>
    </row>
    <row r="36747" spans="44:44" ht="15.75" customHeight="1" x14ac:dyDescent="0.15">
      <c r="AR36747" s="9" ph="1"/>
    </row>
    <row r="36748" spans="44:44" ht="15.75" customHeight="1" x14ac:dyDescent="0.15">
      <c r="AR36748" s="9" ph="1"/>
    </row>
    <row r="36749" spans="44:44" ht="15.75" customHeight="1" x14ac:dyDescent="0.15">
      <c r="AR36749" s="9" ph="1"/>
    </row>
    <row r="36750" spans="44:44" ht="15.75" customHeight="1" x14ac:dyDescent="0.15">
      <c r="AR36750" s="9" ph="1"/>
    </row>
    <row r="36751" spans="44:44" ht="15.75" customHeight="1" x14ac:dyDescent="0.15">
      <c r="AR36751" s="9" ph="1"/>
    </row>
    <row r="36752" spans="44:44" ht="15.75" customHeight="1" x14ac:dyDescent="0.15">
      <c r="AR36752" s="9" ph="1"/>
    </row>
    <row r="36753" spans="44:44" ht="15.75" customHeight="1" x14ac:dyDescent="0.15">
      <c r="AR36753" s="9" ph="1"/>
    </row>
    <row r="36754" spans="44:44" ht="15.75" customHeight="1" x14ac:dyDescent="0.15">
      <c r="AR36754" s="9" ph="1"/>
    </row>
    <row r="36755" spans="44:44" ht="15.75" customHeight="1" x14ac:dyDescent="0.15">
      <c r="AR36755" s="9" ph="1"/>
    </row>
    <row r="36757" spans="44:44" ht="15.75" customHeight="1" x14ac:dyDescent="0.15">
      <c r="AR36757" s="9" ph="1"/>
    </row>
    <row r="36758" spans="44:44" ht="15.75" customHeight="1" x14ac:dyDescent="0.15">
      <c r="AR36758" s="9" ph="1"/>
    </row>
    <row r="36759" spans="44:44" ht="15.75" customHeight="1" x14ac:dyDescent="0.15">
      <c r="AR36759" s="9" ph="1"/>
    </row>
    <row r="36760" spans="44:44" ht="15.75" customHeight="1" x14ac:dyDescent="0.15">
      <c r="AR36760" s="9" ph="1"/>
    </row>
    <row r="36761" spans="44:44" ht="15.75" customHeight="1" x14ac:dyDescent="0.15">
      <c r="AR36761" s="9" ph="1"/>
    </row>
    <row r="36762" spans="44:44" ht="15.75" customHeight="1" x14ac:dyDescent="0.15">
      <c r="AR36762" s="9" ph="1"/>
    </row>
    <row r="36763" spans="44:44" ht="15.75" customHeight="1" x14ac:dyDescent="0.15">
      <c r="AR36763" s="9" ph="1"/>
    </row>
    <row r="36764" spans="44:44" ht="15.75" customHeight="1" x14ac:dyDescent="0.15">
      <c r="AR36764" s="9" ph="1"/>
    </row>
    <row r="36765" spans="44:44" ht="15.75" customHeight="1" x14ac:dyDescent="0.15">
      <c r="AR36765" s="9" ph="1"/>
    </row>
    <row r="36767" spans="44:44" ht="15.75" customHeight="1" x14ac:dyDescent="0.15">
      <c r="AR36767" s="9" ph="1"/>
    </row>
    <row r="36768" spans="44:44" ht="15.75" customHeight="1" x14ac:dyDescent="0.15">
      <c r="AR36768" s="9" ph="1"/>
    </row>
    <row r="36769" spans="44:44" ht="15.75" customHeight="1" x14ac:dyDescent="0.15">
      <c r="AR36769" s="9" ph="1"/>
    </row>
    <row r="36770" spans="44:44" ht="15.75" customHeight="1" x14ac:dyDescent="0.15">
      <c r="AR36770" s="9" ph="1"/>
    </row>
    <row r="36771" spans="44:44" ht="15.75" customHeight="1" x14ac:dyDescent="0.15">
      <c r="AR36771" s="9" ph="1"/>
    </row>
    <row r="36772" spans="44:44" ht="15.75" customHeight="1" x14ac:dyDescent="0.15">
      <c r="AR36772" s="9" ph="1"/>
    </row>
    <row r="36773" spans="44:44" ht="15.75" customHeight="1" x14ac:dyDescent="0.15">
      <c r="AR36773" s="9" ph="1"/>
    </row>
    <row r="36774" spans="44:44" ht="15.75" customHeight="1" x14ac:dyDescent="0.15">
      <c r="AR36774" s="9" ph="1"/>
    </row>
    <row r="36775" spans="44:44" ht="15.75" customHeight="1" x14ac:dyDescent="0.15">
      <c r="AR36775" s="9" ph="1"/>
    </row>
    <row r="36776" spans="44:44" ht="15.75" customHeight="1" x14ac:dyDescent="0.15">
      <c r="AR36776" s="9" ph="1"/>
    </row>
    <row r="36778" spans="44:44" ht="15.75" customHeight="1" x14ac:dyDescent="0.15">
      <c r="AR36778" s="9" ph="1"/>
    </row>
    <row r="36779" spans="44:44" ht="15.75" customHeight="1" x14ac:dyDescent="0.15">
      <c r="AR36779" s="9" ph="1"/>
    </row>
    <row r="36780" spans="44:44" ht="15.75" customHeight="1" x14ac:dyDescent="0.15">
      <c r="AR36780" s="9" ph="1"/>
    </row>
    <row r="36781" spans="44:44" ht="15.75" customHeight="1" x14ac:dyDescent="0.15">
      <c r="AR36781" s="9" ph="1"/>
    </row>
    <row r="36782" spans="44:44" ht="15.75" customHeight="1" x14ac:dyDescent="0.15">
      <c r="AR36782" s="9" ph="1"/>
    </row>
    <row r="36783" spans="44:44" ht="15.75" customHeight="1" x14ac:dyDescent="0.15">
      <c r="AR36783" s="9" ph="1"/>
    </row>
    <row r="36784" spans="44:44" ht="15.75" customHeight="1" x14ac:dyDescent="0.15">
      <c r="AR36784" s="9" ph="1"/>
    </row>
    <row r="36785" spans="44:44" ht="15.75" customHeight="1" x14ac:dyDescent="0.15">
      <c r="AR36785" s="9" ph="1"/>
    </row>
    <row r="36786" spans="44:44" ht="15.75" customHeight="1" x14ac:dyDescent="0.15">
      <c r="AR36786" s="9" ph="1"/>
    </row>
    <row r="36787" spans="44:44" ht="15.75" customHeight="1" x14ac:dyDescent="0.15">
      <c r="AR36787" s="9" ph="1"/>
    </row>
    <row r="36788" spans="44:44" ht="15.75" customHeight="1" x14ac:dyDescent="0.15">
      <c r="AR36788" s="9" ph="1"/>
    </row>
    <row r="36789" spans="44:44" ht="15.75" customHeight="1" x14ac:dyDescent="0.15">
      <c r="AR36789" s="9" ph="1"/>
    </row>
    <row r="36790" spans="44:44" ht="15.75" customHeight="1" x14ac:dyDescent="0.15">
      <c r="AR36790" s="9" ph="1"/>
    </row>
    <row r="36791" spans="44:44" ht="15.75" customHeight="1" x14ac:dyDescent="0.15">
      <c r="AR36791" s="9" ph="1"/>
    </row>
    <row r="36792" spans="44:44" ht="15.75" customHeight="1" x14ac:dyDescent="0.15">
      <c r="AR36792" s="9" ph="1"/>
    </row>
    <row r="36794" spans="44:44" ht="15.75" customHeight="1" x14ac:dyDescent="0.15">
      <c r="AR36794" s="9" ph="1"/>
    </row>
    <row r="36795" spans="44:44" ht="15.75" customHeight="1" x14ac:dyDescent="0.15">
      <c r="AR36795" s="9" ph="1"/>
    </row>
    <row r="36796" spans="44:44" ht="15.75" customHeight="1" x14ac:dyDescent="0.15">
      <c r="AR36796" s="9" ph="1"/>
    </row>
    <row r="36797" spans="44:44" ht="15.75" customHeight="1" x14ac:dyDescent="0.15">
      <c r="AR36797" s="9" ph="1"/>
    </row>
    <row r="36798" spans="44:44" ht="15.75" customHeight="1" x14ac:dyDescent="0.15">
      <c r="AR36798" s="9" ph="1"/>
    </row>
    <row r="36799" spans="44:44" ht="15.75" customHeight="1" x14ac:dyDescent="0.15">
      <c r="AR36799" s="9" ph="1"/>
    </row>
    <row r="36800" spans="44:44" ht="15.75" customHeight="1" x14ac:dyDescent="0.15">
      <c r="AR36800" s="9" ph="1"/>
    </row>
    <row r="36801" spans="44:44" ht="15.75" customHeight="1" x14ac:dyDescent="0.15">
      <c r="AR36801" s="9" ph="1"/>
    </row>
    <row r="36802" spans="44:44" ht="15.75" customHeight="1" x14ac:dyDescent="0.15">
      <c r="AR36802" s="9" ph="1"/>
    </row>
    <row r="36803" spans="44:44" ht="15.75" customHeight="1" x14ac:dyDescent="0.15">
      <c r="AR36803" s="9" ph="1"/>
    </row>
    <row r="36805" spans="44:44" ht="15.75" customHeight="1" x14ac:dyDescent="0.15">
      <c r="AR36805" s="9" ph="1"/>
    </row>
    <row r="36806" spans="44:44" ht="15.75" customHeight="1" x14ac:dyDescent="0.15">
      <c r="AR36806" s="9" ph="1"/>
    </row>
    <row r="36807" spans="44:44" ht="15.75" customHeight="1" x14ac:dyDescent="0.15">
      <c r="AR36807" s="9" ph="1"/>
    </row>
    <row r="36808" spans="44:44" ht="15.75" customHeight="1" x14ac:dyDescent="0.15">
      <c r="AR36808" s="9" ph="1"/>
    </row>
    <row r="36809" spans="44:44" ht="15.75" customHeight="1" x14ac:dyDescent="0.15">
      <c r="AR36809" s="9" ph="1"/>
    </row>
    <row r="36810" spans="44:44" ht="15.75" customHeight="1" x14ac:dyDescent="0.15">
      <c r="AR36810" s="9" ph="1"/>
    </row>
    <row r="36811" spans="44:44" ht="15.75" customHeight="1" x14ac:dyDescent="0.15">
      <c r="AR36811" s="9" ph="1"/>
    </row>
    <row r="36812" spans="44:44" ht="15.75" customHeight="1" x14ac:dyDescent="0.15">
      <c r="AR36812" s="9" ph="1"/>
    </row>
    <row r="36813" spans="44:44" ht="15.75" customHeight="1" x14ac:dyDescent="0.15">
      <c r="AR36813" s="9" ph="1"/>
    </row>
    <row r="36814" spans="44:44" ht="15.75" customHeight="1" x14ac:dyDescent="0.15">
      <c r="AR36814" s="9" ph="1"/>
    </row>
    <row r="36815" spans="44:44" ht="15.75" customHeight="1" x14ac:dyDescent="0.15">
      <c r="AR36815" s="9" ph="1"/>
    </row>
    <row r="36816" spans="44:44" ht="15.75" customHeight="1" x14ac:dyDescent="0.15">
      <c r="AR36816" s="9" ph="1"/>
    </row>
    <row r="36817" spans="44:44" ht="15.75" customHeight="1" x14ac:dyDescent="0.15">
      <c r="AR36817" s="9" ph="1"/>
    </row>
    <row r="36818" spans="44:44" ht="15.75" customHeight="1" x14ac:dyDescent="0.15">
      <c r="AR36818" s="9" ph="1"/>
    </row>
    <row r="36819" spans="44:44" ht="15.75" customHeight="1" x14ac:dyDescent="0.15">
      <c r="AR36819" s="9" ph="1"/>
    </row>
    <row r="36820" spans="44:44" ht="15.75" customHeight="1" x14ac:dyDescent="0.15">
      <c r="AR36820" s="9" ph="1"/>
    </row>
    <row r="36822" spans="44:44" ht="15.75" customHeight="1" x14ac:dyDescent="0.15">
      <c r="AR36822" s="9" ph="1"/>
    </row>
    <row r="36823" spans="44:44" ht="15.75" customHeight="1" x14ac:dyDescent="0.15">
      <c r="AR36823" s="9" ph="1"/>
    </row>
    <row r="36824" spans="44:44" ht="15.75" customHeight="1" x14ac:dyDescent="0.15">
      <c r="AR36824" s="9" ph="1"/>
    </row>
    <row r="36825" spans="44:44" ht="15.75" customHeight="1" x14ac:dyDescent="0.15">
      <c r="AR36825" s="9" ph="1"/>
    </row>
    <row r="36826" spans="44:44" ht="15.75" customHeight="1" x14ac:dyDescent="0.15">
      <c r="AR36826" s="9" ph="1"/>
    </row>
    <row r="36827" spans="44:44" ht="15.75" customHeight="1" x14ac:dyDescent="0.15">
      <c r="AR36827" s="9" ph="1"/>
    </row>
    <row r="36828" spans="44:44" ht="15.75" customHeight="1" x14ac:dyDescent="0.15">
      <c r="AR36828" s="9" ph="1"/>
    </row>
    <row r="36829" spans="44:44" ht="15.75" customHeight="1" x14ac:dyDescent="0.15">
      <c r="AR36829" s="9" ph="1"/>
    </row>
    <row r="36830" spans="44:44" ht="15.75" customHeight="1" x14ac:dyDescent="0.15">
      <c r="AR36830" s="9" ph="1"/>
    </row>
    <row r="36831" spans="44:44" ht="15.75" customHeight="1" x14ac:dyDescent="0.15">
      <c r="AR36831" s="9" ph="1"/>
    </row>
    <row r="36833" spans="44:44" ht="15.75" customHeight="1" x14ac:dyDescent="0.15">
      <c r="AR36833" s="9" ph="1"/>
    </row>
    <row r="36834" spans="44:44" ht="15.75" customHeight="1" x14ac:dyDescent="0.15">
      <c r="AR36834" s="9" ph="1"/>
    </row>
    <row r="36835" spans="44:44" ht="15.75" customHeight="1" x14ac:dyDescent="0.15">
      <c r="AR36835" s="9" ph="1"/>
    </row>
    <row r="36836" spans="44:44" ht="15.75" customHeight="1" x14ac:dyDescent="0.15">
      <c r="AR36836" s="9" ph="1"/>
    </row>
    <row r="36837" spans="44:44" ht="15.75" customHeight="1" x14ac:dyDescent="0.15">
      <c r="AR36837" s="9" ph="1"/>
    </row>
    <row r="36838" spans="44:44" ht="15.75" customHeight="1" x14ac:dyDescent="0.15">
      <c r="AR36838" s="9" ph="1"/>
    </row>
    <row r="36839" spans="44:44" ht="15.75" customHeight="1" x14ac:dyDescent="0.15">
      <c r="AR36839" s="9" ph="1"/>
    </row>
    <row r="36840" spans="44:44" ht="15.75" customHeight="1" x14ac:dyDescent="0.15">
      <c r="AR36840" s="9" ph="1"/>
    </row>
    <row r="36841" spans="44:44" ht="15.75" customHeight="1" x14ac:dyDescent="0.15">
      <c r="AR36841" s="9" ph="1"/>
    </row>
    <row r="36842" spans="44:44" ht="15.75" customHeight="1" x14ac:dyDescent="0.15">
      <c r="AR36842" s="9" ph="1"/>
    </row>
    <row r="36843" spans="44:44" ht="15.75" customHeight="1" x14ac:dyDescent="0.15">
      <c r="AR36843" s="9" ph="1"/>
    </row>
    <row r="36844" spans="44:44" ht="15.75" customHeight="1" x14ac:dyDescent="0.15">
      <c r="AR36844" s="9" ph="1"/>
    </row>
    <row r="36845" spans="44:44" ht="15.75" customHeight="1" x14ac:dyDescent="0.15">
      <c r="AR36845" s="9" ph="1"/>
    </row>
    <row r="36846" spans="44:44" ht="15.75" customHeight="1" x14ac:dyDescent="0.15">
      <c r="AR36846" s="9" ph="1"/>
    </row>
    <row r="36847" spans="44:44" ht="15.75" customHeight="1" x14ac:dyDescent="0.15">
      <c r="AR36847" s="9" ph="1"/>
    </row>
    <row r="36848" spans="44:44" ht="15.75" customHeight="1" x14ac:dyDescent="0.15">
      <c r="AR36848" s="9" ph="1"/>
    </row>
    <row r="36850" spans="44:44" ht="15.75" customHeight="1" x14ac:dyDescent="0.15">
      <c r="AR36850" s="9" ph="1"/>
    </row>
    <row r="36851" spans="44:44" ht="15.75" customHeight="1" x14ac:dyDescent="0.15">
      <c r="AR36851" s="9" ph="1"/>
    </row>
    <row r="36852" spans="44:44" ht="15.75" customHeight="1" x14ac:dyDescent="0.15">
      <c r="AR36852" s="9" ph="1"/>
    </row>
    <row r="36853" spans="44:44" ht="15.75" customHeight="1" x14ac:dyDescent="0.15">
      <c r="AR36853" s="9" ph="1"/>
    </row>
    <row r="36854" spans="44:44" ht="15.75" customHeight="1" x14ac:dyDescent="0.15">
      <c r="AR36854" s="9" ph="1"/>
    </row>
    <row r="36855" spans="44:44" ht="15.75" customHeight="1" x14ac:dyDescent="0.15">
      <c r="AR36855" s="9" ph="1"/>
    </row>
    <row r="36856" spans="44:44" ht="15.75" customHeight="1" x14ac:dyDescent="0.15">
      <c r="AR36856" s="9" ph="1"/>
    </row>
    <row r="36857" spans="44:44" ht="15.75" customHeight="1" x14ac:dyDescent="0.15">
      <c r="AR36857" s="9" ph="1"/>
    </row>
    <row r="36859" spans="44:44" ht="15.75" customHeight="1" x14ac:dyDescent="0.15">
      <c r="AR36859" s="9" ph="1"/>
    </row>
    <row r="36860" spans="44:44" ht="15.75" customHeight="1" x14ac:dyDescent="0.15">
      <c r="AR36860" s="9" ph="1"/>
    </row>
    <row r="36861" spans="44:44" ht="15.75" customHeight="1" x14ac:dyDescent="0.15">
      <c r="AR36861" s="9" ph="1"/>
    </row>
    <row r="36862" spans="44:44" ht="15.75" customHeight="1" x14ac:dyDescent="0.15">
      <c r="AR36862" s="9" ph="1"/>
    </row>
    <row r="36863" spans="44:44" ht="15.75" customHeight="1" x14ac:dyDescent="0.15">
      <c r="AR36863" s="9" ph="1"/>
    </row>
    <row r="36864" spans="44:44" ht="15.75" customHeight="1" x14ac:dyDescent="0.15">
      <c r="AR36864" s="9" ph="1"/>
    </row>
    <row r="36866" spans="44:44" ht="15.75" customHeight="1" x14ac:dyDescent="0.15">
      <c r="AR36866" s="9" ph="1"/>
    </row>
    <row r="36867" spans="44:44" ht="15.75" customHeight="1" x14ac:dyDescent="0.15">
      <c r="AR36867" s="9" ph="1"/>
    </row>
    <row r="36868" spans="44:44" ht="15.75" customHeight="1" x14ac:dyDescent="0.15">
      <c r="AR36868" s="9" ph="1"/>
    </row>
    <row r="36869" spans="44:44" ht="15.75" customHeight="1" x14ac:dyDescent="0.15">
      <c r="AR36869" s="9" ph="1"/>
    </row>
    <row r="36870" spans="44:44" ht="15.75" customHeight="1" x14ac:dyDescent="0.15">
      <c r="AR36870" s="9" ph="1"/>
    </row>
    <row r="36871" spans="44:44" ht="15.75" customHeight="1" x14ac:dyDescent="0.15">
      <c r="AR36871" s="9" ph="1"/>
    </row>
    <row r="36872" spans="44:44" ht="15.75" customHeight="1" x14ac:dyDescent="0.15">
      <c r="AR36872" s="9" ph="1"/>
    </row>
    <row r="36874" spans="44:44" ht="15.75" customHeight="1" x14ac:dyDescent="0.15">
      <c r="AR36874" s="9" ph="1"/>
    </row>
    <row r="36875" spans="44:44" ht="15.75" customHeight="1" x14ac:dyDescent="0.15">
      <c r="AR36875" s="9" ph="1"/>
    </row>
    <row r="36876" spans="44:44" ht="15.75" customHeight="1" x14ac:dyDescent="0.15">
      <c r="AR36876" s="9" ph="1"/>
    </row>
    <row r="36877" spans="44:44" ht="15.75" customHeight="1" x14ac:dyDescent="0.15">
      <c r="AR36877" s="9" ph="1"/>
    </row>
    <row r="36878" spans="44:44" ht="15.75" customHeight="1" x14ac:dyDescent="0.15">
      <c r="AR36878" s="9" ph="1"/>
    </row>
    <row r="36879" spans="44:44" ht="15.75" customHeight="1" x14ac:dyDescent="0.15">
      <c r="AR36879" s="9" ph="1"/>
    </row>
    <row r="36880" spans="44:44" ht="15.75" customHeight="1" x14ac:dyDescent="0.15">
      <c r="AR36880" s="9" ph="1"/>
    </row>
    <row r="36881" spans="44:44" ht="15.75" customHeight="1" x14ac:dyDescent="0.15">
      <c r="AR36881" s="9" ph="1"/>
    </row>
    <row r="36882" spans="44:44" ht="15.75" customHeight="1" x14ac:dyDescent="0.15">
      <c r="AR36882" s="9" ph="1"/>
    </row>
    <row r="36883" spans="44:44" ht="15.75" customHeight="1" x14ac:dyDescent="0.15">
      <c r="AR36883" s="9" ph="1"/>
    </row>
    <row r="36884" spans="44:44" ht="15.75" customHeight="1" x14ac:dyDescent="0.15">
      <c r="AR36884" s="9" ph="1"/>
    </row>
    <row r="36885" spans="44:44" ht="15.75" customHeight="1" x14ac:dyDescent="0.15">
      <c r="AR36885" s="9" ph="1"/>
    </row>
    <row r="36886" spans="44:44" ht="15.75" customHeight="1" x14ac:dyDescent="0.15">
      <c r="AR36886" s="9" ph="1"/>
    </row>
    <row r="36887" spans="44:44" ht="15.75" customHeight="1" x14ac:dyDescent="0.15">
      <c r="AR36887" s="9" ph="1"/>
    </row>
    <row r="36888" spans="44:44" ht="15.75" customHeight="1" x14ac:dyDescent="0.15">
      <c r="AR36888" s="9" ph="1"/>
    </row>
    <row r="36890" spans="44:44" ht="15.75" customHeight="1" x14ac:dyDescent="0.15">
      <c r="AR36890" s="9" ph="1"/>
    </row>
    <row r="36891" spans="44:44" ht="15.75" customHeight="1" x14ac:dyDescent="0.15">
      <c r="AR36891" s="9" ph="1"/>
    </row>
    <row r="36892" spans="44:44" ht="15.75" customHeight="1" x14ac:dyDescent="0.15">
      <c r="AR36892" s="9" ph="1"/>
    </row>
    <row r="36893" spans="44:44" ht="15.75" customHeight="1" x14ac:dyDescent="0.15">
      <c r="AR36893" s="9" ph="1"/>
    </row>
    <row r="36894" spans="44:44" ht="15.75" customHeight="1" x14ac:dyDescent="0.15">
      <c r="AR36894" s="9" ph="1"/>
    </row>
    <row r="36895" spans="44:44" ht="15.75" customHeight="1" x14ac:dyDescent="0.15">
      <c r="AR36895" s="9" ph="1"/>
    </row>
    <row r="36896" spans="44:44" ht="15.75" customHeight="1" x14ac:dyDescent="0.15">
      <c r="AR36896" s="9" ph="1"/>
    </row>
    <row r="36897" spans="44:44" ht="15.75" customHeight="1" x14ac:dyDescent="0.15">
      <c r="AR36897" s="9" ph="1"/>
    </row>
    <row r="36898" spans="44:44" ht="15.75" customHeight="1" x14ac:dyDescent="0.15">
      <c r="AR36898" s="9" ph="1"/>
    </row>
    <row r="36899" spans="44:44" ht="15.75" customHeight="1" x14ac:dyDescent="0.15">
      <c r="AR36899" s="9" ph="1"/>
    </row>
    <row r="36900" spans="44:44" ht="15.75" customHeight="1" x14ac:dyDescent="0.15">
      <c r="AR36900" s="9" ph="1"/>
    </row>
    <row r="36901" spans="44:44" ht="15.75" customHeight="1" x14ac:dyDescent="0.15">
      <c r="AR36901" s="9" ph="1"/>
    </row>
    <row r="36902" spans="44:44" ht="15.75" customHeight="1" x14ac:dyDescent="0.15">
      <c r="AR36902" s="9" ph="1"/>
    </row>
    <row r="36903" spans="44:44" ht="15.75" customHeight="1" x14ac:dyDescent="0.15">
      <c r="AR36903" s="9" ph="1"/>
    </row>
    <row r="36904" spans="44:44" ht="15.75" customHeight="1" x14ac:dyDescent="0.15">
      <c r="AR36904" s="9" ph="1"/>
    </row>
    <row r="36905" spans="44:44" ht="15.75" customHeight="1" x14ac:dyDescent="0.15">
      <c r="AR36905" s="9" ph="1"/>
    </row>
    <row r="36906" spans="44:44" ht="15.75" customHeight="1" x14ac:dyDescent="0.15">
      <c r="AR36906" s="9" ph="1"/>
    </row>
    <row r="36907" spans="44:44" ht="15.75" customHeight="1" x14ac:dyDescent="0.15">
      <c r="AR36907" s="9" ph="1"/>
    </row>
    <row r="36909" spans="44:44" ht="15.75" customHeight="1" x14ac:dyDescent="0.15">
      <c r="AR36909" s="9" ph="1"/>
    </row>
    <row r="36910" spans="44:44" ht="15.75" customHeight="1" x14ac:dyDescent="0.15">
      <c r="AR36910" s="9" ph="1"/>
    </row>
    <row r="36911" spans="44:44" ht="15.75" customHeight="1" x14ac:dyDescent="0.15">
      <c r="AR36911" s="9" ph="1"/>
    </row>
    <row r="36912" spans="44:44" ht="15.75" customHeight="1" x14ac:dyDescent="0.15">
      <c r="AR36912" s="9" ph="1"/>
    </row>
    <row r="36913" spans="44:44" ht="15.75" customHeight="1" x14ac:dyDescent="0.15">
      <c r="AR36913" s="9" ph="1"/>
    </row>
    <row r="36914" spans="44:44" ht="15.75" customHeight="1" x14ac:dyDescent="0.15">
      <c r="AR36914" s="9" ph="1"/>
    </row>
    <row r="36915" spans="44:44" ht="15.75" customHeight="1" x14ac:dyDescent="0.15">
      <c r="AR36915" s="9" ph="1"/>
    </row>
    <row r="36916" spans="44:44" ht="15.75" customHeight="1" x14ac:dyDescent="0.15">
      <c r="AR36916" s="9" ph="1"/>
    </row>
    <row r="36917" spans="44:44" ht="15.75" customHeight="1" x14ac:dyDescent="0.15">
      <c r="AR36917" s="9" ph="1"/>
    </row>
    <row r="36918" spans="44:44" ht="15.75" customHeight="1" x14ac:dyDescent="0.15">
      <c r="AR36918" s="9" ph="1"/>
    </row>
    <row r="36920" spans="44:44" ht="15.75" customHeight="1" x14ac:dyDescent="0.15">
      <c r="AR36920" s="9" ph="1"/>
    </row>
    <row r="36921" spans="44:44" ht="15.75" customHeight="1" x14ac:dyDescent="0.15">
      <c r="AR36921" s="9" ph="1"/>
    </row>
    <row r="36922" spans="44:44" ht="15.75" customHeight="1" x14ac:dyDescent="0.15">
      <c r="AR36922" s="9" ph="1"/>
    </row>
    <row r="36923" spans="44:44" ht="15.75" customHeight="1" x14ac:dyDescent="0.15">
      <c r="AR36923" s="9" ph="1"/>
    </row>
    <row r="36924" spans="44:44" ht="15.75" customHeight="1" x14ac:dyDescent="0.15">
      <c r="AR36924" s="9" ph="1"/>
    </row>
    <row r="36925" spans="44:44" ht="15.75" customHeight="1" x14ac:dyDescent="0.15">
      <c r="AR36925" s="9" ph="1"/>
    </row>
    <row r="36927" spans="44:44" ht="15.75" customHeight="1" x14ac:dyDescent="0.15">
      <c r="AR36927" s="9" ph="1"/>
    </row>
    <row r="36928" spans="44:44" ht="15.75" customHeight="1" x14ac:dyDescent="0.15">
      <c r="AR36928" s="9" ph="1"/>
    </row>
    <row r="36929" spans="44:44" ht="15.75" customHeight="1" x14ac:dyDescent="0.15">
      <c r="AR36929" s="9" ph="1"/>
    </row>
    <row r="36930" spans="44:44" ht="15.75" customHeight="1" x14ac:dyDescent="0.15">
      <c r="AR36930" s="9" ph="1"/>
    </row>
    <row r="36931" spans="44:44" ht="15.75" customHeight="1" x14ac:dyDescent="0.15">
      <c r="AR36931" s="9" ph="1"/>
    </row>
    <row r="36932" spans="44:44" ht="15.75" customHeight="1" x14ac:dyDescent="0.15">
      <c r="AR36932" s="9" ph="1"/>
    </row>
    <row r="36933" spans="44:44" ht="15.75" customHeight="1" x14ac:dyDescent="0.15">
      <c r="AR36933" s="9" ph="1"/>
    </row>
    <row r="36934" spans="44:44" ht="15.75" customHeight="1" x14ac:dyDescent="0.15">
      <c r="AR36934" s="9" ph="1"/>
    </row>
    <row r="36935" spans="44:44" ht="15.75" customHeight="1" x14ac:dyDescent="0.15">
      <c r="AR36935" s="9" ph="1"/>
    </row>
    <row r="36936" spans="44:44" ht="15.75" customHeight="1" x14ac:dyDescent="0.15">
      <c r="AR36936" s="9" ph="1"/>
    </row>
    <row r="36938" spans="44:44" ht="15.75" customHeight="1" x14ac:dyDescent="0.15">
      <c r="AR36938" s="9" ph="1"/>
    </row>
    <row r="36939" spans="44:44" ht="15.75" customHeight="1" x14ac:dyDescent="0.15">
      <c r="AR36939" s="9" ph="1"/>
    </row>
    <row r="36940" spans="44:44" ht="15.75" customHeight="1" x14ac:dyDescent="0.15">
      <c r="AR36940" s="9" ph="1"/>
    </row>
    <row r="36941" spans="44:44" ht="15.75" customHeight="1" x14ac:dyDescent="0.15">
      <c r="AR36941" s="9" ph="1"/>
    </row>
    <row r="36942" spans="44:44" ht="15.75" customHeight="1" x14ac:dyDescent="0.15">
      <c r="AR36942" s="9" ph="1"/>
    </row>
    <row r="36943" spans="44:44" ht="15.75" customHeight="1" x14ac:dyDescent="0.15">
      <c r="AR36943" s="9" ph="1"/>
    </row>
    <row r="36944" spans="44:44" ht="15.75" customHeight="1" x14ac:dyDescent="0.15">
      <c r="AR36944" s="9" ph="1"/>
    </row>
    <row r="36945" spans="44:44" ht="15.75" customHeight="1" x14ac:dyDescent="0.15">
      <c r="AR36945" s="9" ph="1"/>
    </row>
    <row r="36946" spans="44:44" ht="15.75" customHeight="1" x14ac:dyDescent="0.15">
      <c r="AR36946" s="9" ph="1"/>
    </row>
    <row r="36948" spans="44:44" ht="15.75" customHeight="1" x14ac:dyDescent="0.15">
      <c r="AR36948" s="9" ph="1"/>
    </row>
    <row r="36949" spans="44:44" ht="15.75" customHeight="1" x14ac:dyDescent="0.15">
      <c r="AR36949" s="9" ph="1"/>
    </row>
    <row r="36950" spans="44:44" ht="15.75" customHeight="1" x14ac:dyDescent="0.15">
      <c r="AR36950" s="9" ph="1"/>
    </row>
    <row r="36951" spans="44:44" ht="15.75" customHeight="1" x14ac:dyDescent="0.15">
      <c r="AR36951" s="9" ph="1"/>
    </row>
    <row r="36952" spans="44:44" ht="15.75" customHeight="1" x14ac:dyDescent="0.15">
      <c r="AR36952" s="9" ph="1"/>
    </row>
    <row r="36953" spans="44:44" ht="15.75" customHeight="1" x14ac:dyDescent="0.15">
      <c r="AR36953" s="9" ph="1"/>
    </row>
    <row r="36954" spans="44:44" ht="15.75" customHeight="1" x14ac:dyDescent="0.15">
      <c r="AR36954" s="9" ph="1"/>
    </row>
    <row r="36955" spans="44:44" ht="15.75" customHeight="1" x14ac:dyDescent="0.15">
      <c r="AR36955" s="9" ph="1"/>
    </row>
    <row r="36956" spans="44:44" ht="15.75" customHeight="1" x14ac:dyDescent="0.15">
      <c r="AR36956" s="9" ph="1"/>
    </row>
    <row r="36957" spans="44:44" ht="15.75" customHeight="1" x14ac:dyDescent="0.15">
      <c r="AR36957" s="9" ph="1"/>
    </row>
    <row r="36959" spans="44:44" ht="15.75" customHeight="1" x14ac:dyDescent="0.15">
      <c r="AR36959" s="9" ph="1"/>
    </row>
    <row r="36960" spans="44:44" ht="15.75" customHeight="1" x14ac:dyDescent="0.15">
      <c r="AR36960" s="9" ph="1"/>
    </row>
    <row r="36961" spans="44:44" ht="15.75" customHeight="1" x14ac:dyDescent="0.15">
      <c r="AR36961" s="9" ph="1"/>
    </row>
    <row r="36962" spans="44:44" ht="15.75" customHeight="1" x14ac:dyDescent="0.15">
      <c r="AR36962" s="9" ph="1"/>
    </row>
    <row r="36963" spans="44:44" ht="15.75" customHeight="1" x14ac:dyDescent="0.15">
      <c r="AR36963" s="9" ph="1"/>
    </row>
    <row r="36964" spans="44:44" ht="15.75" customHeight="1" x14ac:dyDescent="0.15">
      <c r="AR36964" s="9" ph="1"/>
    </row>
    <row r="36965" spans="44:44" ht="15.75" customHeight="1" x14ac:dyDescent="0.15">
      <c r="AR36965" s="9" ph="1"/>
    </row>
    <row r="36966" spans="44:44" ht="15.75" customHeight="1" x14ac:dyDescent="0.15">
      <c r="AR36966" s="9" ph="1"/>
    </row>
    <row r="36967" spans="44:44" ht="15.75" customHeight="1" x14ac:dyDescent="0.15">
      <c r="AR36967" s="9" ph="1"/>
    </row>
    <row r="36968" spans="44:44" ht="15.75" customHeight="1" x14ac:dyDescent="0.15">
      <c r="AR36968" s="9" ph="1"/>
    </row>
    <row r="36969" spans="44:44" ht="15.75" customHeight="1" x14ac:dyDescent="0.15">
      <c r="AR36969" s="9" ph="1"/>
    </row>
    <row r="36970" spans="44:44" ht="15.75" customHeight="1" x14ac:dyDescent="0.15">
      <c r="AR36970" s="9" ph="1"/>
    </row>
    <row r="36971" spans="44:44" ht="15.75" customHeight="1" x14ac:dyDescent="0.15">
      <c r="AR36971" s="9" ph="1"/>
    </row>
    <row r="36972" spans="44:44" ht="15.75" customHeight="1" x14ac:dyDescent="0.15">
      <c r="AR36972" s="9" ph="1"/>
    </row>
    <row r="36973" spans="44:44" ht="15.75" customHeight="1" x14ac:dyDescent="0.15">
      <c r="AR36973" s="9" ph="1"/>
    </row>
    <row r="36975" spans="44:44" ht="15.75" customHeight="1" x14ac:dyDescent="0.15">
      <c r="AR36975" s="9" ph="1"/>
    </row>
    <row r="36976" spans="44:44" ht="15.75" customHeight="1" x14ac:dyDescent="0.15">
      <c r="AR36976" s="9" ph="1"/>
    </row>
    <row r="36977" spans="44:44" ht="15.75" customHeight="1" x14ac:dyDescent="0.15">
      <c r="AR36977" s="9" ph="1"/>
    </row>
    <row r="36978" spans="44:44" ht="15.75" customHeight="1" x14ac:dyDescent="0.15">
      <c r="AR36978" s="9" ph="1"/>
    </row>
    <row r="36979" spans="44:44" ht="15.75" customHeight="1" x14ac:dyDescent="0.15">
      <c r="AR36979" s="9" ph="1"/>
    </row>
    <row r="36980" spans="44:44" ht="15.75" customHeight="1" x14ac:dyDescent="0.15">
      <c r="AR36980" s="9" ph="1"/>
    </row>
    <row r="36981" spans="44:44" ht="15.75" customHeight="1" x14ac:dyDescent="0.15">
      <c r="AR36981" s="9" ph="1"/>
    </row>
    <row r="36982" spans="44:44" ht="15.75" customHeight="1" x14ac:dyDescent="0.15">
      <c r="AR36982" s="9" ph="1"/>
    </row>
    <row r="36983" spans="44:44" ht="15.75" customHeight="1" x14ac:dyDescent="0.15">
      <c r="AR36983" s="9" ph="1"/>
    </row>
    <row r="36984" spans="44:44" ht="15.75" customHeight="1" x14ac:dyDescent="0.15">
      <c r="AR36984" s="9" ph="1"/>
    </row>
    <row r="36986" spans="44:44" ht="15.75" customHeight="1" x14ac:dyDescent="0.15">
      <c r="AR36986" s="9" ph="1"/>
    </row>
    <row r="36987" spans="44:44" ht="15.75" customHeight="1" x14ac:dyDescent="0.15">
      <c r="AR36987" s="9" ph="1"/>
    </row>
    <row r="36988" spans="44:44" ht="15.75" customHeight="1" x14ac:dyDescent="0.15">
      <c r="AR36988" s="9" ph="1"/>
    </row>
    <row r="36989" spans="44:44" ht="15.75" customHeight="1" x14ac:dyDescent="0.15">
      <c r="AR36989" s="9" ph="1"/>
    </row>
    <row r="36990" spans="44:44" ht="15.75" customHeight="1" x14ac:dyDescent="0.15">
      <c r="AR36990" s="9" ph="1"/>
    </row>
    <row r="36991" spans="44:44" ht="15.75" customHeight="1" x14ac:dyDescent="0.15">
      <c r="AR36991" s="9" ph="1"/>
    </row>
    <row r="36992" spans="44:44" ht="15.75" customHeight="1" x14ac:dyDescent="0.15">
      <c r="AR36992" s="9" ph="1"/>
    </row>
    <row r="36993" spans="44:44" ht="15.75" customHeight="1" x14ac:dyDescent="0.15">
      <c r="AR36993" s="9" ph="1"/>
    </row>
    <row r="36994" spans="44:44" ht="15.75" customHeight="1" x14ac:dyDescent="0.15">
      <c r="AR36994" s="9" ph="1"/>
    </row>
    <row r="36995" spans="44:44" ht="15.75" customHeight="1" x14ac:dyDescent="0.15">
      <c r="AR36995" s="9" ph="1"/>
    </row>
    <row r="36996" spans="44:44" ht="15.75" customHeight="1" x14ac:dyDescent="0.15">
      <c r="AR36996" s="9" ph="1"/>
    </row>
    <row r="36997" spans="44:44" ht="15.75" customHeight="1" x14ac:dyDescent="0.15">
      <c r="AR36997" s="9" ph="1"/>
    </row>
    <row r="36999" spans="44:44" ht="15.75" customHeight="1" x14ac:dyDescent="0.15">
      <c r="AR36999" s="9" ph="1"/>
    </row>
    <row r="37000" spans="44:44" ht="15.75" customHeight="1" x14ac:dyDescent="0.15">
      <c r="AR37000" s="9" ph="1"/>
    </row>
    <row r="37001" spans="44:44" ht="15.75" customHeight="1" x14ac:dyDescent="0.15">
      <c r="AR37001" s="9" ph="1"/>
    </row>
    <row r="37002" spans="44:44" ht="15.75" customHeight="1" x14ac:dyDescent="0.15">
      <c r="AR37002" s="9" ph="1"/>
    </row>
    <row r="37003" spans="44:44" ht="15.75" customHeight="1" x14ac:dyDescent="0.15">
      <c r="AR37003" s="9" ph="1"/>
    </row>
    <row r="37004" spans="44:44" ht="15.75" customHeight="1" x14ac:dyDescent="0.15">
      <c r="AR37004" s="9" ph="1"/>
    </row>
    <row r="37006" spans="44:44" ht="15.75" customHeight="1" x14ac:dyDescent="0.15">
      <c r="AR37006" s="9" ph="1"/>
    </row>
    <row r="37007" spans="44:44" ht="15.75" customHeight="1" x14ac:dyDescent="0.15">
      <c r="AR37007" s="9" ph="1"/>
    </row>
    <row r="37008" spans="44:44" ht="15.75" customHeight="1" x14ac:dyDescent="0.15">
      <c r="AR37008" s="9" ph="1"/>
    </row>
    <row r="37009" spans="44:44" ht="15.75" customHeight="1" x14ac:dyDescent="0.15">
      <c r="AR37009" s="9" ph="1"/>
    </row>
    <row r="37010" spans="44:44" ht="15.75" customHeight="1" x14ac:dyDescent="0.15">
      <c r="AR37010" s="9" ph="1"/>
    </row>
    <row r="37011" spans="44:44" ht="15.75" customHeight="1" x14ac:dyDescent="0.15">
      <c r="AR37011" s="9" ph="1"/>
    </row>
    <row r="37012" spans="44:44" ht="15.75" customHeight="1" x14ac:dyDescent="0.15">
      <c r="AR37012" s="9" ph="1"/>
    </row>
    <row r="37013" spans="44:44" ht="15.75" customHeight="1" x14ac:dyDescent="0.15">
      <c r="AR37013" s="9" ph="1"/>
    </row>
    <row r="37014" spans="44:44" ht="15.75" customHeight="1" x14ac:dyDescent="0.15">
      <c r="AR37014" s="9" ph="1"/>
    </row>
    <row r="37015" spans="44:44" ht="15.75" customHeight="1" x14ac:dyDescent="0.15">
      <c r="AR37015" s="9" ph="1"/>
    </row>
    <row r="37017" spans="44:44" ht="15.75" customHeight="1" x14ac:dyDescent="0.15">
      <c r="AR37017" s="9" ph="1"/>
    </row>
    <row r="37018" spans="44:44" ht="15.75" customHeight="1" x14ac:dyDescent="0.15">
      <c r="AR37018" s="9" ph="1"/>
    </row>
    <row r="37019" spans="44:44" ht="15.75" customHeight="1" x14ac:dyDescent="0.15">
      <c r="AR37019" s="9" ph="1"/>
    </row>
    <row r="37020" spans="44:44" ht="15.75" customHeight="1" x14ac:dyDescent="0.15">
      <c r="AR37020" s="9" ph="1"/>
    </row>
    <row r="37021" spans="44:44" ht="15.75" customHeight="1" x14ac:dyDescent="0.15">
      <c r="AR37021" s="9" ph="1"/>
    </row>
    <row r="37022" spans="44:44" ht="15.75" customHeight="1" x14ac:dyDescent="0.15">
      <c r="AR37022" s="9" ph="1"/>
    </row>
    <row r="37023" spans="44:44" ht="15.75" customHeight="1" x14ac:dyDescent="0.15">
      <c r="AR37023" s="9" ph="1"/>
    </row>
    <row r="37024" spans="44:44" ht="15.75" customHeight="1" x14ac:dyDescent="0.15">
      <c r="AR37024" s="9" ph="1"/>
    </row>
    <row r="37025" spans="44:44" ht="15.75" customHeight="1" x14ac:dyDescent="0.15">
      <c r="AR37025" s="9" ph="1"/>
    </row>
    <row r="37027" spans="44:44" ht="15.75" customHeight="1" x14ac:dyDescent="0.15">
      <c r="AR37027" s="9" ph="1"/>
    </row>
    <row r="37028" spans="44:44" ht="15.75" customHeight="1" x14ac:dyDescent="0.15">
      <c r="AR37028" s="9" ph="1"/>
    </row>
    <row r="37029" spans="44:44" ht="15.75" customHeight="1" x14ac:dyDescent="0.15">
      <c r="AR37029" s="9" ph="1"/>
    </row>
    <row r="37030" spans="44:44" ht="15.75" customHeight="1" x14ac:dyDescent="0.15">
      <c r="AR37030" s="9" ph="1"/>
    </row>
    <row r="37031" spans="44:44" ht="15.75" customHeight="1" x14ac:dyDescent="0.15">
      <c r="AR37031" s="9" ph="1"/>
    </row>
    <row r="37032" spans="44:44" ht="15.75" customHeight="1" x14ac:dyDescent="0.15">
      <c r="AR37032" s="9" ph="1"/>
    </row>
    <row r="37033" spans="44:44" ht="15.75" customHeight="1" x14ac:dyDescent="0.15">
      <c r="AR37033" s="9" ph="1"/>
    </row>
    <row r="37034" spans="44:44" ht="15.75" customHeight="1" x14ac:dyDescent="0.15">
      <c r="AR37034" s="9" ph="1"/>
    </row>
    <row r="37035" spans="44:44" ht="15.75" customHeight="1" x14ac:dyDescent="0.15">
      <c r="AR37035" s="9" ph="1"/>
    </row>
    <row r="37036" spans="44:44" ht="15.75" customHeight="1" x14ac:dyDescent="0.15">
      <c r="AR37036" s="9" ph="1"/>
    </row>
    <row r="37038" spans="44:44" ht="15.75" customHeight="1" x14ac:dyDescent="0.15">
      <c r="AR37038" s="9" ph="1"/>
    </row>
    <row r="37039" spans="44:44" ht="15.75" customHeight="1" x14ac:dyDescent="0.15">
      <c r="AR37039" s="9" ph="1"/>
    </row>
    <row r="37040" spans="44:44" ht="15.75" customHeight="1" x14ac:dyDescent="0.15">
      <c r="AR37040" s="9" ph="1"/>
    </row>
    <row r="37041" spans="44:44" ht="15.75" customHeight="1" x14ac:dyDescent="0.15">
      <c r="AR37041" s="9" ph="1"/>
    </row>
    <row r="37042" spans="44:44" ht="15.75" customHeight="1" x14ac:dyDescent="0.15">
      <c r="AR37042" s="9" ph="1"/>
    </row>
    <row r="37043" spans="44:44" ht="15.75" customHeight="1" x14ac:dyDescent="0.15">
      <c r="AR37043" s="9" ph="1"/>
    </row>
    <row r="37044" spans="44:44" ht="15.75" customHeight="1" x14ac:dyDescent="0.15">
      <c r="AR37044" s="9" ph="1"/>
    </row>
    <row r="37045" spans="44:44" ht="15.75" customHeight="1" x14ac:dyDescent="0.15">
      <c r="AR37045" s="9" ph="1"/>
    </row>
    <row r="37046" spans="44:44" ht="15.75" customHeight="1" x14ac:dyDescent="0.15">
      <c r="AR37046" s="9" ph="1"/>
    </row>
    <row r="37047" spans="44:44" ht="15.75" customHeight="1" x14ac:dyDescent="0.15">
      <c r="AR37047" s="9" ph="1"/>
    </row>
    <row r="37048" spans="44:44" ht="15.75" customHeight="1" x14ac:dyDescent="0.15">
      <c r="AR37048" s="9" ph="1"/>
    </row>
    <row r="37049" spans="44:44" ht="15.75" customHeight="1" x14ac:dyDescent="0.15">
      <c r="AR37049" s="9" ph="1"/>
    </row>
    <row r="37050" spans="44:44" ht="15.75" customHeight="1" x14ac:dyDescent="0.15">
      <c r="AR37050" s="9" ph="1"/>
    </row>
    <row r="37051" spans="44:44" ht="15.75" customHeight="1" x14ac:dyDescent="0.15">
      <c r="AR37051" s="9" ph="1"/>
    </row>
    <row r="37052" spans="44:44" ht="15.75" customHeight="1" x14ac:dyDescent="0.15">
      <c r="AR37052" s="9" ph="1"/>
    </row>
    <row r="37054" spans="44:44" ht="15.75" customHeight="1" x14ac:dyDescent="0.15">
      <c r="AR37054" s="9" ph="1"/>
    </row>
    <row r="37055" spans="44:44" ht="15.75" customHeight="1" x14ac:dyDescent="0.15">
      <c r="AR37055" s="9" ph="1"/>
    </row>
    <row r="37056" spans="44:44" ht="15.75" customHeight="1" x14ac:dyDescent="0.15">
      <c r="AR37056" s="9" ph="1"/>
    </row>
    <row r="37057" spans="44:44" ht="15.75" customHeight="1" x14ac:dyDescent="0.15">
      <c r="AR37057" s="9" ph="1"/>
    </row>
    <row r="37058" spans="44:44" ht="15.75" customHeight="1" x14ac:dyDescent="0.15">
      <c r="AR37058" s="9" ph="1"/>
    </row>
    <row r="37059" spans="44:44" ht="15.75" customHeight="1" x14ac:dyDescent="0.15">
      <c r="AR37059" s="9" ph="1"/>
    </row>
    <row r="37060" spans="44:44" ht="15.75" customHeight="1" x14ac:dyDescent="0.15">
      <c r="AR37060" s="9" ph="1"/>
    </row>
    <row r="37061" spans="44:44" ht="15.75" customHeight="1" x14ac:dyDescent="0.15">
      <c r="AR37061" s="9" ph="1"/>
    </row>
    <row r="37062" spans="44:44" ht="15.75" customHeight="1" x14ac:dyDescent="0.15">
      <c r="AR37062" s="9" ph="1"/>
    </row>
    <row r="37063" spans="44:44" ht="15.75" customHeight="1" x14ac:dyDescent="0.15">
      <c r="AR37063" s="9" ph="1"/>
    </row>
    <row r="37065" spans="44:44" ht="15.75" customHeight="1" x14ac:dyDescent="0.15">
      <c r="AR37065" s="9" ph="1"/>
    </row>
    <row r="37066" spans="44:44" ht="15.75" customHeight="1" x14ac:dyDescent="0.15">
      <c r="AR37066" s="9" ph="1"/>
    </row>
    <row r="37067" spans="44:44" ht="15.75" customHeight="1" x14ac:dyDescent="0.15">
      <c r="AR37067" s="9" ph="1"/>
    </row>
    <row r="37068" spans="44:44" ht="15.75" customHeight="1" x14ac:dyDescent="0.15">
      <c r="AR37068" s="9" ph="1"/>
    </row>
    <row r="37069" spans="44:44" ht="15.75" customHeight="1" x14ac:dyDescent="0.15">
      <c r="AR37069" s="9" ph="1"/>
    </row>
    <row r="37070" spans="44:44" ht="15.75" customHeight="1" x14ac:dyDescent="0.15">
      <c r="AR37070" s="9" ph="1"/>
    </row>
    <row r="37071" spans="44:44" ht="15.75" customHeight="1" x14ac:dyDescent="0.15">
      <c r="AR37071" s="9" ph="1"/>
    </row>
    <row r="37072" spans="44:44" ht="15.75" customHeight="1" x14ac:dyDescent="0.15">
      <c r="AR37072" s="9" ph="1"/>
    </row>
    <row r="37073" spans="44:44" ht="15.75" customHeight="1" x14ac:dyDescent="0.15">
      <c r="AR37073" s="9" ph="1"/>
    </row>
    <row r="37074" spans="44:44" ht="15.75" customHeight="1" x14ac:dyDescent="0.15">
      <c r="AR37074" s="9" ph="1"/>
    </row>
    <row r="37075" spans="44:44" ht="15.75" customHeight="1" x14ac:dyDescent="0.15">
      <c r="AR37075" s="9" ph="1"/>
    </row>
    <row r="37076" spans="44:44" ht="15.75" customHeight="1" x14ac:dyDescent="0.15">
      <c r="AR37076" s="9" ph="1"/>
    </row>
    <row r="37077" spans="44:44" ht="15.75" customHeight="1" x14ac:dyDescent="0.15">
      <c r="AR37077" s="9" ph="1"/>
    </row>
    <row r="37078" spans="44:44" ht="15.75" customHeight="1" x14ac:dyDescent="0.15">
      <c r="AR37078" s="9" ph="1"/>
    </row>
    <row r="37080" spans="44:44" ht="15.75" customHeight="1" x14ac:dyDescent="0.15">
      <c r="AR37080" s="9" ph="1"/>
    </row>
    <row r="37081" spans="44:44" ht="15.75" customHeight="1" x14ac:dyDescent="0.15">
      <c r="AR37081" s="9" ph="1"/>
    </row>
    <row r="37082" spans="44:44" ht="15.75" customHeight="1" x14ac:dyDescent="0.15">
      <c r="AR37082" s="9" ph="1"/>
    </row>
    <row r="37083" spans="44:44" ht="15.75" customHeight="1" x14ac:dyDescent="0.15">
      <c r="AR37083" s="9" ph="1"/>
    </row>
    <row r="37084" spans="44:44" ht="15.75" customHeight="1" x14ac:dyDescent="0.15">
      <c r="AR37084" s="9" ph="1"/>
    </row>
    <row r="37085" spans="44:44" ht="15.75" customHeight="1" x14ac:dyDescent="0.15">
      <c r="AR37085" s="9" ph="1"/>
    </row>
    <row r="37086" spans="44:44" ht="15.75" customHeight="1" x14ac:dyDescent="0.15">
      <c r="AR37086" s="9" ph="1"/>
    </row>
    <row r="37087" spans="44:44" ht="15.75" customHeight="1" x14ac:dyDescent="0.15">
      <c r="AR37087" s="9" ph="1"/>
    </row>
    <row r="37088" spans="44:44" ht="15.75" customHeight="1" x14ac:dyDescent="0.15">
      <c r="AR37088" s="9" ph="1"/>
    </row>
    <row r="37090" spans="44:44" ht="15.75" customHeight="1" x14ac:dyDescent="0.15">
      <c r="AR37090" s="9" ph="1"/>
    </row>
    <row r="37091" spans="44:44" ht="15.75" customHeight="1" x14ac:dyDescent="0.15">
      <c r="AR37091" s="9" ph="1"/>
    </row>
    <row r="37092" spans="44:44" ht="15.75" customHeight="1" x14ac:dyDescent="0.15">
      <c r="AR37092" s="9" ph="1"/>
    </row>
    <row r="37093" spans="44:44" ht="15.75" customHeight="1" x14ac:dyDescent="0.15">
      <c r="AR37093" s="9" ph="1"/>
    </row>
    <row r="37094" spans="44:44" ht="15.75" customHeight="1" x14ac:dyDescent="0.15">
      <c r="AR37094" s="9" ph="1"/>
    </row>
    <row r="37095" spans="44:44" ht="15.75" customHeight="1" x14ac:dyDescent="0.15">
      <c r="AR37095" s="9" ph="1"/>
    </row>
    <row r="37096" spans="44:44" ht="15.75" customHeight="1" x14ac:dyDescent="0.15">
      <c r="AR37096" s="9" ph="1"/>
    </row>
    <row r="37097" spans="44:44" ht="15.75" customHeight="1" x14ac:dyDescent="0.15">
      <c r="AR37097" s="9" ph="1"/>
    </row>
    <row r="37098" spans="44:44" ht="15.75" customHeight="1" x14ac:dyDescent="0.15">
      <c r="AR37098" s="9" ph="1"/>
    </row>
    <row r="37099" spans="44:44" ht="15.75" customHeight="1" x14ac:dyDescent="0.15">
      <c r="AR37099" s="9" ph="1"/>
    </row>
    <row r="37101" spans="44:44" ht="15.75" customHeight="1" x14ac:dyDescent="0.15">
      <c r="AR37101" s="9" ph="1"/>
    </row>
    <row r="37102" spans="44:44" ht="15.75" customHeight="1" x14ac:dyDescent="0.15">
      <c r="AR37102" s="9" ph="1"/>
    </row>
    <row r="37103" spans="44:44" ht="15.75" customHeight="1" x14ac:dyDescent="0.15">
      <c r="AR37103" s="9" ph="1"/>
    </row>
    <row r="37104" spans="44:44" ht="15.75" customHeight="1" x14ac:dyDescent="0.15">
      <c r="AR37104" s="9" ph="1"/>
    </row>
    <row r="37105" spans="44:44" ht="15.75" customHeight="1" x14ac:dyDescent="0.15">
      <c r="AR37105" s="9" ph="1"/>
    </row>
    <row r="37106" spans="44:44" ht="15.75" customHeight="1" x14ac:dyDescent="0.15">
      <c r="AR37106" s="9" ph="1"/>
    </row>
    <row r="37107" spans="44:44" ht="15.75" customHeight="1" x14ac:dyDescent="0.15">
      <c r="AR37107" s="9" ph="1"/>
    </row>
    <row r="37108" spans="44:44" ht="15.75" customHeight="1" x14ac:dyDescent="0.15">
      <c r="AR37108" s="9" ph="1"/>
    </row>
    <row r="37109" spans="44:44" ht="15.75" customHeight="1" x14ac:dyDescent="0.15">
      <c r="AR37109" s="9" ph="1"/>
    </row>
    <row r="37110" spans="44:44" ht="15.75" customHeight="1" x14ac:dyDescent="0.15">
      <c r="AR37110" s="9" ph="1"/>
    </row>
    <row r="37111" spans="44:44" ht="15.75" customHeight="1" x14ac:dyDescent="0.15">
      <c r="AR37111" s="9" ph="1"/>
    </row>
    <row r="37112" spans="44:44" ht="15.75" customHeight="1" x14ac:dyDescent="0.15">
      <c r="AR37112" s="9" ph="1"/>
    </row>
    <row r="37113" spans="44:44" ht="15.75" customHeight="1" x14ac:dyDescent="0.15">
      <c r="AR37113" s="9" ph="1"/>
    </row>
    <row r="37114" spans="44:44" ht="15.75" customHeight="1" x14ac:dyDescent="0.15">
      <c r="AR37114" s="9" ph="1"/>
    </row>
    <row r="37115" spans="44:44" ht="15.75" customHeight="1" x14ac:dyDescent="0.15">
      <c r="AR37115" s="9" ph="1"/>
    </row>
    <row r="37117" spans="44:44" ht="15.75" customHeight="1" x14ac:dyDescent="0.15">
      <c r="AR37117" s="9" ph="1"/>
    </row>
    <row r="37118" spans="44:44" ht="15.75" customHeight="1" x14ac:dyDescent="0.15">
      <c r="AR37118" s="9" ph="1"/>
    </row>
    <row r="37119" spans="44:44" ht="15.75" customHeight="1" x14ac:dyDescent="0.15">
      <c r="AR37119" s="9" ph="1"/>
    </row>
    <row r="37120" spans="44:44" ht="15.75" customHeight="1" x14ac:dyDescent="0.15">
      <c r="AR37120" s="9" ph="1"/>
    </row>
    <row r="37121" spans="44:44" ht="15.75" customHeight="1" x14ac:dyDescent="0.15">
      <c r="AR37121" s="9" ph="1"/>
    </row>
    <row r="37122" spans="44:44" ht="15.75" customHeight="1" x14ac:dyDescent="0.15">
      <c r="AR37122" s="9" ph="1"/>
    </row>
    <row r="37123" spans="44:44" ht="15.75" customHeight="1" x14ac:dyDescent="0.15">
      <c r="AR37123" s="9" ph="1"/>
    </row>
    <row r="37124" spans="44:44" ht="15.75" customHeight="1" x14ac:dyDescent="0.15">
      <c r="AR37124" s="9" ph="1"/>
    </row>
    <row r="37125" spans="44:44" ht="15.75" customHeight="1" x14ac:dyDescent="0.15">
      <c r="AR37125" s="9" ph="1"/>
    </row>
    <row r="37126" spans="44:44" ht="15.75" customHeight="1" x14ac:dyDescent="0.15">
      <c r="AR37126" s="9" ph="1"/>
    </row>
    <row r="37128" spans="44:44" ht="15.75" customHeight="1" x14ac:dyDescent="0.15">
      <c r="AR37128" s="9" ph="1"/>
    </row>
    <row r="37129" spans="44:44" ht="15.75" customHeight="1" x14ac:dyDescent="0.15">
      <c r="AR37129" s="9" ph="1"/>
    </row>
    <row r="37130" spans="44:44" ht="15.75" customHeight="1" x14ac:dyDescent="0.15">
      <c r="AR37130" s="9" ph="1"/>
    </row>
    <row r="37131" spans="44:44" ht="15.75" customHeight="1" x14ac:dyDescent="0.15">
      <c r="AR37131" s="9" ph="1"/>
    </row>
    <row r="37132" spans="44:44" ht="15.75" customHeight="1" x14ac:dyDescent="0.15">
      <c r="AR37132" s="9" ph="1"/>
    </row>
    <row r="37133" spans="44:44" ht="15.75" customHeight="1" x14ac:dyDescent="0.15">
      <c r="AR37133" s="9" ph="1"/>
    </row>
    <row r="37134" spans="44:44" ht="15.75" customHeight="1" x14ac:dyDescent="0.15">
      <c r="AR37134" s="9" ph="1"/>
    </row>
    <row r="37135" spans="44:44" ht="15.75" customHeight="1" x14ac:dyDescent="0.15">
      <c r="AR37135" s="9" ph="1"/>
    </row>
    <row r="37136" spans="44:44" ht="15.75" customHeight="1" x14ac:dyDescent="0.15">
      <c r="AR37136" s="9" ph="1"/>
    </row>
    <row r="37137" spans="44:44" ht="15.75" customHeight="1" x14ac:dyDescent="0.15">
      <c r="AR37137" s="9" ph="1"/>
    </row>
    <row r="37138" spans="44:44" ht="15.75" customHeight="1" x14ac:dyDescent="0.15">
      <c r="AR37138" s="9" ph="1"/>
    </row>
    <row r="37139" spans="44:44" ht="15.75" customHeight="1" x14ac:dyDescent="0.15">
      <c r="AR37139" s="9" ph="1"/>
    </row>
    <row r="37140" spans="44:44" ht="15.75" customHeight="1" x14ac:dyDescent="0.15">
      <c r="AR37140" s="9" ph="1"/>
    </row>
    <row r="37141" spans="44:44" ht="15.75" customHeight="1" x14ac:dyDescent="0.15">
      <c r="AR37141" s="9" ph="1"/>
    </row>
    <row r="37142" spans="44:44" ht="15.75" customHeight="1" x14ac:dyDescent="0.15">
      <c r="AR37142" s="9" ph="1"/>
    </row>
    <row r="37143" spans="44:44" ht="15.75" customHeight="1" x14ac:dyDescent="0.15">
      <c r="AR37143" s="9" ph="1"/>
    </row>
    <row r="37144" spans="44:44" ht="15.75" customHeight="1" x14ac:dyDescent="0.15">
      <c r="AR37144" s="9" ph="1"/>
    </row>
    <row r="37145" spans="44:44" ht="15.75" customHeight="1" x14ac:dyDescent="0.15">
      <c r="AR37145" s="9" ph="1"/>
    </row>
    <row r="37146" spans="44:44" ht="15.75" customHeight="1" x14ac:dyDescent="0.15">
      <c r="AR37146" s="9" ph="1"/>
    </row>
    <row r="37147" spans="44:44" ht="15.75" customHeight="1" x14ac:dyDescent="0.15">
      <c r="AR37147" s="9" ph="1"/>
    </row>
    <row r="37149" spans="44:44" ht="15.75" customHeight="1" x14ac:dyDescent="0.15">
      <c r="AR37149" s="9" ph="1"/>
    </row>
    <row r="37150" spans="44:44" ht="15.75" customHeight="1" x14ac:dyDescent="0.15">
      <c r="AR37150" s="9" ph="1"/>
    </row>
    <row r="37151" spans="44:44" ht="15.75" customHeight="1" x14ac:dyDescent="0.15">
      <c r="AR37151" s="9" ph="1"/>
    </row>
    <row r="37152" spans="44:44" ht="15.75" customHeight="1" x14ac:dyDescent="0.15">
      <c r="AR37152" s="9" ph="1"/>
    </row>
    <row r="37153" spans="44:44" ht="15.75" customHeight="1" x14ac:dyDescent="0.15">
      <c r="AR37153" s="9" ph="1"/>
    </row>
    <row r="37154" spans="44:44" ht="15.75" customHeight="1" x14ac:dyDescent="0.15">
      <c r="AR37154" s="9" ph="1"/>
    </row>
    <row r="37155" spans="44:44" ht="15.75" customHeight="1" x14ac:dyDescent="0.15">
      <c r="AR37155" s="9" ph="1"/>
    </row>
    <row r="37156" spans="44:44" ht="15.75" customHeight="1" x14ac:dyDescent="0.15">
      <c r="AR37156" s="9" ph="1"/>
    </row>
    <row r="37157" spans="44:44" ht="15.75" customHeight="1" x14ac:dyDescent="0.15">
      <c r="AR37157" s="9" ph="1"/>
    </row>
    <row r="37158" spans="44:44" ht="15.75" customHeight="1" x14ac:dyDescent="0.15">
      <c r="AR37158" s="9" ph="1"/>
    </row>
    <row r="37160" spans="44:44" ht="15.75" customHeight="1" x14ac:dyDescent="0.15">
      <c r="AR37160" s="9" ph="1"/>
    </row>
    <row r="37161" spans="44:44" ht="15.75" customHeight="1" x14ac:dyDescent="0.15">
      <c r="AR37161" s="9" ph="1"/>
    </row>
    <row r="37162" spans="44:44" ht="15.75" customHeight="1" x14ac:dyDescent="0.15">
      <c r="AR37162" s="9" ph="1"/>
    </row>
    <row r="37163" spans="44:44" ht="15.75" customHeight="1" x14ac:dyDescent="0.15">
      <c r="AR37163" s="9" ph="1"/>
    </row>
    <row r="37164" spans="44:44" ht="15.75" customHeight="1" x14ac:dyDescent="0.15">
      <c r="AR37164" s="9" ph="1"/>
    </row>
    <row r="37165" spans="44:44" ht="15.75" customHeight="1" x14ac:dyDescent="0.15">
      <c r="AR37165" s="9" ph="1"/>
    </row>
    <row r="37167" spans="44:44" ht="15.75" customHeight="1" x14ac:dyDescent="0.15">
      <c r="AR37167" s="9" ph="1"/>
    </row>
    <row r="37168" spans="44:44" ht="15.75" customHeight="1" x14ac:dyDescent="0.15">
      <c r="AR37168" s="9" ph="1"/>
    </row>
    <row r="37169" spans="44:44" ht="15.75" customHeight="1" x14ac:dyDescent="0.15">
      <c r="AR37169" s="9" ph="1"/>
    </row>
    <row r="37170" spans="44:44" ht="15.75" customHeight="1" x14ac:dyDescent="0.15">
      <c r="AR37170" s="9" ph="1"/>
    </row>
    <row r="37171" spans="44:44" ht="15.75" customHeight="1" x14ac:dyDescent="0.15">
      <c r="AR37171" s="9" ph="1"/>
    </row>
    <row r="37172" spans="44:44" ht="15.75" customHeight="1" x14ac:dyDescent="0.15">
      <c r="AR37172" s="9" ph="1"/>
    </row>
    <row r="37173" spans="44:44" ht="15.75" customHeight="1" x14ac:dyDescent="0.15">
      <c r="AR37173" s="9" ph="1"/>
    </row>
    <row r="37174" spans="44:44" ht="15.75" customHeight="1" x14ac:dyDescent="0.15">
      <c r="AR37174" s="9" ph="1"/>
    </row>
    <row r="37175" spans="44:44" ht="15.75" customHeight="1" x14ac:dyDescent="0.15">
      <c r="AR37175" s="9" ph="1"/>
    </row>
    <row r="37176" spans="44:44" ht="15.75" customHeight="1" x14ac:dyDescent="0.15">
      <c r="AR37176" s="9" ph="1"/>
    </row>
    <row r="37178" spans="44:44" ht="15.75" customHeight="1" x14ac:dyDescent="0.15">
      <c r="AR37178" s="9" ph="1"/>
    </row>
    <row r="37179" spans="44:44" ht="15.75" customHeight="1" x14ac:dyDescent="0.15">
      <c r="AR37179" s="9" ph="1"/>
    </row>
    <row r="37180" spans="44:44" ht="15.75" customHeight="1" x14ac:dyDescent="0.15">
      <c r="AR37180" s="9" ph="1"/>
    </row>
    <row r="37181" spans="44:44" ht="15.75" customHeight="1" x14ac:dyDescent="0.15">
      <c r="AR37181" s="9" ph="1"/>
    </row>
    <row r="37182" spans="44:44" ht="15.75" customHeight="1" x14ac:dyDescent="0.15">
      <c r="AR37182" s="9" ph="1"/>
    </row>
    <row r="37183" spans="44:44" ht="15.75" customHeight="1" x14ac:dyDescent="0.15">
      <c r="AR37183" s="9" ph="1"/>
    </row>
    <row r="37184" spans="44:44" ht="15.75" customHeight="1" x14ac:dyDescent="0.15">
      <c r="AR37184" s="9" ph="1"/>
    </row>
    <row r="37185" spans="44:44" ht="15.75" customHeight="1" x14ac:dyDescent="0.15">
      <c r="AR37185" s="9" ph="1"/>
    </row>
    <row r="37186" spans="44:44" ht="15.75" customHeight="1" x14ac:dyDescent="0.15">
      <c r="AR37186" s="9" ph="1"/>
    </row>
    <row r="37188" spans="44:44" ht="15.75" customHeight="1" x14ac:dyDescent="0.15">
      <c r="AR37188" s="9" ph="1"/>
    </row>
    <row r="37189" spans="44:44" ht="15.75" customHeight="1" x14ac:dyDescent="0.15">
      <c r="AR37189" s="9" ph="1"/>
    </row>
    <row r="37190" spans="44:44" ht="15.75" customHeight="1" x14ac:dyDescent="0.15">
      <c r="AR37190" s="9" ph="1"/>
    </row>
    <row r="37191" spans="44:44" ht="15.75" customHeight="1" x14ac:dyDescent="0.15">
      <c r="AR37191" s="9" ph="1"/>
    </row>
    <row r="37192" spans="44:44" ht="15.75" customHeight="1" x14ac:dyDescent="0.15">
      <c r="AR37192" s="9" ph="1"/>
    </row>
    <row r="37193" spans="44:44" ht="15.75" customHeight="1" x14ac:dyDescent="0.15">
      <c r="AR37193" s="9" ph="1"/>
    </row>
    <row r="37194" spans="44:44" ht="15.75" customHeight="1" x14ac:dyDescent="0.15">
      <c r="AR37194" s="9" ph="1"/>
    </row>
    <row r="37195" spans="44:44" ht="15.75" customHeight="1" x14ac:dyDescent="0.15">
      <c r="AR37195" s="9" ph="1"/>
    </row>
    <row r="37196" spans="44:44" ht="15.75" customHeight="1" x14ac:dyDescent="0.15">
      <c r="AR37196" s="9" ph="1"/>
    </row>
    <row r="37197" spans="44:44" ht="15.75" customHeight="1" x14ac:dyDescent="0.15">
      <c r="AR37197" s="9" ph="1"/>
    </row>
    <row r="37199" spans="44:44" ht="15.75" customHeight="1" x14ac:dyDescent="0.15">
      <c r="AR37199" s="9" ph="1"/>
    </row>
    <row r="37200" spans="44:44" ht="15.75" customHeight="1" x14ac:dyDescent="0.15">
      <c r="AR37200" s="9" ph="1"/>
    </row>
    <row r="37201" spans="44:44" ht="15.75" customHeight="1" x14ac:dyDescent="0.15">
      <c r="AR37201" s="9" ph="1"/>
    </row>
    <row r="37202" spans="44:44" ht="15.75" customHeight="1" x14ac:dyDescent="0.15">
      <c r="AR37202" s="9" ph="1"/>
    </row>
    <row r="37203" spans="44:44" ht="15.75" customHeight="1" x14ac:dyDescent="0.15">
      <c r="AR37203" s="9" ph="1"/>
    </row>
    <row r="37204" spans="44:44" ht="15.75" customHeight="1" x14ac:dyDescent="0.15">
      <c r="AR37204" s="9" ph="1"/>
    </row>
    <row r="37205" spans="44:44" ht="15.75" customHeight="1" x14ac:dyDescent="0.15">
      <c r="AR37205" s="9" ph="1"/>
    </row>
    <row r="37206" spans="44:44" ht="15.75" customHeight="1" x14ac:dyDescent="0.15">
      <c r="AR37206" s="9" ph="1"/>
    </row>
    <row r="37207" spans="44:44" ht="15.75" customHeight="1" x14ac:dyDescent="0.15">
      <c r="AR37207" s="9" ph="1"/>
    </row>
    <row r="37208" spans="44:44" ht="15.75" customHeight="1" x14ac:dyDescent="0.15">
      <c r="AR37208" s="9" ph="1"/>
    </row>
    <row r="37209" spans="44:44" ht="15.75" customHeight="1" x14ac:dyDescent="0.15">
      <c r="AR37209" s="9" ph="1"/>
    </row>
    <row r="37210" spans="44:44" ht="15.75" customHeight="1" x14ac:dyDescent="0.15">
      <c r="AR37210" s="9" ph="1"/>
    </row>
    <row r="37211" spans="44:44" ht="15.75" customHeight="1" x14ac:dyDescent="0.15">
      <c r="AR37211" s="9" ph="1"/>
    </row>
    <row r="37212" spans="44:44" ht="15.75" customHeight="1" x14ac:dyDescent="0.15">
      <c r="AR37212" s="9" ph="1"/>
    </row>
    <row r="37213" spans="44:44" ht="15.75" customHeight="1" x14ac:dyDescent="0.15">
      <c r="AR37213" s="9" ph="1"/>
    </row>
    <row r="37215" spans="44:44" ht="15.75" customHeight="1" x14ac:dyDescent="0.15">
      <c r="AR37215" s="9" ph="1"/>
    </row>
    <row r="37216" spans="44:44" ht="15.75" customHeight="1" x14ac:dyDescent="0.15">
      <c r="AR37216" s="9" ph="1"/>
    </row>
    <row r="37217" spans="44:44" ht="15.75" customHeight="1" x14ac:dyDescent="0.15">
      <c r="AR37217" s="9" ph="1"/>
    </row>
    <row r="37218" spans="44:44" ht="15.75" customHeight="1" x14ac:dyDescent="0.15">
      <c r="AR37218" s="9" ph="1"/>
    </row>
    <row r="37219" spans="44:44" ht="15.75" customHeight="1" x14ac:dyDescent="0.15">
      <c r="AR37219" s="9" ph="1"/>
    </row>
    <row r="37220" spans="44:44" ht="15.75" customHeight="1" x14ac:dyDescent="0.15">
      <c r="AR37220" s="9" ph="1"/>
    </row>
    <row r="37221" spans="44:44" ht="15.75" customHeight="1" x14ac:dyDescent="0.15">
      <c r="AR37221" s="9" ph="1"/>
    </row>
    <row r="37222" spans="44:44" ht="15.75" customHeight="1" x14ac:dyDescent="0.15">
      <c r="AR37222" s="9" ph="1"/>
    </row>
    <row r="37223" spans="44:44" ht="15.75" customHeight="1" x14ac:dyDescent="0.15">
      <c r="AR37223" s="9" ph="1"/>
    </row>
    <row r="37224" spans="44:44" ht="15.75" customHeight="1" x14ac:dyDescent="0.15">
      <c r="AR37224" s="9" ph="1"/>
    </row>
    <row r="37226" spans="44:44" ht="15.75" customHeight="1" x14ac:dyDescent="0.15">
      <c r="AR37226" s="9" ph="1"/>
    </row>
    <row r="37227" spans="44:44" ht="15.75" customHeight="1" x14ac:dyDescent="0.15">
      <c r="AR37227" s="9" ph="1"/>
    </row>
    <row r="37228" spans="44:44" ht="15.75" customHeight="1" x14ac:dyDescent="0.15">
      <c r="AR37228" s="9" ph="1"/>
    </row>
    <row r="37229" spans="44:44" ht="15.75" customHeight="1" x14ac:dyDescent="0.15">
      <c r="AR37229" s="9" ph="1"/>
    </row>
    <row r="37230" spans="44:44" ht="15.75" customHeight="1" x14ac:dyDescent="0.15">
      <c r="AR37230" s="9" ph="1"/>
    </row>
    <row r="37231" spans="44:44" ht="15.75" customHeight="1" x14ac:dyDescent="0.15">
      <c r="AR37231" s="9" ph="1"/>
    </row>
    <row r="37232" spans="44:44" ht="15.75" customHeight="1" x14ac:dyDescent="0.15">
      <c r="AR37232" s="9" ph="1"/>
    </row>
    <row r="37233" spans="44:44" ht="15.75" customHeight="1" x14ac:dyDescent="0.15">
      <c r="AR37233" s="9" ph="1"/>
    </row>
    <row r="37234" spans="44:44" ht="15.75" customHeight="1" x14ac:dyDescent="0.15">
      <c r="AR37234" s="9" ph="1"/>
    </row>
    <row r="37235" spans="44:44" ht="15.75" customHeight="1" x14ac:dyDescent="0.15">
      <c r="AR37235" s="9" ph="1"/>
    </row>
    <row r="37236" spans="44:44" ht="15.75" customHeight="1" x14ac:dyDescent="0.15">
      <c r="AR37236" s="9" ph="1"/>
    </row>
    <row r="37237" spans="44:44" ht="15.75" customHeight="1" x14ac:dyDescent="0.15">
      <c r="AR37237" s="9" ph="1"/>
    </row>
    <row r="37239" spans="44:44" ht="15.75" customHeight="1" x14ac:dyDescent="0.15">
      <c r="AR37239" s="9" ph="1"/>
    </row>
    <row r="37240" spans="44:44" ht="15.75" customHeight="1" x14ac:dyDescent="0.15">
      <c r="AR37240" s="9" ph="1"/>
    </row>
    <row r="37241" spans="44:44" ht="15.75" customHeight="1" x14ac:dyDescent="0.15">
      <c r="AR37241" s="9" ph="1"/>
    </row>
    <row r="37242" spans="44:44" ht="15.75" customHeight="1" x14ac:dyDescent="0.15">
      <c r="AR37242" s="9" ph="1"/>
    </row>
    <row r="37243" spans="44:44" ht="15.75" customHeight="1" x14ac:dyDescent="0.15">
      <c r="AR37243" s="9" ph="1"/>
    </row>
    <row r="37244" spans="44:44" ht="15.75" customHeight="1" x14ac:dyDescent="0.15">
      <c r="AR37244" s="9" ph="1"/>
    </row>
    <row r="37246" spans="44:44" ht="15.75" customHeight="1" x14ac:dyDescent="0.15">
      <c r="AR37246" s="9" ph="1"/>
    </row>
    <row r="37247" spans="44:44" ht="15.75" customHeight="1" x14ac:dyDescent="0.15">
      <c r="AR37247" s="9" ph="1"/>
    </row>
    <row r="37248" spans="44:44" ht="15.75" customHeight="1" x14ac:dyDescent="0.15">
      <c r="AR37248" s="9" ph="1"/>
    </row>
    <row r="37249" spans="44:44" ht="15.75" customHeight="1" x14ac:dyDescent="0.15">
      <c r="AR37249" s="9" ph="1"/>
    </row>
    <row r="37250" spans="44:44" ht="15.75" customHeight="1" x14ac:dyDescent="0.15">
      <c r="AR37250" s="9" ph="1"/>
    </row>
    <row r="37251" spans="44:44" ht="15.75" customHeight="1" x14ac:dyDescent="0.15">
      <c r="AR37251" s="9" ph="1"/>
    </row>
    <row r="37252" spans="44:44" ht="15.75" customHeight="1" x14ac:dyDescent="0.15">
      <c r="AR37252" s="9" ph="1"/>
    </row>
    <row r="37253" spans="44:44" ht="15.75" customHeight="1" x14ac:dyDescent="0.15">
      <c r="AR37253" s="9" ph="1"/>
    </row>
    <row r="37254" spans="44:44" ht="15.75" customHeight="1" x14ac:dyDescent="0.15">
      <c r="AR37254" s="9" ph="1"/>
    </row>
    <row r="37255" spans="44:44" ht="15.75" customHeight="1" x14ac:dyDescent="0.15">
      <c r="AR37255" s="9" ph="1"/>
    </row>
    <row r="37257" spans="44:44" ht="15.75" customHeight="1" x14ac:dyDescent="0.15">
      <c r="AR37257" s="9" ph="1"/>
    </row>
    <row r="37258" spans="44:44" ht="15.75" customHeight="1" x14ac:dyDescent="0.15">
      <c r="AR37258" s="9" ph="1"/>
    </row>
    <row r="37259" spans="44:44" ht="15.75" customHeight="1" x14ac:dyDescent="0.15">
      <c r="AR37259" s="9" ph="1"/>
    </row>
    <row r="37260" spans="44:44" ht="15.75" customHeight="1" x14ac:dyDescent="0.15">
      <c r="AR37260" s="9" ph="1"/>
    </row>
    <row r="37261" spans="44:44" ht="15.75" customHeight="1" x14ac:dyDescent="0.15">
      <c r="AR37261" s="9" ph="1"/>
    </row>
    <row r="37262" spans="44:44" ht="15.75" customHeight="1" x14ac:dyDescent="0.15">
      <c r="AR37262" s="9" ph="1"/>
    </row>
    <row r="37263" spans="44:44" ht="15.75" customHeight="1" x14ac:dyDescent="0.15">
      <c r="AR37263" s="9" ph="1"/>
    </row>
    <row r="37264" spans="44:44" ht="15.75" customHeight="1" x14ac:dyDescent="0.15">
      <c r="AR37264" s="9" ph="1"/>
    </row>
    <row r="37265" spans="44:44" ht="15.75" customHeight="1" x14ac:dyDescent="0.15">
      <c r="AR37265" s="9" ph="1"/>
    </row>
    <row r="37267" spans="44:44" ht="15.75" customHeight="1" x14ac:dyDescent="0.15">
      <c r="AR37267" s="9" ph="1"/>
    </row>
    <row r="37268" spans="44:44" ht="15.75" customHeight="1" x14ac:dyDescent="0.15">
      <c r="AR37268" s="9" ph="1"/>
    </row>
    <row r="37269" spans="44:44" ht="15.75" customHeight="1" x14ac:dyDescent="0.15">
      <c r="AR37269" s="9" ph="1"/>
    </row>
    <row r="37270" spans="44:44" ht="15.75" customHeight="1" x14ac:dyDescent="0.15">
      <c r="AR37270" s="9" ph="1"/>
    </row>
    <row r="37271" spans="44:44" ht="15.75" customHeight="1" x14ac:dyDescent="0.15">
      <c r="AR37271" s="9" ph="1"/>
    </row>
    <row r="37272" spans="44:44" ht="15.75" customHeight="1" x14ac:dyDescent="0.15">
      <c r="AR37272" s="9" ph="1"/>
    </row>
    <row r="37273" spans="44:44" ht="15.75" customHeight="1" x14ac:dyDescent="0.15">
      <c r="AR37273" s="9" ph="1"/>
    </row>
    <row r="37274" spans="44:44" ht="15.75" customHeight="1" x14ac:dyDescent="0.15">
      <c r="AR37274" s="9" ph="1"/>
    </row>
    <row r="37275" spans="44:44" ht="15.75" customHeight="1" x14ac:dyDescent="0.15">
      <c r="AR37275" s="9" ph="1"/>
    </row>
    <row r="37276" spans="44:44" ht="15.75" customHeight="1" x14ac:dyDescent="0.15">
      <c r="AR37276" s="9" ph="1"/>
    </row>
    <row r="37278" spans="44:44" ht="15.75" customHeight="1" x14ac:dyDescent="0.15">
      <c r="AR37278" s="9" ph="1"/>
    </row>
    <row r="37279" spans="44:44" ht="15.75" customHeight="1" x14ac:dyDescent="0.15">
      <c r="AR37279" s="9" ph="1"/>
    </row>
    <row r="37280" spans="44:44" ht="15.75" customHeight="1" x14ac:dyDescent="0.15">
      <c r="AR37280" s="9" ph="1"/>
    </row>
    <row r="37281" spans="44:44" ht="15.75" customHeight="1" x14ac:dyDescent="0.15">
      <c r="AR37281" s="9" ph="1"/>
    </row>
    <row r="37282" spans="44:44" ht="15.75" customHeight="1" x14ac:dyDescent="0.15">
      <c r="AR37282" s="9" ph="1"/>
    </row>
    <row r="37283" spans="44:44" ht="15.75" customHeight="1" x14ac:dyDescent="0.15">
      <c r="AR37283" s="9" ph="1"/>
    </row>
    <row r="37284" spans="44:44" ht="15.75" customHeight="1" x14ac:dyDescent="0.15">
      <c r="AR37284" s="9" ph="1"/>
    </row>
    <row r="37285" spans="44:44" ht="15.75" customHeight="1" x14ac:dyDescent="0.15">
      <c r="AR37285" s="9" ph="1"/>
    </row>
    <row r="37286" spans="44:44" ht="15.75" customHeight="1" x14ac:dyDescent="0.15">
      <c r="AR37286" s="9" ph="1"/>
    </row>
    <row r="37287" spans="44:44" ht="15.75" customHeight="1" x14ac:dyDescent="0.15">
      <c r="AR37287" s="9" ph="1"/>
    </row>
    <row r="37288" spans="44:44" ht="15.75" customHeight="1" x14ac:dyDescent="0.15">
      <c r="AR37288" s="9" ph="1"/>
    </row>
    <row r="37289" spans="44:44" ht="15.75" customHeight="1" x14ac:dyDescent="0.15">
      <c r="AR37289" s="9" ph="1"/>
    </row>
    <row r="37290" spans="44:44" ht="15.75" customHeight="1" x14ac:dyDescent="0.15">
      <c r="AR37290" s="9" ph="1"/>
    </row>
    <row r="37291" spans="44:44" ht="15.75" customHeight="1" x14ac:dyDescent="0.15">
      <c r="AR37291" s="9" ph="1"/>
    </row>
    <row r="37292" spans="44:44" ht="15.75" customHeight="1" x14ac:dyDescent="0.15">
      <c r="AR37292" s="9" ph="1"/>
    </row>
    <row r="37294" spans="44:44" ht="15.75" customHeight="1" x14ac:dyDescent="0.15">
      <c r="AR37294" s="9" ph="1"/>
    </row>
    <row r="37295" spans="44:44" ht="15.75" customHeight="1" x14ac:dyDescent="0.15">
      <c r="AR37295" s="9" ph="1"/>
    </row>
    <row r="37296" spans="44:44" ht="15.75" customHeight="1" x14ac:dyDescent="0.15">
      <c r="AR37296" s="9" ph="1"/>
    </row>
    <row r="37297" spans="44:44" ht="15.75" customHeight="1" x14ac:dyDescent="0.15">
      <c r="AR37297" s="9" ph="1"/>
    </row>
    <row r="37298" spans="44:44" ht="15.75" customHeight="1" x14ac:dyDescent="0.15">
      <c r="AR37298" s="9" ph="1"/>
    </row>
    <row r="37299" spans="44:44" ht="15.75" customHeight="1" x14ac:dyDescent="0.15">
      <c r="AR37299" s="9" ph="1"/>
    </row>
    <row r="37300" spans="44:44" ht="15.75" customHeight="1" x14ac:dyDescent="0.15">
      <c r="AR37300" s="9" ph="1"/>
    </row>
    <row r="37301" spans="44:44" ht="15.75" customHeight="1" x14ac:dyDescent="0.15">
      <c r="AR37301" s="9" ph="1"/>
    </row>
    <row r="37302" spans="44:44" ht="15.75" customHeight="1" x14ac:dyDescent="0.15">
      <c r="AR37302" s="9" ph="1"/>
    </row>
    <row r="37303" spans="44:44" ht="15.75" customHeight="1" x14ac:dyDescent="0.15">
      <c r="AR37303" s="9" ph="1"/>
    </row>
    <row r="37305" spans="44:44" ht="15.75" customHeight="1" x14ac:dyDescent="0.15">
      <c r="AR37305" s="9" ph="1"/>
    </row>
    <row r="37306" spans="44:44" ht="15.75" customHeight="1" x14ac:dyDescent="0.15">
      <c r="AR37306" s="9" ph="1"/>
    </row>
    <row r="37307" spans="44:44" ht="15.75" customHeight="1" x14ac:dyDescent="0.15">
      <c r="AR37307" s="9" ph="1"/>
    </row>
    <row r="37308" spans="44:44" ht="15.75" customHeight="1" x14ac:dyDescent="0.15">
      <c r="AR37308" s="9" ph="1"/>
    </row>
    <row r="37309" spans="44:44" ht="15.75" customHeight="1" x14ac:dyDescent="0.15">
      <c r="AR37309" s="9" ph="1"/>
    </row>
    <row r="37310" spans="44:44" ht="15.75" customHeight="1" x14ac:dyDescent="0.15">
      <c r="AR37310" s="9" ph="1"/>
    </row>
    <row r="37311" spans="44:44" ht="15.75" customHeight="1" x14ac:dyDescent="0.15">
      <c r="AR37311" s="9" ph="1"/>
    </row>
    <row r="37312" spans="44:44" ht="15.75" customHeight="1" x14ac:dyDescent="0.15">
      <c r="AR37312" s="9" ph="1"/>
    </row>
    <row r="37313" spans="44:44" ht="15.75" customHeight="1" x14ac:dyDescent="0.15">
      <c r="AR37313" s="9" ph="1"/>
    </row>
    <row r="37314" spans="44:44" ht="15.75" customHeight="1" x14ac:dyDescent="0.15">
      <c r="AR37314" s="9" ph="1"/>
    </row>
    <row r="37315" spans="44:44" ht="15.75" customHeight="1" x14ac:dyDescent="0.15">
      <c r="AR37315" s="9" ph="1"/>
    </row>
    <row r="37316" spans="44:44" ht="15.75" customHeight="1" x14ac:dyDescent="0.15">
      <c r="AR37316" s="9" ph="1"/>
    </row>
    <row r="37317" spans="44:44" ht="15.75" customHeight="1" x14ac:dyDescent="0.15">
      <c r="AR37317" s="9" ph="1"/>
    </row>
    <row r="37318" spans="44:44" ht="15.75" customHeight="1" x14ac:dyDescent="0.15">
      <c r="AR37318" s="9" ph="1"/>
    </row>
    <row r="37320" spans="44:44" ht="15.75" customHeight="1" x14ac:dyDescent="0.15">
      <c r="AR37320" s="9" ph="1"/>
    </row>
    <row r="37321" spans="44:44" ht="15.75" customHeight="1" x14ac:dyDescent="0.15">
      <c r="AR37321" s="9" ph="1"/>
    </row>
    <row r="37322" spans="44:44" ht="15.75" customHeight="1" x14ac:dyDescent="0.15">
      <c r="AR37322" s="9" ph="1"/>
    </row>
    <row r="37323" spans="44:44" ht="15.75" customHeight="1" x14ac:dyDescent="0.15">
      <c r="AR37323" s="9" ph="1"/>
    </row>
    <row r="37324" spans="44:44" ht="15.75" customHeight="1" x14ac:dyDescent="0.15">
      <c r="AR37324" s="9" ph="1"/>
    </row>
    <row r="37325" spans="44:44" ht="15.75" customHeight="1" x14ac:dyDescent="0.15">
      <c r="AR37325" s="9" ph="1"/>
    </row>
    <row r="37326" spans="44:44" ht="15.75" customHeight="1" x14ac:dyDescent="0.15">
      <c r="AR37326" s="9" ph="1"/>
    </row>
    <row r="37327" spans="44:44" ht="15.75" customHeight="1" x14ac:dyDescent="0.15">
      <c r="AR37327" s="9" ph="1"/>
    </row>
    <row r="37328" spans="44:44" ht="15.75" customHeight="1" x14ac:dyDescent="0.15">
      <c r="AR37328" s="9" ph="1"/>
    </row>
    <row r="37330" spans="44:44" ht="15.75" customHeight="1" x14ac:dyDescent="0.15">
      <c r="AR37330" s="9" ph="1"/>
    </row>
    <row r="37331" spans="44:44" ht="15.75" customHeight="1" x14ac:dyDescent="0.15">
      <c r="AR37331" s="9" ph="1"/>
    </row>
    <row r="37332" spans="44:44" ht="15.75" customHeight="1" x14ac:dyDescent="0.15">
      <c r="AR37332" s="9" ph="1"/>
    </row>
    <row r="37333" spans="44:44" ht="15.75" customHeight="1" x14ac:dyDescent="0.15">
      <c r="AR37333" s="9" ph="1"/>
    </row>
    <row r="37334" spans="44:44" ht="15.75" customHeight="1" x14ac:dyDescent="0.15">
      <c r="AR37334" s="9" ph="1"/>
    </row>
    <row r="37335" spans="44:44" ht="15.75" customHeight="1" x14ac:dyDescent="0.15">
      <c r="AR37335" s="9" ph="1"/>
    </row>
    <row r="37336" spans="44:44" ht="15.75" customHeight="1" x14ac:dyDescent="0.15">
      <c r="AR37336" s="9" ph="1"/>
    </row>
    <row r="37337" spans="44:44" ht="15.75" customHeight="1" x14ac:dyDescent="0.15">
      <c r="AR37337" s="9" ph="1"/>
    </row>
    <row r="37338" spans="44:44" ht="15.75" customHeight="1" x14ac:dyDescent="0.15">
      <c r="AR37338" s="9" ph="1"/>
    </row>
    <row r="37339" spans="44:44" ht="15.75" customHeight="1" x14ac:dyDescent="0.15">
      <c r="AR37339" s="9" ph="1"/>
    </row>
    <row r="37341" spans="44:44" ht="15.75" customHeight="1" x14ac:dyDescent="0.15">
      <c r="AR37341" s="9" ph="1"/>
    </row>
    <row r="37342" spans="44:44" ht="15.75" customHeight="1" x14ac:dyDescent="0.15">
      <c r="AR37342" s="9" ph="1"/>
    </row>
    <row r="37343" spans="44:44" ht="15.75" customHeight="1" x14ac:dyDescent="0.15">
      <c r="AR37343" s="9" ph="1"/>
    </row>
    <row r="37344" spans="44:44" ht="15.75" customHeight="1" x14ac:dyDescent="0.15">
      <c r="AR37344" s="9" ph="1"/>
    </row>
    <row r="37345" spans="44:44" ht="15.75" customHeight="1" x14ac:dyDescent="0.15">
      <c r="AR37345" s="9" ph="1"/>
    </row>
    <row r="37346" spans="44:44" ht="15.75" customHeight="1" x14ac:dyDescent="0.15">
      <c r="AR37346" s="9" ph="1"/>
    </row>
    <row r="37347" spans="44:44" ht="15.75" customHeight="1" x14ac:dyDescent="0.15">
      <c r="AR37347" s="9" ph="1"/>
    </row>
    <row r="37348" spans="44:44" ht="15.75" customHeight="1" x14ac:dyDescent="0.15">
      <c r="AR37348" s="9" ph="1"/>
    </row>
    <row r="37349" spans="44:44" ht="15.75" customHeight="1" x14ac:dyDescent="0.15">
      <c r="AR37349" s="9" ph="1"/>
    </row>
    <row r="37350" spans="44:44" ht="15.75" customHeight="1" x14ac:dyDescent="0.15">
      <c r="AR37350" s="9" ph="1"/>
    </row>
    <row r="37351" spans="44:44" ht="15.75" customHeight="1" x14ac:dyDescent="0.15">
      <c r="AR37351" s="9" ph="1"/>
    </row>
    <row r="37352" spans="44:44" ht="15.75" customHeight="1" x14ac:dyDescent="0.15">
      <c r="AR37352" s="9" ph="1"/>
    </row>
    <row r="37353" spans="44:44" ht="15.75" customHeight="1" x14ac:dyDescent="0.15">
      <c r="AR37353" s="9" ph="1"/>
    </row>
    <row r="37354" spans="44:44" ht="15.75" customHeight="1" x14ac:dyDescent="0.15">
      <c r="AR37354" s="9" ph="1"/>
    </row>
    <row r="37355" spans="44:44" ht="15.75" customHeight="1" x14ac:dyDescent="0.15">
      <c r="AR37355" s="9" ph="1"/>
    </row>
    <row r="37357" spans="44:44" ht="15.75" customHeight="1" x14ac:dyDescent="0.15">
      <c r="AR37357" s="9" ph="1"/>
    </row>
    <row r="37358" spans="44:44" ht="15.75" customHeight="1" x14ac:dyDescent="0.15">
      <c r="AR37358" s="9" ph="1"/>
    </row>
    <row r="37359" spans="44:44" ht="15.75" customHeight="1" x14ac:dyDescent="0.15">
      <c r="AR37359" s="9" ph="1"/>
    </row>
    <row r="37360" spans="44:44" ht="15.75" customHeight="1" x14ac:dyDescent="0.15">
      <c r="AR37360" s="9" ph="1"/>
    </row>
    <row r="37361" spans="44:44" ht="15.75" customHeight="1" x14ac:dyDescent="0.15">
      <c r="AR37361" s="9" ph="1"/>
    </row>
    <row r="37362" spans="44:44" ht="15.75" customHeight="1" x14ac:dyDescent="0.15">
      <c r="AR37362" s="9" ph="1"/>
    </row>
    <row r="37363" spans="44:44" ht="15.75" customHeight="1" x14ac:dyDescent="0.15">
      <c r="AR37363" s="9" ph="1"/>
    </row>
    <row r="37364" spans="44:44" ht="15.75" customHeight="1" x14ac:dyDescent="0.15">
      <c r="AR37364" s="9" ph="1"/>
    </row>
    <row r="37365" spans="44:44" ht="15.75" customHeight="1" x14ac:dyDescent="0.15">
      <c r="AR37365" s="9" ph="1"/>
    </row>
    <row r="37366" spans="44:44" ht="15.75" customHeight="1" x14ac:dyDescent="0.15">
      <c r="AR37366" s="9" ph="1"/>
    </row>
    <row r="37368" spans="44:44" ht="15.75" customHeight="1" x14ac:dyDescent="0.15">
      <c r="AR37368" s="9" ph="1"/>
    </row>
    <row r="37369" spans="44:44" ht="15.75" customHeight="1" x14ac:dyDescent="0.15">
      <c r="AR37369" s="9" ph="1"/>
    </row>
    <row r="37370" spans="44:44" ht="15.75" customHeight="1" x14ac:dyDescent="0.15">
      <c r="AR37370" s="9" ph="1"/>
    </row>
    <row r="37371" spans="44:44" ht="15.75" customHeight="1" x14ac:dyDescent="0.15">
      <c r="AR37371" s="9" ph="1"/>
    </row>
    <row r="37372" spans="44:44" ht="15.75" customHeight="1" x14ac:dyDescent="0.15">
      <c r="AR37372" s="9" ph="1"/>
    </row>
    <row r="37373" spans="44:44" ht="15.75" customHeight="1" x14ac:dyDescent="0.15">
      <c r="AR37373" s="9" ph="1"/>
    </row>
    <row r="37374" spans="44:44" ht="15.75" customHeight="1" x14ac:dyDescent="0.15">
      <c r="AR37374" s="9" ph="1"/>
    </row>
    <row r="37375" spans="44:44" ht="15.75" customHeight="1" x14ac:dyDescent="0.15">
      <c r="AR37375" s="9" ph="1"/>
    </row>
    <row r="37376" spans="44:44" ht="15.75" customHeight="1" x14ac:dyDescent="0.15">
      <c r="AR37376" s="9" ph="1"/>
    </row>
    <row r="37377" spans="44:44" ht="15.75" customHeight="1" x14ac:dyDescent="0.15">
      <c r="AR37377" s="9" ph="1"/>
    </row>
    <row r="37378" spans="44:44" ht="15.75" customHeight="1" x14ac:dyDescent="0.15">
      <c r="AR37378" s="9" ph="1"/>
    </row>
    <row r="37379" spans="44:44" ht="15.75" customHeight="1" x14ac:dyDescent="0.15">
      <c r="AR37379" s="9" ph="1"/>
    </row>
    <row r="37380" spans="44:44" ht="15.75" customHeight="1" x14ac:dyDescent="0.15">
      <c r="AR37380" s="9" ph="1"/>
    </row>
    <row r="37381" spans="44:44" ht="15.75" customHeight="1" x14ac:dyDescent="0.15">
      <c r="AR37381" s="9" ph="1"/>
    </row>
    <row r="37382" spans="44:44" ht="15.75" customHeight="1" x14ac:dyDescent="0.15">
      <c r="AR37382" s="9" ph="1"/>
    </row>
    <row r="37383" spans="44:44" ht="15.75" customHeight="1" x14ac:dyDescent="0.15">
      <c r="AR37383" s="9" ph="1"/>
    </row>
    <row r="37384" spans="44:44" ht="15.75" customHeight="1" x14ac:dyDescent="0.15">
      <c r="AR37384" s="9" ph="1"/>
    </row>
    <row r="37385" spans="44:44" ht="15.75" customHeight="1" x14ac:dyDescent="0.15">
      <c r="AR37385" s="9" ph="1"/>
    </row>
    <row r="37386" spans="44:44" ht="15.75" customHeight="1" x14ac:dyDescent="0.15">
      <c r="AR37386" s="9" ph="1"/>
    </row>
    <row r="37387" spans="44:44" ht="15.75" customHeight="1" x14ac:dyDescent="0.15">
      <c r="AR37387" s="9" ph="1"/>
    </row>
    <row r="37388" spans="44:44" ht="15.75" customHeight="1" x14ac:dyDescent="0.15">
      <c r="AR37388" s="9" ph="1"/>
    </row>
    <row r="37389" spans="44:44" ht="15.75" customHeight="1" x14ac:dyDescent="0.15">
      <c r="AR37389" s="9" ph="1"/>
    </row>
    <row r="37390" spans="44:44" ht="15.75" customHeight="1" x14ac:dyDescent="0.15">
      <c r="AR37390" s="9" ph="1"/>
    </row>
    <row r="37391" spans="44:44" ht="15.75" customHeight="1" x14ac:dyDescent="0.15">
      <c r="AR37391" s="9" ph="1"/>
    </row>
    <row r="37393" spans="44:44" ht="15.75" customHeight="1" x14ac:dyDescent="0.15">
      <c r="AR37393" s="9" ph="1"/>
    </row>
    <row r="37394" spans="44:44" ht="15.75" customHeight="1" x14ac:dyDescent="0.15">
      <c r="AR37394" s="9" ph="1"/>
    </row>
    <row r="37395" spans="44:44" ht="15.75" customHeight="1" x14ac:dyDescent="0.15">
      <c r="AR37395" s="9" ph="1"/>
    </row>
    <row r="37396" spans="44:44" ht="15.75" customHeight="1" x14ac:dyDescent="0.15">
      <c r="AR37396" s="9" ph="1"/>
    </row>
    <row r="37397" spans="44:44" ht="15.75" customHeight="1" x14ac:dyDescent="0.15">
      <c r="AR37397" s="9" ph="1"/>
    </row>
    <row r="37398" spans="44:44" ht="15.75" customHeight="1" x14ac:dyDescent="0.15">
      <c r="AR37398" s="9" ph="1"/>
    </row>
    <row r="37399" spans="44:44" ht="15.75" customHeight="1" x14ac:dyDescent="0.15">
      <c r="AR37399" s="9" ph="1"/>
    </row>
    <row r="37400" spans="44:44" ht="15.75" customHeight="1" x14ac:dyDescent="0.15">
      <c r="AR37400" s="9" ph="1"/>
    </row>
    <row r="37401" spans="44:44" ht="15.75" customHeight="1" x14ac:dyDescent="0.15">
      <c r="AR37401" s="9" ph="1"/>
    </row>
    <row r="37402" spans="44:44" ht="15.75" customHeight="1" x14ac:dyDescent="0.15">
      <c r="AR37402" s="9" ph="1"/>
    </row>
    <row r="37404" spans="44:44" ht="15.75" customHeight="1" x14ac:dyDescent="0.15">
      <c r="AR37404" s="9" ph="1"/>
    </row>
    <row r="37405" spans="44:44" ht="15.75" customHeight="1" x14ac:dyDescent="0.15">
      <c r="AR37405" s="9" ph="1"/>
    </row>
    <row r="37406" spans="44:44" ht="15.75" customHeight="1" x14ac:dyDescent="0.15">
      <c r="AR37406" s="9" ph="1"/>
    </row>
    <row r="37407" spans="44:44" ht="15.75" customHeight="1" x14ac:dyDescent="0.15">
      <c r="AR37407" s="9" ph="1"/>
    </row>
    <row r="37408" spans="44:44" ht="15.75" customHeight="1" x14ac:dyDescent="0.15">
      <c r="AR37408" s="9" ph="1"/>
    </row>
    <row r="37409" spans="44:44" ht="15.75" customHeight="1" x14ac:dyDescent="0.15">
      <c r="AR37409" s="9" ph="1"/>
    </row>
    <row r="37411" spans="44:44" ht="15.75" customHeight="1" x14ac:dyDescent="0.15">
      <c r="AR37411" s="9" ph="1"/>
    </row>
    <row r="37412" spans="44:44" ht="15.75" customHeight="1" x14ac:dyDescent="0.15">
      <c r="AR37412" s="9" ph="1"/>
    </row>
    <row r="37413" spans="44:44" ht="15.75" customHeight="1" x14ac:dyDescent="0.15">
      <c r="AR37413" s="9" ph="1"/>
    </row>
    <row r="37414" spans="44:44" ht="15.75" customHeight="1" x14ac:dyDescent="0.15">
      <c r="AR37414" s="9" ph="1"/>
    </row>
    <row r="37415" spans="44:44" ht="15.75" customHeight="1" x14ac:dyDescent="0.15">
      <c r="AR37415" s="9" ph="1"/>
    </row>
    <row r="37416" spans="44:44" ht="15.75" customHeight="1" x14ac:dyDescent="0.15">
      <c r="AR37416" s="9" ph="1"/>
    </row>
    <row r="37417" spans="44:44" ht="15.75" customHeight="1" x14ac:dyDescent="0.15">
      <c r="AR37417" s="9" ph="1"/>
    </row>
    <row r="37418" spans="44:44" ht="15.75" customHeight="1" x14ac:dyDescent="0.15">
      <c r="AR37418" s="9" ph="1"/>
    </row>
    <row r="37419" spans="44:44" ht="15.75" customHeight="1" x14ac:dyDescent="0.15">
      <c r="AR37419" s="9" ph="1"/>
    </row>
    <row r="37420" spans="44:44" ht="15.75" customHeight="1" x14ac:dyDescent="0.15">
      <c r="AR37420" s="9" ph="1"/>
    </row>
    <row r="37422" spans="44:44" ht="15.75" customHeight="1" x14ac:dyDescent="0.15">
      <c r="AR37422" s="9" ph="1"/>
    </row>
    <row r="37423" spans="44:44" ht="15.75" customHeight="1" x14ac:dyDescent="0.15">
      <c r="AR37423" s="9" ph="1"/>
    </row>
    <row r="37424" spans="44:44" ht="15.75" customHeight="1" x14ac:dyDescent="0.15">
      <c r="AR37424" s="9" ph="1"/>
    </row>
    <row r="37425" spans="44:44" ht="15.75" customHeight="1" x14ac:dyDescent="0.15">
      <c r="AR37425" s="9" ph="1"/>
    </row>
    <row r="37426" spans="44:44" ht="15.75" customHeight="1" x14ac:dyDescent="0.15">
      <c r="AR37426" s="9" ph="1"/>
    </row>
    <row r="37427" spans="44:44" ht="15.75" customHeight="1" x14ac:dyDescent="0.15">
      <c r="AR37427" s="9" ph="1"/>
    </row>
    <row r="37428" spans="44:44" ht="15.75" customHeight="1" x14ac:dyDescent="0.15">
      <c r="AR37428" s="9" ph="1"/>
    </row>
    <row r="37429" spans="44:44" ht="15.75" customHeight="1" x14ac:dyDescent="0.15">
      <c r="AR37429" s="9" ph="1"/>
    </row>
    <row r="37430" spans="44:44" ht="15.75" customHeight="1" x14ac:dyDescent="0.15">
      <c r="AR37430" s="9" ph="1"/>
    </row>
    <row r="37432" spans="44:44" ht="15.75" customHeight="1" x14ac:dyDescent="0.15">
      <c r="AR37432" s="9" ph="1"/>
    </row>
    <row r="37433" spans="44:44" ht="15.75" customHeight="1" x14ac:dyDescent="0.15">
      <c r="AR37433" s="9" ph="1"/>
    </row>
    <row r="37434" spans="44:44" ht="15.75" customHeight="1" x14ac:dyDescent="0.15">
      <c r="AR37434" s="9" ph="1"/>
    </row>
    <row r="37435" spans="44:44" ht="15.75" customHeight="1" x14ac:dyDescent="0.15">
      <c r="AR37435" s="9" ph="1"/>
    </row>
    <row r="37436" spans="44:44" ht="15.75" customHeight="1" x14ac:dyDescent="0.15">
      <c r="AR37436" s="9" ph="1"/>
    </row>
    <row r="37437" spans="44:44" ht="15.75" customHeight="1" x14ac:dyDescent="0.15">
      <c r="AR37437" s="9" ph="1"/>
    </row>
    <row r="37438" spans="44:44" ht="15.75" customHeight="1" x14ac:dyDescent="0.15">
      <c r="AR37438" s="9" ph="1"/>
    </row>
    <row r="37439" spans="44:44" ht="15.75" customHeight="1" x14ac:dyDescent="0.15">
      <c r="AR37439" s="9" ph="1"/>
    </row>
    <row r="37440" spans="44:44" ht="15.75" customHeight="1" x14ac:dyDescent="0.15">
      <c r="AR37440" s="9" ph="1"/>
    </row>
    <row r="37441" spans="44:44" ht="15.75" customHeight="1" x14ac:dyDescent="0.15">
      <c r="AR37441" s="9" ph="1"/>
    </row>
    <row r="37443" spans="44:44" ht="15.75" customHeight="1" x14ac:dyDescent="0.15">
      <c r="AR37443" s="9" ph="1"/>
    </row>
    <row r="37444" spans="44:44" ht="15.75" customHeight="1" x14ac:dyDescent="0.15">
      <c r="AR37444" s="9" ph="1"/>
    </row>
    <row r="37445" spans="44:44" ht="15.75" customHeight="1" x14ac:dyDescent="0.15">
      <c r="AR37445" s="9" ph="1"/>
    </row>
    <row r="37446" spans="44:44" ht="15.75" customHeight="1" x14ac:dyDescent="0.15">
      <c r="AR37446" s="9" ph="1"/>
    </row>
    <row r="37447" spans="44:44" ht="15.75" customHeight="1" x14ac:dyDescent="0.15">
      <c r="AR37447" s="9" ph="1"/>
    </row>
    <row r="37448" spans="44:44" ht="15.75" customHeight="1" x14ac:dyDescent="0.15">
      <c r="AR37448" s="9" ph="1"/>
    </row>
    <row r="37449" spans="44:44" ht="15.75" customHeight="1" x14ac:dyDescent="0.15">
      <c r="AR37449" s="9" ph="1"/>
    </row>
    <row r="37450" spans="44:44" ht="15.75" customHeight="1" x14ac:dyDescent="0.15">
      <c r="AR37450" s="9" ph="1"/>
    </row>
    <row r="37451" spans="44:44" ht="15.75" customHeight="1" x14ac:dyDescent="0.15">
      <c r="AR37451" s="9" ph="1"/>
    </row>
    <row r="37452" spans="44:44" ht="15.75" customHeight="1" x14ac:dyDescent="0.15">
      <c r="AR37452" s="9" ph="1"/>
    </row>
    <row r="37453" spans="44:44" ht="15.75" customHeight="1" x14ac:dyDescent="0.15">
      <c r="AR37453" s="9" ph="1"/>
    </row>
    <row r="37454" spans="44:44" ht="15.75" customHeight="1" x14ac:dyDescent="0.15">
      <c r="AR37454" s="9" ph="1"/>
    </row>
    <row r="37455" spans="44:44" ht="15.75" customHeight="1" x14ac:dyDescent="0.15">
      <c r="AR37455" s="9" ph="1"/>
    </row>
    <row r="37456" spans="44:44" ht="15.75" customHeight="1" x14ac:dyDescent="0.15">
      <c r="AR37456" s="9" ph="1"/>
    </row>
    <row r="37457" spans="44:44" ht="15.75" customHeight="1" x14ac:dyDescent="0.15">
      <c r="AR37457" s="9" ph="1"/>
    </row>
    <row r="37459" spans="44:44" ht="15.75" customHeight="1" x14ac:dyDescent="0.15">
      <c r="AR37459" s="9" ph="1"/>
    </row>
    <row r="37460" spans="44:44" ht="15.75" customHeight="1" x14ac:dyDescent="0.15">
      <c r="AR37460" s="9" ph="1"/>
    </row>
    <row r="37461" spans="44:44" ht="15.75" customHeight="1" x14ac:dyDescent="0.15">
      <c r="AR37461" s="9" ph="1"/>
    </row>
    <row r="37462" spans="44:44" ht="15.75" customHeight="1" x14ac:dyDescent="0.15">
      <c r="AR37462" s="9" ph="1"/>
    </row>
    <row r="37463" spans="44:44" ht="15.75" customHeight="1" x14ac:dyDescent="0.15">
      <c r="AR37463" s="9" ph="1"/>
    </row>
    <row r="37464" spans="44:44" ht="15.75" customHeight="1" x14ac:dyDescent="0.15">
      <c r="AR37464" s="9" ph="1"/>
    </row>
    <row r="37465" spans="44:44" ht="15.75" customHeight="1" x14ac:dyDescent="0.15">
      <c r="AR37465" s="9" ph="1"/>
    </row>
    <row r="37466" spans="44:44" ht="15.75" customHeight="1" x14ac:dyDescent="0.15">
      <c r="AR37466" s="9" ph="1"/>
    </row>
    <row r="37467" spans="44:44" ht="15.75" customHeight="1" x14ac:dyDescent="0.15">
      <c r="AR37467" s="9" ph="1"/>
    </row>
    <row r="37468" spans="44:44" ht="15.75" customHeight="1" x14ac:dyDescent="0.15">
      <c r="AR37468" s="9" ph="1"/>
    </row>
    <row r="37470" spans="44:44" ht="15.75" customHeight="1" x14ac:dyDescent="0.15">
      <c r="AR37470" s="9" ph="1"/>
    </row>
    <row r="37471" spans="44:44" ht="15.75" customHeight="1" x14ac:dyDescent="0.15">
      <c r="AR37471" s="9" ph="1"/>
    </row>
    <row r="37472" spans="44:44" ht="15.75" customHeight="1" x14ac:dyDescent="0.15">
      <c r="AR37472" s="9" ph="1"/>
    </row>
    <row r="37473" spans="44:44" ht="15.75" customHeight="1" x14ac:dyDescent="0.15">
      <c r="AR37473" s="9" ph="1"/>
    </row>
    <row r="37474" spans="44:44" ht="15.75" customHeight="1" x14ac:dyDescent="0.15">
      <c r="AR37474" s="9" ph="1"/>
    </row>
    <row r="37475" spans="44:44" ht="15.75" customHeight="1" x14ac:dyDescent="0.15">
      <c r="AR37475" s="9" ph="1"/>
    </row>
    <row r="37476" spans="44:44" ht="15.75" customHeight="1" x14ac:dyDescent="0.15">
      <c r="AR37476" s="9" ph="1"/>
    </row>
    <row r="37477" spans="44:44" ht="15.75" customHeight="1" x14ac:dyDescent="0.15">
      <c r="AR37477" s="9" ph="1"/>
    </row>
    <row r="37478" spans="44:44" ht="15.75" customHeight="1" x14ac:dyDescent="0.15">
      <c r="AR37478" s="9" ph="1"/>
    </row>
    <row r="37479" spans="44:44" ht="15.75" customHeight="1" x14ac:dyDescent="0.15">
      <c r="AR37479" s="9" ph="1"/>
    </row>
    <row r="37480" spans="44:44" ht="15.75" customHeight="1" x14ac:dyDescent="0.15">
      <c r="AR37480" s="9" ph="1"/>
    </row>
    <row r="37481" spans="44:44" ht="15.75" customHeight="1" x14ac:dyDescent="0.15">
      <c r="AR37481" s="9" ph="1"/>
    </row>
    <row r="37483" spans="44:44" ht="15.75" customHeight="1" x14ac:dyDescent="0.15">
      <c r="AR37483" s="9" ph="1"/>
    </row>
    <row r="37484" spans="44:44" ht="15.75" customHeight="1" x14ac:dyDescent="0.15">
      <c r="AR37484" s="9" ph="1"/>
    </row>
    <row r="37485" spans="44:44" ht="15.75" customHeight="1" x14ac:dyDescent="0.15">
      <c r="AR37485" s="9" ph="1"/>
    </row>
    <row r="37486" spans="44:44" ht="15.75" customHeight="1" x14ac:dyDescent="0.15">
      <c r="AR37486" s="9" ph="1"/>
    </row>
    <row r="37487" spans="44:44" ht="15.75" customHeight="1" x14ac:dyDescent="0.15">
      <c r="AR37487" s="9" ph="1"/>
    </row>
    <row r="37488" spans="44:44" ht="15.75" customHeight="1" x14ac:dyDescent="0.15">
      <c r="AR37488" s="9" ph="1"/>
    </row>
    <row r="37490" spans="44:44" ht="15.75" customHeight="1" x14ac:dyDescent="0.15">
      <c r="AR37490" s="9" ph="1"/>
    </row>
    <row r="37491" spans="44:44" ht="15.75" customHeight="1" x14ac:dyDescent="0.15">
      <c r="AR37491" s="9" ph="1"/>
    </row>
    <row r="37492" spans="44:44" ht="15.75" customHeight="1" x14ac:dyDescent="0.15">
      <c r="AR37492" s="9" ph="1"/>
    </row>
    <row r="37493" spans="44:44" ht="15.75" customHeight="1" x14ac:dyDescent="0.15">
      <c r="AR37493" s="9" ph="1"/>
    </row>
    <row r="37494" spans="44:44" ht="15.75" customHeight="1" x14ac:dyDescent="0.15">
      <c r="AR37494" s="9" ph="1"/>
    </row>
    <row r="37495" spans="44:44" ht="15.75" customHeight="1" x14ac:dyDescent="0.15">
      <c r="AR37495" s="9" ph="1"/>
    </row>
    <row r="37496" spans="44:44" ht="15.75" customHeight="1" x14ac:dyDescent="0.15">
      <c r="AR37496" s="9" ph="1"/>
    </row>
    <row r="37497" spans="44:44" ht="15.75" customHeight="1" x14ac:dyDescent="0.15">
      <c r="AR37497" s="9" ph="1"/>
    </row>
    <row r="37498" spans="44:44" ht="15.75" customHeight="1" x14ac:dyDescent="0.15">
      <c r="AR37498" s="9" ph="1"/>
    </row>
    <row r="37499" spans="44:44" ht="15.75" customHeight="1" x14ac:dyDescent="0.15">
      <c r="AR37499" s="9" ph="1"/>
    </row>
    <row r="37501" spans="44:44" ht="15.75" customHeight="1" x14ac:dyDescent="0.15">
      <c r="AR37501" s="9" ph="1"/>
    </row>
    <row r="37502" spans="44:44" ht="15.75" customHeight="1" x14ac:dyDescent="0.15">
      <c r="AR37502" s="9" ph="1"/>
    </row>
    <row r="37503" spans="44:44" ht="15.75" customHeight="1" x14ac:dyDescent="0.15">
      <c r="AR37503" s="9" ph="1"/>
    </row>
    <row r="37504" spans="44:44" ht="15.75" customHeight="1" x14ac:dyDescent="0.15">
      <c r="AR37504" s="9" ph="1"/>
    </row>
    <row r="37505" spans="44:44" ht="15.75" customHeight="1" x14ac:dyDescent="0.15">
      <c r="AR37505" s="9" ph="1"/>
    </row>
    <row r="37506" spans="44:44" ht="15.75" customHeight="1" x14ac:dyDescent="0.15">
      <c r="AR37506" s="9" ph="1"/>
    </row>
    <row r="37507" spans="44:44" ht="15.75" customHeight="1" x14ac:dyDescent="0.15">
      <c r="AR37507" s="9" ph="1"/>
    </row>
    <row r="37508" spans="44:44" ht="15.75" customHeight="1" x14ac:dyDescent="0.15">
      <c r="AR37508" s="9" ph="1"/>
    </row>
    <row r="37509" spans="44:44" ht="15.75" customHeight="1" x14ac:dyDescent="0.15">
      <c r="AR37509" s="9" ph="1"/>
    </row>
    <row r="37511" spans="44:44" ht="15.75" customHeight="1" x14ac:dyDescent="0.15">
      <c r="AR37511" s="9" ph="1"/>
    </row>
    <row r="37512" spans="44:44" ht="15.75" customHeight="1" x14ac:dyDescent="0.15">
      <c r="AR37512" s="9" ph="1"/>
    </row>
    <row r="37513" spans="44:44" ht="15.75" customHeight="1" x14ac:dyDescent="0.15">
      <c r="AR37513" s="9" ph="1"/>
    </row>
    <row r="37514" spans="44:44" ht="15.75" customHeight="1" x14ac:dyDescent="0.15">
      <c r="AR37514" s="9" ph="1"/>
    </row>
    <row r="37515" spans="44:44" ht="15.75" customHeight="1" x14ac:dyDescent="0.15">
      <c r="AR37515" s="9" ph="1"/>
    </row>
    <row r="37516" spans="44:44" ht="15.75" customHeight="1" x14ac:dyDescent="0.15">
      <c r="AR37516" s="9" ph="1"/>
    </row>
    <row r="37517" spans="44:44" ht="15.75" customHeight="1" x14ac:dyDescent="0.15">
      <c r="AR37517" s="9" ph="1"/>
    </row>
    <row r="37518" spans="44:44" ht="15.75" customHeight="1" x14ac:dyDescent="0.15">
      <c r="AR37518" s="9" ph="1"/>
    </row>
    <row r="37519" spans="44:44" ht="15.75" customHeight="1" x14ac:dyDescent="0.15">
      <c r="AR37519" s="9" ph="1"/>
    </row>
    <row r="37520" spans="44:44" ht="15.75" customHeight="1" x14ac:dyDescent="0.15">
      <c r="AR37520" s="9" ph="1"/>
    </row>
    <row r="37522" spans="44:44" ht="15.75" customHeight="1" x14ac:dyDescent="0.15">
      <c r="AR37522" s="9" ph="1"/>
    </row>
    <row r="37523" spans="44:44" ht="15.75" customHeight="1" x14ac:dyDescent="0.15">
      <c r="AR37523" s="9" ph="1"/>
    </row>
    <row r="37524" spans="44:44" ht="15.75" customHeight="1" x14ac:dyDescent="0.15">
      <c r="AR37524" s="9" ph="1"/>
    </row>
    <row r="37525" spans="44:44" ht="15.75" customHeight="1" x14ac:dyDescent="0.15">
      <c r="AR37525" s="9" ph="1"/>
    </row>
    <row r="37526" spans="44:44" ht="15.75" customHeight="1" x14ac:dyDescent="0.15">
      <c r="AR37526" s="9" ph="1"/>
    </row>
    <row r="37527" spans="44:44" ht="15.75" customHeight="1" x14ac:dyDescent="0.15">
      <c r="AR37527" s="9" ph="1"/>
    </row>
    <row r="37528" spans="44:44" ht="15.75" customHeight="1" x14ac:dyDescent="0.15">
      <c r="AR37528" s="9" ph="1"/>
    </row>
    <row r="37529" spans="44:44" ht="15.75" customHeight="1" x14ac:dyDescent="0.15">
      <c r="AR37529" s="9" ph="1"/>
    </row>
    <row r="37530" spans="44:44" ht="15.75" customHeight="1" x14ac:dyDescent="0.15">
      <c r="AR37530" s="9" ph="1"/>
    </row>
    <row r="37531" spans="44:44" ht="15.75" customHeight="1" x14ac:dyDescent="0.15">
      <c r="AR37531" s="9" ph="1"/>
    </row>
    <row r="37532" spans="44:44" ht="15.75" customHeight="1" x14ac:dyDescent="0.15">
      <c r="AR37532" s="9" ph="1"/>
    </row>
    <row r="37533" spans="44:44" ht="15.75" customHeight="1" x14ac:dyDescent="0.15">
      <c r="AR37533" s="9" ph="1"/>
    </row>
    <row r="37534" spans="44:44" ht="15.75" customHeight="1" x14ac:dyDescent="0.15">
      <c r="AR37534" s="9" ph="1"/>
    </row>
    <row r="37535" spans="44:44" ht="15.75" customHeight="1" x14ac:dyDescent="0.15">
      <c r="AR37535" s="9" ph="1"/>
    </row>
    <row r="37536" spans="44:44" ht="15.75" customHeight="1" x14ac:dyDescent="0.15">
      <c r="AR37536" s="9" ph="1"/>
    </row>
    <row r="37538" spans="44:44" ht="15.75" customHeight="1" x14ac:dyDescent="0.15">
      <c r="AR37538" s="9" ph="1"/>
    </row>
    <row r="37539" spans="44:44" ht="15.75" customHeight="1" x14ac:dyDescent="0.15">
      <c r="AR37539" s="9" ph="1"/>
    </row>
    <row r="37540" spans="44:44" ht="15.75" customHeight="1" x14ac:dyDescent="0.15">
      <c r="AR37540" s="9" ph="1"/>
    </row>
    <row r="37541" spans="44:44" ht="15.75" customHeight="1" x14ac:dyDescent="0.15">
      <c r="AR37541" s="9" ph="1"/>
    </row>
    <row r="37542" spans="44:44" ht="15.75" customHeight="1" x14ac:dyDescent="0.15">
      <c r="AR37542" s="9" ph="1"/>
    </row>
    <row r="37543" spans="44:44" ht="15.75" customHeight="1" x14ac:dyDescent="0.15">
      <c r="AR37543" s="9" ph="1"/>
    </row>
    <row r="37544" spans="44:44" ht="15.75" customHeight="1" x14ac:dyDescent="0.15">
      <c r="AR37544" s="9" ph="1"/>
    </row>
    <row r="37545" spans="44:44" ht="15.75" customHeight="1" x14ac:dyDescent="0.15">
      <c r="AR37545" s="9" ph="1"/>
    </row>
    <row r="37546" spans="44:44" ht="15.75" customHeight="1" x14ac:dyDescent="0.15">
      <c r="AR37546" s="9" ph="1"/>
    </row>
    <row r="37547" spans="44:44" ht="15.75" customHeight="1" x14ac:dyDescent="0.15">
      <c r="AR37547" s="9" ph="1"/>
    </row>
    <row r="37549" spans="44:44" ht="15.75" customHeight="1" x14ac:dyDescent="0.15">
      <c r="AR37549" s="9" ph="1"/>
    </row>
    <row r="37550" spans="44:44" ht="15.75" customHeight="1" x14ac:dyDescent="0.15">
      <c r="AR37550" s="9" ph="1"/>
    </row>
    <row r="37551" spans="44:44" ht="15.75" customHeight="1" x14ac:dyDescent="0.15">
      <c r="AR37551" s="9" ph="1"/>
    </row>
    <row r="37552" spans="44:44" ht="15.75" customHeight="1" x14ac:dyDescent="0.15">
      <c r="AR37552" s="9" ph="1"/>
    </row>
    <row r="37553" spans="44:44" ht="15.75" customHeight="1" x14ac:dyDescent="0.15">
      <c r="AR37553" s="9" ph="1"/>
    </row>
    <row r="37554" spans="44:44" ht="15.75" customHeight="1" x14ac:dyDescent="0.15">
      <c r="AR37554" s="9" ph="1"/>
    </row>
    <row r="37555" spans="44:44" ht="15.75" customHeight="1" x14ac:dyDescent="0.15">
      <c r="AR37555" s="9" ph="1"/>
    </row>
    <row r="37556" spans="44:44" ht="15.75" customHeight="1" x14ac:dyDescent="0.15">
      <c r="AR37556" s="9" ph="1"/>
    </row>
    <row r="37557" spans="44:44" ht="15.75" customHeight="1" x14ac:dyDescent="0.15">
      <c r="AR37557" s="9" ph="1"/>
    </row>
    <row r="37558" spans="44:44" ht="15.75" customHeight="1" x14ac:dyDescent="0.15">
      <c r="AR37558" s="9" ph="1"/>
    </row>
    <row r="37559" spans="44:44" ht="15.75" customHeight="1" x14ac:dyDescent="0.15">
      <c r="AR37559" s="9" ph="1"/>
    </row>
    <row r="37560" spans="44:44" ht="15.75" customHeight="1" x14ac:dyDescent="0.15">
      <c r="AR37560" s="9" ph="1"/>
    </row>
    <row r="37561" spans="44:44" ht="15.75" customHeight="1" x14ac:dyDescent="0.15">
      <c r="AR37561" s="9" ph="1"/>
    </row>
    <row r="37562" spans="44:44" ht="15.75" customHeight="1" x14ac:dyDescent="0.15">
      <c r="AR37562" s="9" ph="1"/>
    </row>
    <row r="37564" spans="44:44" ht="15.75" customHeight="1" x14ac:dyDescent="0.15">
      <c r="AR37564" s="9" ph="1"/>
    </row>
    <row r="37565" spans="44:44" ht="15.75" customHeight="1" x14ac:dyDescent="0.15">
      <c r="AR37565" s="9" ph="1"/>
    </row>
    <row r="37566" spans="44:44" ht="15.75" customHeight="1" x14ac:dyDescent="0.15">
      <c r="AR37566" s="9" ph="1"/>
    </row>
    <row r="37567" spans="44:44" ht="15.75" customHeight="1" x14ac:dyDescent="0.15">
      <c r="AR37567" s="9" ph="1"/>
    </row>
    <row r="37568" spans="44:44" ht="15.75" customHeight="1" x14ac:dyDescent="0.15">
      <c r="AR37568" s="9" ph="1"/>
    </row>
    <row r="37569" spans="44:44" ht="15.75" customHeight="1" x14ac:dyDescent="0.15">
      <c r="AR37569" s="9" ph="1"/>
    </row>
    <row r="37570" spans="44:44" ht="15.75" customHeight="1" x14ac:dyDescent="0.15">
      <c r="AR37570" s="9" ph="1"/>
    </row>
    <row r="37571" spans="44:44" ht="15.75" customHeight="1" x14ac:dyDescent="0.15">
      <c r="AR37571" s="9" ph="1"/>
    </row>
    <row r="37572" spans="44:44" ht="15.75" customHeight="1" x14ac:dyDescent="0.15">
      <c r="AR37572" s="9" ph="1"/>
    </row>
    <row r="37574" spans="44:44" ht="15.75" customHeight="1" x14ac:dyDescent="0.15">
      <c r="AR37574" s="9" ph="1"/>
    </row>
    <row r="37575" spans="44:44" ht="15.75" customHeight="1" x14ac:dyDescent="0.15">
      <c r="AR37575" s="9" ph="1"/>
    </row>
    <row r="37576" spans="44:44" ht="15.75" customHeight="1" x14ac:dyDescent="0.15">
      <c r="AR37576" s="9" ph="1"/>
    </row>
    <row r="37577" spans="44:44" ht="15.75" customHeight="1" x14ac:dyDescent="0.15">
      <c r="AR37577" s="9" ph="1"/>
    </row>
    <row r="37578" spans="44:44" ht="15.75" customHeight="1" x14ac:dyDescent="0.15">
      <c r="AR37578" s="9" ph="1"/>
    </row>
    <row r="37579" spans="44:44" ht="15.75" customHeight="1" x14ac:dyDescent="0.15">
      <c r="AR37579" s="9" ph="1"/>
    </row>
    <row r="37580" spans="44:44" ht="15.75" customHeight="1" x14ac:dyDescent="0.15">
      <c r="AR37580" s="9" ph="1"/>
    </row>
    <row r="37581" spans="44:44" ht="15.75" customHeight="1" x14ac:dyDescent="0.15">
      <c r="AR37581" s="9" ph="1"/>
    </row>
    <row r="37582" spans="44:44" ht="15.75" customHeight="1" x14ac:dyDescent="0.15">
      <c r="AR37582" s="9" ph="1"/>
    </row>
    <row r="37583" spans="44:44" ht="15.75" customHeight="1" x14ac:dyDescent="0.15">
      <c r="AR37583" s="9" ph="1"/>
    </row>
    <row r="37585" spans="44:44" ht="15.75" customHeight="1" x14ac:dyDescent="0.15">
      <c r="AR37585" s="9" ph="1"/>
    </row>
    <row r="37586" spans="44:44" ht="15.75" customHeight="1" x14ac:dyDescent="0.15">
      <c r="AR37586" s="9" ph="1"/>
    </row>
    <row r="37587" spans="44:44" ht="15.75" customHeight="1" x14ac:dyDescent="0.15">
      <c r="AR37587" s="9" ph="1"/>
    </row>
    <row r="37588" spans="44:44" ht="15.75" customHeight="1" x14ac:dyDescent="0.15">
      <c r="AR37588" s="9" ph="1"/>
    </row>
    <row r="37589" spans="44:44" ht="15.75" customHeight="1" x14ac:dyDescent="0.15">
      <c r="AR37589" s="9" ph="1"/>
    </row>
    <row r="37590" spans="44:44" ht="15.75" customHeight="1" x14ac:dyDescent="0.15">
      <c r="AR37590" s="9" ph="1"/>
    </row>
    <row r="37591" spans="44:44" ht="15.75" customHeight="1" x14ac:dyDescent="0.15">
      <c r="AR37591" s="9" ph="1"/>
    </row>
    <row r="37592" spans="44:44" ht="15.75" customHeight="1" x14ac:dyDescent="0.15">
      <c r="AR37592" s="9" ph="1"/>
    </row>
    <row r="37593" spans="44:44" ht="15.75" customHeight="1" x14ac:dyDescent="0.15">
      <c r="AR37593" s="9" ph="1"/>
    </row>
    <row r="37594" spans="44:44" ht="15.75" customHeight="1" x14ac:dyDescent="0.15">
      <c r="AR37594" s="9" ph="1"/>
    </row>
    <row r="37595" spans="44:44" ht="15.75" customHeight="1" x14ac:dyDescent="0.15">
      <c r="AR37595" s="9" ph="1"/>
    </row>
    <row r="37596" spans="44:44" ht="15.75" customHeight="1" x14ac:dyDescent="0.15">
      <c r="AR37596" s="9" ph="1"/>
    </row>
    <row r="37597" spans="44:44" ht="15.75" customHeight="1" x14ac:dyDescent="0.15">
      <c r="AR37597" s="9" ph="1"/>
    </row>
    <row r="37598" spans="44:44" ht="15.75" customHeight="1" x14ac:dyDescent="0.15">
      <c r="AR37598" s="9" ph="1"/>
    </row>
    <row r="37599" spans="44:44" ht="15.75" customHeight="1" x14ac:dyDescent="0.15">
      <c r="AR37599" s="9" ph="1"/>
    </row>
    <row r="37601" spans="44:44" ht="15.75" customHeight="1" x14ac:dyDescent="0.15">
      <c r="AR37601" s="9" ph="1"/>
    </row>
    <row r="37602" spans="44:44" ht="15.75" customHeight="1" x14ac:dyDescent="0.15">
      <c r="AR37602" s="9" ph="1"/>
    </row>
    <row r="37603" spans="44:44" ht="15.75" customHeight="1" x14ac:dyDescent="0.15">
      <c r="AR37603" s="9" ph="1"/>
    </row>
    <row r="37604" spans="44:44" ht="15.75" customHeight="1" x14ac:dyDescent="0.15">
      <c r="AR37604" s="9" ph="1"/>
    </row>
    <row r="37605" spans="44:44" ht="15.75" customHeight="1" x14ac:dyDescent="0.15">
      <c r="AR37605" s="9" ph="1"/>
    </row>
    <row r="37606" spans="44:44" ht="15.75" customHeight="1" x14ac:dyDescent="0.15">
      <c r="AR37606" s="9" ph="1"/>
    </row>
    <row r="37607" spans="44:44" ht="15.75" customHeight="1" x14ac:dyDescent="0.15">
      <c r="AR37607" s="9" ph="1"/>
    </row>
    <row r="37608" spans="44:44" ht="15.75" customHeight="1" x14ac:dyDescent="0.15">
      <c r="AR37608" s="9" ph="1"/>
    </row>
    <row r="37609" spans="44:44" ht="15.75" customHeight="1" x14ac:dyDescent="0.15">
      <c r="AR37609" s="9" ph="1"/>
    </row>
    <row r="37610" spans="44:44" ht="15.75" customHeight="1" x14ac:dyDescent="0.15">
      <c r="AR37610" s="9" ph="1"/>
    </row>
    <row r="37612" spans="44:44" ht="15.75" customHeight="1" x14ac:dyDescent="0.15">
      <c r="AR37612" s="9" ph="1"/>
    </row>
    <row r="37613" spans="44:44" ht="15.75" customHeight="1" x14ac:dyDescent="0.15">
      <c r="AR37613" s="9" ph="1"/>
    </row>
    <row r="37614" spans="44:44" ht="15.75" customHeight="1" x14ac:dyDescent="0.15">
      <c r="AR37614" s="9" ph="1"/>
    </row>
    <row r="37615" spans="44:44" ht="15.75" customHeight="1" x14ac:dyDescent="0.15">
      <c r="AR37615" s="9" ph="1"/>
    </row>
    <row r="37616" spans="44:44" ht="15.75" customHeight="1" x14ac:dyDescent="0.15">
      <c r="AR37616" s="9" ph="1"/>
    </row>
    <row r="37617" spans="44:44" ht="15.75" customHeight="1" x14ac:dyDescent="0.15">
      <c r="AR37617" s="9" ph="1"/>
    </row>
    <row r="37618" spans="44:44" ht="15.75" customHeight="1" x14ac:dyDescent="0.15">
      <c r="AR37618" s="9" ph="1"/>
    </row>
    <row r="37619" spans="44:44" ht="15.75" customHeight="1" x14ac:dyDescent="0.15">
      <c r="AR37619" s="9" ph="1"/>
    </row>
    <row r="37620" spans="44:44" ht="15.75" customHeight="1" x14ac:dyDescent="0.15">
      <c r="AR37620" s="9" ph="1"/>
    </row>
    <row r="37621" spans="44:44" ht="15.75" customHeight="1" x14ac:dyDescent="0.15">
      <c r="AR37621" s="9" ph="1"/>
    </row>
    <row r="37622" spans="44:44" ht="15.75" customHeight="1" x14ac:dyDescent="0.15">
      <c r="AR37622" s="9" ph="1"/>
    </row>
    <row r="37623" spans="44:44" ht="15.75" customHeight="1" x14ac:dyDescent="0.15">
      <c r="AR37623" s="9" ph="1"/>
    </row>
    <row r="37624" spans="44:44" ht="15.75" customHeight="1" x14ac:dyDescent="0.15">
      <c r="AR37624" s="9" ph="1"/>
    </row>
    <row r="37625" spans="44:44" ht="15.75" customHeight="1" x14ac:dyDescent="0.15">
      <c r="AR37625" s="9" ph="1"/>
    </row>
    <row r="37626" spans="44:44" ht="15.75" customHeight="1" x14ac:dyDescent="0.15">
      <c r="AR37626" s="9" ph="1"/>
    </row>
    <row r="37627" spans="44:44" ht="15.75" customHeight="1" x14ac:dyDescent="0.15">
      <c r="AR37627" s="9" ph="1"/>
    </row>
    <row r="37628" spans="44:44" ht="15.75" customHeight="1" x14ac:dyDescent="0.15">
      <c r="AR37628" s="9" ph="1"/>
    </row>
    <row r="37630" spans="44:44" ht="15.75" customHeight="1" x14ac:dyDescent="0.15">
      <c r="AR37630" s="9" ph="1"/>
    </row>
    <row r="37631" spans="44:44" ht="15.75" customHeight="1" x14ac:dyDescent="0.15">
      <c r="AR37631" s="9" ph="1"/>
    </row>
    <row r="37632" spans="44:44" ht="15.75" customHeight="1" x14ac:dyDescent="0.15">
      <c r="AR37632" s="9" ph="1"/>
    </row>
    <row r="37633" spans="44:44" ht="15.75" customHeight="1" x14ac:dyDescent="0.15">
      <c r="AR37633" s="9" ph="1"/>
    </row>
    <row r="37634" spans="44:44" ht="15.75" customHeight="1" x14ac:dyDescent="0.15">
      <c r="AR37634" s="9" ph="1"/>
    </row>
    <row r="37635" spans="44:44" ht="15.75" customHeight="1" x14ac:dyDescent="0.15">
      <c r="AR37635" s="9" ph="1"/>
    </row>
    <row r="37636" spans="44:44" ht="15.75" customHeight="1" x14ac:dyDescent="0.15">
      <c r="AR37636" s="9" ph="1"/>
    </row>
    <row r="37637" spans="44:44" ht="15.75" customHeight="1" x14ac:dyDescent="0.15">
      <c r="AR37637" s="9" ph="1"/>
    </row>
    <row r="37638" spans="44:44" ht="15.75" customHeight="1" x14ac:dyDescent="0.15">
      <c r="AR37638" s="9" ph="1"/>
    </row>
    <row r="37639" spans="44:44" ht="15.75" customHeight="1" x14ac:dyDescent="0.15">
      <c r="AR37639" s="9" ph="1"/>
    </row>
    <row r="37640" spans="44:44" ht="15.75" customHeight="1" x14ac:dyDescent="0.15">
      <c r="AR37640" s="9" ph="1"/>
    </row>
    <row r="37641" spans="44:44" ht="15.75" customHeight="1" x14ac:dyDescent="0.15">
      <c r="AR37641" s="9" ph="1"/>
    </row>
    <row r="37642" spans="44:44" ht="15.75" customHeight="1" x14ac:dyDescent="0.15">
      <c r="AR37642" s="9" ph="1"/>
    </row>
    <row r="37643" spans="44:44" ht="15.75" customHeight="1" x14ac:dyDescent="0.15">
      <c r="AR37643" s="9" ph="1"/>
    </row>
    <row r="37644" spans="44:44" ht="15.75" customHeight="1" x14ac:dyDescent="0.15">
      <c r="AR37644" s="9" ph="1"/>
    </row>
    <row r="37646" spans="44:44" ht="15.75" customHeight="1" x14ac:dyDescent="0.15">
      <c r="AR37646" s="9" ph="1"/>
    </row>
    <row r="37647" spans="44:44" ht="15.75" customHeight="1" x14ac:dyDescent="0.15">
      <c r="AR37647" s="9" ph="1"/>
    </row>
    <row r="37648" spans="44:44" ht="15.75" customHeight="1" x14ac:dyDescent="0.15">
      <c r="AR37648" s="9" ph="1"/>
    </row>
    <row r="37649" spans="44:44" ht="15.75" customHeight="1" x14ac:dyDescent="0.15">
      <c r="AR37649" s="9" ph="1"/>
    </row>
    <row r="37650" spans="44:44" ht="15.75" customHeight="1" x14ac:dyDescent="0.15">
      <c r="AR37650" s="9" ph="1"/>
    </row>
    <row r="37651" spans="44:44" ht="15.75" customHeight="1" x14ac:dyDescent="0.15">
      <c r="AR37651" s="9" ph="1"/>
    </row>
    <row r="37652" spans="44:44" ht="15.75" customHeight="1" x14ac:dyDescent="0.15">
      <c r="AR37652" s="9" ph="1"/>
    </row>
    <row r="37653" spans="44:44" ht="15.75" customHeight="1" x14ac:dyDescent="0.15">
      <c r="AR37653" s="9" ph="1"/>
    </row>
    <row r="37654" spans="44:44" ht="15.75" customHeight="1" x14ac:dyDescent="0.15">
      <c r="AR37654" s="9" ph="1"/>
    </row>
    <row r="37655" spans="44:44" ht="15.75" customHeight="1" x14ac:dyDescent="0.15">
      <c r="AR37655" s="9" ph="1"/>
    </row>
    <row r="37657" spans="44:44" ht="15.75" customHeight="1" x14ac:dyDescent="0.15">
      <c r="AR37657" s="9" ph="1"/>
    </row>
    <row r="37658" spans="44:44" ht="15.75" customHeight="1" x14ac:dyDescent="0.15">
      <c r="AR37658" s="9" ph="1"/>
    </row>
    <row r="37659" spans="44:44" ht="15.75" customHeight="1" x14ac:dyDescent="0.15">
      <c r="AR37659" s="9" ph="1"/>
    </row>
    <row r="37660" spans="44:44" ht="15.75" customHeight="1" x14ac:dyDescent="0.15">
      <c r="AR37660" s="9" ph="1"/>
    </row>
    <row r="37661" spans="44:44" ht="15.75" customHeight="1" x14ac:dyDescent="0.15">
      <c r="AR37661" s="9" ph="1"/>
    </row>
    <row r="37662" spans="44:44" ht="15.75" customHeight="1" x14ac:dyDescent="0.15">
      <c r="AR37662" s="9" ph="1"/>
    </row>
    <row r="37663" spans="44:44" ht="15.75" customHeight="1" x14ac:dyDescent="0.15">
      <c r="AR37663" s="9" ph="1"/>
    </row>
    <row r="37664" spans="44:44" ht="15.75" customHeight="1" x14ac:dyDescent="0.15">
      <c r="AR37664" s="9" ph="1"/>
    </row>
    <row r="37665" spans="44:44" ht="15.75" customHeight="1" x14ac:dyDescent="0.15">
      <c r="AR37665" s="9" ph="1"/>
    </row>
    <row r="37666" spans="44:44" ht="15.75" customHeight="1" x14ac:dyDescent="0.15">
      <c r="AR37666" s="9" ph="1"/>
    </row>
    <row r="37667" spans="44:44" ht="15.75" customHeight="1" x14ac:dyDescent="0.15">
      <c r="AR37667" s="9" ph="1"/>
    </row>
    <row r="37668" spans="44:44" ht="15.75" customHeight="1" x14ac:dyDescent="0.15">
      <c r="AR37668" s="9" ph="1"/>
    </row>
    <row r="37669" spans="44:44" ht="15.75" customHeight="1" x14ac:dyDescent="0.15">
      <c r="AR37669" s="9" ph="1"/>
    </row>
    <row r="37671" spans="44:44" ht="15.75" customHeight="1" x14ac:dyDescent="0.15">
      <c r="AR37671" s="9" ph="1"/>
    </row>
    <row r="37672" spans="44:44" ht="15.75" customHeight="1" x14ac:dyDescent="0.15">
      <c r="AR37672" s="9" ph="1"/>
    </row>
    <row r="37673" spans="44:44" ht="15.75" customHeight="1" x14ac:dyDescent="0.15">
      <c r="AR37673" s="9" ph="1"/>
    </row>
    <row r="37674" spans="44:44" ht="15.75" customHeight="1" x14ac:dyDescent="0.15">
      <c r="AR37674" s="9" ph="1"/>
    </row>
    <row r="37675" spans="44:44" ht="15.75" customHeight="1" x14ac:dyDescent="0.15">
      <c r="AR37675" s="9" ph="1"/>
    </row>
    <row r="37676" spans="44:44" ht="15.75" customHeight="1" x14ac:dyDescent="0.15">
      <c r="AR37676" s="9" ph="1"/>
    </row>
    <row r="37677" spans="44:44" ht="15.75" customHeight="1" x14ac:dyDescent="0.15">
      <c r="AR37677" s="9" ph="1"/>
    </row>
    <row r="37678" spans="44:44" ht="15.75" customHeight="1" x14ac:dyDescent="0.15">
      <c r="AR37678" s="9" ph="1"/>
    </row>
    <row r="37679" spans="44:44" ht="15.75" customHeight="1" x14ac:dyDescent="0.15">
      <c r="AR37679" s="9" ph="1"/>
    </row>
    <row r="37680" spans="44:44" ht="15.75" customHeight="1" x14ac:dyDescent="0.15">
      <c r="AR37680" s="9" ph="1"/>
    </row>
    <row r="37682" spans="44:44" ht="15.75" customHeight="1" x14ac:dyDescent="0.15">
      <c r="AR37682" s="9" ph="1"/>
    </row>
    <row r="37683" spans="44:44" ht="15.75" customHeight="1" x14ac:dyDescent="0.15">
      <c r="AR37683" s="9" ph="1"/>
    </row>
    <row r="37684" spans="44:44" ht="15.75" customHeight="1" x14ac:dyDescent="0.15">
      <c r="AR37684" s="9" ph="1"/>
    </row>
    <row r="37685" spans="44:44" ht="15.75" customHeight="1" x14ac:dyDescent="0.15">
      <c r="AR37685" s="9" ph="1"/>
    </row>
    <row r="37686" spans="44:44" ht="15.75" customHeight="1" x14ac:dyDescent="0.15">
      <c r="AR37686" s="9" ph="1"/>
    </row>
    <row r="37687" spans="44:44" ht="15.75" customHeight="1" x14ac:dyDescent="0.15">
      <c r="AR37687" s="9" ph="1"/>
    </row>
    <row r="37688" spans="44:44" ht="15.75" customHeight="1" x14ac:dyDescent="0.15">
      <c r="AR37688" s="9" ph="1"/>
    </row>
    <row r="37689" spans="44:44" ht="15.75" customHeight="1" x14ac:dyDescent="0.15">
      <c r="AR37689" s="9" ph="1"/>
    </row>
    <row r="37690" spans="44:44" ht="15.75" customHeight="1" x14ac:dyDescent="0.15">
      <c r="AR37690" s="9" ph="1"/>
    </row>
    <row r="37691" spans="44:44" ht="15.75" customHeight="1" x14ac:dyDescent="0.15">
      <c r="AR37691" s="9" ph="1"/>
    </row>
    <row r="37692" spans="44:44" ht="15.75" customHeight="1" x14ac:dyDescent="0.15">
      <c r="AR37692" s="9" ph="1"/>
    </row>
    <row r="37693" spans="44:44" ht="15.75" customHeight="1" x14ac:dyDescent="0.15">
      <c r="AR37693" s="9" ph="1"/>
    </row>
    <row r="37694" spans="44:44" ht="15.75" customHeight="1" x14ac:dyDescent="0.15">
      <c r="AR37694" s="9" ph="1"/>
    </row>
    <row r="37695" spans="44:44" ht="15.75" customHeight="1" x14ac:dyDescent="0.15">
      <c r="AR37695" s="9" ph="1"/>
    </row>
    <row r="37697" spans="44:44" ht="15.75" customHeight="1" x14ac:dyDescent="0.15">
      <c r="AR37697" s="9" ph="1"/>
    </row>
    <row r="37698" spans="44:44" ht="15.75" customHeight="1" x14ac:dyDescent="0.15">
      <c r="AR37698" s="9" ph="1"/>
    </row>
    <row r="37699" spans="44:44" ht="15.75" customHeight="1" x14ac:dyDescent="0.15">
      <c r="AR37699" s="9" ph="1"/>
    </row>
    <row r="37700" spans="44:44" ht="15.75" customHeight="1" x14ac:dyDescent="0.15">
      <c r="AR37700" s="9" ph="1"/>
    </row>
    <row r="37701" spans="44:44" ht="15.75" customHeight="1" x14ac:dyDescent="0.15">
      <c r="AR37701" s="9" ph="1"/>
    </row>
    <row r="37702" spans="44:44" ht="15.75" customHeight="1" x14ac:dyDescent="0.15">
      <c r="AR37702" s="9" ph="1"/>
    </row>
    <row r="37703" spans="44:44" ht="15.75" customHeight="1" x14ac:dyDescent="0.15">
      <c r="AR37703" s="9" ph="1"/>
    </row>
    <row r="37704" spans="44:44" ht="15.75" customHeight="1" x14ac:dyDescent="0.15">
      <c r="AR37704" s="9" ph="1"/>
    </row>
    <row r="37705" spans="44:44" ht="15.75" customHeight="1" x14ac:dyDescent="0.15">
      <c r="AR37705" s="9" ph="1"/>
    </row>
    <row r="37707" spans="44:44" ht="15.75" customHeight="1" x14ac:dyDescent="0.15">
      <c r="AR37707" s="9" ph="1"/>
    </row>
    <row r="37708" spans="44:44" ht="15.75" customHeight="1" x14ac:dyDescent="0.15">
      <c r="AR37708" s="9" ph="1"/>
    </row>
    <row r="37709" spans="44:44" ht="15.75" customHeight="1" x14ac:dyDescent="0.15">
      <c r="AR37709" s="9" ph="1"/>
    </row>
    <row r="37710" spans="44:44" ht="15.75" customHeight="1" x14ac:dyDescent="0.15">
      <c r="AR37710" s="9" ph="1"/>
    </row>
    <row r="37711" spans="44:44" ht="15.75" customHeight="1" x14ac:dyDescent="0.15">
      <c r="AR37711" s="9" ph="1"/>
    </row>
    <row r="37712" spans="44:44" ht="15.75" customHeight="1" x14ac:dyDescent="0.15">
      <c r="AR37712" s="9" ph="1"/>
    </row>
    <row r="37713" spans="44:44" ht="15.75" customHeight="1" x14ac:dyDescent="0.15">
      <c r="AR37713" s="9" ph="1"/>
    </row>
    <row r="37714" spans="44:44" ht="15.75" customHeight="1" x14ac:dyDescent="0.15">
      <c r="AR37714" s="9" ph="1"/>
    </row>
    <row r="37715" spans="44:44" ht="15.75" customHeight="1" x14ac:dyDescent="0.15">
      <c r="AR37715" s="9" ph="1"/>
    </row>
    <row r="37716" spans="44:44" ht="15.75" customHeight="1" x14ac:dyDescent="0.15">
      <c r="AR37716" s="9" ph="1"/>
    </row>
    <row r="37718" spans="44:44" ht="15.75" customHeight="1" x14ac:dyDescent="0.15">
      <c r="AR37718" s="9" ph="1"/>
    </row>
    <row r="37719" spans="44:44" ht="15.75" customHeight="1" x14ac:dyDescent="0.15">
      <c r="AR37719" s="9" ph="1"/>
    </row>
    <row r="37720" spans="44:44" ht="15.75" customHeight="1" x14ac:dyDescent="0.15">
      <c r="AR37720" s="9" ph="1"/>
    </row>
    <row r="37721" spans="44:44" ht="15.75" customHeight="1" x14ac:dyDescent="0.15">
      <c r="AR37721" s="9" ph="1"/>
    </row>
    <row r="37722" spans="44:44" ht="15.75" customHeight="1" x14ac:dyDescent="0.15">
      <c r="AR37722" s="9" ph="1"/>
    </row>
    <row r="37723" spans="44:44" ht="15.75" customHeight="1" x14ac:dyDescent="0.15">
      <c r="AR37723" s="9" ph="1"/>
    </row>
    <row r="37724" spans="44:44" ht="15.75" customHeight="1" x14ac:dyDescent="0.15">
      <c r="AR37724" s="9" ph="1"/>
    </row>
    <row r="37725" spans="44:44" ht="15.75" customHeight="1" x14ac:dyDescent="0.15">
      <c r="AR37725" s="9" ph="1"/>
    </row>
    <row r="37726" spans="44:44" ht="15.75" customHeight="1" x14ac:dyDescent="0.15">
      <c r="AR37726" s="9" ph="1"/>
    </row>
    <row r="37727" spans="44:44" ht="15.75" customHeight="1" x14ac:dyDescent="0.15">
      <c r="AR37727" s="9" ph="1"/>
    </row>
    <row r="37728" spans="44:44" ht="15.75" customHeight="1" x14ac:dyDescent="0.15">
      <c r="AR37728" s="9" ph="1"/>
    </row>
    <row r="37729" spans="44:44" ht="15.75" customHeight="1" x14ac:dyDescent="0.15">
      <c r="AR37729" s="9" ph="1"/>
    </row>
    <row r="37730" spans="44:44" ht="15.75" customHeight="1" x14ac:dyDescent="0.15">
      <c r="AR37730" s="9" ph="1"/>
    </row>
    <row r="37731" spans="44:44" ht="15.75" customHeight="1" x14ac:dyDescent="0.15">
      <c r="AR37731" s="9" ph="1"/>
    </row>
    <row r="37732" spans="44:44" ht="15.75" customHeight="1" x14ac:dyDescent="0.15">
      <c r="AR37732" s="9" ph="1"/>
    </row>
    <row r="37734" spans="44:44" ht="15.75" customHeight="1" x14ac:dyDescent="0.15">
      <c r="AR37734" s="9" ph="1"/>
    </row>
    <row r="37735" spans="44:44" ht="15.75" customHeight="1" x14ac:dyDescent="0.15">
      <c r="AR37735" s="9" ph="1"/>
    </row>
    <row r="37736" spans="44:44" ht="15.75" customHeight="1" x14ac:dyDescent="0.15">
      <c r="AR37736" s="9" ph="1"/>
    </row>
    <row r="37737" spans="44:44" ht="15.75" customHeight="1" x14ac:dyDescent="0.15">
      <c r="AR37737" s="9" ph="1"/>
    </row>
    <row r="37738" spans="44:44" ht="15.75" customHeight="1" x14ac:dyDescent="0.15">
      <c r="AR37738" s="9" ph="1"/>
    </row>
    <row r="37739" spans="44:44" ht="15.75" customHeight="1" x14ac:dyDescent="0.15">
      <c r="AR37739" s="9" ph="1"/>
    </row>
    <row r="37740" spans="44:44" ht="15.75" customHeight="1" x14ac:dyDescent="0.15">
      <c r="AR37740" s="9" ph="1"/>
    </row>
    <row r="37741" spans="44:44" ht="15.75" customHeight="1" x14ac:dyDescent="0.15">
      <c r="AR37741" s="9" ph="1"/>
    </row>
    <row r="37742" spans="44:44" ht="15.75" customHeight="1" x14ac:dyDescent="0.15">
      <c r="AR37742" s="9" ph="1"/>
    </row>
    <row r="37743" spans="44:44" ht="15.75" customHeight="1" x14ac:dyDescent="0.15">
      <c r="AR37743" s="9" ph="1"/>
    </row>
    <row r="37745" spans="44:44" ht="15.75" customHeight="1" x14ac:dyDescent="0.15">
      <c r="AR37745" s="9" ph="1"/>
    </row>
    <row r="37746" spans="44:44" ht="15.75" customHeight="1" x14ac:dyDescent="0.15">
      <c r="AR37746" s="9" ph="1"/>
    </row>
    <row r="37747" spans="44:44" ht="15.75" customHeight="1" x14ac:dyDescent="0.15">
      <c r="AR37747" s="9" ph="1"/>
    </row>
    <row r="37748" spans="44:44" ht="15.75" customHeight="1" x14ac:dyDescent="0.15">
      <c r="AR37748" s="9" ph="1"/>
    </row>
    <row r="37749" spans="44:44" ht="15.75" customHeight="1" x14ac:dyDescent="0.15">
      <c r="AR37749" s="9" ph="1"/>
    </row>
    <row r="37750" spans="44:44" ht="15.75" customHeight="1" x14ac:dyDescent="0.15">
      <c r="AR37750" s="9" ph="1"/>
    </row>
    <row r="37751" spans="44:44" ht="15.75" customHeight="1" x14ac:dyDescent="0.15">
      <c r="AR37751" s="9" ph="1"/>
    </row>
    <row r="37752" spans="44:44" ht="15.75" customHeight="1" x14ac:dyDescent="0.15">
      <c r="AR37752" s="9" ph="1"/>
    </row>
    <row r="37753" spans="44:44" ht="15.75" customHeight="1" x14ac:dyDescent="0.15">
      <c r="AR37753" s="9" ph="1"/>
    </row>
    <row r="37754" spans="44:44" ht="15.75" customHeight="1" x14ac:dyDescent="0.15">
      <c r="AR37754" s="9" ph="1"/>
    </row>
    <row r="37755" spans="44:44" ht="15.75" customHeight="1" x14ac:dyDescent="0.15">
      <c r="AR37755" s="9" ph="1"/>
    </row>
    <row r="37756" spans="44:44" ht="15.75" customHeight="1" x14ac:dyDescent="0.15">
      <c r="AR37756" s="9" ph="1"/>
    </row>
    <row r="37757" spans="44:44" ht="15.75" customHeight="1" x14ac:dyDescent="0.15">
      <c r="AR37757" s="9" ph="1"/>
    </row>
    <row r="37758" spans="44:44" ht="15.75" customHeight="1" x14ac:dyDescent="0.15">
      <c r="AR37758" s="9" ph="1"/>
    </row>
    <row r="37759" spans="44:44" ht="15.75" customHeight="1" x14ac:dyDescent="0.15">
      <c r="AR37759" s="9" ph="1"/>
    </row>
    <row r="37760" spans="44:44" ht="15.75" customHeight="1" x14ac:dyDescent="0.15">
      <c r="AR37760" s="9" ph="1"/>
    </row>
    <row r="37761" spans="44:44" ht="15.75" customHeight="1" x14ac:dyDescent="0.15">
      <c r="AR37761" s="9" ph="1"/>
    </row>
    <row r="37763" spans="44:44" ht="15.75" customHeight="1" x14ac:dyDescent="0.15">
      <c r="AR37763" s="9" ph="1"/>
    </row>
    <row r="37764" spans="44:44" ht="15.75" customHeight="1" x14ac:dyDescent="0.15">
      <c r="AR37764" s="9" ph="1"/>
    </row>
    <row r="37765" spans="44:44" ht="15.75" customHeight="1" x14ac:dyDescent="0.15">
      <c r="AR37765" s="9" ph="1"/>
    </row>
    <row r="37766" spans="44:44" ht="15.75" customHeight="1" x14ac:dyDescent="0.15">
      <c r="AR37766" s="9" ph="1"/>
    </row>
    <row r="37767" spans="44:44" ht="15.75" customHeight="1" x14ac:dyDescent="0.15">
      <c r="AR37767" s="9" ph="1"/>
    </row>
    <row r="37768" spans="44:44" ht="15.75" customHeight="1" x14ac:dyDescent="0.15">
      <c r="AR37768" s="9" ph="1"/>
    </row>
    <row r="37769" spans="44:44" ht="15.75" customHeight="1" x14ac:dyDescent="0.15">
      <c r="AR37769" s="9" ph="1"/>
    </row>
    <row r="37770" spans="44:44" ht="15.75" customHeight="1" x14ac:dyDescent="0.15">
      <c r="AR37770" s="9" ph="1"/>
    </row>
    <row r="37771" spans="44:44" ht="15.75" customHeight="1" x14ac:dyDescent="0.15">
      <c r="AR37771" s="9" ph="1"/>
    </row>
    <row r="37772" spans="44:44" ht="15.75" customHeight="1" x14ac:dyDescent="0.15">
      <c r="AR37772" s="9" ph="1"/>
    </row>
    <row r="37773" spans="44:44" ht="15.75" customHeight="1" x14ac:dyDescent="0.15">
      <c r="AR37773" s="9" ph="1"/>
    </row>
    <row r="37774" spans="44:44" ht="15.75" customHeight="1" x14ac:dyDescent="0.15">
      <c r="AR37774" s="9" ph="1"/>
    </row>
    <row r="37775" spans="44:44" ht="15.75" customHeight="1" x14ac:dyDescent="0.15">
      <c r="AR37775" s="9" ph="1"/>
    </row>
    <row r="37776" spans="44:44" ht="15.75" customHeight="1" x14ac:dyDescent="0.15">
      <c r="AR37776" s="9" ph="1"/>
    </row>
    <row r="37777" spans="44:44" ht="15.75" customHeight="1" x14ac:dyDescent="0.15">
      <c r="AR37777" s="9" ph="1"/>
    </row>
    <row r="37779" spans="44:44" ht="15.75" customHeight="1" x14ac:dyDescent="0.15">
      <c r="AR37779" s="9" ph="1"/>
    </row>
    <row r="37780" spans="44:44" ht="15.75" customHeight="1" x14ac:dyDescent="0.15">
      <c r="AR37780" s="9" ph="1"/>
    </row>
    <row r="37781" spans="44:44" ht="15.75" customHeight="1" x14ac:dyDescent="0.15">
      <c r="AR37781" s="9" ph="1"/>
    </row>
    <row r="37782" spans="44:44" ht="15.75" customHeight="1" x14ac:dyDescent="0.15">
      <c r="AR37782" s="9" ph="1"/>
    </row>
    <row r="37783" spans="44:44" ht="15.75" customHeight="1" x14ac:dyDescent="0.15">
      <c r="AR37783" s="9" ph="1"/>
    </row>
    <row r="37784" spans="44:44" ht="15.75" customHeight="1" x14ac:dyDescent="0.15">
      <c r="AR37784" s="9" ph="1"/>
    </row>
    <row r="37785" spans="44:44" ht="15.75" customHeight="1" x14ac:dyDescent="0.15">
      <c r="AR37785" s="9" ph="1"/>
    </row>
    <row r="37786" spans="44:44" ht="15.75" customHeight="1" x14ac:dyDescent="0.15">
      <c r="AR37786" s="9" ph="1"/>
    </row>
    <row r="37787" spans="44:44" ht="15.75" customHeight="1" x14ac:dyDescent="0.15">
      <c r="AR37787" s="9" ph="1"/>
    </row>
    <row r="37788" spans="44:44" ht="15.75" customHeight="1" x14ac:dyDescent="0.15">
      <c r="AR37788" s="9" ph="1"/>
    </row>
    <row r="37790" spans="44:44" ht="15.75" customHeight="1" x14ac:dyDescent="0.15">
      <c r="AR37790" s="9" ph="1"/>
    </row>
    <row r="37791" spans="44:44" ht="15.75" customHeight="1" x14ac:dyDescent="0.15">
      <c r="AR37791" s="9" ph="1"/>
    </row>
    <row r="37792" spans="44:44" ht="15.75" customHeight="1" x14ac:dyDescent="0.15">
      <c r="AR37792" s="9" ph="1"/>
    </row>
    <row r="37793" spans="44:44" ht="15.75" customHeight="1" x14ac:dyDescent="0.15">
      <c r="AR37793" s="9" ph="1"/>
    </row>
    <row r="37794" spans="44:44" ht="15.75" customHeight="1" x14ac:dyDescent="0.15">
      <c r="AR37794" s="9" ph="1"/>
    </row>
    <row r="37795" spans="44:44" ht="15.75" customHeight="1" x14ac:dyDescent="0.15">
      <c r="AR37795" s="9" ph="1"/>
    </row>
    <row r="37796" spans="44:44" ht="15.75" customHeight="1" x14ac:dyDescent="0.15">
      <c r="AR37796" s="9" ph="1"/>
    </row>
    <row r="37797" spans="44:44" ht="15.75" customHeight="1" x14ac:dyDescent="0.15">
      <c r="AR37797" s="9" ph="1"/>
    </row>
    <row r="37798" spans="44:44" ht="15.75" customHeight="1" x14ac:dyDescent="0.15">
      <c r="AR37798" s="9" ph="1"/>
    </row>
    <row r="37799" spans="44:44" ht="15.75" customHeight="1" x14ac:dyDescent="0.15">
      <c r="AR37799" s="9" ph="1"/>
    </row>
    <row r="37800" spans="44:44" ht="15.75" customHeight="1" x14ac:dyDescent="0.15">
      <c r="AR37800" s="9" ph="1"/>
    </row>
    <row r="37801" spans="44:44" ht="15.75" customHeight="1" x14ac:dyDescent="0.15">
      <c r="AR37801" s="9" ph="1"/>
    </row>
    <row r="37802" spans="44:44" ht="15.75" customHeight="1" x14ac:dyDescent="0.15">
      <c r="AR37802" s="9" ph="1"/>
    </row>
    <row r="37803" spans="44:44" ht="15.75" customHeight="1" x14ac:dyDescent="0.15">
      <c r="AR37803" s="9" ph="1"/>
    </row>
    <row r="37804" spans="44:44" ht="15.75" customHeight="1" x14ac:dyDescent="0.15">
      <c r="AR37804" s="9" ph="1"/>
    </row>
    <row r="37805" spans="44:44" ht="15.75" customHeight="1" x14ac:dyDescent="0.15">
      <c r="AR37805" s="9" ph="1"/>
    </row>
    <row r="37806" spans="44:44" ht="15.75" customHeight="1" x14ac:dyDescent="0.15">
      <c r="AR37806" s="9" ph="1"/>
    </row>
    <row r="37807" spans="44:44" ht="15.75" customHeight="1" x14ac:dyDescent="0.15">
      <c r="AR37807" s="9" ph="1"/>
    </row>
    <row r="37809" spans="44:44" ht="15.75" customHeight="1" x14ac:dyDescent="0.15">
      <c r="AR37809" s="9" ph="1"/>
    </row>
    <row r="37810" spans="44:44" ht="15.75" customHeight="1" x14ac:dyDescent="0.15">
      <c r="AR37810" s="9" ph="1"/>
    </row>
    <row r="37811" spans="44:44" ht="15.75" customHeight="1" x14ac:dyDescent="0.15">
      <c r="AR37811" s="9" ph="1"/>
    </row>
    <row r="37812" spans="44:44" ht="15.75" customHeight="1" x14ac:dyDescent="0.15">
      <c r="AR37812" s="9" ph="1"/>
    </row>
    <row r="37813" spans="44:44" ht="15.75" customHeight="1" x14ac:dyDescent="0.15">
      <c r="AR37813" s="9" ph="1"/>
    </row>
    <row r="37814" spans="44:44" ht="15.75" customHeight="1" x14ac:dyDescent="0.15">
      <c r="AR37814" s="9" ph="1"/>
    </row>
    <row r="37815" spans="44:44" ht="15.75" customHeight="1" x14ac:dyDescent="0.15">
      <c r="AR37815" s="9" ph="1"/>
    </row>
    <row r="37816" spans="44:44" ht="15.75" customHeight="1" x14ac:dyDescent="0.15">
      <c r="AR37816" s="9" ph="1"/>
    </row>
    <row r="37817" spans="44:44" ht="15.75" customHeight="1" x14ac:dyDescent="0.15">
      <c r="AR37817" s="9" ph="1"/>
    </row>
    <row r="37818" spans="44:44" ht="15.75" customHeight="1" x14ac:dyDescent="0.15">
      <c r="AR37818" s="9" ph="1"/>
    </row>
    <row r="37819" spans="44:44" ht="15.75" customHeight="1" x14ac:dyDescent="0.15">
      <c r="AR37819" s="9" ph="1"/>
    </row>
    <row r="37820" spans="44:44" ht="15.75" customHeight="1" x14ac:dyDescent="0.15">
      <c r="AR37820" s="9" ph="1"/>
    </row>
    <row r="37821" spans="44:44" ht="15.75" customHeight="1" x14ac:dyDescent="0.15">
      <c r="AR37821" s="9" ph="1"/>
    </row>
    <row r="37822" spans="44:44" ht="15.75" customHeight="1" x14ac:dyDescent="0.15">
      <c r="AR37822" s="9" ph="1"/>
    </row>
    <row r="37823" spans="44:44" ht="15.75" customHeight="1" x14ac:dyDescent="0.15">
      <c r="AR37823" s="9" ph="1"/>
    </row>
    <row r="37825" spans="44:44" ht="15.75" customHeight="1" x14ac:dyDescent="0.15">
      <c r="AR37825" s="9" ph="1"/>
    </row>
    <row r="37826" spans="44:44" ht="15.75" customHeight="1" x14ac:dyDescent="0.15">
      <c r="AR37826" s="9" ph="1"/>
    </row>
    <row r="37827" spans="44:44" ht="15.75" customHeight="1" x14ac:dyDescent="0.15">
      <c r="AR37827" s="9" ph="1"/>
    </row>
    <row r="37828" spans="44:44" ht="15.75" customHeight="1" x14ac:dyDescent="0.15">
      <c r="AR37828" s="9" ph="1"/>
    </row>
    <row r="37829" spans="44:44" ht="15.75" customHeight="1" x14ac:dyDescent="0.15">
      <c r="AR37829" s="9" ph="1"/>
    </row>
    <row r="37830" spans="44:44" ht="15.75" customHeight="1" x14ac:dyDescent="0.15">
      <c r="AR37830" s="9" ph="1"/>
    </row>
    <row r="37831" spans="44:44" ht="15.75" customHeight="1" x14ac:dyDescent="0.15">
      <c r="AR37831" s="9" ph="1"/>
    </row>
    <row r="37832" spans="44:44" ht="15.75" customHeight="1" x14ac:dyDescent="0.15">
      <c r="AR37832" s="9" ph="1"/>
    </row>
    <row r="37833" spans="44:44" ht="15.75" customHeight="1" x14ac:dyDescent="0.15">
      <c r="AR37833" s="9" ph="1"/>
    </row>
    <row r="37834" spans="44:44" ht="15.75" customHeight="1" x14ac:dyDescent="0.15">
      <c r="AR37834" s="9" ph="1"/>
    </row>
    <row r="37836" spans="44:44" ht="15.75" customHeight="1" x14ac:dyDescent="0.15">
      <c r="AR37836" s="9" ph="1"/>
    </row>
    <row r="37837" spans="44:44" ht="15.75" customHeight="1" x14ac:dyDescent="0.15">
      <c r="AR37837" s="9" ph="1"/>
    </row>
    <row r="37838" spans="44:44" ht="15.75" customHeight="1" x14ac:dyDescent="0.15">
      <c r="AR37838" s="9" ph="1"/>
    </row>
    <row r="37839" spans="44:44" ht="15.75" customHeight="1" x14ac:dyDescent="0.15">
      <c r="AR37839" s="9" ph="1"/>
    </row>
    <row r="37840" spans="44:44" ht="15.75" customHeight="1" x14ac:dyDescent="0.15">
      <c r="AR37840" s="9" ph="1"/>
    </row>
    <row r="37841" spans="44:44" ht="15.75" customHeight="1" x14ac:dyDescent="0.15">
      <c r="AR37841" s="9" ph="1"/>
    </row>
    <row r="37842" spans="44:44" ht="15.75" customHeight="1" x14ac:dyDescent="0.15">
      <c r="AR37842" s="9" ph="1"/>
    </row>
    <row r="37843" spans="44:44" ht="15.75" customHeight="1" x14ac:dyDescent="0.15">
      <c r="AR37843" s="9" ph="1"/>
    </row>
    <row r="37844" spans="44:44" ht="15.75" customHeight="1" x14ac:dyDescent="0.15">
      <c r="AR37844" s="9" ph="1"/>
    </row>
    <row r="37845" spans="44:44" ht="15.75" customHeight="1" x14ac:dyDescent="0.15">
      <c r="AR37845" s="9" ph="1"/>
    </row>
    <row r="37846" spans="44:44" ht="15.75" customHeight="1" x14ac:dyDescent="0.15">
      <c r="AR37846" s="9" ph="1"/>
    </row>
    <row r="37847" spans="44:44" ht="15.75" customHeight="1" x14ac:dyDescent="0.15">
      <c r="AR37847" s="9" ph="1"/>
    </row>
    <row r="37848" spans="44:44" ht="15.75" customHeight="1" x14ac:dyDescent="0.15">
      <c r="AR37848" s="9" ph="1"/>
    </row>
    <row r="37849" spans="44:44" ht="15.75" customHeight="1" x14ac:dyDescent="0.15">
      <c r="AR37849" s="9" ph="1"/>
    </row>
    <row r="37851" spans="44:44" ht="15.75" customHeight="1" x14ac:dyDescent="0.15">
      <c r="AR37851" s="9" ph="1"/>
    </row>
    <row r="37852" spans="44:44" ht="15.75" customHeight="1" x14ac:dyDescent="0.15">
      <c r="AR37852" s="9" ph="1"/>
    </row>
    <row r="37853" spans="44:44" ht="15.75" customHeight="1" x14ac:dyDescent="0.15">
      <c r="AR37853" s="9" ph="1"/>
    </row>
    <row r="37854" spans="44:44" ht="15.75" customHeight="1" x14ac:dyDescent="0.15">
      <c r="AR37854" s="9" ph="1"/>
    </row>
    <row r="37855" spans="44:44" ht="15.75" customHeight="1" x14ac:dyDescent="0.15">
      <c r="AR37855" s="9" ph="1"/>
    </row>
    <row r="37856" spans="44:44" ht="15.75" customHeight="1" x14ac:dyDescent="0.15">
      <c r="AR37856" s="9" ph="1"/>
    </row>
    <row r="37857" spans="44:44" ht="15.75" customHeight="1" x14ac:dyDescent="0.15">
      <c r="AR37857" s="9" ph="1"/>
    </row>
    <row r="37858" spans="44:44" ht="15.75" customHeight="1" x14ac:dyDescent="0.15">
      <c r="AR37858" s="9" ph="1"/>
    </row>
    <row r="37859" spans="44:44" ht="15.75" customHeight="1" x14ac:dyDescent="0.15">
      <c r="AR37859" s="9" ph="1"/>
    </row>
    <row r="37860" spans="44:44" ht="15.75" customHeight="1" x14ac:dyDescent="0.15">
      <c r="AR37860" s="9" ph="1"/>
    </row>
    <row r="37861" spans="44:44" ht="15.75" customHeight="1" x14ac:dyDescent="0.15">
      <c r="AR37861" s="9" ph="1"/>
    </row>
    <row r="37862" spans="44:44" ht="15.75" customHeight="1" x14ac:dyDescent="0.15">
      <c r="AR37862" s="9" ph="1"/>
    </row>
    <row r="37863" spans="44:44" ht="15.75" customHeight="1" x14ac:dyDescent="0.15">
      <c r="AR37863" s="9" ph="1"/>
    </row>
    <row r="37864" spans="44:44" ht="15.75" customHeight="1" x14ac:dyDescent="0.15">
      <c r="AR37864" s="9" ph="1"/>
    </row>
    <row r="37865" spans="44:44" ht="15.75" customHeight="1" x14ac:dyDescent="0.15">
      <c r="AR37865" s="9" ph="1"/>
    </row>
    <row r="37867" spans="44:44" ht="15.75" customHeight="1" x14ac:dyDescent="0.15">
      <c r="AR37867" s="9" ph="1"/>
    </row>
    <row r="37868" spans="44:44" ht="15.75" customHeight="1" x14ac:dyDescent="0.15">
      <c r="AR37868" s="9" ph="1"/>
    </row>
    <row r="37869" spans="44:44" ht="15.75" customHeight="1" x14ac:dyDescent="0.15">
      <c r="AR37869" s="9" ph="1"/>
    </row>
    <row r="37870" spans="44:44" ht="15.75" customHeight="1" x14ac:dyDescent="0.15">
      <c r="AR37870" s="9" ph="1"/>
    </row>
    <row r="37871" spans="44:44" ht="15.75" customHeight="1" x14ac:dyDescent="0.15">
      <c r="AR37871" s="9" ph="1"/>
    </row>
    <row r="37872" spans="44:44" ht="15.75" customHeight="1" x14ac:dyDescent="0.15">
      <c r="AR37872" s="9" ph="1"/>
    </row>
    <row r="37873" spans="44:44" ht="15.75" customHeight="1" x14ac:dyDescent="0.15">
      <c r="AR37873" s="9" ph="1"/>
    </row>
    <row r="37874" spans="44:44" ht="15.75" customHeight="1" x14ac:dyDescent="0.15">
      <c r="AR37874" s="9" ph="1"/>
    </row>
    <row r="37875" spans="44:44" ht="15.75" customHeight="1" x14ac:dyDescent="0.15">
      <c r="AR37875" s="9" ph="1"/>
    </row>
    <row r="37876" spans="44:44" ht="15.75" customHeight="1" x14ac:dyDescent="0.15">
      <c r="AR37876" s="9" ph="1"/>
    </row>
    <row r="37878" spans="44:44" ht="15.75" customHeight="1" x14ac:dyDescent="0.15">
      <c r="AR37878" s="9" ph="1"/>
    </row>
    <row r="37879" spans="44:44" ht="15.75" customHeight="1" x14ac:dyDescent="0.15">
      <c r="AR37879" s="9" ph="1"/>
    </row>
    <row r="37880" spans="44:44" ht="15.75" customHeight="1" x14ac:dyDescent="0.15">
      <c r="AR37880" s="9" ph="1"/>
    </row>
    <row r="37881" spans="44:44" ht="15.75" customHeight="1" x14ac:dyDescent="0.15">
      <c r="AR37881" s="9" ph="1"/>
    </row>
    <row r="37882" spans="44:44" ht="15.75" customHeight="1" x14ac:dyDescent="0.15">
      <c r="AR37882" s="9" ph="1"/>
    </row>
    <row r="37883" spans="44:44" ht="15.75" customHeight="1" x14ac:dyDescent="0.15">
      <c r="AR37883" s="9" ph="1"/>
    </row>
    <row r="37884" spans="44:44" ht="15.75" customHeight="1" x14ac:dyDescent="0.15">
      <c r="AR37884" s="9" ph="1"/>
    </row>
    <row r="37885" spans="44:44" ht="15.75" customHeight="1" x14ac:dyDescent="0.15">
      <c r="AR37885" s="9" ph="1"/>
    </row>
    <row r="37886" spans="44:44" ht="15.75" customHeight="1" x14ac:dyDescent="0.15">
      <c r="AR37886" s="9" ph="1"/>
    </row>
    <row r="37887" spans="44:44" ht="15.75" customHeight="1" x14ac:dyDescent="0.15">
      <c r="AR37887" s="9" ph="1"/>
    </row>
    <row r="37888" spans="44:44" ht="15.75" customHeight="1" x14ac:dyDescent="0.15">
      <c r="AR37888" s="9" ph="1"/>
    </row>
    <row r="37889" spans="44:44" ht="15.75" customHeight="1" x14ac:dyDescent="0.15">
      <c r="AR37889" s="9" ph="1"/>
    </row>
    <row r="37890" spans="44:44" ht="15.75" customHeight="1" x14ac:dyDescent="0.15">
      <c r="AR37890" s="9" ph="1"/>
    </row>
    <row r="37891" spans="44:44" ht="15.75" customHeight="1" x14ac:dyDescent="0.15">
      <c r="AR37891" s="9" ph="1"/>
    </row>
    <row r="37892" spans="44:44" ht="15.75" customHeight="1" x14ac:dyDescent="0.15">
      <c r="AR37892" s="9" ph="1"/>
    </row>
    <row r="37893" spans="44:44" ht="15.75" customHeight="1" x14ac:dyDescent="0.15">
      <c r="AR37893" s="9" ph="1"/>
    </row>
    <row r="37894" spans="44:44" ht="15.75" customHeight="1" x14ac:dyDescent="0.15">
      <c r="AR37894" s="9" ph="1"/>
    </row>
    <row r="37895" spans="44:44" ht="15.75" customHeight="1" x14ac:dyDescent="0.15">
      <c r="AR37895" s="9" ph="1"/>
    </row>
    <row r="37896" spans="44:44" ht="15.75" customHeight="1" x14ac:dyDescent="0.15">
      <c r="AR37896" s="9" ph="1"/>
    </row>
    <row r="37897" spans="44:44" ht="15.75" customHeight="1" x14ac:dyDescent="0.15">
      <c r="AR37897" s="9" ph="1"/>
    </row>
    <row r="37898" spans="44:44" ht="15.75" customHeight="1" x14ac:dyDescent="0.15">
      <c r="AR37898" s="9" ph="1"/>
    </row>
    <row r="37899" spans="44:44" ht="15.75" customHeight="1" x14ac:dyDescent="0.15">
      <c r="AR37899" s="9" ph="1"/>
    </row>
    <row r="37900" spans="44:44" ht="15.75" customHeight="1" x14ac:dyDescent="0.15">
      <c r="AR37900" s="9" ph="1"/>
    </row>
    <row r="37901" spans="44:44" ht="15.75" customHeight="1" x14ac:dyDescent="0.15">
      <c r="AR37901" s="9" ph="1"/>
    </row>
    <row r="37902" spans="44:44" ht="15.75" customHeight="1" x14ac:dyDescent="0.15">
      <c r="AR37902" s="9" ph="1"/>
    </row>
    <row r="37904" spans="44:44" ht="15.75" customHeight="1" x14ac:dyDescent="0.15">
      <c r="AR37904" s="9" ph="1"/>
    </row>
    <row r="37905" spans="44:44" ht="15.75" customHeight="1" x14ac:dyDescent="0.15">
      <c r="AR37905" s="9" ph="1"/>
    </row>
    <row r="37906" spans="44:44" ht="15.75" customHeight="1" x14ac:dyDescent="0.15">
      <c r="AR37906" s="9" ph="1"/>
    </row>
    <row r="37907" spans="44:44" ht="15.75" customHeight="1" x14ac:dyDescent="0.15">
      <c r="AR37907" s="9" ph="1"/>
    </row>
    <row r="37908" spans="44:44" ht="15.75" customHeight="1" x14ac:dyDescent="0.15">
      <c r="AR37908" s="9" ph="1"/>
    </row>
    <row r="37909" spans="44:44" ht="15.75" customHeight="1" x14ac:dyDescent="0.15">
      <c r="AR37909" s="9" ph="1"/>
    </row>
    <row r="37910" spans="44:44" ht="15.75" customHeight="1" x14ac:dyDescent="0.15">
      <c r="AR37910" s="9" ph="1"/>
    </row>
    <row r="37911" spans="44:44" ht="15.75" customHeight="1" x14ac:dyDescent="0.15">
      <c r="AR37911" s="9" ph="1"/>
    </row>
    <row r="37912" spans="44:44" ht="15.75" customHeight="1" x14ac:dyDescent="0.15">
      <c r="AR37912" s="9" ph="1"/>
    </row>
    <row r="37913" spans="44:44" ht="15.75" customHeight="1" x14ac:dyDescent="0.15">
      <c r="AR37913" s="9" ph="1"/>
    </row>
    <row r="37914" spans="44:44" ht="15.75" customHeight="1" x14ac:dyDescent="0.15">
      <c r="AR37914" s="9" ph="1"/>
    </row>
    <row r="37915" spans="44:44" ht="15.75" customHeight="1" x14ac:dyDescent="0.15">
      <c r="AR37915" s="9" ph="1"/>
    </row>
    <row r="37916" spans="44:44" ht="15.75" customHeight="1" x14ac:dyDescent="0.15">
      <c r="AR37916" s="9" ph="1"/>
    </row>
    <row r="37917" spans="44:44" ht="15.75" customHeight="1" x14ac:dyDescent="0.15">
      <c r="AR37917" s="9" ph="1"/>
    </row>
    <row r="37918" spans="44:44" ht="15.75" customHeight="1" x14ac:dyDescent="0.15">
      <c r="AR37918" s="9" ph="1"/>
    </row>
    <row r="37920" spans="44:44" ht="15.75" customHeight="1" x14ac:dyDescent="0.15">
      <c r="AR37920" s="9" ph="1"/>
    </row>
    <row r="37921" spans="44:44" ht="15.75" customHeight="1" x14ac:dyDescent="0.15">
      <c r="AR37921" s="9" ph="1"/>
    </row>
    <row r="37922" spans="44:44" ht="15.75" customHeight="1" x14ac:dyDescent="0.15">
      <c r="AR37922" s="9" ph="1"/>
    </row>
    <row r="37923" spans="44:44" ht="15.75" customHeight="1" x14ac:dyDescent="0.15">
      <c r="AR37923" s="9" ph="1"/>
    </row>
    <row r="37924" spans="44:44" ht="15.75" customHeight="1" x14ac:dyDescent="0.15">
      <c r="AR37924" s="9" ph="1"/>
    </row>
    <row r="37925" spans="44:44" ht="15.75" customHeight="1" x14ac:dyDescent="0.15">
      <c r="AR37925" s="9" ph="1"/>
    </row>
    <row r="37926" spans="44:44" ht="15.75" customHeight="1" x14ac:dyDescent="0.15">
      <c r="AR37926" s="9" ph="1"/>
    </row>
    <row r="37927" spans="44:44" ht="15.75" customHeight="1" x14ac:dyDescent="0.15">
      <c r="AR37927" s="9" ph="1"/>
    </row>
    <row r="37928" spans="44:44" ht="15.75" customHeight="1" x14ac:dyDescent="0.15">
      <c r="AR37928" s="9" ph="1"/>
    </row>
    <row r="37929" spans="44:44" ht="15.75" customHeight="1" x14ac:dyDescent="0.15">
      <c r="AR37929" s="9" ph="1"/>
    </row>
    <row r="37931" spans="44:44" ht="15.75" customHeight="1" x14ac:dyDescent="0.15">
      <c r="AR37931" s="9" ph="1"/>
    </row>
    <row r="37932" spans="44:44" ht="15.75" customHeight="1" x14ac:dyDescent="0.15">
      <c r="AR37932" s="9" ph="1"/>
    </row>
    <row r="37933" spans="44:44" ht="15.75" customHeight="1" x14ac:dyDescent="0.15">
      <c r="AR37933" s="9" ph="1"/>
    </row>
    <row r="37934" spans="44:44" ht="15.75" customHeight="1" x14ac:dyDescent="0.15">
      <c r="AR37934" s="9" ph="1"/>
    </row>
    <row r="37935" spans="44:44" ht="15.75" customHeight="1" x14ac:dyDescent="0.15">
      <c r="AR37935" s="9" ph="1"/>
    </row>
    <row r="37936" spans="44:44" ht="15.75" customHeight="1" x14ac:dyDescent="0.15">
      <c r="AR37936" s="9" ph="1"/>
    </row>
    <row r="37937" spans="44:44" ht="15.75" customHeight="1" x14ac:dyDescent="0.15">
      <c r="AR37937" s="9" ph="1"/>
    </row>
    <row r="37938" spans="44:44" ht="15.75" customHeight="1" x14ac:dyDescent="0.15">
      <c r="AR37938" s="9" ph="1"/>
    </row>
    <row r="37939" spans="44:44" ht="15.75" customHeight="1" x14ac:dyDescent="0.15">
      <c r="AR37939" s="9" ph="1"/>
    </row>
    <row r="37940" spans="44:44" ht="15.75" customHeight="1" x14ac:dyDescent="0.15">
      <c r="AR37940" s="9" ph="1"/>
    </row>
    <row r="37941" spans="44:44" ht="15.75" customHeight="1" x14ac:dyDescent="0.15">
      <c r="AR37941" s="9" ph="1"/>
    </row>
    <row r="37942" spans="44:44" ht="15.75" customHeight="1" x14ac:dyDescent="0.15">
      <c r="AR37942" s="9" ph="1"/>
    </row>
    <row r="37943" spans="44:44" ht="15.75" customHeight="1" x14ac:dyDescent="0.15">
      <c r="AR37943" s="9" ph="1"/>
    </row>
    <row r="37944" spans="44:44" ht="15.75" customHeight="1" x14ac:dyDescent="0.15">
      <c r="AR37944" s="9" ph="1"/>
    </row>
    <row r="37945" spans="44:44" ht="15.75" customHeight="1" x14ac:dyDescent="0.15">
      <c r="AR37945" s="9" ph="1"/>
    </row>
    <row r="37946" spans="44:44" ht="15.75" customHeight="1" x14ac:dyDescent="0.15">
      <c r="AR37946" s="9" ph="1"/>
    </row>
    <row r="37947" spans="44:44" ht="15.75" customHeight="1" x14ac:dyDescent="0.15">
      <c r="AR37947" s="9" ph="1"/>
    </row>
    <row r="37948" spans="44:44" ht="15.75" customHeight="1" x14ac:dyDescent="0.15">
      <c r="AR37948" s="9" ph="1"/>
    </row>
    <row r="37949" spans="44:44" ht="15.75" customHeight="1" x14ac:dyDescent="0.15">
      <c r="AR37949" s="9" ph="1"/>
    </row>
    <row r="37950" spans="44:44" ht="15.75" customHeight="1" x14ac:dyDescent="0.15">
      <c r="AR37950" s="9" ph="1"/>
    </row>
    <row r="37951" spans="44:44" ht="15.75" customHeight="1" x14ac:dyDescent="0.15">
      <c r="AR37951" s="9" ph="1"/>
    </row>
    <row r="37952" spans="44:44" ht="15.75" customHeight="1" x14ac:dyDescent="0.15">
      <c r="AR37952" s="9" ph="1"/>
    </row>
    <row r="37953" spans="44:44" ht="15.75" customHeight="1" x14ac:dyDescent="0.15">
      <c r="AR37953" s="9" ph="1"/>
    </row>
    <row r="37954" spans="44:44" ht="15.75" customHeight="1" x14ac:dyDescent="0.15">
      <c r="AR37954" s="9" ph="1"/>
    </row>
    <row r="37955" spans="44:44" ht="15.75" customHeight="1" x14ac:dyDescent="0.15">
      <c r="AR37955" s="9" ph="1"/>
    </row>
    <row r="37957" spans="44:44" ht="15.75" customHeight="1" x14ac:dyDescent="0.15">
      <c r="AR37957" s="9" ph="1"/>
    </row>
    <row r="37958" spans="44:44" ht="15.75" customHeight="1" x14ac:dyDescent="0.15">
      <c r="AR37958" s="9" ph="1"/>
    </row>
    <row r="37959" spans="44:44" ht="15.75" customHeight="1" x14ac:dyDescent="0.15">
      <c r="AR37959" s="9" ph="1"/>
    </row>
    <row r="37960" spans="44:44" ht="15.75" customHeight="1" x14ac:dyDescent="0.15">
      <c r="AR37960" s="9" ph="1"/>
    </row>
    <row r="37961" spans="44:44" ht="15.75" customHeight="1" x14ac:dyDescent="0.15">
      <c r="AR37961" s="9" ph="1"/>
    </row>
    <row r="37962" spans="44:44" ht="15.75" customHeight="1" x14ac:dyDescent="0.15">
      <c r="AR37962" s="9" ph="1"/>
    </row>
    <row r="37963" spans="44:44" ht="15.75" customHeight="1" x14ac:dyDescent="0.15">
      <c r="AR37963" s="9" ph="1"/>
    </row>
    <row r="37964" spans="44:44" ht="15.75" customHeight="1" x14ac:dyDescent="0.15">
      <c r="AR37964" s="9" ph="1"/>
    </row>
    <row r="37965" spans="44:44" ht="15.75" customHeight="1" x14ac:dyDescent="0.15">
      <c r="AR37965" s="9" ph="1"/>
    </row>
    <row r="37966" spans="44:44" ht="15.75" customHeight="1" x14ac:dyDescent="0.15">
      <c r="AR37966" s="9" ph="1"/>
    </row>
    <row r="37967" spans="44:44" ht="15.75" customHeight="1" x14ac:dyDescent="0.15">
      <c r="AR37967" s="9" ph="1"/>
    </row>
    <row r="37968" spans="44:44" ht="15.75" customHeight="1" x14ac:dyDescent="0.15">
      <c r="AR37968" s="9" ph="1"/>
    </row>
    <row r="37969" spans="44:44" ht="15.75" customHeight="1" x14ac:dyDescent="0.15">
      <c r="AR37969" s="9" ph="1"/>
    </row>
    <row r="37970" spans="44:44" ht="15.75" customHeight="1" x14ac:dyDescent="0.15">
      <c r="AR37970" s="9" ph="1"/>
    </row>
    <row r="37971" spans="44:44" ht="15.75" customHeight="1" x14ac:dyDescent="0.15">
      <c r="AR37971" s="9" ph="1"/>
    </row>
    <row r="37973" spans="44:44" ht="15.75" customHeight="1" x14ac:dyDescent="0.15">
      <c r="AR37973" s="9" ph="1"/>
    </row>
    <row r="37974" spans="44:44" ht="15.75" customHeight="1" x14ac:dyDescent="0.15">
      <c r="AR37974" s="9" ph="1"/>
    </row>
    <row r="37975" spans="44:44" ht="15.75" customHeight="1" x14ac:dyDescent="0.15">
      <c r="AR37975" s="9" ph="1"/>
    </row>
    <row r="37976" spans="44:44" ht="15.75" customHeight="1" x14ac:dyDescent="0.15">
      <c r="AR37976" s="9" ph="1"/>
    </row>
    <row r="37977" spans="44:44" ht="15.75" customHeight="1" x14ac:dyDescent="0.15">
      <c r="AR37977" s="9" ph="1"/>
    </row>
    <row r="37978" spans="44:44" ht="15.75" customHeight="1" x14ac:dyDescent="0.15">
      <c r="AR37978" s="9" ph="1"/>
    </row>
    <row r="37979" spans="44:44" ht="15.75" customHeight="1" x14ac:dyDescent="0.15">
      <c r="AR37979" s="9" ph="1"/>
    </row>
    <row r="37980" spans="44:44" ht="15.75" customHeight="1" x14ac:dyDescent="0.15">
      <c r="AR37980" s="9" ph="1"/>
    </row>
    <row r="37981" spans="44:44" ht="15.75" customHeight="1" x14ac:dyDescent="0.15">
      <c r="AR37981" s="9" ph="1"/>
    </row>
    <row r="37982" spans="44:44" ht="15.75" customHeight="1" x14ac:dyDescent="0.15">
      <c r="AR37982" s="9" ph="1"/>
    </row>
    <row r="37984" spans="44:44" ht="15.75" customHeight="1" x14ac:dyDescent="0.15">
      <c r="AR37984" s="9" ph="1"/>
    </row>
    <row r="37985" spans="44:44" ht="15.75" customHeight="1" x14ac:dyDescent="0.15">
      <c r="AR37985" s="9" ph="1"/>
    </row>
    <row r="37986" spans="44:44" ht="15.75" customHeight="1" x14ac:dyDescent="0.15">
      <c r="AR37986" s="9" ph="1"/>
    </row>
    <row r="37987" spans="44:44" ht="15.75" customHeight="1" x14ac:dyDescent="0.15">
      <c r="AR37987" s="9" ph="1"/>
    </row>
    <row r="37988" spans="44:44" ht="15.75" customHeight="1" x14ac:dyDescent="0.15">
      <c r="AR37988" s="9" ph="1"/>
    </row>
    <row r="37989" spans="44:44" ht="15.75" customHeight="1" x14ac:dyDescent="0.15">
      <c r="AR37989" s="9" ph="1"/>
    </row>
    <row r="37990" spans="44:44" ht="15.75" customHeight="1" x14ac:dyDescent="0.15">
      <c r="AR37990" s="9" ph="1"/>
    </row>
    <row r="37991" spans="44:44" ht="15.75" customHeight="1" x14ac:dyDescent="0.15">
      <c r="AR37991" s="9" ph="1"/>
    </row>
    <row r="37992" spans="44:44" ht="15.75" customHeight="1" x14ac:dyDescent="0.15">
      <c r="AR37992" s="9" ph="1"/>
    </row>
    <row r="37993" spans="44:44" ht="15.75" customHeight="1" x14ac:dyDescent="0.15">
      <c r="AR37993" s="9" ph="1"/>
    </row>
    <row r="37994" spans="44:44" ht="15.75" customHeight="1" x14ac:dyDescent="0.15">
      <c r="AR37994" s="9" ph="1"/>
    </row>
    <row r="37995" spans="44:44" ht="15.75" customHeight="1" x14ac:dyDescent="0.15">
      <c r="AR37995" s="9" ph="1"/>
    </row>
    <row r="37996" spans="44:44" ht="15.75" customHeight="1" x14ac:dyDescent="0.15">
      <c r="AR37996" s="9" ph="1"/>
    </row>
    <row r="37997" spans="44:44" ht="15.75" customHeight="1" x14ac:dyDescent="0.15">
      <c r="AR37997" s="9" ph="1"/>
    </row>
    <row r="37998" spans="44:44" ht="15.75" customHeight="1" x14ac:dyDescent="0.15">
      <c r="AR37998" s="9" ph="1"/>
    </row>
    <row r="37999" spans="44:44" ht="15.75" customHeight="1" x14ac:dyDescent="0.15">
      <c r="AR37999" s="9" ph="1"/>
    </row>
    <row r="38000" spans="44:44" ht="15.75" customHeight="1" x14ac:dyDescent="0.15">
      <c r="AR38000" s="9" ph="1"/>
    </row>
    <row r="38001" spans="44:44" ht="15.75" customHeight="1" x14ac:dyDescent="0.15">
      <c r="AR38001" s="9" ph="1"/>
    </row>
    <row r="38003" spans="44:44" ht="15.75" customHeight="1" x14ac:dyDescent="0.15">
      <c r="AR38003" s="9" ph="1"/>
    </row>
    <row r="38004" spans="44:44" ht="15.75" customHeight="1" x14ac:dyDescent="0.15">
      <c r="AR38004" s="9" ph="1"/>
    </row>
    <row r="38005" spans="44:44" ht="15.75" customHeight="1" x14ac:dyDescent="0.15">
      <c r="AR38005" s="9" ph="1"/>
    </row>
    <row r="38006" spans="44:44" ht="15.75" customHeight="1" x14ac:dyDescent="0.15">
      <c r="AR38006" s="9" ph="1"/>
    </row>
    <row r="38007" spans="44:44" ht="15.75" customHeight="1" x14ac:dyDescent="0.15">
      <c r="AR38007" s="9" ph="1"/>
    </row>
    <row r="38008" spans="44:44" ht="15.75" customHeight="1" x14ac:dyDescent="0.15">
      <c r="AR38008" s="9" ph="1"/>
    </row>
    <row r="38009" spans="44:44" ht="15.75" customHeight="1" x14ac:dyDescent="0.15">
      <c r="AR38009" s="9" ph="1"/>
    </row>
    <row r="38010" spans="44:44" ht="15.75" customHeight="1" x14ac:dyDescent="0.15">
      <c r="AR38010" s="9" ph="1"/>
    </row>
    <row r="38011" spans="44:44" ht="15.75" customHeight="1" x14ac:dyDescent="0.15">
      <c r="AR38011" s="9" ph="1"/>
    </row>
    <row r="38012" spans="44:44" ht="15.75" customHeight="1" x14ac:dyDescent="0.15">
      <c r="AR38012" s="9" ph="1"/>
    </row>
    <row r="38013" spans="44:44" ht="15.75" customHeight="1" x14ac:dyDescent="0.15">
      <c r="AR38013" s="9" ph="1"/>
    </row>
    <row r="38014" spans="44:44" ht="15.75" customHeight="1" x14ac:dyDescent="0.15">
      <c r="AR38014" s="9" ph="1"/>
    </row>
    <row r="38015" spans="44:44" ht="15.75" customHeight="1" x14ac:dyDescent="0.15">
      <c r="AR38015" s="9" ph="1"/>
    </row>
    <row r="38016" spans="44:44" ht="15.75" customHeight="1" x14ac:dyDescent="0.15">
      <c r="AR38016" s="9" ph="1"/>
    </row>
    <row r="38017" spans="44:44" ht="15.75" customHeight="1" x14ac:dyDescent="0.15">
      <c r="AR38017" s="9" ph="1"/>
    </row>
    <row r="38018" spans="44:44" ht="15.75" customHeight="1" x14ac:dyDescent="0.15">
      <c r="AR38018" s="9" ph="1"/>
    </row>
    <row r="38019" spans="44:44" ht="15.75" customHeight="1" x14ac:dyDescent="0.15">
      <c r="AR38019" s="9" ph="1"/>
    </row>
    <row r="38020" spans="44:44" ht="15.75" customHeight="1" x14ac:dyDescent="0.15">
      <c r="AR38020" s="9" ph="1"/>
    </row>
    <row r="38021" spans="44:44" ht="15.75" customHeight="1" x14ac:dyDescent="0.15">
      <c r="AR38021" s="9" ph="1"/>
    </row>
    <row r="38022" spans="44:44" ht="15.75" customHeight="1" x14ac:dyDescent="0.15">
      <c r="AR38022" s="9" ph="1"/>
    </row>
    <row r="38023" spans="44:44" ht="15.75" customHeight="1" x14ac:dyDescent="0.15">
      <c r="AR38023" s="9" ph="1"/>
    </row>
    <row r="38024" spans="44:44" ht="15.75" customHeight="1" x14ac:dyDescent="0.15">
      <c r="AR38024" s="9" ph="1"/>
    </row>
    <row r="38025" spans="44:44" ht="15.75" customHeight="1" x14ac:dyDescent="0.15">
      <c r="AR38025" s="9" ph="1"/>
    </row>
    <row r="38026" spans="44:44" ht="15.75" customHeight="1" x14ac:dyDescent="0.15">
      <c r="AR38026" s="9" ph="1"/>
    </row>
    <row r="38027" spans="44:44" ht="15.75" customHeight="1" x14ac:dyDescent="0.15">
      <c r="AR38027" s="9" ph="1"/>
    </row>
    <row r="38028" spans="44:44" ht="15.75" customHeight="1" x14ac:dyDescent="0.15">
      <c r="AR38028" s="9" ph="1"/>
    </row>
    <row r="38029" spans="44:44" ht="15.75" customHeight="1" x14ac:dyDescent="0.15">
      <c r="AR38029" s="9" ph="1"/>
    </row>
    <row r="38030" spans="44:44" ht="15.75" customHeight="1" x14ac:dyDescent="0.15">
      <c r="AR38030" s="9" ph="1"/>
    </row>
    <row r="38031" spans="44:44" ht="15.75" customHeight="1" x14ac:dyDescent="0.15">
      <c r="AR38031" s="9" ph="1"/>
    </row>
    <row r="38032" spans="44:44" ht="15.75" customHeight="1" x14ac:dyDescent="0.15">
      <c r="AR38032" s="9" ph="1"/>
    </row>
    <row r="38033" spans="44:44" ht="15.75" customHeight="1" x14ac:dyDescent="0.15">
      <c r="AR38033" s="9" ph="1"/>
    </row>
    <row r="38034" spans="44:44" ht="15.75" customHeight="1" x14ac:dyDescent="0.15">
      <c r="AR38034" s="9" ph="1"/>
    </row>
    <row r="38035" spans="44:44" ht="15.75" customHeight="1" x14ac:dyDescent="0.15">
      <c r="AR38035" s="9" ph="1"/>
    </row>
    <row r="38036" spans="44:44" ht="15.75" customHeight="1" x14ac:dyDescent="0.15">
      <c r="AR38036" s="9" ph="1"/>
    </row>
    <row r="38037" spans="44:44" ht="15.75" customHeight="1" x14ac:dyDescent="0.15">
      <c r="AR38037" s="9" ph="1"/>
    </row>
    <row r="38038" spans="44:44" ht="15.75" customHeight="1" x14ac:dyDescent="0.15">
      <c r="AR38038" s="9" ph="1"/>
    </row>
    <row r="38039" spans="44:44" ht="15.75" customHeight="1" x14ac:dyDescent="0.15">
      <c r="AR38039" s="9" ph="1"/>
    </row>
    <row r="38040" spans="44:44" ht="15.75" customHeight="1" x14ac:dyDescent="0.15">
      <c r="AR38040" s="9" ph="1"/>
    </row>
    <row r="38041" spans="44:44" ht="15.75" customHeight="1" x14ac:dyDescent="0.15">
      <c r="AR38041" s="9" ph="1"/>
    </row>
    <row r="38042" spans="44:44" ht="15.75" customHeight="1" x14ac:dyDescent="0.15">
      <c r="AR38042" s="9" ph="1"/>
    </row>
    <row r="38043" spans="44:44" ht="15.75" customHeight="1" x14ac:dyDescent="0.15">
      <c r="AR38043" s="9" ph="1"/>
    </row>
    <row r="38044" spans="44:44" ht="15.75" customHeight="1" x14ac:dyDescent="0.15">
      <c r="AR38044" s="9" ph="1"/>
    </row>
    <row r="38045" spans="44:44" ht="15.75" customHeight="1" x14ac:dyDescent="0.15">
      <c r="AR38045" s="9" ph="1"/>
    </row>
    <row r="38046" spans="44:44" ht="15.75" customHeight="1" x14ac:dyDescent="0.15">
      <c r="AR38046" s="9" ph="1"/>
    </row>
    <row r="38047" spans="44:44" ht="15.75" customHeight="1" x14ac:dyDescent="0.15">
      <c r="AR38047" s="9" ph="1"/>
    </row>
    <row r="38048" spans="44:44" ht="15.75" customHeight="1" x14ac:dyDescent="0.15">
      <c r="AR38048" s="9" ph="1"/>
    </row>
    <row r="38049" spans="44:44" ht="15.75" customHeight="1" x14ac:dyDescent="0.15">
      <c r="AR38049" s="9" ph="1"/>
    </row>
    <row r="38050" spans="44:44" ht="15.75" customHeight="1" x14ac:dyDescent="0.15">
      <c r="AR38050" s="9" ph="1"/>
    </row>
    <row r="38051" spans="44:44" ht="15.75" customHeight="1" x14ac:dyDescent="0.15">
      <c r="AR38051" s="9" ph="1"/>
    </row>
    <row r="38052" spans="44:44" ht="15.75" customHeight="1" x14ac:dyDescent="0.15">
      <c r="AR38052" s="9" ph="1"/>
    </row>
    <row r="38053" spans="44:44" ht="15.75" customHeight="1" x14ac:dyDescent="0.15">
      <c r="AR38053" s="9" ph="1"/>
    </row>
    <row r="38054" spans="44:44" ht="15.75" customHeight="1" x14ac:dyDescent="0.15">
      <c r="AR38054" s="9" ph="1"/>
    </row>
    <row r="38055" spans="44:44" ht="15.75" customHeight="1" x14ac:dyDescent="0.15">
      <c r="AR38055" s="9" ph="1"/>
    </row>
    <row r="38056" spans="44:44" ht="15.75" customHeight="1" x14ac:dyDescent="0.15">
      <c r="AR38056" s="9" ph="1"/>
    </row>
    <row r="38057" spans="44:44" ht="15.75" customHeight="1" x14ac:dyDescent="0.15">
      <c r="AR38057" s="9" ph="1"/>
    </row>
    <row r="38058" spans="44:44" ht="15.75" customHeight="1" x14ac:dyDescent="0.15">
      <c r="AR38058" s="9" ph="1"/>
    </row>
    <row r="38059" spans="44:44" ht="15.75" customHeight="1" x14ac:dyDescent="0.15">
      <c r="AR38059" s="9" ph="1"/>
    </row>
    <row r="38060" spans="44:44" ht="15.75" customHeight="1" x14ac:dyDescent="0.15">
      <c r="AR38060" s="9" ph="1"/>
    </row>
    <row r="38061" spans="44:44" ht="15.75" customHeight="1" x14ac:dyDescent="0.15">
      <c r="AR38061" s="9" ph="1"/>
    </row>
    <row r="38062" spans="44:44" ht="15.75" customHeight="1" x14ac:dyDescent="0.15">
      <c r="AR38062" s="9" ph="1"/>
    </row>
    <row r="38063" spans="44:44" ht="15.75" customHeight="1" x14ac:dyDescent="0.15">
      <c r="AR38063" s="9" ph="1"/>
    </row>
    <row r="38064" spans="44:44" ht="15.75" customHeight="1" x14ac:dyDescent="0.15">
      <c r="AR38064" s="9" ph="1"/>
    </row>
    <row r="38065" spans="44:44" ht="15.75" customHeight="1" x14ac:dyDescent="0.15">
      <c r="AR38065" s="9" ph="1"/>
    </row>
    <row r="38066" spans="44:44" ht="15.75" customHeight="1" x14ac:dyDescent="0.15">
      <c r="AR38066" s="9" ph="1"/>
    </row>
    <row r="38067" spans="44:44" ht="15.75" customHeight="1" x14ac:dyDescent="0.15">
      <c r="AR38067" s="9" ph="1"/>
    </row>
    <row r="38068" spans="44:44" ht="15.75" customHeight="1" x14ac:dyDescent="0.15">
      <c r="AR38068" s="9" ph="1"/>
    </row>
    <row r="38069" spans="44:44" ht="15.75" customHeight="1" x14ac:dyDescent="0.15">
      <c r="AR38069" s="9" ph="1"/>
    </row>
    <row r="38070" spans="44:44" ht="15.75" customHeight="1" x14ac:dyDescent="0.15">
      <c r="AR38070" s="9" ph="1"/>
    </row>
    <row r="38071" spans="44:44" ht="15.75" customHeight="1" x14ac:dyDescent="0.15">
      <c r="AR38071" s="9" ph="1"/>
    </row>
    <row r="38072" spans="44:44" ht="15.75" customHeight="1" x14ac:dyDescent="0.15">
      <c r="AR38072" s="9" ph="1"/>
    </row>
    <row r="38073" spans="44:44" ht="15.75" customHeight="1" x14ac:dyDescent="0.15">
      <c r="AR38073" s="9" ph="1"/>
    </row>
    <row r="38074" spans="44:44" ht="15.75" customHeight="1" x14ac:dyDescent="0.15">
      <c r="AR38074" s="9" ph="1"/>
    </row>
    <row r="38075" spans="44:44" ht="15.75" customHeight="1" x14ac:dyDescent="0.15">
      <c r="AR38075" s="9" ph="1"/>
    </row>
    <row r="38076" spans="44:44" ht="15.75" customHeight="1" x14ac:dyDescent="0.15">
      <c r="AR38076" s="9" ph="1"/>
    </row>
    <row r="38077" spans="44:44" ht="15.75" customHeight="1" x14ac:dyDescent="0.15">
      <c r="AR38077" s="9" ph="1"/>
    </row>
    <row r="38078" spans="44:44" ht="15.75" customHeight="1" x14ac:dyDescent="0.15">
      <c r="AR38078" s="9" ph="1"/>
    </row>
    <row r="38079" spans="44:44" ht="15.75" customHeight="1" x14ac:dyDescent="0.15">
      <c r="AR38079" s="9" ph="1"/>
    </row>
    <row r="38080" spans="44:44" ht="15.75" customHeight="1" x14ac:dyDescent="0.15">
      <c r="AR38080" s="9" ph="1"/>
    </row>
    <row r="38081" spans="44:44" ht="15.75" customHeight="1" x14ac:dyDescent="0.15">
      <c r="AR38081" s="9" ph="1"/>
    </row>
    <row r="38082" spans="44:44" ht="15.75" customHeight="1" x14ac:dyDescent="0.15">
      <c r="AR38082" s="9" ph="1"/>
    </row>
    <row r="38083" spans="44:44" ht="15.75" customHeight="1" x14ac:dyDescent="0.15">
      <c r="AR38083" s="9" ph="1"/>
    </row>
    <row r="38084" spans="44:44" ht="15.75" customHeight="1" x14ac:dyDescent="0.15">
      <c r="AR38084" s="9" ph="1"/>
    </row>
    <row r="38085" spans="44:44" ht="15.75" customHeight="1" x14ac:dyDescent="0.15">
      <c r="AR38085" s="9" ph="1"/>
    </row>
    <row r="38086" spans="44:44" ht="15.75" customHeight="1" x14ac:dyDescent="0.15">
      <c r="AR38086" s="9" ph="1"/>
    </row>
    <row r="38087" spans="44:44" ht="15.75" customHeight="1" x14ac:dyDescent="0.15">
      <c r="AR38087" s="9" ph="1"/>
    </row>
    <row r="38088" spans="44:44" ht="15.75" customHeight="1" x14ac:dyDescent="0.15">
      <c r="AR38088" s="9" ph="1"/>
    </row>
    <row r="38089" spans="44:44" ht="15.75" customHeight="1" x14ac:dyDescent="0.15">
      <c r="AR38089" s="9" ph="1"/>
    </row>
    <row r="38090" spans="44:44" ht="15.75" customHeight="1" x14ac:dyDescent="0.15">
      <c r="AR38090" s="9" ph="1"/>
    </row>
    <row r="38091" spans="44:44" ht="15.75" customHeight="1" x14ac:dyDescent="0.15">
      <c r="AR38091" s="9" ph="1"/>
    </row>
    <row r="38092" spans="44:44" ht="15.75" customHeight="1" x14ac:dyDescent="0.15">
      <c r="AR38092" s="9" ph="1"/>
    </row>
    <row r="38093" spans="44:44" ht="15.75" customHeight="1" x14ac:dyDescent="0.15">
      <c r="AR38093" s="9" ph="1"/>
    </row>
    <row r="38094" spans="44:44" ht="15.75" customHeight="1" x14ac:dyDescent="0.15">
      <c r="AR38094" s="9" ph="1"/>
    </row>
    <row r="38095" spans="44:44" ht="15.75" customHeight="1" x14ac:dyDescent="0.15">
      <c r="AR38095" s="9" ph="1"/>
    </row>
    <row r="38096" spans="44:44" ht="15.75" customHeight="1" x14ac:dyDescent="0.15">
      <c r="AR38096" s="9" ph="1"/>
    </row>
    <row r="38097" spans="44:44" ht="15.75" customHeight="1" x14ac:dyDescent="0.15">
      <c r="AR38097" s="9" ph="1"/>
    </row>
    <row r="38098" spans="44:44" ht="15.75" customHeight="1" x14ac:dyDescent="0.15">
      <c r="AR38098" s="9" ph="1"/>
    </row>
    <row r="38099" spans="44:44" ht="15.75" customHeight="1" x14ac:dyDescent="0.15">
      <c r="AR38099" s="9" ph="1"/>
    </row>
    <row r="38100" spans="44:44" ht="15.75" customHeight="1" x14ac:dyDescent="0.15">
      <c r="AR38100" s="9" ph="1"/>
    </row>
    <row r="38101" spans="44:44" ht="15.75" customHeight="1" x14ac:dyDescent="0.15">
      <c r="AR38101" s="9" ph="1"/>
    </row>
    <row r="38102" spans="44:44" ht="15.75" customHeight="1" x14ac:dyDescent="0.15">
      <c r="AR38102" s="9" ph="1"/>
    </row>
    <row r="38103" spans="44:44" ht="15.75" customHeight="1" x14ac:dyDescent="0.15">
      <c r="AR38103" s="9" ph="1"/>
    </row>
    <row r="38104" spans="44:44" ht="15.75" customHeight="1" x14ac:dyDescent="0.15">
      <c r="AR38104" s="9" ph="1"/>
    </row>
    <row r="38105" spans="44:44" ht="15.75" customHeight="1" x14ac:dyDescent="0.15">
      <c r="AR38105" s="9" ph="1"/>
    </row>
    <row r="38106" spans="44:44" ht="15.75" customHeight="1" x14ac:dyDescent="0.15">
      <c r="AR38106" s="9" ph="1"/>
    </row>
    <row r="38107" spans="44:44" ht="15.75" customHeight="1" x14ac:dyDescent="0.15">
      <c r="AR38107" s="9" ph="1"/>
    </row>
    <row r="38108" spans="44:44" ht="15.75" customHeight="1" x14ac:dyDescent="0.15">
      <c r="AR38108" s="9" ph="1"/>
    </row>
    <row r="38109" spans="44:44" ht="15.75" customHeight="1" x14ac:dyDescent="0.15">
      <c r="AR38109" s="9" ph="1"/>
    </row>
    <row r="38110" spans="44:44" ht="15.75" customHeight="1" x14ac:dyDescent="0.15">
      <c r="AR38110" s="9" ph="1"/>
    </row>
    <row r="38111" spans="44:44" ht="15.75" customHeight="1" x14ac:dyDescent="0.15">
      <c r="AR38111" s="9" ph="1"/>
    </row>
    <row r="38112" spans="44:44" ht="15.75" customHeight="1" x14ac:dyDescent="0.15">
      <c r="AR38112" s="9" ph="1"/>
    </row>
    <row r="38113" spans="44:44" ht="15.75" customHeight="1" x14ac:dyDescent="0.15">
      <c r="AR38113" s="9" ph="1"/>
    </row>
    <row r="38114" spans="44:44" ht="15.75" customHeight="1" x14ac:dyDescent="0.15">
      <c r="AR38114" s="9" ph="1"/>
    </row>
    <row r="38115" spans="44:44" ht="15.75" customHeight="1" x14ac:dyDescent="0.15">
      <c r="AR38115" s="9" ph="1"/>
    </row>
    <row r="38116" spans="44:44" ht="15.75" customHeight="1" x14ac:dyDescent="0.15">
      <c r="AR38116" s="9" ph="1"/>
    </row>
    <row r="38117" spans="44:44" ht="15.75" customHeight="1" x14ac:dyDescent="0.15">
      <c r="AR38117" s="9" ph="1"/>
    </row>
    <row r="38118" spans="44:44" ht="15.75" customHeight="1" x14ac:dyDescent="0.15">
      <c r="AR38118" s="9" ph="1"/>
    </row>
    <row r="38119" spans="44:44" ht="15.75" customHeight="1" x14ac:dyDescent="0.15">
      <c r="AR38119" s="9" ph="1"/>
    </row>
    <row r="38120" spans="44:44" ht="15.75" customHeight="1" x14ac:dyDescent="0.15">
      <c r="AR38120" s="9" ph="1"/>
    </row>
    <row r="38121" spans="44:44" ht="15.75" customHeight="1" x14ac:dyDescent="0.15">
      <c r="AR38121" s="9" ph="1"/>
    </row>
    <row r="38122" spans="44:44" ht="15.75" customHeight="1" x14ac:dyDescent="0.15">
      <c r="AR38122" s="9" ph="1"/>
    </row>
    <row r="38123" spans="44:44" ht="15.75" customHeight="1" x14ac:dyDescent="0.15">
      <c r="AR38123" s="9" ph="1"/>
    </row>
    <row r="38125" spans="44:44" ht="15.75" customHeight="1" x14ac:dyDescent="0.15">
      <c r="AR38125" s="9" ph="1"/>
    </row>
    <row r="38126" spans="44:44" ht="15.75" customHeight="1" x14ac:dyDescent="0.15">
      <c r="AR38126" s="9" ph="1"/>
    </row>
    <row r="38127" spans="44:44" ht="15.75" customHeight="1" x14ac:dyDescent="0.15">
      <c r="AR38127" s="9" ph="1"/>
    </row>
    <row r="38128" spans="44:44" ht="15.75" customHeight="1" x14ac:dyDescent="0.15">
      <c r="AR38128" s="9" ph="1"/>
    </row>
    <row r="38129" spans="44:44" ht="15.75" customHeight="1" x14ac:dyDescent="0.15">
      <c r="AR38129" s="9" ph="1"/>
    </row>
    <row r="38130" spans="44:44" ht="15.75" customHeight="1" x14ac:dyDescent="0.15">
      <c r="AR38130" s="9" ph="1"/>
    </row>
    <row r="38131" spans="44:44" ht="15.75" customHeight="1" x14ac:dyDescent="0.15">
      <c r="AR38131" s="9" ph="1"/>
    </row>
    <row r="38132" spans="44:44" ht="15.75" customHeight="1" x14ac:dyDescent="0.15">
      <c r="AR38132" s="9" ph="1"/>
    </row>
    <row r="38133" spans="44:44" ht="15.75" customHeight="1" x14ac:dyDescent="0.15">
      <c r="AR38133" s="9" ph="1"/>
    </row>
    <row r="38134" spans="44:44" ht="15.75" customHeight="1" x14ac:dyDescent="0.15">
      <c r="AR38134" s="9" ph="1"/>
    </row>
    <row r="38135" spans="44:44" ht="15.75" customHeight="1" x14ac:dyDescent="0.15">
      <c r="AR38135" s="9" ph="1"/>
    </row>
    <row r="38136" spans="44:44" ht="15.75" customHeight="1" x14ac:dyDescent="0.15">
      <c r="AR38136" s="9" ph="1"/>
    </row>
    <row r="38137" spans="44:44" ht="15.75" customHeight="1" x14ac:dyDescent="0.15">
      <c r="AR38137" s="9" ph="1"/>
    </row>
    <row r="38138" spans="44:44" ht="15.75" customHeight="1" x14ac:dyDescent="0.15">
      <c r="AR38138" s="9" ph="1"/>
    </row>
    <row r="38139" spans="44:44" ht="15.75" customHeight="1" x14ac:dyDescent="0.15">
      <c r="AR38139" s="9" ph="1"/>
    </row>
    <row r="38141" spans="44:44" ht="15.75" customHeight="1" x14ac:dyDescent="0.15">
      <c r="AR38141" s="9" ph="1"/>
    </row>
    <row r="38142" spans="44:44" ht="15.75" customHeight="1" x14ac:dyDescent="0.15">
      <c r="AR38142" s="9" ph="1"/>
    </row>
    <row r="38143" spans="44:44" ht="15.75" customHeight="1" x14ac:dyDescent="0.15">
      <c r="AR38143" s="9" ph="1"/>
    </row>
    <row r="38144" spans="44:44" ht="15.75" customHeight="1" x14ac:dyDescent="0.15">
      <c r="AR38144" s="9" ph="1"/>
    </row>
    <row r="38145" spans="44:44" ht="15.75" customHeight="1" x14ac:dyDescent="0.15">
      <c r="AR38145" s="9" ph="1"/>
    </row>
    <row r="38146" spans="44:44" ht="15.75" customHeight="1" x14ac:dyDescent="0.15">
      <c r="AR38146" s="9" ph="1"/>
    </row>
    <row r="38147" spans="44:44" ht="15.75" customHeight="1" x14ac:dyDescent="0.15">
      <c r="AR38147" s="9" ph="1"/>
    </row>
    <row r="38148" spans="44:44" ht="15.75" customHeight="1" x14ac:dyDescent="0.15">
      <c r="AR38148" s="9" ph="1"/>
    </row>
    <row r="38149" spans="44:44" ht="15.75" customHeight="1" x14ac:dyDescent="0.15">
      <c r="AR38149" s="9" ph="1"/>
    </row>
    <row r="38150" spans="44:44" ht="15.75" customHeight="1" x14ac:dyDescent="0.15">
      <c r="AR38150" s="9" ph="1"/>
    </row>
    <row r="38152" spans="44:44" ht="15.75" customHeight="1" x14ac:dyDescent="0.15">
      <c r="AR38152" s="9" ph="1"/>
    </row>
    <row r="38153" spans="44:44" ht="15.75" customHeight="1" x14ac:dyDescent="0.15">
      <c r="AR38153" s="9" ph="1"/>
    </row>
    <row r="38154" spans="44:44" ht="15.75" customHeight="1" x14ac:dyDescent="0.15">
      <c r="AR38154" s="9" ph="1"/>
    </row>
    <row r="38155" spans="44:44" ht="15.75" customHeight="1" x14ac:dyDescent="0.15">
      <c r="AR38155" s="9" ph="1"/>
    </row>
    <row r="38156" spans="44:44" ht="15.75" customHeight="1" x14ac:dyDescent="0.15">
      <c r="AR38156" s="9" ph="1"/>
    </row>
    <row r="38157" spans="44:44" ht="15.75" customHeight="1" x14ac:dyDescent="0.15">
      <c r="AR38157" s="9" ph="1"/>
    </row>
    <row r="38158" spans="44:44" ht="15.75" customHeight="1" x14ac:dyDescent="0.15">
      <c r="AR38158" s="9" ph="1"/>
    </row>
    <row r="38159" spans="44:44" ht="15.75" customHeight="1" x14ac:dyDescent="0.15">
      <c r="AR38159" s="9" ph="1"/>
    </row>
    <row r="38160" spans="44:44" ht="15.75" customHeight="1" x14ac:dyDescent="0.15">
      <c r="AR38160" s="9" ph="1"/>
    </row>
    <row r="38161" spans="44:44" ht="15.75" customHeight="1" x14ac:dyDescent="0.15">
      <c r="AR38161" s="9" ph="1"/>
    </row>
    <row r="38162" spans="44:44" ht="15.75" customHeight="1" x14ac:dyDescent="0.15">
      <c r="AR38162" s="9" ph="1"/>
    </row>
    <row r="38163" spans="44:44" ht="15.75" customHeight="1" x14ac:dyDescent="0.15">
      <c r="AR38163" s="9" ph="1"/>
    </row>
    <row r="38164" spans="44:44" ht="15.75" customHeight="1" x14ac:dyDescent="0.15">
      <c r="AR38164" s="9" ph="1"/>
    </row>
    <row r="38165" spans="44:44" ht="15.75" customHeight="1" x14ac:dyDescent="0.15">
      <c r="AR38165" s="9" ph="1"/>
    </row>
    <row r="38167" spans="44:44" ht="15.75" customHeight="1" x14ac:dyDescent="0.15">
      <c r="AR38167" s="9" ph="1"/>
    </row>
    <row r="38168" spans="44:44" ht="15.75" customHeight="1" x14ac:dyDescent="0.15">
      <c r="AR38168" s="9" ph="1"/>
    </row>
    <row r="38169" spans="44:44" ht="15.75" customHeight="1" x14ac:dyDescent="0.15">
      <c r="AR38169" s="9" ph="1"/>
    </row>
    <row r="38170" spans="44:44" ht="15.75" customHeight="1" x14ac:dyDescent="0.15">
      <c r="AR38170" s="9" ph="1"/>
    </row>
    <row r="38171" spans="44:44" ht="15.75" customHeight="1" x14ac:dyDescent="0.15">
      <c r="AR38171" s="9" ph="1"/>
    </row>
    <row r="38172" spans="44:44" ht="15.75" customHeight="1" x14ac:dyDescent="0.15">
      <c r="AR38172" s="9" ph="1"/>
    </row>
    <row r="38173" spans="44:44" ht="15.75" customHeight="1" x14ac:dyDescent="0.15">
      <c r="AR38173" s="9" ph="1"/>
    </row>
    <row r="38174" spans="44:44" ht="15.75" customHeight="1" x14ac:dyDescent="0.15">
      <c r="AR38174" s="9" ph="1"/>
    </row>
    <row r="38175" spans="44:44" ht="15.75" customHeight="1" x14ac:dyDescent="0.15">
      <c r="AR38175" s="9" ph="1"/>
    </row>
    <row r="38176" spans="44:44" ht="15.75" customHeight="1" x14ac:dyDescent="0.15">
      <c r="AR38176" s="9" ph="1"/>
    </row>
    <row r="38177" spans="44:44" ht="15.75" customHeight="1" x14ac:dyDescent="0.15">
      <c r="AR38177" s="9" ph="1"/>
    </row>
    <row r="38178" spans="44:44" ht="15.75" customHeight="1" x14ac:dyDescent="0.15">
      <c r="AR38178" s="9" ph="1"/>
    </row>
    <row r="38179" spans="44:44" ht="15.75" customHeight="1" x14ac:dyDescent="0.15">
      <c r="AR38179" s="9" ph="1"/>
    </row>
    <row r="38180" spans="44:44" ht="15.75" customHeight="1" x14ac:dyDescent="0.15">
      <c r="AR38180" s="9" ph="1"/>
    </row>
    <row r="38181" spans="44:44" ht="15.75" customHeight="1" x14ac:dyDescent="0.15">
      <c r="AR38181" s="9" ph="1"/>
    </row>
    <row r="38183" spans="44:44" ht="15.75" customHeight="1" x14ac:dyDescent="0.15">
      <c r="AR38183" s="9" ph="1"/>
    </row>
    <row r="38184" spans="44:44" ht="15.75" customHeight="1" x14ac:dyDescent="0.15">
      <c r="AR38184" s="9" ph="1"/>
    </row>
    <row r="38185" spans="44:44" ht="15.75" customHeight="1" x14ac:dyDescent="0.15">
      <c r="AR38185" s="9" ph="1"/>
    </row>
    <row r="38186" spans="44:44" ht="15.75" customHeight="1" x14ac:dyDescent="0.15">
      <c r="AR38186" s="9" ph="1"/>
    </row>
    <row r="38187" spans="44:44" ht="15.75" customHeight="1" x14ac:dyDescent="0.15">
      <c r="AR38187" s="9" ph="1"/>
    </row>
    <row r="38188" spans="44:44" ht="15.75" customHeight="1" x14ac:dyDescent="0.15">
      <c r="AR38188" s="9" ph="1"/>
    </row>
    <row r="38189" spans="44:44" ht="15.75" customHeight="1" x14ac:dyDescent="0.15">
      <c r="AR38189" s="9" ph="1"/>
    </row>
    <row r="38190" spans="44:44" ht="15.75" customHeight="1" x14ac:dyDescent="0.15">
      <c r="AR38190" s="9" ph="1"/>
    </row>
    <row r="38191" spans="44:44" ht="15.75" customHeight="1" x14ac:dyDescent="0.15">
      <c r="AR38191" s="9" ph="1"/>
    </row>
    <row r="38192" spans="44:44" ht="15.75" customHeight="1" x14ac:dyDescent="0.15">
      <c r="AR38192" s="9" ph="1"/>
    </row>
    <row r="38194" spans="44:44" ht="15.75" customHeight="1" x14ac:dyDescent="0.15">
      <c r="AR38194" s="9" ph="1"/>
    </row>
    <row r="38195" spans="44:44" ht="15.75" customHeight="1" x14ac:dyDescent="0.15">
      <c r="AR38195" s="9" ph="1"/>
    </row>
    <row r="38196" spans="44:44" ht="15.75" customHeight="1" x14ac:dyDescent="0.15">
      <c r="AR38196" s="9" ph="1"/>
    </row>
    <row r="38197" spans="44:44" ht="15.75" customHeight="1" x14ac:dyDescent="0.15">
      <c r="AR38197" s="9" ph="1"/>
    </row>
    <row r="38198" spans="44:44" ht="15.75" customHeight="1" x14ac:dyDescent="0.15">
      <c r="AR38198" s="9" ph="1"/>
    </row>
    <row r="38199" spans="44:44" ht="15.75" customHeight="1" x14ac:dyDescent="0.15">
      <c r="AR38199" s="9" ph="1"/>
    </row>
    <row r="38200" spans="44:44" ht="15.75" customHeight="1" x14ac:dyDescent="0.15">
      <c r="AR38200" s="9" ph="1"/>
    </row>
    <row r="38201" spans="44:44" ht="15.75" customHeight="1" x14ac:dyDescent="0.15">
      <c r="AR38201" s="9" ph="1"/>
    </row>
    <row r="38202" spans="44:44" ht="15.75" customHeight="1" x14ac:dyDescent="0.15">
      <c r="AR38202" s="9" ph="1"/>
    </row>
    <row r="38203" spans="44:44" ht="15.75" customHeight="1" x14ac:dyDescent="0.15">
      <c r="AR38203" s="9" ph="1"/>
    </row>
    <row r="38204" spans="44:44" ht="15.75" customHeight="1" x14ac:dyDescent="0.15">
      <c r="AR38204" s="9" ph="1"/>
    </row>
    <row r="38205" spans="44:44" ht="15.75" customHeight="1" x14ac:dyDescent="0.15">
      <c r="AR38205" s="9" ph="1"/>
    </row>
    <row r="38206" spans="44:44" ht="15.75" customHeight="1" x14ac:dyDescent="0.15">
      <c r="AR38206" s="9" ph="1"/>
    </row>
    <row r="38207" spans="44:44" ht="15.75" customHeight="1" x14ac:dyDescent="0.15">
      <c r="AR38207" s="9" ph="1"/>
    </row>
    <row r="38208" spans="44:44" ht="15.75" customHeight="1" x14ac:dyDescent="0.15">
      <c r="AR38208" s="9" ph="1"/>
    </row>
    <row r="38209" spans="44:44" ht="15.75" customHeight="1" x14ac:dyDescent="0.15">
      <c r="AR38209" s="9" ph="1"/>
    </row>
    <row r="38210" spans="44:44" ht="15.75" customHeight="1" x14ac:dyDescent="0.15">
      <c r="AR38210" s="9" ph="1"/>
    </row>
    <row r="38211" spans="44:44" ht="15.75" customHeight="1" x14ac:dyDescent="0.15">
      <c r="AR38211" s="9" ph="1"/>
    </row>
    <row r="38212" spans="44:44" ht="15.75" customHeight="1" x14ac:dyDescent="0.15">
      <c r="AR38212" s="9" ph="1"/>
    </row>
    <row r="38213" spans="44:44" ht="15.75" customHeight="1" x14ac:dyDescent="0.15">
      <c r="AR38213" s="9" ph="1"/>
    </row>
    <row r="38214" spans="44:44" ht="15.75" customHeight="1" x14ac:dyDescent="0.15">
      <c r="AR38214" s="9" ph="1"/>
    </row>
    <row r="38215" spans="44:44" ht="15.75" customHeight="1" x14ac:dyDescent="0.15">
      <c r="AR38215" s="9" ph="1"/>
    </row>
    <row r="38216" spans="44:44" ht="15.75" customHeight="1" x14ac:dyDescent="0.15">
      <c r="AR38216" s="9" ph="1"/>
    </row>
    <row r="38217" spans="44:44" ht="15.75" customHeight="1" x14ac:dyDescent="0.15">
      <c r="AR38217" s="9" ph="1"/>
    </row>
    <row r="38218" spans="44:44" ht="15.75" customHeight="1" x14ac:dyDescent="0.15">
      <c r="AR38218" s="9" ph="1"/>
    </row>
    <row r="38220" spans="44:44" ht="15.75" customHeight="1" x14ac:dyDescent="0.15">
      <c r="AR38220" s="9" ph="1"/>
    </row>
    <row r="38221" spans="44:44" ht="15.75" customHeight="1" x14ac:dyDescent="0.15">
      <c r="AR38221" s="9" ph="1"/>
    </row>
    <row r="38222" spans="44:44" ht="15.75" customHeight="1" x14ac:dyDescent="0.15">
      <c r="AR38222" s="9" ph="1"/>
    </row>
    <row r="38223" spans="44:44" ht="15.75" customHeight="1" x14ac:dyDescent="0.15">
      <c r="AR38223" s="9" ph="1"/>
    </row>
    <row r="38224" spans="44:44" ht="15.75" customHeight="1" x14ac:dyDescent="0.15">
      <c r="AR38224" s="9" ph="1"/>
    </row>
    <row r="38225" spans="44:44" ht="15.75" customHeight="1" x14ac:dyDescent="0.15">
      <c r="AR38225" s="9" ph="1"/>
    </row>
    <row r="38226" spans="44:44" ht="15.75" customHeight="1" x14ac:dyDescent="0.15">
      <c r="AR38226" s="9" ph="1"/>
    </row>
    <row r="38227" spans="44:44" ht="15.75" customHeight="1" x14ac:dyDescent="0.15">
      <c r="AR38227" s="9" ph="1"/>
    </row>
    <row r="38228" spans="44:44" ht="15.75" customHeight="1" x14ac:dyDescent="0.15">
      <c r="AR38228" s="9" ph="1"/>
    </row>
    <row r="38229" spans="44:44" ht="15.75" customHeight="1" x14ac:dyDescent="0.15">
      <c r="AR38229" s="9" ph="1"/>
    </row>
    <row r="38230" spans="44:44" ht="15.75" customHeight="1" x14ac:dyDescent="0.15">
      <c r="AR38230" s="9" ph="1"/>
    </row>
    <row r="38231" spans="44:44" ht="15.75" customHeight="1" x14ac:dyDescent="0.15">
      <c r="AR38231" s="9" ph="1"/>
    </row>
    <row r="38232" spans="44:44" ht="15.75" customHeight="1" x14ac:dyDescent="0.15">
      <c r="AR38232" s="9" ph="1"/>
    </row>
    <row r="38233" spans="44:44" ht="15.75" customHeight="1" x14ac:dyDescent="0.15">
      <c r="AR38233" s="9" ph="1"/>
    </row>
    <row r="38234" spans="44:44" ht="15.75" customHeight="1" x14ac:dyDescent="0.15">
      <c r="AR38234" s="9" ph="1"/>
    </row>
    <row r="38236" spans="44:44" ht="15.75" customHeight="1" x14ac:dyDescent="0.15">
      <c r="AR38236" s="9" ph="1"/>
    </row>
    <row r="38237" spans="44:44" ht="15.75" customHeight="1" x14ac:dyDescent="0.15">
      <c r="AR38237" s="9" ph="1"/>
    </row>
    <row r="38238" spans="44:44" ht="15.75" customHeight="1" x14ac:dyDescent="0.15">
      <c r="AR38238" s="9" ph="1"/>
    </row>
    <row r="38239" spans="44:44" ht="15.75" customHeight="1" x14ac:dyDescent="0.15">
      <c r="AR38239" s="9" ph="1"/>
    </row>
    <row r="38240" spans="44:44" ht="15.75" customHeight="1" x14ac:dyDescent="0.15">
      <c r="AR38240" s="9" ph="1"/>
    </row>
    <row r="38241" spans="44:44" ht="15.75" customHeight="1" x14ac:dyDescent="0.15">
      <c r="AR38241" s="9" ph="1"/>
    </row>
    <row r="38242" spans="44:44" ht="15.75" customHeight="1" x14ac:dyDescent="0.15">
      <c r="AR38242" s="9" ph="1"/>
    </row>
    <row r="38243" spans="44:44" ht="15.75" customHeight="1" x14ac:dyDescent="0.15">
      <c r="AR38243" s="9" ph="1"/>
    </row>
    <row r="38244" spans="44:44" ht="15.75" customHeight="1" x14ac:dyDescent="0.15">
      <c r="AR38244" s="9" ph="1"/>
    </row>
    <row r="38245" spans="44:44" ht="15.75" customHeight="1" x14ac:dyDescent="0.15">
      <c r="AR38245" s="9" ph="1"/>
    </row>
    <row r="38247" spans="44:44" ht="15.75" customHeight="1" x14ac:dyDescent="0.15">
      <c r="AR38247" s="9" ph="1"/>
    </row>
    <row r="38248" spans="44:44" ht="15.75" customHeight="1" x14ac:dyDescent="0.15">
      <c r="AR38248" s="9" ph="1"/>
    </row>
    <row r="38249" spans="44:44" ht="15.75" customHeight="1" x14ac:dyDescent="0.15">
      <c r="AR38249" s="9" ph="1"/>
    </row>
    <row r="38250" spans="44:44" ht="15.75" customHeight="1" x14ac:dyDescent="0.15">
      <c r="AR38250" s="9" ph="1"/>
    </row>
    <row r="38251" spans="44:44" ht="15.75" customHeight="1" x14ac:dyDescent="0.15">
      <c r="AR38251" s="9" ph="1"/>
    </row>
    <row r="38252" spans="44:44" ht="15.75" customHeight="1" x14ac:dyDescent="0.15">
      <c r="AR38252" s="9" ph="1"/>
    </row>
    <row r="38253" spans="44:44" ht="15.75" customHeight="1" x14ac:dyDescent="0.15">
      <c r="AR38253" s="9" ph="1"/>
    </row>
    <row r="38254" spans="44:44" ht="15.75" customHeight="1" x14ac:dyDescent="0.15">
      <c r="AR38254" s="9" ph="1"/>
    </row>
    <row r="38255" spans="44:44" ht="15.75" customHeight="1" x14ac:dyDescent="0.15">
      <c r="AR38255" s="9" ph="1"/>
    </row>
    <row r="38256" spans="44:44" ht="15.75" customHeight="1" x14ac:dyDescent="0.15">
      <c r="AR38256" s="9" ph="1"/>
    </row>
    <row r="38257" spans="44:44" ht="15.75" customHeight="1" x14ac:dyDescent="0.15">
      <c r="AR38257" s="9" ph="1"/>
    </row>
    <row r="38258" spans="44:44" ht="15.75" customHeight="1" x14ac:dyDescent="0.15">
      <c r="AR38258" s="9" ph="1"/>
    </row>
    <row r="38259" spans="44:44" ht="15.75" customHeight="1" x14ac:dyDescent="0.15">
      <c r="AR38259" s="9" ph="1"/>
    </row>
    <row r="38260" spans="44:44" ht="15.75" customHeight="1" x14ac:dyDescent="0.15">
      <c r="AR38260" s="9" ph="1"/>
    </row>
    <row r="38261" spans="44:44" ht="15.75" customHeight="1" x14ac:dyDescent="0.15">
      <c r="AR38261" s="9" ph="1"/>
    </row>
    <row r="38262" spans="44:44" ht="15.75" customHeight="1" x14ac:dyDescent="0.15">
      <c r="AR38262" s="9" ph="1"/>
    </row>
    <row r="38263" spans="44:44" ht="15.75" customHeight="1" x14ac:dyDescent="0.15">
      <c r="AR38263" s="9" ph="1"/>
    </row>
    <row r="38264" spans="44:44" ht="15.75" customHeight="1" x14ac:dyDescent="0.15">
      <c r="AR38264" s="9" ph="1"/>
    </row>
    <row r="38265" spans="44:44" ht="15.75" customHeight="1" x14ac:dyDescent="0.15">
      <c r="AR38265" s="9" ph="1"/>
    </row>
    <row r="38266" spans="44:44" ht="15.75" customHeight="1" x14ac:dyDescent="0.15">
      <c r="AR38266" s="9" ph="1"/>
    </row>
    <row r="38267" spans="44:44" ht="15.75" customHeight="1" x14ac:dyDescent="0.15">
      <c r="AR38267" s="9" ph="1"/>
    </row>
    <row r="38268" spans="44:44" ht="15.75" customHeight="1" x14ac:dyDescent="0.15">
      <c r="AR38268" s="9" ph="1"/>
    </row>
    <row r="38269" spans="44:44" ht="15.75" customHeight="1" x14ac:dyDescent="0.15">
      <c r="AR38269" s="9" ph="1"/>
    </row>
    <row r="38270" spans="44:44" ht="15.75" customHeight="1" x14ac:dyDescent="0.15">
      <c r="AR38270" s="9" ph="1"/>
    </row>
    <row r="38271" spans="44:44" ht="15.75" customHeight="1" x14ac:dyDescent="0.15">
      <c r="AR38271" s="9" ph="1"/>
    </row>
    <row r="38273" spans="44:44" ht="15.75" customHeight="1" x14ac:dyDescent="0.15">
      <c r="AR38273" s="9" ph="1"/>
    </row>
    <row r="38274" spans="44:44" ht="15.75" customHeight="1" x14ac:dyDescent="0.15">
      <c r="AR38274" s="9" ph="1"/>
    </row>
    <row r="38275" spans="44:44" ht="15.75" customHeight="1" x14ac:dyDescent="0.15">
      <c r="AR38275" s="9" ph="1"/>
    </row>
    <row r="38276" spans="44:44" ht="15.75" customHeight="1" x14ac:dyDescent="0.15">
      <c r="AR38276" s="9" ph="1"/>
    </row>
    <row r="38277" spans="44:44" ht="15.75" customHeight="1" x14ac:dyDescent="0.15">
      <c r="AR38277" s="9" ph="1"/>
    </row>
    <row r="38278" spans="44:44" ht="15.75" customHeight="1" x14ac:dyDescent="0.15">
      <c r="AR38278" s="9" ph="1"/>
    </row>
    <row r="38279" spans="44:44" ht="15.75" customHeight="1" x14ac:dyDescent="0.15">
      <c r="AR38279" s="9" ph="1"/>
    </row>
    <row r="38280" spans="44:44" ht="15.75" customHeight="1" x14ac:dyDescent="0.15">
      <c r="AR38280" s="9" ph="1"/>
    </row>
    <row r="38281" spans="44:44" ht="15.75" customHeight="1" x14ac:dyDescent="0.15">
      <c r="AR38281" s="9" ph="1"/>
    </row>
    <row r="38282" spans="44:44" ht="15.75" customHeight="1" x14ac:dyDescent="0.15">
      <c r="AR38282" s="9" ph="1"/>
    </row>
    <row r="38283" spans="44:44" ht="15.75" customHeight="1" x14ac:dyDescent="0.15">
      <c r="AR38283" s="9" ph="1"/>
    </row>
    <row r="38284" spans="44:44" ht="15.75" customHeight="1" x14ac:dyDescent="0.15">
      <c r="AR38284" s="9" ph="1"/>
    </row>
    <row r="38285" spans="44:44" ht="15.75" customHeight="1" x14ac:dyDescent="0.15">
      <c r="AR38285" s="9" ph="1"/>
    </row>
    <row r="38286" spans="44:44" ht="15.75" customHeight="1" x14ac:dyDescent="0.15">
      <c r="AR38286" s="9" ph="1"/>
    </row>
    <row r="38287" spans="44:44" ht="15.75" customHeight="1" x14ac:dyDescent="0.15">
      <c r="AR38287" s="9" ph="1"/>
    </row>
    <row r="38289" spans="44:44" ht="15.75" customHeight="1" x14ac:dyDescent="0.15">
      <c r="AR38289" s="9" ph="1"/>
    </row>
    <row r="38290" spans="44:44" ht="15.75" customHeight="1" x14ac:dyDescent="0.15">
      <c r="AR38290" s="9" ph="1"/>
    </row>
    <row r="38291" spans="44:44" ht="15.75" customHeight="1" x14ac:dyDescent="0.15">
      <c r="AR38291" s="9" ph="1"/>
    </row>
    <row r="38292" spans="44:44" ht="15.75" customHeight="1" x14ac:dyDescent="0.15">
      <c r="AR38292" s="9" ph="1"/>
    </row>
    <row r="38293" spans="44:44" ht="15.75" customHeight="1" x14ac:dyDescent="0.15">
      <c r="AR38293" s="9" ph="1"/>
    </row>
    <row r="38294" spans="44:44" ht="15.75" customHeight="1" x14ac:dyDescent="0.15">
      <c r="AR38294" s="9" ph="1"/>
    </row>
    <row r="38295" spans="44:44" ht="15.75" customHeight="1" x14ac:dyDescent="0.15">
      <c r="AR38295" s="9" ph="1"/>
    </row>
    <row r="38296" spans="44:44" ht="15.75" customHeight="1" x14ac:dyDescent="0.15">
      <c r="AR38296" s="9" ph="1"/>
    </row>
    <row r="38297" spans="44:44" ht="15.75" customHeight="1" x14ac:dyDescent="0.15">
      <c r="AR38297" s="9" ph="1"/>
    </row>
    <row r="38298" spans="44:44" ht="15.75" customHeight="1" x14ac:dyDescent="0.15">
      <c r="AR38298" s="9" ph="1"/>
    </row>
    <row r="38300" spans="44:44" ht="15.75" customHeight="1" x14ac:dyDescent="0.15">
      <c r="AR38300" s="9" ph="1"/>
    </row>
    <row r="38301" spans="44:44" ht="15.75" customHeight="1" x14ac:dyDescent="0.15">
      <c r="AR38301" s="9" ph="1"/>
    </row>
    <row r="38302" spans="44:44" ht="15.75" customHeight="1" x14ac:dyDescent="0.15">
      <c r="AR38302" s="9" ph="1"/>
    </row>
    <row r="38303" spans="44:44" ht="15.75" customHeight="1" x14ac:dyDescent="0.15">
      <c r="AR38303" s="9" ph="1"/>
    </row>
    <row r="38304" spans="44:44" ht="15.75" customHeight="1" x14ac:dyDescent="0.15">
      <c r="AR38304" s="9" ph="1"/>
    </row>
    <row r="38305" spans="44:44" ht="15.75" customHeight="1" x14ac:dyDescent="0.15">
      <c r="AR38305" s="9" ph="1"/>
    </row>
    <row r="38306" spans="44:44" ht="15.75" customHeight="1" x14ac:dyDescent="0.15">
      <c r="AR38306" s="9" ph="1"/>
    </row>
    <row r="38307" spans="44:44" ht="15.75" customHeight="1" x14ac:dyDescent="0.15">
      <c r="AR38307" s="9" ph="1"/>
    </row>
    <row r="38308" spans="44:44" ht="15.75" customHeight="1" x14ac:dyDescent="0.15">
      <c r="AR38308" s="9" ph="1"/>
    </row>
    <row r="38309" spans="44:44" ht="15.75" customHeight="1" x14ac:dyDescent="0.15">
      <c r="AR38309" s="9" ph="1"/>
    </row>
    <row r="38310" spans="44:44" ht="15.75" customHeight="1" x14ac:dyDescent="0.15">
      <c r="AR38310" s="9" ph="1"/>
    </row>
    <row r="38311" spans="44:44" ht="15.75" customHeight="1" x14ac:dyDescent="0.15">
      <c r="AR38311" s="9" ph="1"/>
    </row>
    <row r="38312" spans="44:44" ht="15.75" customHeight="1" x14ac:dyDescent="0.15">
      <c r="AR38312" s="9" ph="1"/>
    </row>
    <row r="38313" spans="44:44" ht="15.75" customHeight="1" x14ac:dyDescent="0.15">
      <c r="AR38313" s="9" ph="1"/>
    </row>
    <row r="38314" spans="44:44" ht="15.75" customHeight="1" x14ac:dyDescent="0.15">
      <c r="AR38314" s="9" ph="1"/>
    </row>
    <row r="38315" spans="44:44" ht="15.75" customHeight="1" x14ac:dyDescent="0.15">
      <c r="AR38315" s="9" ph="1"/>
    </row>
    <row r="38316" spans="44:44" ht="15.75" customHeight="1" x14ac:dyDescent="0.15">
      <c r="AR38316" s="9" ph="1"/>
    </row>
    <row r="38317" spans="44:44" ht="15.75" customHeight="1" x14ac:dyDescent="0.15">
      <c r="AR38317" s="9" ph="1"/>
    </row>
    <row r="38319" spans="44:44" ht="15.75" customHeight="1" x14ac:dyDescent="0.15">
      <c r="AR38319" s="9" ph="1"/>
    </row>
    <row r="38320" spans="44:44" ht="15.75" customHeight="1" x14ac:dyDescent="0.15">
      <c r="AR38320" s="9" ph="1"/>
    </row>
    <row r="38321" spans="44:44" ht="15.75" customHeight="1" x14ac:dyDescent="0.15">
      <c r="AR38321" s="9" ph="1"/>
    </row>
    <row r="38322" spans="44:44" ht="15.75" customHeight="1" x14ac:dyDescent="0.15">
      <c r="AR38322" s="9" ph="1"/>
    </row>
    <row r="38323" spans="44:44" ht="15.75" customHeight="1" x14ac:dyDescent="0.15">
      <c r="AR38323" s="9" ph="1"/>
    </row>
    <row r="38324" spans="44:44" ht="15.75" customHeight="1" x14ac:dyDescent="0.15">
      <c r="AR38324" s="9" ph="1"/>
    </row>
    <row r="38325" spans="44:44" ht="15.75" customHeight="1" x14ac:dyDescent="0.15">
      <c r="AR38325" s="9" ph="1"/>
    </row>
    <row r="38326" spans="44:44" ht="15.75" customHeight="1" x14ac:dyDescent="0.15">
      <c r="AR38326" s="9" ph="1"/>
    </row>
    <row r="38327" spans="44:44" ht="15.75" customHeight="1" x14ac:dyDescent="0.15">
      <c r="AR38327" s="9" ph="1"/>
    </row>
    <row r="38328" spans="44:44" ht="15.75" customHeight="1" x14ac:dyDescent="0.15">
      <c r="AR38328" s="9" ph="1"/>
    </row>
    <row r="38329" spans="44:44" ht="15.75" customHeight="1" x14ac:dyDescent="0.15">
      <c r="AR38329" s="9" ph="1"/>
    </row>
    <row r="38330" spans="44:44" ht="15.75" customHeight="1" x14ac:dyDescent="0.15">
      <c r="AR38330" s="9" ph="1"/>
    </row>
    <row r="38331" spans="44:44" ht="15.75" customHeight="1" x14ac:dyDescent="0.15">
      <c r="AR38331" s="9" ph="1"/>
    </row>
    <row r="38332" spans="44:44" ht="15.75" customHeight="1" x14ac:dyDescent="0.15">
      <c r="AR38332" s="9" ph="1"/>
    </row>
    <row r="38333" spans="44:44" ht="15.75" customHeight="1" x14ac:dyDescent="0.15">
      <c r="AR38333" s="9" ph="1"/>
    </row>
    <row r="38334" spans="44:44" ht="15.75" customHeight="1" x14ac:dyDescent="0.15">
      <c r="AR38334" s="9" ph="1"/>
    </row>
    <row r="38335" spans="44:44" ht="15.75" customHeight="1" x14ac:dyDescent="0.15">
      <c r="AR38335" s="9" ph="1"/>
    </row>
    <row r="38336" spans="44:44" ht="15.75" customHeight="1" x14ac:dyDescent="0.15">
      <c r="AR38336" s="9" ph="1"/>
    </row>
    <row r="38337" spans="44:44" ht="15.75" customHeight="1" x14ac:dyDescent="0.15">
      <c r="AR38337" s="9" ph="1"/>
    </row>
    <row r="38338" spans="44:44" ht="15.75" customHeight="1" x14ac:dyDescent="0.15">
      <c r="AR38338" s="9" ph="1"/>
    </row>
    <row r="38339" spans="44:44" ht="15.75" customHeight="1" x14ac:dyDescent="0.15">
      <c r="AR38339" s="9" ph="1"/>
    </row>
    <row r="38340" spans="44:44" ht="15.75" customHeight="1" x14ac:dyDescent="0.15">
      <c r="AR38340" s="9" ph="1"/>
    </row>
    <row r="38341" spans="44:44" ht="15.75" customHeight="1" x14ac:dyDescent="0.15">
      <c r="AR38341" s="9" ph="1"/>
    </row>
    <row r="38342" spans="44:44" ht="15.75" customHeight="1" x14ac:dyDescent="0.15">
      <c r="AR38342" s="9" ph="1"/>
    </row>
    <row r="38343" spans="44:44" ht="15.75" customHeight="1" x14ac:dyDescent="0.15">
      <c r="AR38343" s="9" ph="1"/>
    </row>
    <row r="38344" spans="44:44" ht="15.75" customHeight="1" x14ac:dyDescent="0.15">
      <c r="AR38344" s="9" ph="1"/>
    </row>
    <row r="38345" spans="44:44" ht="15.75" customHeight="1" x14ac:dyDescent="0.15">
      <c r="AR38345" s="9" ph="1"/>
    </row>
    <row r="38346" spans="44:44" ht="15.75" customHeight="1" x14ac:dyDescent="0.15">
      <c r="AR38346" s="9" ph="1"/>
    </row>
    <row r="38347" spans="44:44" ht="15.75" customHeight="1" x14ac:dyDescent="0.15">
      <c r="AR38347" s="9" ph="1"/>
    </row>
    <row r="38348" spans="44:44" ht="15.75" customHeight="1" x14ac:dyDescent="0.15">
      <c r="AR38348" s="9" ph="1"/>
    </row>
    <row r="38349" spans="44:44" ht="15.75" customHeight="1" x14ac:dyDescent="0.15">
      <c r="AR38349" s="9" ph="1"/>
    </row>
    <row r="38350" spans="44:44" ht="15.75" customHeight="1" x14ac:dyDescent="0.15">
      <c r="AR38350" s="9" ph="1"/>
    </row>
    <row r="38351" spans="44:44" ht="15.75" customHeight="1" x14ac:dyDescent="0.15">
      <c r="AR38351" s="9" ph="1"/>
    </row>
    <row r="38352" spans="44:44" ht="15.75" customHeight="1" x14ac:dyDescent="0.15">
      <c r="AR38352" s="9" ph="1"/>
    </row>
    <row r="38353" spans="44:44" ht="15.75" customHeight="1" x14ac:dyDescent="0.15">
      <c r="AR38353" s="9" ph="1"/>
    </row>
    <row r="38354" spans="44:44" ht="15.75" customHeight="1" x14ac:dyDescent="0.15">
      <c r="AR38354" s="9" ph="1"/>
    </row>
    <row r="38355" spans="44:44" ht="15.75" customHeight="1" x14ac:dyDescent="0.15">
      <c r="AR38355" s="9" ph="1"/>
    </row>
    <row r="38356" spans="44:44" ht="15.75" customHeight="1" x14ac:dyDescent="0.15">
      <c r="AR38356" s="9" ph="1"/>
    </row>
    <row r="38357" spans="44:44" ht="15.75" customHeight="1" x14ac:dyDescent="0.15">
      <c r="AR38357" s="9" ph="1"/>
    </row>
    <row r="38358" spans="44:44" ht="15.75" customHeight="1" x14ac:dyDescent="0.15">
      <c r="AR38358" s="9" ph="1"/>
    </row>
    <row r="38359" spans="44:44" ht="15.75" customHeight="1" x14ac:dyDescent="0.15">
      <c r="AR38359" s="9" ph="1"/>
    </row>
    <row r="38360" spans="44:44" ht="15.75" customHeight="1" x14ac:dyDescent="0.15">
      <c r="AR38360" s="9" ph="1"/>
    </row>
    <row r="38361" spans="44:44" ht="15.75" customHeight="1" x14ac:dyDescent="0.15">
      <c r="AR38361" s="9" ph="1"/>
    </row>
    <row r="38362" spans="44:44" ht="15.75" customHeight="1" x14ac:dyDescent="0.15">
      <c r="AR38362" s="9" ph="1"/>
    </row>
    <row r="38363" spans="44:44" ht="15.75" customHeight="1" x14ac:dyDescent="0.15">
      <c r="AR38363" s="9" ph="1"/>
    </row>
    <row r="38364" spans="44:44" ht="15.75" customHeight="1" x14ac:dyDescent="0.15">
      <c r="AR38364" s="9" ph="1"/>
    </row>
    <row r="38365" spans="44:44" ht="15.75" customHeight="1" x14ac:dyDescent="0.15">
      <c r="AR38365" s="9" ph="1"/>
    </row>
    <row r="38366" spans="44:44" ht="15.75" customHeight="1" x14ac:dyDescent="0.15">
      <c r="AR38366" s="9" ph="1"/>
    </row>
    <row r="38367" spans="44:44" ht="15.75" customHeight="1" x14ac:dyDescent="0.15">
      <c r="AR38367" s="9" ph="1"/>
    </row>
    <row r="38368" spans="44:44" ht="15.75" customHeight="1" x14ac:dyDescent="0.15">
      <c r="AR38368" s="9" ph="1"/>
    </row>
    <row r="38369" spans="44:44" ht="15.75" customHeight="1" x14ac:dyDescent="0.15">
      <c r="AR38369" s="9" ph="1"/>
    </row>
    <row r="38370" spans="44:44" ht="15.75" customHeight="1" x14ac:dyDescent="0.15">
      <c r="AR38370" s="9" ph="1"/>
    </row>
    <row r="38371" spans="44:44" ht="15.75" customHeight="1" x14ac:dyDescent="0.15">
      <c r="AR38371" s="9" ph="1"/>
    </row>
    <row r="38372" spans="44:44" ht="15.75" customHeight="1" x14ac:dyDescent="0.15">
      <c r="AR38372" s="9" ph="1"/>
    </row>
    <row r="38373" spans="44:44" ht="15.75" customHeight="1" x14ac:dyDescent="0.15">
      <c r="AR38373" s="9" ph="1"/>
    </row>
    <row r="38374" spans="44:44" ht="15.75" customHeight="1" x14ac:dyDescent="0.15">
      <c r="AR38374" s="9" ph="1"/>
    </row>
    <row r="38375" spans="44:44" ht="15.75" customHeight="1" x14ac:dyDescent="0.15">
      <c r="AR38375" s="9" ph="1"/>
    </row>
    <row r="38376" spans="44:44" ht="15.75" customHeight="1" x14ac:dyDescent="0.15">
      <c r="AR38376" s="9" ph="1"/>
    </row>
    <row r="38377" spans="44:44" ht="15.75" customHeight="1" x14ac:dyDescent="0.15">
      <c r="AR38377" s="9" ph="1"/>
    </row>
    <row r="38378" spans="44:44" ht="15.75" customHeight="1" x14ac:dyDescent="0.15">
      <c r="AR38378" s="9" ph="1"/>
    </row>
    <row r="38379" spans="44:44" ht="15.75" customHeight="1" x14ac:dyDescent="0.15">
      <c r="AR38379" s="9" ph="1"/>
    </row>
    <row r="38380" spans="44:44" ht="15.75" customHeight="1" x14ac:dyDescent="0.15">
      <c r="AR38380" s="9" ph="1"/>
    </row>
    <row r="38381" spans="44:44" ht="15.75" customHeight="1" x14ac:dyDescent="0.15">
      <c r="AR38381" s="9" ph="1"/>
    </row>
    <row r="38382" spans="44:44" ht="15.75" customHeight="1" x14ac:dyDescent="0.15">
      <c r="AR38382" s="9" ph="1"/>
    </row>
    <row r="38383" spans="44:44" ht="15.75" customHeight="1" x14ac:dyDescent="0.15">
      <c r="AR38383" s="9" ph="1"/>
    </row>
    <row r="38384" spans="44:44" ht="15.75" customHeight="1" x14ac:dyDescent="0.15">
      <c r="AR38384" s="9" ph="1"/>
    </row>
    <row r="38385" spans="44:44" ht="15.75" customHeight="1" x14ac:dyDescent="0.15">
      <c r="AR38385" s="9" ph="1"/>
    </row>
    <row r="38386" spans="44:44" ht="15.75" customHeight="1" x14ac:dyDescent="0.15">
      <c r="AR38386" s="9" ph="1"/>
    </row>
    <row r="38387" spans="44:44" ht="15.75" customHeight="1" x14ac:dyDescent="0.15">
      <c r="AR38387" s="9" ph="1"/>
    </row>
    <row r="38388" spans="44:44" ht="15.75" customHeight="1" x14ac:dyDescent="0.15">
      <c r="AR38388" s="9" ph="1"/>
    </row>
    <row r="38389" spans="44:44" ht="15.75" customHeight="1" x14ac:dyDescent="0.15">
      <c r="AR38389" s="9" ph="1"/>
    </row>
    <row r="38390" spans="44:44" ht="15.75" customHeight="1" x14ac:dyDescent="0.15">
      <c r="AR38390" s="9" ph="1"/>
    </row>
    <row r="38391" spans="44:44" ht="15.75" customHeight="1" x14ac:dyDescent="0.15">
      <c r="AR38391" s="9" ph="1"/>
    </row>
    <row r="38392" spans="44:44" ht="15.75" customHeight="1" x14ac:dyDescent="0.15">
      <c r="AR38392" s="9" ph="1"/>
    </row>
    <row r="38393" spans="44:44" ht="15.75" customHeight="1" x14ac:dyDescent="0.15">
      <c r="AR38393" s="9" ph="1"/>
    </row>
    <row r="38394" spans="44:44" ht="15.75" customHeight="1" x14ac:dyDescent="0.15">
      <c r="AR38394" s="9" ph="1"/>
    </row>
    <row r="38395" spans="44:44" ht="15.75" customHeight="1" x14ac:dyDescent="0.15">
      <c r="AR38395" s="9" ph="1"/>
    </row>
    <row r="38396" spans="44:44" ht="15.75" customHeight="1" x14ac:dyDescent="0.15">
      <c r="AR38396" s="9" ph="1"/>
    </row>
    <row r="38397" spans="44:44" ht="15.75" customHeight="1" x14ac:dyDescent="0.15">
      <c r="AR38397" s="9" ph="1"/>
    </row>
    <row r="38398" spans="44:44" ht="15.75" customHeight="1" x14ac:dyDescent="0.15">
      <c r="AR38398" s="9" ph="1"/>
    </row>
    <row r="38399" spans="44:44" ht="15.75" customHeight="1" x14ac:dyDescent="0.15">
      <c r="AR38399" s="9" ph="1"/>
    </row>
    <row r="38400" spans="44:44" ht="15.75" customHeight="1" x14ac:dyDescent="0.15">
      <c r="AR38400" s="9" ph="1"/>
    </row>
    <row r="38401" spans="44:44" ht="15.75" customHeight="1" x14ac:dyDescent="0.15">
      <c r="AR38401" s="9" ph="1"/>
    </row>
    <row r="38402" spans="44:44" ht="15.75" customHeight="1" x14ac:dyDescent="0.15">
      <c r="AR38402" s="9" ph="1"/>
    </row>
    <row r="38403" spans="44:44" ht="15.75" customHeight="1" x14ac:dyDescent="0.15">
      <c r="AR38403" s="9" ph="1"/>
    </row>
    <row r="38404" spans="44:44" ht="15.75" customHeight="1" x14ac:dyDescent="0.15">
      <c r="AR38404" s="9" ph="1"/>
    </row>
    <row r="38405" spans="44:44" ht="15.75" customHeight="1" x14ac:dyDescent="0.15">
      <c r="AR38405" s="9" ph="1"/>
    </row>
    <row r="38406" spans="44:44" ht="15.75" customHeight="1" x14ac:dyDescent="0.15">
      <c r="AR38406" s="9" ph="1"/>
    </row>
    <row r="38407" spans="44:44" ht="15.75" customHeight="1" x14ac:dyDescent="0.15">
      <c r="AR38407" s="9" ph="1"/>
    </row>
    <row r="38408" spans="44:44" ht="15.75" customHeight="1" x14ac:dyDescent="0.15">
      <c r="AR38408" s="9" ph="1"/>
    </row>
    <row r="38409" spans="44:44" ht="15.75" customHeight="1" x14ac:dyDescent="0.15">
      <c r="AR38409" s="9" ph="1"/>
    </row>
    <row r="38410" spans="44:44" ht="15.75" customHeight="1" x14ac:dyDescent="0.15">
      <c r="AR38410" s="9" ph="1"/>
    </row>
    <row r="38411" spans="44:44" ht="15.75" customHeight="1" x14ac:dyDescent="0.15">
      <c r="AR38411" s="9" ph="1"/>
    </row>
    <row r="38412" spans="44:44" ht="15.75" customHeight="1" x14ac:dyDescent="0.15">
      <c r="AR38412" s="9" ph="1"/>
    </row>
    <row r="38413" spans="44:44" ht="15.75" customHeight="1" x14ac:dyDescent="0.15">
      <c r="AR38413" s="9" ph="1"/>
    </row>
    <row r="38414" spans="44:44" ht="15.75" customHeight="1" x14ac:dyDescent="0.15">
      <c r="AR38414" s="9" ph="1"/>
    </row>
    <row r="38415" spans="44:44" ht="15.75" customHeight="1" x14ac:dyDescent="0.15">
      <c r="AR38415" s="9" ph="1"/>
    </row>
    <row r="38416" spans="44:44" ht="15.75" customHeight="1" x14ac:dyDescent="0.15">
      <c r="AR38416" s="9" ph="1"/>
    </row>
    <row r="38417" spans="44:44" ht="15.75" customHeight="1" x14ac:dyDescent="0.15">
      <c r="AR38417" s="9" ph="1"/>
    </row>
    <row r="38418" spans="44:44" ht="15.75" customHeight="1" x14ac:dyDescent="0.15">
      <c r="AR38418" s="9" ph="1"/>
    </row>
    <row r="38419" spans="44:44" ht="15.75" customHeight="1" x14ac:dyDescent="0.15">
      <c r="AR38419" s="9" ph="1"/>
    </row>
    <row r="38420" spans="44:44" ht="15.75" customHeight="1" x14ac:dyDescent="0.15">
      <c r="AR38420" s="9" ph="1"/>
    </row>
    <row r="38421" spans="44:44" ht="15.75" customHeight="1" x14ac:dyDescent="0.15">
      <c r="AR38421" s="9" ph="1"/>
    </row>
    <row r="38422" spans="44:44" ht="15.75" customHeight="1" x14ac:dyDescent="0.15">
      <c r="AR38422" s="9" ph="1"/>
    </row>
    <row r="38423" spans="44:44" ht="15.75" customHeight="1" x14ac:dyDescent="0.15">
      <c r="AR38423" s="9" ph="1"/>
    </row>
    <row r="38424" spans="44:44" ht="15.75" customHeight="1" x14ac:dyDescent="0.15">
      <c r="AR38424" s="9" ph="1"/>
    </row>
    <row r="38425" spans="44:44" ht="15.75" customHeight="1" x14ac:dyDescent="0.15">
      <c r="AR38425" s="9" ph="1"/>
    </row>
    <row r="38426" spans="44:44" ht="15.75" customHeight="1" x14ac:dyDescent="0.15">
      <c r="AR38426" s="9" ph="1"/>
    </row>
    <row r="38427" spans="44:44" ht="15.75" customHeight="1" x14ac:dyDescent="0.15">
      <c r="AR38427" s="9" ph="1"/>
    </row>
    <row r="38428" spans="44:44" ht="15.75" customHeight="1" x14ac:dyDescent="0.15">
      <c r="AR38428" s="9" ph="1"/>
    </row>
    <row r="38429" spans="44:44" ht="15.75" customHeight="1" x14ac:dyDescent="0.15">
      <c r="AR38429" s="9" ph="1"/>
    </row>
    <row r="38430" spans="44:44" ht="15.75" customHeight="1" x14ac:dyDescent="0.15">
      <c r="AR38430" s="9" ph="1"/>
    </row>
    <row r="38431" spans="44:44" ht="15.75" customHeight="1" x14ac:dyDescent="0.15">
      <c r="AR38431" s="9" ph="1"/>
    </row>
    <row r="38432" spans="44:44" ht="15.75" customHeight="1" x14ac:dyDescent="0.15">
      <c r="AR38432" s="9" ph="1"/>
    </row>
    <row r="38433" spans="44:44" ht="15.75" customHeight="1" x14ac:dyDescent="0.15">
      <c r="AR38433" s="9" ph="1"/>
    </row>
    <row r="38434" spans="44:44" ht="15.75" customHeight="1" x14ac:dyDescent="0.15">
      <c r="AR38434" s="9" ph="1"/>
    </row>
    <row r="38435" spans="44:44" ht="15.75" customHeight="1" x14ac:dyDescent="0.15">
      <c r="AR38435" s="9" ph="1"/>
    </row>
    <row r="38437" spans="44:44" ht="15.75" customHeight="1" x14ac:dyDescent="0.15">
      <c r="AR38437" s="9" ph="1"/>
    </row>
    <row r="38438" spans="44:44" ht="15.75" customHeight="1" x14ac:dyDescent="0.15">
      <c r="AR38438" s="9" ph="1"/>
    </row>
    <row r="38439" spans="44:44" ht="15.75" customHeight="1" x14ac:dyDescent="0.15">
      <c r="AR38439" s="9" ph="1"/>
    </row>
    <row r="38441" spans="44:44" ht="15.75" customHeight="1" x14ac:dyDescent="0.15">
      <c r="AR38441" s="9" ph="1"/>
    </row>
    <row r="38442" spans="44:44" ht="15.75" customHeight="1" x14ac:dyDescent="0.15">
      <c r="AR38442" s="9" ph="1"/>
    </row>
    <row r="38443" spans="44:44" ht="15.75" customHeight="1" x14ac:dyDescent="0.15">
      <c r="AR38443" s="9" ph="1"/>
    </row>
    <row r="38444" spans="44:44" ht="15.75" customHeight="1" x14ac:dyDescent="0.15">
      <c r="AR38444" s="9" ph="1"/>
    </row>
    <row r="38445" spans="44:44" ht="15.75" customHeight="1" x14ac:dyDescent="0.15">
      <c r="AR38445" s="9" ph="1"/>
    </row>
    <row r="38446" spans="44:44" ht="15.75" customHeight="1" x14ac:dyDescent="0.15">
      <c r="AR38446" s="9" ph="1"/>
    </row>
    <row r="38447" spans="44:44" ht="15.75" customHeight="1" x14ac:dyDescent="0.15">
      <c r="AR38447" s="9" ph="1"/>
    </row>
    <row r="38448" spans="44:44" ht="15.75" customHeight="1" x14ac:dyDescent="0.15">
      <c r="AR38448" s="9" ph="1"/>
    </row>
    <row r="38449" spans="44:44" ht="15.75" customHeight="1" x14ac:dyDescent="0.15">
      <c r="AR38449" s="9" ph="1"/>
    </row>
    <row r="38450" spans="44:44" ht="15.75" customHeight="1" x14ac:dyDescent="0.15">
      <c r="AR38450" s="9" ph="1"/>
    </row>
    <row r="38451" spans="44:44" ht="15.75" customHeight="1" x14ac:dyDescent="0.15">
      <c r="AR38451" s="9" ph="1"/>
    </row>
    <row r="38452" spans="44:44" ht="15.75" customHeight="1" x14ac:dyDescent="0.15">
      <c r="AR38452" s="9" ph="1"/>
    </row>
    <row r="38453" spans="44:44" ht="15.75" customHeight="1" x14ac:dyDescent="0.15">
      <c r="AR38453" s="9" ph="1"/>
    </row>
    <row r="38454" spans="44:44" ht="15.75" customHeight="1" x14ac:dyDescent="0.15">
      <c r="AR38454" s="9" ph="1"/>
    </row>
    <row r="38455" spans="44:44" ht="15.75" customHeight="1" x14ac:dyDescent="0.15">
      <c r="AR38455" s="9" ph="1"/>
    </row>
    <row r="38456" spans="44:44" ht="15.75" customHeight="1" x14ac:dyDescent="0.15">
      <c r="AR38456" s="9" ph="1"/>
    </row>
    <row r="38458" spans="44:44" ht="15.75" customHeight="1" x14ac:dyDescent="0.15">
      <c r="AR38458" s="9" ph="1"/>
    </row>
    <row r="38459" spans="44:44" ht="15.75" customHeight="1" x14ac:dyDescent="0.15">
      <c r="AR38459" s="9" ph="1"/>
    </row>
    <row r="38460" spans="44:44" ht="15.75" customHeight="1" x14ac:dyDescent="0.15">
      <c r="AR38460" s="9" ph="1"/>
    </row>
    <row r="38462" spans="44:44" ht="15.75" customHeight="1" x14ac:dyDescent="0.15">
      <c r="AR38462" s="9" ph="1"/>
    </row>
    <row r="38463" spans="44:44" ht="15.75" customHeight="1" x14ac:dyDescent="0.15">
      <c r="AR38463" s="9" ph="1"/>
    </row>
    <row r="38464" spans="44:44" ht="15.75" customHeight="1" x14ac:dyDescent="0.15">
      <c r="AR38464" s="9" ph="1"/>
    </row>
    <row r="38465" spans="44:44" ht="15.75" customHeight="1" x14ac:dyDescent="0.15">
      <c r="AR38465" s="9" ph="1"/>
    </row>
    <row r="38466" spans="44:44" ht="15.75" customHeight="1" x14ac:dyDescent="0.15">
      <c r="AR38466" s="9" ph="1"/>
    </row>
    <row r="38467" spans="44:44" ht="15.75" customHeight="1" x14ac:dyDescent="0.15">
      <c r="AR38467" s="9" ph="1"/>
    </row>
    <row r="38468" spans="44:44" ht="15.75" customHeight="1" x14ac:dyDescent="0.15">
      <c r="AR38468" s="9" ph="1"/>
    </row>
    <row r="38469" spans="44:44" ht="15.75" customHeight="1" x14ac:dyDescent="0.15">
      <c r="AR38469" s="9" ph="1"/>
    </row>
    <row r="38471" spans="44:44" ht="15.75" customHeight="1" x14ac:dyDescent="0.15">
      <c r="AR38471" s="9" ph="1"/>
    </row>
    <row r="38472" spans="44:44" ht="15.75" customHeight="1" x14ac:dyDescent="0.15">
      <c r="AR38472" s="9" ph="1"/>
    </row>
    <row r="38473" spans="44:44" ht="15.75" customHeight="1" x14ac:dyDescent="0.15">
      <c r="AR38473" s="9" ph="1"/>
    </row>
    <row r="38474" spans="44:44" ht="15.75" customHeight="1" x14ac:dyDescent="0.15">
      <c r="AR38474" s="9" ph="1"/>
    </row>
    <row r="38475" spans="44:44" ht="15.75" customHeight="1" x14ac:dyDescent="0.15">
      <c r="AR38475" s="9" ph="1"/>
    </row>
    <row r="38476" spans="44:44" ht="15.75" customHeight="1" x14ac:dyDescent="0.15">
      <c r="AR38476" s="9" ph="1"/>
    </row>
    <row r="38477" spans="44:44" ht="15.75" customHeight="1" x14ac:dyDescent="0.15">
      <c r="AR38477" s="9" ph="1"/>
    </row>
    <row r="38478" spans="44:44" ht="15.75" customHeight="1" x14ac:dyDescent="0.15">
      <c r="AR38478" s="9" ph="1"/>
    </row>
    <row r="38480" spans="44:44" ht="15.75" customHeight="1" x14ac:dyDescent="0.15">
      <c r="AR38480" s="9" ph="1"/>
    </row>
    <row r="38481" spans="44:44" ht="15.75" customHeight="1" x14ac:dyDescent="0.15">
      <c r="AR38481" s="9" ph="1"/>
    </row>
    <row r="38482" spans="44:44" ht="15.75" customHeight="1" x14ac:dyDescent="0.15">
      <c r="AR38482" s="9" ph="1"/>
    </row>
    <row r="38483" spans="44:44" ht="15.75" customHeight="1" x14ac:dyDescent="0.15">
      <c r="AR38483" s="9" ph="1"/>
    </row>
    <row r="38484" spans="44:44" ht="15.75" customHeight="1" x14ac:dyDescent="0.15">
      <c r="AR38484" s="9" ph="1"/>
    </row>
    <row r="38485" spans="44:44" ht="15.75" customHeight="1" x14ac:dyDescent="0.15">
      <c r="AR38485" s="9" ph="1"/>
    </row>
    <row r="38487" spans="44:44" ht="15.75" customHeight="1" x14ac:dyDescent="0.15">
      <c r="AR38487" s="9" ph="1"/>
    </row>
    <row r="38488" spans="44:44" ht="15.75" customHeight="1" x14ac:dyDescent="0.15">
      <c r="AR38488" s="9" ph="1"/>
    </row>
    <row r="38489" spans="44:44" ht="15.75" customHeight="1" x14ac:dyDescent="0.15">
      <c r="AR38489" s="9" ph="1"/>
    </row>
    <row r="38490" spans="44:44" ht="15.75" customHeight="1" x14ac:dyDescent="0.15">
      <c r="AR38490" s="9" ph="1"/>
    </row>
    <row r="38491" spans="44:44" ht="15.75" customHeight="1" x14ac:dyDescent="0.15">
      <c r="AR38491" s="9" ph="1"/>
    </row>
    <row r="38492" spans="44:44" ht="15.75" customHeight="1" x14ac:dyDescent="0.15">
      <c r="AR38492" s="9" ph="1"/>
    </row>
    <row r="38493" spans="44:44" ht="15.75" customHeight="1" x14ac:dyDescent="0.15">
      <c r="AR38493" s="9" ph="1"/>
    </row>
    <row r="38494" spans="44:44" ht="15.75" customHeight="1" x14ac:dyDescent="0.15">
      <c r="AR38494" s="9" ph="1"/>
    </row>
    <row r="38495" spans="44:44" ht="15.75" customHeight="1" x14ac:dyDescent="0.15">
      <c r="AR38495" s="9" ph="1"/>
    </row>
    <row r="38496" spans="44:44" ht="15.75" customHeight="1" x14ac:dyDescent="0.15">
      <c r="AR38496" s="9" ph="1"/>
    </row>
    <row r="38497" spans="44:44" ht="15.75" customHeight="1" x14ac:dyDescent="0.15">
      <c r="AR38497" s="9" ph="1"/>
    </row>
    <row r="38498" spans="44:44" ht="15.75" customHeight="1" x14ac:dyDescent="0.15">
      <c r="AR38498" s="9" ph="1"/>
    </row>
    <row r="38499" spans="44:44" ht="15.75" customHeight="1" x14ac:dyDescent="0.15">
      <c r="AR38499" s="9" ph="1"/>
    </row>
    <row r="38500" spans="44:44" ht="15.75" customHeight="1" x14ac:dyDescent="0.15">
      <c r="AR38500" s="9" ph="1"/>
    </row>
    <row r="38501" spans="44:44" ht="15.75" customHeight="1" x14ac:dyDescent="0.15">
      <c r="AR38501" s="9" ph="1"/>
    </row>
    <row r="38503" spans="44:44" ht="15.75" customHeight="1" x14ac:dyDescent="0.15">
      <c r="AR38503" s="9" ph="1"/>
    </row>
    <row r="38504" spans="44:44" ht="15.75" customHeight="1" x14ac:dyDescent="0.15">
      <c r="AR38504" s="9" ph="1"/>
    </row>
    <row r="38505" spans="44:44" ht="15.75" customHeight="1" x14ac:dyDescent="0.15">
      <c r="AR38505" s="9" ph="1"/>
    </row>
    <row r="38507" spans="44:44" ht="15.75" customHeight="1" x14ac:dyDescent="0.15">
      <c r="AR38507" s="9" ph="1"/>
    </row>
    <row r="38508" spans="44:44" ht="15.75" customHeight="1" x14ac:dyDescent="0.15">
      <c r="AR38508" s="9" ph="1"/>
    </row>
    <row r="38509" spans="44:44" ht="15.75" customHeight="1" x14ac:dyDescent="0.15">
      <c r="AR38509" s="9" ph="1"/>
    </row>
    <row r="38510" spans="44:44" ht="15.75" customHeight="1" x14ac:dyDescent="0.15">
      <c r="AR38510" s="9" ph="1"/>
    </row>
    <row r="38511" spans="44:44" ht="15.75" customHeight="1" x14ac:dyDescent="0.15">
      <c r="AR38511" s="9" ph="1"/>
    </row>
    <row r="38512" spans="44:44" ht="15.75" customHeight="1" x14ac:dyDescent="0.15">
      <c r="AR38512" s="9" ph="1"/>
    </row>
    <row r="38513" spans="44:44" ht="15.75" customHeight="1" x14ac:dyDescent="0.15">
      <c r="AR38513" s="9" ph="1"/>
    </row>
    <row r="38514" spans="44:44" ht="15.75" customHeight="1" x14ac:dyDescent="0.15">
      <c r="AR38514" s="9" ph="1"/>
    </row>
    <row r="38516" spans="44:44" ht="15.75" customHeight="1" x14ac:dyDescent="0.15">
      <c r="AR38516" s="9" ph="1"/>
    </row>
    <row r="38517" spans="44:44" ht="15.75" customHeight="1" x14ac:dyDescent="0.15">
      <c r="AR38517" s="9" ph="1"/>
    </row>
    <row r="38518" spans="44:44" ht="15.75" customHeight="1" x14ac:dyDescent="0.15">
      <c r="AR38518" s="9" ph="1"/>
    </row>
    <row r="38519" spans="44:44" ht="15.75" customHeight="1" x14ac:dyDescent="0.15">
      <c r="AR38519" s="9" ph="1"/>
    </row>
    <row r="38520" spans="44:44" ht="15.75" customHeight="1" x14ac:dyDescent="0.15">
      <c r="AR38520" s="9" ph="1"/>
    </row>
    <row r="38521" spans="44:44" ht="15.75" customHeight="1" x14ac:dyDescent="0.15">
      <c r="AR38521" s="9" ph="1"/>
    </row>
    <row r="38522" spans="44:44" ht="15.75" customHeight="1" x14ac:dyDescent="0.15">
      <c r="AR38522" s="9" ph="1"/>
    </row>
    <row r="38523" spans="44:44" ht="15.75" customHeight="1" x14ac:dyDescent="0.15">
      <c r="AR38523" s="9" ph="1"/>
    </row>
    <row r="38525" spans="44:44" ht="15.75" customHeight="1" x14ac:dyDescent="0.15">
      <c r="AR38525" s="9" ph="1"/>
    </row>
    <row r="38526" spans="44:44" ht="15.75" customHeight="1" x14ac:dyDescent="0.15">
      <c r="AR38526" s="9" ph="1"/>
    </row>
    <row r="38527" spans="44:44" ht="15.75" customHeight="1" x14ac:dyDescent="0.15">
      <c r="AR38527" s="9" ph="1"/>
    </row>
    <row r="38528" spans="44:44" ht="15.75" customHeight="1" x14ac:dyDescent="0.15">
      <c r="AR38528" s="9" ph="1"/>
    </row>
    <row r="38529" spans="44:44" ht="15.75" customHeight="1" x14ac:dyDescent="0.15">
      <c r="AR38529" s="9" ph="1"/>
    </row>
    <row r="38530" spans="44:44" ht="15.75" customHeight="1" x14ac:dyDescent="0.15">
      <c r="AR38530" s="9" ph="1"/>
    </row>
    <row r="38532" spans="44:44" ht="15.75" customHeight="1" x14ac:dyDescent="0.15">
      <c r="AR38532" s="9" ph="1"/>
    </row>
    <row r="38533" spans="44:44" ht="15.75" customHeight="1" x14ac:dyDescent="0.15">
      <c r="AR38533" s="9" ph="1"/>
    </row>
    <row r="38534" spans="44:44" ht="15.75" customHeight="1" x14ac:dyDescent="0.15">
      <c r="AR38534" s="9" ph="1"/>
    </row>
    <row r="38535" spans="44:44" ht="15.75" customHeight="1" x14ac:dyDescent="0.15">
      <c r="AR38535" s="9" ph="1"/>
    </row>
    <row r="38536" spans="44:44" ht="15.75" customHeight="1" x14ac:dyDescent="0.15">
      <c r="AR38536" s="9" ph="1"/>
    </row>
    <row r="38537" spans="44:44" ht="15.75" customHeight="1" x14ac:dyDescent="0.15">
      <c r="AR38537" s="9" ph="1"/>
    </row>
    <row r="38538" spans="44:44" ht="15.75" customHeight="1" x14ac:dyDescent="0.15">
      <c r="AR38538" s="9" ph="1"/>
    </row>
    <row r="38539" spans="44:44" ht="15.75" customHeight="1" x14ac:dyDescent="0.15">
      <c r="AR38539" s="9" ph="1"/>
    </row>
    <row r="38540" spans="44:44" ht="15.75" customHeight="1" x14ac:dyDescent="0.15">
      <c r="AR38540" s="9" ph="1"/>
    </row>
    <row r="38541" spans="44:44" ht="15.75" customHeight="1" x14ac:dyDescent="0.15">
      <c r="AR38541" s="9" ph="1"/>
    </row>
    <row r="38542" spans="44:44" ht="15.75" customHeight="1" x14ac:dyDescent="0.15">
      <c r="AR38542" s="9" ph="1"/>
    </row>
    <row r="38543" spans="44:44" ht="15.75" customHeight="1" x14ac:dyDescent="0.15">
      <c r="AR38543" s="9" ph="1"/>
    </row>
    <row r="38545" spans="44:44" ht="15.75" customHeight="1" x14ac:dyDescent="0.15">
      <c r="AR38545" s="9" ph="1"/>
    </row>
    <row r="38546" spans="44:44" ht="15.75" customHeight="1" x14ac:dyDescent="0.15">
      <c r="AR38546" s="9" ph="1"/>
    </row>
    <row r="38547" spans="44:44" ht="15.75" customHeight="1" x14ac:dyDescent="0.15">
      <c r="AR38547" s="9" ph="1"/>
    </row>
    <row r="38549" spans="44:44" ht="15.75" customHeight="1" x14ac:dyDescent="0.15">
      <c r="AR38549" s="9" ph="1"/>
    </row>
    <row r="38550" spans="44:44" ht="15.75" customHeight="1" x14ac:dyDescent="0.15">
      <c r="AR38550" s="9" ph="1"/>
    </row>
    <row r="38551" spans="44:44" ht="15.75" customHeight="1" x14ac:dyDescent="0.15">
      <c r="AR38551" s="9" ph="1"/>
    </row>
    <row r="38552" spans="44:44" ht="15.75" customHeight="1" x14ac:dyDescent="0.15">
      <c r="AR38552" s="9" ph="1"/>
    </row>
    <row r="38553" spans="44:44" ht="15.75" customHeight="1" x14ac:dyDescent="0.15">
      <c r="AR38553" s="9" ph="1"/>
    </row>
    <row r="38554" spans="44:44" ht="15.75" customHeight="1" x14ac:dyDescent="0.15">
      <c r="AR38554" s="9" ph="1"/>
    </row>
    <row r="38555" spans="44:44" ht="15.75" customHeight="1" x14ac:dyDescent="0.15">
      <c r="AR38555" s="9" ph="1"/>
    </row>
    <row r="38556" spans="44:44" ht="15.75" customHeight="1" x14ac:dyDescent="0.15">
      <c r="AR38556" s="9" ph="1"/>
    </row>
    <row r="38558" spans="44:44" ht="15.75" customHeight="1" x14ac:dyDescent="0.15">
      <c r="AR38558" s="9" ph="1"/>
    </row>
    <row r="38559" spans="44:44" ht="15.75" customHeight="1" x14ac:dyDescent="0.15">
      <c r="AR38559" s="9" ph="1"/>
    </row>
    <row r="38560" spans="44:44" ht="15.75" customHeight="1" x14ac:dyDescent="0.15">
      <c r="AR38560" s="9" ph="1"/>
    </row>
    <row r="38561" spans="44:44" ht="15.75" customHeight="1" x14ac:dyDescent="0.15">
      <c r="AR38561" s="9" ph="1"/>
    </row>
    <row r="38562" spans="44:44" ht="15.75" customHeight="1" x14ac:dyDescent="0.15">
      <c r="AR38562" s="9" ph="1"/>
    </row>
    <row r="38563" spans="44:44" ht="15.75" customHeight="1" x14ac:dyDescent="0.15">
      <c r="AR38563" s="9" ph="1"/>
    </row>
    <row r="38564" spans="44:44" ht="15.75" customHeight="1" x14ac:dyDescent="0.15">
      <c r="AR38564" s="9" ph="1"/>
    </row>
    <row r="38565" spans="44:44" ht="15.75" customHeight="1" x14ac:dyDescent="0.15">
      <c r="AR38565" s="9" ph="1"/>
    </row>
    <row r="38567" spans="44:44" ht="15.75" customHeight="1" x14ac:dyDescent="0.15">
      <c r="AR38567" s="9" ph="1"/>
    </row>
    <row r="38568" spans="44:44" ht="15.75" customHeight="1" x14ac:dyDescent="0.15">
      <c r="AR38568" s="9" ph="1"/>
    </row>
    <row r="38569" spans="44:44" ht="15.75" customHeight="1" x14ac:dyDescent="0.15">
      <c r="AR38569" s="9" ph="1"/>
    </row>
    <row r="38570" spans="44:44" ht="15.75" customHeight="1" x14ac:dyDescent="0.15">
      <c r="AR38570" s="9" ph="1"/>
    </row>
    <row r="38571" spans="44:44" ht="15.75" customHeight="1" x14ac:dyDescent="0.15">
      <c r="AR38571" s="9" ph="1"/>
    </row>
    <row r="38572" spans="44:44" ht="15.75" customHeight="1" x14ac:dyDescent="0.15">
      <c r="AR38572" s="9" ph="1"/>
    </row>
    <row r="38574" spans="44:44" ht="15.75" customHeight="1" x14ac:dyDescent="0.15">
      <c r="AR38574" s="9" ph="1"/>
    </row>
    <row r="38575" spans="44:44" ht="15.75" customHeight="1" x14ac:dyDescent="0.15">
      <c r="AR38575" s="9" ph="1"/>
    </row>
    <row r="38576" spans="44:44" ht="15.75" customHeight="1" x14ac:dyDescent="0.15">
      <c r="AR38576" s="9" ph="1"/>
    </row>
    <row r="38577" spans="44:44" ht="15.75" customHeight="1" x14ac:dyDescent="0.15">
      <c r="AR38577" s="9" ph="1"/>
    </row>
    <row r="38578" spans="44:44" ht="15.75" customHeight="1" x14ac:dyDescent="0.15">
      <c r="AR38578" s="9" ph="1"/>
    </row>
    <row r="38579" spans="44:44" ht="15.75" customHeight="1" x14ac:dyDescent="0.15">
      <c r="AR38579" s="9" ph="1"/>
    </row>
    <row r="38580" spans="44:44" ht="15.75" customHeight="1" x14ac:dyDescent="0.15">
      <c r="AR38580" s="9" ph="1"/>
    </row>
    <row r="38581" spans="44:44" ht="15.75" customHeight="1" x14ac:dyDescent="0.15">
      <c r="AR38581" s="9" ph="1"/>
    </row>
    <row r="38582" spans="44:44" ht="15.75" customHeight="1" x14ac:dyDescent="0.15">
      <c r="AR38582" s="9" ph="1"/>
    </row>
    <row r="38583" spans="44:44" ht="15.75" customHeight="1" x14ac:dyDescent="0.15">
      <c r="AR38583" s="9" ph="1"/>
    </row>
    <row r="38585" spans="44:44" ht="15.75" customHeight="1" x14ac:dyDescent="0.15">
      <c r="AR38585" s="9" ph="1"/>
    </row>
    <row r="38586" spans="44:44" ht="15.75" customHeight="1" x14ac:dyDescent="0.15">
      <c r="AR38586" s="9" ph="1"/>
    </row>
    <row r="38587" spans="44:44" ht="15.75" customHeight="1" x14ac:dyDescent="0.15">
      <c r="AR38587" s="9" ph="1"/>
    </row>
    <row r="38588" spans="44:44" ht="15.75" customHeight="1" x14ac:dyDescent="0.15">
      <c r="AR38588" s="9" ph="1"/>
    </row>
    <row r="38589" spans="44:44" ht="15.75" customHeight="1" x14ac:dyDescent="0.15">
      <c r="AR38589" s="9" ph="1"/>
    </row>
    <row r="38590" spans="44:44" ht="15.75" customHeight="1" x14ac:dyDescent="0.15">
      <c r="AR38590" s="9" ph="1"/>
    </row>
    <row r="38591" spans="44:44" ht="15.75" customHeight="1" x14ac:dyDescent="0.15">
      <c r="AR38591" s="9" ph="1"/>
    </row>
    <row r="38592" spans="44:44" ht="15.75" customHeight="1" x14ac:dyDescent="0.15">
      <c r="AR38592" s="9" ph="1"/>
    </row>
    <row r="38593" spans="44:44" ht="15.75" customHeight="1" x14ac:dyDescent="0.15">
      <c r="AR38593" s="9" ph="1"/>
    </row>
    <row r="38594" spans="44:44" ht="15.75" customHeight="1" x14ac:dyDescent="0.15">
      <c r="AR38594" s="9" ph="1"/>
    </row>
    <row r="38595" spans="44:44" ht="15.75" customHeight="1" x14ac:dyDescent="0.15">
      <c r="AR38595" s="9" ph="1"/>
    </row>
    <row r="38596" spans="44:44" ht="15.75" customHeight="1" x14ac:dyDescent="0.15">
      <c r="AR38596" s="9" ph="1"/>
    </row>
    <row r="38598" spans="44:44" ht="15.75" customHeight="1" x14ac:dyDescent="0.15">
      <c r="AR38598" s="9" ph="1"/>
    </row>
    <row r="38599" spans="44:44" ht="15.75" customHeight="1" x14ac:dyDescent="0.15">
      <c r="AR38599" s="9" ph="1"/>
    </row>
    <row r="38600" spans="44:44" ht="15.75" customHeight="1" x14ac:dyDescent="0.15">
      <c r="AR38600" s="9" ph="1"/>
    </row>
    <row r="38602" spans="44:44" ht="15.75" customHeight="1" x14ac:dyDescent="0.15">
      <c r="AR38602" s="9" ph="1"/>
    </row>
    <row r="38603" spans="44:44" ht="15.75" customHeight="1" x14ac:dyDescent="0.15">
      <c r="AR38603" s="9" ph="1"/>
    </row>
    <row r="38604" spans="44:44" ht="15.75" customHeight="1" x14ac:dyDescent="0.15">
      <c r="AR38604" s="9" ph="1"/>
    </row>
    <row r="38605" spans="44:44" ht="15.75" customHeight="1" x14ac:dyDescent="0.15">
      <c r="AR38605" s="9" ph="1"/>
    </row>
    <row r="38606" spans="44:44" ht="15.75" customHeight="1" x14ac:dyDescent="0.15">
      <c r="AR38606" s="9" ph="1"/>
    </row>
    <row r="38607" spans="44:44" ht="15.75" customHeight="1" x14ac:dyDescent="0.15">
      <c r="AR38607" s="9" ph="1"/>
    </row>
    <row r="38608" spans="44:44" ht="15.75" customHeight="1" x14ac:dyDescent="0.15">
      <c r="AR38608" s="9" ph="1"/>
    </row>
    <row r="38609" spans="44:44" ht="15.75" customHeight="1" x14ac:dyDescent="0.15">
      <c r="AR38609" s="9" ph="1"/>
    </row>
    <row r="38611" spans="44:44" ht="15.75" customHeight="1" x14ac:dyDescent="0.15">
      <c r="AR38611" s="9" ph="1"/>
    </row>
    <row r="38612" spans="44:44" ht="15.75" customHeight="1" x14ac:dyDescent="0.15">
      <c r="AR38612" s="9" ph="1"/>
    </row>
    <row r="38613" spans="44:44" ht="15.75" customHeight="1" x14ac:dyDescent="0.15">
      <c r="AR38613" s="9" ph="1"/>
    </row>
    <row r="38614" spans="44:44" ht="15.75" customHeight="1" x14ac:dyDescent="0.15">
      <c r="AR38614" s="9" ph="1"/>
    </row>
    <row r="38615" spans="44:44" ht="15.75" customHeight="1" x14ac:dyDescent="0.15">
      <c r="AR38615" s="9" ph="1"/>
    </row>
    <row r="38616" spans="44:44" ht="15.75" customHeight="1" x14ac:dyDescent="0.15">
      <c r="AR38616" s="9" ph="1"/>
    </row>
    <row r="38617" spans="44:44" ht="15.75" customHeight="1" x14ac:dyDescent="0.15">
      <c r="AR38617" s="9" ph="1"/>
    </row>
    <row r="38618" spans="44:44" ht="15.75" customHeight="1" x14ac:dyDescent="0.15">
      <c r="AR38618" s="9" ph="1"/>
    </row>
    <row r="38620" spans="44:44" ht="15.75" customHeight="1" x14ac:dyDescent="0.15">
      <c r="AR38620" s="9" ph="1"/>
    </row>
    <row r="38621" spans="44:44" ht="15.75" customHeight="1" x14ac:dyDescent="0.15">
      <c r="AR38621" s="9" ph="1"/>
    </row>
    <row r="38622" spans="44:44" ht="15.75" customHeight="1" x14ac:dyDescent="0.15">
      <c r="AR38622" s="9" ph="1"/>
    </row>
    <row r="38623" spans="44:44" ht="15.75" customHeight="1" x14ac:dyDescent="0.15">
      <c r="AR38623" s="9" ph="1"/>
    </row>
    <row r="38624" spans="44:44" ht="15.75" customHeight="1" x14ac:dyDescent="0.15">
      <c r="AR38624" s="9" ph="1"/>
    </row>
    <row r="38625" spans="44:44" ht="15.75" customHeight="1" x14ac:dyDescent="0.15">
      <c r="AR38625" s="9" ph="1"/>
    </row>
    <row r="38627" spans="44:44" ht="15.75" customHeight="1" x14ac:dyDescent="0.15">
      <c r="AR38627" s="9" ph="1"/>
    </row>
    <row r="38628" spans="44:44" ht="15.75" customHeight="1" x14ac:dyDescent="0.15">
      <c r="AR38628" s="9" ph="1"/>
    </row>
    <row r="38629" spans="44:44" ht="15.75" customHeight="1" x14ac:dyDescent="0.15">
      <c r="AR38629" s="9" ph="1"/>
    </row>
    <row r="38630" spans="44:44" ht="15.75" customHeight="1" x14ac:dyDescent="0.15">
      <c r="AR38630" s="9" ph="1"/>
    </row>
    <row r="38631" spans="44:44" ht="15.75" customHeight="1" x14ac:dyDescent="0.15">
      <c r="AR38631" s="9" ph="1"/>
    </row>
    <row r="38632" spans="44:44" ht="15.75" customHeight="1" x14ac:dyDescent="0.15">
      <c r="AR38632" s="9" ph="1"/>
    </row>
    <row r="38633" spans="44:44" ht="15.75" customHeight="1" x14ac:dyDescent="0.15">
      <c r="AR38633" s="9" ph="1"/>
    </row>
    <row r="38634" spans="44:44" ht="15.75" customHeight="1" x14ac:dyDescent="0.15">
      <c r="AR38634" s="9" ph="1"/>
    </row>
    <row r="38635" spans="44:44" ht="15.75" customHeight="1" x14ac:dyDescent="0.15">
      <c r="AR38635" s="9" ph="1"/>
    </row>
    <row r="38636" spans="44:44" ht="15.75" customHeight="1" x14ac:dyDescent="0.15">
      <c r="AR38636" s="9" ph="1"/>
    </row>
    <row r="38637" spans="44:44" ht="15.75" customHeight="1" x14ac:dyDescent="0.15">
      <c r="AR38637" s="9" ph="1"/>
    </row>
    <row r="38638" spans="44:44" ht="15.75" customHeight="1" x14ac:dyDescent="0.15">
      <c r="AR38638" s="9" ph="1"/>
    </row>
    <row r="38639" spans="44:44" ht="15.75" customHeight="1" x14ac:dyDescent="0.15">
      <c r="AR38639" s="9" ph="1"/>
    </row>
    <row r="38640" spans="44:44" ht="15.75" customHeight="1" x14ac:dyDescent="0.15">
      <c r="AR38640" s="9" ph="1"/>
    </row>
    <row r="38641" spans="44:44" ht="15.75" customHeight="1" x14ac:dyDescent="0.15">
      <c r="AR38641" s="9" ph="1"/>
    </row>
    <row r="38642" spans="44:44" ht="15.75" customHeight="1" x14ac:dyDescent="0.15">
      <c r="AR38642" s="9" ph="1"/>
    </row>
    <row r="38643" spans="44:44" ht="15.75" customHeight="1" x14ac:dyDescent="0.15">
      <c r="AR38643" s="9" ph="1"/>
    </row>
    <row r="38645" spans="44:44" ht="15.75" customHeight="1" x14ac:dyDescent="0.15">
      <c r="AR38645" s="9" ph="1"/>
    </row>
    <row r="38646" spans="44:44" ht="15.75" customHeight="1" x14ac:dyDescent="0.15">
      <c r="AR38646" s="9" ph="1"/>
    </row>
    <row r="38647" spans="44:44" ht="15.75" customHeight="1" x14ac:dyDescent="0.15">
      <c r="AR38647" s="9" ph="1"/>
    </row>
    <row r="38648" spans="44:44" ht="15.75" customHeight="1" x14ac:dyDescent="0.15">
      <c r="AR38648" s="9" ph="1"/>
    </row>
    <row r="38649" spans="44:44" ht="15.75" customHeight="1" x14ac:dyDescent="0.15">
      <c r="AR38649" s="9" ph="1"/>
    </row>
    <row r="38650" spans="44:44" ht="15.75" customHeight="1" x14ac:dyDescent="0.15">
      <c r="AR38650" s="9" ph="1"/>
    </row>
    <row r="38651" spans="44:44" ht="15.75" customHeight="1" x14ac:dyDescent="0.15">
      <c r="AR38651" s="9" ph="1"/>
    </row>
    <row r="38652" spans="44:44" ht="15.75" customHeight="1" x14ac:dyDescent="0.15">
      <c r="AR38652" s="9" ph="1"/>
    </row>
    <row r="38653" spans="44:44" ht="15.75" customHeight="1" x14ac:dyDescent="0.15">
      <c r="AR38653" s="9" ph="1"/>
    </row>
    <row r="38654" spans="44:44" ht="15.75" customHeight="1" x14ac:dyDescent="0.15">
      <c r="AR38654" s="9" ph="1"/>
    </row>
    <row r="38655" spans="44:44" ht="15.75" customHeight="1" x14ac:dyDescent="0.15">
      <c r="AR38655" s="9" ph="1"/>
    </row>
    <row r="38656" spans="44:44" ht="15.75" customHeight="1" x14ac:dyDescent="0.15">
      <c r="AR38656" s="9" ph="1"/>
    </row>
    <row r="38658" spans="44:44" ht="15.75" customHeight="1" x14ac:dyDescent="0.15">
      <c r="AR38658" s="9" ph="1"/>
    </row>
    <row r="38659" spans="44:44" ht="15.75" customHeight="1" x14ac:dyDescent="0.15">
      <c r="AR38659" s="9" ph="1"/>
    </row>
    <row r="38660" spans="44:44" ht="15.75" customHeight="1" x14ac:dyDescent="0.15">
      <c r="AR38660" s="9" ph="1"/>
    </row>
    <row r="38662" spans="44:44" ht="15.75" customHeight="1" x14ac:dyDescent="0.15">
      <c r="AR38662" s="9" ph="1"/>
    </row>
    <row r="38663" spans="44:44" ht="15.75" customHeight="1" x14ac:dyDescent="0.15">
      <c r="AR38663" s="9" ph="1"/>
    </row>
    <row r="38664" spans="44:44" ht="15.75" customHeight="1" x14ac:dyDescent="0.15">
      <c r="AR38664" s="9" ph="1"/>
    </row>
    <row r="38665" spans="44:44" ht="15.75" customHeight="1" x14ac:dyDescent="0.15">
      <c r="AR38665" s="9" ph="1"/>
    </row>
    <row r="38666" spans="44:44" ht="15.75" customHeight="1" x14ac:dyDescent="0.15">
      <c r="AR38666" s="9" ph="1"/>
    </row>
    <row r="38667" spans="44:44" ht="15.75" customHeight="1" x14ac:dyDescent="0.15">
      <c r="AR38667" s="9" ph="1"/>
    </row>
    <row r="38668" spans="44:44" ht="15.75" customHeight="1" x14ac:dyDescent="0.15">
      <c r="AR38668" s="9" ph="1"/>
    </row>
    <row r="38669" spans="44:44" ht="15.75" customHeight="1" x14ac:dyDescent="0.15">
      <c r="AR38669" s="9" ph="1"/>
    </row>
    <row r="38671" spans="44:44" ht="15.75" customHeight="1" x14ac:dyDescent="0.15">
      <c r="AR38671" s="9" ph="1"/>
    </row>
    <row r="38672" spans="44:44" ht="15.75" customHeight="1" x14ac:dyDescent="0.15">
      <c r="AR38672" s="9" ph="1"/>
    </row>
    <row r="38673" spans="44:44" ht="15.75" customHeight="1" x14ac:dyDescent="0.15">
      <c r="AR38673" s="9" ph="1"/>
    </row>
    <row r="38674" spans="44:44" ht="15.75" customHeight="1" x14ac:dyDescent="0.15">
      <c r="AR38674" s="9" ph="1"/>
    </row>
    <row r="38675" spans="44:44" ht="15.75" customHeight="1" x14ac:dyDescent="0.15">
      <c r="AR38675" s="9" ph="1"/>
    </row>
    <row r="38676" spans="44:44" ht="15.75" customHeight="1" x14ac:dyDescent="0.15">
      <c r="AR38676" s="9" ph="1"/>
    </row>
    <row r="38677" spans="44:44" ht="15.75" customHeight="1" x14ac:dyDescent="0.15">
      <c r="AR38677" s="9" ph="1"/>
    </row>
    <row r="38678" spans="44:44" ht="15.75" customHeight="1" x14ac:dyDescent="0.15">
      <c r="AR38678" s="9" ph="1"/>
    </row>
    <row r="38680" spans="44:44" ht="15.75" customHeight="1" x14ac:dyDescent="0.15">
      <c r="AR38680" s="9" ph="1"/>
    </row>
    <row r="38681" spans="44:44" ht="15.75" customHeight="1" x14ac:dyDescent="0.15">
      <c r="AR38681" s="9" ph="1"/>
    </row>
    <row r="38682" spans="44:44" ht="15.75" customHeight="1" x14ac:dyDescent="0.15">
      <c r="AR38682" s="9" ph="1"/>
    </row>
    <row r="38683" spans="44:44" ht="15.75" customHeight="1" x14ac:dyDescent="0.15">
      <c r="AR38683" s="9" ph="1"/>
    </row>
    <row r="38684" spans="44:44" ht="15.75" customHeight="1" x14ac:dyDescent="0.15">
      <c r="AR38684" s="9" ph="1"/>
    </row>
    <row r="38685" spans="44:44" ht="15.75" customHeight="1" x14ac:dyDescent="0.15">
      <c r="AR38685" s="9" ph="1"/>
    </row>
    <row r="38687" spans="44:44" ht="15.75" customHeight="1" x14ac:dyDescent="0.15">
      <c r="AR38687" s="9" ph="1"/>
    </row>
    <row r="38688" spans="44:44" ht="15.75" customHeight="1" x14ac:dyDescent="0.15">
      <c r="AR38688" s="9" ph="1"/>
    </row>
    <row r="38689" spans="44:44" ht="15.75" customHeight="1" x14ac:dyDescent="0.15">
      <c r="AR38689" s="9" ph="1"/>
    </row>
    <row r="38690" spans="44:44" ht="15.75" customHeight="1" x14ac:dyDescent="0.15">
      <c r="AR38690" s="9" ph="1"/>
    </row>
    <row r="38691" spans="44:44" ht="15.75" customHeight="1" x14ac:dyDescent="0.15">
      <c r="AR38691" s="9" ph="1"/>
    </row>
    <row r="38692" spans="44:44" ht="15.75" customHeight="1" x14ac:dyDescent="0.15">
      <c r="AR38692" s="9" ph="1"/>
    </row>
    <row r="38693" spans="44:44" ht="15.75" customHeight="1" x14ac:dyDescent="0.15">
      <c r="AR38693" s="9" ph="1"/>
    </row>
    <row r="38695" spans="44:44" ht="15.75" customHeight="1" x14ac:dyDescent="0.15">
      <c r="AR38695" s="9" ph="1"/>
    </row>
    <row r="38696" spans="44:44" ht="15.75" customHeight="1" x14ac:dyDescent="0.15">
      <c r="AR38696" s="9" ph="1"/>
    </row>
    <row r="38697" spans="44:44" ht="15.75" customHeight="1" x14ac:dyDescent="0.15">
      <c r="AR38697" s="9" ph="1"/>
    </row>
    <row r="38698" spans="44:44" ht="15.75" customHeight="1" x14ac:dyDescent="0.15">
      <c r="AR38698" s="9" ph="1"/>
    </row>
    <row r="38699" spans="44:44" ht="15.75" customHeight="1" x14ac:dyDescent="0.15">
      <c r="AR38699" s="9" ph="1"/>
    </row>
    <row r="38700" spans="44:44" ht="15.75" customHeight="1" x14ac:dyDescent="0.15">
      <c r="AR38700" s="9" ph="1"/>
    </row>
    <row r="38701" spans="44:44" ht="15.75" customHeight="1" x14ac:dyDescent="0.15">
      <c r="AR38701" s="9" ph="1"/>
    </row>
    <row r="38702" spans="44:44" ht="15.75" customHeight="1" x14ac:dyDescent="0.15">
      <c r="AR38702" s="9" ph="1"/>
    </row>
    <row r="38703" spans="44:44" ht="15.75" customHeight="1" x14ac:dyDescent="0.15">
      <c r="AR38703" s="9" ph="1"/>
    </row>
    <row r="38704" spans="44:44" ht="15.75" customHeight="1" x14ac:dyDescent="0.15">
      <c r="AR38704" s="9" ph="1"/>
    </row>
    <row r="38705" spans="44:44" ht="15.75" customHeight="1" x14ac:dyDescent="0.15">
      <c r="AR38705" s="9" ph="1"/>
    </row>
    <row r="38706" spans="44:44" ht="15.75" customHeight="1" x14ac:dyDescent="0.15">
      <c r="AR38706" s="9" ph="1"/>
    </row>
    <row r="38707" spans="44:44" ht="15.75" customHeight="1" x14ac:dyDescent="0.15">
      <c r="AR38707" s="9" ph="1"/>
    </row>
    <row r="38708" spans="44:44" ht="15.75" customHeight="1" x14ac:dyDescent="0.15">
      <c r="AR38708" s="9" ph="1"/>
    </row>
    <row r="38709" spans="44:44" ht="15.75" customHeight="1" x14ac:dyDescent="0.15">
      <c r="AR38709" s="9" ph="1"/>
    </row>
    <row r="38711" spans="44:44" ht="15.75" customHeight="1" x14ac:dyDescent="0.15">
      <c r="AR38711" s="9" ph="1"/>
    </row>
    <row r="38712" spans="44:44" ht="15.75" customHeight="1" x14ac:dyDescent="0.15">
      <c r="AR38712" s="9" ph="1"/>
    </row>
    <row r="38713" spans="44:44" ht="15.75" customHeight="1" x14ac:dyDescent="0.15">
      <c r="AR38713" s="9" ph="1"/>
    </row>
    <row r="38714" spans="44:44" ht="15.75" customHeight="1" x14ac:dyDescent="0.15">
      <c r="AR38714" s="9" ph="1"/>
    </row>
    <row r="38715" spans="44:44" ht="15.75" customHeight="1" x14ac:dyDescent="0.15">
      <c r="AR38715" s="9" ph="1"/>
    </row>
    <row r="38716" spans="44:44" ht="15.75" customHeight="1" x14ac:dyDescent="0.15">
      <c r="AR38716" s="9" ph="1"/>
    </row>
    <row r="38717" spans="44:44" ht="15.75" customHeight="1" x14ac:dyDescent="0.15">
      <c r="AR38717" s="9" ph="1"/>
    </row>
    <row r="38718" spans="44:44" ht="15.75" customHeight="1" x14ac:dyDescent="0.15">
      <c r="AR38718" s="9" ph="1"/>
    </row>
    <row r="38719" spans="44:44" ht="15.75" customHeight="1" x14ac:dyDescent="0.15">
      <c r="AR38719" s="9" ph="1"/>
    </row>
    <row r="38720" spans="44:44" ht="15.75" customHeight="1" x14ac:dyDescent="0.15">
      <c r="AR38720" s="9" ph="1"/>
    </row>
    <row r="38721" spans="44:44" ht="15.75" customHeight="1" x14ac:dyDescent="0.15">
      <c r="AR38721" s="9" ph="1"/>
    </row>
    <row r="38722" spans="44:44" ht="15.75" customHeight="1" x14ac:dyDescent="0.15">
      <c r="AR38722" s="9" ph="1"/>
    </row>
    <row r="38723" spans="44:44" ht="15.75" customHeight="1" x14ac:dyDescent="0.15">
      <c r="AR38723" s="9" ph="1"/>
    </row>
    <row r="38724" spans="44:44" ht="15.75" customHeight="1" x14ac:dyDescent="0.15">
      <c r="AR38724" s="9" ph="1"/>
    </row>
    <row r="38725" spans="44:44" ht="15.75" customHeight="1" x14ac:dyDescent="0.15">
      <c r="AR38725" s="9" ph="1"/>
    </row>
    <row r="38726" spans="44:44" ht="15.75" customHeight="1" x14ac:dyDescent="0.15">
      <c r="AR38726" s="9" ph="1"/>
    </row>
    <row r="38727" spans="44:44" ht="15.75" customHeight="1" x14ac:dyDescent="0.15">
      <c r="AR38727" s="9" ph="1"/>
    </row>
    <row r="38728" spans="44:44" ht="15.75" customHeight="1" x14ac:dyDescent="0.15">
      <c r="AR38728" s="9" ph="1"/>
    </row>
    <row r="38730" spans="44:44" ht="15.75" customHeight="1" x14ac:dyDescent="0.15">
      <c r="AR38730" s="9" ph="1"/>
    </row>
    <row r="38731" spans="44:44" ht="15.75" customHeight="1" x14ac:dyDescent="0.15">
      <c r="AR38731" s="9" ph="1"/>
    </row>
    <row r="38732" spans="44:44" ht="15.75" customHeight="1" x14ac:dyDescent="0.15">
      <c r="AR38732" s="9" ph="1"/>
    </row>
    <row r="38733" spans="44:44" ht="15.75" customHeight="1" x14ac:dyDescent="0.15">
      <c r="AR38733" s="9" ph="1"/>
    </row>
    <row r="38734" spans="44:44" ht="15.75" customHeight="1" x14ac:dyDescent="0.15">
      <c r="AR38734" s="9" ph="1"/>
    </row>
    <row r="38735" spans="44:44" ht="15.75" customHeight="1" x14ac:dyDescent="0.15">
      <c r="AR38735" s="9" ph="1"/>
    </row>
    <row r="38736" spans="44:44" ht="15.75" customHeight="1" x14ac:dyDescent="0.15">
      <c r="AR38736" s="9" ph="1"/>
    </row>
    <row r="38737" spans="44:44" ht="15.75" customHeight="1" x14ac:dyDescent="0.15">
      <c r="AR38737" s="9" ph="1"/>
    </row>
    <row r="38738" spans="44:44" ht="15.75" customHeight="1" x14ac:dyDescent="0.15">
      <c r="AR38738" s="9" ph="1"/>
    </row>
    <row r="38739" spans="44:44" ht="15.75" customHeight="1" x14ac:dyDescent="0.15">
      <c r="AR38739" s="9" ph="1"/>
    </row>
    <row r="38741" spans="44:44" ht="15.75" customHeight="1" x14ac:dyDescent="0.15">
      <c r="AR38741" s="9" ph="1"/>
    </row>
    <row r="38742" spans="44:44" ht="15.75" customHeight="1" x14ac:dyDescent="0.15">
      <c r="AR38742" s="9" ph="1"/>
    </row>
    <row r="38743" spans="44:44" ht="15.75" customHeight="1" x14ac:dyDescent="0.15">
      <c r="AR38743" s="9" ph="1"/>
    </row>
    <row r="38744" spans="44:44" ht="15.75" customHeight="1" x14ac:dyDescent="0.15">
      <c r="AR38744" s="9" ph="1"/>
    </row>
    <row r="38745" spans="44:44" ht="15.75" customHeight="1" x14ac:dyDescent="0.15">
      <c r="AR38745" s="9" ph="1"/>
    </row>
    <row r="38746" spans="44:44" ht="15.75" customHeight="1" x14ac:dyDescent="0.15">
      <c r="AR38746" s="9" ph="1"/>
    </row>
    <row r="38748" spans="44:44" ht="15.75" customHeight="1" x14ac:dyDescent="0.15">
      <c r="AR38748" s="9" ph="1"/>
    </row>
    <row r="38749" spans="44:44" ht="15.75" customHeight="1" x14ac:dyDescent="0.15">
      <c r="AR38749" s="9" ph="1"/>
    </row>
    <row r="38750" spans="44:44" ht="15.75" customHeight="1" x14ac:dyDescent="0.15">
      <c r="AR38750" s="9" ph="1"/>
    </row>
    <row r="38751" spans="44:44" ht="15.75" customHeight="1" x14ac:dyDescent="0.15">
      <c r="AR38751" s="9" ph="1"/>
    </row>
    <row r="38752" spans="44:44" ht="15.75" customHeight="1" x14ac:dyDescent="0.15">
      <c r="AR38752" s="9" ph="1"/>
    </row>
    <row r="38753" spans="44:44" ht="15.75" customHeight="1" x14ac:dyDescent="0.15">
      <c r="AR38753" s="9" ph="1"/>
    </row>
    <row r="38754" spans="44:44" ht="15.75" customHeight="1" x14ac:dyDescent="0.15">
      <c r="AR38754" s="9" ph="1"/>
    </row>
    <row r="38755" spans="44:44" ht="15.75" customHeight="1" x14ac:dyDescent="0.15">
      <c r="AR38755" s="9" ph="1"/>
    </row>
    <row r="38756" spans="44:44" ht="15.75" customHeight="1" x14ac:dyDescent="0.15">
      <c r="AR38756" s="9" ph="1"/>
    </row>
    <row r="38757" spans="44:44" ht="15.75" customHeight="1" x14ac:dyDescent="0.15">
      <c r="AR38757" s="9" ph="1"/>
    </row>
    <row r="38759" spans="44:44" ht="15.75" customHeight="1" x14ac:dyDescent="0.15">
      <c r="AR38759" s="9" ph="1"/>
    </row>
    <row r="38760" spans="44:44" ht="15.75" customHeight="1" x14ac:dyDescent="0.15">
      <c r="AR38760" s="9" ph="1"/>
    </row>
    <row r="38761" spans="44:44" ht="15.75" customHeight="1" x14ac:dyDescent="0.15">
      <c r="AR38761" s="9" ph="1"/>
    </row>
    <row r="38762" spans="44:44" ht="15.75" customHeight="1" x14ac:dyDescent="0.15">
      <c r="AR38762" s="9" ph="1"/>
    </row>
    <row r="38763" spans="44:44" ht="15.75" customHeight="1" x14ac:dyDescent="0.15">
      <c r="AR38763" s="9" ph="1"/>
    </row>
    <row r="38764" spans="44:44" ht="15.75" customHeight="1" x14ac:dyDescent="0.15">
      <c r="AR38764" s="9" ph="1"/>
    </row>
    <row r="38765" spans="44:44" ht="15.75" customHeight="1" x14ac:dyDescent="0.15">
      <c r="AR38765" s="9" ph="1"/>
    </row>
    <row r="38766" spans="44:44" ht="15.75" customHeight="1" x14ac:dyDescent="0.15">
      <c r="AR38766" s="9" ph="1"/>
    </row>
    <row r="38767" spans="44:44" ht="15.75" customHeight="1" x14ac:dyDescent="0.15">
      <c r="AR38767" s="9" ph="1"/>
    </row>
    <row r="38769" spans="44:44" ht="15.75" customHeight="1" x14ac:dyDescent="0.15">
      <c r="AR38769" s="9" ph="1"/>
    </row>
    <row r="38770" spans="44:44" ht="15.75" customHeight="1" x14ac:dyDescent="0.15">
      <c r="AR38770" s="9" ph="1"/>
    </row>
    <row r="38771" spans="44:44" ht="15.75" customHeight="1" x14ac:dyDescent="0.15">
      <c r="AR38771" s="9" ph="1"/>
    </row>
    <row r="38772" spans="44:44" ht="15.75" customHeight="1" x14ac:dyDescent="0.15">
      <c r="AR38772" s="9" ph="1"/>
    </row>
    <row r="38773" spans="44:44" ht="15.75" customHeight="1" x14ac:dyDescent="0.15">
      <c r="AR38773" s="9" ph="1"/>
    </row>
    <row r="38774" spans="44:44" ht="15.75" customHeight="1" x14ac:dyDescent="0.15">
      <c r="AR38774" s="9" ph="1"/>
    </row>
    <row r="38775" spans="44:44" ht="15.75" customHeight="1" x14ac:dyDescent="0.15">
      <c r="AR38775" s="9" ph="1"/>
    </row>
    <row r="38776" spans="44:44" ht="15.75" customHeight="1" x14ac:dyDescent="0.15">
      <c r="AR38776" s="9" ph="1"/>
    </row>
    <row r="38777" spans="44:44" ht="15.75" customHeight="1" x14ac:dyDescent="0.15">
      <c r="AR38777" s="9" ph="1"/>
    </row>
    <row r="38778" spans="44:44" ht="15.75" customHeight="1" x14ac:dyDescent="0.15">
      <c r="AR38778" s="9" ph="1"/>
    </row>
    <row r="38780" spans="44:44" ht="15.75" customHeight="1" x14ac:dyDescent="0.15">
      <c r="AR38780" s="9" ph="1"/>
    </row>
    <row r="38781" spans="44:44" ht="15.75" customHeight="1" x14ac:dyDescent="0.15">
      <c r="AR38781" s="9" ph="1"/>
    </row>
    <row r="38782" spans="44:44" ht="15.75" customHeight="1" x14ac:dyDescent="0.15">
      <c r="AR38782" s="9" ph="1"/>
    </row>
    <row r="38783" spans="44:44" ht="15.75" customHeight="1" x14ac:dyDescent="0.15">
      <c r="AR38783" s="9" ph="1"/>
    </row>
    <row r="38784" spans="44:44" ht="15.75" customHeight="1" x14ac:dyDescent="0.15">
      <c r="AR38784" s="9" ph="1"/>
    </row>
    <row r="38785" spans="44:44" ht="15.75" customHeight="1" x14ac:dyDescent="0.15">
      <c r="AR38785" s="9" ph="1"/>
    </row>
    <row r="38786" spans="44:44" ht="15.75" customHeight="1" x14ac:dyDescent="0.15">
      <c r="AR38786" s="9" ph="1"/>
    </row>
    <row r="38787" spans="44:44" ht="15.75" customHeight="1" x14ac:dyDescent="0.15">
      <c r="AR38787" s="9" ph="1"/>
    </row>
    <row r="38788" spans="44:44" ht="15.75" customHeight="1" x14ac:dyDescent="0.15">
      <c r="AR38788" s="9" ph="1"/>
    </row>
    <row r="38789" spans="44:44" ht="15.75" customHeight="1" x14ac:dyDescent="0.15">
      <c r="AR38789" s="9" ph="1"/>
    </row>
    <row r="38790" spans="44:44" ht="15.75" customHeight="1" x14ac:dyDescent="0.15">
      <c r="AR38790" s="9" ph="1"/>
    </row>
    <row r="38791" spans="44:44" ht="15.75" customHeight="1" x14ac:dyDescent="0.15">
      <c r="AR38791" s="9" ph="1"/>
    </row>
    <row r="38792" spans="44:44" ht="15.75" customHeight="1" x14ac:dyDescent="0.15">
      <c r="AR38792" s="9" ph="1"/>
    </row>
    <row r="38793" spans="44:44" ht="15.75" customHeight="1" x14ac:dyDescent="0.15">
      <c r="AR38793" s="9" ph="1"/>
    </row>
    <row r="38794" spans="44:44" ht="15.75" customHeight="1" x14ac:dyDescent="0.15">
      <c r="AR38794" s="9" ph="1"/>
    </row>
    <row r="38796" spans="44:44" ht="15.75" customHeight="1" x14ac:dyDescent="0.15">
      <c r="AR38796" s="9" ph="1"/>
    </row>
    <row r="38797" spans="44:44" ht="15.75" customHeight="1" x14ac:dyDescent="0.15">
      <c r="AR38797" s="9" ph="1"/>
    </row>
    <row r="38798" spans="44:44" ht="15.75" customHeight="1" x14ac:dyDescent="0.15">
      <c r="AR38798" s="9" ph="1"/>
    </row>
    <row r="38799" spans="44:44" ht="15.75" customHeight="1" x14ac:dyDescent="0.15">
      <c r="AR38799" s="9" ph="1"/>
    </row>
    <row r="38800" spans="44:44" ht="15.75" customHeight="1" x14ac:dyDescent="0.15">
      <c r="AR38800" s="9" ph="1"/>
    </row>
    <row r="38801" spans="44:44" ht="15.75" customHeight="1" x14ac:dyDescent="0.15">
      <c r="AR38801" s="9" ph="1"/>
    </row>
    <row r="38802" spans="44:44" ht="15.75" customHeight="1" x14ac:dyDescent="0.15">
      <c r="AR38802" s="9" ph="1"/>
    </row>
    <row r="38803" spans="44:44" ht="15.75" customHeight="1" x14ac:dyDescent="0.15">
      <c r="AR38803" s="9" ph="1"/>
    </row>
    <row r="38804" spans="44:44" ht="15.75" customHeight="1" x14ac:dyDescent="0.15">
      <c r="AR38804" s="9" ph="1"/>
    </row>
    <row r="38805" spans="44:44" ht="15.75" customHeight="1" x14ac:dyDescent="0.15">
      <c r="AR38805" s="9" ph="1"/>
    </row>
    <row r="38807" spans="44:44" ht="15.75" customHeight="1" x14ac:dyDescent="0.15">
      <c r="AR38807" s="9" ph="1"/>
    </row>
    <row r="38808" spans="44:44" ht="15.75" customHeight="1" x14ac:dyDescent="0.15">
      <c r="AR38808" s="9" ph="1"/>
    </row>
    <row r="38809" spans="44:44" ht="15.75" customHeight="1" x14ac:dyDescent="0.15">
      <c r="AR38809" s="9" ph="1"/>
    </row>
    <row r="38810" spans="44:44" ht="15.75" customHeight="1" x14ac:dyDescent="0.15">
      <c r="AR38810" s="9" ph="1"/>
    </row>
    <row r="38811" spans="44:44" ht="15.75" customHeight="1" x14ac:dyDescent="0.15">
      <c r="AR38811" s="9" ph="1"/>
    </row>
    <row r="38812" spans="44:44" ht="15.75" customHeight="1" x14ac:dyDescent="0.15">
      <c r="AR38812" s="9" ph="1"/>
    </row>
    <row r="38813" spans="44:44" ht="15.75" customHeight="1" x14ac:dyDescent="0.15">
      <c r="AR38813" s="9" ph="1"/>
    </row>
    <row r="38814" spans="44:44" ht="15.75" customHeight="1" x14ac:dyDescent="0.15">
      <c r="AR38814" s="9" ph="1"/>
    </row>
    <row r="38815" spans="44:44" ht="15.75" customHeight="1" x14ac:dyDescent="0.15">
      <c r="AR38815" s="9" ph="1"/>
    </row>
    <row r="38816" spans="44:44" ht="15.75" customHeight="1" x14ac:dyDescent="0.15">
      <c r="AR38816" s="9" ph="1"/>
    </row>
    <row r="38817" spans="44:44" ht="15.75" customHeight="1" x14ac:dyDescent="0.15">
      <c r="AR38817" s="9" ph="1"/>
    </row>
    <row r="38818" spans="44:44" ht="15.75" customHeight="1" x14ac:dyDescent="0.15">
      <c r="AR38818" s="9" ph="1"/>
    </row>
    <row r="38819" spans="44:44" ht="15.75" customHeight="1" x14ac:dyDescent="0.15">
      <c r="AR38819" s="9" ph="1"/>
    </row>
    <row r="38820" spans="44:44" ht="15.75" customHeight="1" x14ac:dyDescent="0.15">
      <c r="AR38820" s="9" ph="1"/>
    </row>
    <row r="38821" spans="44:44" ht="15.75" customHeight="1" x14ac:dyDescent="0.15">
      <c r="AR38821" s="9" ph="1"/>
    </row>
    <row r="38822" spans="44:44" ht="15.75" customHeight="1" x14ac:dyDescent="0.15">
      <c r="AR38822" s="9" ph="1"/>
    </row>
    <row r="38823" spans="44:44" ht="15.75" customHeight="1" x14ac:dyDescent="0.15">
      <c r="AR38823" s="9" ph="1"/>
    </row>
    <row r="38824" spans="44:44" ht="15.75" customHeight="1" x14ac:dyDescent="0.15">
      <c r="AR38824" s="9" ph="1"/>
    </row>
    <row r="38825" spans="44:44" ht="15.75" customHeight="1" x14ac:dyDescent="0.15">
      <c r="AR38825" s="9" ph="1"/>
    </row>
    <row r="38827" spans="44:44" ht="15.75" customHeight="1" x14ac:dyDescent="0.15">
      <c r="AR38827" s="9" ph="1"/>
    </row>
    <row r="38828" spans="44:44" ht="15.75" customHeight="1" x14ac:dyDescent="0.15">
      <c r="AR38828" s="9" ph="1"/>
    </row>
    <row r="38829" spans="44:44" ht="15.75" customHeight="1" x14ac:dyDescent="0.15">
      <c r="AR38829" s="9" ph="1"/>
    </row>
    <row r="38831" spans="44:44" ht="15.75" customHeight="1" x14ac:dyDescent="0.15">
      <c r="AR38831" s="9" ph="1"/>
    </row>
    <row r="38832" spans="44:44" ht="15.75" customHeight="1" x14ac:dyDescent="0.15">
      <c r="AR38832" s="9" ph="1"/>
    </row>
    <row r="38833" spans="44:44" ht="15.75" customHeight="1" x14ac:dyDescent="0.15">
      <c r="AR38833" s="9" ph="1"/>
    </row>
    <row r="38834" spans="44:44" ht="15.75" customHeight="1" x14ac:dyDescent="0.15">
      <c r="AR38834" s="9" ph="1"/>
    </row>
    <row r="38835" spans="44:44" ht="15.75" customHeight="1" x14ac:dyDescent="0.15">
      <c r="AR38835" s="9" ph="1"/>
    </row>
    <row r="38836" spans="44:44" ht="15.75" customHeight="1" x14ac:dyDescent="0.15">
      <c r="AR38836" s="9" ph="1"/>
    </row>
    <row r="38837" spans="44:44" ht="15.75" customHeight="1" x14ac:dyDescent="0.15">
      <c r="AR38837" s="9" ph="1"/>
    </row>
    <row r="38838" spans="44:44" ht="15.75" customHeight="1" x14ac:dyDescent="0.15">
      <c r="AR38838" s="9" ph="1"/>
    </row>
    <row r="38840" spans="44:44" ht="15.75" customHeight="1" x14ac:dyDescent="0.15">
      <c r="AR38840" s="9" ph="1"/>
    </row>
    <row r="38841" spans="44:44" ht="15.75" customHeight="1" x14ac:dyDescent="0.15">
      <c r="AR38841" s="9" ph="1"/>
    </row>
    <row r="38842" spans="44:44" ht="15.75" customHeight="1" x14ac:dyDescent="0.15">
      <c r="AR38842" s="9" ph="1"/>
    </row>
    <row r="38843" spans="44:44" ht="15.75" customHeight="1" x14ac:dyDescent="0.15">
      <c r="AR38843" s="9" ph="1"/>
    </row>
    <row r="38844" spans="44:44" ht="15.75" customHeight="1" x14ac:dyDescent="0.15">
      <c r="AR38844" s="9" ph="1"/>
    </row>
    <row r="38845" spans="44:44" ht="15.75" customHeight="1" x14ac:dyDescent="0.15">
      <c r="AR38845" s="9" ph="1"/>
    </row>
    <row r="38846" spans="44:44" ht="15.75" customHeight="1" x14ac:dyDescent="0.15">
      <c r="AR38846" s="9" ph="1"/>
    </row>
    <row r="38847" spans="44:44" ht="15.75" customHeight="1" x14ac:dyDescent="0.15">
      <c r="AR38847" s="9" ph="1"/>
    </row>
    <row r="38849" spans="44:44" ht="15.75" customHeight="1" x14ac:dyDescent="0.15">
      <c r="AR38849" s="9" ph="1"/>
    </row>
    <row r="38850" spans="44:44" ht="15.75" customHeight="1" x14ac:dyDescent="0.15">
      <c r="AR38850" s="9" ph="1"/>
    </row>
    <row r="38851" spans="44:44" ht="15.75" customHeight="1" x14ac:dyDescent="0.15">
      <c r="AR38851" s="9" ph="1"/>
    </row>
    <row r="38852" spans="44:44" ht="15.75" customHeight="1" x14ac:dyDescent="0.15">
      <c r="AR38852" s="9" ph="1"/>
    </row>
    <row r="38853" spans="44:44" ht="15.75" customHeight="1" x14ac:dyDescent="0.15">
      <c r="AR38853" s="9" ph="1"/>
    </row>
    <row r="38854" spans="44:44" ht="15.75" customHeight="1" x14ac:dyDescent="0.15">
      <c r="AR38854" s="9" ph="1"/>
    </row>
    <row r="38856" spans="44:44" ht="15.75" customHeight="1" x14ac:dyDescent="0.15">
      <c r="AR38856" s="9" ph="1"/>
    </row>
    <row r="38857" spans="44:44" ht="15.75" customHeight="1" x14ac:dyDescent="0.15">
      <c r="AR38857" s="9" ph="1"/>
    </row>
    <row r="38858" spans="44:44" ht="15.75" customHeight="1" x14ac:dyDescent="0.15">
      <c r="AR38858" s="9" ph="1"/>
    </row>
    <row r="38859" spans="44:44" ht="15.75" customHeight="1" x14ac:dyDescent="0.15">
      <c r="AR38859" s="9" ph="1"/>
    </row>
    <row r="38860" spans="44:44" ht="15.75" customHeight="1" x14ac:dyDescent="0.15">
      <c r="AR38860" s="9" ph="1"/>
    </row>
    <row r="38861" spans="44:44" ht="15.75" customHeight="1" x14ac:dyDescent="0.15">
      <c r="AR38861" s="9" ph="1"/>
    </row>
    <row r="38862" spans="44:44" ht="15.75" customHeight="1" x14ac:dyDescent="0.15">
      <c r="AR38862" s="9" ph="1"/>
    </row>
    <row r="38863" spans="44:44" ht="15.75" customHeight="1" x14ac:dyDescent="0.15">
      <c r="AR38863" s="9" ph="1"/>
    </row>
    <row r="38864" spans="44:44" ht="15.75" customHeight="1" x14ac:dyDescent="0.15">
      <c r="AR38864" s="9" ph="1"/>
    </row>
    <row r="38865" spans="44:44" ht="15.75" customHeight="1" x14ac:dyDescent="0.15">
      <c r="AR38865" s="9" ph="1"/>
    </row>
    <row r="38867" spans="44:44" ht="15.75" customHeight="1" x14ac:dyDescent="0.15">
      <c r="AR38867" s="9" ph="1"/>
    </row>
    <row r="38868" spans="44:44" ht="15.75" customHeight="1" x14ac:dyDescent="0.15">
      <c r="AR38868" s="9" ph="1"/>
    </row>
    <row r="38869" spans="44:44" ht="15.75" customHeight="1" x14ac:dyDescent="0.15">
      <c r="AR38869" s="9" ph="1"/>
    </row>
    <row r="38870" spans="44:44" ht="15.75" customHeight="1" x14ac:dyDescent="0.15">
      <c r="AR38870" s="9" ph="1"/>
    </row>
    <row r="38871" spans="44:44" ht="15.75" customHeight="1" x14ac:dyDescent="0.15">
      <c r="AR38871" s="9" ph="1"/>
    </row>
    <row r="38872" spans="44:44" ht="15.75" customHeight="1" x14ac:dyDescent="0.15">
      <c r="AR38872" s="9" ph="1"/>
    </row>
    <row r="38873" spans="44:44" ht="15.75" customHeight="1" x14ac:dyDescent="0.15">
      <c r="AR38873" s="9" ph="1"/>
    </row>
    <row r="38874" spans="44:44" ht="15.75" customHeight="1" x14ac:dyDescent="0.15">
      <c r="AR38874" s="9" ph="1"/>
    </row>
    <row r="38875" spans="44:44" ht="15.75" customHeight="1" x14ac:dyDescent="0.15">
      <c r="AR38875" s="9" ph="1"/>
    </row>
    <row r="38876" spans="44:44" ht="15.75" customHeight="1" x14ac:dyDescent="0.15">
      <c r="AR38876" s="9" ph="1"/>
    </row>
    <row r="38877" spans="44:44" ht="15.75" customHeight="1" x14ac:dyDescent="0.15">
      <c r="AR38877" s="9" ph="1"/>
    </row>
    <row r="38878" spans="44:44" ht="15.75" customHeight="1" x14ac:dyDescent="0.15">
      <c r="AR38878" s="9" ph="1"/>
    </row>
    <row r="38880" spans="44:44" ht="15.75" customHeight="1" x14ac:dyDescent="0.15">
      <c r="AR38880" s="9" ph="1"/>
    </row>
    <row r="38881" spans="44:44" ht="15.75" customHeight="1" x14ac:dyDescent="0.15">
      <c r="AR38881" s="9" ph="1"/>
    </row>
    <row r="38882" spans="44:44" ht="15.75" customHeight="1" x14ac:dyDescent="0.15">
      <c r="AR38882" s="9" ph="1"/>
    </row>
    <row r="38884" spans="44:44" ht="15.75" customHeight="1" x14ac:dyDescent="0.15">
      <c r="AR38884" s="9" ph="1"/>
    </row>
    <row r="38885" spans="44:44" ht="15.75" customHeight="1" x14ac:dyDescent="0.15">
      <c r="AR38885" s="9" ph="1"/>
    </row>
    <row r="38886" spans="44:44" ht="15.75" customHeight="1" x14ac:dyDescent="0.15">
      <c r="AR38886" s="9" ph="1"/>
    </row>
    <row r="38887" spans="44:44" ht="15.75" customHeight="1" x14ac:dyDescent="0.15">
      <c r="AR38887" s="9" ph="1"/>
    </row>
    <row r="38888" spans="44:44" ht="15.75" customHeight="1" x14ac:dyDescent="0.15">
      <c r="AR38888" s="9" ph="1"/>
    </row>
    <row r="38889" spans="44:44" ht="15.75" customHeight="1" x14ac:dyDescent="0.15">
      <c r="AR38889" s="9" ph="1"/>
    </row>
    <row r="38890" spans="44:44" ht="15.75" customHeight="1" x14ac:dyDescent="0.15">
      <c r="AR38890" s="9" ph="1"/>
    </row>
    <row r="38891" spans="44:44" ht="15.75" customHeight="1" x14ac:dyDescent="0.15">
      <c r="AR38891" s="9" ph="1"/>
    </row>
    <row r="38893" spans="44:44" ht="15.75" customHeight="1" x14ac:dyDescent="0.15">
      <c r="AR38893" s="9" ph="1"/>
    </row>
    <row r="38894" spans="44:44" ht="15.75" customHeight="1" x14ac:dyDescent="0.15">
      <c r="AR38894" s="9" ph="1"/>
    </row>
    <row r="38895" spans="44:44" ht="15.75" customHeight="1" x14ac:dyDescent="0.15">
      <c r="AR38895" s="9" ph="1"/>
    </row>
    <row r="38896" spans="44:44" ht="15.75" customHeight="1" x14ac:dyDescent="0.15">
      <c r="AR38896" s="9" ph="1"/>
    </row>
    <row r="38897" spans="44:44" ht="15.75" customHeight="1" x14ac:dyDescent="0.15">
      <c r="AR38897" s="9" ph="1"/>
    </row>
    <row r="38898" spans="44:44" ht="15.75" customHeight="1" x14ac:dyDescent="0.15">
      <c r="AR38898" s="9" ph="1"/>
    </row>
    <row r="38899" spans="44:44" ht="15.75" customHeight="1" x14ac:dyDescent="0.15">
      <c r="AR38899" s="9" ph="1"/>
    </row>
    <row r="38900" spans="44:44" ht="15.75" customHeight="1" x14ac:dyDescent="0.15">
      <c r="AR38900" s="9" ph="1"/>
    </row>
    <row r="38902" spans="44:44" ht="15.75" customHeight="1" x14ac:dyDescent="0.15">
      <c r="AR38902" s="9" ph="1"/>
    </row>
    <row r="38903" spans="44:44" ht="15.75" customHeight="1" x14ac:dyDescent="0.15">
      <c r="AR38903" s="9" ph="1"/>
    </row>
    <row r="38904" spans="44:44" ht="15.75" customHeight="1" x14ac:dyDescent="0.15">
      <c r="AR38904" s="9" ph="1"/>
    </row>
    <row r="38905" spans="44:44" ht="15.75" customHeight="1" x14ac:dyDescent="0.15">
      <c r="AR38905" s="9" ph="1"/>
    </row>
    <row r="38906" spans="44:44" ht="15.75" customHeight="1" x14ac:dyDescent="0.15">
      <c r="AR38906" s="9" ph="1"/>
    </row>
    <row r="38907" spans="44:44" ht="15.75" customHeight="1" x14ac:dyDescent="0.15">
      <c r="AR38907" s="9" ph="1"/>
    </row>
    <row r="38909" spans="44:44" ht="15.75" customHeight="1" x14ac:dyDescent="0.15">
      <c r="AR38909" s="9" ph="1"/>
    </row>
    <row r="38910" spans="44:44" ht="15.75" customHeight="1" x14ac:dyDescent="0.15">
      <c r="AR38910" s="9" ph="1"/>
    </row>
    <row r="38911" spans="44:44" ht="15.75" customHeight="1" x14ac:dyDescent="0.15">
      <c r="AR38911" s="9" ph="1"/>
    </row>
    <row r="38912" spans="44:44" ht="15.75" customHeight="1" x14ac:dyDescent="0.15">
      <c r="AR38912" s="9" ph="1"/>
    </row>
    <row r="38913" spans="44:44" ht="15.75" customHeight="1" x14ac:dyDescent="0.15">
      <c r="AR38913" s="9" ph="1"/>
    </row>
    <row r="38914" spans="44:44" ht="15.75" customHeight="1" x14ac:dyDescent="0.15">
      <c r="AR38914" s="9" ph="1"/>
    </row>
    <row r="38915" spans="44:44" ht="15.75" customHeight="1" x14ac:dyDescent="0.15">
      <c r="AR38915" s="9" ph="1"/>
    </row>
    <row r="38916" spans="44:44" ht="15.75" customHeight="1" x14ac:dyDescent="0.15">
      <c r="AR38916" s="9" ph="1"/>
    </row>
    <row r="38917" spans="44:44" ht="15.75" customHeight="1" x14ac:dyDescent="0.15">
      <c r="AR38917" s="9" ph="1"/>
    </row>
    <row r="38918" spans="44:44" ht="15.75" customHeight="1" x14ac:dyDescent="0.15">
      <c r="AR38918" s="9" ph="1"/>
    </row>
    <row r="38919" spans="44:44" ht="15.75" customHeight="1" x14ac:dyDescent="0.15">
      <c r="AR38919" s="9" ph="1"/>
    </row>
    <row r="38920" spans="44:44" ht="15.75" customHeight="1" x14ac:dyDescent="0.15">
      <c r="AR38920" s="9" ph="1"/>
    </row>
    <row r="38921" spans="44:44" ht="15.75" customHeight="1" x14ac:dyDescent="0.15">
      <c r="AR38921" s="9" ph="1"/>
    </row>
    <row r="38922" spans="44:44" ht="15.75" customHeight="1" x14ac:dyDescent="0.15">
      <c r="AR38922" s="9" ph="1"/>
    </row>
    <row r="38923" spans="44:44" ht="15.75" customHeight="1" x14ac:dyDescent="0.15">
      <c r="AR38923" s="9" ph="1"/>
    </row>
    <row r="38924" spans="44:44" ht="15.75" customHeight="1" x14ac:dyDescent="0.15">
      <c r="AR38924" s="9" ph="1"/>
    </row>
    <row r="38925" spans="44:44" ht="15.75" customHeight="1" x14ac:dyDescent="0.15">
      <c r="AR38925" s="9" ph="1"/>
    </row>
    <row r="38927" spans="44:44" ht="15.75" customHeight="1" x14ac:dyDescent="0.15">
      <c r="AR38927" s="9" ph="1"/>
    </row>
    <row r="38928" spans="44:44" ht="15.75" customHeight="1" x14ac:dyDescent="0.15">
      <c r="AR38928" s="9" ph="1"/>
    </row>
    <row r="38929" spans="44:44" ht="15.75" customHeight="1" x14ac:dyDescent="0.15">
      <c r="AR38929" s="9" ph="1"/>
    </row>
    <row r="38930" spans="44:44" ht="15.75" customHeight="1" x14ac:dyDescent="0.15">
      <c r="AR38930" s="9" ph="1"/>
    </row>
    <row r="38931" spans="44:44" ht="15.75" customHeight="1" x14ac:dyDescent="0.15">
      <c r="AR38931" s="9" ph="1"/>
    </row>
    <row r="38932" spans="44:44" ht="15.75" customHeight="1" x14ac:dyDescent="0.15">
      <c r="AR38932" s="9" ph="1"/>
    </row>
    <row r="38933" spans="44:44" ht="15.75" customHeight="1" x14ac:dyDescent="0.15">
      <c r="AR38933" s="9" ph="1"/>
    </row>
    <row r="38934" spans="44:44" ht="15.75" customHeight="1" x14ac:dyDescent="0.15">
      <c r="AR38934" s="9" ph="1"/>
    </row>
    <row r="38935" spans="44:44" ht="15.75" customHeight="1" x14ac:dyDescent="0.15">
      <c r="AR38935" s="9" ph="1"/>
    </row>
    <row r="38936" spans="44:44" ht="15.75" customHeight="1" x14ac:dyDescent="0.15">
      <c r="AR38936" s="9" ph="1"/>
    </row>
    <row r="38937" spans="44:44" ht="15.75" customHeight="1" x14ac:dyDescent="0.15">
      <c r="AR38937" s="9" ph="1"/>
    </row>
    <row r="38938" spans="44:44" ht="15.75" customHeight="1" x14ac:dyDescent="0.15">
      <c r="AR38938" s="9" ph="1"/>
    </row>
    <row r="38940" spans="44:44" ht="15.75" customHeight="1" x14ac:dyDescent="0.15">
      <c r="AR38940" s="9" ph="1"/>
    </row>
    <row r="38941" spans="44:44" ht="15.75" customHeight="1" x14ac:dyDescent="0.15">
      <c r="AR38941" s="9" ph="1"/>
    </row>
    <row r="38942" spans="44:44" ht="15.75" customHeight="1" x14ac:dyDescent="0.15">
      <c r="AR38942" s="9" ph="1"/>
    </row>
    <row r="38944" spans="44:44" ht="15.75" customHeight="1" x14ac:dyDescent="0.15">
      <c r="AR38944" s="9" ph="1"/>
    </row>
    <row r="38945" spans="44:44" ht="15.75" customHeight="1" x14ac:dyDescent="0.15">
      <c r="AR38945" s="9" ph="1"/>
    </row>
    <row r="38946" spans="44:44" ht="15.75" customHeight="1" x14ac:dyDescent="0.15">
      <c r="AR38946" s="9" ph="1"/>
    </row>
    <row r="38947" spans="44:44" ht="15.75" customHeight="1" x14ac:dyDescent="0.15">
      <c r="AR38947" s="9" ph="1"/>
    </row>
    <row r="38948" spans="44:44" ht="15.75" customHeight="1" x14ac:dyDescent="0.15">
      <c r="AR38948" s="9" ph="1"/>
    </row>
    <row r="38949" spans="44:44" ht="15.75" customHeight="1" x14ac:dyDescent="0.15">
      <c r="AR38949" s="9" ph="1"/>
    </row>
    <row r="38950" spans="44:44" ht="15.75" customHeight="1" x14ac:dyDescent="0.15">
      <c r="AR38950" s="9" ph="1"/>
    </row>
    <row r="38951" spans="44:44" ht="15.75" customHeight="1" x14ac:dyDescent="0.15">
      <c r="AR38951" s="9" ph="1"/>
    </row>
    <row r="38953" spans="44:44" ht="15.75" customHeight="1" x14ac:dyDescent="0.15">
      <c r="AR38953" s="9" ph="1"/>
    </row>
    <row r="38954" spans="44:44" ht="15.75" customHeight="1" x14ac:dyDescent="0.15">
      <c r="AR38954" s="9" ph="1"/>
    </row>
    <row r="38955" spans="44:44" ht="15.75" customHeight="1" x14ac:dyDescent="0.15">
      <c r="AR38955" s="9" ph="1"/>
    </row>
    <row r="38956" spans="44:44" ht="15.75" customHeight="1" x14ac:dyDescent="0.15">
      <c r="AR38956" s="9" ph="1"/>
    </row>
    <row r="38957" spans="44:44" ht="15.75" customHeight="1" x14ac:dyDescent="0.15">
      <c r="AR38957" s="9" ph="1"/>
    </row>
    <row r="38958" spans="44:44" ht="15.75" customHeight="1" x14ac:dyDescent="0.15">
      <c r="AR38958" s="9" ph="1"/>
    </row>
    <row r="38959" spans="44:44" ht="15.75" customHeight="1" x14ac:dyDescent="0.15">
      <c r="AR38959" s="9" ph="1"/>
    </row>
    <row r="38960" spans="44:44" ht="15.75" customHeight="1" x14ac:dyDescent="0.15">
      <c r="AR38960" s="9" ph="1"/>
    </row>
    <row r="38962" spans="44:44" ht="15.75" customHeight="1" x14ac:dyDescent="0.15">
      <c r="AR38962" s="9" ph="1"/>
    </row>
    <row r="38963" spans="44:44" ht="15.75" customHeight="1" x14ac:dyDescent="0.15">
      <c r="AR38963" s="9" ph="1"/>
    </row>
    <row r="38964" spans="44:44" ht="15.75" customHeight="1" x14ac:dyDescent="0.15">
      <c r="AR38964" s="9" ph="1"/>
    </row>
    <row r="38965" spans="44:44" ht="15.75" customHeight="1" x14ac:dyDescent="0.15">
      <c r="AR38965" s="9" ph="1"/>
    </row>
    <row r="38966" spans="44:44" ht="15.75" customHeight="1" x14ac:dyDescent="0.15">
      <c r="AR38966" s="9" ph="1"/>
    </row>
    <row r="38967" spans="44:44" ht="15.75" customHeight="1" x14ac:dyDescent="0.15">
      <c r="AR38967" s="9" ph="1"/>
    </row>
    <row r="38969" spans="44:44" ht="15.75" customHeight="1" x14ac:dyDescent="0.15">
      <c r="AR38969" s="9" ph="1"/>
    </row>
    <row r="38970" spans="44:44" ht="15.75" customHeight="1" x14ac:dyDescent="0.15">
      <c r="AR38970" s="9" ph="1"/>
    </row>
    <row r="38971" spans="44:44" ht="15.75" customHeight="1" x14ac:dyDescent="0.15">
      <c r="AR38971" s="9" ph="1"/>
    </row>
    <row r="38972" spans="44:44" ht="15.75" customHeight="1" x14ac:dyDescent="0.15">
      <c r="AR38972" s="9" ph="1"/>
    </row>
    <row r="38973" spans="44:44" ht="15.75" customHeight="1" x14ac:dyDescent="0.15">
      <c r="AR38973" s="9" ph="1"/>
    </row>
    <row r="38974" spans="44:44" ht="15.75" customHeight="1" x14ac:dyDescent="0.15">
      <c r="AR38974" s="9" ph="1"/>
    </row>
    <row r="38975" spans="44:44" ht="15.75" customHeight="1" x14ac:dyDescent="0.15">
      <c r="AR38975" s="9" ph="1"/>
    </row>
    <row r="38977" spans="44:44" ht="15.75" customHeight="1" x14ac:dyDescent="0.15">
      <c r="AR38977" s="9" ph="1"/>
    </row>
    <row r="38978" spans="44:44" ht="15.75" customHeight="1" x14ac:dyDescent="0.15">
      <c r="AR38978" s="9" ph="1"/>
    </row>
    <row r="38979" spans="44:44" ht="15.75" customHeight="1" x14ac:dyDescent="0.15">
      <c r="AR38979" s="9" ph="1"/>
    </row>
    <row r="38980" spans="44:44" ht="15.75" customHeight="1" x14ac:dyDescent="0.15">
      <c r="AR38980" s="9" ph="1"/>
    </row>
    <row r="38981" spans="44:44" ht="15.75" customHeight="1" x14ac:dyDescent="0.15">
      <c r="AR38981" s="9" ph="1"/>
    </row>
    <row r="38982" spans="44:44" ht="15.75" customHeight="1" x14ac:dyDescent="0.15">
      <c r="AR38982" s="9" ph="1"/>
    </row>
    <row r="38983" spans="44:44" ht="15.75" customHeight="1" x14ac:dyDescent="0.15">
      <c r="AR38983" s="9" ph="1"/>
    </row>
    <row r="38984" spans="44:44" ht="15.75" customHeight="1" x14ac:dyDescent="0.15">
      <c r="AR38984" s="9" ph="1"/>
    </row>
    <row r="38985" spans="44:44" ht="15.75" customHeight="1" x14ac:dyDescent="0.15">
      <c r="AR38985" s="9" ph="1"/>
    </row>
    <row r="38986" spans="44:44" ht="15.75" customHeight="1" x14ac:dyDescent="0.15">
      <c r="AR38986" s="9" ph="1"/>
    </row>
    <row r="38987" spans="44:44" ht="15.75" customHeight="1" x14ac:dyDescent="0.15">
      <c r="AR38987" s="9" ph="1"/>
    </row>
    <row r="38988" spans="44:44" ht="15.75" customHeight="1" x14ac:dyDescent="0.15">
      <c r="AR38988" s="9" ph="1"/>
    </row>
    <row r="38989" spans="44:44" ht="15.75" customHeight="1" x14ac:dyDescent="0.15">
      <c r="AR38989" s="9" ph="1"/>
    </row>
    <row r="38990" spans="44:44" ht="15.75" customHeight="1" x14ac:dyDescent="0.15">
      <c r="AR38990" s="9" ph="1"/>
    </row>
    <row r="38991" spans="44:44" ht="15.75" customHeight="1" x14ac:dyDescent="0.15">
      <c r="AR38991" s="9" ph="1"/>
    </row>
    <row r="38993" spans="44:44" ht="15.75" customHeight="1" x14ac:dyDescent="0.15">
      <c r="AR38993" s="9" ph="1"/>
    </row>
    <row r="38994" spans="44:44" ht="15.75" customHeight="1" x14ac:dyDescent="0.15">
      <c r="AR38994" s="9" ph="1"/>
    </row>
    <row r="38995" spans="44:44" ht="15.75" customHeight="1" x14ac:dyDescent="0.15">
      <c r="AR38995" s="9" ph="1"/>
    </row>
    <row r="38996" spans="44:44" ht="15.75" customHeight="1" x14ac:dyDescent="0.15">
      <c r="AR38996" s="9" ph="1"/>
    </row>
    <row r="38997" spans="44:44" ht="15.75" customHeight="1" x14ac:dyDescent="0.15">
      <c r="AR38997" s="9" ph="1"/>
    </row>
    <row r="38998" spans="44:44" ht="15.75" customHeight="1" x14ac:dyDescent="0.15">
      <c r="AR38998" s="9" ph="1"/>
    </row>
    <row r="38999" spans="44:44" ht="15.75" customHeight="1" x14ac:dyDescent="0.15">
      <c r="AR38999" s="9" ph="1"/>
    </row>
    <row r="39000" spans="44:44" ht="15.75" customHeight="1" x14ac:dyDescent="0.15">
      <c r="AR39000" s="9" ph="1"/>
    </row>
    <row r="39001" spans="44:44" ht="15.75" customHeight="1" x14ac:dyDescent="0.15">
      <c r="AR39001" s="9" ph="1"/>
    </row>
    <row r="39002" spans="44:44" ht="15.75" customHeight="1" x14ac:dyDescent="0.15">
      <c r="AR39002" s="9" ph="1"/>
    </row>
    <row r="39003" spans="44:44" ht="15.75" customHeight="1" x14ac:dyDescent="0.15">
      <c r="AR39003" s="9" ph="1"/>
    </row>
    <row r="39004" spans="44:44" ht="15.75" customHeight="1" x14ac:dyDescent="0.15">
      <c r="AR39004" s="9" ph="1"/>
    </row>
    <row r="39005" spans="44:44" ht="15.75" customHeight="1" x14ac:dyDescent="0.15">
      <c r="AR39005" s="9" ph="1"/>
    </row>
    <row r="39006" spans="44:44" ht="15.75" customHeight="1" x14ac:dyDescent="0.15">
      <c r="AR39006" s="9" ph="1"/>
    </row>
    <row r="39007" spans="44:44" ht="15.75" customHeight="1" x14ac:dyDescent="0.15">
      <c r="AR39007" s="9" ph="1"/>
    </row>
    <row r="39008" spans="44:44" ht="15.75" customHeight="1" x14ac:dyDescent="0.15">
      <c r="AR39008" s="9" ph="1"/>
    </row>
    <row r="39009" spans="44:44" ht="15.75" customHeight="1" x14ac:dyDescent="0.15">
      <c r="AR39009" s="9" ph="1"/>
    </row>
    <row r="39010" spans="44:44" ht="15.75" customHeight="1" x14ac:dyDescent="0.15">
      <c r="AR39010" s="9" ph="1"/>
    </row>
    <row r="39012" spans="44:44" ht="15.75" customHeight="1" x14ac:dyDescent="0.15">
      <c r="AR39012" s="9" ph="1"/>
    </row>
    <row r="39013" spans="44:44" ht="15.75" customHeight="1" x14ac:dyDescent="0.15">
      <c r="AR39013" s="9" ph="1"/>
    </row>
    <row r="39014" spans="44:44" ht="15.75" customHeight="1" x14ac:dyDescent="0.15">
      <c r="AR39014" s="9" ph="1"/>
    </row>
    <row r="39015" spans="44:44" ht="15.75" customHeight="1" x14ac:dyDescent="0.15">
      <c r="AR39015" s="9" ph="1"/>
    </row>
    <row r="39016" spans="44:44" ht="15.75" customHeight="1" x14ac:dyDescent="0.15">
      <c r="AR39016" s="9" ph="1"/>
    </row>
    <row r="39017" spans="44:44" ht="15.75" customHeight="1" x14ac:dyDescent="0.15">
      <c r="AR39017" s="9" ph="1"/>
    </row>
    <row r="39018" spans="44:44" ht="15.75" customHeight="1" x14ac:dyDescent="0.15">
      <c r="AR39018" s="9" ph="1"/>
    </row>
    <row r="39019" spans="44:44" ht="15.75" customHeight="1" x14ac:dyDescent="0.15">
      <c r="AR39019" s="9" ph="1"/>
    </row>
    <row r="39020" spans="44:44" ht="15.75" customHeight="1" x14ac:dyDescent="0.15">
      <c r="AR39020" s="9" ph="1"/>
    </row>
    <row r="39021" spans="44:44" ht="15.75" customHeight="1" x14ac:dyDescent="0.15">
      <c r="AR39021" s="9" ph="1"/>
    </row>
    <row r="39023" spans="44:44" ht="15.75" customHeight="1" x14ac:dyDescent="0.15">
      <c r="AR39023" s="9" ph="1"/>
    </row>
    <row r="39024" spans="44:44" ht="15.75" customHeight="1" x14ac:dyDescent="0.15">
      <c r="AR39024" s="9" ph="1"/>
    </row>
    <row r="39025" spans="44:44" ht="15.75" customHeight="1" x14ac:dyDescent="0.15">
      <c r="AR39025" s="9" ph="1"/>
    </row>
    <row r="39026" spans="44:44" ht="15.75" customHeight="1" x14ac:dyDescent="0.15">
      <c r="AR39026" s="9" ph="1"/>
    </row>
    <row r="39027" spans="44:44" ht="15.75" customHeight="1" x14ac:dyDescent="0.15">
      <c r="AR39027" s="9" ph="1"/>
    </row>
    <row r="39028" spans="44:44" ht="15.75" customHeight="1" x14ac:dyDescent="0.15">
      <c r="AR39028" s="9" ph="1"/>
    </row>
    <row r="39030" spans="44:44" ht="15.75" customHeight="1" x14ac:dyDescent="0.15">
      <c r="AR39030" s="9" ph="1"/>
    </row>
    <row r="39031" spans="44:44" ht="15.75" customHeight="1" x14ac:dyDescent="0.15">
      <c r="AR39031" s="9" ph="1"/>
    </row>
    <row r="39032" spans="44:44" ht="15.75" customHeight="1" x14ac:dyDescent="0.15">
      <c r="AR39032" s="9" ph="1"/>
    </row>
    <row r="39033" spans="44:44" ht="15.75" customHeight="1" x14ac:dyDescent="0.15">
      <c r="AR39033" s="9" ph="1"/>
    </row>
    <row r="39034" spans="44:44" ht="15.75" customHeight="1" x14ac:dyDescent="0.15">
      <c r="AR39034" s="9" ph="1"/>
    </row>
    <row r="39035" spans="44:44" ht="15.75" customHeight="1" x14ac:dyDescent="0.15">
      <c r="AR39035" s="9" ph="1"/>
    </row>
    <row r="39036" spans="44:44" ht="15.75" customHeight="1" x14ac:dyDescent="0.15">
      <c r="AR39036" s="9" ph="1"/>
    </row>
    <row r="39037" spans="44:44" ht="15.75" customHeight="1" x14ac:dyDescent="0.15">
      <c r="AR39037" s="9" ph="1"/>
    </row>
    <row r="39038" spans="44:44" ht="15.75" customHeight="1" x14ac:dyDescent="0.15">
      <c r="AR39038" s="9" ph="1"/>
    </row>
    <row r="39039" spans="44:44" ht="15.75" customHeight="1" x14ac:dyDescent="0.15">
      <c r="AR39039" s="9" ph="1"/>
    </row>
    <row r="39041" spans="44:44" ht="15.75" customHeight="1" x14ac:dyDescent="0.15">
      <c r="AR39041" s="9" ph="1"/>
    </row>
    <row r="39042" spans="44:44" ht="15.75" customHeight="1" x14ac:dyDescent="0.15">
      <c r="AR39042" s="9" ph="1"/>
    </row>
    <row r="39043" spans="44:44" ht="15.75" customHeight="1" x14ac:dyDescent="0.15">
      <c r="AR39043" s="9" ph="1"/>
    </row>
    <row r="39044" spans="44:44" ht="15.75" customHeight="1" x14ac:dyDescent="0.15">
      <c r="AR39044" s="9" ph="1"/>
    </row>
    <row r="39045" spans="44:44" ht="15.75" customHeight="1" x14ac:dyDescent="0.15">
      <c r="AR39045" s="9" ph="1"/>
    </row>
    <row r="39046" spans="44:44" ht="15.75" customHeight="1" x14ac:dyDescent="0.15">
      <c r="AR39046" s="9" ph="1"/>
    </row>
    <row r="39047" spans="44:44" ht="15.75" customHeight="1" x14ac:dyDescent="0.15">
      <c r="AR39047" s="9" ph="1"/>
    </row>
    <row r="39048" spans="44:44" ht="15.75" customHeight="1" x14ac:dyDescent="0.15">
      <c r="AR39048" s="9" ph="1"/>
    </row>
    <row r="39049" spans="44:44" ht="15.75" customHeight="1" x14ac:dyDescent="0.15">
      <c r="AR39049" s="9" ph="1"/>
    </row>
    <row r="39051" spans="44:44" ht="15.75" customHeight="1" x14ac:dyDescent="0.15">
      <c r="AR39051" s="9" ph="1"/>
    </row>
    <row r="39052" spans="44:44" ht="15.75" customHeight="1" x14ac:dyDescent="0.15">
      <c r="AR39052" s="9" ph="1"/>
    </row>
    <row r="39053" spans="44:44" ht="15.75" customHeight="1" x14ac:dyDescent="0.15">
      <c r="AR39053" s="9" ph="1"/>
    </row>
    <row r="39054" spans="44:44" ht="15.75" customHeight="1" x14ac:dyDescent="0.15">
      <c r="AR39054" s="9" ph="1"/>
    </row>
    <row r="39055" spans="44:44" ht="15.75" customHeight="1" x14ac:dyDescent="0.15">
      <c r="AR39055" s="9" ph="1"/>
    </row>
    <row r="39056" spans="44:44" ht="15.75" customHeight="1" x14ac:dyDescent="0.15">
      <c r="AR39056" s="9" ph="1"/>
    </row>
    <row r="39057" spans="44:44" ht="15.75" customHeight="1" x14ac:dyDescent="0.15">
      <c r="AR39057" s="9" ph="1"/>
    </row>
    <row r="39058" spans="44:44" ht="15.75" customHeight="1" x14ac:dyDescent="0.15">
      <c r="AR39058" s="9" ph="1"/>
    </row>
    <row r="39059" spans="44:44" ht="15.75" customHeight="1" x14ac:dyDescent="0.15">
      <c r="AR39059" s="9" ph="1"/>
    </row>
    <row r="39060" spans="44:44" ht="15.75" customHeight="1" x14ac:dyDescent="0.15">
      <c r="AR39060" s="9" ph="1"/>
    </row>
    <row r="39062" spans="44:44" ht="15.75" customHeight="1" x14ac:dyDescent="0.15">
      <c r="AR39062" s="9" ph="1"/>
    </row>
    <row r="39063" spans="44:44" ht="15.75" customHeight="1" x14ac:dyDescent="0.15">
      <c r="AR39063" s="9" ph="1"/>
    </row>
    <row r="39064" spans="44:44" ht="15.75" customHeight="1" x14ac:dyDescent="0.15">
      <c r="AR39064" s="9" ph="1"/>
    </row>
    <row r="39065" spans="44:44" ht="15.75" customHeight="1" x14ac:dyDescent="0.15">
      <c r="AR39065" s="9" ph="1"/>
    </row>
    <row r="39066" spans="44:44" ht="15.75" customHeight="1" x14ac:dyDescent="0.15">
      <c r="AR39066" s="9" ph="1"/>
    </row>
    <row r="39067" spans="44:44" ht="15.75" customHeight="1" x14ac:dyDescent="0.15">
      <c r="AR39067" s="9" ph="1"/>
    </row>
    <row r="39068" spans="44:44" ht="15.75" customHeight="1" x14ac:dyDescent="0.15">
      <c r="AR39068" s="9" ph="1"/>
    </row>
    <row r="39069" spans="44:44" ht="15.75" customHeight="1" x14ac:dyDescent="0.15">
      <c r="AR39069" s="9" ph="1"/>
    </row>
    <row r="39070" spans="44:44" ht="15.75" customHeight="1" x14ac:dyDescent="0.15">
      <c r="AR39070" s="9" ph="1"/>
    </row>
    <row r="39071" spans="44:44" ht="15.75" customHeight="1" x14ac:dyDescent="0.15">
      <c r="AR39071" s="9" ph="1"/>
    </row>
    <row r="39072" spans="44:44" ht="15.75" customHeight="1" x14ac:dyDescent="0.15">
      <c r="AR39072" s="9" ph="1"/>
    </row>
    <row r="39073" spans="44:44" ht="15.75" customHeight="1" x14ac:dyDescent="0.15">
      <c r="AR39073" s="9" ph="1"/>
    </row>
    <row r="39074" spans="44:44" ht="15.75" customHeight="1" x14ac:dyDescent="0.15">
      <c r="AR39074" s="9" ph="1"/>
    </row>
    <row r="39075" spans="44:44" ht="15.75" customHeight="1" x14ac:dyDescent="0.15">
      <c r="AR39075" s="9" ph="1"/>
    </row>
    <row r="39076" spans="44:44" ht="15.75" customHeight="1" x14ac:dyDescent="0.15">
      <c r="AR39076" s="9" ph="1"/>
    </row>
    <row r="39078" spans="44:44" ht="15.75" customHeight="1" x14ac:dyDescent="0.15">
      <c r="AR39078" s="9" ph="1"/>
    </row>
    <row r="39079" spans="44:44" ht="15.75" customHeight="1" x14ac:dyDescent="0.15">
      <c r="AR39079" s="9" ph="1"/>
    </row>
    <row r="39080" spans="44:44" ht="15.75" customHeight="1" x14ac:dyDescent="0.15">
      <c r="AR39080" s="9" ph="1"/>
    </row>
    <row r="39081" spans="44:44" ht="15.75" customHeight="1" x14ac:dyDescent="0.15">
      <c r="AR39081" s="9" ph="1"/>
    </row>
    <row r="39082" spans="44:44" ht="15.75" customHeight="1" x14ac:dyDescent="0.15">
      <c r="AR39082" s="9" ph="1"/>
    </row>
    <row r="39083" spans="44:44" ht="15.75" customHeight="1" x14ac:dyDescent="0.15">
      <c r="AR39083" s="9" ph="1"/>
    </row>
    <row r="39084" spans="44:44" ht="15.75" customHeight="1" x14ac:dyDescent="0.15">
      <c r="AR39084" s="9" ph="1"/>
    </row>
    <row r="39085" spans="44:44" ht="15.75" customHeight="1" x14ac:dyDescent="0.15">
      <c r="AR39085" s="9" ph="1"/>
    </row>
    <row r="39086" spans="44:44" ht="15.75" customHeight="1" x14ac:dyDescent="0.15">
      <c r="AR39086" s="9" ph="1"/>
    </row>
    <row r="39087" spans="44:44" ht="15.75" customHeight="1" x14ac:dyDescent="0.15">
      <c r="AR39087" s="9" ph="1"/>
    </row>
    <row r="39089" spans="44:44" ht="15.75" customHeight="1" x14ac:dyDescent="0.15">
      <c r="AR39089" s="9" ph="1"/>
    </row>
    <row r="39090" spans="44:44" ht="15.75" customHeight="1" x14ac:dyDescent="0.15">
      <c r="AR39090" s="9" ph="1"/>
    </row>
    <row r="39091" spans="44:44" ht="15.75" customHeight="1" x14ac:dyDescent="0.15">
      <c r="AR39091" s="9" ph="1"/>
    </row>
    <row r="39092" spans="44:44" ht="15.75" customHeight="1" x14ac:dyDescent="0.15">
      <c r="AR39092" s="9" ph="1"/>
    </row>
    <row r="39093" spans="44:44" ht="15.75" customHeight="1" x14ac:dyDescent="0.15">
      <c r="AR39093" s="9" ph="1"/>
    </row>
    <row r="39094" spans="44:44" ht="15.75" customHeight="1" x14ac:dyDescent="0.15">
      <c r="AR39094" s="9" ph="1"/>
    </row>
    <row r="39095" spans="44:44" ht="15.75" customHeight="1" x14ac:dyDescent="0.15">
      <c r="AR39095" s="9" ph="1"/>
    </row>
    <row r="39096" spans="44:44" ht="15.75" customHeight="1" x14ac:dyDescent="0.15">
      <c r="AR39096" s="9" ph="1"/>
    </row>
    <row r="39097" spans="44:44" ht="15.75" customHeight="1" x14ac:dyDescent="0.15">
      <c r="AR39097" s="9" ph="1"/>
    </row>
    <row r="39098" spans="44:44" ht="15.75" customHeight="1" x14ac:dyDescent="0.15">
      <c r="AR39098" s="9" ph="1"/>
    </row>
    <row r="39099" spans="44:44" ht="15.75" customHeight="1" x14ac:dyDescent="0.15">
      <c r="AR39099" s="9" ph="1"/>
    </row>
    <row r="39100" spans="44:44" ht="15.75" customHeight="1" x14ac:dyDescent="0.15">
      <c r="AR39100" s="9" ph="1"/>
    </row>
    <row r="39101" spans="44:44" ht="15.75" customHeight="1" x14ac:dyDescent="0.15">
      <c r="AR39101" s="9" ph="1"/>
    </row>
    <row r="39102" spans="44:44" ht="15.75" customHeight="1" x14ac:dyDescent="0.15">
      <c r="AR39102" s="9" ph="1"/>
    </row>
    <row r="39103" spans="44:44" ht="15.75" customHeight="1" x14ac:dyDescent="0.15">
      <c r="AR39103" s="9" ph="1"/>
    </row>
    <row r="39104" spans="44:44" ht="15.75" customHeight="1" x14ac:dyDescent="0.15">
      <c r="AR39104" s="9" ph="1"/>
    </row>
    <row r="39105" spans="44:44" ht="15.75" customHeight="1" x14ac:dyDescent="0.15">
      <c r="AR39105" s="9" ph="1"/>
    </row>
    <row r="39106" spans="44:44" ht="15.75" customHeight="1" x14ac:dyDescent="0.15">
      <c r="AR39106" s="9" ph="1"/>
    </row>
    <row r="39107" spans="44:44" ht="15.75" customHeight="1" x14ac:dyDescent="0.15">
      <c r="AR39107" s="9" ph="1"/>
    </row>
    <row r="39108" spans="44:44" ht="15.75" customHeight="1" x14ac:dyDescent="0.15">
      <c r="AR39108" s="9" ph="1"/>
    </row>
    <row r="39109" spans="44:44" ht="15.75" customHeight="1" x14ac:dyDescent="0.15">
      <c r="AR39109" s="9" ph="1"/>
    </row>
    <row r="39110" spans="44:44" ht="15.75" customHeight="1" x14ac:dyDescent="0.15">
      <c r="AR39110" s="9" ph="1"/>
    </row>
    <row r="39111" spans="44:44" ht="15.75" customHeight="1" x14ac:dyDescent="0.15">
      <c r="AR39111" s="9" ph="1"/>
    </row>
    <row r="39112" spans="44:44" ht="15.75" customHeight="1" x14ac:dyDescent="0.15">
      <c r="AR39112" s="9" ph="1"/>
    </row>
    <row r="39114" spans="44:44" ht="15.75" customHeight="1" x14ac:dyDescent="0.15">
      <c r="AR39114" s="9" ph="1"/>
    </row>
    <row r="39115" spans="44:44" ht="15.75" customHeight="1" x14ac:dyDescent="0.15">
      <c r="AR39115" s="9" ph="1"/>
    </row>
    <row r="39116" spans="44:44" ht="15.75" customHeight="1" x14ac:dyDescent="0.15">
      <c r="AR39116" s="9" ph="1"/>
    </row>
    <row r="39118" spans="44:44" ht="15.75" customHeight="1" x14ac:dyDescent="0.15">
      <c r="AR39118" s="9" ph="1"/>
    </row>
    <row r="39119" spans="44:44" ht="15.75" customHeight="1" x14ac:dyDescent="0.15">
      <c r="AR39119" s="9" ph="1"/>
    </row>
    <row r="39120" spans="44:44" ht="15.75" customHeight="1" x14ac:dyDescent="0.15">
      <c r="AR39120" s="9" ph="1"/>
    </row>
    <row r="39121" spans="44:44" ht="15.75" customHeight="1" x14ac:dyDescent="0.15">
      <c r="AR39121" s="9" ph="1"/>
    </row>
    <row r="39122" spans="44:44" ht="15.75" customHeight="1" x14ac:dyDescent="0.15">
      <c r="AR39122" s="9" ph="1"/>
    </row>
    <row r="39123" spans="44:44" ht="15.75" customHeight="1" x14ac:dyDescent="0.15">
      <c r="AR39123" s="9" ph="1"/>
    </row>
    <row r="39124" spans="44:44" ht="15.75" customHeight="1" x14ac:dyDescent="0.15">
      <c r="AR39124" s="9" ph="1"/>
    </row>
    <row r="39125" spans="44:44" ht="15.75" customHeight="1" x14ac:dyDescent="0.15">
      <c r="AR39125" s="9" ph="1"/>
    </row>
    <row r="39127" spans="44:44" ht="15.75" customHeight="1" x14ac:dyDescent="0.15">
      <c r="AR39127" s="9" ph="1"/>
    </row>
    <row r="39128" spans="44:44" ht="15.75" customHeight="1" x14ac:dyDescent="0.15">
      <c r="AR39128" s="9" ph="1"/>
    </row>
    <row r="39129" spans="44:44" ht="15.75" customHeight="1" x14ac:dyDescent="0.15">
      <c r="AR39129" s="9" ph="1"/>
    </row>
    <row r="39130" spans="44:44" ht="15.75" customHeight="1" x14ac:dyDescent="0.15">
      <c r="AR39130" s="9" ph="1"/>
    </row>
    <row r="39131" spans="44:44" ht="15.75" customHeight="1" x14ac:dyDescent="0.15">
      <c r="AR39131" s="9" ph="1"/>
    </row>
    <row r="39132" spans="44:44" ht="15.75" customHeight="1" x14ac:dyDescent="0.15">
      <c r="AR39132" s="9" ph="1"/>
    </row>
    <row r="39133" spans="44:44" ht="15.75" customHeight="1" x14ac:dyDescent="0.15">
      <c r="AR39133" s="9" ph="1"/>
    </row>
    <row r="39134" spans="44:44" ht="15.75" customHeight="1" x14ac:dyDescent="0.15">
      <c r="AR39134" s="9" ph="1"/>
    </row>
    <row r="39136" spans="44:44" ht="15.75" customHeight="1" x14ac:dyDescent="0.15">
      <c r="AR39136" s="9" ph="1"/>
    </row>
    <row r="39137" spans="44:44" ht="15.75" customHeight="1" x14ac:dyDescent="0.15">
      <c r="AR39137" s="9" ph="1"/>
    </row>
    <row r="39138" spans="44:44" ht="15.75" customHeight="1" x14ac:dyDescent="0.15">
      <c r="AR39138" s="9" ph="1"/>
    </row>
    <row r="39139" spans="44:44" ht="15.75" customHeight="1" x14ac:dyDescent="0.15">
      <c r="AR39139" s="9" ph="1"/>
    </row>
    <row r="39140" spans="44:44" ht="15.75" customHeight="1" x14ac:dyDescent="0.15">
      <c r="AR39140" s="9" ph="1"/>
    </row>
    <row r="39141" spans="44:44" ht="15.75" customHeight="1" x14ac:dyDescent="0.15">
      <c r="AR39141" s="9" ph="1"/>
    </row>
    <row r="39143" spans="44:44" ht="15.75" customHeight="1" x14ac:dyDescent="0.15">
      <c r="AR39143" s="9" ph="1"/>
    </row>
    <row r="39144" spans="44:44" ht="15.75" customHeight="1" x14ac:dyDescent="0.15">
      <c r="AR39144" s="9" ph="1"/>
    </row>
    <row r="39145" spans="44:44" ht="15.75" customHeight="1" x14ac:dyDescent="0.15">
      <c r="AR39145" s="9" ph="1"/>
    </row>
    <row r="39146" spans="44:44" ht="15.75" customHeight="1" x14ac:dyDescent="0.15">
      <c r="AR39146" s="9" ph="1"/>
    </row>
    <row r="39147" spans="44:44" ht="15.75" customHeight="1" x14ac:dyDescent="0.15">
      <c r="AR39147" s="9" ph="1"/>
    </row>
    <row r="39148" spans="44:44" ht="15.75" customHeight="1" x14ac:dyDescent="0.15">
      <c r="AR39148" s="9" ph="1"/>
    </row>
    <row r="39149" spans="44:44" ht="15.75" customHeight="1" x14ac:dyDescent="0.15">
      <c r="AR39149" s="9" ph="1"/>
    </row>
    <row r="39150" spans="44:44" ht="15.75" customHeight="1" x14ac:dyDescent="0.15">
      <c r="AR39150" s="9" ph="1"/>
    </row>
    <row r="39151" spans="44:44" ht="15.75" customHeight="1" x14ac:dyDescent="0.15">
      <c r="AR39151" s="9" ph="1"/>
    </row>
    <row r="39152" spans="44:44" ht="15.75" customHeight="1" x14ac:dyDescent="0.15">
      <c r="AR39152" s="9" ph="1"/>
    </row>
    <row r="39154" spans="44:44" ht="15.75" customHeight="1" x14ac:dyDescent="0.15">
      <c r="AR39154" s="9" ph="1"/>
    </row>
    <row r="39155" spans="44:44" ht="15.75" customHeight="1" x14ac:dyDescent="0.15">
      <c r="AR39155" s="9" ph="1"/>
    </row>
    <row r="39156" spans="44:44" ht="15.75" customHeight="1" x14ac:dyDescent="0.15">
      <c r="AR39156" s="9" ph="1"/>
    </row>
    <row r="39157" spans="44:44" ht="15.75" customHeight="1" x14ac:dyDescent="0.15">
      <c r="AR39157" s="9" ph="1"/>
    </row>
    <row r="39158" spans="44:44" ht="15.75" customHeight="1" x14ac:dyDescent="0.15">
      <c r="AR39158" s="9" ph="1"/>
    </row>
    <row r="39159" spans="44:44" ht="15.75" customHeight="1" x14ac:dyDescent="0.15">
      <c r="AR39159" s="9" ph="1"/>
    </row>
    <row r="39160" spans="44:44" ht="15.75" customHeight="1" x14ac:dyDescent="0.15">
      <c r="AR39160" s="9" ph="1"/>
    </row>
    <row r="39161" spans="44:44" ht="15.75" customHeight="1" x14ac:dyDescent="0.15">
      <c r="AR39161" s="9" ph="1"/>
    </row>
    <row r="39162" spans="44:44" ht="15.75" customHeight="1" x14ac:dyDescent="0.15">
      <c r="AR39162" s="9" ph="1"/>
    </row>
    <row r="39163" spans="44:44" ht="15.75" customHeight="1" x14ac:dyDescent="0.15">
      <c r="AR39163" s="9" ph="1"/>
    </row>
    <row r="39164" spans="44:44" ht="15.75" customHeight="1" x14ac:dyDescent="0.15">
      <c r="AR39164" s="9" ph="1"/>
    </row>
    <row r="39165" spans="44:44" ht="15.75" customHeight="1" x14ac:dyDescent="0.15">
      <c r="AR39165" s="9" ph="1"/>
    </row>
    <row r="39167" spans="44:44" ht="15.75" customHeight="1" x14ac:dyDescent="0.15">
      <c r="AR39167" s="9" ph="1"/>
    </row>
    <row r="39168" spans="44:44" ht="15.75" customHeight="1" x14ac:dyDescent="0.15">
      <c r="AR39168" s="9" ph="1"/>
    </row>
    <row r="39169" spans="44:44" ht="15.75" customHeight="1" x14ac:dyDescent="0.15">
      <c r="AR39169" s="9" ph="1"/>
    </row>
    <row r="39171" spans="44:44" ht="15.75" customHeight="1" x14ac:dyDescent="0.15">
      <c r="AR39171" s="9" ph="1"/>
    </row>
    <row r="39172" spans="44:44" ht="15.75" customHeight="1" x14ac:dyDescent="0.15">
      <c r="AR39172" s="9" ph="1"/>
    </row>
    <row r="39173" spans="44:44" ht="15.75" customHeight="1" x14ac:dyDescent="0.15">
      <c r="AR39173" s="9" ph="1"/>
    </row>
    <row r="39174" spans="44:44" ht="15.75" customHeight="1" x14ac:dyDescent="0.15">
      <c r="AR39174" s="9" ph="1"/>
    </row>
    <row r="39175" spans="44:44" ht="15.75" customHeight="1" x14ac:dyDescent="0.15">
      <c r="AR39175" s="9" ph="1"/>
    </row>
    <row r="39176" spans="44:44" ht="15.75" customHeight="1" x14ac:dyDescent="0.15">
      <c r="AR39176" s="9" ph="1"/>
    </row>
    <row r="39177" spans="44:44" ht="15.75" customHeight="1" x14ac:dyDescent="0.15">
      <c r="AR39177" s="9" ph="1"/>
    </row>
    <row r="39178" spans="44:44" ht="15.75" customHeight="1" x14ac:dyDescent="0.15">
      <c r="AR39178" s="9" ph="1"/>
    </row>
    <row r="39180" spans="44:44" ht="15.75" customHeight="1" x14ac:dyDescent="0.15">
      <c r="AR39180" s="9" ph="1"/>
    </row>
    <row r="39181" spans="44:44" ht="15.75" customHeight="1" x14ac:dyDescent="0.15">
      <c r="AR39181" s="9" ph="1"/>
    </row>
    <row r="39182" spans="44:44" ht="15.75" customHeight="1" x14ac:dyDescent="0.15">
      <c r="AR39182" s="9" ph="1"/>
    </row>
    <row r="39183" spans="44:44" ht="15.75" customHeight="1" x14ac:dyDescent="0.15">
      <c r="AR39183" s="9" ph="1"/>
    </row>
    <row r="39184" spans="44:44" ht="15.75" customHeight="1" x14ac:dyDescent="0.15">
      <c r="AR39184" s="9" ph="1"/>
    </row>
    <row r="39185" spans="44:44" ht="15.75" customHeight="1" x14ac:dyDescent="0.15">
      <c r="AR39185" s="9" ph="1"/>
    </row>
    <row r="39186" spans="44:44" ht="15.75" customHeight="1" x14ac:dyDescent="0.15">
      <c r="AR39186" s="9" ph="1"/>
    </row>
    <row r="39187" spans="44:44" ht="15.75" customHeight="1" x14ac:dyDescent="0.15">
      <c r="AR39187" s="9" ph="1"/>
    </row>
    <row r="39189" spans="44:44" ht="15.75" customHeight="1" x14ac:dyDescent="0.15">
      <c r="AR39189" s="9" ph="1"/>
    </row>
    <row r="39190" spans="44:44" ht="15.75" customHeight="1" x14ac:dyDescent="0.15">
      <c r="AR39190" s="9" ph="1"/>
    </row>
    <row r="39191" spans="44:44" ht="15.75" customHeight="1" x14ac:dyDescent="0.15">
      <c r="AR39191" s="9" ph="1"/>
    </row>
    <row r="39192" spans="44:44" ht="15.75" customHeight="1" x14ac:dyDescent="0.15">
      <c r="AR39192" s="9" ph="1"/>
    </row>
    <row r="39193" spans="44:44" ht="15.75" customHeight="1" x14ac:dyDescent="0.15">
      <c r="AR39193" s="9" ph="1"/>
    </row>
    <row r="39194" spans="44:44" ht="15.75" customHeight="1" x14ac:dyDescent="0.15">
      <c r="AR39194" s="9" ph="1"/>
    </row>
    <row r="39196" spans="44:44" ht="15.75" customHeight="1" x14ac:dyDescent="0.15">
      <c r="AR39196" s="9" ph="1"/>
    </row>
    <row r="39197" spans="44:44" ht="15.75" customHeight="1" x14ac:dyDescent="0.15">
      <c r="AR39197" s="9" ph="1"/>
    </row>
    <row r="39198" spans="44:44" ht="15.75" customHeight="1" x14ac:dyDescent="0.15">
      <c r="AR39198" s="9" ph="1"/>
    </row>
    <row r="39199" spans="44:44" ht="15.75" customHeight="1" x14ac:dyDescent="0.15">
      <c r="AR39199" s="9" ph="1"/>
    </row>
    <row r="39200" spans="44:44" ht="15.75" customHeight="1" x14ac:dyDescent="0.15">
      <c r="AR39200" s="9" ph="1"/>
    </row>
    <row r="39201" spans="44:44" ht="15.75" customHeight="1" x14ac:dyDescent="0.15">
      <c r="AR39201" s="9" ph="1"/>
    </row>
    <row r="39202" spans="44:44" ht="15.75" customHeight="1" x14ac:dyDescent="0.15">
      <c r="AR39202" s="9" ph="1"/>
    </row>
    <row r="39203" spans="44:44" ht="15.75" customHeight="1" x14ac:dyDescent="0.15">
      <c r="AR39203" s="9" ph="1"/>
    </row>
    <row r="39204" spans="44:44" ht="15.75" customHeight="1" x14ac:dyDescent="0.15">
      <c r="AR39204" s="9" ph="1"/>
    </row>
    <row r="39205" spans="44:44" ht="15.75" customHeight="1" x14ac:dyDescent="0.15">
      <c r="AR39205" s="9" ph="1"/>
    </row>
    <row r="39206" spans="44:44" ht="15.75" customHeight="1" x14ac:dyDescent="0.15">
      <c r="AR39206" s="9" ph="1"/>
    </row>
    <row r="39207" spans="44:44" ht="15.75" customHeight="1" x14ac:dyDescent="0.15">
      <c r="AR39207" s="9" ph="1"/>
    </row>
    <row r="39208" spans="44:44" ht="15.75" customHeight="1" x14ac:dyDescent="0.15">
      <c r="AR39208" s="9" ph="1"/>
    </row>
    <row r="39209" spans="44:44" ht="15.75" customHeight="1" x14ac:dyDescent="0.15">
      <c r="AR39209" s="9" ph="1"/>
    </row>
    <row r="39210" spans="44:44" ht="15.75" customHeight="1" x14ac:dyDescent="0.15">
      <c r="AR39210" s="9" ph="1"/>
    </row>
    <row r="39211" spans="44:44" ht="15.75" customHeight="1" x14ac:dyDescent="0.15">
      <c r="AR39211" s="9" ph="1"/>
    </row>
    <row r="39212" spans="44:44" ht="15.75" customHeight="1" x14ac:dyDescent="0.15">
      <c r="AR39212" s="9" ph="1"/>
    </row>
    <row r="39214" spans="44:44" ht="15.75" customHeight="1" x14ac:dyDescent="0.15">
      <c r="AR39214" s="9" ph="1"/>
    </row>
    <row r="39215" spans="44:44" ht="15.75" customHeight="1" x14ac:dyDescent="0.15">
      <c r="AR39215" s="9" ph="1"/>
    </row>
    <row r="39216" spans="44:44" ht="15.75" customHeight="1" x14ac:dyDescent="0.15">
      <c r="AR39216" s="9" ph="1"/>
    </row>
    <row r="39217" spans="44:44" ht="15.75" customHeight="1" x14ac:dyDescent="0.15">
      <c r="AR39217" s="9" ph="1"/>
    </row>
    <row r="39218" spans="44:44" ht="15.75" customHeight="1" x14ac:dyDescent="0.15">
      <c r="AR39218" s="9" ph="1"/>
    </row>
    <row r="39219" spans="44:44" ht="15.75" customHeight="1" x14ac:dyDescent="0.15">
      <c r="AR39219" s="9" ph="1"/>
    </row>
    <row r="39220" spans="44:44" ht="15.75" customHeight="1" x14ac:dyDescent="0.15">
      <c r="AR39220" s="9" ph="1"/>
    </row>
    <row r="39221" spans="44:44" ht="15.75" customHeight="1" x14ac:dyDescent="0.15">
      <c r="AR39221" s="9" ph="1"/>
    </row>
    <row r="39222" spans="44:44" ht="15.75" customHeight="1" x14ac:dyDescent="0.15">
      <c r="AR39222" s="9" ph="1"/>
    </row>
    <row r="39223" spans="44:44" ht="15.75" customHeight="1" x14ac:dyDescent="0.15">
      <c r="AR39223" s="9" ph="1"/>
    </row>
    <row r="39224" spans="44:44" ht="15.75" customHeight="1" x14ac:dyDescent="0.15">
      <c r="AR39224" s="9" ph="1"/>
    </row>
    <row r="39225" spans="44:44" ht="15.75" customHeight="1" x14ac:dyDescent="0.15">
      <c r="AR39225" s="9" ph="1"/>
    </row>
    <row r="39227" spans="44:44" ht="15.75" customHeight="1" x14ac:dyDescent="0.15">
      <c r="AR39227" s="9" ph="1"/>
    </row>
    <row r="39228" spans="44:44" ht="15.75" customHeight="1" x14ac:dyDescent="0.15">
      <c r="AR39228" s="9" ph="1"/>
    </row>
    <row r="39229" spans="44:44" ht="15.75" customHeight="1" x14ac:dyDescent="0.15">
      <c r="AR39229" s="9" ph="1"/>
    </row>
    <row r="39231" spans="44:44" ht="15.75" customHeight="1" x14ac:dyDescent="0.15">
      <c r="AR39231" s="9" ph="1"/>
    </row>
    <row r="39232" spans="44:44" ht="15.75" customHeight="1" x14ac:dyDescent="0.15">
      <c r="AR39232" s="9" ph="1"/>
    </row>
    <row r="39233" spans="44:44" ht="15.75" customHeight="1" x14ac:dyDescent="0.15">
      <c r="AR39233" s="9" ph="1"/>
    </row>
    <row r="39234" spans="44:44" ht="15.75" customHeight="1" x14ac:dyDescent="0.15">
      <c r="AR39234" s="9" ph="1"/>
    </row>
    <row r="39235" spans="44:44" ht="15.75" customHeight="1" x14ac:dyDescent="0.15">
      <c r="AR39235" s="9" ph="1"/>
    </row>
    <row r="39236" spans="44:44" ht="15.75" customHeight="1" x14ac:dyDescent="0.15">
      <c r="AR39236" s="9" ph="1"/>
    </row>
    <row r="39237" spans="44:44" ht="15.75" customHeight="1" x14ac:dyDescent="0.15">
      <c r="AR39237" s="9" ph="1"/>
    </row>
    <row r="39238" spans="44:44" ht="15.75" customHeight="1" x14ac:dyDescent="0.15">
      <c r="AR39238" s="9" ph="1"/>
    </row>
    <row r="39240" spans="44:44" ht="15.75" customHeight="1" x14ac:dyDescent="0.15">
      <c r="AR39240" s="9" ph="1"/>
    </row>
    <row r="39241" spans="44:44" ht="15.75" customHeight="1" x14ac:dyDescent="0.15">
      <c r="AR39241" s="9" ph="1"/>
    </row>
    <row r="39242" spans="44:44" ht="15.75" customHeight="1" x14ac:dyDescent="0.15">
      <c r="AR39242" s="9" ph="1"/>
    </row>
    <row r="39243" spans="44:44" ht="15.75" customHeight="1" x14ac:dyDescent="0.15">
      <c r="AR39243" s="9" ph="1"/>
    </row>
    <row r="39244" spans="44:44" ht="15.75" customHeight="1" x14ac:dyDescent="0.15">
      <c r="AR39244" s="9" ph="1"/>
    </row>
    <row r="39245" spans="44:44" ht="15.75" customHeight="1" x14ac:dyDescent="0.15">
      <c r="AR39245" s="9" ph="1"/>
    </row>
    <row r="39246" spans="44:44" ht="15.75" customHeight="1" x14ac:dyDescent="0.15">
      <c r="AR39246" s="9" ph="1"/>
    </row>
    <row r="39247" spans="44:44" ht="15.75" customHeight="1" x14ac:dyDescent="0.15">
      <c r="AR39247" s="9" ph="1"/>
    </row>
    <row r="39249" spans="44:44" ht="15.75" customHeight="1" x14ac:dyDescent="0.15">
      <c r="AR39249" s="9" ph="1"/>
    </row>
    <row r="39250" spans="44:44" ht="15.75" customHeight="1" x14ac:dyDescent="0.15">
      <c r="AR39250" s="9" ph="1"/>
    </row>
    <row r="39251" spans="44:44" ht="15.75" customHeight="1" x14ac:dyDescent="0.15">
      <c r="AR39251" s="9" ph="1"/>
    </row>
    <row r="39252" spans="44:44" ht="15.75" customHeight="1" x14ac:dyDescent="0.15">
      <c r="AR39252" s="9" ph="1"/>
    </row>
    <row r="39253" spans="44:44" ht="15.75" customHeight="1" x14ac:dyDescent="0.15">
      <c r="AR39253" s="9" ph="1"/>
    </row>
    <row r="39254" spans="44:44" ht="15.75" customHeight="1" x14ac:dyDescent="0.15">
      <c r="AR39254" s="9" ph="1"/>
    </row>
    <row r="39256" spans="44:44" ht="15.75" customHeight="1" x14ac:dyDescent="0.15">
      <c r="AR39256" s="9" ph="1"/>
    </row>
    <row r="39257" spans="44:44" ht="15.75" customHeight="1" x14ac:dyDescent="0.15">
      <c r="AR39257" s="9" ph="1"/>
    </row>
    <row r="39258" spans="44:44" ht="15.75" customHeight="1" x14ac:dyDescent="0.15">
      <c r="AR39258" s="9" ph="1"/>
    </row>
    <row r="39259" spans="44:44" ht="15.75" customHeight="1" x14ac:dyDescent="0.15">
      <c r="AR39259" s="9" ph="1"/>
    </row>
    <row r="39260" spans="44:44" ht="15.75" customHeight="1" x14ac:dyDescent="0.15">
      <c r="AR39260" s="9" ph="1"/>
    </row>
    <row r="39261" spans="44:44" ht="15.75" customHeight="1" x14ac:dyDescent="0.15">
      <c r="AR39261" s="9" ph="1"/>
    </row>
    <row r="39262" spans="44:44" ht="15.75" customHeight="1" x14ac:dyDescent="0.15">
      <c r="AR39262" s="9" ph="1"/>
    </row>
    <row r="39264" spans="44:44" ht="15.75" customHeight="1" x14ac:dyDescent="0.15">
      <c r="AR39264" s="9" ph="1"/>
    </row>
    <row r="39265" spans="44:44" ht="15.75" customHeight="1" x14ac:dyDescent="0.15">
      <c r="AR39265" s="9" ph="1"/>
    </row>
    <row r="39266" spans="44:44" ht="15.75" customHeight="1" x14ac:dyDescent="0.15">
      <c r="AR39266" s="9" ph="1"/>
    </row>
    <row r="39267" spans="44:44" ht="15.75" customHeight="1" x14ac:dyDescent="0.15">
      <c r="AR39267" s="9" ph="1"/>
    </row>
    <row r="39268" spans="44:44" ht="15.75" customHeight="1" x14ac:dyDescent="0.15">
      <c r="AR39268" s="9" ph="1"/>
    </row>
    <row r="39269" spans="44:44" ht="15.75" customHeight="1" x14ac:dyDescent="0.15">
      <c r="AR39269" s="9" ph="1"/>
    </row>
    <row r="39270" spans="44:44" ht="15.75" customHeight="1" x14ac:dyDescent="0.15">
      <c r="AR39270" s="9" ph="1"/>
    </row>
    <row r="39271" spans="44:44" ht="15.75" customHeight="1" x14ac:dyDescent="0.15">
      <c r="AR39271" s="9" ph="1"/>
    </row>
    <row r="39272" spans="44:44" ht="15.75" customHeight="1" x14ac:dyDescent="0.15">
      <c r="AR39272" s="9" ph="1"/>
    </row>
    <row r="39273" spans="44:44" ht="15.75" customHeight="1" x14ac:dyDescent="0.15">
      <c r="AR39273" s="9" ph="1"/>
    </row>
    <row r="39274" spans="44:44" ht="15.75" customHeight="1" x14ac:dyDescent="0.15">
      <c r="AR39274" s="9" ph="1"/>
    </row>
    <row r="39275" spans="44:44" ht="15.75" customHeight="1" x14ac:dyDescent="0.15">
      <c r="AR39275" s="9" ph="1"/>
    </row>
    <row r="39276" spans="44:44" ht="15.75" customHeight="1" x14ac:dyDescent="0.15">
      <c r="AR39276" s="9" ph="1"/>
    </row>
    <row r="39277" spans="44:44" ht="15.75" customHeight="1" x14ac:dyDescent="0.15">
      <c r="AR39277" s="9" ph="1"/>
    </row>
    <row r="39278" spans="44:44" ht="15.75" customHeight="1" x14ac:dyDescent="0.15">
      <c r="AR39278" s="9" ph="1"/>
    </row>
    <row r="39280" spans="44:44" ht="15.75" customHeight="1" x14ac:dyDescent="0.15">
      <c r="AR39280" s="9" ph="1"/>
    </row>
    <row r="39281" spans="44:44" ht="15.75" customHeight="1" x14ac:dyDescent="0.15">
      <c r="AR39281" s="9" ph="1"/>
    </row>
    <row r="39282" spans="44:44" ht="15.75" customHeight="1" x14ac:dyDescent="0.15">
      <c r="AR39282" s="9" ph="1"/>
    </row>
    <row r="39283" spans="44:44" ht="15.75" customHeight="1" x14ac:dyDescent="0.15">
      <c r="AR39283" s="9" ph="1"/>
    </row>
    <row r="39284" spans="44:44" ht="15.75" customHeight="1" x14ac:dyDescent="0.15">
      <c r="AR39284" s="9" ph="1"/>
    </row>
    <row r="39285" spans="44:44" ht="15.75" customHeight="1" x14ac:dyDescent="0.15">
      <c r="AR39285" s="9" ph="1"/>
    </row>
    <row r="39286" spans="44:44" ht="15.75" customHeight="1" x14ac:dyDescent="0.15">
      <c r="AR39286" s="9" ph="1"/>
    </row>
    <row r="39287" spans="44:44" ht="15.75" customHeight="1" x14ac:dyDescent="0.15">
      <c r="AR39287" s="9" ph="1"/>
    </row>
    <row r="39288" spans="44:44" ht="15.75" customHeight="1" x14ac:dyDescent="0.15">
      <c r="AR39288" s="9" ph="1"/>
    </row>
    <row r="39289" spans="44:44" ht="15.75" customHeight="1" x14ac:dyDescent="0.15">
      <c r="AR39289" s="9" ph="1"/>
    </row>
    <row r="39290" spans="44:44" ht="15.75" customHeight="1" x14ac:dyDescent="0.15">
      <c r="AR39290" s="9" ph="1"/>
    </row>
    <row r="39291" spans="44:44" ht="15.75" customHeight="1" x14ac:dyDescent="0.15">
      <c r="AR39291" s="9" ph="1"/>
    </row>
    <row r="39292" spans="44:44" ht="15.75" customHeight="1" x14ac:dyDescent="0.15">
      <c r="AR39292" s="9" ph="1"/>
    </row>
    <row r="39293" spans="44:44" ht="15.75" customHeight="1" x14ac:dyDescent="0.15">
      <c r="AR39293" s="9" ph="1"/>
    </row>
    <row r="39294" spans="44:44" ht="15.75" customHeight="1" x14ac:dyDescent="0.15">
      <c r="AR39294" s="9" ph="1"/>
    </row>
    <row r="39295" spans="44:44" ht="15.75" customHeight="1" x14ac:dyDescent="0.15">
      <c r="AR39295" s="9" ph="1"/>
    </row>
    <row r="39296" spans="44:44" ht="15.75" customHeight="1" x14ac:dyDescent="0.15">
      <c r="AR39296" s="9" ph="1"/>
    </row>
    <row r="39297" spans="44:44" ht="15.75" customHeight="1" x14ac:dyDescent="0.15">
      <c r="AR39297" s="9" ph="1"/>
    </row>
    <row r="39299" spans="44:44" ht="15.75" customHeight="1" x14ac:dyDescent="0.15">
      <c r="AR39299" s="9" ph="1"/>
    </row>
    <row r="39300" spans="44:44" ht="15.75" customHeight="1" x14ac:dyDescent="0.15">
      <c r="AR39300" s="9" ph="1"/>
    </row>
    <row r="39301" spans="44:44" ht="15.75" customHeight="1" x14ac:dyDescent="0.15">
      <c r="AR39301" s="9" ph="1"/>
    </row>
    <row r="39302" spans="44:44" ht="15.75" customHeight="1" x14ac:dyDescent="0.15">
      <c r="AR39302" s="9" ph="1"/>
    </row>
    <row r="39303" spans="44:44" ht="15.75" customHeight="1" x14ac:dyDescent="0.15">
      <c r="AR39303" s="9" ph="1"/>
    </row>
    <row r="39304" spans="44:44" ht="15.75" customHeight="1" x14ac:dyDescent="0.15">
      <c r="AR39304" s="9" ph="1"/>
    </row>
    <row r="39305" spans="44:44" ht="15.75" customHeight="1" x14ac:dyDescent="0.15">
      <c r="AR39305" s="9" ph="1"/>
    </row>
    <row r="39306" spans="44:44" ht="15.75" customHeight="1" x14ac:dyDescent="0.15">
      <c r="AR39306" s="9" ph="1"/>
    </row>
    <row r="39307" spans="44:44" ht="15.75" customHeight="1" x14ac:dyDescent="0.15">
      <c r="AR39307" s="9" ph="1"/>
    </row>
    <row r="39308" spans="44:44" ht="15.75" customHeight="1" x14ac:dyDescent="0.15">
      <c r="AR39308" s="9" ph="1"/>
    </row>
    <row r="39310" spans="44:44" ht="15.75" customHeight="1" x14ac:dyDescent="0.15">
      <c r="AR39310" s="9" ph="1"/>
    </row>
    <row r="39311" spans="44:44" ht="15.75" customHeight="1" x14ac:dyDescent="0.15">
      <c r="AR39311" s="9" ph="1"/>
    </row>
    <row r="39312" spans="44:44" ht="15.75" customHeight="1" x14ac:dyDescent="0.15">
      <c r="AR39312" s="9" ph="1"/>
    </row>
    <row r="39313" spans="44:44" ht="15.75" customHeight="1" x14ac:dyDescent="0.15">
      <c r="AR39313" s="9" ph="1"/>
    </row>
    <row r="39314" spans="44:44" ht="15.75" customHeight="1" x14ac:dyDescent="0.15">
      <c r="AR39314" s="9" ph="1"/>
    </row>
    <row r="39315" spans="44:44" ht="15.75" customHeight="1" x14ac:dyDescent="0.15">
      <c r="AR39315" s="9" ph="1"/>
    </row>
    <row r="39317" spans="44:44" ht="15.75" customHeight="1" x14ac:dyDescent="0.15">
      <c r="AR39317" s="9" ph="1"/>
    </row>
    <row r="39318" spans="44:44" ht="15.75" customHeight="1" x14ac:dyDescent="0.15">
      <c r="AR39318" s="9" ph="1"/>
    </row>
    <row r="39319" spans="44:44" ht="15.75" customHeight="1" x14ac:dyDescent="0.15">
      <c r="AR39319" s="9" ph="1"/>
    </row>
    <row r="39320" spans="44:44" ht="15.75" customHeight="1" x14ac:dyDescent="0.15">
      <c r="AR39320" s="9" ph="1"/>
    </row>
    <row r="39321" spans="44:44" ht="15.75" customHeight="1" x14ac:dyDescent="0.15">
      <c r="AR39321" s="9" ph="1"/>
    </row>
    <row r="39322" spans="44:44" ht="15.75" customHeight="1" x14ac:dyDescent="0.15">
      <c r="AR39322" s="9" ph="1"/>
    </row>
    <row r="39323" spans="44:44" ht="15.75" customHeight="1" x14ac:dyDescent="0.15">
      <c r="AR39323" s="9" ph="1"/>
    </row>
    <row r="39324" spans="44:44" ht="15.75" customHeight="1" x14ac:dyDescent="0.15">
      <c r="AR39324" s="9" ph="1"/>
    </row>
    <row r="39325" spans="44:44" ht="15.75" customHeight="1" x14ac:dyDescent="0.15">
      <c r="AR39325" s="9" ph="1"/>
    </row>
    <row r="39326" spans="44:44" ht="15.75" customHeight="1" x14ac:dyDescent="0.15">
      <c r="AR39326" s="9" ph="1"/>
    </row>
    <row r="39328" spans="44:44" ht="15.75" customHeight="1" x14ac:dyDescent="0.15">
      <c r="AR39328" s="9" ph="1"/>
    </row>
    <row r="39329" spans="44:44" ht="15.75" customHeight="1" x14ac:dyDescent="0.15">
      <c r="AR39329" s="9" ph="1"/>
    </row>
    <row r="39330" spans="44:44" ht="15.75" customHeight="1" x14ac:dyDescent="0.15">
      <c r="AR39330" s="9" ph="1"/>
    </row>
    <row r="39331" spans="44:44" ht="15.75" customHeight="1" x14ac:dyDescent="0.15">
      <c r="AR39331" s="9" ph="1"/>
    </row>
    <row r="39332" spans="44:44" ht="15.75" customHeight="1" x14ac:dyDescent="0.15">
      <c r="AR39332" s="9" ph="1"/>
    </row>
    <row r="39333" spans="44:44" ht="15.75" customHeight="1" x14ac:dyDescent="0.15">
      <c r="AR39333" s="9" ph="1"/>
    </row>
    <row r="39334" spans="44:44" ht="15.75" customHeight="1" x14ac:dyDescent="0.15">
      <c r="AR39334" s="9" ph="1"/>
    </row>
    <row r="39335" spans="44:44" ht="15.75" customHeight="1" x14ac:dyDescent="0.15">
      <c r="AR39335" s="9" ph="1"/>
    </row>
    <row r="39336" spans="44:44" ht="15.75" customHeight="1" x14ac:dyDescent="0.15">
      <c r="AR39336" s="9" ph="1"/>
    </row>
    <row r="39338" spans="44:44" ht="15.75" customHeight="1" x14ac:dyDescent="0.15">
      <c r="AR39338" s="9" ph="1"/>
    </row>
    <row r="39339" spans="44:44" ht="15.75" customHeight="1" x14ac:dyDescent="0.15">
      <c r="AR39339" s="9" ph="1"/>
    </row>
    <row r="39340" spans="44:44" ht="15.75" customHeight="1" x14ac:dyDescent="0.15">
      <c r="AR39340" s="9" ph="1"/>
    </row>
    <row r="39341" spans="44:44" ht="15.75" customHeight="1" x14ac:dyDescent="0.15">
      <c r="AR39341" s="9" ph="1"/>
    </row>
    <row r="39342" spans="44:44" ht="15.75" customHeight="1" x14ac:dyDescent="0.15">
      <c r="AR39342" s="9" ph="1"/>
    </row>
    <row r="39343" spans="44:44" ht="15.75" customHeight="1" x14ac:dyDescent="0.15">
      <c r="AR39343" s="9" ph="1"/>
    </row>
    <row r="39344" spans="44:44" ht="15.75" customHeight="1" x14ac:dyDescent="0.15">
      <c r="AR39344" s="9" ph="1"/>
    </row>
    <row r="39345" spans="44:44" ht="15.75" customHeight="1" x14ac:dyDescent="0.15">
      <c r="AR39345" s="9" ph="1"/>
    </row>
    <row r="39346" spans="44:44" ht="15.75" customHeight="1" x14ac:dyDescent="0.15">
      <c r="AR39346" s="9" ph="1"/>
    </row>
    <row r="39347" spans="44:44" ht="15.75" customHeight="1" x14ac:dyDescent="0.15">
      <c r="AR39347" s="9" ph="1"/>
    </row>
    <row r="39349" spans="44:44" ht="15.75" customHeight="1" x14ac:dyDescent="0.15">
      <c r="AR39349" s="9" ph="1"/>
    </row>
    <row r="39350" spans="44:44" ht="15.75" customHeight="1" x14ac:dyDescent="0.15">
      <c r="AR39350" s="9" ph="1"/>
    </row>
    <row r="39351" spans="44:44" ht="15.75" customHeight="1" x14ac:dyDescent="0.15">
      <c r="AR39351" s="9" ph="1"/>
    </row>
    <row r="39352" spans="44:44" ht="15.75" customHeight="1" x14ac:dyDescent="0.15">
      <c r="AR39352" s="9" ph="1"/>
    </row>
    <row r="39353" spans="44:44" ht="15.75" customHeight="1" x14ac:dyDescent="0.15">
      <c r="AR39353" s="9" ph="1"/>
    </row>
    <row r="39354" spans="44:44" ht="15.75" customHeight="1" x14ac:dyDescent="0.15">
      <c r="AR39354" s="9" ph="1"/>
    </row>
    <row r="39355" spans="44:44" ht="15.75" customHeight="1" x14ac:dyDescent="0.15">
      <c r="AR39355" s="9" ph="1"/>
    </row>
    <row r="39356" spans="44:44" ht="15.75" customHeight="1" x14ac:dyDescent="0.15">
      <c r="AR39356" s="9" ph="1"/>
    </row>
    <row r="39357" spans="44:44" ht="15.75" customHeight="1" x14ac:dyDescent="0.15">
      <c r="AR39357" s="9" ph="1"/>
    </row>
    <row r="39358" spans="44:44" ht="15.75" customHeight="1" x14ac:dyDescent="0.15">
      <c r="AR39358" s="9" ph="1"/>
    </row>
    <row r="39359" spans="44:44" ht="15.75" customHeight="1" x14ac:dyDescent="0.15">
      <c r="AR39359" s="9" ph="1"/>
    </row>
    <row r="39360" spans="44:44" ht="15.75" customHeight="1" x14ac:dyDescent="0.15">
      <c r="AR39360" s="9" ph="1"/>
    </row>
    <row r="39361" spans="44:44" ht="15.75" customHeight="1" x14ac:dyDescent="0.15">
      <c r="AR39361" s="9" ph="1"/>
    </row>
    <row r="39362" spans="44:44" ht="15.75" customHeight="1" x14ac:dyDescent="0.15">
      <c r="AR39362" s="9" ph="1"/>
    </row>
    <row r="39363" spans="44:44" ht="15.75" customHeight="1" x14ac:dyDescent="0.15">
      <c r="AR39363" s="9" ph="1"/>
    </row>
    <row r="39365" spans="44:44" ht="15.75" customHeight="1" x14ac:dyDescent="0.15">
      <c r="AR39365" s="9" ph="1"/>
    </row>
    <row r="39366" spans="44:44" ht="15.75" customHeight="1" x14ac:dyDescent="0.15">
      <c r="AR39366" s="9" ph="1"/>
    </row>
    <row r="39367" spans="44:44" ht="15.75" customHeight="1" x14ac:dyDescent="0.15">
      <c r="AR39367" s="9" ph="1"/>
    </row>
    <row r="39368" spans="44:44" ht="15.75" customHeight="1" x14ac:dyDescent="0.15">
      <c r="AR39368" s="9" ph="1"/>
    </row>
    <row r="39369" spans="44:44" ht="15.75" customHeight="1" x14ac:dyDescent="0.15">
      <c r="AR39369" s="9" ph="1"/>
    </row>
    <row r="39370" spans="44:44" ht="15.75" customHeight="1" x14ac:dyDescent="0.15">
      <c r="AR39370" s="9" ph="1"/>
    </row>
    <row r="39371" spans="44:44" ht="15.75" customHeight="1" x14ac:dyDescent="0.15">
      <c r="AR39371" s="9" ph="1"/>
    </row>
    <row r="39372" spans="44:44" ht="15.75" customHeight="1" x14ac:dyDescent="0.15">
      <c r="AR39372" s="9" ph="1"/>
    </row>
    <row r="39373" spans="44:44" ht="15.75" customHeight="1" x14ac:dyDescent="0.15">
      <c r="AR39373" s="9" ph="1"/>
    </row>
    <row r="39374" spans="44:44" ht="15.75" customHeight="1" x14ac:dyDescent="0.15">
      <c r="AR39374" s="9" ph="1"/>
    </row>
    <row r="39376" spans="44:44" ht="15.75" customHeight="1" x14ac:dyDescent="0.15">
      <c r="AR39376" s="9" ph="1"/>
    </row>
    <row r="39377" spans="44:44" ht="15.75" customHeight="1" x14ac:dyDescent="0.15">
      <c r="AR39377" s="9" ph="1"/>
    </row>
    <row r="39378" spans="44:44" ht="15.75" customHeight="1" x14ac:dyDescent="0.15">
      <c r="AR39378" s="9" ph="1"/>
    </row>
    <row r="39379" spans="44:44" ht="15.75" customHeight="1" x14ac:dyDescent="0.15">
      <c r="AR39379" s="9" ph="1"/>
    </row>
    <row r="39380" spans="44:44" ht="15.75" customHeight="1" x14ac:dyDescent="0.15">
      <c r="AR39380" s="9" ph="1"/>
    </row>
    <row r="39381" spans="44:44" ht="15.75" customHeight="1" x14ac:dyDescent="0.15">
      <c r="AR39381" s="9" ph="1"/>
    </row>
    <row r="39382" spans="44:44" ht="15.75" customHeight="1" x14ac:dyDescent="0.15">
      <c r="AR39382" s="9" ph="1"/>
    </row>
    <row r="39383" spans="44:44" ht="15.75" customHeight="1" x14ac:dyDescent="0.15">
      <c r="AR39383" s="9" ph="1"/>
    </row>
    <row r="39384" spans="44:44" ht="15.75" customHeight="1" x14ac:dyDescent="0.15">
      <c r="AR39384" s="9" ph="1"/>
    </row>
    <row r="39385" spans="44:44" ht="15.75" customHeight="1" x14ac:dyDescent="0.15">
      <c r="AR39385" s="9" ph="1"/>
    </row>
    <row r="39386" spans="44:44" ht="15.75" customHeight="1" x14ac:dyDescent="0.15">
      <c r="AR39386" s="9" ph="1"/>
    </row>
    <row r="39387" spans="44:44" ht="15.75" customHeight="1" x14ac:dyDescent="0.15">
      <c r="AR39387" s="9" ph="1"/>
    </row>
    <row r="39388" spans="44:44" ht="15.75" customHeight="1" x14ac:dyDescent="0.15">
      <c r="AR39388" s="9" ph="1"/>
    </row>
    <row r="39389" spans="44:44" ht="15.75" customHeight="1" x14ac:dyDescent="0.15">
      <c r="AR39389" s="9" ph="1"/>
    </row>
    <row r="39390" spans="44:44" ht="15.75" customHeight="1" x14ac:dyDescent="0.15">
      <c r="AR39390" s="9" ph="1"/>
    </row>
    <row r="39391" spans="44:44" ht="15.75" customHeight="1" x14ac:dyDescent="0.15">
      <c r="AR39391" s="9" ph="1"/>
    </row>
    <row r="39393" spans="44:44" ht="15.75" customHeight="1" x14ac:dyDescent="0.15">
      <c r="AR39393" s="9" ph="1"/>
    </row>
    <row r="39394" spans="44:44" ht="15.75" customHeight="1" x14ac:dyDescent="0.15">
      <c r="AR39394" s="9" ph="1"/>
    </row>
    <row r="39395" spans="44:44" ht="15.75" customHeight="1" x14ac:dyDescent="0.15">
      <c r="AR39395" s="9" ph="1"/>
    </row>
    <row r="39396" spans="44:44" ht="15.75" customHeight="1" x14ac:dyDescent="0.15">
      <c r="AR39396" s="9" ph="1"/>
    </row>
    <row r="39397" spans="44:44" ht="15.75" customHeight="1" x14ac:dyDescent="0.15">
      <c r="AR39397" s="9" ph="1"/>
    </row>
    <row r="39398" spans="44:44" ht="15.75" customHeight="1" x14ac:dyDescent="0.15">
      <c r="AR39398" s="9" ph="1"/>
    </row>
    <row r="39399" spans="44:44" ht="15.75" customHeight="1" x14ac:dyDescent="0.15">
      <c r="AR39399" s="9" ph="1"/>
    </row>
    <row r="39400" spans="44:44" ht="15.75" customHeight="1" x14ac:dyDescent="0.15">
      <c r="AR39400" s="9" ph="1"/>
    </row>
    <row r="39402" spans="44:44" ht="15.75" customHeight="1" x14ac:dyDescent="0.15">
      <c r="AR39402" s="9" ph="1"/>
    </row>
    <row r="39403" spans="44:44" ht="15.75" customHeight="1" x14ac:dyDescent="0.15">
      <c r="AR39403" s="9" ph="1"/>
    </row>
    <row r="39404" spans="44:44" ht="15.75" customHeight="1" x14ac:dyDescent="0.15">
      <c r="AR39404" s="9" ph="1"/>
    </row>
    <row r="39405" spans="44:44" ht="15.75" customHeight="1" x14ac:dyDescent="0.15">
      <c r="AR39405" s="9" ph="1"/>
    </row>
    <row r="39406" spans="44:44" ht="15.75" customHeight="1" x14ac:dyDescent="0.15">
      <c r="AR39406" s="9" ph="1"/>
    </row>
    <row r="39407" spans="44:44" ht="15.75" customHeight="1" x14ac:dyDescent="0.15">
      <c r="AR39407" s="9" ph="1"/>
    </row>
    <row r="39409" spans="44:44" ht="15.75" customHeight="1" x14ac:dyDescent="0.15">
      <c r="AR39409" s="9" ph="1"/>
    </row>
    <row r="39410" spans="44:44" ht="15.75" customHeight="1" x14ac:dyDescent="0.15">
      <c r="AR39410" s="9" ph="1"/>
    </row>
    <row r="39411" spans="44:44" ht="15.75" customHeight="1" x14ac:dyDescent="0.15">
      <c r="AR39411" s="9" ph="1"/>
    </row>
    <row r="39412" spans="44:44" ht="15.75" customHeight="1" x14ac:dyDescent="0.15">
      <c r="AR39412" s="9" ph="1"/>
    </row>
    <row r="39413" spans="44:44" ht="15.75" customHeight="1" x14ac:dyDescent="0.15">
      <c r="AR39413" s="9" ph="1"/>
    </row>
    <row r="39414" spans="44:44" ht="15.75" customHeight="1" x14ac:dyDescent="0.15">
      <c r="AR39414" s="9" ph="1"/>
    </row>
    <row r="39415" spans="44:44" ht="15.75" customHeight="1" x14ac:dyDescent="0.15">
      <c r="AR39415" s="9" ph="1"/>
    </row>
    <row r="39417" spans="44:44" ht="15.75" customHeight="1" x14ac:dyDescent="0.15">
      <c r="AR39417" s="9" ph="1"/>
    </row>
    <row r="39418" spans="44:44" ht="15.75" customHeight="1" x14ac:dyDescent="0.15">
      <c r="AR39418" s="9" ph="1"/>
    </row>
    <row r="39419" spans="44:44" ht="15.75" customHeight="1" x14ac:dyDescent="0.15">
      <c r="AR39419" s="9" ph="1"/>
    </row>
    <row r="39420" spans="44:44" ht="15.75" customHeight="1" x14ac:dyDescent="0.15">
      <c r="AR39420" s="9" ph="1"/>
    </row>
    <row r="39421" spans="44:44" ht="15.75" customHeight="1" x14ac:dyDescent="0.15">
      <c r="AR39421" s="9" ph="1"/>
    </row>
    <row r="39422" spans="44:44" ht="15.75" customHeight="1" x14ac:dyDescent="0.15">
      <c r="AR39422" s="9" ph="1"/>
    </row>
    <row r="39423" spans="44:44" ht="15.75" customHeight="1" x14ac:dyDescent="0.15">
      <c r="AR39423" s="9" ph="1"/>
    </row>
    <row r="39424" spans="44:44" ht="15.75" customHeight="1" x14ac:dyDescent="0.15">
      <c r="AR39424" s="9" ph="1"/>
    </row>
    <row r="39425" spans="44:44" ht="15.75" customHeight="1" x14ac:dyDescent="0.15">
      <c r="AR39425" s="9" ph="1"/>
    </row>
    <row r="39426" spans="44:44" ht="15.75" customHeight="1" x14ac:dyDescent="0.15">
      <c r="AR39426" s="9" ph="1"/>
    </row>
    <row r="39427" spans="44:44" ht="15.75" customHeight="1" x14ac:dyDescent="0.15">
      <c r="AR39427" s="9" ph="1"/>
    </row>
    <row r="39428" spans="44:44" ht="15.75" customHeight="1" x14ac:dyDescent="0.15">
      <c r="AR39428" s="9" ph="1"/>
    </row>
    <row r="39429" spans="44:44" ht="15.75" customHeight="1" x14ac:dyDescent="0.15">
      <c r="AR39429" s="9" ph="1"/>
    </row>
    <row r="39430" spans="44:44" ht="15.75" customHeight="1" x14ac:dyDescent="0.15">
      <c r="AR39430" s="9" ph="1"/>
    </row>
    <row r="39431" spans="44:44" ht="15.75" customHeight="1" x14ac:dyDescent="0.15">
      <c r="AR39431" s="9" ph="1"/>
    </row>
    <row r="39433" spans="44:44" ht="15.75" customHeight="1" x14ac:dyDescent="0.15">
      <c r="AR39433" s="9" ph="1"/>
    </row>
    <row r="39434" spans="44:44" ht="15.75" customHeight="1" x14ac:dyDescent="0.15">
      <c r="AR39434" s="9" ph="1"/>
    </row>
    <row r="39435" spans="44:44" ht="15.75" customHeight="1" x14ac:dyDescent="0.15">
      <c r="AR39435" s="9" ph="1"/>
    </row>
    <row r="39436" spans="44:44" ht="15.75" customHeight="1" x14ac:dyDescent="0.15">
      <c r="AR39436" s="9" ph="1"/>
    </row>
    <row r="39437" spans="44:44" ht="15.75" customHeight="1" x14ac:dyDescent="0.15">
      <c r="AR39437" s="9" ph="1"/>
    </row>
    <row r="39438" spans="44:44" ht="15.75" customHeight="1" x14ac:dyDescent="0.15">
      <c r="AR39438" s="9" ph="1"/>
    </row>
    <row r="39439" spans="44:44" ht="15.75" customHeight="1" x14ac:dyDescent="0.15">
      <c r="AR39439" s="9" ph="1"/>
    </row>
    <row r="39440" spans="44:44" ht="15.75" customHeight="1" x14ac:dyDescent="0.15">
      <c r="AR39440" s="9" ph="1"/>
    </row>
    <row r="39441" spans="44:44" ht="15.75" customHeight="1" x14ac:dyDescent="0.15">
      <c r="AR39441" s="9" ph="1"/>
    </row>
    <row r="39442" spans="44:44" ht="15.75" customHeight="1" x14ac:dyDescent="0.15">
      <c r="AR39442" s="9" ph="1"/>
    </row>
    <row r="39443" spans="44:44" ht="15.75" customHeight="1" x14ac:dyDescent="0.15">
      <c r="AR39443" s="9" ph="1"/>
    </row>
    <row r="39444" spans="44:44" ht="15.75" customHeight="1" x14ac:dyDescent="0.15">
      <c r="AR39444" s="9" ph="1"/>
    </row>
    <row r="39445" spans="44:44" ht="15.75" customHeight="1" x14ac:dyDescent="0.15">
      <c r="AR39445" s="9" ph="1"/>
    </row>
    <row r="39446" spans="44:44" ht="15.75" customHeight="1" x14ac:dyDescent="0.15">
      <c r="AR39446" s="9" ph="1"/>
    </row>
    <row r="39447" spans="44:44" ht="15.75" customHeight="1" x14ac:dyDescent="0.15">
      <c r="AR39447" s="9" ph="1"/>
    </row>
    <row r="39448" spans="44:44" ht="15.75" customHeight="1" x14ac:dyDescent="0.15">
      <c r="AR39448" s="9" ph="1"/>
    </row>
    <row r="39449" spans="44:44" ht="15.75" customHeight="1" x14ac:dyDescent="0.15">
      <c r="AR39449" s="9" ph="1"/>
    </row>
    <row r="39450" spans="44:44" ht="15.75" customHeight="1" x14ac:dyDescent="0.15">
      <c r="AR39450" s="9" ph="1"/>
    </row>
    <row r="39452" spans="44:44" ht="15.75" customHeight="1" x14ac:dyDescent="0.15">
      <c r="AR39452" s="9" ph="1"/>
    </row>
    <row r="39453" spans="44:44" ht="15.75" customHeight="1" x14ac:dyDescent="0.15">
      <c r="AR39453" s="9" ph="1"/>
    </row>
    <row r="39454" spans="44:44" ht="15.75" customHeight="1" x14ac:dyDescent="0.15">
      <c r="AR39454" s="9" ph="1"/>
    </row>
    <row r="39455" spans="44:44" ht="15.75" customHeight="1" x14ac:dyDescent="0.15">
      <c r="AR39455" s="9" ph="1"/>
    </row>
    <row r="39456" spans="44:44" ht="15.75" customHeight="1" x14ac:dyDescent="0.15">
      <c r="AR39456" s="9" ph="1"/>
    </row>
    <row r="39457" spans="44:44" ht="15.75" customHeight="1" x14ac:dyDescent="0.15">
      <c r="AR39457" s="9" ph="1"/>
    </row>
    <row r="39458" spans="44:44" ht="15.75" customHeight="1" x14ac:dyDescent="0.15">
      <c r="AR39458" s="9" ph="1"/>
    </row>
    <row r="39459" spans="44:44" ht="15.75" customHeight="1" x14ac:dyDescent="0.15">
      <c r="AR39459" s="9" ph="1"/>
    </row>
    <row r="39460" spans="44:44" ht="15.75" customHeight="1" x14ac:dyDescent="0.15">
      <c r="AR39460" s="9" ph="1"/>
    </row>
    <row r="39461" spans="44:44" ht="15.75" customHeight="1" x14ac:dyDescent="0.15">
      <c r="AR39461" s="9" ph="1"/>
    </row>
    <row r="39463" spans="44:44" ht="15.75" customHeight="1" x14ac:dyDescent="0.15">
      <c r="AR39463" s="9" ph="1"/>
    </row>
    <row r="39464" spans="44:44" ht="15.75" customHeight="1" x14ac:dyDescent="0.15">
      <c r="AR39464" s="9" ph="1"/>
    </row>
    <row r="39465" spans="44:44" ht="15.75" customHeight="1" x14ac:dyDescent="0.15">
      <c r="AR39465" s="9" ph="1"/>
    </row>
    <row r="39466" spans="44:44" ht="15.75" customHeight="1" x14ac:dyDescent="0.15">
      <c r="AR39466" s="9" ph="1"/>
    </row>
    <row r="39467" spans="44:44" ht="15.75" customHeight="1" x14ac:dyDescent="0.15">
      <c r="AR39467" s="9" ph="1"/>
    </row>
    <row r="39468" spans="44:44" ht="15.75" customHeight="1" x14ac:dyDescent="0.15">
      <c r="AR39468" s="9" ph="1"/>
    </row>
    <row r="39470" spans="44:44" ht="15.75" customHeight="1" x14ac:dyDescent="0.15">
      <c r="AR39470" s="9" ph="1"/>
    </row>
    <row r="39471" spans="44:44" ht="15.75" customHeight="1" x14ac:dyDescent="0.15">
      <c r="AR39471" s="9" ph="1"/>
    </row>
    <row r="39472" spans="44:44" ht="15.75" customHeight="1" x14ac:dyDescent="0.15">
      <c r="AR39472" s="9" ph="1"/>
    </row>
    <row r="39473" spans="44:44" ht="15.75" customHeight="1" x14ac:dyDescent="0.15">
      <c r="AR39473" s="9" ph="1"/>
    </row>
    <row r="39474" spans="44:44" ht="15.75" customHeight="1" x14ac:dyDescent="0.15">
      <c r="AR39474" s="9" ph="1"/>
    </row>
    <row r="39475" spans="44:44" ht="15.75" customHeight="1" x14ac:dyDescent="0.15">
      <c r="AR39475" s="9" ph="1"/>
    </row>
    <row r="39476" spans="44:44" ht="15.75" customHeight="1" x14ac:dyDescent="0.15">
      <c r="AR39476" s="9" ph="1"/>
    </row>
    <row r="39477" spans="44:44" ht="15.75" customHeight="1" x14ac:dyDescent="0.15">
      <c r="AR39477" s="9" ph="1"/>
    </row>
    <row r="39478" spans="44:44" ht="15.75" customHeight="1" x14ac:dyDescent="0.15">
      <c r="AR39478" s="9" ph="1"/>
    </row>
    <row r="39479" spans="44:44" ht="15.75" customHeight="1" x14ac:dyDescent="0.15">
      <c r="AR39479" s="9" ph="1"/>
    </row>
    <row r="39481" spans="44:44" ht="15.75" customHeight="1" x14ac:dyDescent="0.15">
      <c r="AR39481" s="9" ph="1"/>
    </row>
    <row r="39482" spans="44:44" ht="15.75" customHeight="1" x14ac:dyDescent="0.15">
      <c r="AR39482" s="9" ph="1"/>
    </row>
    <row r="39483" spans="44:44" ht="15.75" customHeight="1" x14ac:dyDescent="0.15">
      <c r="AR39483" s="9" ph="1"/>
    </row>
    <row r="39484" spans="44:44" ht="15.75" customHeight="1" x14ac:dyDescent="0.15">
      <c r="AR39484" s="9" ph="1"/>
    </row>
    <row r="39485" spans="44:44" ht="15.75" customHeight="1" x14ac:dyDescent="0.15">
      <c r="AR39485" s="9" ph="1"/>
    </row>
    <row r="39486" spans="44:44" ht="15.75" customHeight="1" x14ac:dyDescent="0.15">
      <c r="AR39486" s="9" ph="1"/>
    </row>
    <row r="39487" spans="44:44" ht="15.75" customHeight="1" x14ac:dyDescent="0.15">
      <c r="AR39487" s="9" ph="1"/>
    </row>
    <row r="39488" spans="44:44" ht="15.75" customHeight="1" x14ac:dyDescent="0.15">
      <c r="AR39488" s="9" ph="1"/>
    </row>
    <row r="39489" spans="44:44" ht="15.75" customHeight="1" x14ac:dyDescent="0.15">
      <c r="AR39489" s="9" ph="1"/>
    </row>
    <row r="39491" spans="44:44" ht="15.75" customHeight="1" x14ac:dyDescent="0.15">
      <c r="AR39491" s="9" ph="1"/>
    </row>
    <row r="39492" spans="44:44" ht="15.75" customHeight="1" x14ac:dyDescent="0.15">
      <c r="AR39492" s="9" ph="1"/>
    </row>
    <row r="39493" spans="44:44" ht="15.75" customHeight="1" x14ac:dyDescent="0.15">
      <c r="AR39493" s="9" ph="1"/>
    </row>
    <row r="39494" spans="44:44" ht="15.75" customHeight="1" x14ac:dyDescent="0.15">
      <c r="AR39494" s="9" ph="1"/>
    </row>
    <row r="39495" spans="44:44" ht="15.75" customHeight="1" x14ac:dyDescent="0.15">
      <c r="AR39495" s="9" ph="1"/>
    </row>
    <row r="39496" spans="44:44" ht="15.75" customHeight="1" x14ac:dyDescent="0.15">
      <c r="AR39496" s="9" ph="1"/>
    </row>
    <row r="39497" spans="44:44" ht="15.75" customHeight="1" x14ac:dyDescent="0.15">
      <c r="AR39497" s="9" ph="1"/>
    </row>
    <row r="39498" spans="44:44" ht="15.75" customHeight="1" x14ac:dyDescent="0.15">
      <c r="AR39498" s="9" ph="1"/>
    </row>
    <row r="39499" spans="44:44" ht="15.75" customHeight="1" x14ac:dyDescent="0.15">
      <c r="AR39499" s="9" ph="1"/>
    </row>
    <row r="39500" spans="44:44" ht="15.75" customHeight="1" x14ac:dyDescent="0.15">
      <c r="AR39500" s="9" ph="1"/>
    </row>
    <row r="39502" spans="44:44" ht="15.75" customHeight="1" x14ac:dyDescent="0.15">
      <c r="AR39502" s="9" ph="1"/>
    </row>
    <row r="39503" spans="44:44" ht="15.75" customHeight="1" x14ac:dyDescent="0.15">
      <c r="AR39503" s="9" ph="1"/>
    </row>
    <row r="39504" spans="44:44" ht="15.75" customHeight="1" x14ac:dyDescent="0.15">
      <c r="AR39504" s="9" ph="1"/>
    </row>
    <row r="39505" spans="44:44" ht="15.75" customHeight="1" x14ac:dyDescent="0.15">
      <c r="AR39505" s="9" ph="1"/>
    </row>
    <row r="39506" spans="44:44" ht="15.75" customHeight="1" x14ac:dyDescent="0.15">
      <c r="AR39506" s="9" ph="1"/>
    </row>
    <row r="39507" spans="44:44" ht="15.75" customHeight="1" x14ac:dyDescent="0.15">
      <c r="AR39507" s="9" ph="1"/>
    </row>
    <row r="39508" spans="44:44" ht="15.75" customHeight="1" x14ac:dyDescent="0.15">
      <c r="AR39508" s="9" ph="1"/>
    </row>
    <row r="39509" spans="44:44" ht="15.75" customHeight="1" x14ac:dyDescent="0.15">
      <c r="AR39509" s="9" ph="1"/>
    </row>
    <row r="39510" spans="44:44" ht="15.75" customHeight="1" x14ac:dyDescent="0.15">
      <c r="AR39510" s="9" ph="1"/>
    </row>
    <row r="39511" spans="44:44" ht="15.75" customHeight="1" x14ac:dyDescent="0.15">
      <c r="AR39511" s="9" ph="1"/>
    </row>
    <row r="39512" spans="44:44" ht="15.75" customHeight="1" x14ac:dyDescent="0.15">
      <c r="AR39512" s="9" ph="1"/>
    </row>
    <row r="39513" spans="44:44" ht="15.75" customHeight="1" x14ac:dyDescent="0.15">
      <c r="AR39513" s="9" ph="1"/>
    </row>
    <row r="39514" spans="44:44" ht="15.75" customHeight="1" x14ac:dyDescent="0.15">
      <c r="AR39514" s="9" ph="1"/>
    </row>
    <row r="39515" spans="44:44" ht="15.75" customHeight="1" x14ac:dyDescent="0.15">
      <c r="AR39515" s="9" ph="1"/>
    </row>
    <row r="39516" spans="44:44" ht="15.75" customHeight="1" x14ac:dyDescent="0.15">
      <c r="AR39516" s="9" ph="1"/>
    </row>
    <row r="39518" spans="44:44" ht="15.75" customHeight="1" x14ac:dyDescent="0.15">
      <c r="AR39518" s="9" ph="1"/>
    </row>
    <row r="39519" spans="44:44" ht="15.75" customHeight="1" x14ac:dyDescent="0.15">
      <c r="AR39519" s="9" ph="1"/>
    </row>
    <row r="39520" spans="44:44" ht="15.75" customHeight="1" x14ac:dyDescent="0.15">
      <c r="AR39520" s="9" ph="1"/>
    </row>
    <row r="39521" spans="44:44" ht="15.75" customHeight="1" x14ac:dyDescent="0.15">
      <c r="AR39521" s="9" ph="1"/>
    </row>
    <row r="39522" spans="44:44" ht="15.75" customHeight="1" x14ac:dyDescent="0.15">
      <c r="AR39522" s="9" ph="1"/>
    </row>
    <row r="39523" spans="44:44" ht="15.75" customHeight="1" x14ac:dyDescent="0.15">
      <c r="AR39523" s="9" ph="1"/>
    </row>
    <row r="39524" spans="44:44" ht="15.75" customHeight="1" x14ac:dyDescent="0.15">
      <c r="AR39524" s="9" ph="1"/>
    </row>
    <row r="39525" spans="44:44" ht="15.75" customHeight="1" x14ac:dyDescent="0.15">
      <c r="AR39525" s="9" ph="1"/>
    </row>
    <row r="39526" spans="44:44" ht="15.75" customHeight="1" x14ac:dyDescent="0.15">
      <c r="AR39526" s="9" ph="1"/>
    </row>
    <row r="39527" spans="44:44" ht="15.75" customHeight="1" x14ac:dyDescent="0.15">
      <c r="AR39527" s="9" ph="1"/>
    </row>
    <row r="39529" spans="44:44" ht="15.75" customHeight="1" x14ac:dyDescent="0.15">
      <c r="AR39529" s="9" ph="1"/>
    </row>
    <row r="39530" spans="44:44" ht="15.75" customHeight="1" x14ac:dyDescent="0.15">
      <c r="AR39530" s="9" ph="1"/>
    </row>
    <row r="39531" spans="44:44" ht="15.75" customHeight="1" x14ac:dyDescent="0.15">
      <c r="AR39531" s="9" ph="1"/>
    </row>
    <row r="39532" spans="44:44" ht="15.75" customHeight="1" x14ac:dyDescent="0.15">
      <c r="AR39532" s="9" ph="1"/>
    </row>
    <row r="39533" spans="44:44" ht="15.75" customHeight="1" x14ac:dyDescent="0.15">
      <c r="AR39533" s="9" ph="1"/>
    </row>
    <row r="39534" spans="44:44" ht="15.75" customHeight="1" x14ac:dyDescent="0.15">
      <c r="AR39534" s="9" ph="1"/>
    </row>
    <row r="39535" spans="44:44" ht="15.75" customHeight="1" x14ac:dyDescent="0.15">
      <c r="AR39535" s="9" ph="1"/>
    </row>
    <row r="39536" spans="44:44" ht="15.75" customHeight="1" x14ac:dyDescent="0.15">
      <c r="AR39536" s="9" ph="1"/>
    </row>
    <row r="39537" spans="44:44" ht="15.75" customHeight="1" x14ac:dyDescent="0.15">
      <c r="AR39537" s="9" ph="1"/>
    </row>
    <row r="39538" spans="44:44" ht="15.75" customHeight="1" x14ac:dyDescent="0.15">
      <c r="AR39538" s="9" ph="1"/>
    </row>
    <row r="39539" spans="44:44" ht="15.75" customHeight="1" x14ac:dyDescent="0.15">
      <c r="AR39539" s="9" ph="1"/>
    </row>
    <row r="39540" spans="44:44" ht="15.75" customHeight="1" x14ac:dyDescent="0.15">
      <c r="AR39540" s="9" ph="1"/>
    </row>
    <row r="39541" spans="44:44" ht="15.75" customHeight="1" x14ac:dyDescent="0.15">
      <c r="AR39541" s="9" ph="1"/>
    </row>
    <row r="39542" spans="44:44" ht="15.75" customHeight="1" x14ac:dyDescent="0.15">
      <c r="AR39542" s="9" ph="1"/>
    </row>
    <row r="39543" spans="44:44" ht="15.75" customHeight="1" x14ac:dyDescent="0.15">
      <c r="AR39543" s="9" ph="1"/>
    </row>
    <row r="39544" spans="44:44" ht="15.75" customHeight="1" x14ac:dyDescent="0.15">
      <c r="AR39544" s="9" ph="1"/>
    </row>
    <row r="39546" spans="44:44" ht="15.75" customHeight="1" x14ac:dyDescent="0.15">
      <c r="AR39546" s="9" ph="1"/>
    </row>
    <row r="39547" spans="44:44" ht="15.75" customHeight="1" x14ac:dyDescent="0.15">
      <c r="AR39547" s="9" ph="1"/>
    </row>
    <row r="39548" spans="44:44" ht="15.75" customHeight="1" x14ac:dyDescent="0.15">
      <c r="AR39548" s="9" ph="1"/>
    </row>
    <row r="39549" spans="44:44" ht="15.75" customHeight="1" x14ac:dyDescent="0.15">
      <c r="AR39549" s="9" ph="1"/>
    </row>
    <row r="39550" spans="44:44" ht="15.75" customHeight="1" x14ac:dyDescent="0.15">
      <c r="AR39550" s="9" ph="1"/>
    </row>
    <row r="39551" spans="44:44" ht="15.75" customHeight="1" x14ac:dyDescent="0.15">
      <c r="AR39551" s="9" ph="1"/>
    </row>
    <row r="39552" spans="44:44" ht="15.75" customHeight="1" x14ac:dyDescent="0.15">
      <c r="AR39552" s="9" ph="1"/>
    </row>
    <row r="39553" spans="44:44" ht="15.75" customHeight="1" x14ac:dyDescent="0.15">
      <c r="AR39553" s="9" ph="1"/>
    </row>
    <row r="39554" spans="44:44" ht="15.75" customHeight="1" x14ac:dyDescent="0.15">
      <c r="AR39554" s="9" ph="1"/>
    </row>
    <row r="39555" spans="44:44" ht="15.75" customHeight="1" x14ac:dyDescent="0.15">
      <c r="AR39555" s="9" ph="1"/>
    </row>
    <row r="39557" spans="44:44" ht="15.75" customHeight="1" x14ac:dyDescent="0.15">
      <c r="AR39557" s="9" ph="1"/>
    </row>
    <row r="39558" spans="44:44" ht="15.75" customHeight="1" x14ac:dyDescent="0.15">
      <c r="AR39558" s="9" ph="1"/>
    </row>
    <row r="39559" spans="44:44" ht="15.75" customHeight="1" x14ac:dyDescent="0.15">
      <c r="AR39559" s="9" ph="1"/>
    </row>
    <row r="39560" spans="44:44" ht="15.75" customHeight="1" x14ac:dyDescent="0.15">
      <c r="AR39560" s="9" ph="1"/>
    </row>
    <row r="39561" spans="44:44" ht="15.75" customHeight="1" x14ac:dyDescent="0.15">
      <c r="AR39561" s="9" ph="1"/>
    </row>
    <row r="39562" spans="44:44" ht="15.75" customHeight="1" x14ac:dyDescent="0.15">
      <c r="AR39562" s="9" ph="1"/>
    </row>
    <row r="39563" spans="44:44" ht="15.75" customHeight="1" x14ac:dyDescent="0.15">
      <c r="AR39563" s="9" ph="1"/>
    </row>
    <row r="39564" spans="44:44" ht="15.75" customHeight="1" x14ac:dyDescent="0.15">
      <c r="AR39564" s="9" ph="1"/>
    </row>
    <row r="39565" spans="44:44" ht="15.75" customHeight="1" x14ac:dyDescent="0.15">
      <c r="AR39565" s="9" ph="1"/>
    </row>
    <row r="39566" spans="44:44" ht="15.75" customHeight="1" x14ac:dyDescent="0.15">
      <c r="AR39566" s="9" ph="1"/>
    </row>
    <row r="39567" spans="44:44" ht="15.75" customHeight="1" x14ac:dyDescent="0.15">
      <c r="AR39567" s="9" ph="1"/>
    </row>
    <row r="39568" spans="44:44" ht="15.75" customHeight="1" x14ac:dyDescent="0.15">
      <c r="AR39568" s="9" ph="1"/>
    </row>
    <row r="39569" spans="44:44" ht="15.75" customHeight="1" x14ac:dyDescent="0.15">
      <c r="AR39569" s="9" ph="1"/>
    </row>
    <row r="39570" spans="44:44" ht="15.75" customHeight="1" x14ac:dyDescent="0.15">
      <c r="AR39570" s="9" ph="1"/>
    </row>
    <row r="39571" spans="44:44" ht="15.75" customHeight="1" x14ac:dyDescent="0.15">
      <c r="AR39571" s="9" ph="1"/>
    </row>
    <row r="39572" spans="44:44" ht="15.75" customHeight="1" x14ac:dyDescent="0.15">
      <c r="AR39572" s="9" ph="1"/>
    </row>
    <row r="39574" spans="44:44" ht="15.75" customHeight="1" x14ac:dyDescent="0.15">
      <c r="AR39574" s="9" ph="1"/>
    </row>
    <row r="39575" spans="44:44" ht="15.75" customHeight="1" x14ac:dyDescent="0.15">
      <c r="AR39575" s="9" ph="1"/>
    </row>
    <row r="39576" spans="44:44" ht="15.75" customHeight="1" x14ac:dyDescent="0.15">
      <c r="AR39576" s="9" ph="1"/>
    </row>
    <row r="39577" spans="44:44" ht="15.75" customHeight="1" x14ac:dyDescent="0.15">
      <c r="AR39577" s="9" ph="1"/>
    </row>
    <row r="39578" spans="44:44" ht="15.75" customHeight="1" x14ac:dyDescent="0.15">
      <c r="AR39578" s="9" ph="1"/>
    </row>
    <row r="39579" spans="44:44" ht="15.75" customHeight="1" x14ac:dyDescent="0.15">
      <c r="AR39579" s="9" ph="1"/>
    </row>
    <row r="39580" spans="44:44" ht="15.75" customHeight="1" x14ac:dyDescent="0.15">
      <c r="AR39580" s="9" ph="1"/>
    </row>
    <row r="39581" spans="44:44" ht="15.75" customHeight="1" x14ac:dyDescent="0.15">
      <c r="AR39581" s="9" ph="1"/>
    </row>
    <row r="39583" spans="44:44" ht="15.75" customHeight="1" x14ac:dyDescent="0.15">
      <c r="AR39583" s="9" ph="1"/>
    </row>
    <row r="39584" spans="44:44" ht="15.75" customHeight="1" x14ac:dyDescent="0.15">
      <c r="AR39584" s="9" ph="1"/>
    </row>
    <row r="39585" spans="44:44" ht="15.75" customHeight="1" x14ac:dyDescent="0.15">
      <c r="AR39585" s="9" ph="1"/>
    </row>
    <row r="39586" spans="44:44" ht="15.75" customHeight="1" x14ac:dyDescent="0.15">
      <c r="AR39586" s="9" ph="1"/>
    </row>
    <row r="39587" spans="44:44" ht="15.75" customHeight="1" x14ac:dyDescent="0.15">
      <c r="AR39587" s="9" ph="1"/>
    </row>
    <row r="39588" spans="44:44" ht="15.75" customHeight="1" x14ac:dyDescent="0.15">
      <c r="AR39588" s="9" ph="1"/>
    </row>
    <row r="39590" spans="44:44" ht="15.75" customHeight="1" x14ac:dyDescent="0.15">
      <c r="AR39590" s="9" ph="1"/>
    </row>
    <row r="39591" spans="44:44" ht="15.75" customHeight="1" x14ac:dyDescent="0.15">
      <c r="AR39591" s="9" ph="1"/>
    </row>
    <row r="39592" spans="44:44" ht="15.75" customHeight="1" x14ac:dyDescent="0.15">
      <c r="AR39592" s="9" ph="1"/>
    </row>
    <row r="39593" spans="44:44" ht="15.75" customHeight="1" x14ac:dyDescent="0.15">
      <c r="AR39593" s="9" ph="1"/>
    </row>
    <row r="39594" spans="44:44" ht="15.75" customHeight="1" x14ac:dyDescent="0.15">
      <c r="AR39594" s="9" ph="1"/>
    </row>
    <row r="39595" spans="44:44" ht="15.75" customHeight="1" x14ac:dyDescent="0.15">
      <c r="AR39595" s="9" ph="1"/>
    </row>
    <row r="39596" spans="44:44" ht="15.75" customHeight="1" x14ac:dyDescent="0.15">
      <c r="AR39596" s="9" ph="1"/>
    </row>
    <row r="39598" spans="44:44" ht="15.75" customHeight="1" x14ac:dyDescent="0.15">
      <c r="AR39598" s="9" ph="1"/>
    </row>
    <row r="39599" spans="44:44" ht="15.75" customHeight="1" x14ac:dyDescent="0.15">
      <c r="AR39599" s="9" ph="1"/>
    </row>
    <row r="39600" spans="44:44" ht="15.75" customHeight="1" x14ac:dyDescent="0.15">
      <c r="AR39600" s="9" ph="1"/>
    </row>
    <row r="39601" spans="44:44" ht="15.75" customHeight="1" x14ac:dyDescent="0.15">
      <c r="AR39601" s="9" ph="1"/>
    </row>
    <row r="39602" spans="44:44" ht="15.75" customHeight="1" x14ac:dyDescent="0.15">
      <c r="AR39602" s="9" ph="1"/>
    </row>
    <row r="39603" spans="44:44" ht="15.75" customHeight="1" x14ac:dyDescent="0.15">
      <c r="AR39603" s="9" ph="1"/>
    </row>
    <row r="39604" spans="44:44" ht="15.75" customHeight="1" x14ac:dyDescent="0.15">
      <c r="AR39604" s="9" ph="1"/>
    </row>
    <row r="39605" spans="44:44" ht="15.75" customHeight="1" x14ac:dyDescent="0.15">
      <c r="AR39605" s="9" ph="1"/>
    </row>
    <row r="39606" spans="44:44" ht="15.75" customHeight="1" x14ac:dyDescent="0.15">
      <c r="AR39606" s="9" ph="1"/>
    </row>
    <row r="39607" spans="44:44" ht="15.75" customHeight="1" x14ac:dyDescent="0.15">
      <c r="AR39607" s="9" ph="1"/>
    </row>
    <row r="39608" spans="44:44" ht="15.75" customHeight="1" x14ac:dyDescent="0.15">
      <c r="AR39608" s="9" ph="1"/>
    </row>
    <row r="39609" spans="44:44" ht="15.75" customHeight="1" x14ac:dyDescent="0.15">
      <c r="AR39609" s="9" ph="1"/>
    </row>
    <row r="39610" spans="44:44" ht="15.75" customHeight="1" x14ac:dyDescent="0.15">
      <c r="AR39610" s="9" ph="1"/>
    </row>
    <row r="39611" spans="44:44" ht="15.75" customHeight="1" x14ac:dyDescent="0.15">
      <c r="AR39611" s="9" ph="1"/>
    </row>
    <row r="39612" spans="44:44" ht="15.75" customHeight="1" x14ac:dyDescent="0.15">
      <c r="AR39612" s="9" ph="1"/>
    </row>
    <row r="39614" spans="44:44" ht="15.75" customHeight="1" x14ac:dyDescent="0.15">
      <c r="AR39614" s="9" ph="1"/>
    </row>
    <row r="39615" spans="44:44" ht="15.75" customHeight="1" x14ac:dyDescent="0.15">
      <c r="AR39615" s="9" ph="1"/>
    </row>
    <row r="39616" spans="44:44" ht="15.75" customHeight="1" x14ac:dyDescent="0.15">
      <c r="AR39616" s="9" ph="1"/>
    </row>
    <row r="39617" spans="44:44" ht="15.75" customHeight="1" x14ac:dyDescent="0.15">
      <c r="AR39617" s="9" ph="1"/>
    </row>
    <row r="39618" spans="44:44" ht="15.75" customHeight="1" x14ac:dyDescent="0.15">
      <c r="AR39618" s="9" ph="1"/>
    </row>
    <row r="39619" spans="44:44" ht="15.75" customHeight="1" x14ac:dyDescent="0.15">
      <c r="AR39619" s="9" ph="1"/>
    </row>
    <row r="39620" spans="44:44" ht="15.75" customHeight="1" x14ac:dyDescent="0.15">
      <c r="AR39620" s="9" ph="1"/>
    </row>
    <row r="39621" spans="44:44" ht="15.75" customHeight="1" x14ac:dyDescent="0.15">
      <c r="AR39621" s="9" ph="1"/>
    </row>
    <row r="39622" spans="44:44" ht="15.75" customHeight="1" x14ac:dyDescent="0.15">
      <c r="AR39622" s="9" ph="1"/>
    </row>
    <row r="39623" spans="44:44" ht="15.75" customHeight="1" x14ac:dyDescent="0.15">
      <c r="AR39623" s="9" ph="1"/>
    </row>
    <row r="39624" spans="44:44" ht="15.75" customHeight="1" x14ac:dyDescent="0.15">
      <c r="AR39624" s="9" ph="1"/>
    </row>
    <row r="39625" spans="44:44" ht="15.75" customHeight="1" x14ac:dyDescent="0.15">
      <c r="AR39625" s="9" ph="1"/>
    </row>
    <row r="39626" spans="44:44" ht="15.75" customHeight="1" x14ac:dyDescent="0.15">
      <c r="AR39626" s="9" ph="1"/>
    </row>
    <row r="39627" spans="44:44" ht="15.75" customHeight="1" x14ac:dyDescent="0.15">
      <c r="AR39627" s="9" ph="1"/>
    </row>
    <row r="39628" spans="44:44" ht="15.75" customHeight="1" x14ac:dyDescent="0.15">
      <c r="AR39628" s="9" ph="1"/>
    </row>
    <row r="39629" spans="44:44" ht="15.75" customHeight="1" x14ac:dyDescent="0.15">
      <c r="AR39629" s="9" ph="1"/>
    </row>
    <row r="39630" spans="44:44" ht="15.75" customHeight="1" x14ac:dyDescent="0.15">
      <c r="AR39630" s="9" ph="1"/>
    </row>
    <row r="39631" spans="44:44" ht="15.75" customHeight="1" x14ac:dyDescent="0.15">
      <c r="AR39631" s="9" ph="1"/>
    </row>
    <row r="39633" spans="44:44" ht="15.75" customHeight="1" x14ac:dyDescent="0.15">
      <c r="AR39633" s="9" ph="1"/>
    </row>
    <row r="39634" spans="44:44" ht="15.75" customHeight="1" x14ac:dyDescent="0.15">
      <c r="AR39634" s="9" ph="1"/>
    </row>
    <row r="39635" spans="44:44" ht="15.75" customHeight="1" x14ac:dyDescent="0.15">
      <c r="AR39635" s="9" ph="1"/>
    </row>
    <row r="39636" spans="44:44" ht="15.75" customHeight="1" x14ac:dyDescent="0.15">
      <c r="AR39636" s="9" ph="1"/>
    </row>
    <row r="39637" spans="44:44" ht="15.75" customHeight="1" x14ac:dyDescent="0.15">
      <c r="AR39637" s="9" ph="1"/>
    </row>
    <row r="39638" spans="44:44" ht="15.75" customHeight="1" x14ac:dyDescent="0.15">
      <c r="AR39638" s="9" ph="1"/>
    </row>
    <row r="39639" spans="44:44" ht="15.75" customHeight="1" x14ac:dyDescent="0.15">
      <c r="AR39639" s="9" ph="1"/>
    </row>
    <row r="39640" spans="44:44" ht="15.75" customHeight="1" x14ac:dyDescent="0.15">
      <c r="AR39640" s="9" ph="1"/>
    </row>
    <row r="39641" spans="44:44" ht="15.75" customHeight="1" x14ac:dyDescent="0.15">
      <c r="AR39641" s="9" ph="1"/>
    </row>
    <row r="39642" spans="44:44" ht="15.75" customHeight="1" x14ac:dyDescent="0.15">
      <c r="AR39642" s="9" ph="1"/>
    </row>
    <row r="39644" spans="44:44" ht="15.75" customHeight="1" x14ac:dyDescent="0.15">
      <c r="AR39644" s="9" ph="1"/>
    </row>
    <row r="39645" spans="44:44" ht="15.75" customHeight="1" x14ac:dyDescent="0.15">
      <c r="AR39645" s="9" ph="1"/>
    </row>
    <row r="39646" spans="44:44" ht="15.75" customHeight="1" x14ac:dyDescent="0.15">
      <c r="AR39646" s="9" ph="1"/>
    </row>
    <row r="39647" spans="44:44" ht="15.75" customHeight="1" x14ac:dyDescent="0.15">
      <c r="AR39647" s="9" ph="1"/>
    </row>
    <row r="39648" spans="44:44" ht="15.75" customHeight="1" x14ac:dyDescent="0.15">
      <c r="AR39648" s="9" ph="1"/>
    </row>
    <row r="39649" spans="44:44" ht="15.75" customHeight="1" x14ac:dyDescent="0.15">
      <c r="AR39649" s="9" ph="1"/>
    </row>
    <row r="39651" spans="44:44" ht="15.75" customHeight="1" x14ac:dyDescent="0.15">
      <c r="AR39651" s="9" ph="1"/>
    </row>
    <row r="39652" spans="44:44" ht="15.75" customHeight="1" x14ac:dyDescent="0.15">
      <c r="AR39652" s="9" ph="1"/>
    </row>
    <row r="39653" spans="44:44" ht="15.75" customHeight="1" x14ac:dyDescent="0.15">
      <c r="AR39653" s="9" ph="1"/>
    </row>
    <row r="39654" spans="44:44" ht="15.75" customHeight="1" x14ac:dyDescent="0.15">
      <c r="AR39654" s="9" ph="1"/>
    </row>
    <row r="39655" spans="44:44" ht="15.75" customHeight="1" x14ac:dyDescent="0.15">
      <c r="AR39655" s="9" ph="1"/>
    </row>
    <row r="39656" spans="44:44" ht="15.75" customHeight="1" x14ac:dyDescent="0.15">
      <c r="AR39656" s="9" ph="1"/>
    </row>
    <row r="39657" spans="44:44" ht="15.75" customHeight="1" x14ac:dyDescent="0.15">
      <c r="AR39657" s="9" ph="1"/>
    </row>
    <row r="39658" spans="44:44" ht="15.75" customHeight="1" x14ac:dyDescent="0.15">
      <c r="AR39658" s="9" ph="1"/>
    </row>
    <row r="39659" spans="44:44" ht="15.75" customHeight="1" x14ac:dyDescent="0.15">
      <c r="AR39659" s="9" ph="1"/>
    </row>
    <row r="39660" spans="44:44" ht="15.75" customHeight="1" x14ac:dyDescent="0.15">
      <c r="AR39660" s="9" ph="1"/>
    </row>
    <row r="39662" spans="44:44" ht="15.75" customHeight="1" x14ac:dyDescent="0.15">
      <c r="AR39662" s="9" ph="1"/>
    </row>
    <row r="39663" spans="44:44" ht="15.75" customHeight="1" x14ac:dyDescent="0.15">
      <c r="AR39663" s="9" ph="1"/>
    </row>
    <row r="39664" spans="44:44" ht="15.75" customHeight="1" x14ac:dyDescent="0.15">
      <c r="AR39664" s="9" ph="1"/>
    </row>
    <row r="39665" spans="44:44" ht="15.75" customHeight="1" x14ac:dyDescent="0.15">
      <c r="AR39665" s="9" ph="1"/>
    </row>
    <row r="39666" spans="44:44" ht="15.75" customHeight="1" x14ac:dyDescent="0.15">
      <c r="AR39666" s="9" ph="1"/>
    </row>
    <row r="39667" spans="44:44" ht="15.75" customHeight="1" x14ac:dyDescent="0.15">
      <c r="AR39667" s="9" ph="1"/>
    </row>
    <row r="39668" spans="44:44" ht="15.75" customHeight="1" x14ac:dyDescent="0.15">
      <c r="AR39668" s="9" ph="1"/>
    </row>
    <row r="39669" spans="44:44" ht="15.75" customHeight="1" x14ac:dyDescent="0.15">
      <c r="AR39669" s="9" ph="1"/>
    </row>
    <row r="39670" spans="44:44" ht="15.75" customHeight="1" x14ac:dyDescent="0.15">
      <c r="AR39670" s="9" ph="1"/>
    </row>
    <row r="39672" spans="44:44" ht="15.75" customHeight="1" x14ac:dyDescent="0.15">
      <c r="AR39672" s="9" ph="1"/>
    </row>
    <row r="39673" spans="44:44" ht="15.75" customHeight="1" x14ac:dyDescent="0.15">
      <c r="AR39673" s="9" ph="1"/>
    </row>
    <row r="39674" spans="44:44" ht="15.75" customHeight="1" x14ac:dyDescent="0.15">
      <c r="AR39674" s="9" ph="1"/>
    </row>
    <row r="39675" spans="44:44" ht="15.75" customHeight="1" x14ac:dyDescent="0.15">
      <c r="AR39675" s="9" ph="1"/>
    </row>
    <row r="39676" spans="44:44" ht="15.75" customHeight="1" x14ac:dyDescent="0.15">
      <c r="AR39676" s="9" ph="1"/>
    </row>
    <row r="39677" spans="44:44" ht="15.75" customHeight="1" x14ac:dyDescent="0.15">
      <c r="AR39677" s="9" ph="1"/>
    </row>
    <row r="39678" spans="44:44" ht="15.75" customHeight="1" x14ac:dyDescent="0.15">
      <c r="AR39678" s="9" ph="1"/>
    </row>
    <row r="39679" spans="44:44" ht="15.75" customHeight="1" x14ac:dyDescent="0.15">
      <c r="AR39679" s="9" ph="1"/>
    </row>
    <row r="39680" spans="44:44" ht="15.75" customHeight="1" x14ac:dyDescent="0.15">
      <c r="AR39680" s="9" ph="1"/>
    </row>
    <row r="39681" spans="44:44" ht="15.75" customHeight="1" x14ac:dyDescent="0.15">
      <c r="AR39681" s="9" ph="1"/>
    </row>
    <row r="39683" spans="44:44" ht="15.75" customHeight="1" x14ac:dyDescent="0.15">
      <c r="AR39683" s="9" ph="1"/>
    </row>
    <row r="39684" spans="44:44" ht="15.75" customHeight="1" x14ac:dyDescent="0.15">
      <c r="AR39684" s="9" ph="1"/>
    </row>
    <row r="39685" spans="44:44" ht="15.75" customHeight="1" x14ac:dyDescent="0.15">
      <c r="AR39685" s="9" ph="1"/>
    </row>
    <row r="39686" spans="44:44" ht="15.75" customHeight="1" x14ac:dyDescent="0.15">
      <c r="AR39686" s="9" ph="1"/>
    </row>
    <row r="39687" spans="44:44" ht="15.75" customHeight="1" x14ac:dyDescent="0.15">
      <c r="AR39687" s="9" ph="1"/>
    </row>
    <row r="39688" spans="44:44" ht="15.75" customHeight="1" x14ac:dyDescent="0.15">
      <c r="AR39688" s="9" ph="1"/>
    </row>
    <row r="39689" spans="44:44" ht="15.75" customHeight="1" x14ac:dyDescent="0.15">
      <c r="AR39689" s="9" ph="1"/>
    </row>
    <row r="39690" spans="44:44" ht="15.75" customHeight="1" x14ac:dyDescent="0.15">
      <c r="AR39690" s="9" ph="1"/>
    </row>
    <row r="39691" spans="44:44" ht="15.75" customHeight="1" x14ac:dyDescent="0.15">
      <c r="AR39691" s="9" ph="1"/>
    </row>
    <row r="39692" spans="44:44" ht="15.75" customHeight="1" x14ac:dyDescent="0.15">
      <c r="AR39692" s="9" ph="1"/>
    </row>
    <row r="39693" spans="44:44" ht="15.75" customHeight="1" x14ac:dyDescent="0.15">
      <c r="AR39693" s="9" ph="1"/>
    </row>
    <row r="39694" spans="44:44" ht="15.75" customHeight="1" x14ac:dyDescent="0.15">
      <c r="AR39694" s="9" ph="1"/>
    </row>
    <row r="39695" spans="44:44" ht="15.75" customHeight="1" x14ac:dyDescent="0.15">
      <c r="AR39695" s="9" ph="1"/>
    </row>
    <row r="39696" spans="44:44" ht="15.75" customHeight="1" x14ac:dyDescent="0.15">
      <c r="AR39696" s="9" ph="1"/>
    </row>
    <row r="39697" spans="44:44" ht="15.75" customHeight="1" x14ac:dyDescent="0.15">
      <c r="AR39697" s="9" ph="1"/>
    </row>
    <row r="39699" spans="44:44" ht="15.75" customHeight="1" x14ac:dyDescent="0.15">
      <c r="AR39699" s="9" ph="1"/>
    </row>
    <row r="39700" spans="44:44" ht="15.75" customHeight="1" x14ac:dyDescent="0.15">
      <c r="AR39700" s="9" ph="1"/>
    </row>
    <row r="39701" spans="44:44" ht="15.75" customHeight="1" x14ac:dyDescent="0.15">
      <c r="AR39701" s="9" ph="1"/>
    </row>
    <row r="39702" spans="44:44" ht="15.75" customHeight="1" x14ac:dyDescent="0.15">
      <c r="AR39702" s="9" ph="1"/>
    </row>
    <row r="39703" spans="44:44" ht="15.75" customHeight="1" x14ac:dyDescent="0.15">
      <c r="AR39703" s="9" ph="1"/>
    </row>
    <row r="39704" spans="44:44" ht="15.75" customHeight="1" x14ac:dyDescent="0.15">
      <c r="AR39704" s="9" ph="1"/>
    </row>
    <row r="39705" spans="44:44" ht="15.75" customHeight="1" x14ac:dyDescent="0.15">
      <c r="AR39705" s="9" ph="1"/>
    </row>
    <row r="39706" spans="44:44" ht="15.75" customHeight="1" x14ac:dyDescent="0.15">
      <c r="AR39706" s="9" ph="1"/>
    </row>
    <row r="39707" spans="44:44" ht="15.75" customHeight="1" x14ac:dyDescent="0.15">
      <c r="AR39707" s="9" ph="1"/>
    </row>
    <row r="39708" spans="44:44" ht="15.75" customHeight="1" x14ac:dyDescent="0.15">
      <c r="AR39708" s="9" ph="1"/>
    </row>
    <row r="39710" spans="44:44" ht="15.75" customHeight="1" x14ac:dyDescent="0.15">
      <c r="AR39710" s="9" ph="1"/>
    </row>
    <row r="39711" spans="44:44" ht="15.75" customHeight="1" x14ac:dyDescent="0.15">
      <c r="AR39711" s="9" ph="1"/>
    </row>
    <row r="39712" spans="44:44" ht="15.75" customHeight="1" x14ac:dyDescent="0.15">
      <c r="AR39712" s="9" ph="1"/>
    </row>
    <row r="39713" spans="44:44" ht="15.75" customHeight="1" x14ac:dyDescent="0.15">
      <c r="AR39713" s="9" ph="1"/>
    </row>
    <row r="39714" spans="44:44" ht="15.75" customHeight="1" x14ac:dyDescent="0.15">
      <c r="AR39714" s="9" ph="1"/>
    </row>
    <row r="39715" spans="44:44" ht="15.75" customHeight="1" x14ac:dyDescent="0.15">
      <c r="AR39715" s="9" ph="1"/>
    </row>
    <row r="39716" spans="44:44" ht="15.75" customHeight="1" x14ac:dyDescent="0.15">
      <c r="AR39716" s="9" ph="1"/>
    </row>
    <row r="39717" spans="44:44" ht="15.75" customHeight="1" x14ac:dyDescent="0.15">
      <c r="AR39717" s="9" ph="1"/>
    </row>
    <row r="39718" spans="44:44" ht="15.75" customHeight="1" x14ac:dyDescent="0.15">
      <c r="AR39718" s="9" ph="1"/>
    </row>
    <row r="39719" spans="44:44" ht="15.75" customHeight="1" x14ac:dyDescent="0.15">
      <c r="AR39719" s="9" ph="1"/>
    </row>
    <row r="39720" spans="44:44" ht="15.75" customHeight="1" x14ac:dyDescent="0.15">
      <c r="AR39720" s="9" ph="1"/>
    </row>
    <row r="39721" spans="44:44" ht="15.75" customHeight="1" x14ac:dyDescent="0.15">
      <c r="AR39721" s="9" ph="1"/>
    </row>
    <row r="39723" spans="44:44" ht="15.75" customHeight="1" x14ac:dyDescent="0.15">
      <c r="AR39723" s="9" ph="1"/>
    </row>
    <row r="39724" spans="44:44" ht="15.75" customHeight="1" x14ac:dyDescent="0.15">
      <c r="AR39724" s="9" ph="1"/>
    </row>
    <row r="39725" spans="44:44" ht="15.75" customHeight="1" x14ac:dyDescent="0.15">
      <c r="AR39725" s="9" ph="1"/>
    </row>
    <row r="39726" spans="44:44" ht="15.75" customHeight="1" x14ac:dyDescent="0.15">
      <c r="AR39726" s="9" ph="1"/>
    </row>
    <row r="39727" spans="44:44" ht="15.75" customHeight="1" x14ac:dyDescent="0.15">
      <c r="AR39727" s="9" ph="1"/>
    </row>
    <row r="39728" spans="44:44" ht="15.75" customHeight="1" x14ac:dyDescent="0.15">
      <c r="AR39728" s="9" ph="1"/>
    </row>
    <row r="39730" spans="44:44" ht="15.75" customHeight="1" x14ac:dyDescent="0.15">
      <c r="AR39730" s="9" ph="1"/>
    </row>
    <row r="39731" spans="44:44" ht="15.75" customHeight="1" x14ac:dyDescent="0.15">
      <c r="AR39731" s="9" ph="1"/>
    </row>
    <row r="39732" spans="44:44" ht="15.75" customHeight="1" x14ac:dyDescent="0.15">
      <c r="AR39732" s="9" ph="1"/>
    </row>
    <row r="39733" spans="44:44" ht="15.75" customHeight="1" x14ac:dyDescent="0.15">
      <c r="AR39733" s="9" ph="1"/>
    </row>
    <row r="39734" spans="44:44" ht="15.75" customHeight="1" x14ac:dyDescent="0.15">
      <c r="AR39734" s="9" ph="1"/>
    </row>
    <row r="39735" spans="44:44" ht="15.75" customHeight="1" x14ac:dyDescent="0.15">
      <c r="AR39735" s="9" ph="1"/>
    </row>
    <row r="39736" spans="44:44" ht="15.75" customHeight="1" x14ac:dyDescent="0.15">
      <c r="AR39736" s="9" ph="1"/>
    </row>
    <row r="39737" spans="44:44" ht="15.75" customHeight="1" x14ac:dyDescent="0.15">
      <c r="AR39737" s="9" ph="1"/>
    </row>
    <row r="39738" spans="44:44" ht="15.75" customHeight="1" x14ac:dyDescent="0.15">
      <c r="AR39738" s="9" ph="1"/>
    </row>
    <row r="39739" spans="44:44" ht="15.75" customHeight="1" x14ac:dyDescent="0.15">
      <c r="AR39739" s="9" ph="1"/>
    </row>
    <row r="39741" spans="44:44" ht="15.75" customHeight="1" x14ac:dyDescent="0.15">
      <c r="AR39741" s="9" ph="1"/>
    </row>
    <row r="39742" spans="44:44" ht="15.75" customHeight="1" x14ac:dyDescent="0.15">
      <c r="AR39742" s="9" ph="1"/>
    </row>
    <row r="39743" spans="44:44" ht="15.75" customHeight="1" x14ac:dyDescent="0.15">
      <c r="AR39743" s="9" ph="1"/>
    </row>
    <row r="39744" spans="44:44" ht="15.75" customHeight="1" x14ac:dyDescent="0.15">
      <c r="AR39744" s="9" ph="1"/>
    </row>
    <row r="39745" spans="44:44" ht="15.75" customHeight="1" x14ac:dyDescent="0.15">
      <c r="AR39745" s="9" ph="1"/>
    </row>
    <row r="39746" spans="44:44" ht="15.75" customHeight="1" x14ac:dyDescent="0.15">
      <c r="AR39746" s="9" ph="1"/>
    </row>
    <row r="39747" spans="44:44" ht="15.75" customHeight="1" x14ac:dyDescent="0.15">
      <c r="AR39747" s="9" ph="1"/>
    </row>
    <row r="39748" spans="44:44" ht="15.75" customHeight="1" x14ac:dyDescent="0.15">
      <c r="AR39748" s="9" ph="1"/>
    </row>
    <row r="39749" spans="44:44" ht="15.75" customHeight="1" x14ac:dyDescent="0.15">
      <c r="AR39749" s="9" ph="1"/>
    </row>
    <row r="39751" spans="44:44" ht="15.75" customHeight="1" x14ac:dyDescent="0.15">
      <c r="AR39751" s="9" ph="1"/>
    </row>
    <row r="39752" spans="44:44" ht="15.75" customHeight="1" x14ac:dyDescent="0.15">
      <c r="AR39752" s="9" ph="1"/>
    </row>
    <row r="39753" spans="44:44" ht="15.75" customHeight="1" x14ac:dyDescent="0.15">
      <c r="AR39753" s="9" ph="1"/>
    </row>
    <row r="39754" spans="44:44" ht="15.75" customHeight="1" x14ac:dyDescent="0.15">
      <c r="AR39754" s="9" ph="1"/>
    </row>
    <row r="39755" spans="44:44" ht="15.75" customHeight="1" x14ac:dyDescent="0.15">
      <c r="AR39755" s="9" ph="1"/>
    </row>
    <row r="39756" spans="44:44" ht="15.75" customHeight="1" x14ac:dyDescent="0.15">
      <c r="AR39756" s="9" ph="1"/>
    </row>
    <row r="39757" spans="44:44" ht="15.75" customHeight="1" x14ac:dyDescent="0.15">
      <c r="AR39757" s="9" ph="1"/>
    </row>
    <row r="39758" spans="44:44" ht="15.75" customHeight="1" x14ac:dyDescent="0.15">
      <c r="AR39758" s="9" ph="1"/>
    </row>
    <row r="39759" spans="44:44" ht="15.75" customHeight="1" x14ac:dyDescent="0.15">
      <c r="AR39759" s="9" ph="1"/>
    </row>
    <row r="39760" spans="44:44" ht="15.75" customHeight="1" x14ac:dyDescent="0.15">
      <c r="AR39760" s="9" ph="1"/>
    </row>
    <row r="39762" spans="44:44" ht="15.75" customHeight="1" x14ac:dyDescent="0.15">
      <c r="AR39762" s="9" ph="1"/>
    </row>
    <row r="39763" spans="44:44" ht="15.75" customHeight="1" x14ac:dyDescent="0.15">
      <c r="AR39763" s="9" ph="1"/>
    </row>
    <row r="39764" spans="44:44" ht="15.75" customHeight="1" x14ac:dyDescent="0.15">
      <c r="AR39764" s="9" ph="1"/>
    </row>
    <row r="39765" spans="44:44" ht="15.75" customHeight="1" x14ac:dyDescent="0.15">
      <c r="AR39765" s="9" ph="1"/>
    </row>
    <row r="39766" spans="44:44" ht="15.75" customHeight="1" x14ac:dyDescent="0.15">
      <c r="AR39766" s="9" ph="1"/>
    </row>
    <row r="39767" spans="44:44" ht="15.75" customHeight="1" x14ac:dyDescent="0.15">
      <c r="AR39767" s="9" ph="1"/>
    </row>
    <row r="39768" spans="44:44" ht="15.75" customHeight="1" x14ac:dyDescent="0.15">
      <c r="AR39768" s="9" ph="1"/>
    </row>
    <row r="39769" spans="44:44" ht="15.75" customHeight="1" x14ac:dyDescent="0.15">
      <c r="AR39769" s="9" ph="1"/>
    </row>
    <row r="39770" spans="44:44" ht="15.75" customHeight="1" x14ac:dyDescent="0.15">
      <c r="AR39770" s="9" ph="1"/>
    </row>
    <row r="39771" spans="44:44" ht="15.75" customHeight="1" x14ac:dyDescent="0.15">
      <c r="AR39771" s="9" ph="1"/>
    </row>
    <row r="39772" spans="44:44" ht="15.75" customHeight="1" x14ac:dyDescent="0.15">
      <c r="AR39772" s="9" ph="1"/>
    </row>
    <row r="39773" spans="44:44" ht="15.75" customHeight="1" x14ac:dyDescent="0.15">
      <c r="AR39773" s="9" ph="1"/>
    </row>
    <row r="39774" spans="44:44" ht="15.75" customHeight="1" x14ac:dyDescent="0.15">
      <c r="AR39774" s="9" ph="1"/>
    </row>
    <row r="39775" spans="44:44" ht="15.75" customHeight="1" x14ac:dyDescent="0.15">
      <c r="AR39775" s="9" ph="1"/>
    </row>
    <row r="39776" spans="44:44" ht="15.75" customHeight="1" x14ac:dyDescent="0.15">
      <c r="AR39776" s="9" ph="1"/>
    </row>
    <row r="39778" spans="44:44" ht="15.75" customHeight="1" x14ac:dyDescent="0.15">
      <c r="AR39778" s="9" ph="1"/>
    </row>
    <row r="39779" spans="44:44" ht="15.75" customHeight="1" x14ac:dyDescent="0.15">
      <c r="AR39779" s="9" ph="1"/>
    </row>
    <row r="39780" spans="44:44" ht="15.75" customHeight="1" x14ac:dyDescent="0.15">
      <c r="AR39780" s="9" ph="1"/>
    </row>
    <row r="39781" spans="44:44" ht="15.75" customHeight="1" x14ac:dyDescent="0.15">
      <c r="AR39781" s="9" ph="1"/>
    </row>
    <row r="39782" spans="44:44" ht="15.75" customHeight="1" x14ac:dyDescent="0.15">
      <c r="AR39782" s="9" ph="1"/>
    </row>
    <row r="39783" spans="44:44" ht="15.75" customHeight="1" x14ac:dyDescent="0.15">
      <c r="AR39783" s="9" ph="1"/>
    </row>
    <row r="39784" spans="44:44" ht="15.75" customHeight="1" x14ac:dyDescent="0.15">
      <c r="AR39784" s="9" ph="1"/>
    </row>
    <row r="39785" spans="44:44" ht="15.75" customHeight="1" x14ac:dyDescent="0.15">
      <c r="AR39785" s="9" ph="1"/>
    </row>
    <row r="39786" spans="44:44" ht="15.75" customHeight="1" x14ac:dyDescent="0.15">
      <c r="AR39786" s="9" ph="1"/>
    </row>
    <row r="39787" spans="44:44" ht="15.75" customHeight="1" x14ac:dyDescent="0.15">
      <c r="AR39787" s="9" ph="1"/>
    </row>
    <row r="39789" spans="44:44" ht="15.75" customHeight="1" x14ac:dyDescent="0.15">
      <c r="AR39789" s="9" ph="1"/>
    </row>
    <row r="39790" spans="44:44" ht="15.75" customHeight="1" x14ac:dyDescent="0.15">
      <c r="AR39790" s="9" ph="1"/>
    </row>
    <row r="39791" spans="44:44" ht="15.75" customHeight="1" x14ac:dyDescent="0.15">
      <c r="AR39791" s="9" ph="1"/>
    </row>
    <row r="39792" spans="44:44" ht="15.75" customHeight="1" x14ac:dyDescent="0.15">
      <c r="AR39792" s="9" ph="1"/>
    </row>
    <row r="39793" spans="44:44" ht="15.75" customHeight="1" x14ac:dyDescent="0.15">
      <c r="AR39793" s="9" ph="1"/>
    </row>
    <row r="39794" spans="44:44" ht="15.75" customHeight="1" x14ac:dyDescent="0.15">
      <c r="AR39794" s="9" ph="1"/>
    </row>
    <row r="39795" spans="44:44" ht="15.75" customHeight="1" x14ac:dyDescent="0.15">
      <c r="AR39795" s="9" ph="1"/>
    </row>
    <row r="39796" spans="44:44" ht="15.75" customHeight="1" x14ac:dyDescent="0.15">
      <c r="AR39796" s="9" ph="1"/>
    </row>
    <row r="39797" spans="44:44" ht="15.75" customHeight="1" x14ac:dyDescent="0.15">
      <c r="AR39797" s="9" ph="1"/>
    </row>
    <row r="39798" spans="44:44" ht="15.75" customHeight="1" x14ac:dyDescent="0.15">
      <c r="AR39798" s="9" ph="1"/>
    </row>
    <row r="39799" spans="44:44" ht="15.75" customHeight="1" x14ac:dyDescent="0.15">
      <c r="AR39799" s="9" ph="1"/>
    </row>
    <row r="39800" spans="44:44" ht="15.75" customHeight="1" x14ac:dyDescent="0.15">
      <c r="AR39800" s="9" ph="1"/>
    </row>
    <row r="39801" spans="44:44" ht="15.75" customHeight="1" x14ac:dyDescent="0.15">
      <c r="AR39801" s="9" ph="1"/>
    </row>
    <row r="39802" spans="44:44" ht="15.75" customHeight="1" x14ac:dyDescent="0.15">
      <c r="AR39802" s="9" ph="1"/>
    </row>
    <row r="39804" spans="44:44" ht="15.75" customHeight="1" x14ac:dyDescent="0.15">
      <c r="AR39804" s="9" ph="1"/>
    </row>
    <row r="39805" spans="44:44" ht="15.75" customHeight="1" x14ac:dyDescent="0.15">
      <c r="AR39805" s="9" ph="1"/>
    </row>
    <row r="39806" spans="44:44" ht="15.75" customHeight="1" x14ac:dyDescent="0.15">
      <c r="AR39806" s="9" ph="1"/>
    </row>
    <row r="39807" spans="44:44" ht="15.75" customHeight="1" x14ac:dyDescent="0.15">
      <c r="AR39807" s="9" ph="1"/>
    </row>
    <row r="39808" spans="44:44" ht="15.75" customHeight="1" x14ac:dyDescent="0.15">
      <c r="AR39808" s="9" ph="1"/>
    </row>
    <row r="39809" spans="44:44" ht="15.75" customHeight="1" x14ac:dyDescent="0.15">
      <c r="AR39809" s="9" ph="1"/>
    </row>
    <row r="39810" spans="44:44" ht="15.75" customHeight="1" x14ac:dyDescent="0.15">
      <c r="AR39810" s="9" ph="1"/>
    </row>
    <row r="39811" spans="44:44" ht="15.75" customHeight="1" x14ac:dyDescent="0.15">
      <c r="AR39811" s="9" ph="1"/>
    </row>
    <row r="39812" spans="44:44" ht="15.75" customHeight="1" x14ac:dyDescent="0.15">
      <c r="AR39812" s="9" ph="1"/>
    </row>
    <row r="39814" spans="44:44" ht="15.75" customHeight="1" x14ac:dyDescent="0.15">
      <c r="AR39814" s="9" ph="1"/>
    </row>
    <row r="39815" spans="44:44" ht="15.75" customHeight="1" x14ac:dyDescent="0.15">
      <c r="AR39815" s="9" ph="1"/>
    </row>
    <row r="39816" spans="44:44" ht="15.75" customHeight="1" x14ac:dyDescent="0.15">
      <c r="AR39816" s="9" ph="1"/>
    </row>
    <row r="39817" spans="44:44" ht="15.75" customHeight="1" x14ac:dyDescent="0.15">
      <c r="AR39817" s="9" ph="1"/>
    </row>
    <row r="39818" spans="44:44" ht="15.75" customHeight="1" x14ac:dyDescent="0.15">
      <c r="AR39818" s="9" ph="1"/>
    </row>
    <row r="39819" spans="44:44" ht="15.75" customHeight="1" x14ac:dyDescent="0.15">
      <c r="AR39819" s="9" ph="1"/>
    </row>
    <row r="39820" spans="44:44" ht="15.75" customHeight="1" x14ac:dyDescent="0.15">
      <c r="AR39820" s="9" ph="1"/>
    </row>
    <row r="39821" spans="44:44" ht="15.75" customHeight="1" x14ac:dyDescent="0.15">
      <c r="AR39821" s="9" ph="1"/>
    </row>
    <row r="39822" spans="44:44" ht="15.75" customHeight="1" x14ac:dyDescent="0.15">
      <c r="AR39822" s="9" ph="1"/>
    </row>
    <row r="39823" spans="44:44" ht="15.75" customHeight="1" x14ac:dyDescent="0.15">
      <c r="AR39823" s="9" ph="1"/>
    </row>
    <row r="39825" spans="44:44" ht="15.75" customHeight="1" x14ac:dyDescent="0.15">
      <c r="AR39825" s="9" ph="1"/>
    </row>
    <row r="39826" spans="44:44" ht="15.75" customHeight="1" x14ac:dyDescent="0.15">
      <c r="AR39826" s="9" ph="1"/>
    </row>
    <row r="39827" spans="44:44" ht="15.75" customHeight="1" x14ac:dyDescent="0.15">
      <c r="AR39827" s="9" ph="1"/>
    </row>
    <row r="39828" spans="44:44" ht="15.75" customHeight="1" x14ac:dyDescent="0.15">
      <c r="AR39828" s="9" ph="1"/>
    </row>
    <row r="39829" spans="44:44" ht="15.75" customHeight="1" x14ac:dyDescent="0.15">
      <c r="AR39829" s="9" ph="1"/>
    </row>
    <row r="39830" spans="44:44" ht="15.75" customHeight="1" x14ac:dyDescent="0.15">
      <c r="AR39830" s="9" ph="1"/>
    </row>
    <row r="39831" spans="44:44" ht="15.75" customHeight="1" x14ac:dyDescent="0.15">
      <c r="AR39831" s="9" ph="1"/>
    </row>
    <row r="39832" spans="44:44" ht="15.75" customHeight="1" x14ac:dyDescent="0.15">
      <c r="AR39832" s="9" ph="1"/>
    </row>
    <row r="39833" spans="44:44" ht="15.75" customHeight="1" x14ac:dyDescent="0.15">
      <c r="AR39833" s="9" ph="1"/>
    </row>
    <row r="39834" spans="44:44" ht="15.75" customHeight="1" x14ac:dyDescent="0.15">
      <c r="AR39834" s="9" ph="1"/>
    </row>
    <row r="39835" spans="44:44" ht="15.75" customHeight="1" x14ac:dyDescent="0.15">
      <c r="AR39835" s="9" ph="1"/>
    </row>
    <row r="39836" spans="44:44" ht="15.75" customHeight="1" x14ac:dyDescent="0.15">
      <c r="AR39836" s="9" ph="1"/>
    </row>
    <row r="39837" spans="44:44" ht="15.75" customHeight="1" x14ac:dyDescent="0.15">
      <c r="AR39837" s="9" ph="1"/>
    </row>
    <row r="39838" spans="44:44" ht="15.75" customHeight="1" x14ac:dyDescent="0.15">
      <c r="AR39838" s="9" ph="1"/>
    </row>
    <row r="39839" spans="44:44" ht="15.75" customHeight="1" x14ac:dyDescent="0.15">
      <c r="AR39839" s="9" ph="1"/>
    </row>
    <row r="39841" spans="44:44" ht="15.75" customHeight="1" x14ac:dyDescent="0.15">
      <c r="AR39841" s="9" ph="1"/>
    </row>
    <row r="39842" spans="44:44" ht="15.75" customHeight="1" x14ac:dyDescent="0.15">
      <c r="AR39842" s="9" ph="1"/>
    </row>
    <row r="39843" spans="44:44" ht="15.75" customHeight="1" x14ac:dyDescent="0.15">
      <c r="AR39843" s="9" ph="1"/>
    </row>
    <row r="39844" spans="44:44" ht="15.75" customHeight="1" x14ac:dyDescent="0.15">
      <c r="AR39844" s="9" ph="1"/>
    </row>
    <row r="39845" spans="44:44" ht="15.75" customHeight="1" x14ac:dyDescent="0.15">
      <c r="AR39845" s="9" ph="1"/>
    </row>
    <row r="39846" spans="44:44" ht="15.75" customHeight="1" x14ac:dyDescent="0.15">
      <c r="AR39846" s="9" ph="1"/>
    </row>
    <row r="39847" spans="44:44" ht="15.75" customHeight="1" x14ac:dyDescent="0.15">
      <c r="AR39847" s="9" ph="1"/>
    </row>
    <row r="39848" spans="44:44" ht="15.75" customHeight="1" x14ac:dyDescent="0.15">
      <c r="AR39848" s="9" ph="1"/>
    </row>
    <row r="39849" spans="44:44" ht="15.75" customHeight="1" x14ac:dyDescent="0.15">
      <c r="AR39849" s="9" ph="1"/>
    </row>
    <row r="39850" spans="44:44" ht="15.75" customHeight="1" x14ac:dyDescent="0.15">
      <c r="AR39850" s="9" ph="1"/>
    </row>
    <row r="39852" spans="44:44" ht="15.75" customHeight="1" x14ac:dyDescent="0.15">
      <c r="AR39852" s="9" ph="1"/>
    </row>
    <row r="39853" spans="44:44" ht="15.75" customHeight="1" x14ac:dyDescent="0.15">
      <c r="AR39853" s="9" ph="1"/>
    </row>
    <row r="39854" spans="44:44" ht="15.75" customHeight="1" x14ac:dyDescent="0.15">
      <c r="AR39854" s="9" ph="1"/>
    </row>
    <row r="39855" spans="44:44" ht="15.75" customHeight="1" x14ac:dyDescent="0.15">
      <c r="AR39855" s="9" ph="1"/>
    </row>
    <row r="39856" spans="44:44" ht="15.75" customHeight="1" x14ac:dyDescent="0.15">
      <c r="AR39856" s="9" ph="1"/>
    </row>
    <row r="39857" spans="44:44" ht="15.75" customHeight="1" x14ac:dyDescent="0.15">
      <c r="AR39857" s="9" ph="1"/>
    </row>
    <row r="39858" spans="44:44" ht="15.75" customHeight="1" x14ac:dyDescent="0.15">
      <c r="AR39858" s="9" ph="1"/>
    </row>
    <row r="39859" spans="44:44" ht="15.75" customHeight="1" x14ac:dyDescent="0.15">
      <c r="AR39859" s="9" ph="1"/>
    </row>
    <row r="39860" spans="44:44" ht="15.75" customHeight="1" x14ac:dyDescent="0.15">
      <c r="AR39860" s="9" ph="1"/>
    </row>
    <row r="39861" spans="44:44" ht="15.75" customHeight="1" x14ac:dyDescent="0.15">
      <c r="AR39861" s="9" ph="1"/>
    </row>
    <row r="39862" spans="44:44" ht="15.75" customHeight="1" x14ac:dyDescent="0.15">
      <c r="AR39862" s="9" ph="1"/>
    </row>
    <row r="39863" spans="44:44" ht="15.75" customHeight="1" x14ac:dyDescent="0.15">
      <c r="AR39863" s="9" ph="1"/>
    </row>
    <row r="39864" spans="44:44" ht="15.75" customHeight="1" x14ac:dyDescent="0.15">
      <c r="AR39864" s="9" ph="1"/>
    </row>
    <row r="39865" spans="44:44" ht="15.75" customHeight="1" x14ac:dyDescent="0.15">
      <c r="AR39865" s="9" ph="1"/>
    </row>
    <row r="39866" spans="44:44" ht="15.75" customHeight="1" x14ac:dyDescent="0.15">
      <c r="AR39866" s="9" ph="1"/>
    </row>
    <row r="39867" spans="44:44" ht="15.75" customHeight="1" x14ac:dyDescent="0.15">
      <c r="AR39867" s="9" ph="1"/>
    </row>
    <row r="39868" spans="44:44" ht="15.75" customHeight="1" x14ac:dyDescent="0.15">
      <c r="AR39868" s="9" ph="1"/>
    </row>
    <row r="39869" spans="44:44" ht="15.75" customHeight="1" x14ac:dyDescent="0.15">
      <c r="AR39869" s="9" ph="1"/>
    </row>
    <row r="39870" spans="44:44" ht="15.75" customHeight="1" x14ac:dyDescent="0.15">
      <c r="AR39870" s="9" ph="1"/>
    </row>
    <row r="39871" spans="44:44" ht="15.75" customHeight="1" x14ac:dyDescent="0.15">
      <c r="AR39871" s="9" ph="1"/>
    </row>
    <row r="39873" spans="44:44" ht="15.75" customHeight="1" x14ac:dyDescent="0.15">
      <c r="AR39873" s="9" ph="1"/>
    </row>
    <row r="39874" spans="44:44" ht="15.75" customHeight="1" x14ac:dyDescent="0.15">
      <c r="AR39874" s="9" ph="1"/>
    </row>
    <row r="39875" spans="44:44" ht="15.75" customHeight="1" x14ac:dyDescent="0.15">
      <c r="AR39875" s="9" ph="1"/>
    </row>
    <row r="39876" spans="44:44" ht="15.75" customHeight="1" x14ac:dyDescent="0.15">
      <c r="AR39876" s="9" ph="1"/>
    </row>
    <row r="39877" spans="44:44" ht="15.75" customHeight="1" x14ac:dyDescent="0.15">
      <c r="AR39877" s="9" ph="1"/>
    </row>
    <row r="39878" spans="44:44" ht="15.75" customHeight="1" x14ac:dyDescent="0.15">
      <c r="AR39878" s="9" ph="1"/>
    </row>
    <row r="39879" spans="44:44" ht="15.75" customHeight="1" x14ac:dyDescent="0.15">
      <c r="AR39879" s="9" ph="1"/>
    </row>
    <row r="39880" spans="44:44" ht="15.75" customHeight="1" x14ac:dyDescent="0.15">
      <c r="AR39880" s="9" ph="1"/>
    </row>
    <row r="39881" spans="44:44" ht="15.75" customHeight="1" x14ac:dyDescent="0.15">
      <c r="AR39881" s="9" ph="1"/>
    </row>
    <row r="39882" spans="44:44" ht="15.75" customHeight="1" x14ac:dyDescent="0.15">
      <c r="AR39882" s="9" ph="1"/>
    </row>
    <row r="39884" spans="44:44" ht="15.75" customHeight="1" x14ac:dyDescent="0.15">
      <c r="AR39884" s="9" ph="1"/>
    </row>
    <row r="39885" spans="44:44" ht="15.75" customHeight="1" x14ac:dyDescent="0.15">
      <c r="AR39885" s="9" ph="1"/>
    </row>
    <row r="39886" spans="44:44" ht="15.75" customHeight="1" x14ac:dyDescent="0.15">
      <c r="AR39886" s="9" ph="1"/>
    </row>
    <row r="39887" spans="44:44" ht="15.75" customHeight="1" x14ac:dyDescent="0.15">
      <c r="AR39887" s="9" ph="1"/>
    </row>
    <row r="39888" spans="44:44" ht="15.75" customHeight="1" x14ac:dyDescent="0.15">
      <c r="AR39888" s="9" ph="1"/>
    </row>
    <row r="39889" spans="44:44" ht="15.75" customHeight="1" x14ac:dyDescent="0.15">
      <c r="AR39889" s="9" ph="1"/>
    </row>
    <row r="39891" spans="44:44" ht="15.75" customHeight="1" x14ac:dyDescent="0.15">
      <c r="AR39891" s="9" ph="1"/>
    </row>
    <row r="39892" spans="44:44" ht="15.75" customHeight="1" x14ac:dyDescent="0.15">
      <c r="AR39892" s="9" ph="1"/>
    </row>
    <row r="39893" spans="44:44" ht="15.75" customHeight="1" x14ac:dyDescent="0.15">
      <c r="AR39893" s="9" ph="1"/>
    </row>
    <row r="39894" spans="44:44" ht="15.75" customHeight="1" x14ac:dyDescent="0.15">
      <c r="AR39894" s="9" ph="1"/>
    </row>
    <row r="39895" spans="44:44" ht="15.75" customHeight="1" x14ac:dyDescent="0.15">
      <c r="AR39895" s="9" ph="1"/>
    </row>
    <row r="39896" spans="44:44" ht="15.75" customHeight="1" x14ac:dyDescent="0.15">
      <c r="AR39896" s="9" ph="1"/>
    </row>
    <row r="39897" spans="44:44" ht="15.75" customHeight="1" x14ac:dyDescent="0.15">
      <c r="AR39897" s="9" ph="1"/>
    </row>
    <row r="39898" spans="44:44" ht="15.75" customHeight="1" x14ac:dyDescent="0.15">
      <c r="AR39898" s="9" ph="1"/>
    </row>
    <row r="39899" spans="44:44" ht="15.75" customHeight="1" x14ac:dyDescent="0.15">
      <c r="AR39899" s="9" ph="1"/>
    </row>
    <row r="39900" spans="44:44" ht="15.75" customHeight="1" x14ac:dyDescent="0.15">
      <c r="AR39900" s="9" ph="1"/>
    </row>
    <row r="39902" spans="44:44" ht="15.75" customHeight="1" x14ac:dyDescent="0.15">
      <c r="AR39902" s="9" ph="1"/>
    </row>
    <row r="39903" spans="44:44" ht="15.75" customHeight="1" x14ac:dyDescent="0.15">
      <c r="AR39903" s="9" ph="1"/>
    </row>
    <row r="39904" spans="44:44" ht="15.75" customHeight="1" x14ac:dyDescent="0.15">
      <c r="AR39904" s="9" ph="1"/>
    </row>
    <row r="39905" spans="44:44" ht="15.75" customHeight="1" x14ac:dyDescent="0.15">
      <c r="AR39905" s="9" ph="1"/>
    </row>
    <row r="39906" spans="44:44" ht="15.75" customHeight="1" x14ac:dyDescent="0.15">
      <c r="AR39906" s="9" ph="1"/>
    </row>
    <row r="39907" spans="44:44" ht="15.75" customHeight="1" x14ac:dyDescent="0.15">
      <c r="AR39907" s="9" ph="1"/>
    </row>
    <row r="39908" spans="44:44" ht="15.75" customHeight="1" x14ac:dyDescent="0.15">
      <c r="AR39908" s="9" ph="1"/>
    </row>
    <row r="39909" spans="44:44" ht="15.75" customHeight="1" x14ac:dyDescent="0.15">
      <c r="AR39909" s="9" ph="1"/>
    </row>
    <row r="39910" spans="44:44" ht="15.75" customHeight="1" x14ac:dyDescent="0.15">
      <c r="AR39910" s="9" ph="1"/>
    </row>
    <row r="39912" spans="44:44" ht="15.75" customHeight="1" x14ac:dyDescent="0.15">
      <c r="AR39912" s="9" ph="1"/>
    </row>
    <row r="39913" spans="44:44" ht="15.75" customHeight="1" x14ac:dyDescent="0.15">
      <c r="AR39913" s="9" ph="1"/>
    </row>
    <row r="39914" spans="44:44" ht="15.75" customHeight="1" x14ac:dyDescent="0.15">
      <c r="AR39914" s="9" ph="1"/>
    </row>
    <row r="39915" spans="44:44" ht="15.75" customHeight="1" x14ac:dyDescent="0.15">
      <c r="AR39915" s="9" ph="1"/>
    </row>
    <row r="39916" spans="44:44" ht="15.75" customHeight="1" x14ac:dyDescent="0.15">
      <c r="AR39916" s="9" ph="1"/>
    </row>
    <row r="39917" spans="44:44" ht="15.75" customHeight="1" x14ac:dyDescent="0.15">
      <c r="AR39917" s="9" ph="1"/>
    </row>
    <row r="39918" spans="44:44" ht="15.75" customHeight="1" x14ac:dyDescent="0.15">
      <c r="AR39918" s="9" ph="1"/>
    </row>
    <row r="39919" spans="44:44" ht="15.75" customHeight="1" x14ac:dyDescent="0.15">
      <c r="AR39919" s="9" ph="1"/>
    </row>
    <row r="39920" spans="44:44" ht="15.75" customHeight="1" x14ac:dyDescent="0.15">
      <c r="AR39920" s="9" ph="1"/>
    </row>
    <row r="39921" spans="44:44" ht="15.75" customHeight="1" x14ac:dyDescent="0.15">
      <c r="AR39921" s="9" ph="1"/>
    </row>
    <row r="39923" spans="44:44" ht="15.75" customHeight="1" x14ac:dyDescent="0.15">
      <c r="AR39923" s="9" ph="1"/>
    </row>
    <row r="39924" spans="44:44" ht="15.75" customHeight="1" x14ac:dyDescent="0.15">
      <c r="AR39924" s="9" ph="1"/>
    </row>
    <row r="39925" spans="44:44" ht="15.75" customHeight="1" x14ac:dyDescent="0.15">
      <c r="AR39925" s="9" ph="1"/>
    </row>
    <row r="39926" spans="44:44" ht="15.75" customHeight="1" x14ac:dyDescent="0.15">
      <c r="AR39926" s="9" ph="1"/>
    </row>
    <row r="39927" spans="44:44" ht="15.75" customHeight="1" x14ac:dyDescent="0.15">
      <c r="AR39927" s="9" ph="1"/>
    </row>
    <row r="39928" spans="44:44" ht="15.75" customHeight="1" x14ac:dyDescent="0.15">
      <c r="AR39928" s="9" ph="1"/>
    </row>
    <row r="39929" spans="44:44" ht="15.75" customHeight="1" x14ac:dyDescent="0.15">
      <c r="AR39929" s="9" ph="1"/>
    </row>
    <row r="39930" spans="44:44" ht="15.75" customHeight="1" x14ac:dyDescent="0.15">
      <c r="AR39930" s="9" ph="1"/>
    </row>
    <row r="39931" spans="44:44" ht="15.75" customHeight="1" x14ac:dyDescent="0.15">
      <c r="AR39931" s="9" ph="1"/>
    </row>
    <row r="39932" spans="44:44" ht="15.75" customHeight="1" x14ac:dyDescent="0.15">
      <c r="AR39932" s="9" ph="1"/>
    </row>
    <row r="39933" spans="44:44" ht="15.75" customHeight="1" x14ac:dyDescent="0.15">
      <c r="AR39933" s="9" ph="1"/>
    </row>
    <row r="39934" spans="44:44" ht="15.75" customHeight="1" x14ac:dyDescent="0.15">
      <c r="AR39934" s="9" ph="1"/>
    </row>
    <row r="39935" spans="44:44" ht="15.75" customHeight="1" x14ac:dyDescent="0.15">
      <c r="AR39935" s="9" ph="1"/>
    </row>
    <row r="39936" spans="44:44" ht="15.75" customHeight="1" x14ac:dyDescent="0.15">
      <c r="AR39936" s="9" ph="1"/>
    </row>
    <row r="39937" spans="44:44" ht="15.75" customHeight="1" x14ac:dyDescent="0.15">
      <c r="AR39937" s="9" ph="1"/>
    </row>
    <row r="39939" spans="44:44" ht="15.75" customHeight="1" x14ac:dyDescent="0.15">
      <c r="AR39939" s="9" ph="1"/>
    </row>
    <row r="39940" spans="44:44" ht="15.75" customHeight="1" x14ac:dyDescent="0.15">
      <c r="AR39940" s="9" ph="1"/>
    </row>
    <row r="39941" spans="44:44" ht="15.75" customHeight="1" x14ac:dyDescent="0.15">
      <c r="AR39941" s="9" ph="1"/>
    </row>
    <row r="39942" spans="44:44" ht="15.75" customHeight="1" x14ac:dyDescent="0.15">
      <c r="AR39942" s="9" ph="1"/>
    </row>
    <row r="39943" spans="44:44" ht="15.75" customHeight="1" x14ac:dyDescent="0.15">
      <c r="AR39943" s="9" ph="1"/>
    </row>
    <row r="39944" spans="44:44" ht="15.75" customHeight="1" x14ac:dyDescent="0.15">
      <c r="AR39944" s="9" ph="1"/>
    </row>
    <row r="39945" spans="44:44" ht="15.75" customHeight="1" x14ac:dyDescent="0.15">
      <c r="AR39945" s="9" ph="1"/>
    </row>
    <row r="39946" spans="44:44" ht="15.75" customHeight="1" x14ac:dyDescent="0.15">
      <c r="AR39946" s="9" ph="1"/>
    </row>
    <row r="39947" spans="44:44" ht="15.75" customHeight="1" x14ac:dyDescent="0.15">
      <c r="AR39947" s="9" ph="1"/>
    </row>
    <row r="39948" spans="44:44" ht="15.75" customHeight="1" x14ac:dyDescent="0.15">
      <c r="AR39948" s="9" ph="1"/>
    </row>
    <row r="39950" spans="44:44" ht="15.75" customHeight="1" x14ac:dyDescent="0.15">
      <c r="AR39950" s="9" ph="1"/>
    </row>
    <row r="39951" spans="44:44" ht="15.75" customHeight="1" x14ac:dyDescent="0.15">
      <c r="AR39951" s="9" ph="1"/>
    </row>
    <row r="39952" spans="44:44" ht="15.75" customHeight="1" x14ac:dyDescent="0.15">
      <c r="AR39952" s="9" ph="1"/>
    </row>
    <row r="39953" spans="44:44" ht="15.75" customHeight="1" x14ac:dyDescent="0.15">
      <c r="AR39953" s="9" ph="1"/>
    </row>
    <row r="39954" spans="44:44" ht="15.75" customHeight="1" x14ac:dyDescent="0.15">
      <c r="AR39954" s="9" ph="1"/>
    </row>
    <row r="39955" spans="44:44" ht="15.75" customHeight="1" x14ac:dyDescent="0.15">
      <c r="AR39955" s="9" ph="1"/>
    </row>
    <row r="39956" spans="44:44" ht="15.75" customHeight="1" x14ac:dyDescent="0.15">
      <c r="AR39956" s="9" ph="1"/>
    </row>
    <row r="39957" spans="44:44" ht="15.75" customHeight="1" x14ac:dyDescent="0.15">
      <c r="AR39957" s="9" ph="1"/>
    </row>
    <row r="39958" spans="44:44" ht="15.75" customHeight="1" x14ac:dyDescent="0.15">
      <c r="AR39958" s="9" ph="1"/>
    </row>
    <row r="39959" spans="44:44" ht="15.75" customHeight="1" x14ac:dyDescent="0.15">
      <c r="AR39959" s="9" ph="1"/>
    </row>
    <row r="39960" spans="44:44" ht="15.75" customHeight="1" x14ac:dyDescent="0.15">
      <c r="AR39960" s="9" ph="1"/>
    </row>
    <row r="39961" spans="44:44" ht="15.75" customHeight="1" x14ac:dyDescent="0.15">
      <c r="AR39961" s="9" ph="1"/>
    </row>
    <row r="39963" spans="44:44" ht="15.75" customHeight="1" x14ac:dyDescent="0.15">
      <c r="AR39963" s="9" ph="1"/>
    </row>
    <row r="39964" spans="44:44" ht="15.75" customHeight="1" x14ac:dyDescent="0.15">
      <c r="AR39964" s="9" ph="1"/>
    </row>
    <row r="39965" spans="44:44" ht="15.75" customHeight="1" x14ac:dyDescent="0.15">
      <c r="AR39965" s="9" ph="1"/>
    </row>
    <row r="39966" spans="44:44" ht="15.75" customHeight="1" x14ac:dyDescent="0.15">
      <c r="AR39966" s="9" ph="1"/>
    </row>
    <row r="39967" spans="44:44" ht="15.75" customHeight="1" x14ac:dyDescent="0.15">
      <c r="AR39967" s="9" ph="1"/>
    </row>
    <row r="39968" spans="44:44" ht="15.75" customHeight="1" x14ac:dyDescent="0.15">
      <c r="AR39968" s="9" ph="1"/>
    </row>
    <row r="39970" spans="44:44" ht="15.75" customHeight="1" x14ac:dyDescent="0.15">
      <c r="AR39970" s="9" ph="1"/>
    </row>
    <row r="39971" spans="44:44" ht="15.75" customHeight="1" x14ac:dyDescent="0.15">
      <c r="AR39971" s="9" ph="1"/>
    </row>
    <row r="39972" spans="44:44" ht="15.75" customHeight="1" x14ac:dyDescent="0.15">
      <c r="AR39972" s="9" ph="1"/>
    </row>
    <row r="39973" spans="44:44" ht="15.75" customHeight="1" x14ac:dyDescent="0.15">
      <c r="AR39973" s="9" ph="1"/>
    </row>
    <row r="39974" spans="44:44" ht="15.75" customHeight="1" x14ac:dyDescent="0.15">
      <c r="AR39974" s="9" ph="1"/>
    </row>
    <row r="39975" spans="44:44" ht="15.75" customHeight="1" x14ac:dyDescent="0.15">
      <c r="AR39975" s="9" ph="1"/>
    </row>
    <row r="39976" spans="44:44" ht="15.75" customHeight="1" x14ac:dyDescent="0.15">
      <c r="AR39976" s="9" ph="1"/>
    </row>
    <row r="39977" spans="44:44" ht="15.75" customHeight="1" x14ac:dyDescent="0.15">
      <c r="AR39977" s="9" ph="1"/>
    </row>
    <row r="39978" spans="44:44" ht="15.75" customHeight="1" x14ac:dyDescent="0.15">
      <c r="AR39978" s="9" ph="1"/>
    </row>
    <row r="39979" spans="44:44" ht="15.75" customHeight="1" x14ac:dyDescent="0.15">
      <c r="AR39979" s="9" ph="1"/>
    </row>
    <row r="39981" spans="44:44" ht="15.75" customHeight="1" x14ac:dyDescent="0.15">
      <c r="AR39981" s="9" ph="1"/>
    </row>
    <row r="39982" spans="44:44" ht="15.75" customHeight="1" x14ac:dyDescent="0.15">
      <c r="AR39982" s="9" ph="1"/>
    </row>
    <row r="39983" spans="44:44" ht="15.75" customHeight="1" x14ac:dyDescent="0.15">
      <c r="AR39983" s="9" ph="1"/>
    </row>
    <row r="39984" spans="44:44" ht="15.75" customHeight="1" x14ac:dyDescent="0.15">
      <c r="AR39984" s="9" ph="1"/>
    </row>
    <row r="39985" spans="44:44" ht="15.75" customHeight="1" x14ac:dyDescent="0.15">
      <c r="AR39985" s="9" ph="1"/>
    </row>
    <row r="39986" spans="44:44" ht="15.75" customHeight="1" x14ac:dyDescent="0.15">
      <c r="AR39986" s="9" ph="1"/>
    </row>
    <row r="39987" spans="44:44" ht="15.75" customHeight="1" x14ac:dyDescent="0.15">
      <c r="AR39987" s="9" ph="1"/>
    </row>
    <row r="39988" spans="44:44" ht="15.75" customHeight="1" x14ac:dyDescent="0.15">
      <c r="AR39988" s="9" ph="1"/>
    </row>
    <row r="39989" spans="44:44" ht="15.75" customHeight="1" x14ac:dyDescent="0.15">
      <c r="AR39989" s="9" ph="1"/>
    </row>
    <row r="39991" spans="44:44" ht="15.75" customHeight="1" x14ac:dyDescent="0.15">
      <c r="AR39991" s="9" ph="1"/>
    </row>
    <row r="39992" spans="44:44" ht="15.75" customHeight="1" x14ac:dyDescent="0.15">
      <c r="AR39992" s="9" ph="1"/>
    </row>
    <row r="39993" spans="44:44" ht="15.75" customHeight="1" x14ac:dyDescent="0.15">
      <c r="AR39993" s="9" ph="1"/>
    </row>
    <row r="39994" spans="44:44" ht="15.75" customHeight="1" x14ac:dyDescent="0.15">
      <c r="AR39994" s="9" ph="1"/>
    </row>
    <row r="39995" spans="44:44" ht="15.75" customHeight="1" x14ac:dyDescent="0.15">
      <c r="AR39995" s="9" ph="1"/>
    </row>
    <row r="39996" spans="44:44" ht="15.75" customHeight="1" x14ac:dyDescent="0.15">
      <c r="AR39996" s="9" ph="1"/>
    </row>
    <row r="39997" spans="44:44" ht="15.75" customHeight="1" x14ac:dyDescent="0.15">
      <c r="AR39997" s="9" ph="1"/>
    </row>
    <row r="39998" spans="44:44" ht="15.75" customHeight="1" x14ac:dyDescent="0.15">
      <c r="AR39998" s="9" ph="1"/>
    </row>
    <row r="39999" spans="44:44" ht="15.75" customHeight="1" x14ac:dyDescent="0.15">
      <c r="AR39999" s="9" ph="1"/>
    </row>
    <row r="40000" spans="44:44" ht="15.75" customHeight="1" x14ac:dyDescent="0.15">
      <c r="AR40000" s="9" ph="1"/>
    </row>
    <row r="40002" spans="44:44" ht="15.75" customHeight="1" x14ac:dyDescent="0.15">
      <c r="AR40002" s="9" ph="1"/>
    </row>
    <row r="40003" spans="44:44" ht="15.75" customHeight="1" x14ac:dyDescent="0.15">
      <c r="AR40003" s="9" ph="1"/>
    </row>
    <row r="40004" spans="44:44" ht="15.75" customHeight="1" x14ac:dyDescent="0.15">
      <c r="AR40004" s="9" ph="1"/>
    </row>
    <row r="40005" spans="44:44" ht="15.75" customHeight="1" x14ac:dyDescent="0.15">
      <c r="AR40005" s="9" ph="1"/>
    </row>
    <row r="40006" spans="44:44" ht="15.75" customHeight="1" x14ac:dyDescent="0.15">
      <c r="AR40006" s="9" ph="1"/>
    </row>
    <row r="40007" spans="44:44" ht="15.75" customHeight="1" x14ac:dyDescent="0.15">
      <c r="AR40007" s="9" ph="1"/>
    </row>
    <row r="40008" spans="44:44" ht="15.75" customHeight="1" x14ac:dyDescent="0.15">
      <c r="AR40008" s="9" ph="1"/>
    </row>
    <row r="40009" spans="44:44" ht="15.75" customHeight="1" x14ac:dyDescent="0.15">
      <c r="AR40009" s="9" ph="1"/>
    </row>
    <row r="40010" spans="44:44" ht="15.75" customHeight="1" x14ac:dyDescent="0.15">
      <c r="AR40010" s="9" ph="1"/>
    </row>
    <row r="40011" spans="44:44" ht="15.75" customHeight="1" x14ac:dyDescent="0.15">
      <c r="AR40011" s="9" ph="1"/>
    </row>
    <row r="40012" spans="44:44" ht="15.75" customHeight="1" x14ac:dyDescent="0.15">
      <c r="AR40012" s="9" ph="1"/>
    </row>
    <row r="40013" spans="44:44" ht="15.75" customHeight="1" x14ac:dyDescent="0.15">
      <c r="AR40013" s="9" ph="1"/>
    </row>
    <row r="40014" spans="44:44" ht="15.75" customHeight="1" x14ac:dyDescent="0.15">
      <c r="AR40014" s="9" ph="1"/>
    </row>
    <row r="40015" spans="44:44" ht="15.75" customHeight="1" x14ac:dyDescent="0.15">
      <c r="AR40015" s="9" ph="1"/>
    </row>
    <row r="40016" spans="44:44" ht="15.75" customHeight="1" x14ac:dyDescent="0.15">
      <c r="AR40016" s="9" ph="1"/>
    </row>
    <row r="40018" spans="44:44" ht="15.75" customHeight="1" x14ac:dyDescent="0.15">
      <c r="AR40018" s="9" ph="1"/>
    </row>
    <row r="40019" spans="44:44" ht="15.75" customHeight="1" x14ac:dyDescent="0.15">
      <c r="AR40019" s="9" ph="1"/>
    </row>
    <row r="40020" spans="44:44" ht="15.75" customHeight="1" x14ac:dyDescent="0.15">
      <c r="AR40020" s="9" ph="1"/>
    </row>
    <row r="40021" spans="44:44" ht="15.75" customHeight="1" x14ac:dyDescent="0.15">
      <c r="AR40021" s="9" ph="1"/>
    </row>
    <row r="40022" spans="44:44" ht="15.75" customHeight="1" x14ac:dyDescent="0.15">
      <c r="AR40022" s="9" ph="1"/>
    </row>
    <row r="40023" spans="44:44" ht="15.75" customHeight="1" x14ac:dyDescent="0.15">
      <c r="AR40023" s="9" ph="1"/>
    </row>
    <row r="40024" spans="44:44" ht="15.75" customHeight="1" x14ac:dyDescent="0.15">
      <c r="AR40024" s="9" ph="1"/>
    </row>
    <row r="40025" spans="44:44" ht="15.75" customHeight="1" x14ac:dyDescent="0.15">
      <c r="AR40025" s="9" ph="1"/>
    </row>
    <row r="40026" spans="44:44" ht="15.75" customHeight="1" x14ac:dyDescent="0.15">
      <c r="AR40026" s="9" ph="1"/>
    </row>
    <row r="40027" spans="44:44" ht="15.75" customHeight="1" x14ac:dyDescent="0.15">
      <c r="AR40027" s="9" ph="1"/>
    </row>
    <row r="40029" spans="44:44" ht="15.75" customHeight="1" x14ac:dyDescent="0.15">
      <c r="AR40029" s="9" ph="1"/>
    </row>
    <row r="40030" spans="44:44" ht="15.75" customHeight="1" x14ac:dyDescent="0.15">
      <c r="AR40030" s="9" ph="1"/>
    </row>
    <row r="40031" spans="44:44" ht="15.75" customHeight="1" x14ac:dyDescent="0.15">
      <c r="AR40031" s="9" ph="1"/>
    </row>
    <row r="40032" spans="44:44" ht="15.75" customHeight="1" x14ac:dyDescent="0.15">
      <c r="AR40032" s="9" ph="1"/>
    </row>
    <row r="40033" spans="44:44" ht="15.75" customHeight="1" x14ac:dyDescent="0.15">
      <c r="AR40033" s="9" ph="1"/>
    </row>
    <row r="40034" spans="44:44" ht="15.75" customHeight="1" x14ac:dyDescent="0.15">
      <c r="AR40034" s="9" ph="1"/>
    </row>
    <row r="40035" spans="44:44" ht="15.75" customHeight="1" x14ac:dyDescent="0.15">
      <c r="AR40035" s="9" ph="1"/>
    </row>
    <row r="40036" spans="44:44" ht="15.75" customHeight="1" x14ac:dyDescent="0.15">
      <c r="AR40036" s="9" ph="1"/>
    </row>
    <row r="40037" spans="44:44" ht="15.75" customHeight="1" x14ac:dyDescent="0.15">
      <c r="AR40037" s="9" ph="1"/>
    </row>
    <row r="40038" spans="44:44" ht="15.75" customHeight="1" x14ac:dyDescent="0.15">
      <c r="AR40038" s="9" ph="1"/>
    </row>
    <row r="40039" spans="44:44" ht="15.75" customHeight="1" x14ac:dyDescent="0.15">
      <c r="AR40039" s="9" ph="1"/>
    </row>
    <row r="40040" spans="44:44" ht="15.75" customHeight="1" x14ac:dyDescent="0.15">
      <c r="AR40040" s="9" ph="1"/>
    </row>
    <row r="40041" spans="44:44" ht="15.75" customHeight="1" x14ac:dyDescent="0.15">
      <c r="AR40041" s="9" ph="1"/>
    </row>
    <row r="40042" spans="44:44" ht="15.75" customHeight="1" x14ac:dyDescent="0.15">
      <c r="AR40042" s="9" ph="1"/>
    </row>
    <row r="40044" spans="44:44" ht="15.75" customHeight="1" x14ac:dyDescent="0.15">
      <c r="AR40044" s="9" ph="1"/>
    </row>
    <row r="40045" spans="44:44" ht="15.75" customHeight="1" x14ac:dyDescent="0.15">
      <c r="AR40045" s="9" ph="1"/>
    </row>
    <row r="40046" spans="44:44" ht="15.75" customHeight="1" x14ac:dyDescent="0.15">
      <c r="AR40046" s="9" ph="1"/>
    </row>
    <row r="40047" spans="44:44" ht="15.75" customHeight="1" x14ac:dyDescent="0.15">
      <c r="AR40047" s="9" ph="1"/>
    </row>
    <row r="40048" spans="44:44" ht="15.75" customHeight="1" x14ac:dyDescent="0.15">
      <c r="AR40048" s="9" ph="1"/>
    </row>
    <row r="40049" spans="44:44" ht="15.75" customHeight="1" x14ac:dyDescent="0.15">
      <c r="AR40049" s="9" ph="1"/>
    </row>
    <row r="40050" spans="44:44" ht="15.75" customHeight="1" x14ac:dyDescent="0.15">
      <c r="AR40050" s="9" ph="1"/>
    </row>
    <row r="40051" spans="44:44" ht="15.75" customHeight="1" x14ac:dyDescent="0.15">
      <c r="AR40051" s="9" ph="1"/>
    </row>
    <row r="40052" spans="44:44" ht="15.75" customHeight="1" x14ac:dyDescent="0.15">
      <c r="AR40052" s="9" ph="1"/>
    </row>
    <row r="40054" spans="44:44" ht="15.75" customHeight="1" x14ac:dyDescent="0.15">
      <c r="AR40054" s="9" ph="1"/>
    </row>
    <row r="40055" spans="44:44" ht="15.75" customHeight="1" x14ac:dyDescent="0.15">
      <c r="AR40055" s="9" ph="1"/>
    </row>
    <row r="40056" spans="44:44" ht="15.75" customHeight="1" x14ac:dyDescent="0.15">
      <c r="AR40056" s="9" ph="1"/>
    </row>
    <row r="40057" spans="44:44" ht="15.75" customHeight="1" x14ac:dyDescent="0.15">
      <c r="AR40057" s="9" ph="1"/>
    </row>
    <row r="40058" spans="44:44" ht="15.75" customHeight="1" x14ac:dyDescent="0.15">
      <c r="AR40058" s="9" ph="1"/>
    </row>
    <row r="40059" spans="44:44" ht="15.75" customHeight="1" x14ac:dyDescent="0.15">
      <c r="AR40059" s="9" ph="1"/>
    </row>
    <row r="40060" spans="44:44" ht="15.75" customHeight="1" x14ac:dyDescent="0.15">
      <c r="AR40060" s="9" ph="1"/>
    </row>
    <row r="40061" spans="44:44" ht="15.75" customHeight="1" x14ac:dyDescent="0.15">
      <c r="AR40061" s="9" ph="1"/>
    </row>
    <row r="40062" spans="44:44" ht="15.75" customHeight="1" x14ac:dyDescent="0.15">
      <c r="AR40062" s="9" ph="1"/>
    </row>
    <row r="40063" spans="44:44" ht="15.75" customHeight="1" x14ac:dyDescent="0.15">
      <c r="AR40063" s="9" ph="1"/>
    </row>
    <row r="40065" spans="44:44" ht="15.75" customHeight="1" x14ac:dyDescent="0.15">
      <c r="AR40065" s="9" ph="1"/>
    </row>
    <row r="40066" spans="44:44" ht="15.75" customHeight="1" x14ac:dyDescent="0.15">
      <c r="AR40066" s="9" ph="1"/>
    </row>
    <row r="40067" spans="44:44" ht="15.75" customHeight="1" x14ac:dyDescent="0.15">
      <c r="AR40067" s="9" ph="1"/>
    </row>
    <row r="40068" spans="44:44" ht="15.75" customHeight="1" x14ac:dyDescent="0.15">
      <c r="AR40068" s="9" ph="1"/>
    </row>
    <row r="40069" spans="44:44" ht="15.75" customHeight="1" x14ac:dyDescent="0.15">
      <c r="AR40069" s="9" ph="1"/>
    </row>
    <row r="40070" spans="44:44" ht="15.75" customHeight="1" x14ac:dyDescent="0.15">
      <c r="AR40070" s="9" ph="1"/>
    </row>
    <row r="40071" spans="44:44" ht="15.75" customHeight="1" x14ac:dyDescent="0.15">
      <c r="AR40071" s="9" ph="1"/>
    </row>
    <row r="40072" spans="44:44" ht="15.75" customHeight="1" x14ac:dyDescent="0.15">
      <c r="AR40072" s="9" ph="1"/>
    </row>
    <row r="40073" spans="44:44" ht="15.75" customHeight="1" x14ac:dyDescent="0.15">
      <c r="AR40073" s="9" ph="1"/>
    </row>
    <row r="40074" spans="44:44" ht="15.75" customHeight="1" x14ac:dyDescent="0.15">
      <c r="AR40074" s="9" ph="1"/>
    </row>
    <row r="40075" spans="44:44" ht="15.75" customHeight="1" x14ac:dyDescent="0.15">
      <c r="AR40075" s="9" ph="1"/>
    </row>
    <row r="40076" spans="44:44" ht="15.75" customHeight="1" x14ac:dyDescent="0.15">
      <c r="AR40076" s="9" ph="1"/>
    </row>
    <row r="40077" spans="44:44" ht="15.75" customHeight="1" x14ac:dyDescent="0.15">
      <c r="AR40077" s="9" ph="1"/>
    </row>
    <row r="40078" spans="44:44" ht="15.75" customHeight="1" x14ac:dyDescent="0.15">
      <c r="AR40078" s="9" ph="1"/>
    </row>
    <row r="40079" spans="44:44" ht="15.75" customHeight="1" x14ac:dyDescent="0.15">
      <c r="AR40079" s="9" ph="1"/>
    </row>
    <row r="40081" spans="44:44" ht="15.75" customHeight="1" x14ac:dyDescent="0.15">
      <c r="AR40081" s="9" ph="1"/>
    </row>
    <row r="40082" spans="44:44" ht="15.75" customHeight="1" x14ac:dyDescent="0.15">
      <c r="AR40082" s="9" ph="1"/>
    </row>
    <row r="40083" spans="44:44" ht="15.75" customHeight="1" x14ac:dyDescent="0.15">
      <c r="AR40083" s="9" ph="1"/>
    </row>
    <row r="40084" spans="44:44" ht="15.75" customHeight="1" x14ac:dyDescent="0.15">
      <c r="AR40084" s="9" ph="1"/>
    </row>
    <row r="40085" spans="44:44" ht="15.75" customHeight="1" x14ac:dyDescent="0.15">
      <c r="AR40085" s="9" ph="1"/>
    </row>
    <row r="40086" spans="44:44" ht="15.75" customHeight="1" x14ac:dyDescent="0.15">
      <c r="AR40086" s="9" ph="1"/>
    </row>
    <row r="40087" spans="44:44" ht="15.75" customHeight="1" x14ac:dyDescent="0.15">
      <c r="AR40087" s="9" ph="1"/>
    </row>
    <row r="40088" spans="44:44" ht="15.75" customHeight="1" x14ac:dyDescent="0.15">
      <c r="AR40088" s="9" ph="1"/>
    </row>
    <row r="40089" spans="44:44" ht="15.75" customHeight="1" x14ac:dyDescent="0.15">
      <c r="AR40089" s="9" ph="1"/>
    </row>
    <row r="40090" spans="44:44" ht="15.75" customHeight="1" x14ac:dyDescent="0.15">
      <c r="AR40090" s="9" ph="1"/>
    </row>
    <row r="40092" spans="44:44" ht="15.75" customHeight="1" x14ac:dyDescent="0.15">
      <c r="AR40092" s="9" ph="1"/>
    </row>
    <row r="40093" spans="44:44" ht="15.75" customHeight="1" x14ac:dyDescent="0.15">
      <c r="AR40093" s="9" ph="1"/>
    </row>
    <row r="40094" spans="44:44" ht="15.75" customHeight="1" x14ac:dyDescent="0.15">
      <c r="AR40094" s="9" ph="1"/>
    </row>
    <row r="40095" spans="44:44" ht="15.75" customHeight="1" x14ac:dyDescent="0.15">
      <c r="AR40095" s="9" ph="1"/>
    </row>
    <row r="40096" spans="44:44" ht="15.75" customHeight="1" x14ac:dyDescent="0.15">
      <c r="AR40096" s="9" ph="1"/>
    </row>
    <row r="40097" spans="44:44" ht="15.75" customHeight="1" x14ac:dyDescent="0.15">
      <c r="AR40097" s="9" ph="1"/>
    </row>
    <row r="40098" spans="44:44" ht="15.75" customHeight="1" x14ac:dyDescent="0.15">
      <c r="AR40098" s="9" ph="1"/>
    </row>
    <row r="40099" spans="44:44" ht="15.75" customHeight="1" x14ac:dyDescent="0.15">
      <c r="AR40099" s="9" ph="1"/>
    </row>
    <row r="40100" spans="44:44" ht="15.75" customHeight="1" x14ac:dyDescent="0.15">
      <c r="AR40100" s="9" ph="1"/>
    </row>
    <row r="40101" spans="44:44" ht="15.75" customHeight="1" x14ac:dyDescent="0.15">
      <c r="AR40101" s="9" ph="1"/>
    </row>
    <row r="40102" spans="44:44" ht="15.75" customHeight="1" x14ac:dyDescent="0.15">
      <c r="AR40102" s="9" ph="1"/>
    </row>
    <row r="40103" spans="44:44" ht="15.75" customHeight="1" x14ac:dyDescent="0.15">
      <c r="AR40103" s="9" ph="1"/>
    </row>
    <row r="40104" spans="44:44" ht="15.75" customHeight="1" x14ac:dyDescent="0.15">
      <c r="AR40104" s="9" ph="1"/>
    </row>
    <row r="40105" spans="44:44" ht="15.75" customHeight="1" x14ac:dyDescent="0.15">
      <c r="AR40105" s="9" ph="1"/>
    </row>
    <row r="40106" spans="44:44" ht="15.75" customHeight="1" x14ac:dyDescent="0.15">
      <c r="AR40106" s="9" ph="1"/>
    </row>
    <row r="40107" spans="44:44" ht="15.75" customHeight="1" x14ac:dyDescent="0.15">
      <c r="AR40107" s="9" ph="1"/>
    </row>
    <row r="40108" spans="44:44" ht="15.75" customHeight="1" x14ac:dyDescent="0.15">
      <c r="AR40108" s="9" ph="1"/>
    </row>
    <row r="40109" spans="44:44" ht="15.75" customHeight="1" x14ac:dyDescent="0.15">
      <c r="AR40109" s="9" ph="1"/>
    </row>
    <row r="40110" spans="44:44" ht="15.75" customHeight="1" x14ac:dyDescent="0.15">
      <c r="AR40110" s="9" ph="1"/>
    </row>
    <row r="40111" spans="44:44" ht="15.75" customHeight="1" x14ac:dyDescent="0.15">
      <c r="AR40111" s="9" ph="1"/>
    </row>
    <row r="40112" spans="44:44" ht="15.75" customHeight="1" x14ac:dyDescent="0.15">
      <c r="AR40112" s="9" ph="1"/>
    </row>
    <row r="40113" spans="44:44" ht="15.75" customHeight="1" x14ac:dyDescent="0.15">
      <c r="AR40113" s="9" ph="1"/>
    </row>
    <row r="40114" spans="44:44" ht="15.75" customHeight="1" x14ac:dyDescent="0.15">
      <c r="AR40114" s="9" ph="1"/>
    </row>
    <row r="40115" spans="44:44" ht="15.75" customHeight="1" x14ac:dyDescent="0.15">
      <c r="AR40115" s="9" ph="1"/>
    </row>
    <row r="40117" spans="44:44" ht="15.75" customHeight="1" x14ac:dyDescent="0.15">
      <c r="AR40117" s="9" ph="1"/>
    </row>
    <row r="40118" spans="44:44" ht="15.75" customHeight="1" x14ac:dyDescent="0.15">
      <c r="AR40118" s="9" ph="1"/>
    </row>
    <row r="40119" spans="44:44" ht="15.75" customHeight="1" x14ac:dyDescent="0.15">
      <c r="AR40119" s="9" ph="1"/>
    </row>
    <row r="40120" spans="44:44" ht="15.75" customHeight="1" x14ac:dyDescent="0.15">
      <c r="AR40120" s="9" ph="1"/>
    </row>
    <row r="40121" spans="44:44" ht="15.75" customHeight="1" x14ac:dyDescent="0.15">
      <c r="AR40121" s="9" ph="1"/>
    </row>
    <row r="40122" spans="44:44" ht="15.75" customHeight="1" x14ac:dyDescent="0.15">
      <c r="AR40122" s="9" ph="1"/>
    </row>
    <row r="40123" spans="44:44" ht="15.75" customHeight="1" x14ac:dyDescent="0.15">
      <c r="AR40123" s="9" ph="1"/>
    </row>
    <row r="40124" spans="44:44" ht="15.75" customHeight="1" x14ac:dyDescent="0.15">
      <c r="AR40124" s="9" ph="1"/>
    </row>
    <row r="40125" spans="44:44" ht="15.75" customHeight="1" x14ac:dyDescent="0.15">
      <c r="AR40125" s="9" ph="1"/>
    </row>
    <row r="40126" spans="44:44" ht="15.75" customHeight="1" x14ac:dyDescent="0.15">
      <c r="AR40126" s="9" ph="1"/>
    </row>
    <row r="40128" spans="44:44" ht="15.75" customHeight="1" x14ac:dyDescent="0.15">
      <c r="AR40128" s="9" ph="1"/>
    </row>
    <row r="40129" spans="44:44" ht="15.75" customHeight="1" x14ac:dyDescent="0.15">
      <c r="AR40129" s="9" ph="1"/>
    </row>
    <row r="40130" spans="44:44" ht="15.75" customHeight="1" x14ac:dyDescent="0.15">
      <c r="AR40130" s="9" ph="1"/>
    </row>
    <row r="40131" spans="44:44" ht="15.75" customHeight="1" x14ac:dyDescent="0.15">
      <c r="AR40131" s="9" ph="1"/>
    </row>
    <row r="40132" spans="44:44" ht="15.75" customHeight="1" x14ac:dyDescent="0.15">
      <c r="AR40132" s="9" ph="1"/>
    </row>
    <row r="40133" spans="44:44" ht="15.75" customHeight="1" x14ac:dyDescent="0.15">
      <c r="AR40133" s="9" ph="1"/>
    </row>
    <row r="40135" spans="44:44" ht="15.75" customHeight="1" x14ac:dyDescent="0.15">
      <c r="AR40135" s="9" ph="1"/>
    </row>
    <row r="40136" spans="44:44" ht="15.75" customHeight="1" x14ac:dyDescent="0.15">
      <c r="AR40136" s="9" ph="1"/>
    </row>
    <row r="40137" spans="44:44" ht="15.75" customHeight="1" x14ac:dyDescent="0.15">
      <c r="AR40137" s="9" ph="1"/>
    </row>
    <row r="40138" spans="44:44" ht="15.75" customHeight="1" x14ac:dyDescent="0.15">
      <c r="AR40138" s="9" ph="1"/>
    </row>
    <row r="40139" spans="44:44" ht="15.75" customHeight="1" x14ac:dyDescent="0.15">
      <c r="AR40139" s="9" ph="1"/>
    </row>
    <row r="40140" spans="44:44" ht="15.75" customHeight="1" x14ac:dyDescent="0.15">
      <c r="AR40140" s="9" ph="1"/>
    </row>
    <row r="40141" spans="44:44" ht="15.75" customHeight="1" x14ac:dyDescent="0.15">
      <c r="AR40141" s="9" ph="1"/>
    </row>
    <row r="40142" spans="44:44" ht="15.75" customHeight="1" x14ac:dyDescent="0.15">
      <c r="AR40142" s="9" ph="1"/>
    </row>
    <row r="40143" spans="44:44" ht="15.75" customHeight="1" x14ac:dyDescent="0.15">
      <c r="AR40143" s="9" ph="1"/>
    </row>
    <row r="40144" spans="44:44" ht="15.75" customHeight="1" x14ac:dyDescent="0.15">
      <c r="AR40144" s="9" ph="1"/>
    </row>
    <row r="40146" spans="44:44" ht="15.75" customHeight="1" x14ac:dyDescent="0.15">
      <c r="AR40146" s="9" ph="1"/>
    </row>
    <row r="40147" spans="44:44" ht="15.75" customHeight="1" x14ac:dyDescent="0.15">
      <c r="AR40147" s="9" ph="1"/>
    </row>
    <row r="40148" spans="44:44" ht="15.75" customHeight="1" x14ac:dyDescent="0.15">
      <c r="AR40148" s="9" ph="1"/>
    </row>
    <row r="40149" spans="44:44" ht="15.75" customHeight="1" x14ac:dyDescent="0.15">
      <c r="AR40149" s="9" ph="1"/>
    </row>
    <row r="40150" spans="44:44" ht="15.75" customHeight="1" x14ac:dyDescent="0.15">
      <c r="AR40150" s="9" ph="1"/>
    </row>
    <row r="40151" spans="44:44" ht="15.75" customHeight="1" x14ac:dyDescent="0.15">
      <c r="AR40151" s="9" ph="1"/>
    </row>
    <row r="40152" spans="44:44" ht="15.75" customHeight="1" x14ac:dyDescent="0.15">
      <c r="AR40152" s="9" ph="1"/>
    </row>
    <row r="40153" spans="44:44" ht="15.75" customHeight="1" x14ac:dyDescent="0.15">
      <c r="AR40153" s="9" ph="1"/>
    </row>
    <row r="40154" spans="44:44" ht="15.75" customHeight="1" x14ac:dyDescent="0.15">
      <c r="AR40154" s="9" ph="1"/>
    </row>
    <row r="40156" spans="44:44" ht="15.75" customHeight="1" x14ac:dyDescent="0.15">
      <c r="AR40156" s="9" ph="1"/>
    </row>
    <row r="40157" spans="44:44" ht="15.75" customHeight="1" x14ac:dyDescent="0.15">
      <c r="AR40157" s="9" ph="1"/>
    </row>
    <row r="40158" spans="44:44" ht="15.75" customHeight="1" x14ac:dyDescent="0.15">
      <c r="AR40158" s="9" ph="1"/>
    </row>
    <row r="40159" spans="44:44" ht="15.75" customHeight="1" x14ac:dyDescent="0.15">
      <c r="AR40159" s="9" ph="1"/>
    </row>
    <row r="40160" spans="44:44" ht="15.75" customHeight="1" x14ac:dyDescent="0.15">
      <c r="AR40160" s="9" ph="1"/>
    </row>
    <row r="40161" spans="44:44" ht="15.75" customHeight="1" x14ac:dyDescent="0.15">
      <c r="AR40161" s="9" ph="1"/>
    </row>
    <row r="40162" spans="44:44" ht="15.75" customHeight="1" x14ac:dyDescent="0.15">
      <c r="AR40162" s="9" ph="1"/>
    </row>
    <row r="40163" spans="44:44" ht="15.75" customHeight="1" x14ac:dyDescent="0.15">
      <c r="AR40163" s="9" ph="1"/>
    </row>
    <row r="40164" spans="44:44" ht="15.75" customHeight="1" x14ac:dyDescent="0.15">
      <c r="AR40164" s="9" ph="1"/>
    </row>
    <row r="40165" spans="44:44" ht="15.75" customHeight="1" x14ac:dyDescent="0.15">
      <c r="AR40165" s="9" ph="1"/>
    </row>
    <row r="40167" spans="44:44" ht="15.75" customHeight="1" x14ac:dyDescent="0.15">
      <c r="AR40167" s="9" ph="1"/>
    </row>
    <row r="40168" spans="44:44" ht="15.75" customHeight="1" x14ac:dyDescent="0.15">
      <c r="AR40168" s="9" ph="1"/>
    </row>
    <row r="40169" spans="44:44" ht="15.75" customHeight="1" x14ac:dyDescent="0.15">
      <c r="AR40169" s="9" ph="1"/>
    </row>
    <row r="40170" spans="44:44" ht="15.75" customHeight="1" x14ac:dyDescent="0.15">
      <c r="AR40170" s="9" ph="1"/>
    </row>
    <row r="40171" spans="44:44" ht="15.75" customHeight="1" x14ac:dyDescent="0.15">
      <c r="AR40171" s="9" ph="1"/>
    </row>
    <row r="40172" spans="44:44" ht="15.75" customHeight="1" x14ac:dyDescent="0.15">
      <c r="AR40172" s="9" ph="1"/>
    </row>
    <row r="40173" spans="44:44" ht="15.75" customHeight="1" x14ac:dyDescent="0.15">
      <c r="AR40173" s="9" ph="1"/>
    </row>
    <row r="40174" spans="44:44" ht="15.75" customHeight="1" x14ac:dyDescent="0.15">
      <c r="AR40174" s="9" ph="1"/>
    </row>
    <row r="40175" spans="44:44" ht="15.75" customHeight="1" x14ac:dyDescent="0.15">
      <c r="AR40175" s="9" ph="1"/>
    </row>
    <row r="40176" spans="44:44" ht="15.75" customHeight="1" x14ac:dyDescent="0.15">
      <c r="AR40176" s="9" ph="1"/>
    </row>
    <row r="40177" spans="44:44" ht="15.75" customHeight="1" x14ac:dyDescent="0.15">
      <c r="AR40177" s="9" ph="1"/>
    </row>
    <row r="40178" spans="44:44" ht="15.75" customHeight="1" x14ac:dyDescent="0.15">
      <c r="AR40178" s="9" ph="1"/>
    </row>
    <row r="40179" spans="44:44" ht="15.75" customHeight="1" x14ac:dyDescent="0.15">
      <c r="AR40179" s="9" ph="1"/>
    </row>
    <row r="40180" spans="44:44" ht="15.75" customHeight="1" x14ac:dyDescent="0.15">
      <c r="AR40180" s="9" ph="1"/>
    </row>
    <row r="40181" spans="44:44" ht="15.75" customHeight="1" x14ac:dyDescent="0.15">
      <c r="AR40181" s="9" ph="1"/>
    </row>
    <row r="40183" spans="44:44" ht="15.75" customHeight="1" x14ac:dyDescent="0.15">
      <c r="AR40183" s="9" ph="1"/>
    </row>
    <row r="40184" spans="44:44" ht="15.75" customHeight="1" x14ac:dyDescent="0.15">
      <c r="AR40184" s="9" ph="1"/>
    </row>
    <row r="40185" spans="44:44" ht="15.75" customHeight="1" x14ac:dyDescent="0.15">
      <c r="AR40185" s="9" ph="1"/>
    </row>
    <row r="40186" spans="44:44" ht="15.75" customHeight="1" x14ac:dyDescent="0.15">
      <c r="AR40186" s="9" ph="1"/>
    </row>
    <row r="40187" spans="44:44" ht="15.75" customHeight="1" x14ac:dyDescent="0.15">
      <c r="AR40187" s="9" ph="1"/>
    </row>
    <row r="40188" spans="44:44" ht="15.75" customHeight="1" x14ac:dyDescent="0.15">
      <c r="AR40188" s="9" ph="1"/>
    </row>
    <row r="40189" spans="44:44" ht="15.75" customHeight="1" x14ac:dyDescent="0.15">
      <c r="AR40189" s="9" ph="1"/>
    </row>
    <row r="40190" spans="44:44" ht="15.75" customHeight="1" x14ac:dyDescent="0.15">
      <c r="AR40190" s="9" ph="1"/>
    </row>
    <row r="40191" spans="44:44" ht="15.75" customHeight="1" x14ac:dyDescent="0.15">
      <c r="AR40191" s="9" ph="1"/>
    </row>
    <row r="40192" spans="44:44" ht="15.75" customHeight="1" x14ac:dyDescent="0.15">
      <c r="AR40192" s="9" ph="1"/>
    </row>
    <row r="40194" spans="44:44" ht="15.75" customHeight="1" x14ac:dyDescent="0.15">
      <c r="AR40194" s="9" ph="1"/>
    </row>
    <row r="40195" spans="44:44" ht="15.75" customHeight="1" x14ac:dyDescent="0.15">
      <c r="AR40195" s="9" ph="1"/>
    </row>
    <row r="40196" spans="44:44" ht="15.75" customHeight="1" x14ac:dyDescent="0.15">
      <c r="AR40196" s="9" ph="1"/>
    </row>
    <row r="40197" spans="44:44" ht="15.75" customHeight="1" x14ac:dyDescent="0.15">
      <c r="AR40197" s="9" ph="1"/>
    </row>
    <row r="40198" spans="44:44" ht="15.75" customHeight="1" x14ac:dyDescent="0.15">
      <c r="AR40198" s="9" ph="1"/>
    </row>
    <row r="40199" spans="44:44" ht="15.75" customHeight="1" x14ac:dyDescent="0.15">
      <c r="AR40199" s="9" ph="1"/>
    </row>
    <row r="40200" spans="44:44" ht="15.75" customHeight="1" x14ac:dyDescent="0.15">
      <c r="AR40200" s="9" ph="1"/>
    </row>
    <row r="40201" spans="44:44" ht="15.75" customHeight="1" x14ac:dyDescent="0.15">
      <c r="AR40201" s="9" ph="1"/>
    </row>
    <row r="40202" spans="44:44" ht="15.75" customHeight="1" x14ac:dyDescent="0.15">
      <c r="AR40202" s="9" ph="1"/>
    </row>
    <row r="40203" spans="44:44" ht="15.75" customHeight="1" x14ac:dyDescent="0.15">
      <c r="AR40203" s="9" ph="1"/>
    </row>
    <row r="40204" spans="44:44" ht="15.75" customHeight="1" x14ac:dyDescent="0.15">
      <c r="AR40204" s="9" ph="1"/>
    </row>
    <row r="40205" spans="44:44" ht="15.75" customHeight="1" x14ac:dyDescent="0.15">
      <c r="AR40205" s="9" ph="1"/>
    </row>
    <row r="40207" spans="44:44" ht="15.75" customHeight="1" x14ac:dyDescent="0.15">
      <c r="AR40207" s="9" ph="1"/>
    </row>
    <row r="40208" spans="44:44" ht="15.75" customHeight="1" x14ac:dyDescent="0.15">
      <c r="AR40208" s="9" ph="1"/>
    </row>
    <row r="40209" spans="44:44" ht="15.75" customHeight="1" x14ac:dyDescent="0.15">
      <c r="AR40209" s="9" ph="1"/>
    </row>
    <row r="40210" spans="44:44" ht="15.75" customHeight="1" x14ac:dyDescent="0.15">
      <c r="AR40210" s="9" ph="1"/>
    </row>
    <row r="40211" spans="44:44" ht="15.75" customHeight="1" x14ac:dyDescent="0.15">
      <c r="AR40211" s="9" ph="1"/>
    </row>
    <row r="40212" spans="44:44" ht="15.75" customHeight="1" x14ac:dyDescent="0.15">
      <c r="AR40212" s="9" ph="1"/>
    </row>
    <row r="40214" spans="44:44" ht="15.75" customHeight="1" x14ac:dyDescent="0.15">
      <c r="AR40214" s="9" ph="1"/>
    </row>
    <row r="40215" spans="44:44" ht="15.75" customHeight="1" x14ac:dyDescent="0.15">
      <c r="AR40215" s="9" ph="1"/>
    </row>
    <row r="40216" spans="44:44" ht="15.75" customHeight="1" x14ac:dyDescent="0.15">
      <c r="AR40216" s="9" ph="1"/>
    </row>
    <row r="40217" spans="44:44" ht="15.75" customHeight="1" x14ac:dyDescent="0.15">
      <c r="AR40217" s="9" ph="1"/>
    </row>
    <row r="40218" spans="44:44" ht="15.75" customHeight="1" x14ac:dyDescent="0.15">
      <c r="AR40218" s="9" ph="1"/>
    </row>
    <row r="40219" spans="44:44" ht="15.75" customHeight="1" x14ac:dyDescent="0.15">
      <c r="AR40219" s="9" ph="1"/>
    </row>
    <row r="40220" spans="44:44" ht="15.75" customHeight="1" x14ac:dyDescent="0.15">
      <c r="AR40220" s="9" ph="1"/>
    </row>
    <row r="40221" spans="44:44" ht="15.75" customHeight="1" x14ac:dyDescent="0.15">
      <c r="AR40221" s="9" ph="1"/>
    </row>
    <row r="40222" spans="44:44" ht="15.75" customHeight="1" x14ac:dyDescent="0.15">
      <c r="AR40222" s="9" ph="1"/>
    </row>
    <row r="40223" spans="44:44" ht="15.75" customHeight="1" x14ac:dyDescent="0.15">
      <c r="AR40223" s="9" ph="1"/>
    </row>
    <row r="40225" spans="44:44" ht="15.75" customHeight="1" x14ac:dyDescent="0.15">
      <c r="AR40225" s="9" ph="1"/>
    </row>
    <row r="40226" spans="44:44" ht="15.75" customHeight="1" x14ac:dyDescent="0.15">
      <c r="AR40226" s="9" ph="1"/>
    </row>
    <row r="40227" spans="44:44" ht="15.75" customHeight="1" x14ac:dyDescent="0.15">
      <c r="AR40227" s="9" ph="1"/>
    </row>
    <row r="40228" spans="44:44" ht="15.75" customHeight="1" x14ac:dyDescent="0.15">
      <c r="AR40228" s="9" ph="1"/>
    </row>
    <row r="40229" spans="44:44" ht="15.75" customHeight="1" x14ac:dyDescent="0.15">
      <c r="AR40229" s="9" ph="1"/>
    </row>
    <row r="40230" spans="44:44" ht="15.75" customHeight="1" x14ac:dyDescent="0.15">
      <c r="AR40230" s="9" ph="1"/>
    </row>
    <row r="40231" spans="44:44" ht="15.75" customHeight="1" x14ac:dyDescent="0.15">
      <c r="AR40231" s="9" ph="1"/>
    </row>
    <row r="40232" spans="44:44" ht="15.75" customHeight="1" x14ac:dyDescent="0.15">
      <c r="AR40232" s="9" ph="1"/>
    </row>
    <row r="40233" spans="44:44" ht="15.75" customHeight="1" x14ac:dyDescent="0.15">
      <c r="AR40233" s="9" ph="1"/>
    </row>
    <row r="40235" spans="44:44" ht="15.75" customHeight="1" x14ac:dyDescent="0.15">
      <c r="AR40235" s="9" ph="1"/>
    </row>
    <row r="40236" spans="44:44" ht="15.75" customHeight="1" x14ac:dyDescent="0.15">
      <c r="AR40236" s="9" ph="1"/>
    </row>
    <row r="40237" spans="44:44" ht="15.75" customHeight="1" x14ac:dyDescent="0.15">
      <c r="AR40237" s="9" ph="1"/>
    </row>
    <row r="40238" spans="44:44" ht="15.75" customHeight="1" x14ac:dyDescent="0.15">
      <c r="AR40238" s="9" ph="1"/>
    </row>
    <row r="40239" spans="44:44" ht="15.75" customHeight="1" x14ac:dyDescent="0.15">
      <c r="AR40239" s="9" ph="1"/>
    </row>
    <row r="40240" spans="44:44" ht="15.75" customHeight="1" x14ac:dyDescent="0.15">
      <c r="AR40240" s="9" ph="1"/>
    </row>
    <row r="40241" spans="44:44" ht="15.75" customHeight="1" x14ac:dyDescent="0.15">
      <c r="AR40241" s="9" ph="1"/>
    </row>
    <row r="40242" spans="44:44" ht="15.75" customHeight="1" x14ac:dyDescent="0.15">
      <c r="AR40242" s="9" ph="1"/>
    </row>
    <row r="40243" spans="44:44" ht="15.75" customHeight="1" x14ac:dyDescent="0.15">
      <c r="AR40243" s="9" ph="1"/>
    </row>
    <row r="40244" spans="44:44" ht="15.75" customHeight="1" x14ac:dyDescent="0.15">
      <c r="AR40244" s="9" ph="1"/>
    </row>
    <row r="40246" spans="44:44" ht="15.75" customHeight="1" x14ac:dyDescent="0.15">
      <c r="AR40246" s="9" ph="1"/>
    </row>
    <row r="40247" spans="44:44" ht="15.75" customHeight="1" x14ac:dyDescent="0.15">
      <c r="AR40247" s="9" ph="1"/>
    </row>
    <row r="40248" spans="44:44" ht="15.75" customHeight="1" x14ac:dyDescent="0.15">
      <c r="AR40248" s="9" ph="1"/>
    </row>
    <row r="40249" spans="44:44" ht="15.75" customHeight="1" x14ac:dyDescent="0.15">
      <c r="AR40249" s="9" ph="1"/>
    </row>
    <row r="40250" spans="44:44" ht="15.75" customHeight="1" x14ac:dyDescent="0.15">
      <c r="AR40250" s="9" ph="1"/>
    </row>
    <row r="40251" spans="44:44" ht="15.75" customHeight="1" x14ac:dyDescent="0.15">
      <c r="AR40251" s="9" ph="1"/>
    </row>
    <row r="40252" spans="44:44" ht="15.75" customHeight="1" x14ac:dyDescent="0.15">
      <c r="AR40252" s="9" ph="1"/>
    </row>
    <row r="40253" spans="44:44" ht="15.75" customHeight="1" x14ac:dyDescent="0.15">
      <c r="AR40253" s="9" ph="1"/>
    </row>
    <row r="40254" spans="44:44" ht="15.75" customHeight="1" x14ac:dyDescent="0.15">
      <c r="AR40254" s="9" ph="1"/>
    </row>
    <row r="40255" spans="44:44" ht="15.75" customHeight="1" x14ac:dyDescent="0.15">
      <c r="AR40255" s="9" ph="1"/>
    </row>
    <row r="40256" spans="44:44" ht="15.75" customHeight="1" x14ac:dyDescent="0.15">
      <c r="AR40256" s="9" ph="1"/>
    </row>
    <row r="40257" spans="44:44" ht="15.75" customHeight="1" x14ac:dyDescent="0.15">
      <c r="AR40257" s="9" ph="1"/>
    </row>
    <row r="40258" spans="44:44" ht="15.75" customHeight="1" x14ac:dyDescent="0.15">
      <c r="AR40258" s="9" ph="1"/>
    </row>
    <row r="40259" spans="44:44" ht="15.75" customHeight="1" x14ac:dyDescent="0.15">
      <c r="AR40259" s="9" ph="1"/>
    </row>
    <row r="40260" spans="44:44" ht="15.75" customHeight="1" x14ac:dyDescent="0.15">
      <c r="AR40260" s="9" ph="1"/>
    </row>
    <row r="40262" spans="44:44" ht="15.75" customHeight="1" x14ac:dyDescent="0.15">
      <c r="AR40262" s="9" ph="1"/>
    </row>
    <row r="40263" spans="44:44" ht="15.75" customHeight="1" x14ac:dyDescent="0.15">
      <c r="AR40263" s="9" ph="1"/>
    </row>
    <row r="40264" spans="44:44" ht="15.75" customHeight="1" x14ac:dyDescent="0.15">
      <c r="AR40264" s="9" ph="1"/>
    </row>
    <row r="40265" spans="44:44" ht="15.75" customHeight="1" x14ac:dyDescent="0.15">
      <c r="AR40265" s="9" ph="1"/>
    </row>
    <row r="40266" spans="44:44" ht="15.75" customHeight="1" x14ac:dyDescent="0.15">
      <c r="AR40266" s="9" ph="1"/>
    </row>
    <row r="40267" spans="44:44" ht="15.75" customHeight="1" x14ac:dyDescent="0.15">
      <c r="AR40267" s="9" ph="1"/>
    </row>
    <row r="40268" spans="44:44" ht="15.75" customHeight="1" x14ac:dyDescent="0.15">
      <c r="AR40268" s="9" ph="1"/>
    </row>
    <row r="40269" spans="44:44" ht="15.75" customHeight="1" x14ac:dyDescent="0.15">
      <c r="AR40269" s="9" ph="1"/>
    </row>
    <row r="40270" spans="44:44" ht="15.75" customHeight="1" x14ac:dyDescent="0.15">
      <c r="AR40270" s="9" ph="1"/>
    </row>
    <row r="40271" spans="44:44" ht="15.75" customHeight="1" x14ac:dyDescent="0.15">
      <c r="AR40271" s="9" ph="1"/>
    </row>
    <row r="40273" spans="44:44" ht="15.75" customHeight="1" x14ac:dyDescent="0.15">
      <c r="AR40273" s="9" ph="1"/>
    </row>
    <row r="40274" spans="44:44" ht="15.75" customHeight="1" x14ac:dyDescent="0.15">
      <c r="AR40274" s="9" ph="1"/>
    </row>
    <row r="40275" spans="44:44" ht="15.75" customHeight="1" x14ac:dyDescent="0.15">
      <c r="AR40275" s="9" ph="1"/>
    </row>
    <row r="40276" spans="44:44" ht="15.75" customHeight="1" x14ac:dyDescent="0.15">
      <c r="AR40276" s="9" ph="1"/>
    </row>
    <row r="40277" spans="44:44" ht="15.75" customHeight="1" x14ac:dyDescent="0.15">
      <c r="AR40277" s="9" ph="1"/>
    </row>
    <row r="40278" spans="44:44" ht="15.75" customHeight="1" x14ac:dyDescent="0.15">
      <c r="AR40278" s="9" ph="1"/>
    </row>
    <row r="40279" spans="44:44" ht="15.75" customHeight="1" x14ac:dyDescent="0.15">
      <c r="AR40279" s="9" ph="1"/>
    </row>
    <row r="40280" spans="44:44" ht="15.75" customHeight="1" x14ac:dyDescent="0.15">
      <c r="AR40280" s="9" ph="1"/>
    </row>
    <row r="40281" spans="44:44" ht="15.75" customHeight="1" x14ac:dyDescent="0.15">
      <c r="AR40281" s="9" ph="1"/>
    </row>
    <row r="40282" spans="44:44" ht="15.75" customHeight="1" x14ac:dyDescent="0.15">
      <c r="AR40282" s="9" ph="1"/>
    </row>
    <row r="40283" spans="44:44" ht="15.75" customHeight="1" x14ac:dyDescent="0.15">
      <c r="AR40283" s="9" ph="1"/>
    </row>
    <row r="40284" spans="44:44" ht="15.75" customHeight="1" x14ac:dyDescent="0.15">
      <c r="AR40284" s="9" ph="1"/>
    </row>
    <row r="40285" spans="44:44" ht="15.75" customHeight="1" x14ac:dyDescent="0.15">
      <c r="AR40285" s="9" ph="1"/>
    </row>
    <row r="40286" spans="44:44" ht="15.75" customHeight="1" x14ac:dyDescent="0.15">
      <c r="AR40286" s="9" ph="1"/>
    </row>
    <row r="40288" spans="44:44" ht="15.75" customHeight="1" x14ac:dyDescent="0.15">
      <c r="AR40288" s="9" ph="1"/>
    </row>
    <row r="40289" spans="44:44" ht="15.75" customHeight="1" x14ac:dyDescent="0.15">
      <c r="AR40289" s="9" ph="1"/>
    </row>
    <row r="40290" spans="44:44" ht="15.75" customHeight="1" x14ac:dyDescent="0.15">
      <c r="AR40290" s="9" ph="1"/>
    </row>
    <row r="40291" spans="44:44" ht="15.75" customHeight="1" x14ac:dyDescent="0.15">
      <c r="AR40291" s="9" ph="1"/>
    </row>
    <row r="40292" spans="44:44" ht="15.75" customHeight="1" x14ac:dyDescent="0.15">
      <c r="AR40292" s="9" ph="1"/>
    </row>
    <row r="40293" spans="44:44" ht="15.75" customHeight="1" x14ac:dyDescent="0.15">
      <c r="AR40293" s="9" ph="1"/>
    </row>
    <row r="40294" spans="44:44" ht="15.75" customHeight="1" x14ac:dyDescent="0.15">
      <c r="AR40294" s="9" ph="1"/>
    </row>
    <row r="40295" spans="44:44" ht="15.75" customHeight="1" x14ac:dyDescent="0.15">
      <c r="AR40295" s="9" ph="1"/>
    </row>
    <row r="40296" spans="44:44" ht="15.75" customHeight="1" x14ac:dyDescent="0.15">
      <c r="AR40296" s="9" ph="1"/>
    </row>
    <row r="40298" spans="44:44" ht="15.75" customHeight="1" x14ac:dyDescent="0.15">
      <c r="AR40298" s="9" ph="1"/>
    </row>
    <row r="40299" spans="44:44" ht="15.75" customHeight="1" x14ac:dyDescent="0.15">
      <c r="AR40299" s="9" ph="1"/>
    </row>
    <row r="40300" spans="44:44" ht="15.75" customHeight="1" x14ac:dyDescent="0.15">
      <c r="AR40300" s="9" ph="1"/>
    </row>
    <row r="40301" spans="44:44" ht="15.75" customHeight="1" x14ac:dyDescent="0.15">
      <c r="AR40301" s="9" ph="1"/>
    </row>
    <row r="40302" spans="44:44" ht="15.75" customHeight="1" x14ac:dyDescent="0.15">
      <c r="AR40302" s="9" ph="1"/>
    </row>
    <row r="40303" spans="44:44" ht="15.75" customHeight="1" x14ac:dyDescent="0.15">
      <c r="AR40303" s="9" ph="1"/>
    </row>
    <row r="40304" spans="44:44" ht="15.75" customHeight="1" x14ac:dyDescent="0.15">
      <c r="AR40304" s="9" ph="1"/>
    </row>
    <row r="40305" spans="44:44" ht="15.75" customHeight="1" x14ac:dyDescent="0.15">
      <c r="AR40305" s="9" ph="1"/>
    </row>
    <row r="40306" spans="44:44" ht="15.75" customHeight="1" x14ac:dyDescent="0.15">
      <c r="AR40306" s="9" ph="1"/>
    </row>
    <row r="40307" spans="44:44" ht="15.75" customHeight="1" x14ac:dyDescent="0.15">
      <c r="AR40307" s="9" ph="1"/>
    </row>
    <row r="40309" spans="44:44" ht="15.75" customHeight="1" x14ac:dyDescent="0.15">
      <c r="AR40309" s="9" ph="1"/>
    </row>
    <row r="40310" spans="44:44" ht="15.75" customHeight="1" x14ac:dyDescent="0.15">
      <c r="AR40310" s="9" ph="1"/>
    </row>
    <row r="40311" spans="44:44" ht="15.75" customHeight="1" x14ac:dyDescent="0.15">
      <c r="AR40311" s="9" ph="1"/>
    </row>
    <row r="40312" spans="44:44" ht="15.75" customHeight="1" x14ac:dyDescent="0.15">
      <c r="AR40312" s="9" ph="1"/>
    </row>
    <row r="40313" spans="44:44" ht="15.75" customHeight="1" x14ac:dyDescent="0.15">
      <c r="AR40313" s="9" ph="1"/>
    </row>
    <row r="40314" spans="44:44" ht="15.75" customHeight="1" x14ac:dyDescent="0.15">
      <c r="AR40314" s="9" ph="1"/>
    </row>
    <row r="40315" spans="44:44" ht="15.75" customHeight="1" x14ac:dyDescent="0.15">
      <c r="AR40315" s="9" ph="1"/>
    </row>
    <row r="40316" spans="44:44" ht="15.75" customHeight="1" x14ac:dyDescent="0.15">
      <c r="AR40316" s="9" ph="1"/>
    </row>
    <row r="40317" spans="44:44" ht="15.75" customHeight="1" x14ac:dyDescent="0.15">
      <c r="AR40317" s="9" ph="1"/>
    </row>
    <row r="40318" spans="44:44" ht="15.75" customHeight="1" x14ac:dyDescent="0.15">
      <c r="AR40318" s="9" ph="1"/>
    </row>
    <row r="40319" spans="44:44" ht="15.75" customHeight="1" x14ac:dyDescent="0.15">
      <c r="AR40319" s="9" ph="1"/>
    </row>
    <row r="40320" spans="44:44" ht="15.75" customHeight="1" x14ac:dyDescent="0.15">
      <c r="AR40320" s="9" ph="1"/>
    </row>
    <row r="40321" spans="44:44" ht="15.75" customHeight="1" x14ac:dyDescent="0.15">
      <c r="AR40321" s="9" ph="1"/>
    </row>
    <row r="40322" spans="44:44" ht="15.75" customHeight="1" x14ac:dyDescent="0.15">
      <c r="AR40322" s="9" ph="1"/>
    </row>
    <row r="40323" spans="44:44" ht="15.75" customHeight="1" x14ac:dyDescent="0.15">
      <c r="AR40323" s="9" ph="1"/>
    </row>
    <row r="40325" spans="44:44" ht="15.75" customHeight="1" x14ac:dyDescent="0.15">
      <c r="AR40325" s="9" ph="1"/>
    </row>
    <row r="40326" spans="44:44" ht="15.75" customHeight="1" x14ac:dyDescent="0.15">
      <c r="AR40326" s="9" ph="1"/>
    </row>
    <row r="40327" spans="44:44" ht="15.75" customHeight="1" x14ac:dyDescent="0.15">
      <c r="AR40327" s="9" ph="1"/>
    </row>
    <row r="40328" spans="44:44" ht="15.75" customHeight="1" x14ac:dyDescent="0.15">
      <c r="AR40328" s="9" ph="1"/>
    </row>
    <row r="40329" spans="44:44" ht="15.75" customHeight="1" x14ac:dyDescent="0.15">
      <c r="AR40329" s="9" ph="1"/>
    </row>
    <row r="40330" spans="44:44" ht="15.75" customHeight="1" x14ac:dyDescent="0.15">
      <c r="AR40330" s="9" ph="1"/>
    </row>
    <row r="40331" spans="44:44" ht="15.75" customHeight="1" x14ac:dyDescent="0.15">
      <c r="AR40331" s="9" ph="1"/>
    </row>
    <row r="40332" spans="44:44" ht="15.75" customHeight="1" x14ac:dyDescent="0.15">
      <c r="AR40332" s="9" ph="1"/>
    </row>
    <row r="40333" spans="44:44" ht="15.75" customHeight="1" x14ac:dyDescent="0.15">
      <c r="AR40333" s="9" ph="1"/>
    </row>
    <row r="40334" spans="44:44" ht="15.75" customHeight="1" x14ac:dyDescent="0.15">
      <c r="AR40334" s="9" ph="1"/>
    </row>
    <row r="40336" spans="44:44" ht="15.75" customHeight="1" x14ac:dyDescent="0.15">
      <c r="AR40336" s="9" ph="1"/>
    </row>
    <row r="40337" spans="44:44" ht="15.75" customHeight="1" x14ac:dyDescent="0.15">
      <c r="AR40337" s="9" ph="1"/>
    </row>
    <row r="40338" spans="44:44" ht="15.75" customHeight="1" x14ac:dyDescent="0.15">
      <c r="AR40338" s="9" ph="1"/>
    </row>
    <row r="40339" spans="44:44" ht="15.75" customHeight="1" x14ac:dyDescent="0.15">
      <c r="AR40339" s="9" ph="1"/>
    </row>
    <row r="40340" spans="44:44" ht="15.75" customHeight="1" x14ac:dyDescent="0.15">
      <c r="AR40340" s="9" ph="1"/>
    </row>
    <row r="40341" spans="44:44" ht="15.75" customHeight="1" x14ac:dyDescent="0.15">
      <c r="AR40341" s="9" ph="1"/>
    </row>
    <row r="40342" spans="44:44" ht="15.75" customHeight="1" x14ac:dyDescent="0.15">
      <c r="AR40342" s="9" ph="1"/>
    </row>
    <row r="40343" spans="44:44" ht="15.75" customHeight="1" x14ac:dyDescent="0.15">
      <c r="AR40343" s="9" ph="1"/>
    </row>
    <row r="40344" spans="44:44" ht="15.75" customHeight="1" x14ac:dyDescent="0.15">
      <c r="AR40344" s="9" ph="1"/>
    </row>
    <row r="40345" spans="44:44" ht="15.75" customHeight="1" x14ac:dyDescent="0.15">
      <c r="AR40345" s="9" ph="1"/>
    </row>
    <row r="40346" spans="44:44" ht="15.75" customHeight="1" x14ac:dyDescent="0.15">
      <c r="AR40346" s="9" ph="1"/>
    </row>
    <row r="40347" spans="44:44" ht="15.75" customHeight="1" x14ac:dyDescent="0.15">
      <c r="AR40347" s="9" ph="1"/>
    </row>
    <row r="40348" spans="44:44" ht="15.75" customHeight="1" x14ac:dyDescent="0.15">
      <c r="AR40348" s="9" ph="1"/>
    </row>
    <row r="40349" spans="44:44" ht="15.75" customHeight="1" x14ac:dyDescent="0.15">
      <c r="AR40349" s="9" ph="1"/>
    </row>
    <row r="40350" spans="44:44" ht="15.75" customHeight="1" x14ac:dyDescent="0.15">
      <c r="AR40350" s="9" ph="1"/>
    </row>
    <row r="40351" spans="44:44" ht="15.75" customHeight="1" x14ac:dyDescent="0.15">
      <c r="AR40351" s="9" ph="1"/>
    </row>
    <row r="40352" spans="44:44" ht="15.75" customHeight="1" x14ac:dyDescent="0.15">
      <c r="AR40352" s="9" ph="1"/>
    </row>
    <row r="40354" spans="44:44" ht="15.75" customHeight="1" x14ac:dyDescent="0.15">
      <c r="AR40354" s="9" ph="1"/>
    </row>
    <row r="40355" spans="44:44" ht="15.75" customHeight="1" x14ac:dyDescent="0.15">
      <c r="AR40355" s="9" ph="1"/>
    </row>
    <row r="40356" spans="44:44" ht="15.75" customHeight="1" x14ac:dyDescent="0.15">
      <c r="AR40356" s="9" ph="1"/>
    </row>
    <row r="40357" spans="44:44" ht="15.75" customHeight="1" x14ac:dyDescent="0.15">
      <c r="AR40357" s="9" ph="1"/>
    </row>
    <row r="40358" spans="44:44" ht="15.75" customHeight="1" x14ac:dyDescent="0.15">
      <c r="AR40358" s="9" ph="1"/>
    </row>
    <row r="40359" spans="44:44" ht="15.75" customHeight="1" x14ac:dyDescent="0.15">
      <c r="AR40359" s="9" ph="1"/>
    </row>
    <row r="40360" spans="44:44" ht="15.75" customHeight="1" x14ac:dyDescent="0.15">
      <c r="AR40360" s="9" ph="1"/>
    </row>
    <row r="40361" spans="44:44" ht="15.75" customHeight="1" x14ac:dyDescent="0.15">
      <c r="AR40361" s="9" ph="1"/>
    </row>
    <row r="40362" spans="44:44" ht="15.75" customHeight="1" x14ac:dyDescent="0.15">
      <c r="AR40362" s="9" ph="1"/>
    </row>
    <row r="40363" spans="44:44" ht="15.75" customHeight="1" x14ac:dyDescent="0.15">
      <c r="AR40363" s="9" ph="1"/>
    </row>
    <row r="40364" spans="44:44" ht="15.75" customHeight="1" x14ac:dyDescent="0.15">
      <c r="AR40364" s="9" ph="1"/>
    </row>
    <row r="40365" spans="44:44" ht="15.75" customHeight="1" x14ac:dyDescent="0.15">
      <c r="AR40365" s="9" ph="1"/>
    </row>
    <row r="40366" spans="44:44" ht="15.75" customHeight="1" x14ac:dyDescent="0.15">
      <c r="AR40366" s="9" ph="1"/>
    </row>
    <row r="40367" spans="44:44" ht="15.75" customHeight="1" x14ac:dyDescent="0.15">
      <c r="AR40367" s="9" ph="1"/>
    </row>
    <row r="40368" spans="44:44" ht="15.75" customHeight="1" x14ac:dyDescent="0.15">
      <c r="AR40368" s="9" ph="1"/>
    </row>
    <row r="40370" spans="44:44" ht="15.75" customHeight="1" x14ac:dyDescent="0.15">
      <c r="AR40370" s="9" ph="1"/>
    </row>
    <row r="40371" spans="44:44" ht="15.75" customHeight="1" x14ac:dyDescent="0.15">
      <c r="AR40371" s="9" ph="1"/>
    </row>
    <row r="40372" spans="44:44" ht="15.75" customHeight="1" x14ac:dyDescent="0.15">
      <c r="AR40372" s="9" ph="1"/>
    </row>
    <row r="40373" spans="44:44" ht="15.75" customHeight="1" x14ac:dyDescent="0.15">
      <c r="AR40373" s="9" ph="1"/>
    </row>
    <row r="40374" spans="44:44" ht="15.75" customHeight="1" x14ac:dyDescent="0.15">
      <c r="AR40374" s="9" ph="1"/>
    </row>
    <row r="40375" spans="44:44" ht="15.75" customHeight="1" x14ac:dyDescent="0.15">
      <c r="AR40375" s="9" ph="1"/>
    </row>
    <row r="40376" spans="44:44" ht="15.75" customHeight="1" x14ac:dyDescent="0.15">
      <c r="AR40376" s="9" ph="1"/>
    </row>
    <row r="40377" spans="44:44" ht="15.75" customHeight="1" x14ac:dyDescent="0.15">
      <c r="AR40377" s="9" ph="1"/>
    </row>
    <row r="40378" spans="44:44" ht="15.75" customHeight="1" x14ac:dyDescent="0.15">
      <c r="AR40378" s="9" ph="1"/>
    </row>
    <row r="40379" spans="44:44" ht="15.75" customHeight="1" x14ac:dyDescent="0.15">
      <c r="AR40379" s="9" ph="1"/>
    </row>
    <row r="40381" spans="44:44" ht="15.75" customHeight="1" x14ac:dyDescent="0.15">
      <c r="AR40381" s="9" ph="1"/>
    </row>
    <row r="40382" spans="44:44" ht="15.75" customHeight="1" x14ac:dyDescent="0.15">
      <c r="AR40382" s="9" ph="1"/>
    </row>
    <row r="40383" spans="44:44" ht="15.75" customHeight="1" x14ac:dyDescent="0.15">
      <c r="AR40383" s="9" ph="1"/>
    </row>
    <row r="40384" spans="44:44" ht="15.75" customHeight="1" x14ac:dyDescent="0.15">
      <c r="AR40384" s="9" ph="1"/>
    </row>
    <row r="40385" spans="44:44" ht="15.75" customHeight="1" x14ac:dyDescent="0.15">
      <c r="AR40385" s="9" ph="1"/>
    </row>
    <row r="40386" spans="44:44" ht="15.75" customHeight="1" x14ac:dyDescent="0.15">
      <c r="AR40386" s="9" ph="1"/>
    </row>
    <row r="40387" spans="44:44" ht="15.75" customHeight="1" x14ac:dyDescent="0.15">
      <c r="AR40387" s="9" ph="1"/>
    </row>
    <row r="40388" spans="44:44" ht="15.75" customHeight="1" x14ac:dyDescent="0.15">
      <c r="AR40388" s="9" ph="1"/>
    </row>
    <row r="40389" spans="44:44" ht="15.75" customHeight="1" x14ac:dyDescent="0.15">
      <c r="AR40389" s="9" ph="1"/>
    </row>
    <row r="40390" spans="44:44" ht="15.75" customHeight="1" x14ac:dyDescent="0.15">
      <c r="AR40390" s="9" ph="1"/>
    </row>
    <row r="40391" spans="44:44" ht="15.75" customHeight="1" x14ac:dyDescent="0.15">
      <c r="AR40391" s="9" ph="1"/>
    </row>
    <row r="40392" spans="44:44" ht="15.75" customHeight="1" x14ac:dyDescent="0.15">
      <c r="AR40392" s="9" ph="1"/>
    </row>
    <row r="40393" spans="44:44" ht="15.75" customHeight="1" x14ac:dyDescent="0.15">
      <c r="AR40393" s="9" ph="1"/>
    </row>
    <row r="40395" spans="44:44" ht="15.75" customHeight="1" x14ac:dyDescent="0.15">
      <c r="AR40395" s="9" ph="1"/>
    </row>
    <row r="40396" spans="44:44" ht="15.75" customHeight="1" x14ac:dyDescent="0.15">
      <c r="AR40396" s="9" ph="1"/>
    </row>
    <row r="40397" spans="44:44" ht="15.75" customHeight="1" x14ac:dyDescent="0.15">
      <c r="AR40397" s="9" ph="1"/>
    </row>
    <row r="40398" spans="44:44" ht="15.75" customHeight="1" x14ac:dyDescent="0.15">
      <c r="AR40398" s="9" ph="1"/>
    </row>
    <row r="40399" spans="44:44" ht="15.75" customHeight="1" x14ac:dyDescent="0.15">
      <c r="AR40399" s="9" ph="1"/>
    </row>
    <row r="40400" spans="44:44" ht="15.75" customHeight="1" x14ac:dyDescent="0.15">
      <c r="AR40400" s="9" ph="1"/>
    </row>
    <row r="40401" spans="44:44" ht="15.75" customHeight="1" x14ac:dyDescent="0.15">
      <c r="AR40401" s="9" ph="1"/>
    </row>
    <row r="40402" spans="44:44" ht="15.75" customHeight="1" x14ac:dyDescent="0.15">
      <c r="AR40402" s="9" ph="1"/>
    </row>
    <row r="40403" spans="44:44" ht="15.75" customHeight="1" x14ac:dyDescent="0.15">
      <c r="AR40403" s="9" ph="1"/>
    </row>
    <row r="40404" spans="44:44" ht="15.75" customHeight="1" x14ac:dyDescent="0.15">
      <c r="AR40404" s="9" ph="1"/>
    </row>
    <row r="40406" spans="44:44" ht="15.75" customHeight="1" x14ac:dyDescent="0.15">
      <c r="AR40406" s="9" ph="1"/>
    </row>
    <row r="40407" spans="44:44" ht="15.75" customHeight="1" x14ac:dyDescent="0.15">
      <c r="AR40407" s="9" ph="1"/>
    </row>
    <row r="40408" spans="44:44" ht="15.75" customHeight="1" x14ac:dyDescent="0.15">
      <c r="AR40408" s="9" ph="1"/>
    </row>
    <row r="40409" spans="44:44" ht="15.75" customHeight="1" x14ac:dyDescent="0.15">
      <c r="AR40409" s="9" ph="1"/>
    </row>
    <row r="40410" spans="44:44" ht="15.75" customHeight="1" x14ac:dyDescent="0.15">
      <c r="AR40410" s="9" ph="1"/>
    </row>
    <row r="40411" spans="44:44" ht="15.75" customHeight="1" x14ac:dyDescent="0.15">
      <c r="AR40411" s="9" ph="1"/>
    </row>
    <row r="40412" spans="44:44" ht="15.75" customHeight="1" x14ac:dyDescent="0.15">
      <c r="AR40412" s="9" ph="1"/>
    </row>
    <row r="40413" spans="44:44" ht="15.75" customHeight="1" x14ac:dyDescent="0.15">
      <c r="AR40413" s="9" ph="1"/>
    </row>
    <row r="40414" spans="44:44" ht="15.75" customHeight="1" x14ac:dyDescent="0.15">
      <c r="AR40414" s="9" ph="1"/>
    </row>
    <row r="40415" spans="44:44" ht="15.75" customHeight="1" x14ac:dyDescent="0.15">
      <c r="AR40415" s="9" ph="1"/>
    </row>
    <row r="40416" spans="44:44" ht="15.75" customHeight="1" x14ac:dyDescent="0.15">
      <c r="AR40416" s="9" ph="1"/>
    </row>
    <row r="40417" spans="44:44" ht="15.75" customHeight="1" x14ac:dyDescent="0.15">
      <c r="AR40417" s="9" ph="1"/>
    </row>
    <row r="40418" spans="44:44" ht="15.75" customHeight="1" x14ac:dyDescent="0.15">
      <c r="AR40418" s="9" ph="1"/>
    </row>
    <row r="40419" spans="44:44" ht="15.75" customHeight="1" x14ac:dyDescent="0.15">
      <c r="AR40419" s="9" ph="1"/>
    </row>
    <row r="40421" spans="44:44" ht="15.75" customHeight="1" x14ac:dyDescent="0.15">
      <c r="AR40421" s="9" ph="1"/>
    </row>
    <row r="40422" spans="44:44" ht="15.75" customHeight="1" x14ac:dyDescent="0.15">
      <c r="AR40422" s="9" ph="1"/>
    </row>
    <row r="40423" spans="44:44" ht="15.75" customHeight="1" x14ac:dyDescent="0.15">
      <c r="AR40423" s="9" ph="1"/>
    </row>
    <row r="40424" spans="44:44" ht="15.75" customHeight="1" x14ac:dyDescent="0.15">
      <c r="AR40424" s="9" ph="1"/>
    </row>
    <row r="40425" spans="44:44" ht="15.75" customHeight="1" x14ac:dyDescent="0.15">
      <c r="AR40425" s="9" ph="1"/>
    </row>
    <row r="40426" spans="44:44" ht="15.75" customHeight="1" x14ac:dyDescent="0.15">
      <c r="AR40426" s="9" ph="1"/>
    </row>
    <row r="40427" spans="44:44" ht="15.75" customHeight="1" x14ac:dyDescent="0.15">
      <c r="AR40427" s="9" ph="1"/>
    </row>
    <row r="40428" spans="44:44" ht="15.75" customHeight="1" x14ac:dyDescent="0.15">
      <c r="AR40428" s="9" ph="1"/>
    </row>
    <row r="40429" spans="44:44" ht="15.75" customHeight="1" x14ac:dyDescent="0.15">
      <c r="AR40429" s="9" ph="1"/>
    </row>
    <row r="40431" spans="44:44" ht="15.75" customHeight="1" x14ac:dyDescent="0.15">
      <c r="AR40431" s="9" ph="1"/>
    </row>
    <row r="40432" spans="44:44" ht="15.75" customHeight="1" x14ac:dyDescent="0.15">
      <c r="AR40432" s="9" ph="1"/>
    </row>
    <row r="40433" spans="44:44" ht="15.75" customHeight="1" x14ac:dyDescent="0.15">
      <c r="AR40433" s="9" ph="1"/>
    </row>
    <row r="40434" spans="44:44" ht="15.75" customHeight="1" x14ac:dyDescent="0.15">
      <c r="AR40434" s="9" ph="1"/>
    </row>
    <row r="40435" spans="44:44" ht="15.75" customHeight="1" x14ac:dyDescent="0.15">
      <c r="AR40435" s="9" ph="1"/>
    </row>
    <row r="40436" spans="44:44" ht="15.75" customHeight="1" x14ac:dyDescent="0.15">
      <c r="AR40436" s="9" ph="1"/>
    </row>
    <row r="40437" spans="44:44" ht="15.75" customHeight="1" x14ac:dyDescent="0.15">
      <c r="AR40437" s="9" ph="1"/>
    </row>
    <row r="40438" spans="44:44" ht="15.75" customHeight="1" x14ac:dyDescent="0.15">
      <c r="AR40438" s="9" ph="1"/>
    </row>
    <row r="40439" spans="44:44" ht="15.75" customHeight="1" x14ac:dyDescent="0.15">
      <c r="AR40439" s="9" ph="1"/>
    </row>
    <row r="40440" spans="44:44" ht="15.75" customHeight="1" x14ac:dyDescent="0.15">
      <c r="AR40440" s="9" ph="1"/>
    </row>
    <row r="40442" spans="44:44" ht="15.75" customHeight="1" x14ac:dyDescent="0.15">
      <c r="AR40442" s="9" ph="1"/>
    </row>
    <row r="40443" spans="44:44" ht="15.75" customHeight="1" x14ac:dyDescent="0.15">
      <c r="AR40443" s="9" ph="1"/>
    </row>
    <row r="40444" spans="44:44" ht="15.75" customHeight="1" x14ac:dyDescent="0.15">
      <c r="AR40444" s="9" ph="1"/>
    </row>
    <row r="40445" spans="44:44" ht="15.75" customHeight="1" x14ac:dyDescent="0.15">
      <c r="AR40445" s="9" ph="1"/>
    </row>
    <row r="40446" spans="44:44" ht="15.75" customHeight="1" x14ac:dyDescent="0.15">
      <c r="AR40446" s="9" ph="1"/>
    </row>
    <row r="40447" spans="44:44" ht="15.75" customHeight="1" x14ac:dyDescent="0.15">
      <c r="AR40447" s="9" ph="1"/>
    </row>
    <row r="40448" spans="44:44" ht="15.75" customHeight="1" x14ac:dyDescent="0.15">
      <c r="AR40448" s="9" ph="1"/>
    </row>
    <row r="40449" spans="44:44" ht="15.75" customHeight="1" x14ac:dyDescent="0.15">
      <c r="AR40449" s="9" ph="1"/>
    </row>
    <row r="40450" spans="44:44" ht="15.75" customHeight="1" x14ac:dyDescent="0.15">
      <c r="AR40450" s="9" ph="1"/>
    </row>
    <row r="40451" spans="44:44" ht="15.75" customHeight="1" x14ac:dyDescent="0.15">
      <c r="AR40451" s="9" ph="1"/>
    </row>
    <row r="40452" spans="44:44" ht="15.75" customHeight="1" x14ac:dyDescent="0.15">
      <c r="AR40452" s="9" ph="1"/>
    </row>
    <row r="40453" spans="44:44" ht="15.75" customHeight="1" x14ac:dyDescent="0.15">
      <c r="AR40453" s="9" ph="1"/>
    </row>
    <row r="40454" spans="44:44" ht="15.75" customHeight="1" x14ac:dyDescent="0.15">
      <c r="AR40454" s="9" ph="1"/>
    </row>
    <row r="40455" spans="44:44" ht="15.75" customHeight="1" x14ac:dyDescent="0.15">
      <c r="AR40455" s="9" ph="1"/>
    </row>
    <row r="40456" spans="44:44" ht="15.75" customHeight="1" x14ac:dyDescent="0.15">
      <c r="AR40456" s="9" ph="1"/>
    </row>
    <row r="40458" spans="44:44" ht="15.75" customHeight="1" x14ac:dyDescent="0.15">
      <c r="AR40458" s="9" ph="1"/>
    </row>
    <row r="40459" spans="44:44" ht="15.75" customHeight="1" x14ac:dyDescent="0.15">
      <c r="AR40459" s="9" ph="1"/>
    </row>
    <row r="40460" spans="44:44" ht="15.75" customHeight="1" x14ac:dyDescent="0.15">
      <c r="AR40460" s="9" ph="1"/>
    </row>
    <row r="40461" spans="44:44" ht="15.75" customHeight="1" x14ac:dyDescent="0.15">
      <c r="AR40461" s="9" ph="1"/>
    </row>
    <row r="40462" spans="44:44" ht="15.75" customHeight="1" x14ac:dyDescent="0.15">
      <c r="AR40462" s="9" ph="1"/>
    </row>
    <row r="40463" spans="44:44" ht="15.75" customHeight="1" x14ac:dyDescent="0.15">
      <c r="AR40463" s="9" ph="1"/>
    </row>
    <row r="40464" spans="44:44" ht="15.75" customHeight="1" x14ac:dyDescent="0.15">
      <c r="AR40464" s="9" ph="1"/>
    </row>
    <row r="40465" spans="44:44" ht="15.75" customHeight="1" x14ac:dyDescent="0.15">
      <c r="AR40465" s="9" ph="1"/>
    </row>
    <row r="40466" spans="44:44" ht="15.75" customHeight="1" x14ac:dyDescent="0.15">
      <c r="AR40466" s="9" ph="1"/>
    </row>
    <row r="40467" spans="44:44" ht="15.75" customHeight="1" x14ac:dyDescent="0.15">
      <c r="AR40467" s="9" ph="1"/>
    </row>
    <row r="40469" spans="44:44" ht="15.75" customHeight="1" x14ac:dyDescent="0.15">
      <c r="AR40469" s="9" ph="1"/>
    </row>
    <row r="40470" spans="44:44" ht="15.75" customHeight="1" x14ac:dyDescent="0.15">
      <c r="AR40470" s="9" ph="1"/>
    </row>
    <row r="40471" spans="44:44" ht="15.75" customHeight="1" x14ac:dyDescent="0.15">
      <c r="AR40471" s="9" ph="1"/>
    </row>
    <row r="40472" spans="44:44" ht="15.75" customHeight="1" x14ac:dyDescent="0.15">
      <c r="AR40472" s="9" ph="1"/>
    </row>
    <row r="40473" spans="44:44" ht="15.75" customHeight="1" x14ac:dyDescent="0.15">
      <c r="AR40473" s="9" ph="1"/>
    </row>
    <row r="40474" spans="44:44" ht="15.75" customHeight="1" x14ac:dyDescent="0.15">
      <c r="AR40474" s="9" ph="1"/>
    </row>
    <row r="40475" spans="44:44" ht="15.75" customHeight="1" x14ac:dyDescent="0.15">
      <c r="AR40475" s="9" ph="1"/>
    </row>
    <row r="40476" spans="44:44" ht="15.75" customHeight="1" x14ac:dyDescent="0.15">
      <c r="AR40476" s="9" ph="1"/>
    </row>
    <row r="40477" spans="44:44" ht="15.75" customHeight="1" x14ac:dyDescent="0.15">
      <c r="AR40477" s="9" ph="1"/>
    </row>
    <row r="40478" spans="44:44" ht="15.75" customHeight="1" x14ac:dyDescent="0.15">
      <c r="AR40478" s="9" ph="1"/>
    </row>
    <row r="40479" spans="44:44" ht="15.75" customHeight="1" x14ac:dyDescent="0.15">
      <c r="AR40479" s="9" ph="1"/>
    </row>
    <row r="40480" spans="44:44" ht="15.75" customHeight="1" x14ac:dyDescent="0.15">
      <c r="AR40480" s="9" ph="1"/>
    </row>
    <row r="40481" spans="44:44" ht="15.75" customHeight="1" x14ac:dyDescent="0.15">
      <c r="AR40481" s="9" ph="1"/>
    </row>
    <row r="40482" spans="44:44" ht="15.75" customHeight="1" x14ac:dyDescent="0.15">
      <c r="AR40482" s="9" ph="1"/>
    </row>
    <row r="40483" spans="44:44" ht="15.75" customHeight="1" x14ac:dyDescent="0.15">
      <c r="AR40483" s="9" ph="1"/>
    </row>
    <row r="40484" spans="44:44" ht="15.75" customHeight="1" x14ac:dyDescent="0.15">
      <c r="AR40484" s="9" ph="1"/>
    </row>
    <row r="40485" spans="44:44" ht="15.75" customHeight="1" x14ac:dyDescent="0.15">
      <c r="AR40485" s="9" ph="1"/>
    </row>
    <row r="40487" spans="44:44" ht="15.75" customHeight="1" x14ac:dyDescent="0.15">
      <c r="AR40487" s="9" ph="1"/>
    </row>
    <row r="40488" spans="44:44" ht="15.75" customHeight="1" x14ac:dyDescent="0.15">
      <c r="AR40488" s="9" ph="1"/>
    </row>
    <row r="40489" spans="44:44" ht="15.75" customHeight="1" x14ac:dyDescent="0.15">
      <c r="AR40489" s="9" ph="1"/>
    </row>
    <row r="40490" spans="44:44" ht="15.75" customHeight="1" x14ac:dyDescent="0.15">
      <c r="AR40490" s="9" ph="1"/>
    </row>
    <row r="40491" spans="44:44" ht="15.75" customHeight="1" x14ac:dyDescent="0.15">
      <c r="AR40491" s="9" ph="1"/>
    </row>
    <row r="40492" spans="44:44" ht="15.75" customHeight="1" x14ac:dyDescent="0.15">
      <c r="AR40492" s="9" ph="1"/>
    </row>
    <row r="40493" spans="44:44" ht="15.75" customHeight="1" x14ac:dyDescent="0.15">
      <c r="AR40493" s="9" ph="1"/>
    </row>
    <row r="40494" spans="44:44" ht="15.75" customHeight="1" x14ac:dyDescent="0.15">
      <c r="AR40494" s="9" ph="1"/>
    </row>
    <row r="40495" spans="44:44" ht="15.75" customHeight="1" x14ac:dyDescent="0.15">
      <c r="AR40495" s="9" ph="1"/>
    </row>
    <row r="40496" spans="44:44" ht="15.75" customHeight="1" x14ac:dyDescent="0.15">
      <c r="AR40496" s="9" ph="1"/>
    </row>
    <row r="40497" spans="44:44" ht="15.75" customHeight="1" x14ac:dyDescent="0.15">
      <c r="AR40497" s="9" ph="1"/>
    </row>
    <row r="40498" spans="44:44" ht="15.75" customHeight="1" x14ac:dyDescent="0.15">
      <c r="AR40498" s="9" ph="1"/>
    </row>
    <row r="40499" spans="44:44" ht="15.75" customHeight="1" x14ac:dyDescent="0.15">
      <c r="AR40499" s="9" ph="1"/>
    </row>
    <row r="40500" spans="44:44" ht="15.75" customHeight="1" x14ac:dyDescent="0.15">
      <c r="AR40500" s="9" ph="1"/>
    </row>
    <row r="40501" spans="44:44" ht="15.75" customHeight="1" x14ac:dyDescent="0.15">
      <c r="AR40501" s="9" ph="1"/>
    </row>
    <row r="40503" spans="44:44" ht="15.75" customHeight="1" x14ac:dyDescent="0.15">
      <c r="AR40503" s="9" ph="1"/>
    </row>
    <row r="40504" spans="44:44" ht="15.75" customHeight="1" x14ac:dyDescent="0.15">
      <c r="AR40504" s="9" ph="1"/>
    </row>
    <row r="40505" spans="44:44" ht="15.75" customHeight="1" x14ac:dyDescent="0.15">
      <c r="AR40505" s="9" ph="1"/>
    </row>
    <row r="40506" spans="44:44" ht="15.75" customHeight="1" x14ac:dyDescent="0.15">
      <c r="AR40506" s="9" ph="1"/>
    </row>
    <row r="40507" spans="44:44" ht="15.75" customHeight="1" x14ac:dyDescent="0.15">
      <c r="AR40507" s="9" ph="1"/>
    </row>
    <row r="40508" spans="44:44" ht="15.75" customHeight="1" x14ac:dyDescent="0.15">
      <c r="AR40508" s="9" ph="1"/>
    </row>
    <row r="40509" spans="44:44" ht="15.75" customHeight="1" x14ac:dyDescent="0.15">
      <c r="AR40509" s="9" ph="1"/>
    </row>
    <row r="40510" spans="44:44" ht="15.75" customHeight="1" x14ac:dyDescent="0.15">
      <c r="AR40510" s="9" ph="1"/>
    </row>
    <row r="40511" spans="44:44" ht="15.75" customHeight="1" x14ac:dyDescent="0.15">
      <c r="AR40511" s="9" ph="1"/>
    </row>
    <row r="40512" spans="44:44" ht="15.75" customHeight="1" x14ac:dyDescent="0.15">
      <c r="AR40512" s="9" ph="1"/>
    </row>
    <row r="40514" spans="44:44" ht="15.75" customHeight="1" x14ac:dyDescent="0.15">
      <c r="AR40514" s="9" ph="1"/>
    </row>
    <row r="40515" spans="44:44" ht="15.75" customHeight="1" x14ac:dyDescent="0.15">
      <c r="AR40515" s="9" ph="1"/>
    </row>
    <row r="40516" spans="44:44" ht="15.75" customHeight="1" x14ac:dyDescent="0.15">
      <c r="AR40516" s="9" ph="1"/>
    </row>
    <row r="40517" spans="44:44" ht="15.75" customHeight="1" x14ac:dyDescent="0.15">
      <c r="AR40517" s="9" ph="1"/>
    </row>
    <row r="40518" spans="44:44" ht="15.75" customHeight="1" x14ac:dyDescent="0.15">
      <c r="AR40518" s="9" ph="1"/>
    </row>
    <row r="40519" spans="44:44" ht="15.75" customHeight="1" x14ac:dyDescent="0.15">
      <c r="AR40519" s="9" ph="1"/>
    </row>
    <row r="40520" spans="44:44" ht="15.75" customHeight="1" x14ac:dyDescent="0.15">
      <c r="AR40520" s="9" ph="1"/>
    </row>
    <row r="40521" spans="44:44" ht="15.75" customHeight="1" x14ac:dyDescent="0.15">
      <c r="AR40521" s="9" ph="1"/>
    </row>
    <row r="40522" spans="44:44" ht="15.75" customHeight="1" x14ac:dyDescent="0.15">
      <c r="AR40522" s="9" ph="1"/>
    </row>
    <row r="40523" spans="44:44" ht="15.75" customHeight="1" x14ac:dyDescent="0.15">
      <c r="AR40523" s="9" ph="1"/>
    </row>
    <row r="40524" spans="44:44" ht="15.75" customHeight="1" x14ac:dyDescent="0.15">
      <c r="AR40524" s="9" ph="1"/>
    </row>
    <row r="40525" spans="44:44" ht="15.75" customHeight="1" x14ac:dyDescent="0.15">
      <c r="AR40525" s="9" ph="1"/>
    </row>
    <row r="40526" spans="44:44" ht="15.75" customHeight="1" x14ac:dyDescent="0.15">
      <c r="AR40526" s="9" ph="1"/>
    </row>
    <row r="40527" spans="44:44" ht="15.75" customHeight="1" x14ac:dyDescent="0.15">
      <c r="AR40527" s="9" ph="1"/>
    </row>
    <row r="40528" spans="44:44" ht="15.75" customHeight="1" x14ac:dyDescent="0.15">
      <c r="AR40528" s="9" ph="1"/>
    </row>
    <row r="40529" spans="44:44" ht="15.75" customHeight="1" x14ac:dyDescent="0.15">
      <c r="AR40529" s="9" ph="1"/>
    </row>
    <row r="40530" spans="44:44" ht="15.75" customHeight="1" x14ac:dyDescent="0.15">
      <c r="AR40530" s="9" ph="1"/>
    </row>
    <row r="40531" spans="44:44" ht="15.75" customHeight="1" x14ac:dyDescent="0.15">
      <c r="AR40531" s="9" ph="1"/>
    </row>
    <row r="40533" spans="44:44" ht="15.75" customHeight="1" x14ac:dyDescent="0.15">
      <c r="AR40533" s="9" ph="1"/>
    </row>
    <row r="40534" spans="44:44" ht="15.75" customHeight="1" x14ac:dyDescent="0.15">
      <c r="AR40534" s="9" ph="1"/>
    </row>
    <row r="40535" spans="44:44" ht="15.75" customHeight="1" x14ac:dyDescent="0.15">
      <c r="AR40535" s="9" ph="1"/>
    </row>
    <row r="40536" spans="44:44" ht="15.75" customHeight="1" x14ac:dyDescent="0.15">
      <c r="AR40536" s="9" ph="1"/>
    </row>
    <row r="40537" spans="44:44" ht="15.75" customHeight="1" x14ac:dyDescent="0.15">
      <c r="AR40537" s="9" ph="1"/>
    </row>
    <row r="40538" spans="44:44" ht="15.75" customHeight="1" x14ac:dyDescent="0.15">
      <c r="AR40538" s="9" ph="1"/>
    </row>
    <row r="40539" spans="44:44" ht="15.75" customHeight="1" x14ac:dyDescent="0.15">
      <c r="AR40539" s="9" ph="1"/>
    </row>
    <row r="40540" spans="44:44" ht="15.75" customHeight="1" x14ac:dyDescent="0.15">
      <c r="AR40540" s="9" ph="1"/>
    </row>
    <row r="40541" spans="44:44" ht="15.75" customHeight="1" x14ac:dyDescent="0.15">
      <c r="AR40541" s="9" ph="1"/>
    </row>
    <row r="40542" spans="44:44" ht="15.75" customHeight="1" x14ac:dyDescent="0.15">
      <c r="AR40542" s="9" ph="1"/>
    </row>
    <row r="40543" spans="44:44" ht="15.75" customHeight="1" x14ac:dyDescent="0.15">
      <c r="AR40543" s="9" ph="1"/>
    </row>
    <row r="40544" spans="44:44" ht="15.75" customHeight="1" x14ac:dyDescent="0.15">
      <c r="AR40544" s="9" ph="1"/>
    </row>
    <row r="40545" spans="44:44" ht="15.75" customHeight="1" x14ac:dyDescent="0.15">
      <c r="AR40545" s="9" ph="1"/>
    </row>
    <row r="40546" spans="44:44" ht="15.75" customHeight="1" x14ac:dyDescent="0.15">
      <c r="AR40546" s="9" ph="1"/>
    </row>
    <row r="40547" spans="44:44" ht="15.75" customHeight="1" x14ac:dyDescent="0.15">
      <c r="AR40547" s="9" ph="1"/>
    </row>
    <row r="40549" spans="44:44" ht="15.75" customHeight="1" x14ac:dyDescent="0.15">
      <c r="AR40549" s="9" ph="1"/>
    </row>
    <row r="40550" spans="44:44" ht="15.75" customHeight="1" x14ac:dyDescent="0.15">
      <c r="AR40550" s="9" ph="1"/>
    </row>
    <row r="40551" spans="44:44" ht="15.75" customHeight="1" x14ac:dyDescent="0.15">
      <c r="AR40551" s="9" ph="1"/>
    </row>
    <row r="40552" spans="44:44" ht="15.75" customHeight="1" x14ac:dyDescent="0.15">
      <c r="AR40552" s="9" ph="1"/>
    </row>
    <row r="40553" spans="44:44" ht="15.75" customHeight="1" x14ac:dyDescent="0.15">
      <c r="AR40553" s="9" ph="1"/>
    </row>
    <row r="40554" spans="44:44" ht="15.75" customHeight="1" x14ac:dyDescent="0.15">
      <c r="AR40554" s="9" ph="1"/>
    </row>
    <row r="40555" spans="44:44" ht="15.75" customHeight="1" x14ac:dyDescent="0.15">
      <c r="AR40555" s="9" ph="1"/>
    </row>
    <row r="40556" spans="44:44" ht="15.75" customHeight="1" x14ac:dyDescent="0.15">
      <c r="AR40556" s="9" ph="1"/>
    </row>
    <row r="40557" spans="44:44" ht="15.75" customHeight="1" x14ac:dyDescent="0.15">
      <c r="AR40557" s="9" ph="1"/>
    </row>
    <row r="40558" spans="44:44" ht="15.75" customHeight="1" x14ac:dyDescent="0.15">
      <c r="AR40558" s="9" ph="1"/>
    </row>
    <row r="40560" spans="44:44" ht="15.75" customHeight="1" x14ac:dyDescent="0.15">
      <c r="AR40560" s="9" ph="1"/>
    </row>
    <row r="40561" spans="44:44" ht="15.75" customHeight="1" x14ac:dyDescent="0.15">
      <c r="AR40561" s="9" ph="1"/>
    </row>
    <row r="40562" spans="44:44" ht="15.75" customHeight="1" x14ac:dyDescent="0.15">
      <c r="AR40562" s="9" ph="1"/>
    </row>
    <row r="40563" spans="44:44" ht="15.75" customHeight="1" x14ac:dyDescent="0.15">
      <c r="AR40563" s="9" ph="1"/>
    </row>
    <row r="40564" spans="44:44" ht="15.75" customHeight="1" x14ac:dyDescent="0.15">
      <c r="AR40564" s="9" ph="1"/>
    </row>
    <row r="40565" spans="44:44" ht="15.75" customHeight="1" x14ac:dyDescent="0.15">
      <c r="AR40565" s="9" ph="1"/>
    </row>
    <row r="40566" spans="44:44" ht="15.75" customHeight="1" x14ac:dyDescent="0.15">
      <c r="AR40566" s="9" ph="1"/>
    </row>
    <row r="40567" spans="44:44" ht="15.75" customHeight="1" x14ac:dyDescent="0.15">
      <c r="AR40567" s="9" ph="1"/>
    </row>
    <row r="40568" spans="44:44" ht="15.75" customHeight="1" x14ac:dyDescent="0.15">
      <c r="AR40568" s="9" ph="1"/>
    </row>
    <row r="40569" spans="44:44" ht="15.75" customHeight="1" x14ac:dyDescent="0.15">
      <c r="AR40569" s="9" ph="1"/>
    </row>
    <row r="40570" spans="44:44" ht="15.75" customHeight="1" x14ac:dyDescent="0.15">
      <c r="AR40570" s="9" ph="1"/>
    </row>
    <row r="40571" spans="44:44" ht="15.75" customHeight="1" x14ac:dyDescent="0.15">
      <c r="AR40571" s="9" ph="1"/>
    </row>
    <row r="40572" spans="44:44" ht="15.75" customHeight="1" x14ac:dyDescent="0.15">
      <c r="AR40572" s="9" ph="1"/>
    </row>
    <row r="40573" spans="44:44" ht="15.75" customHeight="1" x14ac:dyDescent="0.15">
      <c r="AR40573" s="9" ph="1"/>
    </row>
    <row r="40575" spans="44:44" ht="15.75" customHeight="1" x14ac:dyDescent="0.15">
      <c r="AR40575" s="9" ph="1"/>
    </row>
    <row r="40576" spans="44:44" ht="15.75" customHeight="1" x14ac:dyDescent="0.15">
      <c r="AR40576" s="9" ph="1"/>
    </row>
    <row r="40577" spans="44:44" ht="15.75" customHeight="1" x14ac:dyDescent="0.15">
      <c r="AR40577" s="9" ph="1"/>
    </row>
    <row r="40578" spans="44:44" ht="15.75" customHeight="1" x14ac:dyDescent="0.15">
      <c r="AR40578" s="9" ph="1"/>
    </row>
    <row r="40579" spans="44:44" ht="15.75" customHeight="1" x14ac:dyDescent="0.15">
      <c r="AR40579" s="9" ph="1"/>
    </row>
    <row r="40580" spans="44:44" ht="15.75" customHeight="1" x14ac:dyDescent="0.15">
      <c r="AR40580" s="9" ph="1"/>
    </row>
    <row r="40581" spans="44:44" ht="15.75" customHeight="1" x14ac:dyDescent="0.15">
      <c r="AR40581" s="9" ph="1"/>
    </row>
    <row r="40582" spans="44:44" ht="15.75" customHeight="1" x14ac:dyDescent="0.15">
      <c r="AR40582" s="9" ph="1"/>
    </row>
    <row r="40583" spans="44:44" ht="15.75" customHeight="1" x14ac:dyDescent="0.15">
      <c r="AR40583" s="9" ph="1"/>
    </row>
    <row r="40584" spans="44:44" ht="15.75" customHeight="1" x14ac:dyDescent="0.15">
      <c r="AR40584" s="9" ph="1"/>
    </row>
    <row r="40585" spans="44:44" ht="15.75" customHeight="1" x14ac:dyDescent="0.15">
      <c r="AR40585" s="9" ph="1"/>
    </row>
    <row r="40586" spans="44:44" ht="15.75" customHeight="1" x14ac:dyDescent="0.15">
      <c r="AR40586" s="9" ph="1"/>
    </row>
    <row r="40587" spans="44:44" ht="15.75" customHeight="1" x14ac:dyDescent="0.15">
      <c r="AR40587" s="9" ph="1"/>
    </row>
    <row r="40588" spans="44:44" ht="15.75" customHeight="1" x14ac:dyDescent="0.15">
      <c r="AR40588" s="9" ph="1"/>
    </row>
    <row r="40589" spans="44:44" ht="15.75" customHeight="1" x14ac:dyDescent="0.15">
      <c r="AR40589" s="9" ph="1"/>
    </row>
    <row r="40591" spans="44:44" ht="15.75" customHeight="1" x14ac:dyDescent="0.15">
      <c r="AR40591" s="9" ph="1"/>
    </row>
    <row r="40592" spans="44:44" ht="15.75" customHeight="1" x14ac:dyDescent="0.15">
      <c r="AR40592" s="9" ph="1"/>
    </row>
    <row r="40593" spans="44:44" ht="15.75" customHeight="1" x14ac:dyDescent="0.15">
      <c r="AR40593" s="9" ph="1"/>
    </row>
    <row r="40594" spans="44:44" ht="15.75" customHeight="1" x14ac:dyDescent="0.15">
      <c r="AR40594" s="9" ph="1"/>
    </row>
    <row r="40595" spans="44:44" ht="15.75" customHeight="1" x14ac:dyDescent="0.15">
      <c r="AR40595" s="9" ph="1"/>
    </row>
    <row r="40596" spans="44:44" ht="15.75" customHeight="1" x14ac:dyDescent="0.15">
      <c r="AR40596" s="9" ph="1"/>
    </row>
    <row r="40597" spans="44:44" ht="15.75" customHeight="1" x14ac:dyDescent="0.15">
      <c r="AR40597" s="9" ph="1"/>
    </row>
    <row r="40598" spans="44:44" ht="15.75" customHeight="1" x14ac:dyDescent="0.15">
      <c r="AR40598" s="9" ph="1"/>
    </row>
    <row r="40599" spans="44:44" ht="15.75" customHeight="1" x14ac:dyDescent="0.15">
      <c r="AR40599" s="9" ph="1"/>
    </row>
    <row r="40600" spans="44:44" ht="15.75" customHeight="1" x14ac:dyDescent="0.15">
      <c r="AR40600" s="9" ph="1"/>
    </row>
    <row r="40602" spans="44:44" ht="15.75" customHeight="1" x14ac:dyDescent="0.15">
      <c r="AR40602" s="9" ph="1"/>
    </row>
    <row r="40603" spans="44:44" ht="15.75" customHeight="1" x14ac:dyDescent="0.15">
      <c r="AR40603" s="9" ph="1"/>
    </row>
    <row r="40604" spans="44:44" ht="15.75" customHeight="1" x14ac:dyDescent="0.15">
      <c r="AR40604" s="9" ph="1"/>
    </row>
    <row r="40605" spans="44:44" ht="15.75" customHeight="1" x14ac:dyDescent="0.15">
      <c r="AR40605" s="9" ph="1"/>
    </row>
    <row r="40606" spans="44:44" ht="15.75" customHeight="1" x14ac:dyDescent="0.15">
      <c r="AR40606" s="9" ph="1"/>
    </row>
    <row r="40607" spans="44:44" ht="15.75" customHeight="1" x14ac:dyDescent="0.15">
      <c r="AR40607" s="9" ph="1"/>
    </row>
    <row r="40608" spans="44:44" ht="15.75" customHeight="1" x14ac:dyDescent="0.15">
      <c r="AR40608" s="9" ph="1"/>
    </row>
    <row r="40609" spans="44:44" ht="15.75" customHeight="1" x14ac:dyDescent="0.15">
      <c r="AR40609" s="9" ph="1"/>
    </row>
    <row r="40610" spans="44:44" ht="15.75" customHeight="1" x14ac:dyDescent="0.15">
      <c r="AR40610" s="9" ph="1"/>
    </row>
    <row r="40611" spans="44:44" ht="15.75" customHeight="1" x14ac:dyDescent="0.15">
      <c r="AR40611" s="9" ph="1"/>
    </row>
    <row r="40612" spans="44:44" ht="15.75" customHeight="1" x14ac:dyDescent="0.15">
      <c r="AR40612" s="9" ph="1"/>
    </row>
    <row r="40613" spans="44:44" ht="15.75" customHeight="1" x14ac:dyDescent="0.15">
      <c r="AR40613" s="9" ph="1"/>
    </row>
    <row r="40614" spans="44:44" ht="15.75" customHeight="1" x14ac:dyDescent="0.15">
      <c r="AR40614" s="9" ph="1"/>
    </row>
    <row r="40615" spans="44:44" ht="15.75" customHeight="1" x14ac:dyDescent="0.15">
      <c r="AR40615" s="9" ph="1"/>
    </row>
    <row r="40616" spans="44:44" ht="15.75" customHeight="1" x14ac:dyDescent="0.15">
      <c r="AR40616" s="9" ph="1"/>
    </row>
    <row r="40617" spans="44:44" ht="15.75" customHeight="1" x14ac:dyDescent="0.15">
      <c r="AR40617" s="9" ph="1"/>
    </row>
    <row r="40618" spans="44:44" ht="15.75" customHeight="1" x14ac:dyDescent="0.15">
      <c r="AR40618" s="9" ph="1"/>
    </row>
    <row r="40619" spans="44:44" ht="15.75" customHeight="1" x14ac:dyDescent="0.15">
      <c r="AR40619" s="9" ph="1"/>
    </row>
    <row r="40620" spans="44:44" ht="15.75" customHeight="1" x14ac:dyDescent="0.15">
      <c r="AR40620" s="9" ph="1"/>
    </row>
    <row r="40621" spans="44:44" ht="15.75" customHeight="1" x14ac:dyDescent="0.15">
      <c r="AR40621" s="9" ph="1"/>
    </row>
    <row r="40622" spans="44:44" ht="15.75" customHeight="1" x14ac:dyDescent="0.15">
      <c r="AR40622" s="9" ph="1"/>
    </row>
    <row r="40623" spans="44:44" ht="15.75" customHeight="1" x14ac:dyDescent="0.15">
      <c r="AR40623" s="9" ph="1"/>
    </row>
    <row r="40624" spans="44:44" ht="15.75" customHeight="1" x14ac:dyDescent="0.15">
      <c r="AR40624" s="9" ph="1"/>
    </row>
    <row r="40625" spans="44:44" ht="15.75" customHeight="1" x14ac:dyDescent="0.15">
      <c r="AR40625" s="9" ph="1"/>
    </row>
    <row r="40626" spans="44:44" ht="15.75" customHeight="1" x14ac:dyDescent="0.15">
      <c r="AR40626" s="9" ph="1"/>
    </row>
    <row r="40628" spans="44:44" ht="15.75" customHeight="1" x14ac:dyDescent="0.15">
      <c r="AR40628" s="9" ph="1"/>
    </row>
    <row r="40629" spans="44:44" ht="15.75" customHeight="1" x14ac:dyDescent="0.15">
      <c r="AR40629" s="9" ph="1"/>
    </row>
    <row r="40630" spans="44:44" ht="15.75" customHeight="1" x14ac:dyDescent="0.15">
      <c r="AR40630" s="9" ph="1"/>
    </row>
    <row r="40631" spans="44:44" ht="15.75" customHeight="1" x14ac:dyDescent="0.15">
      <c r="AR40631" s="9" ph="1"/>
    </row>
    <row r="40632" spans="44:44" ht="15.75" customHeight="1" x14ac:dyDescent="0.15">
      <c r="AR40632" s="9" ph="1"/>
    </row>
    <row r="40633" spans="44:44" ht="15.75" customHeight="1" x14ac:dyDescent="0.15">
      <c r="AR40633" s="9" ph="1"/>
    </row>
    <row r="40634" spans="44:44" ht="15.75" customHeight="1" x14ac:dyDescent="0.15">
      <c r="AR40634" s="9" ph="1"/>
    </row>
    <row r="40635" spans="44:44" ht="15.75" customHeight="1" x14ac:dyDescent="0.15">
      <c r="AR40635" s="9" ph="1"/>
    </row>
    <row r="40636" spans="44:44" ht="15.75" customHeight="1" x14ac:dyDescent="0.15">
      <c r="AR40636" s="9" ph="1"/>
    </row>
    <row r="40637" spans="44:44" ht="15.75" customHeight="1" x14ac:dyDescent="0.15">
      <c r="AR40637" s="9" ph="1"/>
    </row>
    <row r="40638" spans="44:44" ht="15.75" customHeight="1" x14ac:dyDescent="0.15">
      <c r="AR40638" s="9" ph="1"/>
    </row>
    <row r="40639" spans="44:44" ht="15.75" customHeight="1" x14ac:dyDescent="0.15">
      <c r="AR40639" s="9" ph="1"/>
    </row>
    <row r="40640" spans="44:44" ht="15.75" customHeight="1" x14ac:dyDescent="0.15">
      <c r="AR40640" s="9" ph="1"/>
    </row>
    <row r="40641" spans="44:44" ht="15.75" customHeight="1" x14ac:dyDescent="0.15">
      <c r="AR40641" s="9" ph="1"/>
    </row>
    <row r="40642" spans="44:44" ht="15.75" customHeight="1" x14ac:dyDescent="0.15">
      <c r="AR40642" s="9" ph="1"/>
    </row>
    <row r="40644" spans="44:44" ht="15.75" customHeight="1" x14ac:dyDescent="0.15">
      <c r="AR40644" s="9" ph="1"/>
    </row>
    <row r="40645" spans="44:44" ht="15.75" customHeight="1" x14ac:dyDescent="0.15">
      <c r="AR40645" s="9" ph="1"/>
    </row>
    <row r="40646" spans="44:44" ht="15.75" customHeight="1" x14ac:dyDescent="0.15">
      <c r="AR40646" s="9" ph="1"/>
    </row>
    <row r="40647" spans="44:44" ht="15.75" customHeight="1" x14ac:dyDescent="0.15">
      <c r="AR40647" s="9" ph="1"/>
    </row>
    <row r="40648" spans="44:44" ht="15.75" customHeight="1" x14ac:dyDescent="0.15">
      <c r="AR40648" s="9" ph="1"/>
    </row>
    <row r="40649" spans="44:44" ht="15.75" customHeight="1" x14ac:dyDescent="0.15">
      <c r="AR40649" s="9" ph="1"/>
    </row>
    <row r="40650" spans="44:44" ht="15.75" customHeight="1" x14ac:dyDescent="0.15">
      <c r="AR40650" s="9" ph="1"/>
    </row>
    <row r="40651" spans="44:44" ht="15.75" customHeight="1" x14ac:dyDescent="0.15">
      <c r="AR40651" s="9" ph="1"/>
    </row>
    <row r="40652" spans="44:44" ht="15.75" customHeight="1" x14ac:dyDescent="0.15">
      <c r="AR40652" s="9" ph="1"/>
    </row>
    <row r="40653" spans="44:44" ht="15.75" customHeight="1" x14ac:dyDescent="0.15">
      <c r="AR40653" s="9" ph="1"/>
    </row>
    <row r="40655" spans="44:44" ht="15.75" customHeight="1" x14ac:dyDescent="0.15">
      <c r="AR40655" s="9" ph="1"/>
    </row>
    <row r="40656" spans="44:44" ht="15.75" customHeight="1" x14ac:dyDescent="0.15">
      <c r="AR40656" s="9" ph="1"/>
    </row>
    <row r="40657" spans="44:44" ht="15.75" customHeight="1" x14ac:dyDescent="0.15">
      <c r="AR40657" s="9" ph="1"/>
    </row>
    <row r="40658" spans="44:44" ht="15.75" customHeight="1" x14ac:dyDescent="0.15">
      <c r="AR40658" s="9" ph="1"/>
    </row>
    <row r="40659" spans="44:44" ht="15.75" customHeight="1" x14ac:dyDescent="0.15">
      <c r="AR40659" s="9" ph="1"/>
    </row>
    <row r="40660" spans="44:44" ht="15.75" customHeight="1" x14ac:dyDescent="0.15">
      <c r="AR40660" s="9" ph="1"/>
    </row>
    <row r="40661" spans="44:44" ht="15.75" customHeight="1" x14ac:dyDescent="0.15">
      <c r="AR40661" s="9" ph="1"/>
    </row>
    <row r="40662" spans="44:44" ht="15.75" customHeight="1" x14ac:dyDescent="0.15">
      <c r="AR40662" s="9" ph="1"/>
    </row>
    <row r="40663" spans="44:44" ht="15.75" customHeight="1" x14ac:dyDescent="0.15">
      <c r="AR40663" s="9" ph="1"/>
    </row>
    <row r="40664" spans="44:44" ht="15.75" customHeight="1" x14ac:dyDescent="0.15">
      <c r="AR40664" s="9" ph="1"/>
    </row>
    <row r="40665" spans="44:44" ht="15.75" customHeight="1" x14ac:dyDescent="0.15">
      <c r="AR40665" s="9" ph="1"/>
    </row>
    <row r="40666" spans="44:44" ht="15.75" customHeight="1" x14ac:dyDescent="0.15">
      <c r="AR40666" s="9" ph="1"/>
    </row>
    <row r="40667" spans="44:44" ht="15.75" customHeight="1" x14ac:dyDescent="0.15">
      <c r="AR40667" s="9" ph="1"/>
    </row>
    <row r="40668" spans="44:44" ht="15.75" customHeight="1" x14ac:dyDescent="0.15">
      <c r="AR40668" s="9" ph="1"/>
    </row>
    <row r="40669" spans="44:44" ht="15.75" customHeight="1" x14ac:dyDescent="0.15">
      <c r="AR40669" s="9" ph="1"/>
    </row>
    <row r="40670" spans="44:44" ht="15.75" customHeight="1" x14ac:dyDescent="0.15">
      <c r="AR40670" s="9" ph="1"/>
    </row>
    <row r="40671" spans="44:44" ht="15.75" customHeight="1" x14ac:dyDescent="0.15">
      <c r="AR40671" s="9" ph="1"/>
    </row>
    <row r="40672" spans="44:44" ht="15.75" customHeight="1" x14ac:dyDescent="0.15">
      <c r="AR40672" s="9" ph="1"/>
    </row>
    <row r="40673" spans="44:44" ht="15.75" customHeight="1" x14ac:dyDescent="0.15">
      <c r="AR40673" s="9" ph="1"/>
    </row>
    <row r="40674" spans="44:44" ht="15.75" customHeight="1" x14ac:dyDescent="0.15">
      <c r="AR40674" s="9" ph="1"/>
    </row>
    <row r="40675" spans="44:44" ht="15.75" customHeight="1" x14ac:dyDescent="0.15">
      <c r="AR40675" s="9" ph="1"/>
    </row>
    <row r="40676" spans="44:44" ht="15.75" customHeight="1" x14ac:dyDescent="0.15">
      <c r="AR40676" s="9" ph="1"/>
    </row>
    <row r="40677" spans="44:44" ht="15.75" customHeight="1" x14ac:dyDescent="0.15">
      <c r="AR40677" s="9" ph="1"/>
    </row>
    <row r="40678" spans="44:44" ht="15.75" customHeight="1" x14ac:dyDescent="0.15">
      <c r="AR40678" s="9" ph="1"/>
    </row>
    <row r="40679" spans="44:44" ht="15.75" customHeight="1" x14ac:dyDescent="0.15">
      <c r="AR40679" s="9" ph="1"/>
    </row>
    <row r="40681" spans="44:44" ht="15.75" customHeight="1" x14ac:dyDescent="0.15">
      <c r="AR40681" s="9" ph="1"/>
    </row>
    <row r="40682" spans="44:44" ht="15.75" customHeight="1" x14ac:dyDescent="0.15">
      <c r="AR40682" s="9" ph="1"/>
    </row>
    <row r="40683" spans="44:44" ht="15.75" customHeight="1" x14ac:dyDescent="0.15">
      <c r="AR40683" s="9" ph="1"/>
    </row>
    <row r="40684" spans="44:44" ht="15.75" customHeight="1" x14ac:dyDescent="0.15">
      <c r="AR40684" s="9" ph="1"/>
    </row>
    <row r="40685" spans="44:44" ht="15.75" customHeight="1" x14ac:dyDescent="0.15">
      <c r="AR40685" s="9" ph="1"/>
    </row>
    <row r="40686" spans="44:44" ht="15.75" customHeight="1" x14ac:dyDescent="0.15">
      <c r="AR40686" s="9" ph="1"/>
    </row>
    <row r="40687" spans="44:44" ht="15.75" customHeight="1" x14ac:dyDescent="0.15">
      <c r="AR40687" s="9" ph="1"/>
    </row>
    <row r="40688" spans="44:44" ht="15.75" customHeight="1" x14ac:dyDescent="0.15">
      <c r="AR40688" s="9" ph="1"/>
    </row>
    <row r="40689" spans="44:44" ht="15.75" customHeight="1" x14ac:dyDescent="0.15">
      <c r="AR40689" s="9" ph="1"/>
    </row>
    <row r="40690" spans="44:44" ht="15.75" customHeight="1" x14ac:dyDescent="0.15">
      <c r="AR40690" s="9" ph="1"/>
    </row>
    <row r="40691" spans="44:44" ht="15.75" customHeight="1" x14ac:dyDescent="0.15">
      <c r="AR40691" s="9" ph="1"/>
    </row>
    <row r="40692" spans="44:44" ht="15.75" customHeight="1" x14ac:dyDescent="0.15">
      <c r="AR40692" s="9" ph="1"/>
    </row>
    <row r="40693" spans="44:44" ht="15.75" customHeight="1" x14ac:dyDescent="0.15">
      <c r="AR40693" s="9" ph="1"/>
    </row>
    <row r="40694" spans="44:44" ht="15.75" customHeight="1" x14ac:dyDescent="0.15">
      <c r="AR40694" s="9" ph="1"/>
    </row>
    <row r="40695" spans="44:44" ht="15.75" customHeight="1" x14ac:dyDescent="0.15">
      <c r="AR40695" s="9" ph="1"/>
    </row>
    <row r="40697" spans="44:44" ht="15.75" customHeight="1" x14ac:dyDescent="0.15">
      <c r="AR40697" s="9" ph="1"/>
    </row>
    <row r="40698" spans="44:44" ht="15.75" customHeight="1" x14ac:dyDescent="0.15">
      <c r="AR40698" s="9" ph="1"/>
    </row>
    <row r="40699" spans="44:44" ht="15.75" customHeight="1" x14ac:dyDescent="0.15">
      <c r="AR40699" s="9" ph="1"/>
    </row>
    <row r="40700" spans="44:44" ht="15.75" customHeight="1" x14ac:dyDescent="0.15">
      <c r="AR40700" s="9" ph="1"/>
    </row>
    <row r="40701" spans="44:44" ht="15.75" customHeight="1" x14ac:dyDescent="0.15">
      <c r="AR40701" s="9" ph="1"/>
    </row>
    <row r="40702" spans="44:44" ht="15.75" customHeight="1" x14ac:dyDescent="0.15">
      <c r="AR40702" s="9" ph="1"/>
    </row>
    <row r="40703" spans="44:44" ht="15.75" customHeight="1" x14ac:dyDescent="0.15">
      <c r="AR40703" s="9" ph="1"/>
    </row>
    <row r="40704" spans="44:44" ht="15.75" customHeight="1" x14ac:dyDescent="0.15">
      <c r="AR40704" s="9" ph="1"/>
    </row>
    <row r="40705" spans="44:44" ht="15.75" customHeight="1" x14ac:dyDescent="0.15">
      <c r="AR40705" s="9" ph="1"/>
    </row>
    <row r="40706" spans="44:44" ht="15.75" customHeight="1" x14ac:dyDescent="0.15">
      <c r="AR40706" s="9" ph="1"/>
    </row>
    <row r="40708" spans="44:44" ht="15.75" customHeight="1" x14ac:dyDescent="0.15">
      <c r="AR40708" s="9" ph="1"/>
    </row>
    <row r="40709" spans="44:44" ht="15.75" customHeight="1" x14ac:dyDescent="0.15">
      <c r="AR40709" s="9" ph="1"/>
    </row>
    <row r="40710" spans="44:44" ht="15.75" customHeight="1" x14ac:dyDescent="0.15">
      <c r="AR40710" s="9" ph="1"/>
    </row>
    <row r="40711" spans="44:44" ht="15.75" customHeight="1" x14ac:dyDescent="0.15">
      <c r="AR40711" s="9" ph="1"/>
    </row>
    <row r="40712" spans="44:44" ht="15.75" customHeight="1" x14ac:dyDescent="0.15">
      <c r="AR40712" s="9" ph="1"/>
    </row>
    <row r="40713" spans="44:44" ht="15.75" customHeight="1" x14ac:dyDescent="0.15">
      <c r="AR40713" s="9" ph="1"/>
    </row>
    <row r="40714" spans="44:44" ht="15.75" customHeight="1" x14ac:dyDescent="0.15">
      <c r="AR40714" s="9" ph="1"/>
    </row>
    <row r="40715" spans="44:44" ht="15.75" customHeight="1" x14ac:dyDescent="0.15">
      <c r="AR40715" s="9" ph="1"/>
    </row>
    <row r="40716" spans="44:44" ht="15.75" customHeight="1" x14ac:dyDescent="0.15">
      <c r="AR40716" s="9" ph="1"/>
    </row>
    <row r="40717" spans="44:44" ht="15.75" customHeight="1" x14ac:dyDescent="0.15">
      <c r="AR40717" s="9" ph="1"/>
    </row>
    <row r="40718" spans="44:44" ht="15.75" customHeight="1" x14ac:dyDescent="0.15">
      <c r="AR40718" s="9" ph="1"/>
    </row>
    <row r="40719" spans="44:44" ht="15.75" customHeight="1" x14ac:dyDescent="0.15">
      <c r="AR40719" s="9" ph="1"/>
    </row>
    <row r="40720" spans="44:44" ht="15.75" customHeight="1" x14ac:dyDescent="0.15">
      <c r="AR40720" s="9" ph="1"/>
    </row>
    <row r="40721" spans="44:44" ht="15.75" customHeight="1" x14ac:dyDescent="0.15">
      <c r="AR40721" s="9" ph="1"/>
    </row>
    <row r="40722" spans="44:44" ht="15.75" customHeight="1" x14ac:dyDescent="0.15">
      <c r="AR40722" s="9" ph="1"/>
    </row>
    <row r="40723" spans="44:44" ht="15.75" customHeight="1" x14ac:dyDescent="0.15">
      <c r="AR40723" s="9" ph="1"/>
    </row>
    <row r="40724" spans="44:44" ht="15.75" customHeight="1" x14ac:dyDescent="0.15">
      <c r="AR40724" s="9" ph="1"/>
    </row>
    <row r="40725" spans="44:44" ht="15.75" customHeight="1" x14ac:dyDescent="0.15">
      <c r="AR40725" s="9" ph="1"/>
    </row>
    <row r="40727" spans="44:44" ht="15.75" customHeight="1" x14ac:dyDescent="0.15">
      <c r="AR40727" s="9" ph="1"/>
    </row>
    <row r="40728" spans="44:44" ht="15.75" customHeight="1" x14ac:dyDescent="0.15">
      <c r="AR40728" s="9" ph="1"/>
    </row>
    <row r="40729" spans="44:44" ht="15.75" customHeight="1" x14ac:dyDescent="0.15">
      <c r="AR40729" s="9" ph="1"/>
    </row>
    <row r="40730" spans="44:44" ht="15.75" customHeight="1" x14ac:dyDescent="0.15">
      <c r="AR40730" s="9" ph="1"/>
    </row>
    <row r="40731" spans="44:44" ht="15.75" customHeight="1" x14ac:dyDescent="0.15">
      <c r="AR40731" s="9" ph="1"/>
    </row>
    <row r="40732" spans="44:44" ht="15.75" customHeight="1" x14ac:dyDescent="0.15">
      <c r="AR40732" s="9" ph="1"/>
    </row>
    <row r="40733" spans="44:44" ht="15.75" customHeight="1" x14ac:dyDescent="0.15">
      <c r="AR40733" s="9" ph="1"/>
    </row>
    <row r="40734" spans="44:44" ht="15.75" customHeight="1" x14ac:dyDescent="0.15">
      <c r="AR40734" s="9" ph="1"/>
    </row>
    <row r="40735" spans="44:44" ht="15.75" customHeight="1" x14ac:dyDescent="0.15">
      <c r="AR40735" s="9" ph="1"/>
    </row>
    <row r="40736" spans="44:44" ht="15.75" customHeight="1" x14ac:dyDescent="0.15">
      <c r="AR40736" s="9" ph="1"/>
    </row>
    <row r="40737" spans="44:44" ht="15.75" customHeight="1" x14ac:dyDescent="0.15">
      <c r="AR40737" s="9" ph="1"/>
    </row>
    <row r="40738" spans="44:44" ht="15.75" customHeight="1" x14ac:dyDescent="0.15">
      <c r="AR40738" s="9" ph="1"/>
    </row>
    <row r="40739" spans="44:44" ht="15.75" customHeight="1" x14ac:dyDescent="0.15">
      <c r="AR40739" s="9" ph="1"/>
    </row>
    <row r="40740" spans="44:44" ht="15.75" customHeight="1" x14ac:dyDescent="0.15">
      <c r="AR40740" s="9" ph="1"/>
    </row>
    <row r="40741" spans="44:44" ht="15.75" customHeight="1" x14ac:dyDescent="0.15">
      <c r="AR40741" s="9" ph="1"/>
    </row>
    <row r="40742" spans="44:44" ht="15.75" customHeight="1" x14ac:dyDescent="0.15">
      <c r="AR40742" s="9" ph="1"/>
    </row>
    <row r="40743" spans="44:44" ht="15.75" customHeight="1" x14ac:dyDescent="0.15">
      <c r="AR40743" s="9" ph="1"/>
    </row>
    <row r="40744" spans="44:44" ht="15.75" customHeight="1" x14ac:dyDescent="0.15">
      <c r="AR40744" s="9" ph="1"/>
    </row>
    <row r="40745" spans="44:44" ht="15.75" customHeight="1" x14ac:dyDescent="0.15">
      <c r="AR40745" s="9" ph="1"/>
    </row>
    <row r="40746" spans="44:44" ht="15.75" customHeight="1" x14ac:dyDescent="0.15">
      <c r="AR40746" s="9" ph="1"/>
    </row>
    <row r="40747" spans="44:44" ht="15.75" customHeight="1" x14ac:dyDescent="0.15">
      <c r="AR40747" s="9" ph="1"/>
    </row>
    <row r="40748" spans="44:44" ht="15.75" customHeight="1" x14ac:dyDescent="0.15">
      <c r="AR40748" s="9" ph="1"/>
    </row>
    <row r="40749" spans="44:44" ht="15.75" customHeight="1" x14ac:dyDescent="0.15">
      <c r="AR40749" s="9" ph="1"/>
    </row>
    <row r="40750" spans="44:44" ht="15.75" customHeight="1" x14ac:dyDescent="0.15">
      <c r="AR40750" s="9" ph="1"/>
    </row>
    <row r="40751" spans="44:44" ht="15.75" customHeight="1" x14ac:dyDescent="0.15">
      <c r="AR40751" s="9" ph="1"/>
    </row>
    <row r="40752" spans="44:44" ht="15.75" customHeight="1" x14ac:dyDescent="0.15">
      <c r="AR40752" s="9" ph="1"/>
    </row>
    <row r="40753" spans="44:44" ht="15.75" customHeight="1" x14ac:dyDescent="0.15">
      <c r="AR40753" s="9" ph="1"/>
    </row>
    <row r="40754" spans="44:44" ht="15.75" customHeight="1" x14ac:dyDescent="0.15">
      <c r="AR40754" s="9" ph="1"/>
    </row>
    <row r="40755" spans="44:44" ht="15.75" customHeight="1" x14ac:dyDescent="0.15">
      <c r="AR40755" s="9" ph="1"/>
    </row>
    <row r="40756" spans="44:44" ht="15.75" customHeight="1" x14ac:dyDescent="0.15">
      <c r="AR40756" s="9" ph="1"/>
    </row>
    <row r="40757" spans="44:44" ht="15.75" customHeight="1" x14ac:dyDescent="0.15">
      <c r="AR40757" s="9" ph="1"/>
    </row>
    <row r="40758" spans="44:44" ht="15.75" customHeight="1" x14ac:dyDescent="0.15">
      <c r="AR40758" s="9" ph="1"/>
    </row>
    <row r="40759" spans="44:44" ht="15.75" customHeight="1" x14ac:dyDescent="0.15">
      <c r="AR40759" s="9" ph="1"/>
    </row>
    <row r="40760" spans="44:44" ht="15.75" customHeight="1" x14ac:dyDescent="0.15">
      <c r="AR40760" s="9" ph="1"/>
    </row>
    <row r="40761" spans="44:44" ht="15.75" customHeight="1" x14ac:dyDescent="0.15">
      <c r="AR40761" s="9" ph="1"/>
    </row>
    <row r="40762" spans="44:44" ht="15.75" customHeight="1" x14ac:dyDescent="0.15">
      <c r="AR40762" s="9" ph="1"/>
    </row>
    <row r="40763" spans="44:44" ht="15.75" customHeight="1" x14ac:dyDescent="0.15">
      <c r="AR40763" s="9" ph="1"/>
    </row>
    <row r="40764" spans="44:44" ht="15.75" customHeight="1" x14ac:dyDescent="0.15">
      <c r="AR40764" s="9" ph="1"/>
    </row>
    <row r="40765" spans="44:44" ht="15.75" customHeight="1" x14ac:dyDescent="0.15">
      <c r="AR40765" s="9" ph="1"/>
    </row>
    <row r="40766" spans="44:44" ht="15.75" customHeight="1" x14ac:dyDescent="0.15">
      <c r="AR40766" s="9" ph="1"/>
    </row>
    <row r="40767" spans="44:44" ht="15.75" customHeight="1" x14ac:dyDescent="0.15">
      <c r="AR40767" s="9" ph="1"/>
    </row>
    <row r="40768" spans="44:44" ht="15.75" customHeight="1" x14ac:dyDescent="0.15">
      <c r="AR40768" s="9" ph="1"/>
    </row>
    <row r="40769" spans="44:44" ht="15.75" customHeight="1" x14ac:dyDescent="0.15">
      <c r="AR40769" s="9" ph="1"/>
    </row>
    <row r="40770" spans="44:44" ht="15.75" customHeight="1" x14ac:dyDescent="0.15">
      <c r="AR40770" s="9" ph="1"/>
    </row>
    <row r="40771" spans="44:44" ht="15.75" customHeight="1" x14ac:dyDescent="0.15">
      <c r="AR40771" s="9" ph="1"/>
    </row>
    <row r="40772" spans="44:44" ht="15.75" customHeight="1" x14ac:dyDescent="0.15">
      <c r="AR40772" s="9" ph="1"/>
    </row>
    <row r="40773" spans="44:44" ht="15.75" customHeight="1" x14ac:dyDescent="0.15">
      <c r="AR40773" s="9" ph="1"/>
    </row>
    <row r="40774" spans="44:44" ht="15.75" customHeight="1" x14ac:dyDescent="0.15">
      <c r="AR40774" s="9" ph="1"/>
    </row>
    <row r="40775" spans="44:44" ht="15.75" customHeight="1" x14ac:dyDescent="0.15">
      <c r="AR40775" s="9" ph="1"/>
    </row>
    <row r="40776" spans="44:44" ht="15.75" customHeight="1" x14ac:dyDescent="0.15">
      <c r="AR40776" s="9" ph="1"/>
    </row>
    <row r="40777" spans="44:44" ht="15.75" customHeight="1" x14ac:dyDescent="0.15">
      <c r="AR40777" s="9" ph="1"/>
    </row>
    <row r="40778" spans="44:44" ht="15.75" customHeight="1" x14ac:dyDescent="0.15">
      <c r="AR40778" s="9" ph="1"/>
    </row>
    <row r="40779" spans="44:44" ht="15.75" customHeight="1" x14ac:dyDescent="0.15">
      <c r="AR40779" s="9" ph="1"/>
    </row>
    <row r="40780" spans="44:44" ht="15.75" customHeight="1" x14ac:dyDescent="0.15">
      <c r="AR40780" s="9" ph="1"/>
    </row>
    <row r="40781" spans="44:44" ht="15.75" customHeight="1" x14ac:dyDescent="0.15">
      <c r="AR40781" s="9" ph="1"/>
    </row>
    <row r="40782" spans="44:44" ht="15.75" customHeight="1" x14ac:dyDescent="0.15">
      <c r="AR40782" s="9" ph="1"/>
    </row>
    <row r="40783" spans="44:44" ht="15.75" customHeight="1" x14ac:dyDescent="0.15">
      <c r="AR40783" s="9" ph="1"/>
    </row>
    <row r="40784" spans="44:44" ht="15.75" customHeight="1" x14ac:dyDescent="0.15">
      <c r="AR40784" s="9" ph="1"/>
    </row>
    <row r="40785" spans="44:44" ht="15.75" customHeight="1" x14ac:dyDescent="0.15">
      <c r="AR40785" s="9" ph="1"/>
    </row>
    <row r="40786" spans="44:44" ht="15.75" customHeight="1" x14ac:dyDescent="0.15">
      <c r="AR40786" s="9" ph="1"/>
    </row>
    <row r="40787" spans="44:44" ht="15.75" customHeight="1" x14ac:dyDescent="0.15">
      <c r="AR40787" s="9" ph="1"/>
    </row>
    <row r="40788" spans="44:44" ht="15.75" customHeight="1" x14ac:dyDescent="0.15">
      <c r="AR40788" s="9" ph="1"/>
    </row>
    <row r="40789" spans="44:44" ht="15.75" customHeight="1" x14ac:dyDescent="0.15">
      <c r="AR40789" s="9" ph="1"/>
    </row>
    <row r="40790" spans="44:44" ht="15.75" customHeight="1" x14ac:dyDescent="0.15">
      <c r="AR40790" s="9" ph="1"/>
    </row>
    <row r="40791" spans="44:44" ht="15.75" customHeight="1" x14ac:dyDescent="0.15">
      <c r="AR40791" s="9" ph="1"/>
    </row>
    <row r="40792" spans="44:44" ht="15.75" customHeight="1" x14ac:dyDescent="0.15">
      <c r="AR40792" s="9" ph="1"/>
    </row>
    <row r="40793" spans="44:44" ht="15.75" customHeight="1" x14ac:dyDescent="0.15">
      <c r="AR40793" s="9" ph="1"/>
    </row>
    <row r="40794" spans="44:44" ht="15.75" customHeight="1" x14ac:dyDescent="0.15">
      <c r="AR40794" s="9" ph="1"/>
    </row>
    <row r="40795" spans="44:44" ht="15.75" customHeight="1" x14ac:dyDescent="0.15">
      <c r="AR40795" s="9" ph="1"/>
    </row>
    <row r="40796" spans="44:44" ht="15.75" customHeight="1" x14ac:dyDescent="0.15">
      <c r="AR40796" s="9" ph="1"/>
    </row>
    <row r="40797" spans="44:44" ht="15.75" customHeight="1" x14ac:dyDescent="0.15">
      <c r="AR40797" s="9" ph="1"/>
    </row>
    <row r="40798" spans="44:44" ht="15.75" customHeight="1" x14ac:dyDescent="0.15">
      <c r="AR40798" s="9" ph="1"/>
    </row>
    <row r="40799" spans="44:44" ht="15.75" customHeight="1" x14ac:dyDescent="0.15">
      <c r="AR40799" s="9" ph="1"/>
    </row>
    <row r="40800" spans="44:44" ht="15.75" customHeight="1" x14ac:dyDescent="0.15">
      <c r="AR40800" s="9" ph="1"/>
    </row>
    <row r="40801" spans="44:44" ht="15.75" customHeight="1" x14ac:dyDescent="0.15">
      <c r="AR40801" s="9" ph="1"/>
    </row>
    <row r="40802" spans="44:44" ht="15.75" customHeight="1" x14ac:dyDescent="0.15">
      <c r="AR40802" s="9" ph="1"/>
    </row>
    <row r="40803" spans="44:44" ht="15.75" customHeight="1" x14ac:dyDescent="0.15">
      <c r="AR40803" s="9" ph="1"/>
    </row>
    <row r="40804" spans="44:44" ht="15.75" customHeight="1" x14ac:dyDescent="0.15">
      <c r="AR40804" s="9" ph="1"/>
    </row>
    <row r="40805" spans="44:44" ht="15.75" customHeight="1" x14ac:dyDescent="0.15">
      <c r="AR40805" s="9" ph="1"/>
    </row>
    <row r="40806" spans="44:44" ht="15.75" customHeight="1" x14ac:dyDescent="0.15">
      <c r="AR40806" s="9" ph="1"/>
    </row>
    <row r="40807" spans="44:44" ht="15.75" customHeight="1" x14ac:dyDescent="0.15">
      <c r="AR40807" s="9" ph="1"/>
    </row>
    <row r="40808" spans="44:44" ht="15.75" customHeight="1" x14ac:dyDescent="0.15">
      <c r="AR40808" s="9" ph="1"/>
    </row>
    <row r="40809" spans="44:44" ht="15.75" customHeight="1" x14ac:dyDescent="0.15">
      <c r="AR40809" s="9" ph="1"/>
    </row>
    <row r="40810" spans="44:44" ht="15.75" customHeight="1" x14ac:dyDescent="0.15">
      <c r="AR40810" s="9" ph="1"/>
    </row>
    <row r="40811" spans="44:44" ht="15.75" customHeight="1" x14ac:dyDescent="0.15">
      <c r="AR40811" s="9" ph="1"/>
    </row>
    <row r="40812" spans="44:44" ht="15.75" customHeight="1" x14ac:dyDescent="0.15">
      <c r="AR40812" s="9" ph="1"/>
    </row>
    <row r="40813" spans="44:44" ht="15.75" customHeight="1" x14ac:dyDescent="0.15">
      <c r="AR40813" s="9" ph="1"/>
    </row>
    <row r="40814" spans="44:44" ht="15.75" customHeight="1" x14ac:dyDescent="0.15">
      <c r="AR40814" s="9" ph="1"/>
    </row>
    <row r="40815" spans="44:44" ht="15.75" customHeight="1" x14ac:dyDescent="0.15">
      <c r="AR40815" s="9" ph="1"/>
    </row>
    <row r="40816" spans="44:44" ht="15.75" customHeight="1" x14ac:dyDescent="0.15">
      <c r="AR40816" s="9" ph="1"/>
    </row>
    <row r="40817" spans="44:44" ht="15.75" customHeight="1" x14ac:dyDescent="0.15">
      <c r="AR40817" s="9" ph="1"/>
    </row>
    <row r="40818" spans="44:44" ht="15.75" customHeight="1" x14ac:dyDescent="0.15">
      <c r="AR40818" s="9" ph="1"/>
    </row>
    <row r="40819" spans="44:44" ht="15.75" customHeight="1" x14ac:dyDescent="0.15">
      <c r="AR40819" s="9" ph="1"/>
    </row>
    <row r="40820" spans="44:44" ht="15.75" customHeight="1" x14ac:dyDescent="0.15">
      <c r="AR40820" s="9" ph="1"/>
    </row>
    <row r="40821" spans="44:44" ht="15.75" customHeight="1" x14ac:dyDescent="0.15">
      <c r="AR40821" s="9" ph="1"/>
    </row>
    <row r="40822" spans="44:44" ht="15.75" customHeight="1" x14ac:dyDescent="0.15">
      <c r="AR40822" s="9" ph="1"/>
    </row>
    <row r="40823" spans="44:44" ht="15.75" customHeight="1" x14ac:dyDescent="0.15">
      <c r="AR40823" s="9" ph="1"/>
    </row>
    <row r="40824" spans="44:44" ht="15.75" customHeight="1" x14ac:dyDescent="0.15">
      <c r="AR40824" s="9" ph="1"/>
    </row>
    <row r="40825" spans="44:44" ht="15.75" customHeight="1" x14ac:dyDescent="0.15">
      <c r="AR40825" s="9" ph="1"/>
    </row>
    <row r="40826" spans="44:44" ht="15.75" customHeight="1" x14ac:dyDescent="0.15">
      <c r="AR40826" s="9" ph="1"/>
    </row>
    <row r="40827" spans="44:44" ht="15.75" customHeight="1" x14ac:dyDescent="0.15">
      <c r="AR40827" s="9" ph="1"/>
    </row>
    <row r="40828" spans="44:44" ht="15.75" customHeight="1" x14ac:dyDescent="0.15">
      <c r="AR40828" s="9" ph="1"/>
    </row>
    <row r="40829" spans="44:44" ht="15.75" customHeight="1" x14ac:dyDescent="0.15">
      <c r="AR40829" s="9" ph="1"/>
    </row>
    <row r="40830" spans="44:44" ht="15.75" customHeight="1" x14ac:dyDescent="0.15">
      <c r="AR40830" s="9" ph="1"/>
    </row>
    <row r="40831" spans="44:44" ht="15.75" customHeight="1" x14ac:dyDescent="0.15">
      <c r="AR40831" s="9" ph="1"/>
    </row>
    <row r="40832" spans="44:44" ht="15.75" customHeight="1" x14ac:dyDescent="0.15">
      <c r="AR40832" s="9" ph="1"/>
    </row>
    <row r="40833" spans="44:44" ht="15.75" customHeight="1" x14ac:dyDescent="0.15">
      <c r="AR40833" s="9" ph="1"/>
    </row>
    <row r="40834" spans="44:44" ht="15.75" customHeight="1" x14ac:dyDescent="0.15">
      <c r="AR40834" s="9" ph="1"/>
    </row>
    <row r="40835" spans="44:44" ht="15.75" customHeight="1" x14ac:dyDescent="0.15">
      <c r="AR40835" s="9" ph="1"/>
    </row>
    <row r="40836" spans="44:44" ht="15.75" customHeight="1" x14ac:dyDescent="0.15">
      <c r="AR40836" s="9" ph="1"/>
    </row>
    <row r="40837" spans="44:44" ht="15.75" customHeight="1" x14ac:dyDescent="0.15">
      <c r="AR40837" s="9" ph="1"/>
    </row>
    <row r="40838" spans="44:44" ht="15.75" customHeight="1" x14ac:dyDescent="0.15">
      <c r="AR40838" s="9" ph="1"/>
    </row>
    <row r="40839" spans="44:44" ht="15.75" customHeight="1" x14ac:dyDescent="0.15">
      <c r="AR40839" s="9" ph="1"/>
    </row>
    <row r="40840" spans="44:44" ht="15.75" customHeight="1" x14ac:dyDescent="0.15">
      <c r="AR40840" s="9" ph="1"/>
    </row>
    <row r="40841" spans="44:44" ht="15.75" customHeight="1" x14ac:dyDescent="0.15">
      <c r="AR40841" s="9" ph="1"/>
    </row>
    <row r="40842" spans="44:44" ht="15.75" customHeight="1" x14ac:dyDescent="0.15">
      <c r="AR40842" s="9" ph="1"/>
    </row>
    <row r="40843" spans="44:44" ht="15.75" customHeight="1" x14ac:dyDescent="0.15">
      <c r="AR40843" s="9" ph="1"/>
    </row>
    <row r="40844" spans="44:44" ht="15.75" customHeight="1" x14ac:dyDescent="0.15">
      <c r="AR40844" s="9" ph="1"/>
    </row>
    <row r="40845" spans="44:44" ht="15.75" customHeight="1" x14ac:dyDescent="0.15">
      <c r="AR40845" s="9" ph="1"/>
    </row>
    <row r="40846" spans="44:44" ht="15.75" customHeight="1" x14ac:dyDescent="0.15">
      <c r="AR40846" s="9" ph="1"/>
    </row>
    <row r="40847" spans="44:44" ht="15.75" customHeight="1" x14ac:dyDescent="0.15">
      <c r="AR40847" s="9" ph="1"/>
    </row>
    <row r="40849" spans="44:44" ht="15.75" customHeight="1" x14ac:dyDescent="0.15">
      <c r="AR40849" s="9" ph="1"/>
    </row>
    <row r="40850" spans="44:44" ht="15.75" customHeight="1" x14ac:dyDescent="0.15">
      <c r="AR40850" s="9" ph="1"/>
    </row>
    <row r="40851" spans="44:44" ht="15.75" customHeight="1" x14ac:dyDescent="0.15">
      <c r="AR40851" s="9" ph="1"/>
    </row>
    <row r="40852" spans="44:44" ht="15.75" customHeight="1" x14ac:dyDescent="0.15">
      <c r="AR40852" s="9" ph="1"/>
    </row>
    <row r="40853" spans="44:44" ht="15.75" customHeight="1" x14ac:dyDescent="0.15">
      <c r="AR40853" s="9" ph="1"/>
    </row>
    <row r="40854" spans="44:44" ht="15.75" customHeight="1" x14ac:dyDescent="0.15">
      <c r="AR40854" s="9" ph="1"/>
    </row>
    <row r="40855" spans="44:44" ht="15.75" customHeight="1" x14ac:dyDescent="0.15">
      <c r="AR40855" s="9" ph="1"/>
    </row>
    <row r="40856" spans="44:44" ht="15.75" customHeight="1" x14ac:dyDescent="0.15">
      <c r="AR40856" s="9" ph="1"/>
    </row>
    <row r="40857" spans="44:44" ht="15.75" customHeight="1" x14ac:dyDescent="0.15">
      <c r="AR40857" s="9" ph="1"/>
    </row>
    <row r="40858" spans="44:44" ht="15.75" customHeight="1" x14ac:dyDescent="0.15">
      <c r="AR40858" s="9" ph="1"/>
    </row>
    <row r="40859" spans="44:44" ht="15.75" customHeight="1" x14ac:dyDescent="0.15">
      <c r="AR40859" s="9" ph="1"/>
    </row>
    <row r="40860" spans="44:44" ht="15.75" customHeight="1" x14ac:dyDescent="0.15">
      <c r="AR40860" s="9" ph="1"/>
    </row>
    <row r="40861" spans="44:44" ht="15.75" customHeight="1" x14ac:dyDescent="0.15">
      <c r="AR40861" s="9" ph="1"/>
    </row>
    <row r="40862" spans="44:44" ht="15.75" customHeight="1" x14ac:dyDescent="0.15">
      <c r="AR40862" s="9" ph="1"/>
    </row>
    <row r="40863" spans="44:44" ht="15.75" customHeight="1" x14ac:dyDescent="0.15">
      <c r="AR40863" s="9" ph="1"/>
    </row>
    <row r="40865" spans="44:44" ht="15.75" customHeight="1" x14ac:dyDescent="0.15">
      <c r="AR40865" s="9" ph="1"/>
    </row>
    <row r="40866" spans="44:44" ht="15.75" customHeight="1" x14ac:dyDescent="0.15">
      <c r="AR40866" s="9" ph="1"/>
    </row>
    <row r="40867" spans="44:44" ht="15.75" customHeight="1" x14ac:dyDescent="0.15">
      <c r="AR40867" s="9" ph="1"/>
    </row>
    <row r="40868" spans="44:44" ht="15.75" customHeight="1" x14ac:dyDescent="0.15">
      <c r="AR40868" s="9" ph="1"/>
    </row>
    <row r="40869" spans="44:44" ht="15.75" customHeight="1" x14ac:dyDescent="0.15">
      <c r="AR40869" s="9" ph="1"/>
    </row>
    <row r="40870" spans="44:44" ht="15.75" customHeight="1" x14ac:dyDescent="0.15">
      <c r="AR40870" s="9" ph="1"/>
    </row>
    <row r="40871" spans="44:44" ht="15.75" customHeight="1" x14ac:dyDescent="0.15">
      <c r="AR40871" s="9" ph="1"/>
    </row>
    <row r="40872" spans="44:44" ht="15.75" customHeight="1" x14ac:dyDescent="0.15">
      <c r="AR40872" s="9" ph="1"/>
    </row>
    <row r="40873" spans="44:44" ht="15.75" customHeight="1" x14ac:dyDescent="0.15">
      <c r="AR40873" s="9" ph="1"/>
    </row>
    <row r="40874" spans="44:44" ht="15.75" customHeight="1" x14ac:dyDescent="0.15">
      <c r="AR40874" s="9" ph="1"/>
    </row>
    <row r="40876" spans="44:44" ht="15.75" customHeight="1" x14ac:dyDescent="0.15">
      <c r="AR40876" s="9" ph="1"/>
    </row>
    <row r="40877" spans="44:44" ht="15.75" customHeight="1" x14ac:dyDescent="0.15">
      <c r="AR40877" s="9" ph="1"/>
    </row>
    <row r="40878" spans="44:44" ht="15.75" customHeight="1" x14ac:dyDescent="0.15">
      <c r="AR40878" s="9" ph="1"/>
    </row>
    <row r="40879" spans="44:44" ht="15.75" customHeight="1" x14ac:dyDescent="0.15">
      <c r="AR40879" s="9" ph="1"/>
    </row>
    <row r="40880" spans="44:44" ht="15.75" customHeight="1" x14ac:dyDescent="0.15">
      <c r="AR40880" s="9" ph="1"/>
    </row>
    <row r="40881" spans="44:44" ht="15.75" customHeight="1" x14ac:dyDescent="0.15">
      <c r="AR40881" s="9" ph="1"/>
    </row>
    <row r="40882" spans="44:44" ht="15.75" customHeight="1" x14ac:dyDescent="0.15">
      <c r="AR40882" s="9" ph="1"/>
    </row>
    <row r="40883" spans="44:44" ht="15.75" customHeight="1" x14ac:dyDescent="0.15">
      <c r="AR40883" s="9" ph="1"/>
    </row>
    <row r="40884" spans="44:44" ht="15.75" customHeight="1" x14ac:dyDescent="0.15">
      <c r="AR40884" s="9" ph="1"/>
    </row>
    <row r="40885" spans="44:44" ht="15.75" customHeight="1" x14ac:dyDescent="0.15">
      <c r="AR40885" s="9" ph="1"/>
    </row>
    <row r="40886" spans="44:44" ht="15.75" customHeight="1" x14ac:dyDescent="0.15">
      <c r="AR40886" s="9" ph="1"/>
    </row>
    <row r="40887" spans="44:44" ht="15.75" customHeight="1" x14ac:dyDescent="0.15">
      <c r="AR40887" s="9" ph="1"/>
    </row>
    <row r="40888" spans="44:44" ht="15.75" customHeight="1" x14ac:dyDescent="0.15">
      <c r="AR40888" s="9" ph="1"/>
    </row>
    <row r="40889" spans="44:44" ht="15.75" customHeight="1" x14ac:dyDescent="0.15">
      <c r="AR40889" s="9" ph="1"/>
    </row>
    <row r="40891" spans="44:44" ht="15.75" customHeight="1" x14ac:dyDescent="0.15">
      <c r="AR40891" s="9" ph="1"/>
    </row>
    <row r="40892" spans="44:44" ht="15.75" customHeight="1" x14ac:dyDescent="0.15">
      <c r="AR40892" s="9" ph="1"/>
    </row>
    <row r="40893" spans="44:44" ht="15.75" customHeight="1" x14ac:dyDescent="0.15">
      <c r="AR40893" s="9" ph="1"/>
    </row>
    <row r="40894" spans="44:44" ht="15.75" customHeight="1" x14ac:dyDescent="0.15">
      <c r="AR40894" s="9" ph="1"/>
    </row>
    <row r="40895" spans="44:44" ht="15.75" customHeight="1" x14ac:dyDescent="0.15">
      <c r="AR40895" s="9" ph="1"/>
    </row>
    <row r="40896" spans="44:44" ht="15.75" customHeight="1" x14ac:dyDescent="0.15">
      <c r="AR40896" s="9" ph="1"/>
    </row>
    <row r="40897" spans="44:44" ht="15.75" customHeight="1" x14ac:dyDescent="0.15">
      <c r="AR40897" s="9" ph="1"/>
    </row>
    <row r="40898" spans="44:44" ht="15.75" customHeight="1" x14ac:dyDescent="0.15">
      <c r="AR40898" s="9" ph="1"/>
    </row>
    <row r="40899" spans="44:44" ht="15.75" customHeight="1" x14ac:dyDescent="0.15">
      <c r="AR40899" s="9" ph="1"/>
    </row>
    <row r="40900" spans="44:44" ht="15.75" customHeight="1" x14ac:dyDescent="0.15">
      <c r="AR40900" s="9" ph="1"/>
    </row>
    <row r="40901" spans="44:44" ht="15.75" customHeight="1" x14ac:dyDescent="0.15">
      <c r="AR40901" s="9" ph="1"/>
    </row>
    <row r="40902" spans="44:44" ht="15.75" customHeight="1" x14ac:dyDescent="0.15">
      <c r="AR40902" s="9" ph="1"/>
    </row>
    <row r="40903" spans="44:44" ht="15.75" customHeight="1" x14ac:dyDescent="0.15">
      <c r="AR40903" s="9" ph="1"/>
    </row>
    <row r="40904" spans="44:44" ht="15.75" customHeight="1" x14ac:dyDescent="0.15">
      <c r="AR40904" s="9" ph="1"/>
    </row>
    <row r="40905" spans="44:44" ht="15.75" customHeight="1" x14ac:dyDescent="0.15">
      <c r="AR40905" s="9" ph="1"/>
    </row>
    <row r="40907" spans="44:44" ht="15.75" customHeight="1" x14ac:dyDescent="0.15">
      <c r="AR40907" s="9" ph="1"/>
    </row>
    <row r="40908" spans="44:44" ht="15.75" customHeight="1" x14ac:dyDescent="0.15">
      <c r="AR40908" s="9" ph="1"/>
    </row>
    <row r="40909" spans="44:44" ht="15.75" customHeight="1" x14ac:dyDescent="0.15">
      <c r="AR40909" s="9" ph="1"/>
    </row>
    <row r="40910" spans="44:44" ht="15.75" customHeight="1" x14ac:dyDescent="0.15">
      <c r="AR40910" s="9" ph="1"/>
    </row>
    <row r="40911" spans="44:44" ht="15.75" customHeight="1" x14ac:dyDescent="0.15">
      <c r="AR40911" s="9" ph="1"/>
    </row>
    <row r="40912" spans="44:44" ht="15.75" customHeight="1" x14ac:dyDescent="0.15">
      <c r="AR40912" s="9" ph="1"/>
    </row>
    <row r="40913" spans="44:44" ht="15.75" customHeight="1" x14ac:dyDescent="0.15">
      <c r="AR40913" s="9" ph="1"/>
    </row>
    <row r="40914" spans="44:44" ht="15.75" customHeight="1" x14ac:dyDescent="0.15">
      <c r="AR40914" s="9" ph="1"/>
    </row>
    <row r="40915" spans="44:44" ht="15.75" customHeight="1" x14ac:dyDescent="0.15">
      <c r="AR40915" s="9" ph="1"/>
    </row>
    <row r="40916" spans="44:44" ht="15.75" customHeight="1" x14ac:dyDescent="0.15">
      <c r="AR40916" s="9" ph="1"/>
    </row>
    <row r="40918" spans="44:44" ht="15.75" customHeight="1" x14ac:dyDescent="0.15">
      <c r="AR40918" s="9" ph="1"/>
    </row>
    <row r="40919" spans="44:44" ht="15.75" customHeight="1" x14ac:dyDescent="0.15">
      <c r="AR40919" s="9" ph="1"/>
    </row>
    <row r="40920" spans="44:44" ht="15.75" customHeight="1" x14ac:dyDescent="0.15">
      <c r="AR40920" s="9" ph="1"/>
    </row>
    <row r="40921" spans="44:44" ht="15.75" customHeight="1" x14ac:dyDescent="0.15">
      <c r="AR40921" s="9" ph="1"/>
    </row>
    <row r="40922" spans="44:44" ht="15.75" customHeight="1" x14ac:dyDescent="0.15">
      <c r="AR40922" s="9" ph="1"/>
    </row>
    <row r="40923" spans="44:44" ht="15.75" customHeight="1" x14ac:dyDescent="0.15">
      <c r="AR40923" s="9" ph="1"/>
    </row>
    <row r="40924" spans="44:44" ht="15.75" customHeight="1" x14ac:dyDescent="0.15">
      <c r="AR40924" s="9" ph="1"/>
    </row>
    <row r="40925" spans="44:44" ht="15.75" customHeight="1" x14ac:dyDescent="0.15">
      <c r="AR40925" s="9" ph="1"/>
    </row>
    <row r="40926" spans="44:44" ht="15.75" customHeight="1" x14ac:dyDescent="0.15">
      <c r="AR40926" s="9" ph="1"/>
    </row>
    <row r="40927" spans="44:44" ht="15.75" customHeight="1" x14ac:dyDescent="0.15">
      <c r="AR40927" s="9" ph="1"/>
    </row>
    <row r="40928" spans="44:44" ht="15.75" customHeight="1" x14ac:dyDescent="0.15">
      <c r="AR40928" s="9" ph="1"/>
    </row>
    <row r="40929" spans="44:44" ht="15.75" customHeight="1" x14ac:dyDescent="0.15">
      <c r="AR40929" s="9" ph="1"/>
    </row>
    <row r="40930" spans="44:44" ht="15.75" customHeight="1" x14ac:dyDescent="0.15">
      <c r="AR40930" s="9" ph="1"/>
    </row>
    <row r="40931" spans="44:44" ht="15.75" customHeight="1" x14ac:dyDescent="0.15">
      <c r="AR40931" s="9" ph="1"/>
    </row>
    <row r="40932" spans="44:44" ht="15.75" customHeight="1" x14ac:dyDescent="0.15">
      <c r="AR40932" s="9" ph="1"/>
    </row>
    <row r="40933" spans="44:44" ht="15.75" customHeight="1" x14ac:dyDescent="0.15">
      <c r="AR40933" s="9" ph="1"/>
    </row>
    <row r="40934" spans="44:44" ht="15.75" customHeight="1" x14ac:dyDescent="0.15">
      <c r="AR40934" s="9" ph="1"/>
    </row>
    <row r="40935" spans="44:44" ht="15.75" customHeight="1" x14ac:dyDescent="0.15">
      <c r="AR40935" s="9" ph="1"/>
    </row>
    <row r="40936" spans="44:44" ht="15.75" customHeight="1" x14ac:dyDescent="0.15">
      <c r="AR40936" s="9" ph="1"/>
    </row>
    <row r="40937" spans="44:44" ht="15.75" customHeight="1" x14ac:dyDescent="0.15">
      <c r="AR40937" s="9" ph="1"/>
    </row>
    <row r="40938" spans="44:44" ht="15.75" customHeight="1" x14ac:dyDescent="0.15">
      <c r="AR40938" s="9" ph="1"/>
    </row>
    <row r="40939" spans="44:44" ht="15.75" customHeight="1" x14ac:dyDescent="0.15">
      <c r="AR40939" s="9" ph="1"/>
    </row>
    <row r="40940" spans="44:44" ht="15.75" customHeight="1" x14ac:dyDescent="0.15">
      <c r="AR40940" s="9" ph="1"/>
    </row>
    <row r="40941" spans="44:44" ht="15.75" customHeight="1" x14ac:dyDescent="0.15">
      <c r="AR40941" s="9" ph="1"/>
    </row>
    <row r="40942" spans="44:44" ht="15.75" customHeight="1" x14ac:dyDescent="0.15">
      <c r="AR40942" s="9" ph="1"/>
    </row>
    <row r="40944" spans="44:44" ht="15.75" customHeight="1" x14ac:dyDescent="0.15">
      <c r="AR40944" s="9" ph="1"/>
    </row>
    <row r="40945" spans="44:44" ht="15.75" customHeight="1" x14ac:dyDescent="0.15">
      <c r="AR40945" s="9" ph="1"/>
    </row>
    <row r="40946" spans="44:44" ht="15.75" customHeight="1" x14ac:dyDescent="0.15">
      <c r="AR40946" s="9" ph="1"/>
    </row>
    <row r="40947" spans="44:44" ht="15.75" customHeight="1" x14ac:dyDescent="0.15">
      <c r="AR40947" s="9" ph="1"/>
    </row>
    <row r="40948" spans="44:44" ht="15.75" customHeight="1" x14ac:dyDescent="0.15">
      <c r="AR40948" s="9" ph="1"/>
    </row>
    <row r="40949" spans="44:44" ht="15.75" customHeight="1" x14ac:dyDescent="0.15">
      <c r="AR40949" s="9" ph="1"/>
    </row>
    <row r="40950" spans="44:44" ht="15.75" customHeight="1" x14ac:dyDescent="0.15">
      <c r="AR40950" s="9" ph="1"/>
    </row>
    <row r="40951" spans="44:44" ht="15.75" customHeight="1" x14ac:dyDescent="0.15">
      <c r="AR40951" s="9" ph="1"/>
    </row>
    <row r="40952" spans="44:44" ht="15.75" customHeight="1" x14ac:dyDescent="0.15">
      <c r="AR40952" s="9" ph="1"/>
    </row>
    <row r="40953" spans="44:44" ht="15.75" customHeight="1" x14ac:dyDescent="0.15">
      <c r="AR40953" s="9" ph="1"/>
    </row>
    <row r="40954" spans="44:44" ht="15.75" customHeight="1" x14ac:dyDescent="0.15">
      <c r="AR40954" s="9" ph="1"/>
    </row>
    <row r="40955" spans="44:44" ht="15.75" customHeight="1" x14ac:dyDescent="0.15">
      <c r="AR40955" s="9" ph="1"/>
    </row>
    <row r="40956" spans="44:44" ht="15.75" customHeight="1" x14ac:dyDescent="0.15">
      <c r="AR40956" s="9" ph="1"/>
    </row>
    <row r="40957" spans="44:44" ht="15.75" customHeight="1" x14ac:dyDescent="0.15">
      <c r="AR40957" s="9" ph="1"/>
    </row>
    <row r="40958" spans="44:44" ht="15.75" customHeight="1" x14ac:dyDescent="0.15">
      <c r="AR40958" s="9" ph="1"/>
    </row>
    <row r="40960" spans="44:44" ht="15.75" customHeight="1" x14ac:dyDescent="0.15">
      <c r="AR40960" s="9" ph="1"/>
    </row>
    <row r="40961" spans="44:44" ht="15.75" customHeight="1" x14ac:dyDescent="0.15">
      <c r="AR40961" s="9" ph="1"/>
    </row>
    <row r="40962" spans="44:44" ht="15.75" customHeight="1" x14ac:dyDescent="0.15">
      <c r="AR40962" s="9" ph="1"/>
    </row>
    <row r="40963" spans="44:44" ht="15.75" customHeight="1" x14ac:dyDescent="0.15">
      <c r="AR40963" s="9" ph="1"/>
    </row>
    <row r="40964" spans="44:44" ht="15.75" customHeight="1" x14ac:dyDescent="0.15">
      <c r="AR40964" s="9" ph="1"/>
    </row>
    <row r="40965" spans="44:44" ht="15.75" customHeight="1" x14ac:dyDescent="0.15">
      <c r="AR40965" s="9" ph="1"/>
    </row>
    <row r="40966" spans="44:44" ht="15.75" customHeight="1" x14ac:dyDescent="0.15">
      <c r="AR40966" s="9" ph="1"/>
    </row>
    <row r="40967" spans="44:44" ht="15.75" customHeight="1" x14ac:dyDescent="0.15">
      <c r="AR40967" s="9" ph="1"/>
    </row>
    <row r="40968" spans="44:44" ht="15.75" customHeight="1" x14ac:dyDescent="0.15">
      <c r="AR40968" s="9" ph="1"/>
    </row>
    <row r="40969" spans="44:44" ht="15.75" customHeight="1" x14ac:dyDescent="0.15">
      <c r="AR40969" s="9" ph="1"/>
    </row>
    <row r="40971" spans="44:44" ht="15.75" customHeight="1" x14ac:dyDescent="0.15">
      <c r="AR40971" s="9" ph="1"/>
    </row>
    <row r="40972" spans="44:44" ht="15.75" customHeight="1" x14ac:dyDescent="0.15">
      <c r="AR40972" s="9" ph="1"/>
    </row>
    <row r="40973" spans="44:44" ht="15.75" customHeight="1" x14ac:dyDescent="0.15">
      <c r="AR40973" s="9" ph="1"/>
    </row>
    <row r="40974" spans="44:44" ht="15.75" customHeight="1" x14ac:dyDescent="0.15">
      <c r="AR40974" s="9" ph="1"/>
    </row>
    <row r="40975" spans="44:44" ht="15.75" customHeight="1" x14ac:dyDescent="0.15">
      <c r="AR40975" s="9" ph="1"/>
    </row>
    <row r="40976" spans="44:44" ht="15.75" customHeight="1" x14ac:dyDescent="0.15">
      <c r="AR40976" s="9" ph="1"/>
    </row>
    <row r="40977" spans="44:44" ht="15.75" customHeight="1" x14ac:dyDescent="0.15">
      <c r="AR40977" s="9" ph="1"/>
    </row>
    <row r="40978" spans="44:44" ht="15.75" customHeight="1" x14ac:dyDescent="0.15">
      <c r="AR40978" s="9" ph="1"/>
    </row>
    <row r="40979" spans="44:44" ht="15.75" customHeight="1" x14ac:dyDescent="0.15">
      <c r="AR40979" s="9" ph="1"/>
    </row>
    <row r="40980" spans="44:44" ht="15.75" customHeight="1" x14ac:dyDescent="0.15">
      <c r="AR40980" s="9" ph="1"/>
    </row>
    <row r="40981" spans="44:44" ht="15.75" customHeight="1" x14ac:dyDescent="0.15">
      <c r="AR40981" s="9" ph="1"/>
    </row>
    <row r="40982" spans="44:44" ht="15.75" customHeight="1" x14ac:dyDescent="0.15">
      <c r="AR40982" s="9" ph="1"/>
    </row>
    <row r="40983" spans="44:44" ht="15.75" customHeight="1" x14ac:dyDescent="0.15">
      <c r="AR40983" s="9" ph="1"/>
    </row>
    <row r="40984" spans="44:44" ht="15.75" customHeight="1" x14ac:dyDescent="0.15">
      <c r="AR40984" s="9" ph="1"/>
    </row>
    <row r="40985" spans="44:44" ht="15.75" customHeight="1" x14ac:dyDescent="0.15">
      <c r="AR40985" s="9" ph="1"/>
    </row>
    <row r="40986" spans="44:44" ht="15.75" customHeight="1" x14ac:dyDescent="0.15">
      <c r="AR40986" s="9" ph="1"/>
    </row>
    <row r="40987" spans="44:44" ht="15.75" customHeight="1" x14ac:dyDescent="0.15">
      <c r="AR40987" s="9" ph="1"/>
    </row>
    <row r="40988" spans="44:44" ht="15.75" customHeight="1" x14ac:dyDescent="0.15">
      <c r="AR40988" s="9" ph="1"/>
    </row>
    <row r="40989" spans="44:44" ht="15.75" customHeight="1" x14ac:dyDescent="0.15">
      <c r="AR40989" s="9" ph="1"/>
    </row>
    <row r="40990" spans="44:44" ht="15.75" customHeight="1" x14ac:dyDescent="0.15">
      <c r="AR40990" s="9" ph="1"/>
    </row>
    <row r="40991" spans="44:44" ht="15.75" customHeight="1" x14ac:dyDescent="0.15">
      <c r="AR40991" s="9" ph="1"/>
    </row>
    <row r="40992" spans="44:44" ht="15.75" customHeight="1" x14ac:dyDescent="0.15">
      <c r="AR40992" s="9" ph="1"/>
    </row>
    <row r="40993" spans="44:44" ht="15.75" customHeight="1" x14ac:dyDescent="0.15">
      <c r="AR40993" s="9" ph="1"/>
    </row>
    <row r="40994" spans="44:44" ht="15.75" customHeight="1" x14ac:dyDescent="0.15">
      <c r="AR40994" s="9" ph="1"/>
    </row>
    <row r="40995" spans="44:44" ht="15.75" customHeight="1" x14ac:dyDescent="0.15">
      <c r="AR40995" s="9" ph="1"/>
    </row>
    <row r="40997" spans="44:44" ht="15.75" customHeight="1" x14ac:dyDescent="0.15">
      <c r="AR40997" s="9" ph="1"/>
    </row>
    <row r="40998" spans="44:44" ht="15.75" customHeight="1" x14ac:dyDescent="0.15">
      <c r="AR40998" s="9" ph="1"/>
    </row>
    <row r="40999" spans="44:44" ht="15.75" customHeight="1" x14ac:dyDescent="0.15">
      <c r="AR40999" s="9" ph="1"/>
    </row>
    <row r="41000" spans="44:44" ht="15.75" customHeight="1" x14ac:dyDescent="0.15">
      <c r="AR41000" s="9" ph="1"/>
    </row>
    <row r="41001" spans="44:44" ht="15.75" customHeight="1" x14ac:dyDescent="0.15">
      <c r="AR41001" s="9" ph="1"/>
    </row>
    <row r="41002" spans="44:44" ht="15.75" customHeight="1" x14ac:dyDescent="0.15">
      <c r="AR41002" s="9" ph="1"/>
    </row>
    <row r="41003" spans="44:44" ht="15.75" customHeight="1" x14ac:dyDescent="0.15">
      <c r="AR41003" s="9" ph="1"/>
    </row>
    <row r="41004" spans="44:44" ht="15.75" customHeight="1" x14ac:dyDescent="0.15">
      <c r="AR41004" s="9" ph="1"/>
    </row>
    <row r="41005" spans="44:44" ht="15.75" customHeight="1" x14ac:dyDescent="0.15">
      <c r="AR41005" s="9" ph="1"/>
    </row>
    <row r="41006" spans="44:44" ht="15.75" customHeight="1" x14ac:dyDescent="0.15">
      <c r="AR41006" s="9" ph="1"/>
    </row>
    <row r="41007" spans="44:44" ht="15.75" customHeight="1" x14ac:dyDescent="0.15">
      <c r="AR41007" s="9" ph="1"/>
    </row>
    <row r="41008" spans="44:44" ht="15.75" customHeight="1" x14ac:dyDescent="0.15">
      <c r="AR41008" s="9" ph="1"/>
    </row>
    <row r="41009" spans="44:44" ht="15.75" customHeight="1" x14ac:dyDescent="0.15">
      <c r="AR41009" s="9" ph="1"/>
    </row>
    <row r="41010" spans="44:44" ht="15.75" customHeight="1" x14ac:dyDescent="0.15">
      <c r="AR41010" s="9" ph="1"/>
    </row>
    <row r="41011" spans="44:44" ht="15.75" customHeight="1" x14ac:dyDescent="0.15">
      <c r="AR41011" s="9" ph="1"/>
    </row>
    <row r="41013" spans="44:44" ht="15.75" customHeight="1" x14ac:dyDescent="0.15">
      <c r="AR41013" s="9" ph="1"/>
    </row>
    <row r="41014" spans="44:44" ht="15.75" customHeight="1" x14ac:dyDescent="0.15">
      <c r="AR41014" s="9" ph="1"/>
    </row>
    <row r="41015" spans="44:44" ht="15.75" customHeight="1" x14ac:dyDescent="0.15">
      <c r="AR41015" s="9" ph="1"/>
    </row>
    <row r="41016" spans="44:44" ht="15.75" customHeight="1" x14ac:dyDescent="0.15">
      <c r="AR41016" s="9" ph="1"/>
    </row>
    <row r="41017" spans="44:44" ht="15.75" customHeight="1" x14ac:dyDescent="0.15">
      <c r="AR41017" s="9" ph="1"/>
    </row>
    <row r="41018" spans="44:44" ht="15.75" customHeight="1" x14ac:dyDescent="0.15">
      <c r="AR41018" s="9" ph="1"/>
    </row>
    <row r="41019" spans="44:44" ht="15.75" customHeight="1" x14ac:dyDescent="0.15">
      <c r="AR41019" s="9" ph="1"/>
    </row>
    <row r="41020" spans="44:44" ht="15.75" customHeight="1" x14ac:dyDescent="0.15">
      <c r="AR41020" s="9" ph="1"/>
    </row>
    <row r="41021" spans="44:44" ht="15.75" customHeight="1" x14ac:dyDescent="0.15">
      <c r="AR41021" s="9" ph="1"/>
    </row>
    <row r="41022" spans="44:44" ht="15.75" customHeight="1" x14ac:dyDescent="0.15">
      <c r="AR41022" s="9" ph="1"/>
    </row>
    <row r="41024" spans="44:44" ht="15.75" customHeight="1" x14ac:dyDescent="0.15">
      <c r="AR41024" s="9" ph="1"/>
    </row>
    <row r="41025" spans="44:44" ht="15.75" customHeight="1" x14ac:dyDescent="0.15">
      <c r="AR41025" s="9" ph="1"/>
    </row>
    <row r="41026" spans="44:44" ht="15.75" customHeight="1" x14ac:dyDescent="0.15">
      <c r="AR41026" s="9" ph="1"/>
    </row>
    <row r="41027" spans="44:44" ht="15.75" customHeight="1" x14ac:dyDescent="0.15">
      <c r="AR41027" s="9" ph="1"/>
    </row>
    <row r="41028" spans="44:44" ht="15.75" customHeight="1" x14ac:dyDescent="0.15">
      <c r="AR41028" s="9" ph="1"/>
    </row>
    <row r="41029" spans="44:44" ht="15.75" customHeight="1" x14ac:dyDescent="0.15">
      <c r="AR41029" s="9" ph="1"/>
    </row>
    <row r="41030" spans="44:44" ht="15.75" customHeight="1" x14ac:dyDescent="0.15">
      <c r="AR41030" s="9" ph="1"/>
    </row>
    <row r="41031" spans="44:44" ht="15.75" customHeight="1" x14ac:dyDescent="0.15">
      <c r="AR41031" s="9" ph="1"/>
    </row>
    <row r="41032" spans="44:44" ht="15.75" customHeight="1" x14ac:dyDescent="0.15">
      <c r="AR41032" s="9" ph="1"/>
    </row>
    <row r="41033" spans="44:44" ht="15.75" customHeight="1" x14ac:dyDescent="0.15">
      <c r="AR41033" s="9" ph="1"/>
    </row>
    <row r="41034" spans="44:44" ht="15.75" customHeight="1" x14ac:dyDescent="0.15">
      <c r="AR41034" s="9" ph="1"/>
    </row>
    <row r="41035" spans="44:44" ht="15.75" customHeight="1" x14ac:dyDescent="0.15">
      <c r="AR41035" s="9" ph="1"/>
    </row>
    <row r="41036" spans="44:44" ht="15.75" customHeight="1" x14ac:dyDescent="0.15">
      <c r="AR41036" s="9" ph="1"/>
    </row>
    <row r="41037" spans="44:44" ht="15.75" customHeight="1" x14ac:dyDescent="0.15">
      <c r="AR41037" s="9" ph="1"/>
    </row>
    <row r="41038" spans="44:44" ht="15.75" customHeight="1" x14ac:dyDescent="0.15">
      <c r="AR41038" s="9" ph="1"/>
    </row>
    <row r="41039" spans="44:44" ht="15.75" customHeight="1" x14ac:dyDescent="0.15">
      <c r="AR41039" s="9" ph="1"/>
    </row>
    <row r="41040" spans="44:44" ht="15.75" customHeight="1" x14ac:dyDescent="0.15">
      <c r="AR41040" s="9" ph="1"/>
    </row>
    <row r="41041" spans="44:44" ht="15.75" customHeight="1" x14ac:dyDescent="0.15">
      <c r="AR41041" s="9" ph="1"/>
    </row>
    <row r="41043" spans="44:44" ht="15.75" customHeight="1" x14ac:dyDescent="0.15">
      <c r="AR41043" s="9" ph="1"/>
    </row>
    <row r="41044" spans="44:44" ht="15.75" customHeight="1" x14ac:dyDescent="0.15">
      <c r="AR41044" s="9" ph="1"/>
    </row>
    <row r="41045" spans="44:44" ht="15.75" customHeight="1" x14ac:dyDescent="0.15">
      <c r="AR41045" s="9" ph="1"/>
    </row>
    <row r="41046" spans="44:44" ht="15.75" customHeight="1" x14ac:dyDescent="0.15">
      <c r="AR41046" s="9" ph="1"/>
    </row>
    <row r="41047" spans="44:44" ht="15.75" customHeight="1" x14ac:dyDescent="0.15">
      <c r="AR41047" s="9" ph="1"/>
    </row>
    <row r="41048" spans="44:44" ht="15.75" customHeight="1" x14ac:dyDescent="0.15">
      <c r="AR41048" s="9" ph="1"/>
    </row>
    <row r="41049" spans="44:44" ht="15.75" customHeight="1" x14ac:dyDescent="0.15">
      <c r="AR41049" s="9" ph="1"/>
    </row>
    <row r="41050" spans="44:44" ht="15.75" customHeight="1" x14ac:dyDescent="0.15">
      <c r="AR41050" s="9" ph="1"/>
    </row>
    <row r="41051" spans="44:44" ht="15.75" customHeight="1" x14ac:dyDescent="0.15">
      <c r="AR41051" s="9" ph="1"/>
    </row>
    <row r="41052" spans="44:44" ht="15.75" customHeight="1" x14ac:dyDescent="0.15">
      <c r="AR41052" s="9" ph="1"/>
    </row>
    <row r="41053" spans="44:44" ht="15.75" customHeight="1" x14ac:dyDescent="0.15">
      <c r="AR41053" s="9" ph="1"/>
    </row>
    <row r="41054" spans="44:44" ht="15.75" customHeight="1" x14ac:dyDescent="0.15">
      <c r="AR41054" s="9" ph="1"/>
    </row>
    <row r="41055" spans="44:44" ht="15.75" customHeight="1" x14ac:dyDescent="0.15">
      <c r="AR41055" s="9" ph="1"/>
    </row>
    <row r="41056" spans="44:44" ht="15.75" customHeight="1" x14ac:dyDescent="0.15">
      <c r="AR41056" s="9" ph="1"/>
    </row>
    <row r="41057" spans="44:44" ht="15.75" customHeight="1" x14ac:dyDescent="0.15">
      <c r="AR41057" s="9" ph="1"/>
    </row>
    <row r="41058" spans="44:44" ht="15.75" customHeight="1" x14ac:dyDescent="0.15">
      <c r="AR41058" s="9" ph="1"/>
    </row>
    <row r="41059" spans="44:44" ht="15.75" customHeight="1" x14ac:dyDescent="0.15">
      <c r="AR41059" s="9" ph="1"/>
    </row>
    <row r="41060" spans="44:44" ht="15.75" customHeight="1" x14ac:dyDescent="0.15">
      <c r="AR41060" s="9" ph="1"/>
    </row>
    <row r="41061" spans="44:44" ht="15.75" customHeight="1" x14ac:dyDescent="0.15">
      <c r="AR41061" s="9" ph="1"/>
    </row>
    <row r="41062" spans="44:44" ht="15.75" customHeight="1" x14ac:dyDescent="0.15">
      <c r="AR41062" s="9" ph="1"/>
    </row>
    <row r="41063" spans="44:44" ht="15.75" customHeight="1" x14ac:dyDescent="0.15">
      <c r="AR41063" s="9" ph="1"/>
    </row>
    <row r="41064" spans="44:44" ht="15.75" customHeight="1" x14ac:dyDescent="0.15">
      <c r="AR41064" s="9" ph="1"/>
    </row>
    <row r="41065" spans="44:44" ht="15.75" customHeight="1" x14ac:dyDescent="0.15">
      <c r="AR41065" s="9" ph="1"/>
    </row>
    <row r="41066" spans="44:44" ht="15.75" customHeight="1" x14ac:dyDescent="0.15">
      <c r="AR41066" s="9" ph="1"/>
    </row>
    <row r="41067" spans="44:44" ht="15.75" customHeight="1" x14ac:dyDescent="0.15">
      <c r="AR41067" s="9" ph="1"/>
    </row>
    <row r="41068" spans="44:44" ht="15.75" customHeight="1" x14ac:dyDescent="0.15">
      <c r="AR41068" s="9" ph="1"/>
    </row>
    <row r="41069" spans="44:44" ht="15.75" customHeight="1" x14ac:dyDescent="0.15">
      <c r="AR41069" s="9" ph="1"/>
    </row>
    <row r="41070" spans="44:44" ht="15.75" customHeight="1" x14ac:dyDescent="0.15">
      <c r="AR41070" s="9" ph="1"/>
    </row>
    <row r="41071" spans="44:44" ht="15.75" customHeight="1" x14ac:dyDescent="0.15">
      <c r="AR41071" s="9" ph="1"/>
    </row>
    <row r="41072" spans="44:44" ht="15.75" customHeight="1" x14ac:dyDescent="0.15">
      <c r="AR41072" s="9" ph="1"/>
    </row>
    <row r="41073" spans="44:44" ht="15.75" customHeight="1" x14ac:dyDescent="0.15">
      <c r="AR41073" s="9" ph="1"/>
    </row>
    <row r="41074" spans="44:44" ht="15.75" customHeight="1" x14ac:dyDescent="0.15">
      <c r="AR41074" s="9" ph="1"/>
    </row>
    <row r="41075" spans="44:44" ht="15.75" customHeight="1" x14ac:dyDescent="0.15">
      <c r="AR41075" s="9" ph="1"/>
    </row>
    <row r="41076" spans="44:44" ht="15.75" customHeight="1" x14ac:dyDescent="0.15">
      <c r="AR41076" s="9" ph="1"/>
    </row>
    <row r="41077" spans="44:44" ht="15.75" customHeight="1" x14ac:dyDescent="0.15">
      <c r="AR41077" s="9" ph="1"/>
    </row>
    <row r="41078" spans="44:44" ht="15.75" customHeight="1" x14ac:dyDescent="0.15">
      <c r="AR41078" s="9" ph="1"/>
    </row>
    <row r="41079" spans="44:44" ht="15.75" customHeight="1" x14ac:dyDescent="0.15">
      <c r="AR41079" s="9" ph="1"/>
    </row>
    <row r="41080" spans="44:44" ht="15.75" customHeight="1" x14ac:dyDescent="0.15">
      <c r="AR41080" s="9" ph="1"/>
    </row>
    <row r="41081" spans="44:44" ht="15.75" customHeight="1" x14ac:dyDescent="0.15">
      <c r="AR41081" s="9" ph="1"/>
    </row>
    <row r="41082" spans="44:44" ht="15.75" customHeight="1" x14ac:dyDescent="0.15">
      <c r="AR41082" s="9" ph="1"/>
    </row>
    <row r="41083" spans="44:44" ht="15.75" customHeight="1" x14ac:dyDescent="0.15">
      <c r="AR41083" s="9" ph="1"/>
    </row>
    <row r="41084" spans="44:44" ht="15.75" customHeight="1" x14ac:dyDescent="0.15">
      <c r="AR41084" s="9" ph="1"/>
    </row>
    <row r="41085" spans="44:44" ht="15.75" customHeight="1" x14ac:dyDescent="0.15">
      <c r="AR41085" s="9" ph="1"/>
    </row>
    <row r="41086" spans="44:44" ht="15.75" customHeight="1" x14ac:dyDescent="0.15">
      <c r="AR41086" s="9" ph="1"/>
    </row>
    <row r="41087" spans="44:44" ht="15.75" customHeight="1" x14ac:dyDescent="0.15">
      <c r="AR41087" s="9" ph="1"/>
    </row>
    <row r="41088" spans="44:44" ht="15.75" customHeight="1" x14ac:dyDescent="0.15">
      <c r="AR41088" s="9" ph="1"/>
    </row>
    <row r="41089" spans="44:44" ht="15.75" customHeight="1" x14ac:dyDescent="0.15">
      <c r="AR41089" s="9" ph="1"/>
    </row>
    <row r="41090" spans="44:44" ht="15.75" customHeight="1" x14ac:dyDescent="0.15">
      <c r="AR41090" s="9" ph="1"/>
    </row>
    <row r="41091" spans="44:44" ht="15.75" customHeight="1" x14ac:dyDescent="0.15">
      <c r="AR41091" s="9" ph="1"/>
    </row>
    <row r="41092" spans="44:44" ht="15.75" customHeight="1" x14ac:dyDescent="0.15">
      <c r="AR41092" s="9" ph="1"/>
    </row>
    <row r="41093" spans="44:44" ht="15.75" customHeight="1" x14ac:dyDescent="0.15">
      <c r="AR41093" s="9" ph="1"/>
    </row>
    <row r="41094" spans="44:44" ht="15.75" customHeight="1" x14ac:dyDescent="0.15">
      <c r="AR41094" s="9" ph="1"/>
    </row>
    <row r="41095" spans="44:44" ht="15.75" customHeight="1" x14ac:dyDescent="0.15">
      <c r="AR41095" s="9" ph="1"/>
    </row>
    <row r="41096" spans="44:44" ht="15.75" customHeight="1" x14ac:dyDescent="0.15">
      <c r="AR41096" s="9" ph="1"/>
    </row>
    <row r="41097" spans="44:44" ht="15.75" customHeight="1" x14ac:dyDescent="0.15">
      <c r="AR41097" s="9" ph="1"/>
    </row>
    <row r="41098" spans="44:44" ht="15.75" customHeight="1" x14ac:dyDescent="0.15">
      <c r="AR41098" s="9" ph="1"/>
    </row>
    <row r="41099" spans="44:44" ht="15.75" customHeight="1" x14ac:dyDescent="0.15">
      <c r="AR41099" s="9" ph="1"/>
    </row>
    <row r="41100" spans="44:44" ht="15.75" customHeight="1" x14ac:dyDescent="0.15">
      <c r="AR41100" s="9" ph="1"/>
    </row>
    <row r="41101" spans="44:44" ht="15.75" customHeight="1" x14ac:dyDescent="0.15">
      <c r="AR41101" s="9" ph="1"/>
    </row>
    <row r="41102" spans="44:44" ht="15.75" customHeight="1" x14ac:dyDescent="0.15">
      <c r="AR41102" s="9" ph="1"/>
    </row>
    <row r="41103" spans="44:44" ht="15.75" customHeight="1" x14ac:dyDescent="0.15">
      <c r="AR41103" s="9" ph="1"/>
    </row>
    <row r="41104" spans="44:44" ht="15.75" customHeight="1" x14ac:dyDescent="0.15">
      <c r="AR41104" s="9" ph="1"/>
    </row>
    <row r="41105" spans="44:44" ht="15.75" customHeight="1" x14ac:dyDescent="0.15">
      <c r="AR41105" s="9" ph="1"/>
    </row>
    <row r="41106" spans="44:44" ht="15.75" customHeight="1" x14ac:dyDescent="0.15">
      <c r="AR41106" s="9" ph="1"/>
    </row>
    <row r="41107" spans="44:44" ht="15.75" customHeight="1" x14ac:dyDescent="0.15">
      <c r="AR41107" s="9" ph="1"/>
    </row>
    <row r="41108" spans="44:44" ht="15.75" customHeight="1" x14ac:dyDescent="0.15">
      <c r="AR41108" s="9" ph="1"/>
    </row>
    <row r="41109" spans="44:44" ht="15.75" customHeight="1" x14ac:dyDescent="0.15">
      <c r="AR41109" s="9" ph="1"/>
    </row>
    <row r="41110" spans="44:44" ht="15.75" customHeight="1" x14ac:dyDescent="0.15">
      <c r="AR41110" s="9" ph="1"/>
    </row>
    <row r="41111" spans="44:44" ht="15.75" customHeight="1" x14ac:dyDescent="0.15">
      <c r="AR41111" s="9" ph="1"/>
    </row>
    <row r="41112" spans="44:44" ht="15.75" customHeight="1" x14ac:dyDescent="0.15">
      <c r="AR41112" s="9" ph="1"/>
    </row>
    <row r="41113" spans="44:44" ht="15.75" customHeight="1" x14ac:dyDescent="0.15">
      <c r="AR41113" s="9" ph="1"/>
    </row>
    <row r="41114" spans="44:44" ht="15.75" customHeight="1" x14ac:dyDescent="0.15">
      <c r="AR41114" s="9" ph="1"/>
    </row>
    <row r="41115" spans="44:44" ht="15.75" customHeight="1" x14ac:dyDescent="0.15">
      <c r="AR41115" s="9" ph="1"/>
    </row>
    <row r="41116" spans="44:44" ht="15.75" customHeight="1" x14ac:dyDescent="0.15">
      <c r="AR41116" s="9" ph="1"/>
    </row>
    <row r="41117" spans="44:44" ht="15.75" customHeight="1" x14ac:dyDescent="0.15">
      <c r="AR41117" s="9" ph="1"/>
    </row>
    <row r="41118" spans="44:44" ht="15.75" customHeight="1" x14ac:dyDescent="0.15">
      <c r="AR41118" s="9" ph="1"/>
    </row>
    <row r="41119" spans="44:44" ht="15.75" customHeight="1" x14ac:dyDescent="0.15">
      <c r="AR41119" s="9" ph="1"/>
    </row>
    <row r="41120" spans="44:44" ht="15.75" customHeight="1" x14ac:dyDescent="0.15">
      <c r="AR41120" s="9" ph="1"/>
    </row>
    <row r="41121" spans="44:44" ht="15.75" customHeight="1" x14ac:dyDescent="0.15">
      <c r="AR41121" s="9" ph="1"/>
    </row>
    <row r="41122" spans="44:44" ht="15.75" customHeight="1" x14ac:dyDescent="0.15">
      <c r="AR41122" s="9" ph="1"/>
    </row>
    <row r="41123" spans="44:44" ht="15.75" customHeight="1" x14ac:dyDescent="0.15">
      <c r="AR41123" s="9" ph="1"/>
    </row>
    <row r="41124" spans="44:44" ht="15.75" customHeight="1" x14ac:dyDescent="0.15">
      <c r="AR41124" s="9" ph="1"/>
    </row>
    <row r="41125" spans="44:44" ht="15.75" customHeight="1" x14ac:dyDescent="0.15">
      <c r="AR41125" s="9" ph="1"/>
    </row>
    <row r="41126" spans="44:44" ht="15.75" customHeight="1" x14ac:dyDescent="0.15">
      <c r="AR41126" s="9" ph="1"/>
    </row>
    <row r="41127" spans="44:44" ht="15.75" customHeight="1" x14ac:dyDescent="0.15">
      <c r="AR41127" s="9" ph="1"/>
    </row>
    <row r="41128" spans="44:44" ht="15.75" customHeight="1" x14ac:dyDescent="0.15">
      <c r="AR41128" s="9" ph="1"/>
    </row>
    <row r="41129" spans="44:44" ht="15.75" customHeight="1" x14ac:dyDescent="0.15">
      <c r="AR41129" s="9" ph="1"/>
    </row>
    <row r="41130" spans="44:44" ht="15.75" customHeight="1" x14ac:dyDescent="0.15">
      <c r="AR41130" s="9" ph="1"/>
    </row>
    <row r="41131" spans="44:44" ht="15.75" customHeight="1" x14ac:dyDescent="0.15">
      <c r="AR41131" s="9" ph="1"/>
    </row>
    <row r="41132" spans="44:44" ht="15.75" customHeight="1" x14ac:dyDescent="0.15">
      <c r="AR41132" s="9" ph="1"/>
    </row>
    <row r="41133" spans="44:44" ht="15.75" customHeight="1" x14ac:dyDescent="0.15">
      <c r="AR41133" s="9" ph="1"/>
    </row>
    <row r="41134" spans="44:44" ht="15.75" customHeight="1" x14ac:dyDescent="0.15">
      <c r="AR41134" s="9" ph="1"/>
    </row>
    <row r="41135" spans="44:44" ht="15.75" customHeight="1" x14ac:dyDescent="0.15">
      <c r="AR41135" s="9" ph="1"/>
    </row>
    <row r="41136" spans="44:44" ht="15.75" customHeight="1" x14ac:dyDescent="0.15">
      <c r="AR41136" s="9" ph="1"/>
    </row>
    <row r="41137" spans="44:44" ht="15.75" customHeight="1" x14ac:dyDescent="0.15">
      <c r="AR41137" s="9" ph="1"/>
    </row>
    <row r="41138" spans="44:44" ht="15.75" customHeight="1" x14ac:dyDescent="0.15">
      <c r="AR41138" s="9" ph="1"/>
    </row>
    <row r="41139" spans="44:44" ht="15.75" customHeight="1" x14ac:dyDescent="0.15">
      <c r="AR41139" s="9" ph="1"/>
    </row>
    <row r="41140" spans="44:44" ht="15.75" customHeight="1" x14ac:dyDescent="0.15">
      <c r="AR41140" s="9" ph="1"/>
    </row>
    <row r="41141" spans="44:44" ht="15.75" customHeight="1" x14ac:dyDescent="0.15">
      <c r="AR41141" s="9" ph="1"/>
    </row>
    <row r="41142" spans="44:44" ht="15.75" customHeight="1" x14ac:dyDescent="0.15">
      <c r="AR41142" s="9" ph="1"/>
    </row>
    <row r="41143" spans="44:44" ht="15.75" customHeight="1" x14ac:dyDescent="0.15">
      <c r="AR41143" s="9" ph="1"/>
    </row>
    <row r="41144" spans="44:44" ht="15.75" customHeight="1" x14ac:dyDescent="0.15">
      <c r="AR41144" s="9" ph="1"/>
    </row>
    <row r="41145" spans="44:44" ht="15.75" customHeight="1" x14ac:dyDescent="0.15">
      <c r="AR41145" s="9" ph="1"/>
    </row>
    <row r="41146" spans="44:44" ht="15.75" customHeight="1" x14ac:dyDescent="0.15">
      <c r="AR41146" s="9" ph="1"/>
    </row>
    <row r="41147" spans="44:44" ht="15.75" customHeight="1" x14ac:dyDescent="0.15">
      <c r="AR41147" s="9" ph="1"/>
    </row>
    <row r="41149" spans="44:44" ht="15.75" customHeight="1" x14ac:dyDescent="0.15">
      <c r="AR41149" s="9" ph="1"/>
    </row>
    <row r="41150" spans="44:44" ht="15.75" customHeight="1" x14ac:dyDescent="0.15">
      <c r="AR41150" s="9" ph="1"/>
    </row>
    <row r="41151" spans="44:44" ht="15.75" customHeight="1" x14ac:dyDescent="0.15">
      <c r="AR41151" s="9" ph="1"/>
    </row>
    <row r="41152" spans="44:44" ht="15.75" customHeight="1" x14ac:dyDescent="0.15">
      <c r="AR41152" s="9" ph="1"/>
    </row>
    <row r="41153" spans="44:44" ht="15.75" customHeight="1" x14ac:dyDescent="0.15">
      <c r="AR41153" s="9" ph="1"/>
    </row>
    <row r="41154" spans="44:44" ht="15.75" customHeight="1" x14ac:dyDescent="0.15">
      <c r="AR41154" s="9" ph="1"/>
    </row>
    <row r="41155" spans="44:44" ht="15.75" customHeight="1" x14ac:dyDescent="0.15">
      <c r="AR41155" s="9" ph="1"/>
    </row>
    <row r="41156" spans="44:44" ht="15.75" customHeight="1" x14ac:dyDescent="0.15">
      <c r="AR41156" s="9" ph="1"/>
    </row>
    <row r="41157" spans="44:44" ht="15.75" customHeight="1" x14ac:dyDescent="0.15">
      <c r="AR41157" s="9" ph="1"/>
    </row>
    <row r="41158" spans="44:44" ht="15.75" customHeight="1" x14ac:dyDescent="0.15">
      <c r="AR41158" s="9" ph="1"/>
    </row>
    <row r="41159" spans="44:44" ht="15.75" customHeight="1" x14ac:dyDescent="0.15">
      <c r="AR41159" s="9" ph="1"/>
    </row>
    <row r="41160" spans="44:44" ht="15.75" customHeight="1" x14ac:dyDescent="0.15">
      <c r="AR41160" s="9" ph="1"/>
    </row>
    <row r="41161" spans="44:44" ht="15.75" customHeight="1" x14ac:dyDescent="0.15">
      <c r="AR41161" s="9" ph="1"/>
    </row>
    <row r="41162" spans="44:44" ht="15.75" customHeight="1" x14ac:dyDescent="0.15">
      <c r="AR41162" s="9" ph="1"/>
    </row>
    <row r="41163" spans="44:44" ht="15.75" customHeight="1" x14ac:dyDescent="0.15">
      <c r="AR41163" s="9" ph="1"/>
    </row>
    <row r="41165" spans="44:44" ht="15.75" customHeight="1" x14ac:dyDescent="0.15">
      <c r="AR41165" s="9" ph="1"/>
    </row>
    <row r="41166" spans="44:44" ht="15.75" customHeight="1" x14ac:dyDescent="0.15">
      <c r="AR41166" s="9" ph="1"/>
    </row>
    <row r="41167" spans="44:44" ht="15.75" customHeight="1" x14ac:dyDescent="0.15">
      <c r="AR41167" s="9" ph="1"/>
    </row>
    <row r="41168" spans="44:44" ht="15.75" customHeight="1" x14ac:dyDescent="0.15">
      <c r="AR41168" s="9" ph="1"/>
    </row>
    <row r="41169" spans="44:44" ht="15.75" customHeight="1" x14ac:dyDescent="0.15">
      <c r="AR41169" s="9" ph="1"/>
    </row>
    <row r="41170" spans="44:44" ht="15.75" customHeight="1" x14ac:dyDescent="0.15">
      <c r="AR41170" s="9" ph="1"/>
    </row>
    <row r="41171" spans="44:44" ht="15.75" customHeight="1" x14ac:dyDescent="0.15">
      <c r="AR41171" s="9" ph="1"/>
    </row>
    <row r="41172" spans="44:44" ht="15.75" customHeight="1" x14ac:dyDescent="0.15">
      <c r="AR41172" s="9" ph="1"/>
    </row>
    <row r="41173" spans="44:44" ht="15.75" customHeight="1" x14ac:dyDescent="0.15">
      <c r="AR41173" s="9" ph="1"/>
    </row>
    <row r="41174" spans="44:44" ht="15.75" customHeight="1" x14ac:dyDescent="0.15">
      <c r="AR41174" s="9" ph="1"/>
    </row>
    <row r="41176" spans="44:44" ht="15.75" customHeight="1" x14ac:dyDescent="0.15">
      <c r="AR41176" s="9" ph="1"/>
    </row>
    <row r="41177" spans="44:44" ht="15.75" customHeight="1" x14ac:dyDescent="0.15">
      <c r="AR41177" s="9" ph="1"/>
    </row>
    <row r="41178" spans="44:44" ht="15.75" customHeight="1" x14ac:dyDescent="0.15">
      <c r="AR41178" s="9" ph="1"/>
    </row>
    <row r="41179" spans="44:44" ht="15.75" customHeight="1" x14ac:dyDescent="0.15">
      <c r="AR41179" s="9" ph="1"/>
    </row>
    <row r="41180" spans="44:44" ht="15.75" customHeight="1" x14ac:dyDescent="0.15">
      <c r="AR41180" s="9" ph="1"/>
    </row>
    <row r="41181" spans="44:44" ht="15.75" customHeight="1" x14ac:dyDescent="0.15">
      <c r="AR41181" s="9" ph="1"/>
    </row>
    <row r="41182" spans="44:44" ht="15.75" customHeight="1" x14ac:dyDescent="0.15">
      <c r="AR41182" s="9" ph="1"/>
    </row>
    <row r="41183" spans="44:44" ht="15.75" customHeight="1" x14ac:dyDescent="0.15">
      <c r="AR41183" s="9" ph="1"/>
    </row>
    <row r="41184" spans="44:44" ht="15.75" customHeight="1" x14ac:dyDescent="0.15">
      <c r="AR41184" s="9" ph="1"/>
    </row>
    <row r="41185" spans="44:44" ht="15.75" customHeight="1" x14ac:dyDescent="0.15">
      <c r="AR41185" s="9" ph="1"/>
    </row>
    <row r="41186" spans="44:44" ht="15.75" customHeight="1" x14ac:dyDescent="0.15">
      <c r="AR41186" s="9" ph="1"/>
    </row>
    <row r="41187" spans="44:44" ht="15.75" customHeight="1" x14ac:dyDescent="0.15">
      <c r="AR41187" s="9" ph="1"/>
    </row>
    <row r="41189" spans="44:44" ht="15.75" customHeight="1" x14ac:dyDescent="0.15">
      <c r="AR41189" s="9" ph="1"/>
    </row>
    <row r="41190" spans="44:44" ht="15.75" customHeight="1" x14ac:dyDescent="0.15">
      <c r="AR41190" s="9" ph="1"/>
    </row>
    <row r="41191" spans="44:44" ht="15.75" customHeight="1" x14ac:dyDescent="0.15">
      <c r="AR41191" s="9" ph="1"/>
    </row>
    <row r="41192" spans="44:44" ht="15.75" customHeight="1" x14ac:dyDescent="0.15">
      <c r="AR41192" s="9" ph="1"/>
    </row>
    <row r="41193" spans="44:44" ht="15.75" customHeight="1" x14ac:dyDescent="0.15">
      <c r="AR41193" s="9" ph="1"/>
    </row>
    <row r="41194" spans="44:44" ht="15.75" customHeight="1" x14ac:dyDescent="0.15">
      <c r="AR41194" s="9" ph="1"/>
    </row>
    <row r="41196" spans="44:44" ht="15.75" customHeight="1" x14ac:dyDescent="0.15">
      <c r="AR41196" s="9" ph="1"/>
    </row>
    <row r="41197" spans="44:44" ht="15.75" customHeight="1" x14ac:dyDescent="0.15">
      <c r="AR41197" s="9" ph="1"/>
    </row>
    <row r="41198" spans="44:44" ht="15.75" customHeight="1" x14ac:dyDescent="0.15">
      <c r="AR41198" s="9" ph="1"/>
    </row>
    <row r="41199" spans="44:44" ht="15.75" customHeight="1" x14ac:dyDescent="0.15">
      <c r="AR41199" s="9" ph="1"/>
    </row>
    <row r="41200" spans="44:44" ht="15.75" customHeight="1" x14ac:dyDescent="0.15">
      <c r="AR41200" s="9" ph="1"/>
    </row>
    <row r="41201" spans="44:44" ht="15.75" customHeight="1" x14ac:dyDescent="0.15">
      <c r="AR41201" s="9" ph="1"/>
    </row>
    <row r="41202" spans="44:44" ht="15.75" customHeight="1" x14ac:dyDescent="0.15">
      <c r="AR41202" s="9" ph="1"/>
    </row>
    <row r="41203" spans="44:44" ht="15.75" customHeight="1" x14ac:dyDescent="0.15">
      <c r="AR41203" s="9" ph="1"/>
    </row>
    <row r="41204" spans="44:44" ht="15.75" customHeight="1" x14ac:dyDescent="0.15">
      <c r="AR41204" s="9" ph="1"/>
    </row>
    <row r="41205" spans="44:44" ht="15.75" customHeight="1" x14ac:dyDescent="0.15">
      <c r="AR41205" s="9" ph="1"/>
    </row>
    <row r="41207" spans="44:44" ht="15.75" customHeight="1" x14ac:dyDescent="0.15">
      <c r="AR41207" s="9" ph="1"/>
    </row>
    <row r="41208" spans="44:44" ht="15.75" customHeight="1" x14ac:dyDescent="0.15">
      <c r="AR41208" s="9" ph="1"/>
    </row>
    <row r="41209" spans="44:44" ht="15.75" customHeight="1" x14ac:dyDescent="0.15">
      <c r="AR41209" s="9" ph="1"/>
    </row>
    <row r="41210" spans="44:44" ht="15.75" customHeight="1" x14ac:dyDescent="0.15">
      <c r="AR41210" s="9" ph="1"/>
    </row>
    <row r="41211" spans="44:44" ht="15.75" customHeight="1" x14ac:dyDescent="0.15">
      <c r="AR41211" s="9" ph="1"/>
    </row>
    <row r="41212" spans="44:44" ht="15.75" customHeight="1" x14ac:dyDescent="0.15">
      <c r="AR41212" s="9" ph="1"/>
    </row>
    <row r="41213" spans="44:44" ht="15.75" customHeight="1" x14ac:dyDescent="0.15">
      <c r="AR41213" s="9" ph="1"/>
    </row>
    <row r="41214" spans="44:44" ht="15.75" customHeight="1" x14ac:dyDescent="0.15">
      <c r="AR41214" s="9" ph="1"/>
    </row>
    <row r="41215" spans="44:44" ht="15.75" customHeight="1" x14ac:dyDescent="0.15">
      <c r="AR41215" s="9" ph="1"/>
    </row>
    <row r="41217" spans="44:44" ht="15.75" customHeight="1" x14ac:dyDescent="0.15">
      <c r="AR41217" s="9" ph="1"/>
    </row>
    <row r="41218" spans="44:44" ht="15.75" customHeight="1" x14ac:dyDescent="0.15">
      <c r="AR41218" s="9" ph="1"/>
    </row>
    <row r="41219" spans="44:44" ht="15.75" customHeight="1" x14ac:dyDescent="0.15">
      <c r="AR41219" s="9" ph="1"/>
    </row>
    <row r="41220" spans="44:44" ht="15.75" customHeight="1" x14ac:dyDescent="0.15">
      <c r="AR41220" s="9" ph="1"/>
    </row>
    <row r="41221" spans="44:44" ht="15.75" customHeight="1" x14ac:dyDescent="0.15">
      <c r="AR41221" s="9" ph="1"/>
    </row>
    <row r="41222" spans="44:44" ht="15.75" customHeight="1" x14ac:dyDescent="0.15">
      <c r="AR41222" s="9" ph="1"/>
    </row>
    <row r="41223" spans="44:44" ht="15.75" customHeight="1" x14ac:dyDescent="0.15">
      <c r="AR41223" s="9" ph="1"/>
    </row>
    <row r="41224" spans="44:44" ht="15.75" customHeight="1" x14ac:dyDescent="0.15">
      <c r="AR41224" s="9" ph="1"/>
    </row>
    <row r="41225" spans="44:44" ht="15.75" customHeight="1" x14ac:dyDescent="0.15">
      <c r="AR41225" s="9" ph="1"/>
    </row>
    <row r="41226" spans="44:44" ht="15.75" customHeight="1" x14ac:dyDescent="0.15">
      <c r="AR41226" s="9" ph="1"/>
    </row>
    <row r="41228" spans="44:44" ht="15.75" customHeight="1" x14ac:dyDescent="0.15">
      <c r="AR41228" s="9" ph="1"/>
    </row>
    <row r="41229" spans="44:44" ht="15.75" customHeight="1" x14ac:dyDescent="0.15">
      <c r="AR41229" s="9" ph="1"/>
    </row>
    <row r="41230" spans="44:44" ht="15.75" customHeight="1" x14ac:dyDescent="0.15">
      <c r="AR41230" s="9" ph="1"/>
    </row>
    <row r="41231" spans="44:44" ht="15.75" customHeight="1" x14ac:dyDescent="0.15">
      <c r="AR41231" s="9" ph="1"/>
    </row>
    <row r="41232" spans="44:44" ht="15.75" customHeight="1" x14ac:dyDescent="0.15">
      <c r="AR41232" s="9" ph="1"/>
    </row>
    <row r="41233" spans="44:44" ht="15.75" customHeight="1" x14ac:dyDescent="0.15">
      <c r="AR41233" s="9" ph="1"/>
    </row>
    <row r="41234" spans="44:44" ht="15.75" customHeight="1" x14ac:dyDescent="0.15">
      <c r="AR41234" s="9" ph="1"/>
    </row>
    <row r="41235" spans="44:44" ht="15.75" customHeight="1" x14ac:dyDescent="0.15">
      <c r="AR41235" s="9" ph="1"/>
    </row>
    <row r="41236" spans="44:44" ht="15.75" customHeight="1" x14ac:dyDescent="0.15">
      <c r="AR41236" s="9" ph="1"/>
    </row>
    <row r="41237" spans="44:44" ht="15.75" customHeight="1" x14ac:dyDescent="0.15">
      <c r="AR41237" s="9" ph="1"/>
    </row>
    <row r="41238" spans="44:44" ht="15.75" customHeight="1" x14ac:dyDescent="0.15">
      <c r="AR41238" s="9" ph="1"/>
    </row>
    <row r="41239" spans="44:44" ht="15.75" customHeight="1" x14ac:dyDescent="0.15">
      <c r="AR41239" s="9" ph="1"/>
    </row>
    <row r="41240" spans="44:44" ht="15.75" customHeight="1" x14ac:dyDescent="0.15">
      <c r="AR41240" s="9" ph="1"/>
    </row>
    <row r="41241" spans="44:44" ht="15.75" customHeight="1" x14ac:dyDescent="0.15">
      <c r="AR41241" s="9" ph="1"/>
    </row>
    <row r="41242" spans="44:44" ht="15.75" customHeight="1" x14ac:dyDescent="0.15">
      <c r="AR41242" s="9" ph="1"/>
    </row>
    <row r="41244" spans="44:44" ht="15.75" customHeight="1" x14ac:dyDescent="0.15">
      <c r="AR41244" s="9" ph="1"/>
    </row>
    <row r="41245" spans="44:44" ht="15.75" customHeight="1" x14ac:dyDescent="0.15">
      <c r="AR41245" s="9" ph="1"/>
    </row>
    <row r="41246" spans="44:44" ht="15.75" customHeight="1" x14ac:dyDescent="0.15">
      <c r="AR41246" s="9" ph="1"/>
    </row>
    <row r="41247" spans="44:44" ht="15.75" customHeight="1" x14ac:dyDescent="0.15">
      <c r="AR41247" s="9" ph="1"/>
    </row>
    <row r="41248" spans="44:44" ht="15.75" customHeight="1" x14ac:dyDescent="0.15">
      <c r="AR41248" s="9" ph="1"/>
    </row>
    <row r="41249" spans="44:44" ht="15.75" customHeight="1" x14ac:dyDescent="0.15">
      <c r="AR41249" s="9" ph="1"/>
    </row>
    <row r="41250" spans="44:44" ht="15.75" customHeight="1" x14ac:dyDescent="0.15">
      <c r="AR41250" s="9" ph="1"/>
    </row>
    <row r="41251" spans="44:44" ht="15.75" customHeight="1" x14ac:dyDescent="0.15">
      <c r="AR41251" s="9" ph="1"/>
    </row>
    <row r="41252" spans="44:44" ht="15.75" customHeight="1" x14ac:dyDescent="0.15">
      <c r="AR41252" s="9" ph="1"/>
    </row>
    <row r="41253" spans="44:44" ht="15.75" customHeight="1" x14ac:dyDescent="0.15">
      <c r="AR41253" s="9" ph="1"/>
    </row>
    <row r="41255" spans="44:44" ht="15.75" customHeight="1" x14ac:dyDescent="0.15">
      <c r="AR41255" s="9" ph="1"/>
    </row>
    <row r="41256" spans="44:44" ht="15.75" customHeight="1" x14ac:dyDescent="0.15">
      <c r="AR41256" s="9" ph="1"/>
    </row>
    <row r="41257" spans="44:44" ht="15.75" customHeight="1" x14ac:dyDescent="0.15">
      <c r="AR41257" s="9" ph="1"/>
    </row>
    <row r="41258" spans="44:44" ht="15.75" customHeight="1" x14ac:dyDescent="0.15">
      <c r="AR41258" s="9" ph="1"/>
    </row>
    <row r="41259" spans="44:44" ht="15.75" customHeight="1" x14ac:dyDescent="0.15">
      <c r="AR41259" s="9" ph="1"/>
    </row>
    <row r="41260" spans="44:44" ht="15.75" customHeight="1" x14ac:dyDescent="0.15">
      <c r="AR41260" s="9" ph="1"/>
    </row>
    <row r="41261" spans="44:44" ht="15.75" customHeight="1" x14ac:dyDescent="0.15">
      <c r="AR41261" s="9" ph="1"/>
    </row>
    <row r="41262" spans="44:44" ht="15.75" customHeight="1" x14ac:dyDescent="0.15">
      <c r="AR41262" s="9" ph="1"/>
    </row>
    <row r="41263" spans="44:44" ht="15.75" customHeight="1" x14ac:dyDescent="0.15">
      <c r="AR41263" s="9" ph="1"/>
    </row>
    <row r="41264" spans="44:44" ht="15.75" customHeight="1" x14ac:dyDescent="0.15">
      <c r="AR41264" s="9" ph="1"/>
    </row>
    <row r="41265" spans="44:44" ht="15.75" customHeight="1" x14ac:dyDescent="0.15">
      <c r="AR41265" s="9" ph="1"/>
    </row>
    <row r="41266" spans="44:44" ht="15.75" customHeight="1" x14ac:dyDescent="0.15">
      <c r="AR41266" s="9" ph="1"/>
    </row>
    <row r="41267" spans="44:44" ht="15.75" customHeight="1" x14ac:dyDescent="0.15">
      <c r="AR41267" s="9" ph="1"/>
    </row>
    <row r="41268" spans="44:44" ht="15.75" customHeight="1" x14ac:dyDescent="0.15">
      <c r="AR41268" s="9" ph="1"/>
    </row>
    <row r="41270" spans="44:44" ht="15.75" customHeight="1" x14ac:dyDescent="0.15">
      <c r="AR41270" s="9" ph="1"/>
    </row>
    <row r="41271" spans="44:44" ht="15.75" customHeight="1" x14ac:dyDescent="0.15">
      <c r="AR41271" s="9" ph="1"/>
    </row>
    <row r="41272" spans="44:44" ht="15.75" customHeight="1" x14ac:dyDescent="0.15">
      <c r="AR41272" s="9" ph="1"/>
    </row>
    <row r="41273" spans="44:44" ht="15.75" customHeight="1" x14ac:dyDescent="0.15">
      <c r="AR41273" s="9" ph="1"/>
    </row>
    <row r="41274" spans="44:44" ht="15.75" customHeight="1" x14ac:dyDescent="0.15">
      <c r="AR41274" s="9" ph="1"/>
    </row>
    <row r="41275" spans="44:44" ht="15.75" customHeight="1" x14ac:dyDescent="0.15">
      <c r="AR41275" s="9" ph="1"/>
    </row>
    <row r="41276" spans="44:44" ht="15.75" customHeight="1" x14ac:dyDescent="0.15">
      <c r="AR41276" s="9" ph="1"/>
    </row>
    <row r="41277" spans="44:44" ht="15.75" customHeight="1" x14ac:dyDescent="0.15">
      <c r="AR41277" s="9" ph="1"/>
    </row>
    <row r="41278" spans="44:44" ht="15.75" customHeight="1" x14ac:dyDescent="0.15">
      <c r="AR41278" s="9" ph="1"/>
    </row>
    <row r="41280" spans="44:44" ht="15.75" customHeight="1" x14ac:dyDescent="0.15">
      <c r="AR41280" s="9" ph="1"/>
    </row>
    <row r="41281" spans="44:44" ht="15.75" customHeight="1" x14ac:dyDescent="0.15">
      <c r="AR41281" s="9" ph="1"/>
    </row>
    <row r="41282" spans="44:44" ht="15.75" customHeight="1" x14ac:dyDescent="0.15">
      <c r="AR41282" s="9" ph="1"/>
    </row>
    <row r="41283" spans="44:44" ht="15.75" customHeight="1" x14ac:dyDescent="0.15">
      <c r="AR41283" s="9" ph="1"/>
    </row>
    <row r="41284" spans="44:44" ht="15.75" customHeight="1" x14ac:dyDescent="0.15">
      <c r="AR41284" s="9" ph="1"/>
    </row>
    <row r="41285" spans="44:44" ht="15.75" customHeight="1" x14ac:dyDescent="0.15">
      <c r="AR41285" s="9" ph="1"/>
    </row>
    <row r="41286" spans="44:44" ht="15.75" customHeight="1" x14ac:dyDescent="0.15">
      <c r="AR41286" s="9" ph="1"/>
    </row>
    <row r="41287" spans="44:44" ht="15.75" customHeight="1" x14ac:dyDescent="0.15">
      <c r="AR41287" s="9" ph="1"/>
    </row>
    <row r="41288" spans="44:44" ht="15.75" customHeight="1" x14ac:dyDescent="0.15">
      <c r="AR41288" s="9" ph="1"/>
    </row>
    <row r="41289" spans="44:44" ht="15.75" customHeight="1" x14ac:dyDescent="0.15">
      <c r="AR41289" s="9" ph="1"/>
    </row>
    <row r="41291" spans="44:44" ht="15.75" customHeight="1" x14ac:dyDescent="0.15">
      <c r="AR41291" s="9" ph="1"/>
    </row>
    <row r="41292" spans="44:44" ht="15.75" customHeight="1" x14ac:dyDescent="0.15">
      <c r="AR41292" s="9" ph="1"/>
    </row>
    <row r="41293" spans="44:44" ht="15.75" customHeight="1" x14ac:dyDescent="0.15">
      <c r="AR41293" s="9" ph="1"/>
    </row>
    <row r="41294" spans="44:44" ht="15.75" customHeight="1" x14ac:dyDescent="0.15">
      <c r="AR41294" s="9" ph="1"/>
    </row>
    <row r="41295" spans="44:44" ht="15.75" customHeight="1" x14ac:dyDescent="0.15">
      <c r="AR41295" s="9" ph="1"/>
    </row>
    <row r="41296" spans="44:44" ht="15.75" customHeight="1" x14ac:dyDescent="0.15">
      <c r="AR41296" s="9" ph="1"/>
    </row>
    <row r="41297" spans="44:44" ht="15.75" customHeight="1" x14ac:dyDescent="0.15">
      <c r="AR41297" s="9" ph="1"/>
    </row>
    <row r="41298" spans="44:44" ht="15.75" customHeight="1" x14ac:dyDescent="0.15">
      <c r="AR41298" s="9" ph="1"/>
    </row>
    <row r="41299" spans="44:44" ht="15.75" customHeight="1" x14ac:dyDescent="0.15">
      <c r="AR41299" s="9" ph="1"/>
    </row>
    <row r="41300" spans="44:44" ht="15.75" customHeight="1" x14ac:dyDescent="0.15">
      <c r="AR41300" s="9" ph="1"/>
    </row>
    <row r="41301" spans="44:44" ht="15.75" customHeight="1" x14ac:dyDescent="0.15">
      <c r="AR41301" s="9" ph="1"/>
    </row>
    <row r="41302" spans="44:44" ht="15.75" customHeight="1" x14ac:dyDescent="0.15">
      <c r="AR41302" s="9" ph="1"/>
    </row>
    <row r="41303" spans="44:44" ht="15.75" customHeight="1" x14ac:dyDescent="0.15">
      <c r="AR41303" s="9" ph="1"/>
    </row>
    <row r="41304" spans="44:44" ht="15.75" customHeight="1" x14ac:dyDescent="0.15">
      <c r="AR41304" s="9" ph="1"/>
    </row>
    <row r="41305" spans="44:44" ht="15.75" customHeight="1" x14ac:dyDescent="0.15">
      <c r="AR41305" s="9" ph="1"/>
    </row>
    <row r="41307" spans="44:44" ht="15.75" customHeight="1" x14ac:dyDescent="0.15">
      <c r="AR41307" s="9" ph="1"/>
    </row>
    <row r="41308" spans="44:44" ht="15.75" customHeight="1" x14ac:dyDescent="0.15">
      <c r="AR41308" s="9" ph="1"/>
    </row>
    <row r="41309" spans="44:44" ht="15.75" customHeight="1" x14ac:dyDescent="0.15">
      <c r="AR41309" s="9" ph="1"/>
    </row>
    <row r="41310" spans="44:44" ht="15.75" customHeight="1" x14ac:dyDescent="0.15">
      <c r="AR41310" s="9" ph="1"/>
    </row>
    <row r="41311" spans="44:44" ht="15.75" customHeight="1" x14ac:dyDescent="0.15">
      <c r="AR41311" s="9" ph="1"/>
    </row>
    <row r="41312" spans="44:44" ht="15.75" customHeight="1" x14ac:dyDescent="0.15">
      <c r="AR41312" s="9" ph="1"/>
    </row>
    <row r="41313" spans="44:44" ht="15.75" customHeight="1" x14ac:dyDescent="0.15">
      <c r="AR41313" s="9" ph="1"/>
    </row>
    <row r="41314" spans="44:44" ht="15.75" customHeight="1" x14ac:dyDescent="0.15">
      <c r="AR41314" s="9" ph="1"/>
    </row>
    <row r="41315" spans="44:44" ht="15.75" customHeight="1" x14ac:dyDescent="0.15">
      <c r="AR41315" s="9" ph="1"/>
    </row>
    <row r="41316" spans="44:44" ht="15.75" customHeight="1" x14ac:dyDescent="0.15">
      <c r="AR41316" s="9" ph="1"/>
    </row>
    <row r="41318" spans="44:44" ht="15.75" customHeight="1" x14ac:dyDescent="0.15">
      <c r="AR41318" s="9" ph="1"/>
    </row>
    <row r="41319" spans="44:44" ht="15.75" customHeight="1" x14ac:dyDescent="0.15">
      <c r="AR41319" s="9" ph="1"/>
    </row>
    <row r="41320" spans="44:44" ht="15.75" customHeight="1" x14ac:dyDescent="0.15">
      <c r="AR41320" s="9" ph="1"/>
    </row>
    <row r="41321" spans="44:44" ht="15.75" customHeight="1" x14ac:dyDescent="0.15">
      <c r="AR41321" s="9" ph="1"/>
    </row>
    <row r="41322" spans="44:44" ht="15.75" customHeight="1" x14ac:dyDescent="0.15">
      <c r="AR41322" s="9" ph="1"/>
    </row>
    <row r="41323" spans="44:44" ht="15.75" customHeight="1" x14ac:dyDescent="0.15">
      <c r="AR41323" s="9" ph="1"/>
    </row>
    <row r="41324" spans="44:44" ht="15.75" customHeight="1" x14ac:dyDescent="0.15">
      <c r="AR41324" s="9" ph="1"/>
    </row>
    <row r="41325" spans="44:44" ht="15.75" customHeight="1" x14ac:dyDescent="0.15">
      <c r="AR41325" s="9" ph="1"/>
    </row>
    <row r="41326" spans="44:44" ht="15.75" customHeight="1" x14ac:dyDescent="0.15">
      <c r="AR41326" s="9" ph="1"/>
    </row>
    <row r="41327" spans="44:44" ht="15.75" customHeight="1" x14ac:dyDescent="0.15">
      <c r="AR41327" s="9" ph="1"/>
    </row>
    <row r="41328" spans="44:44" ht="15.75" customHeight="1" x14ac:dyDescent="0.15">
      <c r="AR41328" s="9" ph="1"/>
    </row>
    <row r="41329" spans="44:44" ht="15.75" customHeight="1" x14ac:dyDescent="0.15">
      <c r="AR41329" s="9" ph="1"/>
    </row>
    <row r="41330" spans="44:44" ht="15.75" customHeight="1" x14ac:dyDescent="0.15">
      <c r="AR41330" s="9" ph="1"/>
    </row>
    <row r="41331" spans="44:44" ht="15.75" customHeight="1" x14ac:dyDescent="0.15">
      <c r="AR41331" s="9" ph="1"/>
    </row>
    <row r="41332" spans="44:44" ht="15.75" customHeight="1" x14ac:dyDescent="0.15">
      <c r="AR41332" s="9" ph="1"/>
    </row>
    <row r="41333" spans="44:44" ht="15.75" customHeight="1" x14ac:dyDescent="0.15">
      <c r="AR41333" s="9" ph="1"/>
    </row>
    <row r="41334" spans="44:44" ht="15.75" customHeight="1" x14ac:dyDescent="0.15">
      <c r="AR41334" s="9" ph="1"/>
    </row>
    <row r="41335" spans="44:44" ht="15.75" customHeight="1" x14ac:dyDescent="0.15">
      <c r="AR41335" s="9" ph="1"/>
    </row>
    <row r="41336" spans="44:44" ht="15.75" customHeight="1" x14ac:dyDescent="0.15">
      <c r="AR41336" s="9" ph="1"/>
    </row>
    <row r="41337" spans="44:44" ht="15.75" customHeight="1" x14ac:dyDescent="0.15">
      <c r="AR41337" s="9" ph="1"/>
    </row>
    <row r="41338" spans="44:44" ht="15.75" customHeight="1" x14ac:dyDescent="0.15">
      <c r="AR41338" s="9" ph="1"/>
    </row>
    <row r="41339" spans="44:44" ht="15.75" customHeight="1" x14ac:dyDescent="0.15">
      <c r="AR41339" s="9" ph="1"/>
    </row>
    <row r="41340" spans="44:44" ht="15.75" customHeight="1" x14ac:dyDescent="0.15">
      <c r="AR41340" s="9" ph="1"/>
    </row>
    <row r="41341" spans="44:44" ht="15.75" customHeight="1" x14ac:dyDescent="0.15">
      <c r="AR41341" s="9" ph="1"/>
    </row>
    <row r="41343" spans="44:44" ht="15.75" customHeight="1" x14ac:dyDescent="0.15">
      <c r="AR41343" s="9" ph="1"/>
    </row>
    <row r="41344" spans="44:44" ht="15.75" customHeight="1" x14ac:dyDescent="0.15">
      <c r="AR41344" s="9" ph="1"/>
    </row>
    <row r="41345" spans="44:44" ht="15.75" customHeight="1" x14ac:dyDescent="0.15">
      <c r="AR41345" s="9" ph="1"/>
    </row>
    <row r="41346" spans="44:44" ht="15.75" customHeight="1" x14ac:dyDescent="0.15">
      <c r="AR41346" s="9" ph="1"/>
    </row>
    <row r="41347" spans="44:44" ht="15.75" customHeight="1" x14ac:dyDescent="0.15">
      <c r="AR41347" s="9" ph="1"/>
    </row>
    <row r="41348" spans="44:44" ht="15.75" customHeight="1" x14ac:dyDescent="0.15">
      <c r="AR41348" s="9" ph="1"/>
    </row>
    <row r="41349" spans="44:44" ht="15.75" customHeight="1" x14ac:dyDescent="0.15">
      <c r="AR41349" s="9" ph="1"/>
    </row>
    <row r="41350" spans="44:44" ht="15.75" customHeight="1" x14ac:dyDescent="0.15">
      <c r="AR41350" s="9" ph="1"/>
    </row>
    <row r="41351" spans="44:44" ht="15.75" customHeight="1" x14ac:dyDescent="0.15">
      <c r="AR41351" s="9" ph="1"/>
    </row>
    <row r="41352" spans="44:44" ht="15.75" customHeight="1" x14ac:dyDescent="0.15">
      <c r="AR41352" s="9" ph="1"/>
    </row>
    <row r="41354" spans="44:44" ht="15.75" customHeight="1" x14ac:dyDescent="0.15">
      <c r="AR41354" s="9" ph="1"/>
    </row>
    <row r="41355" spans="44:44" ht="15.75" customHeight="1" x14ac:dyDescent="0.15">
      <c r="AR41355" s="9" ph="1"/>
    </row>
    <row r="41356" spans="44:44" ht="15.75" customHeight="1" x14ac:dyDescent="0.15">
      <c r="AR41356" s="9" ph="1"/>
    </row>
    <row r="41357" spans="44:44" ht="15.75" customHeight="1" x14ac:dyDescent="0.15">
      <c r="AR41357" s="9" ph="1"/>
    </row>
    <row r="41358" spans="44:44" ht="15.75" customHeight="1" x14ac:dyDescent="0.15">
      <c r="AR41358" s="9" ph="1"/>
    </row>
    <row r="41359" spans="44:44" ht="15.75" customHeight="1" x14ac:dyDescent="0.15">
      <c r="AR41359" s="9" ph="1"/>
    </row>
    <row r="41361" spans="44:44" ht="15.75" customHeight="1" x14ac:dyDescent="0.15">
      <c r="AR41361" s="9" ph="1"/>
    </row>
    <row r="41362" spans="44:44" ht="15.75" customHeight="1" x14ac:dyDescent="0.15">
      <c r="AR41362" s="9" ph="1"/>
    </row>
    <row r="41363" spans="44:44" ht="15.75" customHeight="1" x14ac:dyDescent="0.15">
      <c r="AR41363" s="9" ph="1"/>
    </row>
    <row r="41364" spans="44:44" ht="15.75" customHeight="1" x14ac:dyDescent="0.15">
      <c r="AR41364" s="9" ph="1"/>
    </row>
    <row r="41365" spans="44:44" ht="15.75" customHeight="1" x14ac:dyDescent="0.15">
      <c r="AR41365" s="9" ph="1"/>
    </row>
    <row r="41366" spans="44:44" ht="15.75" customHeight="1" x14ac:dyDescent="0.15">
      <c r="AR41366" s="9" ph="1"/>
    </row>
    <row r="41367" spans="44:44" ht="15.75" customHeight="1" x14ac:dyDescent="0.15">
      <c r="AR41367" s="9" ph="1"/>
    </row>
    <row r="41368" spans="44:44" ht="15.75" customHeight="1" x14ac:dyDescent="0.15">
      <c r="AR41368" s="9" ph="1"/>
    </row>
    <row r="41369" spans="44:44" ht="15.75" customHeight="1" x14ac:dyDescent="0.15">
      <c r="AR41369" s="9" ph="1"/>
    </row>
    <row r="41370" spans="44:44" ht="15.75" customHeight="1" x14ac:dyDescent="0.15">
      <c r="AR41370" s="9" ph="1"/>
    </row>
    <row r="41372" spans="44:44" ht="15.75" customHeight="1" x14ac:dyDescent="0.15">
      <c r="AR41372" s="9" ph="1"/>
    </row>
    <row r="41373" spans="44:44" ht="15.75" customHeight="1" x14ac:dyDescent="0.15">
      <c r="AR41373" s="9" ph="1"/>
    </row>
    <row r="41374" spans="44:44" ht="15.75" customHeight="1" x14ac:dyDescent="0.15">
      <c r="AR41374" s="9" ph="1"/>
    </row>
    <row r="41375" spans="44:44" ht="15.75" customHeight="1" x14ac:dyDescent="0.15">
      <c r="AR41375" s="9" ph="1"/>
    </row>
    <row r="41376" spans="44:44" ht="15.75" customHeight="1" x14ac:dyDescent="0.15">
      <c r="AR41376" s="9" ph="1"/>
    </row>
    <row r="41377" spans="44:44" ht="15.75" customHeight="1" x14ac:dyDescent="0.15">
      <c r="AR41377" s="9" ph="1"/>
    </row>
    <row r="41378" spans="44:44" ht="15.75" customHeight="1" x14ac:dyDescent="0.15">
      <c r="AR41378" s="9" ph="1"/>
    </row>
    <row r="41379" spans="44:44" ht="15.75" customHeight="1" x14ac:dyDescent="0.15">
      <c r="AR41379" s="9" ph="1"/>
    </row>
    <row r="41380" spans="44:44" ht="15.75" customHeight="1" x14ac:dyDescent="0.15">
      <c r="AR41380" s="9" ph="1"/>
    </row>
    <row r="41382" spans="44:44" ht="15.75" customHeight="1" x14ac:dyDescent="0.15">
      <c r="AR41382" s="9" ph="1"/>
    </row>
    <row r="41383" spans="44:44" ht="15.75" customHeight="1" x14ac:dyDescent="0.15">
      <c r="AR41383" s="9" ph="1"/>
    </row>
    <row r="41384" spans="44:44" ht="15.75" customHeight="1" x14ac:dyDescent="0.15">
      <c r="AR41384" s="9" ph="1"/>
    </row>
    <row r="41385" spans="44:44" ht="15.75" customHeight="1" x14ac:dyDescent="0.15">
      <c r="AR41385" s="9" ph="1"/>
    </row>
    <row r="41386" spans="44:44" ht="15.75" customHeight="1" x14ac:dyDescent="0.15">
      <c r="AR41386" s="9" ph="1"/>
    </row>
    <row r="41387" spans="44:44" ht="15.75" customHeight="1" x14ac:dyDescent="0.15">
      <c r="AR41387" s="9" ph="1"/>
    </row>
    <row r="41388" spans="44:44" ht="15.75" customHeight="1" x14ac:dyDescent="0.15">
      <c r="AR41388" s="9" ph="1"/>
    </row>
    <row r="41389" spans="44:44" ht="15.75" customHeight="1" x14ac:dyDescent="0.15">
      <c r="AR41389" s="9" ph="1"/>
    </row>
    <row r="41390" spans="44:44" ht="15.75" customHeight="1" x14ac:dyDescent="0.15">
      <c r="AR41390" s="9" ph="1"/>
    </row>
    <row r="41391" spans="44:44" ht="15.75" customHeight="1" x14ac:dyDescent="0.15">
      <c r="AR41391" s="9" ph="1"/>
    </row>
    <row r="41393" spans="44:44" ht="15.75" customHeight="1" x14ac:dyDescent="0.15">
      <c r="AR41393" s="9" ph="1"/>
    </row>
    <row r="41394" spans="44:44" ht="15.75" customHeight="1" x14ac:dyDescent="0.15">
      <c r="AR41394" s="9" ph="1"/>
    </row>
    <row r="41395" spans="44:44" ht="15.75" customHeight="1" x14ac:dyDescent="0.15">
      <c r="AR41395" s="9" ph="1"/>
    </row>
    <row r="41396" spans="44:44" ht="15.75" customHeight="1" x14ac:dyDescent="0.15">
      <c r="AR41396" s="9" ph="1"/>
    </row>
    <row r="41397" spans="44:44" ht="15.75" customHeight="1" x14ac:dyDescent="0.15">
      <c r="AR41397" s="9" ph="1"/>
    </row>
    <row r="41398" spans="44:44" ht="15.75" customHeight="1" x14ac:dyDescent="0.15">
      <c r="AR41398" s="9" ph="1"/>
    </row>
    <row r="41399" spans="44:44" ht="15.75" customHeight="1" x14ac:dyDescent="0.15">
      <c r="AR41399" s="9" ph="1"/>
    </row>
    <row r="41400" spans="44:44" ht="15.75" customHeight="1" x14ac:dyDescent="0.15">
      <c r="AR41400" s="9" ph="1"/>
    </row>
    <row r="41401" spans="44:44" ht="15.75" customHeight="1" x14ac:dyDescent="0.15">
      <c r="AR41401" s="9" ph="1"/>
    </row>
    <row r="41402" spans="44:44" ht="15.75" customHeight="1" x14ac:dyDescent="0.15">
      <c r="AR41402" s="9" ph="1"/>
    </row>
    <row r="41403" spans="44:44" ht="15.75" customHeight="1" x14ac:dyDescent="0.15">
      <c r="AR41403" s="9" ph="1"/>
    </row>
    <row r="41404" spans="44:44" ht="15.75" customHeight="1" x14ac:dyDescent="0.15">
      <c r="AR41404" s="9" ph="1"/>
    </row>
    <row r="41405" spans="44:44" ht="15.75" customHeight="1" x14ac:dyDescent="0.15">
      <c r="AR41405" s="9" ph="1"/>
    </row>
    <row r="41406" spans="44:44" ht="15.75" customHeight="1" x14ac:dyDescent="0.15">
      <c r="AR41406" s="9" ph="1"/>
    </row>
    <row r="41407" spans="44:44" ht="15.75" customHeight="1" x14ac:dyDescent="0.15">
      <c r="AR41407" s="9" ph="1"/>
    </row>
    <row r="41409" spans="44:44" ht="15.75" customHeight="1" x14ac:dyDescent="0.15">
      <c r="AR41409" s="9" ph="1"/>
    </row>
    <row r="41410" spans="44:44" ht="15.75" customHeight="1" x14ac:dyDescent="0.15">
      <c r="AR41410" s="9" ph="1"/>
    </row>
    <row r="41411" spans="44:44" ht="15.75" customHeight="1" x14ac:dyDescent="0.15">
      <c r="AR41411" s="9" ph="1"/>
    </row>
    <row r="41412" spans="44:44" ht="15.75" customHeight="1" x14ac:dyDescent="0.15">
      <c r="AR41412" s="9" ph="1"/>
    </row>
    <row r="41413" spans="44:44" ht="15.75" customHeight="1" x14ac:dyDescent="0.15">
      <c r="AR41413" s="9" ph="1"/>
    </row>
    <row r="41414" spans="44:44" ht="15.75" customHeight="1" x14ac:dyDescent="0.15">
      <c r="AR41414" s="9" ph="1"/>
    </row>
    <row r="41415" spans="44:44" ht="15.75" customHeight="1" x14ac:dyDescent="0.15">
      <c r="AR41415" s="9" ph="1"/>
    </row>
    <row r="41416" spans="44:44" ht="15.75" customHeight="1" x14ac:dyDescent="0.15">
      <c r="AR41416" s="9" ph="1"/>
    </row>
    <row r="41417" spans="44:44" ht="15.75" customHeight="1" x14ac:dyDescent="0.15">
      <c r="AR41417" s="9" ph="1"/>
    </row>
    <row r="41418" spans="44:44" ht="15.75" customHeight="1" x14ac:dyDescent="0.15">
      <c r="AR41418" s="9" ph="1"/>
    </row>
    <row r="41420" spans="44:44" ht="15.75" customHeight="1" x14ac:dyDescent="0.15">
      <c r="AR41420" s="9" ph="1"/>
    </row>
    <row r="41421" spans="44:44" ht="15.75" customHeight="1" x14ac:dyDescent="0.15">
      <c r="AR41421" s="9" ph="1"/>
    </row>
    <row r="41422" spans="44:44" ht="15.75" customHeight="1" x14ac:dyDescent="0.15">
      <c r="AR41422" s="9" ph="1"/>
    </row>
    <row r="41423" spans="44:44" ht="15.75" customHeight="1" x14ac:dyDescent="0.15">
      <c r="AR41423" s="9" ph="1"/>
    </row>
    <row r="41424" spans="44:44" ht="15.75" customHeight="1" x14ac:dyDescent="0.15">
      <c r="AR41424" s="9" ph="1"/>
    </row>
    <row r="41425" spans="44:44" ht="15.75" customHeight="1" x14ac:dyDescent="0.15">
      <c r="AR41425" s="9" ph="1"/>
    </row>
    <row r="41426" spans="44:44" ht="15.75" customHeight="1" x14ac:dyDescent="0.15">
      <c r="AR41426" s="9" ph="1"/>
    </row>
    <row r="41427" spans="44:44" ht="15.75" customHeight="1" x14ac:dyDescent="0.15">
      <c r="AR41427" s="9" ph="1"/>
    </row>
    <row r="41428" spans="44:44" ht="15.75" customHeight="1" x14ac:dyDescent="0.15">
      <c r="AR41428" s="9" ph="1"/>
    </row>
    <row r="41429" spans="44:44" ht="15.75" customHeight="1" x14ac:dyDescent="0.15">
      <c r="AR41429" s="9" ph="1"/>
    </row>
    <row r="41430" spans="44:44" ht="15.75" customHeight="1" x14ac:dyDescent="0.15">
      <c r="AR41430" s="9" ph="1"/>
    </row>
    <row r="41431" spans="44:44" ht="15.75" customHeight="1" x14ac:dyDescent="0.15">
      <c r="AR41431" s="9" ph="1"/>
    </row>
    <row r="41433" spans="44:44" ht="15.75" customHeight="1" x14ac:dyDescent="0.15">
      <c r="AR41433" s="9" ph="1"/>
    </row>
    <row r="41434" spans="44:44" ht="15.75" customHeight="1" x14ac:dyDescent="0.15">
      <c r="AR41434" s="9" ph="1"/>
    </row>
    <row r="41435" spans="44:44" ht="15.75" customHeight="1" x14ac:dyDescent="0.15">
      <c r="AR41435" s="9" ph="1"/>
    </row>
    <row r="41436" spans="44:44" ht="15.75" customHeight="1" x14ac:dyDescent="0.15">
      <c r="AR41436" s="9" ph="1"/>
    </row>
    <row r="41437" spans="44:44" ht="15.75" customHeight="1" x14ac:dyDescent="0.15">
      <c r="AR41437" s="9" ph="1"/>
    </row>
    <row r="41438" spans="44:44" ht="15.75" customHeight="1" x14ac:dyDescent="0.15">
      <c r="AR41438" s="9" ph="1"/>
    </row>
    <row r="41440" spans="44:44" ht="15.75" customHeight="1" x14ac:dyDescent="0.15">
      <c r="AR41440" s="9" ph="1"/>
    </row>
    <row r="41441" spans="44:44" ht="15.75" customHeight="1" x14ac:dyDescent="0.15">
      <c r="AR41441" s="9" ph="1"/>
    </row>
    <row r="41442" spans="44:44" ht="15.75" customHeight="1" x14ac:dyDescent="0.15">
      <c r="AR41442" s="9" ph="1"/>
    </row>
    <row r="41443" spans="44:44" ht="15.75" customHeight="1" x14ac:dyDescent="0.15">
      <c r="AR41443" s="9" ph="1"/>
    </row>
    <row r="41444" spans="44:44" ht="15.75" customHeight="1" x14ac:dyDescent="0.15">
      <c r="AR41444" s="9" ph="1"/>
    </row>
    <row r="41445" spans="44:44" ht="15.75" customHeight="1" x14ac:dyDescent="0.15">
      <c r="AR41445" s="9" ph="1"/>
    </row>
    <row r="41446" spans="44:44" ht="15.75" customHeight="1" x14ac:dyDescent="0.15">
      <c r="AR41446" s="9" ph="1"/>
    </row>
    <row r="41447" spans="44:44" ht="15.75" customHeight="1" x14ac:dyDescent="0.15">
      <c r="AR41447" s="9" ph="1"/>
    </row>
    <row r="41448" spans="44:44" ht="15.75" customHeight="1" x14ac:dyDescent="0.15">
      <c r="AR41448" s="9" ph="1"/>
    </row>
    <row r="41449" spans="44:44" ht="15.75" customHeight="1" x14ac:dyDescent="0.15">
      <c r="AR41449" s="9" ph="1"/>
    </row>
    <row r="41451" spans="44:44" ht="15.75" customHeight="1" x14ac:dyDescent="0.15">
      <c r="AR41451" s="9" ph="1"/>
    </row>
    <row r="41452" spans="44:44" ht="15.75" customHeight="1" x14ac:dyDescent="0.15">
      <c r="AR41452" s="9" ph="1"/>
    </row>
    <row r="41453" spans="44:44" ht="15.75" customHeight="1" x14ac:dyDescent="0.15">
      <c r="AR41453" s="9" ph="1"/>
    </row>
    <row r="41454" spans="44:44" ht="15.75" customHeight="1" x14ac:dyDescent="0.15">
      <c r="AR41454" s="9" ph="1"/>
    </row>
    <row r="41455" spans="44:44" ht="15.75" customHeight="1" x14ac:dyDescent="0.15">
      <c r="AR41455" s="9" ph="1"/>
    </row>
    <row r="41456" spans="44:44" ht="15.75" customHeight="1" x14ac:dyDescent="0.15">
      <c r="AR41456" s="9" ph="1"/>
    </row>
    <row r="41457" spans="44:44" ht="15.75" customHeight="1" x14ac:dyDescent="0.15">
      <c r="AR41457" s="9" ph="1"/>
    </row>
    <row r="41458" spans="44:44" ht="15.75" customHeight="1" x14ac:dyDescent="0.15">
      <c r="AR41458" s="9" ph="1"/>
    </row>
    <row r="41459" spans="44:44" ht="15.75" customHeight="1" x14ac:dyDescent="0.15">
      <c r="AR41459" s="9" ph="1"/>
    </row>
    <row r="41461" spans="44:44" ht="15.75" customHeight="1" x14ac:dyDescent="0.15">
      <c r="AR41461" s="9" ph="1"/>
    </row>
    <row r="41462" spans="44:44" ht="15.75" customHeight="1" x14ac:dyDescent="0.15">
      <c r="AR41462" s="9" ph="1"/>
    </row>
    <row r="41463" spans="44:44" ht="15.75" customHeight="1" x14ac:dyDescent="0.15">
      <c r="AR41463" s="9" ph="1"/>
    </row>
    <row r="41464" spans="44:44" ht="15.75" customHeight="1" x14ac:dyDescent="0.15">
      <c r="AR41464" s="9" ph="1"/>
    </row>
    <row r="41465" spans="44:44" ht="15.75" customHeight="1" x14ac:dyDescent="0.15">
      <c r="AR41465" s="9" ph="1"/>
    </row>
    <row r="41466" spans="44:44" ht="15.75" customHeight="1" x14ac:dyDescent="0.15">
      <c r="AR41466" s="9" ph="1"/>
    </row>
    <row r="41467" spans="44:44" ht="15.75" customHeight="1" x14ac:dyDescent="0.15">
      <c r="AR41467" s="9" ph="1"/>
    </row>
    <row r="41468" spans="44:44" ht="15.75" customHeight="1" x14ac:dyDescent="0.15">
      <c r="AR41468" s="9" ph="1"/>
    </row>
    <row r="41469" spans="44:44" ht="15.75" customHeight="1" x14ac:dyDescent="0.15">
      <c r="AR41469" s="9" ph="1"/>
    </row>
    <row r="41470" spans="44:44" ht="15.75" customHeight="1" x14ac:dyDescent="0.15">
      <c r="AR41470" s="9" ph="1"/>
    </row>
    <row r="41472" spans="44:44" ht="15.75" customHeight="1" x14ac:dyDescent="0.15">
      <c r="AR41472" s="9" ph="1"/>
    </row>
    <row r="41473" spans="44:44" ht="15.75" customHeight="1" x14ac:dyDescent="0.15">
      <c r="AR41473" s="9" ph="1"/>
    </row>
    <row r="41474" spans="44:44" ht="15.75" customHeight="1" x14ac:dyDescent="0.15">
      <c r="AR41474" s="9" ph="1"/>
    </row>
    <row r="41475" spans="44:44" ht="15.75" customHeight="1" x14ac:dyDescent="0.15">
      <c r="AR41475" s="9" ph="1"/>
    </row>
    <row r="41476" spans="44:44" ht="15.75" customHeight="1" x14ac:dyDescent="0.15">
      <c r="AR41476" s="9" ph="1"/>
    </row>
    <row r="41477" spans="44:44" ht="15.75" customHeight="1" x14ac:dyDescent="0.15">
      <c r="AR41477" s="9" ph="1"/>
    </row>
    <row r="41478" spans="44:44" ht="15.75" customHeight="1" x14ac:dyDescent="0.15">
      <c r="AR41478" s="9" ph="1"/>
    </row>
    <row r="41479" spans="44:44" ht="15.75" customHeight="1" x14ac:dyDescent="0.15">
      <c r="AR41479" s="9" ph="1"/>
    </row>
    <row r="41480" spans="44:44" ht="15.75" customHeight="1" x14ac:dyDescent="0.15">
      <c r="AR41480" s="9" ph="1"/>
    </row>
    <row r="41481" spans="44:44" ht="15.75" customHeight="1" x14ac:dyDescent="0.15">
      <c r="AR41481" s="9" ph="1"/>
    </row>
    <row r="41482" spans="44:44" ht="15.75" customHeight="1" x14ac:dyDescent="0.15">
      <c r="AR41482" s="9" ph="1"/>
    </row>
    <row r="41483" spans="44:44" ht="15.75" customHeight="1" x14ac:dyDescent="0.15">
      <c r="AR41483" s="9" ph="1"/>
    </row>
    <row r="41484" spans="44:44" ht="15.75" customHeight="1" x14ac:dyDescent="0.15">
      <c r="AR41484" s="9" ph="1"/>
    </row>
    <row r="41485" spans="44:44" ht="15.75" customHeight="1" x14ac:dyDescent="0.15">
      <c r="AR41485" s="9" ph="1"/>
    </row>
    <row r="41486" spans="44:44" ht="15.75" customHeight="1" x14ac:dyDescent="0.15">
      <c r="AR41486" s="9" ph="1"/>
    </row>
    <row r="41488" spans="44:44" ht="15.75" customHeight="1" x14ac:dyDescent="0.15">
      <c r="AR41488" s="9" ph="1"/>
    </row>
    <row r="41489" spans="44:44" ht="15.75" customHeight="1" x14ac:dyDescent="0.15">
      <c r="AR41489" s="9" ph="1"/>
    </row>
    <row r="41490" spans="44:44" ht="15.75" customHeight="1" x14ac:dyDescent="0.15">
      <c r="AR41490" s="9" ph="1"/>
    </row>
    <row r="41491" spans="44:44" ht="15.75" customHeight="1" x14ac:dyDescent="0.15">
      <c r="AR41491" s="9" ph="1"/>
    </row>
    <row r="41492" spans="44:44" ht="15.75" customHeight="1" x14ac:dyDescent="0.15">
      <c r="AR41492" s="9" ph="1"/>
    </row>
    <row r="41493" spans="44:44" ht="15.75" customHeight="1" x14ac:dyDescent="0.15">
      <c r="AR41493" s="9" ph="1"/>
    </row>
    <row r="41494" spans="44:44" ht="15.75" customHeight="1" x14ac:dyDescent="0.15">
      <c r="AR41494" s="9" ph="1"/>
    </row>
    <row r="41495" spans="44:44" ht="15.75" customHeight="1" x14ac:dyDescent="0.15">
      <c r="AR41495" s="9" ph="1"/>
    </row>
    <row r="41496" spans="44:44" ht="15.75" customHeight="1" x14ac:dyDescent="0.15">
      <c r="AR41496" s="9" ph="1"/>
    </row>
    <row r="41497" spans="44:44" ht="15.75" customHeight="1" x14ac:dyDescent="0.15">
      <c r="AR41497" s="9" ph="1"/>
    </row>
    <row r="41499" spans="44:44" ht="15.75" customHeight="1" x14ac:dyDescent="0.15">
      <c r="AR41499" s="9" ph="1"/>
    </row>
    <row r="41500" spans="44:44" ht="15.75" customHeight="1" x14ac:dyDescent="0.15">
      <c r="AR41500" s="9" ph="1"/>
    </row>
    <row r="41501" spans="44:44" ht="15.75" customHeight="1" x14ac:dyDescent="0.15">
      <c r="AR41501" s="9" ph="1"/>
    </row>
    <row r="41502" spans="44:44" ht="15.75" customHeight="1" x14ac:dyDescent="0.15">
      <c r="AR41502" s="9" ph="1"/>
    </row>
    <row r="41503" spans="44:44" ht="15.75" customHeight="1" x14ac:dyDescent="0.15">
      <c r="AR41503" s="9" ph="1"/>
    </row>
    <row r="41504" spans="44:44" ht="15.75" customHeight="1" x14ac:dyDescent="0.15">
      <c r="AR41504" s="9" ph="1"/>
    </row>
    <row r="41505" spans="44:44" ht="15.75" customHeight="1" x14ac:dyDescent="0.15">
      <c r="AR41505" s="9" ph="1"/>
    </row>
    <row r="41506" spans="44:44" ht="15.75" customHeight="1" x14ac:dyDescent="0.15">
      <c r="AR41506" s="9" ph="1"/>
    </row>
    <row r="41507" spans="44:44" ht="15.75" customHeight="1" x14ac:dyDescent="0.15">
      <c r="AR41507" s="9" ph="1"/>
    </row>
    <row r="41508" spans="44:44" ht="15.75" customHeight="1" x14ac:dyDescent="0.15">
      <c r="AR41508" s="9" ph="1"/>
    </row>
    <row r="41509" spans="44:44" ht="15.75" customHeight="1" x14ac:dyDescent="0.15">
      <c r="AR41509" s="9" ph="1"/>
    </row>
    <row r="41510" spans="44:44" ht="15.75" customHeight="1" x14ac:dyDescent="0.15">
      <c r="AR41510" s="9" ph="1"/>
    </row>
    <row r="41511" spans="44:44" ht="15.75" customHeight="1" x14ac:dyDescent="0.15">
      <c r="AR41511" s="9" ph="1"/>
    </row>
    <row r="41512" spans="44:44" ht="15.75" customHeight="1" x14ac:dyDescent="0.15">
      <c r="AR41512" s="9" ph="1"/>
    </row>
    <row r="41514" spans="44:44" ht="15.75" customHeight="1" x14ac:dyDescent="0.15">
      <c r="AR41514" s="9" ph="1"/>
    </row>
    <row r="41515" spans="44:44" ht="15.75" customHeight="1" x14ac:dyDescent="0.15">
      <c r="AR41515" s="9" ph="1"/>
    </row>
    <row r="41516" spans="44:44" ht="15.75" customHeight="1" x14ac:dyDescent="0.15">
      <c r="AR41516" s="9" ph="1"/>
    </row>
    <row r="41517" spans="44:44" ht="15.75" customHeight="1" x14ac:dyDescent="0.15">
      <c r="AR41517" s="9" ph="1"/>
    </row>
    <row r="41518" spans="44:44" ht="15.75" customHeight="1" x14ac:dyDescent="0.15">
      <c r="AR41518" s="9" ph="1"/>
    </row>
    <row r="41519" spans="44:44" ht="15.75" customHeight="1" x14ac:dyDescent="0.15">
      <c r="AR41519" s="9" ph="1"/>
    </row>
    <row r="41520" spans="44:44" ht="15.75" customHeight="1" x14ac:dyDescent="0.15">
      <c r="AR41520" s="9" ph="1"/>
    </row>
    <row r="41521" spans="44:44" ht="15.75" customHeight="1" x14ac:dyDescent="0.15">
      <c r="AR41521" s="9" ph="1"/>
    </row>
    <row r="41522" spans="44:44" ht="15.75" customHeight="1" x14ac:dyDescent="0.15">
      <c r="AR41522" s="9" ph="1"/>
    </row>
    <row r="41524" spans="44:44" ht="15.75" customHeight="1" x14ac:dyDescent="0.15">
      <c r="AR41524" s="9" ph="1"/>
    </row>
    <row r="41525" spans="44:44" ht="15.75" customHeight="1" x14ac:dyDescent="0.15">
      <c r="AR41525" s="9" ph="1"/>
    </row>
    <row r="41526" spans="44:44" ht="15.75" customHeight="1" x14ac:dyDescent="0.15">
      <c r="AR41526" s="9" ph="1"/>
    </row>
    <row r="41527" spans="44:44" ht="15.75" customHeight="1" x14ac:dyDescent="0.15">
      <c r="AR41527" s="9" ph="1"/>
    </row>
    <row r="41528" spans="44:44" ht="15.75" customHeight="1" x14ac:dyDescent="0.15">
      <c r="AR41528" s="9" ph="1"/>
    </row>
    <row r="41529" spans="44:44" ht="15.75" customHeight="1" x14ac:dyDescent="0.15">
      <c r="AR41529" s="9" ph="1"/>
    </row>
    <row r="41530" spans="44:44" ht="15.75" customHeight="1" x14ac:dyDescent="0.15">
      <c r="AR41530" s="9" ph="1"/>
    </row>
    <row r="41531" spans="44:44" ht="15.75" customHeight="1" x14ac:dyDescent="0.15">
      <c r="AR41531" s="9" ph="1"/>
    </row>
    <row r="41532" spans="44:44" ht="15.75" customHeight="1" x14ac:dyDescent="0.15">
      <c r="AR41532" s="9" ph="1"/>
    </row>
    <row r="41533" spans="44:44" ht="15.75" customHeight="1" x14ac:dyDescent="0.15">
      <c r="AR41533" s="9" ph="1"/>
    </row>
    <row r="41535" spans="44:44" ht="15.75" customHeight="1" x14ac:dyDescent="0.15">
      <c r="AR41535" s="9" ph="1"/>
    </row>
    <row r="41536" spans="44:44" ht="15.75" customHeight="1" x14ac:dyDescent="0.15">
      <c r="AR41536" s="9" ph="1"/>
    </row>
    <row r="41537" spans="44:44" ht="15.75" customHeight="1" x14ac:dyDescent="0.15">
      <c r="AR41537" s="9" ph="1"/>
    </row>
    <row r="41538" spans="44:44" ht="15.75" customHeight="1" x14ac:dyDescent="0.15">
      <c r="AR41538" s="9" ph="1"/>
    </row>
    <row r="41539" spans="44:44" ht="15.75" customHeight="1" x14ac:dyDescent="0.15">
      <c r="AR41539" s="9" ph="1"/>
    </row>
    <row r="41540" spans="44:44" ht="15.75" customHeight="1" x14ac:dyDescent="0.15">
      <c r="AR41540" s="9" ph="1"/>
    </row>
    <row r="41541" spans="44:44" ht="15.75" customHeight="1" x14ac:dyDescent="0.15">
      <c r="AR41541" s="9" ph="1"/>
    </row>
    <row r="41542" spans="44:44" ht="15.75" customHeight="1" x14ac:dyDescent="0.15">
      <c r="AR41542" s="9" ph="1"/>
    </row>
    <row r="41543" spans="44:44" ht="15.75" customHeight="1" x14ac:dyDescent="0.15">
      <c r="AR41543" s="9" ph="1"/>
    </row>
    <row r="41544" spans="44:44" ht="15.75" customHeight="1" x14ac:dyDescent="0.15">
      <c r="AR41544" s="9" ph="1"/>
    </row>
    <row r="41545" spans="44:44" ht="15.75" customHeight="1" x14ac:dyDescent="0.15">
      <c r="AR41545" s="9" ph="1"/>
    </row>
    <row r="41546" spans="44:44" ht="15.75" customHeight="1" x14ac:dyDescent="0.15">
      <c r="AR41546" s="9" ph="1"/>
    </row>
    <row r="41547" spans="44:44" ht="15.75" customHeight="1" x14ac:dyDescent="0.15">
      <c r="AR41547" s="9" ph="1"/>
    </row>
    <row r="41548" spans="44:44" ht="15.75" customHeight="1" x14ac:dyDescent="0.15">
      <c r="AR41548" s="9" ph="1"/>
    </row>
    <row r="41549" spans="44:44" ht="15.75" customHeight="1" x14ac:dyDescent="0.15">
      <c r="AR41549" s="9" ph="1"/>
    </row>
    <row r="41551" spans="44:44" ht="15.75" customHeight="1" x14ac:dyDescent="0.15">
      <c r="AR41551" s="9" ph="1"/>
    </row>
    <row r="41552" spans="44:44" ht="15.75" customHeight="1" x14ac:dyDescent="0.15">
      <c r="AR41552" s="9" ph="1"/>
    </row>
    <row r="41553" spans="44:44" ht="15.75" customHeight="1" x14ac:dyDescent="0.15">
      <c r="AR41553" s="9" ph="1"/>
    </row>
    <row r="41554" spans="44:44" ht="15.75" customHeight="1" x14ac:dyDescent="0.15">
      <c r="AR41554" s="9" ph="1"/>
    </row>
    <row r="41555" spans="44:44" ht="15.75" customHeight="1" x14ac:dyDescent="0.15">
      <c r="AR41555" s="9" ph="1"/>
    </row>
    <row r="41556" spans="44:44" ht="15.75" customHeight="1" x14ac:dyDescent="0.15">
      <c r="AR41556" s="9" ph="1"/>
    </row>
    <row r="41557" spans="44:44" ht="15.75" customHeight="1" x14ac:dyDescent="0.15">
      <c r="AR41557" s="9" ph="1"/>
    </row>
    <row r="41558" spans="44:44" ht="15.75" customHeight="1" x14ac:dyDescent="0.15">
      <c r="AR41558" s="9" ph="1"/>
    </row>
    <row r="41559" spans="44:44" ht="15.75" customHeight="1" x14ac:dyDescent="0.15">
      <c r="AR41559" s="9" ph="1"/>
    </row>
    <row r="41560" spans="44:44" ht="15.75" customHeight="1" x14ac:dyDescent="0.15">
      <c r="AR41560" s="9" ph="1"/>
    </row>
    <row r="41562" spans="44:44" ht="15.75" customHeight="1" x14ac:dyDescent="0.15">
      <c r="AR41562" s="9" ph="1"/>
    </row>
    <row r="41563" spans="44:44" ht="15.75" customHeight="1" x14ac:dyDescent="0.15">
      <c r="AR41563" s="9" ph="1"/>
    </row>
    <row r="41564" spans="44:44" ht="15.75" customHeight="1" x14ac:dyDescent="0.15">
      <c r="AR41564" s="9" ph="1"/>
    </row>
    <row r="41565" spans="44:44" ht="15.75" customHeight="1" x14ac:dyDescent="0.15">
      <c r="AR41565" s="9" ph="1"/>
    </row>
    <row r="41566" spans="44:44" ht="15.75" customHeight="1" x14ac:dyDescent="0.15">
      <c r="AR41566" s="9" ph="1"/>
    </row>
    <row r="41567" spans="44:44" ht="15.75" customHeight="1" x14ac:dyDescent="0.15">
      <c r="AR41567" s="9" ph="1"/>
    </row>
    <row r="41568" spans="44:44" ht="15.75" customHeight="1" x14ac:dyDescent="0.15">
      <c r="AR41568" s="9" ph="1"/>
    </row>
    <row r="41569" spans="44:44" ht="15.75" customHeight="1" x14ac:dyDescent="0.15">
      <c r="AR41569" s="9" ph="1"/>
    </row>
    <row r="41570" spans="44:44" ht="15.75" customHeight="1" x14ac:dyDescent="0.15">
      <c r="AR41570" s="9" ph="1"/>
    </row>
    <row r="41571" spans="44:44" ht="15.75" customHeight="1" x14ac:dyDescent="0.15">
      <c r="AR41571" s="9" ph="1"/>
    </row>
    <row r="41572" spans="44:44" ht="15.75" customHeight="1" x14ac:dyDescent="0.15">
      <c r="AR41572" s="9" ph="1"/>
    </row>
    <row r="41573" spans="44:44" ht="15.75" customHeight="1" x14ac:dyDescent="0.15">
      <c r="AR41573" s="9" ph="1"/>
    </row>
    <row r="41574" spans="44:44" ht="15.75" customHeight="1" x14ac:dyDescent="0.15">
      <c r="AR41574" s="9" ph="1"/>
    </row>
    <row r="41575" spans="44:44" ht="15.75" customHeight="1" x14ac:dyDescent="0.15">
      <c r="AR41575" s="9" ph="1"/>
    </row>
    <row r="41576" spans="44:44" ht="15.75" customHeight="1" x14ac:dyDescent="0.15">
      <c r="AR41576" s="9" ph="1"/>
    </row>
    <row r="41577" spans="44:44" ht="15.75" customHeight="1" x14ac:dyDescent="0.15">
      <c r="AR41577" s="9" ph="1"/>
    </row>
    <row r="41578" spans="44:44" ht="15.75" customHeight="1" x14ac:dyDescent="0.15">
      <c r="AR41578" s="9" ph="1"/>
    </row>
    <row r="41580" spans="44:44" ht="15.75" customHeight="1" x14ac:dyDescent="0.15">
      <c r="AR41580" s="9" ph="1"/>
    </row>
    <row r="41581" spans="44:44" ht="15.75" customHeight="1" x14ac:dyDescent="0.15">
      <c r="AR41581" s="9" ph="1"/>
    </row>
    <row r="41582" spans="44:44" ht="15.75" customHeight="1" x14ac:dyDescent="0.15">
      <c r="AR41582" s="9" ph="1"/>
    </row>
    <row r="41583" spans="44:44" ht="15.75" customHeight="1" x14ac:dyDescent="0.15">
      <c r="AR41583" s="9" ph="1"/>
    </row>
    <row r="41584" spans="44:44" ht="15.75" customHeight="1" x14ac:dyDescent="0.15">
      <c r="AR41584" s="9" ph="1"/>
    </row>
    <row r="41585" spans="44:44" ht="15.75" customHeight="1" x14ac:dyDescent="0.15">
      <c r="AR41585" s="9" ph="1"/>
    </row>
    <row r="41586" spans="44:44" ht="15.75" customHeight="1" x14ac:dyDescent="0.15">
      <c r="AR41586" s="9" ph="1"/>
    </row>
    <row r="41587" spans="44:44" ht="15.75" customHeight="1" x14ac:dyDescent="0.15">
      <c r="AR41587" s="9" ph="1"/>
    </row>
    <row r="41588" spans="44:44" ht="15.75" customHeight="1" x14ac:dyDescent="0.15">
      <c r="AR41588" s="9" ph="1"/>
    </row>
    <row r="41589" spans="44:44" ht="15.75" customHeight="1" x14ac:dyDescent="0.15">
      <c r="AR41589" s="9" ph="1"/>
    </row>
    <row r="41590" spans="44:44" ht="15.75" customHeight="1" x14ac:dyDescent="0.15">
      <c r="AR41590" s="9" ph="1"/>
    </row>
    <row r="41591" spans="44:44" ht="15.75" customHeight="1" x14ac:dyDescent="0.15">
      <c r="AR41591" s="9" ph="1"/>
    </row>
    <row r="41592" spans="44:44" ht="15.75" customHeight="1" x14ac:dyDescent="0.15">
      <c r="AR41592" s="9" ph="1"/>
    </row>
    <row r="41593" spans="44:44" ht="15.75" customHeight="1" x14ac:dyDescent="0.15">
      <c r="AR41593" s="9" ph="1"/>
    </row>
    <row r="41594" spans="44:44" ht="15.75" customHeight="1" x14ac:dyDescent="0.15">
      <c r="AR41594" s="9" ph="1"/>
    </row>
    <row r="41596" spans="44:44" ht="15.75" customHeight="1" x14ac:dyDescent="0.15">
      <c r="AR41596" s="9" ph="1"/>
    </row>
    <row r="41597" spans="44:44" ht="15.75" customHeight="1" x14ac:dyDescent="0.15">
      <c r="AR41597" s="9" ph="1"/>
    </row>
    <row r="41598" spans="44:44" ht="15.75" customHeight="1" x14ac:dyDescent="0.15">
      <c r="AR41598" s="9" ph="1"/>
    </row>
    <row r="41599" spans="44:44" ht="15.75" customHeight="1" x14ac:dyDescent="0.15">
      <c r="AR41599" s="9" ph="1"/>
    </row>
    <row r="41600" spans="44:44" ht="15.75" customHeight="1" x14ac:dyDescent="0.15">
      <c r="AR41600" s="9" ph="1"/>
    </row>
    <row r="41601" spans="44:44" ht="15.75" customHeight="1" x14ac:dyDescent="0.15">
      <c r="AR41601" s="9" ph="1"/>
    </row>
    <row r="41602" spans="44:44" ht="15.75" customHeight="1" x14ac:dyDescent="0.15">
      <c r="AR41602" s="9" ph="1"/>
    </row>
    <row r="41603" spans="44:44" ht="15.75" customHeight="1" x14ac:dyDescent="0.15">
      <c r="AR41603" s="9" ph="1"/>
    </row>
    <row r="41604" spans="44:44" ht="15.75" customHeight="1" x14ac:dyDescent="0.15">
      <c r="AR41604" s="9" ph="1"/>
    </row>
    <row r="41605" spans="44:44" ht="15.75" customHeight="1" x14ac:dyDescent="0.15">
      <c r="AR41605" s="9" ph="1"/>
    </row>
    <row r="41607" spans="44:44" ht="15.75" customHeight="1" x14ac:dyDescent="0.15">
      <c r="AR41607" s="9" ph="1"/>
    </row>
    <row r="41608" spans="44:44" ht="15.75" customHeight="1" x14ac:dyDescent="0.15">
      <c r="AR41608" s="9" ph="1"/>
    </row>
    <row r="41609" spans="44:44" ht="15.75" customHeight="1" x14ac:dyDescent="0.15">
      <c r="AR41609" s="9" ph="1"/>
    </row>
    <row r="41610" spans="44:44" ht="15.75" customHeight="1" x14ac:dyDescent="0.15">
      <c r="AR41610" s="9" ph="1"/>
    </row>
    <row r="41611" spans="44:44" ht="15.75" customHeight="1" x14ac:dyDescent="0.15">
      <c r="AR41611" s="9" ph="1"/>
    </row>
    <row r="41612" spans="44:44" ht="15.75" customHeight="1" x14ac:dyDescent="0.15">
      <c r="AR41612" s="9" ph="1"/>
    </row>
    <row r="41613" spans="44:44" ht="15.75" customHeight="1" x14ac:dyDescent="0.15">
      <c r="AR41613" s="9" ph="1"/>
    </row>
    <row r="41614" spans="44:44" ht="15.75" customHeight="1" x14ac:dyDescent="0.15">
      <c r="AR41614" s="9" ph="1"/>
    </row>
    <row r="41615" spans="44:44" ht="15.75" customHeight="1" x14ac:dyDescent="0.15">
      <c r="AR41615" s="9" ph="1"/>
    </row>
    <row r="41616" spans="44:44" ht="15.75" customHeight="1" x14ac:dyDescent="0.15">
      <c r="AR41616" s="9" ph="1"/>
    </row>
    <row r="41617" spans="44:44" ht="15.75" customHeight="1" x14ac:dyDescent="0.15">
      <c r="AR41617" s="9" ph="1"/>
    </row>
    <row r="41618" spans="44:44" ht="15.75" customHeight="1" x14ac:dyDescent="0.15">
      <c r="AR41618" s="9" ph="1"/>
    </row>
    <row r="41619" spans="44:44" ht="15.75" customHeight="1" x14ac:dyDescent="0.15">
      <c r="AR41619" s="9" ph="1"/>
    </row>
    <row r="41621" spans="44:44" ht="15.75" customHeight="1" x14ac:dyDescent="0.15">
      <c r="AR41621" s="9" ph="1"/>
    </row>
    <row r="41622" spans="44:44" ht="15.75" customHeight="1" x14ac:dyDescent="0.15">
      <c r="AR41622" s="9" ph="1"/>
    </row>
    <row r="41623" spans="44:44" ht="15.75" customHeight="1" x14ac:dyDescent="0.15">
      <c r="AR41623" s="9" ph="1"/>
    </row>
    <row r="41624" spans="44:44" ht="15.75" customHeight="1" x14ac:dyDescent="0.15">
      <c r="AR41624" s="9" ph="1"/>
    </row>
    <row r="41625" spans="44:44" ht="15.75" customHeight="1" x14ac:dyDescent="0.15">
      <c r="AR41625" s="9" ph="1"/>
    </row>
    <row r="41626" spans="44:44" ht="15.75" customHeight="1" x14ac:dyDescent="0.15">
      <c r="AR41626" s="9" ph="1"/>
    </row>
    <row r="41627" spans="44:44" ht="15.75" customHeight="1" x14ac:dyDescent="0.15">
      <c r="AR41627" s="9" ph="1"/>
    </row>
    <row r="41628" spans="44:44" ht="15.75" customHeight="1" x14ac:dyDescent="0.15">
      <c r="AR41628" s="9" ph="1"/>
    </row>
    <row r="41629" spans="44:44" ht="15.75" customHeight="1" x14ac:dyDescent="0.15">
      <c r="AR41629" s="9" ph="1"/>
    </row>
    <row r="41630" spans="44:44" ht="15.75" customHeight="1" x14ac:dyDescent="0.15">
      <c r="AR41630" s="9" ph="1"/>
    </row>
    <row r="41632" spans="44:44" ht="15.75" customHeight="1" x14ac:dyDescent="0.15">
      <c r="AR41632" s="9" ph="1"/>
    </row>
    <row r="41633" spans="44:44" ht="15.75" customHeight="1" x14ac:dyDescent="0.15">
      <c r="AR41633" s="9" ph="1"/>
    </row>
    <row r="41634" spans="44:44" ht="15.75" customHeight="1" x14ac:dyDescent="0.15">
      <c r="AR41634" s="9" ph="1"/>
    </row>
    <row r="41635" spans="44:44" ht="15.75" customHeight="1" x14ac:dyDescent="0.15">
      <c r="AR41635" s="9" ph="1"/>
    </row>
    <row r="41636" spans="44:44" ht="15.75" customHeight="1" x14ac:dyDescent="0.15">
      <c r="AR41636" s="9" ph="1"/>
    </row>
    <row r="41637" spans="44:44" ht="15.75" customHeight="1" x14ac:dyDescent="0.15">
      <c r="AR41637" s="9" ph="1"/>
    </row>
    <row r="41638" spans="44:44" ht="15.75" customHeight="1" x14ac:dyDescent="0.15">
      <c r="AR41638" s="9" ph="1"/>
    </row>
    <row r="41639" spans="44:44" ht="15.75" customHeight="1" x14ac:dyDescent="0.15">
      <c r="AR41639" s="9" ph="1"/>
    </row>
    <row r="41640" spans="44:44" ht="15.75" customHeight="1" x14ac:dyDescent="0.15">
      <c r="AR41640" s="9" ph="1"/>
    </row>
    <row r="41641" spans="44:44" ht="15.75" customHeight="1" x14ac:dyDescent="0.15">
      <c r="AR41641" s="9" ph="1"/>
    </row>
    <row r="41642" spans="44:44" ht="15.75" customHeight="1" x14ac:dyDescent="0.15">
      <c r="AR41642" s="9" ph="1"/>
    </row>
    <row r="41643" spans="44:44" ht="15.75" customHeight="1" x14ac:dyDescent="0.15">
      <c r="AR41643" s="9" ph="1"/>
    </row>
    <row r="41644" spans="44:44" ht="15.75" customHeight="1" x14ac:dyDescent="0.15">
      <c r="AR41644" s="9" ph="1"/>
    </row>
    <row r="41645" spans="44:44" ht="15.75" customHeight="1" x14ac:dyDescent="0.15">
      <c r="AR41645" s="9" ph="1"/>
    </row>
    <row r="41647" spans="44:44" ht="15.75" customHeight="1" x14ac:dyDescent="0.15">
      <c r="AR41647" s="9" ph="1"/>
    </row>
    <row r="41648" spans="44:44" ht="15.75" customHeight="1" x14ac:dyDescent="0.15">
      <c r="AR41648" s="9" ph="1"/>
    </row>
    <row r="41649" spans="44:44" ht="15.75" customHeight="1" x14ac:dyDescent="0.15">
      <c r="AR41649" s="9" ph="1"/>
    </row>
    <row r="41650" spans="44:44" ht="15.75" customHeight="1" x14ac:dyDescent="0.15">
      <c r="AR41650" s="9" ph="1"/>
    </row>
    <row r="41651" spans="44:44" ht="15.75" customHeight="1" x14ac:dyDescent="0.15">
      <c r="AR41651" s="9" ph="1"/>
    </row>
    <row r="41652" spans="44:44" ht="15.75" customHeight="1" x14ac:dyDescent="0.15">
      <c r="AR41652" s="9" ph="1"/>
    </row>
    <row r="41653" spans="44:44" ht="15.75" customHeight="1" x14ac:dyDescent="0.15">
      <c r="AR41653" s="9" ph="1"/>
    </row>
    <row r="41654" spans="44:44" ht="15.75" customHeight="1" x14ac:dyDescent="0.15">
      <c r="AR41654" s="9" ph="1"/>
    </row>
    <row r="41655" spans="44:44" ht="15.75" customHeight="1" x14ac:dyDescent="0.15">
      <c r="AR41655" s="9" ph="1"/>
    </row>
    <row r="41657" spans="44:44" ht="15.75" customHeight="1" x14ac:dyDescent="0.15">
      <c r="AR41657" s="9" ph="1"/>
    </row>
    <row r="41658" spans="44:44" ht="15.75" customHeight="1" x14ac:dyDescent="0.15">
      <c r="AR41658" s="9" ph="1"/>
    </row>
    <row r="41659" spans="44:44" ht="15.75" customHeight="1" x14ac:dyDescent="0.15">
      <c r="AR41659" s="9" ph="1"/>
    </row>
    <row r="41660" spans="44:44" ht="15.75" customHeight="1" x14ac:dyDescent="0.15">
      <c r="AR41660" s="9" ph="1"/>
    </row>
    <row r="41661" spans="44:44" ht="15.75" customHeight="1" x14ac:dyDescent="0.15">
      <c r="AR41661" s="9" ph="1"/>
    </row>
    <row r="41662" spans="44:44" ht="15.75" customHeight="1" x14ac:dyDescent="0.15">
      <c r="AR41662" s="9" ph="1"/>
    </row>
    <row r="41663" spans="44:44" ht="15.75" customHeight="1" x14ac:dyDescent="0.15">
      <c r="AR41663" s="9" ph="1"/>
    </row>
    <row r="41664" spans="44:44" ht="15.75" customHeight="1" x14ac:dyDescent="0.15">
      <c r="AR41664" s="9" ph="1"/>
    </row>
    <row r="41665" spans="44:44" ht="15.75" customHeight="1" x14ac:dyDescent="0.15">
      <c r="AR41665" s="9" ph="1"/>
    </row>
    <row r="41666" spans="44:44" ht="15.75" customHeight="1" x14ac:dyDescent="0.15">
      <c r="AR41666" s="9" ph="1"/>
    </row>
    <row r="41668" spans="44:44" ht="15.75" customHeight="1" x14ac:dyDescent="0.15">
      <c r="AR41668" s="9" ph="1"/>
    </row>
    <row r="41669" spans="44:44" ht="15.75" customHeight="1" x14ac:dyDescent="0.15">
      <c r="AR41669" s="9" ph="1"/>
    </row>
    <row r="41670" spans="44:44" ht="15.75" customHeight="1" x14ac:dyDescent="0.15">
      <c r="AR41670" s="9" ph="1"/>
    </row>
    <row r="41671" spans="44:44" ht="15.75" customHeight="1" x14ac:dyDescent="0.15">
      <c r="AR41671" s="9" ph="1"/>
    </row>
    <row r="41672" spans="44:44" ht="15.75" customHeight="1" x14ac:dyDescent="0.15">
      <c r="AR41672" s="9" ph="1"/>
    </row>
    <row r="41673" spans="44:44" ht="15.75" customHeight="1" x14ac:dyDescent="0.15">
      <c r="AR41673" s="9" ph="1"/>
    </row>
    <row r="41674" spans="44:44" ht="15.75" customHeight="1" x14ac:dyDescent="0.15">
      <c r="AR41674" s="9" ph="1"/>
    </row>
    <row r="41675" spans="44:44" ht="15.75" customHeight="1" x14ac:dyDescent="0.15">
      <c r="AR41675" s="9" ph="1"/>
    </row>
    <row r="41676" spans="44:44" ht="15.75" customHeight="1" x14ac:dyDescent="0.15">
      <c r="AR41676" s="9" ph="1"/>
    </row>
    <row r="41677" spans="44:44" ht="15.75" customHeight="1" x14ac:dyDescent="0.15">
      <c r="AR41677" s="9" ph="1"/>
    </row>
    <row r="41678" spans="44:44" ht="15.75" customHeight="1" x14ac:dyDescent="0.15">
      <c r="AR41678" s="9" ph="1"/>
    </row>
    <row r="41679" spans="44:44" ht="15.75" customHeight="1" x14ac:dyDescent="0.15">
      <c r="AR41679" s="9" ph="1"/>
    </row>
    <row r="41680" spans="44:44" ht="15.75" customHeight="1" x14ac:dyDescent="0.15">
      <c r="AR41680" s="9" ph="1"/>
    </row>
    <row r="41681" spans="44:44" ht="15.75" customHeight="1" x14ac:dyDescent="0.15">
      <c r="AR41681" s="9" ph="1"/>
    </row>
    <row r="41682" spans="44:44" ht="15.75" customHeight="1" x14ac:dyDescent="0.15">
      <c r="AR41682" s="9" ph="1"/>
    </row>
    <row r="41684" spans="44:44" ht="15.75" customHeight="1" x14ac:dyDescent="0.15">
      <c r="AR41684" s="9" ph="1"/>
    </row>
    <row r="41685" spans="44:44" ht="15.75" customHeight="1" x14ac:dyDescent="0.15">
      <c r="AR41685" s="9" ph="1"/>
    </row>
    <row r="41686" spans="44:44" ht="15.75" customHeight="1" x14ac:dyDescent="0.15">
      <c r="AR41686" s="9" ph="1"/>
    </row>
    <row r="41687" spans="44:44" ht="15.75" customHeight="1" x14ac:dyDescent="0.15">
      <c r="AR41687" s="9" ph="1"/>
    </row>
    <row r="41688" spans="44:44" ht="15.75" customHeight="1" x14ac:dyDescent="0.15">
      <c r="AR41688" s="9" ph="1"/>
    </row>
    <row r="41689" spans="44:44" ht="15.75" customHeight="1" x14ac:dyDescent="0.15">
      <c r="AR41689" s="9" ph="1"/>
    </row>
    <row r="41690" spans="44:44" ht="15.75" customHeight="1" x14ac:dyDescent="0.15">
      <c r="AR41690" s="9" ph="1"/>
    </row>
    <row r="41691" spans="44:44" ht="15.75" customHeight="1" x14ac:dyDescent="0.15">
      <c r="AR41691" s="9" ph="1"/>
    </row>
    <row r="41692" spans="44:44" ht="15.75" customHeight="1" x14ac:dyDescent="0.15">
      <c r="AR41692" s="9" ph="1"/>
    </row>
    <row r="41693" spans="44:44" ht="15.75" customHeight="1" x14ac:dyDescent="0.15">
      <c r="AR41693" s="9" ph="1"/>
    </row>
    <row r="41695" spans="44:44" ht="15.75" customHeight="1" x14ac:dyDescent="0.15">
      <c r="AR41695" s="9" ph="1"/>
    </row>
    <row r="41696" spans="44:44" ht="15.75" customHeight="1" x14ac:dyDescent="0.15">
      <c r="AR41696" s="9" ph="1"/>
    </row>
    <row r="41697" spans="44:44" ht="15.75" customHeight="1" x14ac:dyDescent="0.15">
      <c r="AR41697" s="9" ph="1"/>
    </row>
    <row r="41698" spans="44:44" ht="15.75" customHeight="1" x14ac:dyDescent="0.15">
      <c r="AR41698" s="9" ph="1"/>
    </row>
    <row r="41699" spans="44:44" ht="15.75" customHeight="1" x14ac:dyDescent="0.15">
      <c r="AR41699" s="9" ph="1"/>
    </row>
    <row r="41700" spans="44:44" ht="15.75" customHeight="1" x14ac:dyDescent="0.15">
      <c r="AR41700" s="9" ph="1"/>
    </row>
    <row r="41701" spans="44:44" ht="15.75" customHeight="1" x14ac:dyDescent="0.15">
      <c r="AR41701" s="9" ph="1"/>
    </row>
    <row r="41702" spans="44:44" ht="15.75" customHeight="1" x14ac:dyDescent="0.15">
      <c r="AR41702" s="9" ph="1"/>
    </row>
    <row r="41703" spans="44:44" ht="15.75" customHeight="1" x14ac:dyDescent="0.15">
      <c r="AR41703" s="9" ph="1"/>
    </row>
    <row r="41704" spans="44:44" ht="15.75" customHeight="1" x14ac:dyDescent="0.15">
      <c r="AR41704" s="9" ph="1"/>
    </row>
    <row r="41705" spans="44:44" ht="15.75" customHeight="1" x14ac:dyDescent="0.15">
      <c r="AR41705" s="9" ph="1"/>
    </row>
    <row r="41706" spans="44:44" ht="15.75" customHeight="1" x14ac:dyDescent="0.15">
      <c r="AR41706" s="9" ph="1"/>
    </row>
    <row r="41707" spans="44:44" ht="15.75" customHeight="1" x14ac:dyDescent="0.15">
      <c r="AR41707" s="9" ph="1"/>
    </row>
    <row r="41708" spans="44:44" ht="15.75" customHeight="1" x14ac:dyDescent="0.15">
      <c r="AR41708" s="9" ph="1"/>
    </row>
    <row r="41709" spans="44:44" ht="15.75" customHeight="1" x14ac:dyDescent="0.15">
      <c r="AR41709" s="9" ph="1"/>
    </row>
    <row r="41710" spans="44:44" ht="15.75" customHeight="1" x14ac:dyDescent="0.15">
      <c r="AR41710" s="9" ph="1"/>
    </row>
    <row r="41711" spans="44:44" ht="15.75" customHeight="1" x14ac:dyDescent="0.15">
      <c r="AR41711" s="9" ph="1"/>
    </row>
    <row r="41713" spans="44:44" ht="15.75" customHeight="1" x14ac:dyDescent="0.15">
      <c r="AR41713" s="9" ph="1"/>
    </row>
    <row r="41714" spans="44:44" ht="15.75" customHeight="1" x14ac:dyDescent="0.15">
      <c r="AR41714" s="9" ph="1"/>
    </row>
    <row r="41715" spans="44:44" ht="15.75" customHeight="1" x14ac:dyDescent="0.15">
      <c r="AR41715" s="9" ph="1"/>
    </row>
    <row r="41716" spans="44:44" ht="15.75" customHeight="1" x14ac:dyDescent="0.15">
      <c r="AR41716" s="9" ph="1"/>
    </row>
    <row r="41717" spans="44:44" ht="15.75" customHeight="1" x14ac:dyDescent="0.15">
      <c r="AR41717" s="9" ph="1"/>
    </row>
    <row r="41718" spans="44:44" ht="15.75" customHeight="1" x14ac:dyDescent="0.15">
      <c r="AR41718" s="9" ph="1"/>
    </row>
    <row r="41719" spans="44:44" ht="15.75" customHeight="1" x14ac:dyDescent="0.15">
      <c r="AR41719" s="9" ph="1"/>
    </row>
    <row r="41720" spans="44:44" ht="15.75" customHeight="1" x14ac:dyDescent="0.15">
      <c r="AR41720" s="9" ph="1"/>
    </row>
    <row r="41721" spans="44:44" ht="15.75" customHeight="1" x14ac:dyDescent="0.15">
      <c r="AR41721" s="9" ph="1"/>
    </row>
    <row r="41722" spans="44:44" ht="15.75" customHeight="1" x14ac:dyDescent="0.15">
      <c r="AR41722" s="9" ph="1"/>
    </row>
    <row r="41723" spans="44:44" ht="15.75" customHeight="1" x14ac:dyDescent="0.15">
      <c r="AR41723" s="9" ph="1"/>
    </row>
    <row r="41724" spans="44:44" ht="15.75" customHeight="1" x14ac:dyDescent="0.15">
      <c r="AR41724" s="9" ph="1"/>
    </row>
    <row r="41725" spans="44:44" ht="15.75" customHeight="1" x14ac:dyDescent="0.15">
      <c r="AR41725" s="9" ph="1"/>
    </row>
    <row r="41726" spans="44:44" ht="15.75" customHeight="1" x14ac:dyDescent="0.15">
      <c r="AR41726" s="9" ph="1"/>
    </row>
    <row r="41727" spans="44:44" ht="15.75" customHeight="1" x14ac:dyDescent="0.15">
      <c r="AR41727" s="9" ph="1"/>
    </row>
    <row r="41729" spans="44:44" ht="15.75" customHeight="1" x14ac:dyDescent="0.15">
      <c r="AR41729" s="9" ph="1"/>
    </row>
    <row r="41730" spans="44:44" ht="15.75" customHeight="1" x14ac:dyDescent="0.15">
      <c r="AR41730" s="9" ph="1"/>
    </row>
    <row r="41731" spans="44:44" ht="15.75" customHeight="1" x14ac:dyDescent="0.15">
      <c r="AR41731" s="9" ph="1"/>
    </row>
    <row r="41732" spans="44:44" ht="15.75" customHeight="1" x14ac:dyDescent="0.15">
      <c r="AR41732" s="9" ph="1"/>
    </row>
    <row r="41733" spans="44:44" ht="15.75" customHeight="1" x14ac:dyDescent="0.15">
      <c r="AR41733" s="9" ph="1"/>
    </row>
    <row r="41734" spans="44:44" ht="15.75" customHeight="1" x14ac:dyDescent="0.15">
      <c r="AR41734" s="9" ph="1"/>
    </row>
    <row r="41735" spans="44:44" ht="15.75" customHeight="1" x14ac:dyDescent="0.15">
      <c r="AR41735" s="9" ph="1"/>
    </row>
    <row r="41736" spans="44:44" ht="15.75" customHeight="1" x14ac:dyDescent="0.15">
      <c r="AR41736" s="9" ph="1"/>
    </row>
    <row r="41737" spans="44:44" ht="15.75" customHeight="1" x14ac:dyDescent="0.15">
      <c r="AR41737" s="9" ph="1"/>
    </row>
    <row r="41738" spans="44:44" ht="15.75" customHeight="1" x14ac:dyDescent="0.15">
      <c r="AR41738" s="9" ph="1"/>
    </row>
    <row r="41740" spans="44:44" ht="15.75" customHeight="1" x14ac:dyDescent="0.15">
      <c r="AR41740" s="9" ph="1"/>
    </row>
    <row r="41741" spans="44:44" ht="15.75" customHeight="1" x14ac:dyDescent="0.15">
      <c r="AR41741" s="9" ph="1"/>
    </row>
    <row r="41742" spans="44:44" ht="15.75" customHeight="1" x14ac:dyDescent="0.15">
      <c r="AR41742" s="9" ph="1"/>
    </row>
    <row r="41743" spans="44:44" ht="15.75" customHeight="1" x14ac:dyDescent="0.15">
      <c r="AR41743" s="9" ph="1"/>
    </row>
    <row r="41744" spans="44:44" ht="15.75" customHeight="1" x14ac:dyDescent="0.15">
      <c r="AR41744" s="9" ph="1"/>
    </row>
    <row r="41745" spans="44:44" ht="15.75" customHeight="1" x14ac:dyDescent="0.15">
      <c r="AR41745" s="9" ph="1"/>
    </row>
    <row r="41746" spans="44:44" ht="15.75" customHeight="1" x14ac:dyDescent="0.15">
      <c r="AR41746" s="9" ph="1"/>
    </row>
    <row r="41747" spans="44:44" ht="15.75" customHeight="1" x14ac:dyDescent="0.15">
      <c r="AR41747" s="9" ph="1"/>
    </row>
    <row r="41748" spans="44:44" ht="15.75" customHeight="1" x14ac:dyDescent="0.15">
      <c r="AR41748" s="9" ph="1"/>
    </row>
    <row r="41749" spans="44:44" ht="15.75" customHeight="1" x14ac:dyDescent="0.15">
      <c r="AR41749" s="9" ph="1"/>
    </row>
    <row r="41750" spans="44:44" ht="15.75" customHeight="1" x14ac:dyDescent="0.15">
      <c r="AR41750" s="9" ph="1"/>
    </row>
    <row r="41751" spans="44:44" ht="15.75" customHeight="1" x14ac:dyDescent="0.15">
      <c r="AR41751" s="9" ph="1"/>
    </row>
    <row r="41752" spans="44:44" ht="15.75" customHeight="1" x14ac:dyDescent="0.15">
      <c r="AR41752" s="9" ph="1"/>
    </row>
    <row r="41753" spans="44:44" ht="15.75" customHeight="1" x14ac:dyDescent="0.15">
      <c r="AR41753" s="9" ph="1"/>
    </row>
    <row r="41754" spans="44:44" ht="15.75" customHeight="1" x14ac:dyDescent="0.15">
      <c r="AR41754" s="9" ph="1"/>
    </row>
    <row r="41755" spans="44:44" ht="15.75" customHeight="1" x14ac:dyDescent="0.15">
      <c r="AR41755" s="9" ph="1"/>
    </row>
    <row r="41756" spans="44:44" ht="15.75" customHeight="1" x14ac:dyDescent="0.15">
      <c r="AR41756" s="9" ph="1"/>
    </row>
    <row r="41757" spans="44:44" ht="15.75" customHeight="1" x14ac:dyDescent="0.15">
      <c r="AR41757" s="9" ph="1"/>
    </row>
    <row r="41759" spans="44:44" ht="15.75" customHeight="1" x14ac:dyDescent="0.15">
      <c r="AR41759" s="9" ph="1"/>
    </row>
    <row r="41760" spans="44:44" ht="15.75" customHeight="1" x14ac:dyDescent="0.15">
      <c r="AR41760" s="9" ph="1"/>
    </row>
    <row r="41761" spans="44:44" ht="15.75" customHeight="1" x14ac:dyDescent="0.15">
      <c r="AR41761" s="9" ph="1"/>
    </row>
    <row r="41762" spans="44:44" ht="15.75" customHeight="1" x14ac:dyDescent="0.15">
      <c r="AR41762" s="9" ph="1"/>
    </row>
    <row r="41763" spans="44:44" ht="15.75" customHeight="1" x14ac:dyDescent="0.15">
      <c r="AR41763" s="9" ph="1"/>
    </row>
    <row r="41764" spans="44:44" ht="15.75" customHeight="1" x14ac:dyDescent="0.15">
      <c r="AR41764" s="9" ph="1"/>
    </row>
    <row r="41765" spans="44:44" ht="15.75" customHeight="1" x14ac:dyDescent="0.15">
      <c r="AR41765" s="9" ph="1"/>
    </row>
    <row r="41766" spans="44:44" ht="15.75" customHeight="1" x14ac:dyDescent="0.15">
      <c r="AR41766" s="9" ph="1"/>
    </row>
    <row r="41767" spans="44:44" ht="15.75" customHeight="1" x14ac:dyDescent="0.15">
      <c r="AR41767" s="9" ph="1"/>
    </row>
    <row r="41768" spans="44:44" ht="15.75" customHeight="1" x14ac:dyDescent="0.15">
      <c r="AR41768" s="9" ph="1"/>
    </row>
    <row r="41769" spans="44:44" ht="15.75" customHeight="1" x14ac:dyDescent="0.15">
      <c r="AR41769" s="9" ph="1"/>
    </row>
    <row r="41770" spans="44:44" ht="15.75" customHeight="1" x14ac:dyDescent="0.15">
      <c r="AR41770" s="9" ph="1"/>
    </row>
    <row r="41771" spans="44:44" ht="15.75" customHeight="1" x14ac:dyDescent="0.15">
      <c r="AR41771" s="9" ph="1"/>
    </row>
    <row r="41772" spans="44:44" ht="15.75" customHeight="1" x14ac:dyDescent="0.15">
      <c r="AR41772" s="9" ph="1"/>
    </row>
    <row r="41773" spans="44:44" ht="15.75" customHeight="1" x14ac:dyDescent="0.15">
      <c r="AR41773" s="9" ph="1"/>
    </row>
    <row r="41775" spans="44:44" ht="15.75" customHeight="1" x14ac:dyDescent="0.15">
      <c r="AR41775" s="9" ph="1"/>
    </row>
    <row r="41776" spans="44:44" ht="15.75" customHeight="1" x14ac:dyDescent="0.15">
      <c r="AR41776" s="9" ph="1"/>
    </row>
    <row r="41777" spans="44:44" ht="15.75" customHeight="1" x14ac:dyDescent="0.15">
      <c r="AR41777" s="9" ph="1"/>
    </row>
    <row r="41778" spans="44:44" ht="15.75" customHeight="1" x14ac:dyDescent="0.15">
      <c r="AR41778" s="9" ph="1"/>
    </row>
    <row r="41779" spans="44:44" ht="15.75" customHeight="1" x14ac:dyDescent="0.15">
      <c r="AR41779" s="9" ph="1"/>
    </row>
    <row r="41780" spans="44:44" ht="15.75" customHeight="1" x14ac:dyDescent="0.15">
      <c r="AR41780" s="9" ph="1"/>
    </row>
    <row r="41781" spans="44:44" ht="15.75" customHeight="1" x14ac:dyDescent="0.15">
      <c r="AR41781" s="9" ph="1"/>
    </row>
    <row r="41782" spans="44:44" ht="15.75" customHeight="1" x14ac:dyDescent="0.15">
      <c r="AR41782" s="9" ph="1"/>
    </row>
    <row r="41783" spans="44:44" ht="15.75" customHeight="1" x14ac:dyDescent="0.15">
      <c r="AR41783" s="9" ph="1"/>
    </row>
    <row r="41784" spans="44:44" ht="15.75" customHeight="1" x14ac:dyDescent="0.15">
      <c r="AR41784" s="9" ph="1"/>
    </row>
    <row r="41786" spans="44:44" ht="15.75" customHeight="1" x14ac:dyDescent="0.15">
      <c r="AR41786" s="9" ph="1"/>
    </row>
    <row r="41787" spans="44:44" ht="15.75" customHeight="1" x14ac:dyDescent="0.15">
      <c r="AR41787" s="9" ph="1"/>
    </row>
    <row r="41788" spans="44:44" ht="15.75" customHeight="1" x14ac:dyDescent="0.15">
      <c r="AR41788" s="9" ph="1"/>
    </row>
    <row r="41789" spans="44:44" ht="15.75" customHeight="1" x14ac:dyDescent="0.15">
      <c r="AR41789" s="9" ph="1"/>
    </row>
    <row r="41790" spans="44:44" ht="15.75" customHeight="1" x14ac:dyDescent="0.15">
      <c r="AR41790" s="9" ph="1"/>
    </row>
    <row r="41791" spans="44:44" ht="15.75" customHeight="1" x14ac:dyDescent="0.15">
      <c r="AR41791" s="9" ph="1"/>
    </row>
    <row r="41792" spans="44:44" ht="15.75" customHeight="1" x14ac:dyDescent="0.15">
      <c r="AR41792" s="9" ph="1"/>
    </row>
    <row r="41793" spans="44:44" ht="15.75" customHeight="1" x14ac:dyDescent="0.15">
      <c r="AR41793" s="9" ph="1"/>
    </row>
    <row r="41794" spans="44:44" ht="15.75" customHeight="1" x14ac:dyDescent="0.15">
      <c r="AR41794" s="9" ph="1"/>
    </row>
    <row r="41795" spans="44:44" ht="15.75" customHeight="1" x14ac:dyDescent="0.15">
      <c r="AR41795" s="9" ph="1"/>
    </row>
    <row r="41796" spans="44:44" ht="15.75" customHeight="1" x14ac:dyDescent="0.15">
      <c r="AR41796" s="9" ph="1"/>
    </row>
    <row r="41797" spans="44:44" ht="15.75" customHeight="1" x14ac:dyDescent="0.15">
      <c r="AR41797" s="9" ph="1"/>
    </row>
    <row r="41798" spans="44:44" ht="15.75" customHeight="1" x14ac:dyDescent="0.15">
      <c r="AR41798" s="9" ph="1"/>
    </row>
    <row r="41799" spans="44:44" ht="15.75" customHeight="1" x14ac:dyDescent="0.15">
      <c r="AR41799" s="9" ph="1"/>
    </row>
    <row r="41801" spans="44:44" ht="15.75" customHeight="1" x14ac:dyDescent="0.15">
      <c r="AR41801" s="9" ph="1"/>
    </row>
    <row r="41802" spans="44:44" ht="15.75" customHeight="1" x14ac:dyDescent="0.15">
      <c r="AR41802" s="9" ph="1"/>
    </row>
    <row r="41803" spans="44:44" ht="15.75" customHeight="1" x14ac:dyDescent="0.15">
      <c r="AR41803" s="9" ph="1"/>
    </row>
    <row r="41804" spans="44:44" ht="15.75" customHeight="1" x14ac:dyDescent="0.15">
      <c r="AR41804" s="9" ph="1"/>
    </row>
    <row r="41805" spans="44:44" ht="15.75" customHeight="1" x14ac:dyDescent="0.15">
      <c r="AR41805" s="9" ph="1"/>
    </row>
    <row r="41806" spans="44:44" ht="15.75" customHeight="1" x14ac:dyDescent="0.15">
      <c r="AR41806" s="9" ph="1"/>
    </row>
    <row r="41807" spans="44:44" ht="15.75" customHeight="1" x14ac:dyDescent="0.15">
      <c r="AR41807" s="9" ph="1"/>
    </row>
    <row r="41808" spans="44:44" ht="15.75" customHeight="1" x14ac:dyDescent="0.15">
      <c r="AR41808" s="9" ph="1"/>
    </row>
    <row r="41809" spans="44:44" ht="15.75" customHeight="1" x14ac:dyDescent="0.15">
      <c r="AR41809" s="9" ph="1"/>
    </row>
    <row r="41810" spans="44:44" ht="15.75" customHeight="1" x14ac:dyDescent="0.15">
      <c r="AR41810" s="9" ph="1"/>
    </row>
    <row r="41811" spans="44:44" ht="15.75" customHeight="1" x14ac:dyDescent="0.15">
      <c r="AR41811" s="9" ph="1"/>
    </row>
    <row r="41812" spans="44:44" ht="15.75" customHeight="1" x14ac:dyDescent="0.15">
      <c r="AR41812" s="9" ph="1"/>
    </row>
    <row r="41813" spans="44:44" ht="15.75" customHeight="1" x14ac:dyDescent="0.15">
      <c r="AR41813" s="9" ph="1"/>
    </row>
    <row r="41814" spans="44:44" ht="15.75" customHeight="1" x14ac:dyDescent="0.15">
      <c r="AR41814" s="9" ph="1"/>
    </row>
    <row r="41815" spans="44:44" ht="15.75" customHeight="1" x14ac:dyDescent="0.15">
      <c r="AR41815" s="9" ph="1"/>
    </row>
    <row r="41817" spans="44:44" ht="15.75" customHeight="1" x14ac:dyDescent="0.15">
      <c r="AR41817" s="9" ph="1"/>
    </row>
    <row r="41818" spans="44:44" ht="15.75" customHeight="1" x14ac:dyDescent="0.15">
      <c r="AR41818" s="9" ph="1"/>
    </row>
    <row r="41819" spans="44:44" ht="15.75" customHeight="1" x14ac:dyDescent="0.15">
      <c r="AR41819" s="9" ph="1"/>
    </row>
    <row r="41820" spans="44:44" ht="15.75" customHeight="1" x14ac:dyDescent="0.15">
      <c r="AR41820" s="9" ph="1"/>
    </row>
    <row r="41821" spans="44:44" ht="15.75" customHeight="1" x14ac:dyDescent="0.15">
      <c r="AR41821" s="9" ph="1"/>
    </row>
    <row r="41822" spans="44:44" ht="15.75" customHeight="1" x14ac:dyDescent="0.15">
      <c r="AR41822" s="9" ph="1"/>
    </row>
    <row r="41823" spans="44:44" ht="15.75" customHeight="1" x14ac:dyDescent="0.15">
      <c r="AR41823" s="9" ph="1"/>
    </row>
    <row r="41824" spans="44:44" ht="15.75" customHeight="1" x14ac:dyDescent="0.15">
      <c r="AR41824" s="9" ph="1"/>
    </row>
    <row r="41825" spans="44:44" ht="15.75" customHeight="1" x14ac:dyDescent="0.15">
      <c r="AR41825" s="9" ph="1"/>
    </row>
    <row r="41826" spans="44:44" ht="15.75" customHeight="1" x14ac:dyDescent="0.15">
      <c r="AR41826" s="9" ph="1"/>
    </row>
    <row r="41828" spans="44:44" ht="15.75" customHeight="1" x14ac:dyDescent="0.15">
      <c r="AR41828" s="9" ph="1"/>
    </row>
    <row r="41829" spans="44:44" ht="15.75" customHeight="1" x14ac:dyDescent="0.15">
      <c r="AR41829" s="9" ph="1"/>
    </row>
    <row r="41830" spans="44:44" ht="15.75" customHeight="1" x14ac:dyDescent="0.15">
      <c r="AR41830" s="9" ph="1"/>
    </row>
    <row r="41831" spans="44:44" ht="15.75" customHeight="1" x14ac:dyDescent="0.15">
      <c r="AR41831" s="9" ph="1"/>
    </row>
    <row r="41832" spans="44:44" ht="15.75" customHeight="1" x14ac:dyDescent="0.15">
      <c r="AR41832" s="9" ph="1"/>
    </row>
    <row r="41833" spans="44:44" ht="15.75" customHeight="1" x14ac:dyDescent="0.15">
      <c r="AR41833" s="9" ph="1"/>
    </row>
    <row r="41834" spans="44:44" ht="15.75" customHeight="1" x14ac:dyDescent="0.15">
      <c r="AR41834" s="9" ph="1"/>
    </row>
    <row r="41835" spans="44:44" ht="15.75" customHeight="1" x14ac:dyDescent="0.15">
      <c r="AR41835" s="9" ph="1"/>
    </row>
    <row r="41836" spans="44:44" ht="15.75" customHeight="1" x14ac:dyDescent="0.15">
      <c r="AR41836" s="9" ph="1"/>
    </row>
    <row r="41837" spans="44:44" ht="15.75" customHeight="1" x14ac:dyDescent="0.15">
      <c r="AR41837" s="9" ph="1"/>
    </row>
    <row r="41838" spans="44:44" ht="15.75" customHeight="1" x14ac:dyDescent="0.15">
      <c r="AR41838" s="9" ph="1"/>
    </row>
    <row r="41839" spans="44:44" ht="15.75" customHeight="1" x14ac:dyDescent="0.15">
      <c r="AR41839" s="9" ph="1"/>
    </row>
    <row r="41840" spans="44:44" ht="15.75" customHeight="1" x14ac:dyDescent="0.15">
      <c r="AR41840" s="9" ph="1"/>
    </row>
    <row r="41841" spans="44:44" ht="15.75" customHeight="1" x14ac:dyDescent="0.15">
      <c r="AR41841" s="9" ph="1"/>
    </row>
    <row r="41842" spans="44:44" ht="15.75" customHeight="1" x14ac:dyDescent="0.15">
      <c r="AR41842" s="9" ph="1"/>
    </row>
    <row r="41843" spans="44:44" ht="15.75" customHeight="1" x14ac:dyDescent="0.15">
      <c r="AR41843" s="9" ph="1"/>
    </row>
    <row r="41844" spans="44:44" ht="15.75" customHeight="1" x14ac:dyDescent="0.15">
      <c r="AR41844" s="9" ph="1"/>
    </row>
    <row r="41845" spans="44:44" ht="15.75" customHeight="1" x14ac:dyDescent="0.15">
      <c r="AR41845" s="9" ph="1"/>
    </row>
    <row r="41846" spans="44:44" ht="15.75" customHeight="1" x14ac:dyDescent="0.15">
      <c r="AR41846" s="9" ph="1"/>
    </row>
    <row r="41847" spans="44:44" ht="15.75" customHeight="1" x14ac:dyDescent="0.15">
      <c r="AR41847" s="9" ph="1"/>
    </row>
    <row r="41848" spans="44:44" ht="15.75" customHeight="1" x14ac:dyDescent="0.15">
      <c r="AR41848" s="9" ph="1"/>
    </row>
    <row r="41849" spans="44:44" ht="15.75" customHeight="1" x14ac:dyDescent="0.15">
      <c r="AR41849" s="9" ph="1"/>
    </row>
    <row r="41850" spans="44:44" ht="15.75" customHeight="1" x14ac:dyDescent="0.15">
      <c r="AR41850" s="9" ph="1"/>
    </row>
    <row r="41851" spans="44:44" ht="15.75" customHeight="1" x14ac:dyDescent="0.15">
      <c r="AR41851" s="9" ph="1"/>
    </row>
    <row r="41852" spans="44:44" ht="15.75" customHeight="1" x14ac:dyDescent="0.15">
      <c r="AR41852" s="9" ph="1"/>
    </row>
    <row r="41854" spans="44:44" ht="15.75" customHeight="1" x14ac:dyDescent="0.15">
      <c r="AR41854" s="9" ph="1"/>
    </row>
    <row r="41855" spans="44:44" ht="15.75" customHeight="1" x14ac:dyDescent="0.15">
      <c r="AR41855" s="9" ph="1"/>
    </row>
    <row r="41856" spans="44:44" ht="15.75" customHeight="1" x14ac:dyDescent="0.15">
      <c r="AR41856" s="9" ph="1"/>
    </row>
    <row r="41857" spans="44:44" ht="15.75" customHeight="1" x14ac:dyDescent="0.15">
      <c r="AR41857" s="9" ph="1"/>
    </row>
    <row r="41858" spans="44:44" ht="15.75" customHeight="1" x14ac:dyDescent="0.15">
      <c r="AR41858" s="9" ph="1"/>
    </row>
    <row r="41859" spans="44:44" ht="15.75" customHeight="1" x14ac:dyDescent="0.15">
      <c r="AR41859" s="9" ph="1"/>
    </row>
    <row r="41860" spans="44:44" ht="15.75" customHeight="1" x14ac:dyDescent="0.15">
      <c r="AR41860" s="9" ph="1"/>
    </row>
    <row r="41861" spans="44:44" ht="15.75" customHeight="1" x14ac:dyDescent="0.15">
      <c r="AR41861" s="9" ph="1"/>
    </row>
    <row r="41862" spans="44:44" ht="15.75" customHeight="1" x14ac:dyDescent="0.15">
      <c r="AR41862" s="9" ph="1"/>
    </row>
    <row r="41863" spans="44:44" ht="15.75" customHeight="1" x14ac:dyDescent="0.15">
      <c r="AR41863" s="9" ph="1"/>
    </row>
    <row r="41864" spans="44:44" ht="15.75" customHeight="1" x14ac:dyDescent="0.15">
      <c r="AR41864" s="9" ph="1"/>
    </row>
    <row r="41865" spans="44:44" ht="15.75" customHeight="1" x14ac:dyDescent="0.15">
      <c r="AR41865" s="9" ph="1"/>
    </row>
    <row r="41866" spans="44:44" ht="15.75" customHeight="1" x14ac:dyDescent="0.15">
      <c r="AR41866" s="9" ph="1"/>
    </row>
    <row r="41867" spans="44:44" ht="15.75" customHeight="1" x14ac:dyDescent="0.15">
      <c r="AR41867" s="9" ph="1"/>
    </row>
    <row r="41868" spans="44:44" ht="15.75" customHeight="1" x14ac:dyDescent="0.15">
      <c r="AR41868" s="9" ph="1"/>
    </row>
    <row r="41870" spans="44:44" ht="15.75" customHeight="1" x14ac:dyDescent="0.15">
      <c r="AR41870" s="9" ph="1"/>
    </row>
    <row r="41871" spans="44:44" ht="15.75" customHeight="1" x14ac:dyDescent="0.15">
      <c r="AR41871" s="9" ph="1"/>
    </row>
    <row r="41872" spans="44:44" ht="15.75" customHeight="1" x14ac:dyDescent="0.15">
      <c r="AR41872" s="9" ph="1"/>
    </row>
    <row r="41873" spans="44:44" ht="15.75" customHeight="1" x14ac:dyDescent="0.15">
      <c r="AR41873" s="9" ph="1"/>
    </row>
    <row r="41874" spans="44:44" ht="15.75" customHeight="1" x14ac:dyDescent="0.15">
      <c r="AR41874" s="9" ph="1"/>
    </row>
    <row r="41875" spans="44:44" ht="15.75" customHeight="1" x14ac:dyDescent="0.15">
      <c r="AR41875" s="9" ph="1"/>
    </row>
    <row r="41876" spans="44:44" ht="15.75" customHeight="1" x14ac:dyDescent="0.15">
      <c r="AR41876" s="9" ph="1"/>
    </row>
    <row r="41877" spans="44:44" ht="15.75" customHeight="1" x14ac:dyDescent="0.15">
      <c r="AR41877" s="9" ph="1"/>
    </row>
    <row r="41878" spans="44:44" ht="15.75" customHeight="1" x14ac:dyDescent="0.15">
      <c r="AR41878" s="9" ph="1"/>
    </row>
    <row r="41879" spans="44:44" ht="15.75" customHeight="1" x14ac:dyDescent="0.15">
      <c r="AR41879" s="9" ph="1"/>
    </row>
    <row r="41881" spans="44:44" ht="15.75" customHeight="1" x14ac:dyDescent="0.15">
      <c r="AR41881" s="9" ph="1"/>
    </row>
    <row r="41882" spans="44:44" ht="15.75" customHeight="1" x14ac:dyDescent="0.15">
      <c r="AR41882" s="9" ph="1"/>
    </row>
    <row r="41883" spans="44:44" ht="15.75" customHeight="1" x14ac:dyDescent="0.15">
      <c r="AR41883" s="9" ph="1"/>
    </row>
    <row r="41884" spans="44:44" ht="15.75" customHeight="1" x14ac:dyDescent="0.15">
      <c r="AR41884" s="9" ph="1"/>
    </row>
    <row r="41885" spans="44:44" ht="15.75" customHeight="1" x14ac:dyDescent="0.15">
      <c r="AR41885" s="9" ph="1"/>
    </row>
    <row r="41886" spans="44:44" ht="15.75" customHeight="1" x14ac:dyDescent="0.15">
      <c r="AR41886" s="9" ph="1"/>
    </row>
    <row r="41887" spans="44:44" ht="15.75" customHeight="1" x14ac:dyDescent="0.15">
      <c r="AR41887" s="9" ph="1"/>
    </row>
    <row r="41888" spans="44:44" ht="15.75" customHeight="1" x14ac:dyDescent="0.15">
      <c r="AR41888" s="9" ph="1"/>
    </row>
    <row r="41889" spans="44:44" ht="15.75" customHeight="1" x14ac:dyDescent="0.15">
      <c r="AR41889" s="9" ph="1"/>
    </row>
    <row r="41890" spans="44:44" ht="15.75" customHeight="1" x14ac:dyDescent="0.15">
      <c r="AR41890" s="9" ph="1"/>
    </row>
    <row r="41891" spans="44:44" ht="15.75" customHeight="1" x14ac:dyDescent="0.15">
      <c r="AR41891" s="9" ph="1"/>
    </row>
    <row r="41892" spans="44:44" ht="15.75" customHeight="1" x14ac:dyDescent="0.15">
      <c r="AR41892" s="9" ph="1"/>
    </row>
    <row r="41893" spans="44:44" ht="15.75" customHeight="1" x14ac:dyDescent="0.15">
      <c r="AR41893" s="9" ph="1"/>
    </row>
    <row r="41894" spans="44:44" ht="15.75" customHeight="1" x14ac:dyDescent="0.15">
      <c r="AR41894" s="9" ph="1"/>
    </row>
    <row r="41895" spans="44:44" ht="15.75" customHeight="1" x14ac:dyDescent="0.15">
      <c r="AR41895" s="9" ph="1"/>
    </row>
    <row r="41896" spans="44:44" ht="15.75" customHeight="1" x14ac:dyDescent="0.15">
      <c r="AR41896" s="9" ph="1"/>
    </row>
    <row r="41897" spans="44:44" ht="15.75" customHeight="1" x14ac:dyDescent="0.15">
      <c r="AR41897" s="9" ph="1"/>
    </row>
    <row r="41898" spans="44:44" ht="15.75" customHeight="1" x14ac:dyDescent="0.15">
      <c r="AR41898" s="9" ph="1"/>
    </row>
    <row r="41899" spans="44:44" ht="15.75" customHeight="1" x14ac:dyDescent="0.15">
      <c r="AR41899" s="9" ph="1"/>
    </row>
    <row r="41900" spans="44:44" ht="15.75" customHeight="1" x14ac:dyDescent="0.15">
      <c r="AR41900" s="9" ph="1"/>
    </row>
    <row r="41901" spans="44:44" ht="15.75" customHeight="1" x14ac:dyDescent="0.15">
      <c r="AR41901" s="9" ph="1"/>
    </row>
    <row r="41902" spans="44:44" ht="15.75" customHeight="1" x14ac:dyDescent="0.15">
      <c r="AR41902" s="9" ph="1"/>
    </row>
    <row r="41903" spans="44:44" ht="15.75" customHeight="1" x14ac:dyDescent="0.15">
      <c r="AR41903" s="9" ph="1"/>
    </row>
    <row r="41904" spans="44:44" ht="15.75" customHeight="1" x14ac:dyDescent="0.15">
      <c r="AR41904" s="9" ph="1"/>
    </row>
    <row r="41905" spans="44:44" ht="15.75" customHeight="1" x14ac:dyDescent="0.15">
      <c r="AR41905" s="9" ph="1"/>
    </row>
    <row r="41907" spans="44:44" ht="15.75" customHeight="1" x14ac:dyDescent="0.15">
      <c r="AR41907" s="9" ph="1"/>
    </row>
    <row r="41908" spans="44:44" ht="15.75" customHeight="1" x14ac:dyDescent="0.15">
      <c r="AR41908" s="9" ph="1"/>
    </row>
    <row r="41909" spans="44:44" ht="15.75" customHeight="1" x14ac:dyDescent="0.15">
      <c r="AR41909" s="9" ph="1"/>
    </row>
    <row r="41910" spans="44:44" ht="15.75" customHeight="1" x14ac:dyDescent="0.15">
      <c r="AR41910" s="9" ph="1"/>
    </row>
    <row r="41911" spans="44:44" ht="15.75" customHeight="1" x14ac:dyDescent="0.15">
      <c r="AR41911" s="9" ph="1"/>
    </row>
    <row r="41912" spans="44:44" ht="15.75" customHeight="1" x14ac:dyDescent="0.15">
      <c r="AR41912" s="9" ph="1"/>
    </row>
    <row r="41913" spans="44:44" ht="15.75" customHeight="1" x14ac:dyDescent="0.15">
      <c r="AR41913" s="9" ph="1"/>
    </row>
    <row r="41914" spans="44:44" ht="15.75" customHeight="1" x14ac:dyDescent="0.15">
      <c r="AR41914" s="9" ph="1"/>
    </row>
    <row r="41915" spans="44:44" ht="15.75" customHeight="1" x14ac:dyDescent="0.15">
      <c r="AR41915" s="9" ph="1"/>
    </row>
    <row r="41916" spans="44:44" ht="15.75" customHeight="1" x14ac:dyDescent="0.15">
      <c r="AR41916" s="9" ph="1"/>
    </row>
    <row r="41917" spans="44:44" ht="15.75" customHeight="1" x14ac:dyDescent="0.15">
      <c r="AR41917" s="9" ph="1"/>
    </row>
    <row r="41918" spans="44:44" ht="15.75" customHeight="1" x14ac:dyDescent="0.15">
      <c r="AR41918" s="9" ph="1"/>
    </row>
    <row r="41919" spans="44:44" ht="15.75" customHeight="1" x14ac:dyDescent="0.15">
      <c r="AR41919" s="9" ph="1"/>
    </row>
    <row r="41920" spans="44:44" ht="15.75" customHeight="1" x14ac:dyDescent="0.15">
      <c r="AR41920" s="9" ph="1"/>
    </row>
    <row r="41921" spans="44:44" ht="15.75" customHeight="1" x14ac:dyDescent="0.15">
      <c r="AR41921" s="9" ph="1"/>
    </row>
    <row r="41923" spans="44:44" ht="15.75" customHeight="1" x14ac:dyDescent="0.15">
      <c r="AR41923" s="9" ph="1"/>
    </row>
    <row r="41924" spans="44:44" ht="15.75" customHeight="1" x14ac:dyDescent="0.15">
      <c r="AR41924" s="9" ph="1"/>
    </row>
    <row r="41925" spans="44:44" ht="15.75" customHeight="1" x14ac:dyDescent="0.15">
      <c r="AR41925" s="9" ph="1"/>
    </row>
    <row r="41926" spans="44:44" ht="15.75" customHeight="1" x14ac:dyDescent="0.15">
      <c r="AR41926" s="9" ph="1"/>
    </row>
    <row r="41927" spans="44:44" ht="15.75" customHeight="1" x14ac:dyDescent="0.15">
      <c r="AR41927" s="9" ph="1"/>
    </row>
    <row r="41928" spans="44:44" ht="15.75" customHeight="1" x14ac:dyDescent="0.15">
      <c r="AR41928" s="9" ph="1"/>
    </row>
    <row r="41929" spans="44:44" ht="15.75" customHeight="1" x14ac:dyDescent="0.15">
      <c r="AR41929" s="9" ph="1"/>
    </row>
    <row r="41930" spans="44:44" ht="15.75" customHeight="1" x14ac:dyDescent="0.15">
      <c r="AR41930" s="9" ph="1"/>
    </row>
    <row r="41931" spans="44:44" ht="15.75" customHeight="1" x14ac:dyDescent="0.15">
      <c r="AR41931" s="9" ph="1"/>
    </row>
    <row r="41932" spans="44:44" ht="15.75" customHeight="1" x14ac:dyDescent="0.15">
      <c r="AR41932" s="9" ph="1"/>
    </row>
    <row r="41934" spans="44:44" ht="15.75" customHeight="1" x14ac:dyDescent="0.15">
      <c r="AR41934" s="9" ph="1"/>
    </row>
    <row r="41935" spans="44:44" ht="15.75" customHeight="1" x14ac:dyDescent="0.15">
      <c r="AR41935" s="9" ph="1"/>
    </row>
    <row r="41936" spans="44:44" ht="15.75" customHeight="1" x14ac:dyDescent="0.15">
      <c r="AR41936" s="9" ph="1"/>
    </row>
    <row r="41937" spans="44:44" ht="15.75" customHeight="1" x14ac:dyDescent="0.15">
      <c r="AR41937" s="9" ph="1"/>
    </row>
    <row r="41938" spans="44:44" ht="15.75" customHeight="1" x14ac:dyDescent="0.15">
      <c r="AR41938" s="9" ph="1"/>
    </row>
    <row r="41939" spans="44:44" ht="15.75" customHeight="1" x14ac:dyDescent="0.15">
      <c r="AR41939" s="9" ph="1"/>
    </row>
    <row r="41940" spans="44:44" ht="15.75" customHeight="1" x14ac:dyDescent="0.15">
      <c r="AR41940" s="9" ph="1"/>
    </row>
    <row r="41941" spans="44:44" ht="15.75" customHeight="1" x14ac:dyDescent="0.15">
      <c r="AR41941" s="9" ph="1"/>
    </row>
    <row r="41942" spans="44:44" ht="15.75" customHeight="1" x14ac:dyDescent="0.15">
      <c r="AR41942" s="9" ph="1"/>
    </row>
    <row r="41943" spans="44:44" ht="15.75" customHeight="1" x14ac:dyDescent="0.15">
      <c r="AR41943" s="9" ph="1"/>
    </row>
    <row r="41944" spans="44:44" ht="15.75" customHeight="1" x14ac:dyDescent="0.15">
      <c r="AR41944" s="9" ph="1"/>
    </row>
    <row r="41945" spans="44:44" ht="15.75" customHeight="1" x14ac:dyDescent="0.15">
      <c r="AR41945" s="9" ph="1"/>
    </row>
    <row r="41946" spans="44:44" ht="15.75" customHeight="1" x14ac:dyDescent="0.15">
      <c r="AR41946" s="9" ph="1"/>
    </row>
    <row r="41947" spans="44:44" ht="15.75" customHeight="1" x14ac:dyDescent="0.15">
      <c r="AR41947" s="9" ph="1"/>
    </row>
    <row r="41948" spans="44:44" ht="15.75" customHeight="1" x14ac:dyDescent="0.15">
      <c r="AR41948" s="9" ph="1"/>
    </row>
    <row r="41949" spans="44:44" ht="15.75" customHeight="1" x14ac:dyDescent="0.15">
      <c r="AR41949" s="9" ph="1"/>
    </row>
    <row r="41950" spans="44:44" ht="15.75" customHeight="1" x14ac:dyDescent="0.15">
      <c r="AR41950" s="9" ph="1"/>
    </row>
    <row r="41951" spans="44:44" ht="15.75" customHeight="1" x14ac:dyDescent="0.15">
      <c r="AR41951" s="9" ph="1"/>
    </row>
    <row r="41953" spans="44:44" ht="15.75" customHeight="1" x14ac:dyDescent="0.15">
      <c r="AR41953" s="9" ph="1"/>
    </row>
    <row r="41954" spans="44:44" ht="15.75" customHeight="1" x14ac:dyDescent="0.15">
      <c r="AR41954" s="9" ph="1"/>
    </row>
    <row r="41955" spans="44:44" ht="15.75" customHeight="1" x14ac:dyDescent="0.15">
      <c r="AR41955" s="9" ph="1"/>
    </row>
    <row r="41956" spans="44:44" ht="15.75" customHeight="1" x14ac:dyDescent="0.15">
      <c r="AR41956" s="9" ph="1"/>
    </row>
    <row r="41957" spans="44:44" ht="15.75" customHeight="1" x14ac:dyDescent="0.15">
      <c r="AR41957" s="9" ph="1"/>
    </row>
    <row r="41958" spans="44:44" ht="15.75" customHeight="1" x14ac:dyDescent="0.15">
      <c r="AR41958" s="9" ph="1"/>
    </row>
    <row r="41959" spans="44:44" ht="15.75" customHeight="1" x14ac:dyDescent="0.15">
      <c r="AR41959" s="9" ph="1"/>
    </row>
    <row r="41960" spans="44:44" ht="15.75" customHeight="1" x14ac:dyDescent="0.15">
      <c r="AR41960" s="9" ph="1"/>
    </row>
    <row r="41961" spans="44:44" ht="15.75" customHeight="1" x14ac:dyDescent="0.15">
      <c r="AR41961" s="9" ph="1"/>
    </row>
    <row r="41962" spans="44:44" ht="15.75" customHeight="1" x14ac:dyDescent="0.15">
      <c r="AR41962" s="9" ph="1"/>
    </row>
    <row r="41963" spans="44:44" ht="15.75" customHeight="1" x14ac:dyDescent="0.15">
      <c r="AR41963" s="9" ph="1"/>
    </row>
    <row r="41964" spans="44:44" ht="15.75" customHeight="1" x14ac:dyDescent="0.15">
      <c r="AR41964" s="9" ph="1"/>
    </row>
    <row r="41965" spans="44:44" ht="15.75" customHeight="1" x14ac:dyDescent="0.15">
      <c r="AR41965" s="9" ph="1"/>
    </row>
    <row r="41966" spans="44:44" ht="15.75" customHeight="1" x14ac:dyDescent="0.15">
      <c r="AR41966" s="9" ph="1"/>
    </row>
    <row r="41967" spans="44:44" ht="15.75" customHeight="1" x14ac:dyDescent="0.15">
      <c r="AR41967" s="9" ph="1"/>
    </row>
    <row r="41968" spans="44:44" ht="15.75" customHeight="1" x14ac:dyDescent="0.15">
      <c r="AR41968" s="9" ph="1"/>
    </row>
    <row r="41969" spans="44:44" ht="15.75" customHeight="1" x14ac:dyDescent="0.15">
      <c r="AR41969" s="9" ph="1"/>
    </row>
    <row r="41970" spans="44:44" ht="15.75" customHeight="1" x14ac:dyDescent="0.15">
      <c r="AR41970" s="9" ph="1"/>
    </row>
    <row r="41971" spans="44:44" ht="15.75" customHeight="1" x14ac:dyDescent="0.15">
      <c r="AR41971" s="9" ph="1"/>
    </row>
    <row r="41972" spans="44:44" ht="15.75" customHeight="1" x14ac:dyDescent="0.15">
      <c r="AR41972" s="9" ph="1"/>
    </row>
    <row r="41973" spans="44:44" ht="15.75" customHeight="1" x14ac:dyDescent="0.15">
      <c r="AR41973" s="9" ph="1"/>
    </row>
    <row r="41974" spans="44:44" ht="15.75" customHeight="1" x14ac:dyDescent="0.15">
      <c r="AR41974" s="9" ph="1"/>
    </row>
    <row r="41975" spans="44:44" ht="15.75" customHeight="1" x14ac:dyDescent="0.15">
      <c r="AR41975" s="9" ph="1"/>
    </row>
    <row r="41976" spans="44:44" ht="15.75" customHeight="1" x14ac:dyDescent="0.15">
      <c r="AR41976" s="9" ph="1"/>
    </row>
    <row r="41977" spans="44:44" ht="15.75" customHeight="1" x14ac:dyDescent="0.15">
      <c r="AR41977" s="9" ph="1"/>
    </row>
    <row r="41978" spans="44:44" ht="15.75" customHeight="1" x14ac:dyDescent="0.15">
      <c r="AR41978" s="9" ph="1"/>
    </row>
    <row r="41979" spans="44:44" ht="15.75" customHeight="1" x14ac:dyDescent="0.15">
      <c r="AR41979" s="9" ph="1"/>
    </row>
    <row r="41980" spans="44:44" ht="15.75" customHeight="1" x14ac:dyDescent="0.15">
      <c r="AR41980" s="9" ph="1"/>
    </row>
    <row r="41981" spans="44:44" ht="15.75" customHeight="1" x14ac:dyDescent="0.15">
      <c r="AR41981" s="9" ph="1"/>
    </row>
    <row r="41982" spans="44:44" ht="15.75" customHeight="1" x14ac:dyDescent="0.15">
      <c r="AR41982" s="9" ph="1"/>
    </row>
    <row r="41983" spans="44:44" ht="15.75" customHeight="1" x14ac:dyDescent="0.15">
      <c r="AR41983" s="9" ph="1"/>
    </row>
    <row r="41984" spans="44:44" ht="15.75" customHeight="1" x14ac:dyDescent="0.15">
      <c r="AR41984" s="9" ph="1"/>
    </row>
    <row r="41985" spans="44:44" ht="15.75" customHeight="1" x14ac:dyDescent="0.15">
      <c r="AR41985" s="9" ph="1"/>
    </row>
    <row r="41986" spans="44:44" ht="15.75" customHeight="1" x14ac:dyDescent="0.15">
      <c r="AR41986" s="9" ph="1"/>
    </row>
    <row r="41987" spans="44:44" ht="15.75" customHeight="1" x14ac:dyDescent="0.15">
      <c r="AR41987" s="9" ph="1"/>
    </row>
    <row r="41988" spans="44:44" ht="15.75" customHeight="1" x14ac:dyDescent="0.15">
      <c r="AR41988" s="9" ph="1"/>
    </row>
    <row r="41989" spans="44:44" ht="15.75" customHeight="1" x14ac:dyDescent="0.15">
      <c r="AR41989" s="9" ph="1"/>
    </row>
    <row r="41990" spans="44:44" ht="15.75" customHeight="1" x14ac:dyDescent="0.15">
      <c r="AR41990" s="9" ph="1"/>
    </row>
    <row r="41991" spans="44:44" ht="15.75" customHeight="1" x14ac:dyDescent="0.15">
      <c r="AR41991" s="9" ph="1"/>
    </row>
    <row r="41992" spans="44:44" ht="15.75" customHeight="1" x14ac:dyDescent="0.15">
      <c r="AR41992" s="9" ph="1"/>
    </row>
    <row r="41993" spans="44:44" ht="15.75" customHeight="1" x14ac:dyDescent="0.15">
      <c r="AR41993" s="9" ph="1"/>
    </row>
    <row r="41994" spans="44:44" ht="15.75" customHeight="1" x14ac:dyDescent="0.15">
      <c r="AR41994" s="9" ph="1"/>
    </row>
    <row r="41995" spans="44:44" ht="15.75" customHeight="1" x14ac:dyDescent="0.15">
      <c r="AR41995" s="9" ph="1"/>
    </row>
    <row r="41996" spans="44:44" ht="15.75" customHeight="1" x14ac:dyDescent="0.15">
      <c r="AR41996" s="9" ph="1"/>
    </row>
    <row r="41997" spans="44:44" ht="15.75" customHeight="1" x14ac:dyDescent="0.15">
      <c r="AR41997" s="9" ph="1"/>
    </row>
    <row r="41998" spans="44:44" ht="15.75" customHeight="1" x14ac:dyDescent="0.15">
      <c r="AR41998" s="9" ph="1"/>
    </row>
    <row r="41999" spans="44:44" ht="15.75" customHeight="1" x14ac:dyDescent="0.15">
      <c r="AR41999" s="9" ph="1"/>
    </row>
    <row r="42000" spans="44:44" ht="15.75" customHeight="1" x14ac:dyDescent="0.15">
      <c r="AR42000" s="9" ph="1"/>
    </row>
    <row r="42001" spans="44:44" ht="15.75" customHeight="1" x14ac:dyDescent="0.15">
      <c r="AR42001" s="9" ph="1"/>
    </row>
    <row r="42002" spans="44:44" ht="15.75" customHeight="1" x14ac:dyDescent="0.15">
      <c r="AR42002" s="9" ph="1"/>
    </row>
    <row r="42003" spans="44:44" ht="15.75" customHeight="1" x14ac:dyDescent="0.15">
      <c r="AR42003" s="9" ph="1"/>
    </row>
    <row r="42004" spans="44:44" ht="15.75" customHeight="1" x14ac:dyDescent="0.15">
      <c r="AR42004" s="9" ph="1"/>
    </row>
    <row r="42005" spans="44:44" ht="15.75" customHeight="1" x14ac:dyDescent="0.15">
      <c r="AR42005" s="9" ph="1"/>
    </row>
    <row r="42006" spans="44:44" ht="15.75" customHeight="1" x14ac:dyDescent="0.15">
      <c r="AR42006" s="9" ph="1"/>
    </row>
    <row r="42007" spans="44:44" ht="15.75" customHeight="1" x14ac:dyDescent="0.15">
      <c r="AR42007" s="9" ph="1"/>
    </row>
    <row r="42008" spans="44:44" ht="15.75" customHeight="1" x14ac:dyDescent="0.15">
      <c r="AR42008" s="9" ph="1"/>
    </row>
    <row r="42009" spans="44:44" ht="15.75" customHeight="1" x14ac:dyDescent="0.15">
      <c r="AR42009" s="9" ph="1"/>
    </row>
    <row r="42010" spans="44:44" ht="15.75" customHeight="1" x14ac:dyDescent="0.15">
      <c r="AR42010" s="9" ph="1"/>
    </row>
    <row r="42011" spans="44:44" ht="15.75" customHeight="1" x14ac:dyDescent="0.15">
      <c r="AR42011" s="9" ph="1"/>
    </row>
    <row r="42012" spans="44:44" ht="15.75" customHeight="1" x14ac:dyDescent="0.15">
      <c r="AR42012" s="9" ph="1"/>
    </row>
    <row r="42013" spans="44:44" ht="15.75" customHeight="1" x14ac:dyDescent="0.15">
      <c r="AR42013" s="9" ph="1"/>
    </row>
    <row r="42014" spans="44:44" ht="15.75" customHeight="1" x14ac:dyDescent="0.15">
      <c r="AR42014" s="9" ph="1"/>
    </row>
    <row r="42015" spans="44:44" ht="15.75" customHeight="1" x14ac:dyDescent="0.15">
      <c r="AR42015" s="9" ph="1"/>
    </row>
    <row r="42016" spans="44:44" ht="15.75" customHeight="1" x14ac:dyDescent="0.15">
      <c r="AR42016" s="9" ph="1"/>
    </row>
    <row r="42017" spans="44:44" ht="15.75" customHeight="1" x14ac:dyDescent="0.15">
      <c r="AR42017" s="9" ph="1"/>
    </row>
    <row r="42018" spans="44:44" ht="15.75" customHeight="1" x14ac:dyDescent="0.15">
      <c r="AR42018" s="9" ph="1"/>
    </row>
    <row r="42019" spans="44:44" ht="15.75" customHeight="1" x14ac:dyDescent="0.15">
      <c r="AR42019" s="9" ph="1"/>
    </row>
    <row r="42020" spans="44:44" ht="15.75" customHeight="1" x14ac:dyDescent="0.15">
      <c r="AR42020" s="9" ph="1"/>
    </row>
    <row r="42021" spans="44:44" ht="15.75" customHeight="1" x14ac:dyDescent="0.15">
      <c r="AR42021" s="9" ph="1"/>
    </row>
    <row r="42022" spans="44:44" ht="15.75" customHeight="1" x14ac:dyDescent="0.15">
      <c r="AR42022" s="9" ph="1"/>
    </row>
    <row r="42023" spans="44:44" ht="15.75" customHeight="1" x14ac:dyDescent="0.15">
      <c r="AR42023" s="9" ph="1"/>
    </row>
    <row r="42024" spans="44:44" ht="15.75" customHeight="1" x14ac:dyDescent="0.15">
      <c r="AR42024" s="9" ph="1"/>
    </row>
    <row r="42025" spans="44:44" ht="15.75" customHeight="1" x14ac:dyDescent="0.15">
      <c r="AR42025" s="9" ph="1"/>
    </row>
    <row r="42026" spans="44:44" ht="15.75" customHeight="1" x14ac:dyDescent="0.15">
      <c r="AR42026" s="9" ph="1"/>
    </row>
    <row r="42027" spans="44:44" ht="15.75" customHeight="1" x14ac:dyDescent="0.15">
      <c r="AR42027" s="9" ph="1"/>
    </row>
    <row r="42028" spans="44:44" ht="15.75" customHeight="1" x14ac:dyDescent="0.15">
      <c r="AR42028" s="9" ph="1"/>
    </row>
    <row r="42029" spans="44:44" ht="15.75" customHeight="1" x14ac:dyDescent="0.15">
      <c r="AR42029" s="9" ph="1"/>
    </row>
    <row r="42030" spans="44:44" ht="15.75" customHeight="1" x14ac:dyDescent="0.15">
      <c r="AR42030" s="9" ph="1"/>
    </row>
    <row r="42031" spans="44:44" ht="15.75" customHeight="1" x14ac:dyDescent="0.15">
      <c r="AR42031" s="9" ph="1"/>
    </row>
    <row r="42032" spans="44:44" ht="15.75" customHeight="1" x14ac:dyDescent="0.15">
      <c r="AR42032" s="9" ph="1"/>
    </row>
    <row r="42033" spans="44:44" ht="15.75" customHeight="1" x14ac:dyDescent="0.15">
      <c r="AR42033" s="9" ph="1"/>
    </row>
    <row r="42034" spans="44:44" ht="15.75" customHeight="1" x14ac:dyDescent="0.15">
      <c r="AR42034" s="9" ph="1"/>
    </row>
    <row r="42035" spans="44:44" ht="15.75" customHeight="1" x14ac:dyDescent="0.15">
      <c r="AR42035" s="9" ph="1"/>
    </row>
    <row r="42036" spans="44:44" ht="15.75" customHeight="1" x14ac:dyDescent="0.15">
      <c r="AR42036" s="9" ph="1"/>
    </row>
    <row r="42037" spans="44:44" ht="15.75" customHeight="1" x14ac:dyDescent="0.15">
      <c r="AR42037" s="9" ph="1"/>
    </row>
    <row r="42038" spans="44:44" ht="15.75" customHeight="1" x14ac:dyDescent="0.15">
      <c r="AR42038" s="9" ph="1"/>
    </row>
    <row r="42039" spans="44:44" ht="15.75" customHeight="1" x14ac:dyDescent="0.15">
      <c r="AR42039" s="9" ph="1"/>
    </row>
    <row r="42040" spans="44:44" ht="15.75" customHeight="1" x14ac:dyDescent="0.15">
      <c r="AR42040" s="9" ph="1"/>
    </row>
    <row r="42041" spans="44:44" ht="15.75" customHeight="1" x14ac:dyDescent="0.15">
      <c r="AR42041" s="9" ph="1"/>
    </row>
    <row r="42042" spans="44:44" ht="15.75" customHeight="1" x14ac:dyDescent="0.15">
      <c r="AR42042" s="9" ph="1"/>
    </row>
    <row r="42043" spans="44:44" ht="15.75" customHeight="1" x14ac:dyDescent="0.15">
      <c r="AR42043" s="9" ph="1"/>
    </row>
    <row r="42044" spans="44:44" ht="15.75" customHeight="1" x14ac:dyDescent="0.15">
      <c r="AR42044" s="9" ph="1"/>
    </row>
    <row r="42045" spans="44:44" ht="15.75" customHeight="1" x14ac:dyDescent="0.15">
      <c r="AR42045" s="9" ph="1"/>
    </row>
    <row r="42046" spans="44:44" ht="15.75" customHeight="1" x14ac:dyDescent="0.15">
      <c r="AR42046" s="9" ph="1"/>
    </row>
    <row r="42047" spans="44:44" ht="15.75" customHeight="1" x14ac:dyDescent="0.15">
      <c r="AR42047" s="9" ph="1"/>
    </row>
    <row r="42048" spans="44:44" ht="15.75" customHeight="1" x14ac:dyDescent="0.15">
      <c r="AR42048" s="9" ph="1"/>
    </row>
    <row r="42049" spans="44:44" ht="15.75" customHeight="1" x14ac:dyDescent="0.15">
      <c r="AR42049" s="9" ph="1"/>
    </row>
    <row r="42050" spans="44:44" ht="15.75" customHeight="1" x14ac:dyDescent="0.15">
      <c r="AR42050" s="9" ph="1"/>
    </row>
    <row r="42051" spans="44:44" ht="15.75" customHeight="1" x14ac:dyDescent="0.15">
      <c r="AR42051" s="9" ph="1"/>
    </row>
    <row r="42052" spans="44:44" ht="15.75" customHeight="1" x14ac:dyDescent="0.15">
      <c r="AR42052" s="9" ph="1"/>
    </row>
    <row r="42053" spans="44:44" ht="15.75" customHeight="1" x14ac:dyDescent="0.15">
      <c r="AR42053" s="9" ph="1"/>
    </row>
    <row r="42054" spans="44:44" ht="15.75" customHeight="1" x14ac:dyDescent="0.15">
      <c r="AR42054" s="9" ph="1"/>
    </row>
    <row r="42055" spans="44:44" ht="15.75" customHeight="1" x14ac:dyDescent="0.15">
      <c r="AR42055" s="9" ph="1"/>
    </row>
    <row r="42056" spans="44:44" ht="15.75" customHeight="1" x14ac:dyDescent="0.15">
      <c r="AR42056" s="9" ph="1"/>
    </row>
    <row r="42057" spans="44:44" ht="15.75" customHeight="1" x14ac:dyDescent="0.15">
      <c r="AR42057" s="9" ph="1"/>
    </row>
    <row r="42058" spans="44:44" ht="15.75" customHeight="1" x14ac:dyDescent="0.15">
      <c r="AR42058" s="9" ph="1"/>
    </row>
    <row r="42059" spans="44:44" ht="15.75" customHeight="1" x14ac:dyDescent="0.15">
      <c r="AR42059" s="9" ph="1"/>
    </row>
    <row r="42060" spans="44:44" ht="15.75" customHeight="1" x14ac:dyDescent="0.15">
      <c r="AR42060" s="9" ph="1"/>
    </row>
    <row r="42061" spans="44:44" ht="15.75" customHeight="1" x14ac:dyDescent="0.15">
      <c r="AR42061" s="9" ph="1"/>
    </row>
    <row r="42062" spans="44:44" ht="15.75" customHeight="1" x14ac:dyDescent="0.15">
      <c r="AR42062" s="9" ph="1"/>
    </row>
    <row r="42063" spans="44:44" ht="15.75" customHeight="1" x14ac:dyDescent="0.15">
      <c r="AR42063" s="9" ph="1"/>
    </row>
    <row r="42064" spans="44:44" ht="15.75" customHeight="1" x14ac:dyDescent="0.15">
      <c r="AR42064" s="9" ph="1"/>
    </row>
    <row r="42065" spans="44:44" ht="15.75" customHeight="1" x14ac:dyDescent="0.15">
      <c r="AR42065" s="9" ph="1"/>
    </row>
    <row r="42066" spans="44:44" ht="15.75" customHeight="1" x14ac:dyDescent="0.15">
      <c r="AR42066" s="9" ph="1"/>
    </row>
    <row r="42067" spans="44:44" ht="15.75" customHeight="1" x14ac:dyDescent="0.15">
      <c r="AR42067" s="9" ph="1"/>
    </row>
    <row r="42068" spans="44:44" ht="15.75" customHeight="1" x14ac:dyDescent="0.15">
      <c r="AR42068" s="9" ph="1"/>
    </row>
    <row r="42069" spans="44:44" ht="15.75" customHeight="1" x14ac:dyDescent="0.15">
      <c r="AR42069" s="9" ph="1"/>
    </row>
    <row r="42070" spans="44:44" ht="15.75" customHeight="1" x14ac:dyDescent="0.15">
      <c r="AR42070" s="9" ph="1"/>
    </row>
    <row r="42071" spans="44:44" ht="15.75" customHeight="1" x14ac:dyDescent="0.15">
      <c r="AR42071" s="9" ph="1"/>
    </row>
    <row r="42072" spans="44:44" ht="15.75" customHeight="1" x14ac:dyDescent="0.15">
      <c r="AR42072" s="9" ph="1"/>
    </row>
    <row r="42073" spans="44:44" ht="15.75" customHeight="1" x14ac:dyDescent="0.15">
      <c r="AR42073" s="9" ph="1"/>
    </row>
    <row r="42075" spans="44:44" ht="15.75" customHeight="1" x14ac:dyDescent="0.15">
      <c r="AR42075" s="9" ph="1"/>
    </row>
    <row r="42076" spans="44:44" ht="15.75" customHeight="1" x14ac:dyDescent="0.15">
      <c r="AR42076" s="9" ph="1"/>
    </row>
    <row r="42077" spans="44:44" ht="15.75" customHeight="1" x14ac:dyDescent="0.15">
      <c r="AR42077" s="9" ph="1"/>
    </row>
    <row r="42078" spans="44:44" ht="15.75" customHeight="1" x14ac:dyDescent="0.15">
      <c r="AR42078" s="9" ph="1"/>
    </row>
    <row r="42079" spans="44:44" ht="15.75" customHeight="1" x14ac:dyDescent="0.15">
      <c r="AR42079" s="9" ph="1"/>
    </row>
    <row r="42080" spans="44:44" ht="15.75" customHeight="1" x14ac:dyDescent="0.15">
      <c r="AR42080" s="9" ph="1"/>
    </row>
    <row r="42081" spans="44:44" ht="15.75" customHeight="1" x14ac:dyDescent="0.15">
      <c r="AR42081" s="9" ph="1"/>
    </row>
    <row r="42082" spans="44:44" ht="15.75" customHeight="1" x14ac:dyDescent="0.15">
      <c r="AR42082" s="9" ph="1"/>
    </row>
    <row r="42083" spans="44:44" ht="15.75" customHeight="1" x14ac:dyDescent="0.15">
      <c r="AR42083" s="9" ph="1"/>
    </row>
    <row r="42084" spans="44:44" ht="15.75" customHeight="1" x14ac:dyDescent="0.15">
      <c r="AR42084" s="9" ph="1"/>
    </row>
    <row r="42085" spans="44:44" ht="15.75" customHeight="1" x14ac:dyDescent="0.15">
      <c r="AR42085" s="9" ph="1"/>
    </row>
    <row r="42086" spans="44:44" ht="15.75" customHeight="1" x14ac:dyDescent="0.15">
      <c r="AR42086" s="9" ph="1"/>
    </row>
    <row r="42087" spans="44:44" ht="15.75" customHeight="1" x14ac:dyDescent="0.15">
      <c r="AR42087" s="9" ph="1"/>
    </row>
    <row r="42088" spans="44:44" ht="15.75" customHeight="1" x14ac:dyDescent="0.15">
      <c r="AR42088" s="9" ph="1"/>
    </row>
    <row r="42089" spans="44:44" ht="15.75" customHeight="1" x14ac:dyDescent="0.15">
      <c r="AR42089" s="9" ph="1"/>
    </row>
    <row r="42091" spans="44:44" ht="15.75" customHeight="1" x14ac:dyDescent="0.15">
      <c r="AR42091" s="9" ph="1"/>
    </row>
    <row r="42092" spans="44:44" ht="15.75" customHeight="1" x14ac:dyDescent="0.15">
      <c r="AR42092" s="9" ph="1"/>
    </row>
    <row r="42093" spans="44:44" ht="15.75" customHeight="1" x14ac:dyDescent="0.15">
      <c r="AR42093" s="9" ph="1"/>
    </row>
    <row r="42094" spans="44:44" ht="15.75" customHeight="1" x14ac:dyDescent="0.15">
      <c r="AR42094" s="9" ph="1"/>
    </row>
    <row r="42095" spans="44:44" ht="15.75" customHeight="1" x14ac:dyDescent="0.15">
      <c r="AR42095" s="9" ph="1"/>
    </row>
    <row r="42096" spans="44:44" ht="15.75" customHeight="1" x14ac:dyDescent="0.15">
      <c r="AR42096" s="9" ph="1"/>
    </row>
    <row r="42097" spans="44:44" ht="15.75" customHeight="1" x14ac:dyDescent="0.15">
      <c r="AR42097" s="9" ph="1"/>
    </row>
    <row r="42098" spans="44:44" ht="15.75" customHeight="1" x14ac:dyDescent="0.15">
      <c r="AR42098" s="9" ph="1"/>
    </row>
    <row r="42099" spans="44:44" ht="15.75" customHeight="1" x14ac:dyDescent="0.15">
      <c r="AR42099" s="9" ph="1"/>
    </row>
    <row r="42100" spans="44:44" ht="15.75" customHeight="1" x14ac:dyDescent="0.15">
      <c r="AR42100" s="9" ph="1"/>
    </row>
    <row r="42102" spans="44:44" ht="15.75" customHeight="1" x14ac:dyDescent="0.15">
      <c r="AR42102" s="9" ph="1"/>
    </row>
    <row r="42103" spans="44:44" ht="15.75" customHeight="1" x14ac:dyDescent="0.15">
      <c r="AR42103" s="9" ph="1"/>
    </row>
    <row r="42104" spans="44:44" ht="15.75" customHeight="1" x14ac:dyDescent="0.15">
      <c r="AR42104" s="9" ph="1"/>
    </row>
    <row r="42105" spans="44:44" ht="15.75" customHeight="1" x14ac:dyDescent="0.15">
      <c r="AR42105" s="9" ph="1"/>
    </row>
    <row r="42106" spans="44:44" ht="15.75" customHeight="1" x14ac:dyDescent="0.15">
      <c r="AR42106" s="9" ph="1"/>
    </row>
    <row r="42107" spans="44:44" ht="15.75" customHeight="1" x14ac:dyDescent="0.15">
      <c r="AR42107" s="9" ph="1"/>
    </row>
    <row r="42108" spans="44:44" ht="15.75" customHeight="1" x14ac:dyDescent="0.15">
      <c r="AR42108" s="9" ph="1"/>
    </row>
    <row r="42109" spans="44:44" ht="15.75" customHeight="1" x14ac:dyDescent="0.15">
      <c r="AR42109" s="9" ph="1"/>
    </row>
    <row r="42110" spans="44:44" ht="15.75" customHeight="1" x14ac:dyDescent="0.15">
      <c r="AR42110" s="9" ph="1"/>
    </row>
    <row r="42111" spans="44:44" ht="15.75" customHeight="1" x14ac:dyDescent="0.15">
      <c r="AR42111" s="9" ph="1"/>
    </row>
    <row r="42112" spans="44:44" ht="15.75" customHeight="1" x14ac:dyDescent="0.15">
      <c r="AR42112" s="9" ph="1"/>
    </row>
    <row r="42113" spans="44:44" ht="15.75" customHeight="1" x14ac:dyDescent="0.15">
      <c r="AR42113" s="9" ph="1"/>
    </row>
    <row r="42114" spans="44:44" ht="15.75" customHeight="1" x14ac:dyDescent="0.15">
      <c r="AR42114" s="9" ph="1"/>
    </row>
    <row r="42115" spans="44:44" ht="15.75" customHeight="1" x14ac:dyDescent="0.15">
      <c r="AR42115" s="9" ph="1"/>
    </row>
    <row r="42117" spans="44:44" ht="15.75" customHeight="1" x14ac:dyDescent="0.15">
      <c r="AR42117" s="9" ph="1"/>
    </row>
    <row r="42118" spans="44:44" ht="15.75" customHeight="1" x14ac:dyDescent="0.15">
      <c r="AR42118" s="9" ph="1"/>
    </row>
    <row r="42119" spans="44:44" ht="15.75" customHeight="1" x14ac:dyDescent="0.15">
      <c r="AR42119" s="9" ph="1"/>
    </row>
    <row r="42120" spans="44:44" ht="15.75" customHeight="1" x14ac:dyDescent="0.15">
      <c r="AR42120" s="9" ph="1"/>
    </row>
    <row r="42121" spans="44:44" ht="15.75" customHeight="1" x14ac:dyDescent="0.15">
      <c r="AR42121" s="9" ph="1"/>
    </row>
    <row r="42122" spans="44:44" ht="15.75" customHeight="1" x14ac:dyDescent="0.15">
      <c r="AR42122" s="9" ph="1"/>
    </row>
    <row r="42123" spans="44:44" ht="15.75" customHeight="1" x14ac:dyDescent="0.15">
      <c r="AR42123" s="9" ph="1"/>
    </row>
    <row r="42124" spans="44:44" ht="15.75" customHeight="1" x14ac:dyDescent="0.15">
      <c r="AR42124" s="9" ph="1"/>
    </row>
    <row r="42125" spans="44:44" ht="15.75" customHeight="1" x14ac:dyDescent="0.15">
      <c r="AR42125" s="9" ph="1"/>
    </row>
    <row r="42126" spans="44:44" ht="15.75" customHeight="1" x14ac:dyDescent="0.15">
      <c r="AR42126" s="9" ph="1"/>
    </row>
    <row r="42127" spans="44:44" ht="15.75" customHeight="1" x14ac:dyDescent="0.15">
      <c r="AR42127" s="9" ph="1"/>
    </row>
    <row r="42128" spans="44:44" ht="15.75" customHeight="1" x14ac:dyDescent="0.15">
      <c r="AR42128" s="9" ph="1"/>
    </row>
    <row r="42129" spans="44:44" ht="15.75" customHeight="1" x14ac:dyDescent="0.15">
      <c r="AR42129" s="9" ph="1"/>
    </row>
    <row r="42130" spans="44:44" ht="15.75" customHeight="1" x14ac:dyDescent="0.15">
      <c r="AR42130" s="9" ph="1"/>
    </row>
    <row r="42131" spans="44:44" ht="15.75" customHeight="1" x14ac:dyDescent="0.15">
      <c r="AR42131" s="9" ph="1"/>
    </row>
    <row r="42133" spans="44:44" ht="15.75" customHeight="1" x14ac:dyDescent="0.15">
      <c r="AR42133" s="9" ph="1"/>
    </row>
    <row r="42134" spans="44:44" ht="15.75" customHeight="1" x14ac:dyDescent="0.15">
      <c r="AR42134" s="9" ph="1"/>
    </row>
    <row r="42135" spans="44:44" ht="15.75" customHeight="1" x14ac:dyDescent="0.15">
      <c r="AR42135" s="9" ph="1"/>
    </row>
    <row r="42136" spans="44:44" ht="15.75" customHeight="1" x14ac:dyDescent="0.15">
      <c r="AR42136" s="9" ph="1"/>
    </row>
    <row r="42137" spans="44:44" ht="15.75" customHeight="1" x14ac:dyDescent="0.15">
      <c r="AR42137" s="9" ph="1"/>
    </row>
    <row r="42138" spans="44:44" ht="15.75" customHeight="1" x14ac:dyDescent="0.15">
      <c r="AR42138" s="9" ph="1"/>
    </row>
    <row r="42139" spans="44:44" ht="15.75" customHeight="1" x14ac:dyDescent="0.15">
      <c r="AR42139" s="9" ph="1"/>
    </row>
    <row r="42140" spans="44:44" ht="15.75" customHeight="1" x14ac:dyDescent="0.15">
      <c r="AR42140" s="9" ph="1"/>
    </row>
    <row r="42141" spans="44:44" ht="15.75" customHeight="1" x14ac:dyDescent="0.15">
      <c r="AR42141" s="9" ph="1"/>
    </row>
    <row r="42142" spans="44:44" ht="15.75" customHeight="1" x14ac:dyDescent="0.15">
      <c r="AR42142" s="9" ph="1"/>
    </row>
    <row r="42144" spans="44:44" ht="15.75" customHeight="1" x14ac:dyDescent="0.15">
      <c r="AR42144" s="9" ph="1"/>
    </row>
    <row r="42145" spans="44:44" ht="15.75" customHeight="1" x14ac:dyDescent="0.15">
      <c r="AR42145" s="9" ph="1"/>
    </row>
    <row r="42146" spans="44:44" ht="15.75" customHeight="1" x14ac:dyDescent="0.15">
      <c r="AR42146" s="9" ph="1"/>
    </row>
    <row r="42147" spans="44:44" ht="15.75" customHeight="1" x14ac:dyDescent="0.15">
      <c r="AR42147" s="9" ph="1"/>
    </row>
    <row r="42148" spans="44:44" ht="15.75" customHeight="1" x14ac:dyDescent="0.15">
      <c r="AR42148" s="9" ph="1"/>
    </row>
    <row r="42149" spans="44:44" ht="15.75" customHeight="1" x14ac:dyDescent="0.15">
      <c r="AR42149" s="9" ph="1"/>
    </row>
    <row r="42150" spans="44:44" ht="15.75" customHeight="1" x14ac:dyDescent="0.15">
      <c r="AR42150" s="9" ph="1"/>
    </row>
    <row r="42151" spans="44:44" ht="15.75" customHeight="1" x14ac:dyDescent="0.15">
      <c r="AR42151" s="9" ph="1"/>
    </row>
    <row r="42152" spans="44:44" ht="15.75" customHeight="1" x14ac:dyDescent="0.15">
      <c r="AR42152" s="9" ph="1"/>
    </row>
    <row r="42153" spans="44:44" ht="15.75" customHeight="1" x14ac:dyDescent="0.15">
      <c r="AR42153" s="9" ph="1"/>
    </row>
    <row r="42154" spans="44:44" ht="15.75" customHeight="1" x14ac:dyDescent="0.15">
      <c r="AR42154" s="9" ph="1"/>
    </row>
    <row r="42155" spans="44:44" ht="15.75" customHeight="1" x14ac:dyDescent="0.15">
      <c r="AR42155" s="9" ph="1"/>
    </row>
    <row r="42156" spans="44:44" ht="15.75" customHeight="1" x14ac:dyDescent="0.15">
      <c r="AR42156" s="9" ph="1"/>
    </row>
    <row r="42157" spans="44:44" ht="15.75" customHeight="1" x14ac:dyDescent="0.15">
      <c r="AR42157" s="9" ph="1"/>
    </row>
    <row r="42158" spans="44:44" ht="15.75" customHeight="1" x14ac:dyDescent="0.15">
      <c r="AR42158" s="9" ph="1"/>
    </row>
    <row r="42159" spans="44:44" ht="15.75" customHeight="1" x14ac:dyDescent="0.15">
      <c r="AR42159" s="9" ph="1"/>
    </row>
    <row r="42160" spans="44:44" ht="15.75" customHeight="1" x14ac:dyDescent="0.15">
      <c r="AR42160" s="9" ph="1"/>
    </row>
    <row r="42161" spans="44:44" ht="15.75" customHeight="1" x14ac:dyDescent="0.15">
      <c r="AR42161" s="9" ph="1"/>
    </row>
    <row r="42162" spans="44:44" ht="15.75" customHeight="1" x14ac:dyDescent="0.15">
      <c r="AR42162" s="9" ph="1"/>
    </row>
    <row r="42163" spans="44:44" ht="15.75" customHeight="1" x14ac:dyDescent="0.15">
      <c r="AR42163" s="9" ph="1"/>
    </row>
    <row r="42164" spans="44:44" ht="15.75" customHeight="1" x14ac:dyDescent="0.15">
      <c r="AR42164" s="9" ph="1"/>
    </row>
    <row r="42165" spans="44:44" ht="15.75" customHeight="1" x14ac:dyDescent="0.15">
      <c r="AR42165" s="9" ph="1"/>
    </row>
    <row r="42166" spans="44:44" ht="15.75" customHeight="1" x14ac:dyDescent="0.15">
      <c r="AR42166" s="9" ph="1"/>
    </row>
    <row r="42167" spans="44:44" ht="15.75" customHeight="1" x14ac:dyDescent="0.15">
      <c r="AR42167" s="9" ph="1"/>
    </row>
    <row r="42168" spans="44:44" ht="15.75" customHeight="1" x14ac:dyDescent="0.15">
      <c r="AR42168" s="9" ph="1"/>
    </row>
    <row r="42170" spans="44:44" ht="15.75" customHeight="1" x14ac:dyDescent="0.15">
      <c r="AR42170" s="9" ph="1"/>
    </row>
    <row r="42171" spans="44:44" ht="15.75" customHeight="1" x14ac:dyDescent="0.15">
      <c r="AR42171" s="9" ph="1"/>
    </row>
    <row r="42172" spans="44:44" ht="15.75" customHeight="1" x14ac:dyDescent="0.15">
      <c r="AR42172" s="9" ph="1"/>
    </row>
    <row r="42173" spans="44:44" ht="15.75" customHeight="1" x14ac:dyDescent="0.15">
      <c r="AR42173" s="9" ph="1"/>
    </row>
    <row r="42174" spans="44:44" ht="15.75" customHeight="1" x14ac:dyDescent="0.15">
      <c r="AR42174" s="9" ph="1"/>
    </row>
    <row r="42175" spans="44:44" ht="15.75" customHeight="1" x14ac:dyDescent="0.15">
      <c r="AR42175" s="9" ph="1"/>
    </row>
    <row r="42176" spans="44:44" ht="15.75" customHeight="1" x14ac:dyDescent="0.15">
      <c r="AR42176" s="9" ph="1"/>
    </row>
    <row r="42177" spans="44:44" ht="15.75" customHeight="1" x14ac:dyDescent="0.15">
      <c r="AR42177" s="9" ph="1"/>
    </row>
    <row r="42178" spans="44:44" ht="15.75" customHeight="1" x14ac:dyDescent="0.15">
      <c r="AR42178" s="9" ph="1"/>
    </row>
    <row r="42179" spans="44:44" ht="15.75" customHeight="1" x14ac:dyDescent="0.15">
      <c r="AR42179" s="9" ph="1"/>
    </row>
    <row r="42180" spans="44:44" ht="15.75" customHeight="1" x14ac:dyDescent="0.15">
      <c r="AR42180" s="9" ph="1"/>
    </row>
    <row r="42181" spans="44:44" ht="15.75" customHeight="1" x14ac:dyDescent="0.15">
      <c r="AR42181" s="9" ph="1"/>
    </row>
    <row r="42182" spans="44:44" ht="15.75" customHeight="1" x14ac:dyDescent="0.15">
      <c r="AR42182" s="9" ph="1"/>
    </row>
    <row r="42183" spans="44:44" ht="15.75" customHeight="1" x14ac:dyDescent="0.15">
      <c r="AR42183" s="9" ph="1"/>
    </row>
    <row r="42184" spans="44:44" ht="15.75" customHeight="1" x14ac:dyDescent="0.15">
      <c r="AR42184" s="9" ph="1"/>
    </row>
    <row r="42186" spans="44:44" ht="15.75" customHeight="1" x14ac:dyDescent="0.15">
      <c r="AR42186" s="9" ph="1"/>
    </row>
    <row r="42187" spans="44:44" ht="15.75" customHeight="1" x14ac:dyDescent="0.15">
      <c r="AR42187" s="9" ph="1"/>
    </row>
    <row r="42188" spans="44:44" ht="15.75" customHeight="1" x14ac:dyDescent="0.15">
      <c r="AR42188" s="9" ph="1"/>
    </row>
    <row r="42189" spans="44:44" ht="15.75" customHeight="1" x14ac:dyDescent="0.15">
      <c r="AR42189" s="9" ph="1"/>
    </row>
    <row r="42190" spans="44:44" ht="15.75" customHeight="1" x14ac:dyDescent="0.15">
      <c r="AR42190" s="9" ph="1"/>
    </row>
    <row r="42191" spans="44:44" ht="15.75" customHeight="1" x14ac:dyDescent="0.15">
      <c r="AR42191" s="9" ph="1"/>
    </row>
    <row r="42192" spans="44:44" ht="15.75" customHeight="1" x14ac:dyDescent="0.15">
      <c r="AR42192" s="9" ph="1"/>
    </row>
    <row r="42193" spans="44:44" ht="15.75" customHeight="1" x14ac:dyDescent="0.15">
      <c r="AR42193" s="9" ph="1"/>
    </row>
    <row r="42194" spans="44:44" ht="15.75" customHeight="1" x14ac:dyDescent="0.15">
      <c r="AR42194" s="9" ph="1"/>
    </row>
    <row r="42195" spans="44:44" ht="15.75" customHeight="1" x14ac:dyDescent="0.15">
      <c r="AR42195" s="9" ph="1"/>
    </row>
    <row r="42197" spans="44:44" ht="15.75" customHeight="1" x14ac:dyDescent="0.15">
      <c r="AR42197" s="9" ph="1"/>
    </row>
    <row r="42198" spans="44:44" ht="15.75" customHeight="1" x14ac:dyDescent="0.15">
      <c r="AR42198" s="9" ph="1"/>
    </row>
    <row r="42199" spans="44:44" ht="15.75" customHeight="1" x14ac:dyDescent="0.15">
      <c r="AR42199" s="9" ph="1"/>
    </row>
    <row r="42200" spans="44:44" ht="15.75" customHeight="1" x14ac:dyDescent="0.15">
      <c r="AR42200" s="9" ph="1"/>
    </row>
    <row r="42201" spans="44:44" ht="15.75" customHeight="1" x14ac:dyDescent="0.15">
      <c r="AR42201" s="9" ph="1"/>
    </row>
    <row r="42202" spans="44:44" ht="15.75" customHeight="1" x14ac:dyDescent="0.15">
      <c r="AR42202" s="9" ph="1"/>
    </row>
    <row r="42203" spans="44:44" ht="15.75" customHeight="1" x14ac:dyDescent="0.15">
      <c r="AR42203" s="9" ph="1"/>
    </row>
    <row r="42204" spans="44:44" ht="15.75" customHeight="1" x14ac:dyDescent="0.15">
      <c r="AR42204" s="9" ph="1"/>
    </row>
    <row r="42205" spans="44:44" ht="15.75" customHeight="1" x14ac:dyDescent="0.15">
      <c r="AR42205" s="9" ph="1"/>
    </row>
    <row r="42206" spans="44:44" ht="15.75" customHeight="1" x14ac:dyDescent="0.15">
      <c r="AR42206" s="9" ph="1"/>
    </row>
    <row r="42207" spans="44:44" ht="15.75" customHeight="1" x14ac:dyDescent="0.15">
      <c r="AR42207" s="9" ph="1"/>
    </row>
    <row r="42208" spans="44:44" ht="15.75" customHeight="1" x14ac:dyDescent="0.15">
      <c r="AR42208" s="9" ph="1"/>
    </row>
    <row r="42209" spans="44:44" ht="15.75" customHeight="1" x14ac:dyDescent="0.15">
      <c r="AR42209" s="9" ph="1"/>
    </row>
    <row r="42210" spans="44:44" ht="15.75" customHeight="1" x14ac:dyDescent="0.15">
      <c r="AR42210" s="9" ph="1"/>
    </row>
    <row r="42211" spans="44:44" ht="15.75" customHeight="1" x14ac:dyDescent="0.15">
      <c r="AR42211" s="9" ph="1"/>
    </row>
    <row r="42212" spans="44:44" ht="15.75" customHeight="1" x14ac:dyDescent="0.15">
      <c r="AR42212" s="9" ph="1"/>
    </row>
    <row r="42213" spans="44:44" ht="15.75" customHeight="1" x14ac:dyDescent="0.15">
      <c r="AR42213" s="9" ph="1"/>
    </row>
    <row r="42214" spans="44:44" ht="15.75" customHeight="1" x14ac:dyDescent="0.15">
      <c r="AR42214" s="9" ph="1"/>
    </row>
    <row r="42215" spans="44:44" ht="15.75" customHeight="1" x14ac:dyDescent="0.15">
      <c r="AR42215" s="9" ph="1"/>
    </row>
    <row r="42216" spans="44:44" ht="15.75" customHeight="1" x14ac:dyDescent="0.15">
      <c r="AR42216" s="9" ph="1"/>
    </row>
    <row r="42217" spans="44:44" ht="15.75" customHeight="1" x14ac:dyDescent="0.15">
      <c r="AR42217" s="9" ph="1"/>
    </row>
    <row r="42218" spans="44:44" ht="15.75" customHeight="1" x14ac:dyDescent="0.15">
      <c r="AR42218" s="9" ph="1"/>
    </row>
    <row r="42219" spans="44:44" ht="15.75" customHeight="1" x14ac:dyDescent="0.15">
      <c r="AR42219" s="9" ph="1"/>
    </row>
    <row r="42220" spans="44:44" ht="15.75" customHeight="1" x14ac:dyDescent="0.15">
      <c r="AR42220" s="9" ph="1"/>
    </row>
    <row r="42221" spans="44:44" ht="15.75" customHeight="1" x14ac:dyDescent="0.15">
      <c r="AR42221" s="9" ph="1"/>
    </row>
    <row r="42223" spans="44:44" ht="15.75" customHeight="1" x14ac:dyDescent="0.15">
      <c r="AR42223" s="9" ph="1"/>
    </row>
    <row r="42224" spans="44:44" ht="15.75" customHeight="1" x14ac:dyDescent="0.15">
      <c r="AR42224" s="9" ph="1"/>
    </row>
    <row r="42225" spans="44:44" ht="15.75" customHeight="1" x14ac:dyDescent="0.15">
      <c r="AR42225" s="9" ph="1"/>
    </row>
    <row r="42226" spans="44:44" ht="15.75" customHeight="1" x14ac:dyDescent="0.15">
      <c r="AR42226" s="9" ph="1"/>
    </row>
    <row r="42227" spans="44:44" ht="15.75" customHeight="1" x14ac:dyDescent="0.15">
      <c r="AR42227" s="9" ph="1"/>
    </row>
    <row r="42228" spans="44:44" ht="15.75" customHeight="1" x14ac:dyDescent="0.15">
      <c r="AR42228" s="9" ph="1"/>
    </row>
    <row r="42229" spans="44:44" ht="15.75" customHeight="1" x14ac:dyDescent="0.15">
      <c r="AR42229" s="9" ph="1"/>
    </row>
    <row r="42230" spans="44:44" ht="15.75" customHeight="1" x14ac:dyDescent="0.15">
      <c r="AR42230" s="9" ph="1"/>
    </row>
    <row r="42231" spans="44:44" ht="15.75" customHeight="1" x14ac:dyDescent="0.15">
      <c r="AR42231" s="9" ph="1"/>
    </row>
    <row r="42232" spans="44:44" ht="15.75" customHeight="1" x14ac:dyDescent="0.15">
      <c r="AR42232" s="9" ph="1"/>
    </row>
    <row r="42233" spans="44:44" ht="15.75" customHeight="1" x14ac:dyDescent="0.15">
      <c r="AR42233" s="9" ph="1"/>
    </row>
    <row r="42234" spans="44:44" ht="15.75" customHeight="1" x14ac:dyDescent="0.15">
      <c r="AR42234" s="9" ph="1"/>
    </row>
    <row r="42235" spans="44:44" ht="15.75" customHeight="1" x14ac:dyDescent="0.15">
      <c r="AR42235" s="9" ph="1"/>
    </row>
    <row r="42236" spans="44:44" ht="15.75" customHeight="1" x14ac:dyDescent="0.15">
      <c r="AR42236" s="9" ph="1"/>
    </row>
    <row r="42237" spans="44:44" ht="15.75" customHeight="1" x14ac:dyDescent="0.15">
      <c r="AR42237" s="9" ph="1"/>
    </row>
    <row r="42239" spans="44:44" ht="15.75" customHeight="1" x14ac:dyDescent="0.15">
      <c r="AR42239" s="9" ph="1"/>
    </row>
    <row r="42240" spans="44:44" ht="15.75" customHeight="1" x14ac:dyDescent="0.15">
      <c r="AR42240" s="9" ph="1"/>
    </row>
    <row r="42241" spans="44:44" ht="15.75" customHeight="1" x14ac:dyDescent="0.15">
      <c r="AR42241" s="9" ph="1"/>
    </row>
    <row r="42242" spans="44:44" ht="15.75" customHeight="1" x14ac:dyDescent="0.15">
      <c r="AR42242" s="9" ph="1"/>
    </row>
    <row r="42243" spans="44:44" ht="15.75" customHeight="1" x14ac:dyDescent="0.15">
      <c r="AR42243" s="9" ph="1"/>
    </row>
    <row r="42244" spans="44:44" ht="15.75" customHeight="1" x14ac:dyDescent="0.15">
      <c r="AR42244" s="9" ph="1"/>
    </row>
    <row r="42245" spans="44:44" ht="15.75" customHeight="1" x14ac:dyDescent="0.15">
      <c r="AR42245" s="9" ph="1"/>
    </row>
    <row r="42246" spans="44:44" ht="15.75" customHeight="1" x14ac:dyDescent="0.15">
      <c r="AR42246" s="9" ph="1"/>
    </row>
    <row r="42247" spans="44:44" ht="15.75" customHeight="1" x14ac:dyDescent="0.15">
      <c r="AR42247" s="9" ph="1"/>
    </row>
    <row r="42248" spans="44:44" ht="15.75" customHeight="1" x14ac:dyDescent="0.15">
      <c r="AR42248" s="9" ph="1"/>
    </row>
    <row r="42250" spans="44:44" ht="15.75" customHeight="1" x14ac:dyDescent="0.15">
      <c r="AR42250" s="9" ph="1"/>
    </row>
    <row r="42251" spans="44:44" ht="15.75" customHeight="1" x14ac:dyDescent="0.15">
      <c r="AR42251" s="9" ph="1"/>
    </row>
    <row r="42252" spans="44:44" ht="15.75" customHeight="1" x14ac:dyDescent="0.15">
      <c r="AR42252" s="9" ph="1"/>
    </row>
    <row r="42253" spans="44:44" ht="15.75" customHeight="1" x14ac:dyDescent="0.15">
      <c r="AR42253" s="9" ph="1"/>
    </row>
    <row r="42254" spans="44:44" ht="15.75" customHeight="1" x14ac:dyDescent="0.15">
      <c r="AR42254" s="9" ph="1"/>
    </row>
    <row r="42255" spans="44:44" ht="15.75" customHeight="1" x14ac:dyDescent="0.15">
      <c r="AR42255" s="9" ph="1"/>
    </row>
    <row r="42256" spans="44:44" ht="15.75" customHeight="1" x14ac:dyDescent="0.15">
      <c r="AR42256" s="9" ph="1"/>
    </row>
    <row r="42257" spans="44:44" ht="15.75" customHeight="1" x14ac:dyDescent="0.15">
      <c r="AR42257" s="9" ph="1"/>
    </row>
    <row r="42258" spans="44:44" ht="15.75" customHeight="1" x14ac:dyDescent="0.15">
      <c r="AR42258" s="9" ph="1"/>
    </row>
    <row r="42259" spans="44:44" ht="15.75" customHeight="1" x14ac:dyDescent="0.15">
      <c r="AR42259" s="9" ph="1"/>
    </row>
    <row r="42260" spans="44:44" ht="15.75" customHeight="1" x14ac:dyDescent="0.15">
      <c r="AR42260" s="9" ph="1"/>
    </row>
    <row r="42261" spans="44:44" ht="15.75" customHeight="1" x14ac:dyDescent="0.15">
      <c r="AR42261" s="9" ph="1"/>
    </row>
    <row r="42262" spans="44:44" ht="15.75" customHeight="1" x14ac:dyDescent="0.15">
      <c r="AR42262" s="9" ph="1"/>
    </row>
    <row r="42263" spans="44:44" ht="15.75" customHeight="1" x14ac:dyDescent="0.15">
      <c r="AR42263" s="9" ph="1"/>
    </row>
    <row r="42264" spans="44:44" ht="15.75" customHeight="1" x14ac:dyDescent="0.15">
      <c r="AR42264" s="9" ph="1"/>
    </row>
    <row r="42265" spans="44:44" ht="15.75" customHeight="1" x14ac:dyDescent="0.15">
      <c r="AR42265" s="9" ph="1"/>
    </row>
    <row r="42266" spans="44:44" ht="15.75" customHeight="1" x14ac:dyDescent="0.15">
      <c r="AR42266" s="9" ph="1"/>
    </row>
    <row r="42267" spans="44:44" ht="15.75" customHeight="1" x14ac:dyDescent="0.15">
      <c r="AR42267" s="9" ph="1"/>
    </row>
    <row r="42269" spans="44:44" ht="15.75" customHeight="1" x14ac:dyDescent="0.15">
      <c r="AR42269" s="9" ph="1"/>
    </row>
    <row r="42270" spans="44:44" ht="15.75" customHeight="1" x14ac:dyDescent="0.15">
      <c r="AR42270" s="9" ph="1"/>
    </row>
    <row r="42271" spans="44:44" ht="15.75" customHeight="1" x14ac:dyDescent="0.15">
      <c r="AR42271" s="9" ph="1"/>
    </row>
    <row r="42272" spans="44:44" ht="15.75" customHeight="1" x14ac:dyDescent="0.15">
      <c r="AR42272" s="9" ph="1"/>
    </row>
    <row r="42273" spans="44:44" ht="15.75" customHeight="1" x14ac:dyDescent="0.15">
      <c r="AR42273" s="9" ph="1"/>
    </row>
    <row r="42274" spans="44:44" ht="15.75" customHeight="1" x14ac:dyDescent="0.15">
      <c r="AR42274" s="9" ph="1"/>
    </row>
    <row r="42275" spans="44:44" ht="15.75" customHeight="1" x14ac:dyDescent="0.15">
      <c r="AR42275" s="9" ph="1"/>
    </row>
    <row r="42276" spans="44:44" ht="15.75" customHeight="1" x14ac:dyDescent="0.15">
      <c r="AR42276" s="9" ph="1"/>
    </row>
    <row r="42277" spans="44:44" ht="15.75" customHeight="1" x14ac:dyDescent="0.15">
      <c r="AR42277" s="9" ph="1"/>
    </row>
    <row r="42278" spans="44:44" ht="15.75" customHeight="1" x14ac:dyDescent="0.15">
      <c r="AR42278" s="9" ph="1"/>
    </row>
    <row r="42279" spans="44:44" ht="15.75" customHeight="1" x14ac:dyDescent="0.15">
      <c r="AR42279" s="9" ph="1"/>
    </row>
    <row r="42280" spans="44:44" ht="15.75" customHeight="1" x14ac:dyDescent="0.15">
      <c r="AR42280" s="9" ph="1"/>
    </row>
    <row r="42281" spans="44:44" ht="15.75" customHeight="1" x14ac:dyDescent="0.15">
      <c r="AR42281" s="9" ph="1"/>
    </row>
    <row r="42282" spans="44:44" ht="15.75" customHeight="1" x14ac:dyDescent="0.15">
      <c r="AR42282" s="9" ph="1"/>
    </row>
    <row r="42283" spans="44:44" ht="15.75" customHeight="1" x14ac:dyDescent="0.15">
      <c r="AR42283" s="9" ph="1"/>
    </row>
    <row r="42284" spans="44:44" ht="15.75" customHeight="1" x14ac:dyDescent="0.15">
      <c r="AR42284" s="9" ph="1"/>
    </row>
    <row r="42285" spans="44:44" ht="15.75" customHeight="1" x14ac:dyDescent="0.15">
      <c r="AR42285" s="9" ph="1"/>
    </row>
    <row r="42286" spans="44:44" ht="15.75" customHeight="1" x14ac:dyDescent="0.15">
      <c r="AR42286" s="9" ph="1"/>
    </row>
    <row r="42287" spans="44:44" ht="15.75" customHeight="1" x14ac:dyDescent="0.15">
      <c r="AR42287" s="9" ph="1"/>
    </row>
    <row r="42288" spans="44:44" ht="15.75" customHeight="1" x14ac:dyDescent="0.15">
      <c r="AR42288" s="9" ph="1"/>
    </row>
    <row r="42289" spans="44:44" ht="15.75" customHeight="1" x14ac:dyDescent="0.15">
      <c r="AR42289" s="9" ph="1"/>
    </row>
    <row r="42290" spans="44:44" ht="15.75" customHeight="1" x14ac:dyDescent="0.15">
      <c r="AR42290" s="9" ph="1"/>
    </row>
    <row r="42291" spans="44:44" ht="15.75" customHeight="1" x14ac:dyDescent="0.15">
      <c r="AR42291" s="9" ph="1"/>
    </row>
    <row r="42292" spans="44:44" ht="15.75" customHeight="1" x14ac:dyDescent="0.15">
      <c r="AR42292" s="9" ph="1"/>
    </row>
    <row r="42293" spans="44:44" ht="15.75" customHeight="1" x14ac:dyDescent="0.15">
      <c r="AR42293" s="9" ph="1"/>
    </row>
    <row r="42294" spans="44:44" ht="15.75" customHeight="1" x14ac:dyDescent="0.15">
      <c r="AR42294" s="9" ph="1"/>
    </row>
    <row r="42295" spans="44:44" ht="15.75" customHeight="1" x14ac:dyDescent="0.15">
      <c r="AR42295" s="9" ph="1"/>
    </row>
    <row r="42296" spans="44:44" ht="15.75" customHeight="1" x14ac:dyDescent="0.15">
      <c r="AR42296" s="9" ph="1"/>
    </row>
    <row r="42297" spans="44:44" ht="15.75" customHeight="1" x14ac:dyDescent="0.15">
      <c r="AR42297" s="9" ph="1"/>
    </row>
    <row r="42298" spans="44:44" ht="15.75" customHeight="1" x14ac:dyDescent="0.15">
      <c r="AR42298" s="9" ph="1"/>
    </row>
    <row r="42299" spans="44:44" ht="15.75" customHeight="1" x14ac:dyDescent="0.15">
      <c r="AR42299" s="9" ph="1"/>
    </row>
    <row r="42300" spans="44:44" ht="15.75" customHeight="1" x14ac:dyDescent="0.15">
      <c r="AR42300" s="9" ph="1"/>
    </row>
    <row r="42301" spans="44:44" ht="15.75" customHeight="1" x14ac:dyDescent="0.15">
      <c r="AR42301" s="9" ph="1"/>
    </row>
    <row r="42302" spans="44:44" ht="15.75" customHeight="1" x14ac:dyDescent="0.15">
      <c r="AR42302" s="9" ph="1"/>
    </row>
    <row r="42303" spans="44:44" ht="15.75" customHeight="1" x14ac:dyDescent="0.15">
      <c r="AR42303" s="9" ph="1"/>
    </row>
    <row r="42304" spans="44:44" ht="15.75" customHeight="1" x14ac:dyDescent="0.15">
      <c r="AR42304" s="9" ph="1"/>
    </row>
    <row r="42305" spans="44:44" ht="15.75" customHeight="1" x14ac:dyDescent="0.15">
      <c r="AR42305" s="9" ph="1"/>
    </row>
    <row r="42306" spans="44:44" ht="15.75" customHeight="1" x14ac:dyDescent="0.15">
      <c r="AR42306" s="9" ph="1"/>
    </row>
    <row r="42307" spans="44:44" ht="15.75" customHeight="1" x14ac:dyDescent="0.15">
      <c r="AR42307" s="9" ph="1"/>
    </row>
    <row r="42308" spans="44:44" ht="15.75" customHeight="1" x14ac:dyDescent="0.15">
      <c r="AR42308" s="9" ph="1"/>
    </row>
    <row r="42309" spans="44:44" ht="15.75" customHeight="1" x14ac:dyDescent="0.15">
      <c r="AR42309" s="9" ph="1"/>
    </row>
    <row r="42310" spans="44:44" ht="15.75" customHeight="1" x14ac:dyDescent="0.15">
      <c r="AR42310" s="9" ph="1"/>
    </row>
    <row r="42311" spans="44:44" ht="15.75" customHeight="1" x14ac:dyDescent="0.15">
      <c r="AR42311" s="9" ph="1"/>
    </row>
    <row r="42312" spans="44:44" ht="15.75" customHeight="1" x14ac:dyDescent="0.15">
      <c r="AR42312" s="9" ph="1"/>
    </row>
    <row r="42313" spans="44:44" ht="15.75" customHeight="1" x14ac:dyDescent="0.15">
      <c r="AR42313" s="9" ph="1"/>
    </row>
    <row r="42314" spans="44:44" ht="15.75" customHeight="1" x14ac:dyDescent="0.15">
      <c r="AR42314" s="9" ph="1"/>
    </row>
    <row r="42315" spans="44:44" ht="15.75" customHeight="1" x14ac:dyDescent="0.15">
      <c r="AR42315" s="9" ph="1"/>
    </row>
    <row r="42316" spans="44:44" ht="15.75" customHeight="1" x14ac:dyDescent="0.15">
      <c r="AR42316" s="9" ph="1"/>
    </row>
    <row r="42317" spans="44:44" ht="15.75" customHeight="1" x14ac:dyDescent="0.15">
      <c r="AR42317" s="9" ph="1"/>
    </row>
    <row r="42318" spans="44:44" ht="15.75" customHeight="1" x14ac:dyDescent="0.15">
      <c r="AR42318" s="9" ph="1"/>
    </row>
    <row r="42319" spans="44:44" ht="15.75" customHeight="1" x14ac:dyDescent="0.15">
      <c r="AR42319" s="9" ph="1"/>
    </row>
    <row r="42320" spans="44:44" ht="15.75" customHeight="1" x14ac:dyDescent="0.15">
      <c r="AR42320" s="9" ph="1"/>
    </row>
    <row r="42321" spans="44:44" ht="15.75" customHeight="1" x14ac:dyDescent="0.15">
      <c r="AR42321" s="9" ph="1"/>
    </row>
    <row r="42322" spans="44:44" ht="15.75" customHeight="1" x14ac:dyDescent="0.15">
      <c r="AR42322" s="9" ph="1"/>
    </row>
    <row r="42323" spans="44:44" ht="15.75" customHeight="1" x14ac:dyDescent="0.15">
      <c r="AR42323" s="9" ph="1"/>
    </row>
    <row r="42324" spans="44:44" ht="15.75" customHeight="1" x14ac:dyDescent="0.15">
      <c r="AR42324" s="9" ph="1"/>
    </row>
    <row r="42325" spans="44:44" ht="15.75" customHeight="1" x14ac:dyDescent="0.15">
      <c r="AR42325" s="9" ph="1"/>
    </row>
    <row r="42326" spans="44:44" ht="15.75" customHeight="1" x14ac:dyDescent="0.15">
      <c r="AR42326" s="9" ph="1"/>
    </row>
    <row r="42327" spans="44:44" ht="15.75" customHeight="1" x14ac:dyDescent="0.15">
      <c r="AR42327" s="9" ph="1"/>
    </row>
    <row r="42328" spans="44:44" ht="15.75" customHeight="1" x14ac:dyDescent="0.15">
      <c r="AR42328" s="9" ph="1"/>
    </row>
    <row r="42329" spans="44:44" ht="15.75" customHeight="1" x14ac:dyDescent="0.15">
      <c r="AR42329" s="9" ph="1"/>
    </row>
    <row r="42330" spans="44:44" ht="15.75" customHeight="1" x14ac:dyDescent="0.15">
      <c r="AR42330" s="9" ph="1"/>
    </row>
    <row r="42331" spans="44:44" ht="15.75" customHeight="1" x14ac:dyDescent="0.15">
      <c r="AR42331" s="9" ph="1"/>
    </row>
    <row r="42332" spans="44:44" ht="15.75" customHeight="1" x14ac:dyDescent="0.15">
      <c r="AR42332" s="9" ph="1"/>
    </row>
    <row r="42333" spans="44:44" ht="15.75" customHeight="1" x14ac:dyDescent="0.15">
      <c r="AR42333" s="9" ph="1"/>
    </row>
    <row r="42334" spans="44:44" ht="15.75" customHeight="1" x14ac:dyDescent="0.15">
      <c r="AR42334" s="9" ph="1"/>
    </row>
    <row r="42335" spans="44:44" ht="15.75" customHeight="1" x14ac:dyDescent="0.15">
      <c r="AR42335" s="9" ph="1"/>
    </row>
    <row r="42336" spans="44:44" ht="15.75" customHeight="1" x14ac:dyDescent="0.15">
      <c r="AR42336" s="9" ph="1"/>
    </row>
    <row r="42337" spans="44:44" ht="15.75" customHeight="1" x14ac:dyDescent="0.15">
      <c r="AR42337" s="9" ph="1"/>
    </row>
    <row r="42338" spans="44:44" ht="15.75" customHeight="1" x14ac:dyDescent="0.15">
      <c r="AR42338" s="9" ph="1"/>
    </row>
    <row r="42339" spans="44:44" ht="15.75" customHeight="1" x14ac:dyDescent="0.15">
      <c r="AR42339" s="9" ph="1"/>
    </row>
    <row r="42340" spans="44:44" ht="15.75" customHeight="1" x14ac:dyDescent="0.15">
      <c r="AR42340" s="9" ph="1"/>
    </row>
    <row r="42341" spans="44:44" ht="15.75" customHeight="1" x14ac:dyDescent="0.15">
      <c r="AR42341" s="9" ph="1"/>
    </row>
    <row r="42342" spans="44:44" ht="15.75" customHeight="1" x14ac:dyDescent="0.15">
      <c r="AR42342" s="9" ph="1"/>
    </row>
    <row r="42343" spans="44:44" ht="15.75" customHeight="1" x14ac:dyDescent="0.15">
      <c r="AR42343" s="9" ph="1"/>
    </row>
    <row r="42344" spans="44:44" ht="15.75" customHeight="1" x14ac:dyDescent="0.15">
      <c r="AR42344" s="9" ph="1"/>
    </row>
    <row r="42345" spans="44:44" ht="15.75" customHeight="1" x14ac:dyDescent="0.15">
      <c r="AR42345" s="9" ph="1"/>
    </row>
    <row r="42346" spans="44:44" ht="15.75" customHeight="1" x14ac:dyDescent="0.15">
      <c r="AR42346" s="9" ph="1"/>
    </row>
    <row r="42347" spans="44:44" ht="15.75" customHeight="1" x14ac:dyDescent="0.15">
      <c r="AR42347" s="9" ph="1"/>
    </row>
    <row r="42348" spans="44:44" ht="15.75" customHeight="1" x14ac:dyDescent="0.15">
      <c r="AR42348" s="9" ph="1"/>
    </row>
    <row r="42349" spans="44:44" ht="15.75" customHeight="1" x14ac:dyDescent="0.15">
      <c r="AR42349" s="9" ph="1"/>
    </row>
    <row r="42350" spans="44:44" ht="15.75" customHeight="1" x14ac:dyDescent="0.15">
      <c r="AR42350" s="9" ph="1"/>
    </row>
    <row r="42351" spans="44:44" ht="15.75" customHeight="1" x14ac:dyDescent="0.15">
      <c r="AR42351" s="9" ph="1"/>
    </row>
    <row r="42352" spans="44:44" ht="15.75" customHeight="1" x14ac:dyDescent="0.15">
      <c r="AR42352" s="9" ph="1"/>
    </row>
    <row r="42353" spans="44:44" ht="15.75" customHeight="1" x14ac:dyDescent="0.15">
      <c r="AR42353" s="9" ph="1"/>
    </row>
    <row r="42354" spans="44:44" ht="15.75" customHeight="1" x14ac:dyDescent="0.15">
      <c r="AR42354" s="9" ph="1"/>
    </row>
    <row r="42355" spans="44:44" ht="15.75" customHeight="1" x14ac:dyDescent="0.15">
      <c r="AR42355" s="9" ph="1"/>
    </row>
    <row r="42356" spans="44:44" ht="15.75" customHeight="1" x14ac:dyDescent="0.15">
      <c r="AR42356" s="9" ph="1"/>
    </row>
    <row r="42357" spans="44:44" ht="15.75" customHeight="1" x14ac:dyDescent="0.15">
      <c r="AR42357" s="9" ph="1"/>
    </row>
    <row r="42358" spans="44:44" ht="15.75" customHeight="1" x14ac:dyDescent="0.15">
      <c r="AR42358" s="9" ph="1"/>
    </row>
    <row r="42359" spans="44:44" ht="15.75" customHeight="1" x14ac:dyDescent="0.15">
      <c r="AR42359" s="9" ph="1"/>
    </row>
    <row r="42360" spans="44:44" ht="15.75" customHeight="1" x14ac:dyDescent="0.15">
      <c r="AR42360" s="9" ph="1"/>
    </row>
    <row r="42361" spans="44:44" ht="15.75" customHeight="1" x14ac:dyDescent="0.15">
      <c r="AR42361" s="9" ph="1"/>
    </row>
    <row r="42362" spans="44:44" ht="15.75" customHeight="1" x14ac:dyDescent="0.15">
      <c r="AR42362" s="9" ph="1"/>
    </row>
    <row r="42363" spans="44:44" ht="15.75" customHeight="1" x14ac:dyDescent="0.15">
      <c r="AR42363" s="9" ph="1"/>
    </row>
    <row r="42364" spans="44:44" ht="15.75" customHeight="1" x14ac:dyDescent="0.15">
      <c r="AR42364" s="9" ph="1"/>
    </row>
    <row r="42365" spans="44:44" ht="15.75" customHeight="1" x14ac:dyDescent="0.15">
      <c r="AR42365" s="9" ph="1"/>
    </row>
    <row r="42366" spans="44:44" ht="15.75" customHeight="1" x14ac:dyDescent="0.15">
      <c r="AR42366" s="9" ph="1"/>
    </row>
    <row r="42367" spans="44:44" ht="15.75" customHeight="1" x14ac:dyDescent="0.15">
      <c r="AR42367" s="9" ph="1"/>
    </row>
    <row r="42368" spans="44:44" ht="15.75" customHeight="1" x14ac:dyDescent="0.15">
      <c r="AR42368" s="9" ph="1"/>
    </row>
    <row r="42369" spans="44:44" ht="15.75" customHeight="1" x14ac:dyDescent="0.15">
      <c r="AR42369" s="9" ph="1"/>
    </row>
    <row r="42370" spans="44:44" ht="15.75" customHeight="1" x14ac:dyDescent="0.15">
      <c r="AR42370" s="9" ph="1"/>
    </row>
    <row r="42371" spans="44:44" ht="15.75" customHeight="1" x14ac:dyDescent="0.15">
      <c r="AR42371" s="9" ph="1"/>
    </row>
    <row r="42372" spans="44:44" ht="15.75" customHeight="1" x14ac:dyDescent="0.15">
      <c r="AR42372" s="9" ph="1"/>
    </row>
    <row r="42373" spans="44:44" ht="15.75" customHeight="1" x14ac:dyDescent="0.15">
      <c r="AR42373" s="9" ph="1"/>
    </row>
    <row r="42374" spans="44:44" ht="15.75" customHeight="1" x14ac:dyDescent="0.15">
      <c r="AR42374" s="9" ph="1"/>
    </row>
    <row r="42375" spans="44:44" ht="15.75" customHeight="1" x14ac:dyDescent="0.15">
      <c r="AR42375" s="9" ph="1"/>
    </row>
    <row r="42376" spans="44:44" ht="15.75" customHeight="1" x14ac:dyDescent="0.15">
      <c r="AR42376" s="9" ph="1"/>
    </row>
    <row r="42377" spans="44:44" ht="15.75" customHeight="1" x14ac:dyDescent="0.15">
      <c r="AR42377" s="9" ph="1"/>
    </row>
    <row r="42378" spans="44:44" ht="15.75" customHeight="1" x14ac:dyDescent="0.15">
      <c r="AR42378" s="9" ph="1"/>
    </row>
    <row r="42379" spans="44:44" ht="15.75" customHeight="1" x14ac:dyDescent="0.15">
      <c r="AR42379" s="9" ph="1"/>
    </row>
    <row r="42380" spans="44:44" ht="15.75" customHeight="1" x14ac:dyDescent="0.15">
      <c r="AR42380" s="9" ph="1"/>
    </row>
    <row r="42381" spans="44:44" ht="15.75" customHeight="1" x14ac:dyDescent="0.15">
      <c r="AR42381" s="9" ph="1"/>
    </row>
    <row r="42382" spans="44:44" ht="15.75" customHeight="1" x14ac:dyDescent="0.15">
      <c r="AR42382" s="9" ph="1"/>
    </row>
    <row r="42383" spans="44:44" ht="15.75" customHeight="1" x14ac:dyDescent="0.15">
      <c r="AR42383" s="9" ph="1"/>
    </row>
    <row r="42385" spans="44:44" ht="15.75" customHeight="1" x14ac:dyDescent="0.15">
      <c r="AR42385" s="9" ph="1"/>
    </row>
    <row r="42386" spans="44:44" ht="15.75" customHeight="1" x14ac:dyDescent="0.15">
      <c r="AR42386" s="9" ph="1"/>
    </row>
    <row r="42387" spans="44:44" ht="15.75" customHeight="1" x14ac:dyDescent="0.15">
      <c r="AR42387" s="9" ph="1"/>
    </row>
    <row r="42388" spans="44:44" ht="15.75" customHeight="1" x14ac:dyDescent="0.15">
      <c r="AR42388" s="9" ph="1"/>
    </row>
    <row r="42389" spans="44:44" ht="15.75" customHeight="1" x14ac:dyDescent="0.15">
      <c r="AR42389" s="9" ph="1"/>
    </row>
    <row r="42390" spans="44:44" ht="15.75" customHeight="1" x14ac:dyDescent="0.15">
      <c r="AR42390" s="9" ph="1"/>
    </row>
    <row r="42391" spans="44:44" ht="15.75" customHeight="1" x14ac:dyDescent="0.15">
      <c r="AR42391" s="9" ph="1"/>
    </row>
    <row r="42392" spans="44:44" ht="15.75" customHeight="1" x14ac:dyDescent="0.15">
      <c r="AR42392" s="9" ph="1"/>
    </row>
    <row r="42393" spans="44:44" ht="15.75" customHeight="1" x14ac:dyDescent="0.15">
      <c r="AR42393" s="9" ph="1"/>
    </row>
    <row r="42394" spans="44:44" ht="15.75" customHeight="1" x14ac:dyDescent="0.15">
      <c r="AR42394" s="9" ph="1"/>
    </row>
    <row r="42396" spans="44:44" ht="15.75" customHeight="1" x14ac:dyDescent="0.15">
      <c r="AR42396" s="9" ph="1"/>
    </row>
    <row r="42397" spans="44:44" ht="15.75" customHeight="1" x14ac:dyDescent="0.15">
      <c r="AR42397" s="9" ph="1"/>
    </row>
    <row r="42398" spans="44:44" ht="15.75" customHeight="1" x14ac:dyDescent="0.15">
      <c r="AR42398" s="9" ph="1"/>
    </row>
    <row r="42399" spans="44:44" ht="15.75" customHeight="1" x14ac:dyDescent="0.15">
      <c r="AR42399" s="9" ph="1"/>
    </row>
    <row r="42400" spans="44:44" ht="15.75" customHeight="1" x14ac:dyDescent="0.15">
      <c r="AR42400" s="9" ph="1"/>
    </row>
    <row r="42401" spans="44:44" ht="15.75" customHeight="1" x14ac:dyDescent="0.15">
      <c r="AR42401" s="9" ph="1"/>
    </row>
    <row r="42402" spans="44:44" ht="15.75" customHeight="1" x14ac:dyDescent="0.15">
      <c r="AR42402" s="9" ph="1"/>
    </row>
    <row r="42403" spans="44:44" ht="15.75" customHeight="1" x14ac:dyDescent="0.15">
      <c r="AR42403" s="9" ph="1"/>
    </row>
    <row r="42404" spans="44:44" ht="15.75" customHeight="1" x14ac:dyDescent="0.15">
      <c r="AR42404" s="9" ph="1"/>
    </row>
    <row r="42405" spans="44:44" ht="15.75" customHeight="1" x14ac:dyDescent="0.15">
      <c r="AR42405" s="9" ph="1"/>
    </row>
    <row r="42406" spans="44:44" ht="15.75" customHeight="1" x14ac:dyDescent="0.15">
      <c r="AR42406" s="9" ph="1"/>
    </row>
    <row r="42407" spans="44:44" ht="15.75" customHeight="1" x14ac:dyDescent="0.15">
      <c r="AR42407" s="9" ph="1"/>
    </row>
    <row r="42408" spans="44:44" ht="15.75" customHeight="1" x14ac:dyDescent="0.15">
      <c r="AR42408" s="9" ph="1"/>
    </row>
    <row r="42409" spans="44:44" ht="15.75" customHeight="1" x14ac:dyDescent="0.15">
      <c r="AR42409" s="9" ph="1"/>
    </row>
    <row r="42411" spans="44:44" ht="15.75" customHeight="1" x14ac:dyDescent="0.15">
      <c r="AR42411" s="9" ph="1"/>
    </row>
    <row r="42412" spans="44:44" ht="15.75" customHeight="1" x14ac:dyDescent="0.15">
      <c r="AR42412" s="9" ph="1"/>
    </row>
    <row r="42413" spans="44:44" ht="15.75" customHeight="1" x14ac:dyDescent="0.15">
      <c r="AR42413" s="9" ph="1"/>
    </row>
    <row r="42414" spans="44:44" ht="15.75" customHeight="1" x14ac:dyDescent="0.15">
      <c r="AR42414" s="9" ph="1"/>
    </row>
    <row r="42415" spans="44:44" ht="15.75" customHeight="1" x14ac:dyDescent="0.15">
      <c r="AR42415" s="9" ph="1"/>
    </row>
    <row r="42416" spans="44:44" ht="15.75" customHeight="1" x14ac:dyDescent="0.15">
      <c r="AR42416" s="9" ph="1"/>
    </row>
    <row r="42417" spans="44:44" ht="15.75" customHeight="1" x14ac:dyDescent="0.15">
      <c r="AR42417" s="9" ph="1"/>
    </row>
    <row r="42418" spans="44:44" ht="15.75" customHeight="1" x14ac:dyDescent="0.15">
      <c r="AR42418" s="9" ph="1"/>
    </row>
    <row r="42419" spans="44:44" ht="15.75" customHeight="1" x14ac:dyDescent="0.15">
      <c r="AR42419" s="9" ph="1"/>
    </row>
    <row r="42420" spans="44:44" ht="15.75" customHeight="1" x14ac:dyDescent="0.15">
      <c r="AR42420" s="9" ph="1"/>
    </row>
    <row r="42421" spans="44:44" ht="15.75" customHeight="1" x14ac:dyDescent="0.15">
      <c r="AR42421" s="9" ph="1"/>
    </row>
    <row r="42422" spans="44:44" ht="15.75" customHeight="1" x14ac:dyDescent="0.15">
      <c r="AR42422" s="9" ph="1"/>
    </row>
    <row r="42423" spans="44:44" ht="15.75" customHeight="1" x14ac:dyDescent="0.15">
      <c r="AR42423" s="9" ph="1"/>
    </row>
    <row r="42424" spans="44:44" ht="15.75" customHeight="1" x14ac:dyDescent="0.15">
      <c r="AR42424" s="9" ph="1"/>
    </row>
    <row r="42425" spans="44:44" ht="15.75" customHeight="1" x14ac:dyDescent="0.15">
      <c r="AR42425" s="9" ph="1"/>
    </row>
    <row r="42427" spans="44:44" ht="15.75" customHeight="1" x14ac:dyDescent="0.15">
      <c r="AR42427" s="9" ph="1"/>
    </row>
    <row r="42428" spans="44:44" ht="15.75" customHeight="1" x14ac:dyDescent="0.15">
      <c r="AR42428" s="9" ph="1"/>
    </row>
    <row r="42429" spans="44:44" ht="15.75" customHeight="1" x14ac:dyDescent="0.15">
      <c r="AR42429" s="9" ph="1"/>
    </row>
    <row r="42430" spans="44:44" ht="15.75" customHeight="1" x14ac:dyDescent="0.15">
      <c r="AR42430" s="9" ph="1"/>
    </row>
    <row r="42431" spans="44:44" ht="15.75" customHeight="1" x14ac:dyDescent="0.15">
      <c r="AR42431" s="9" ph="1"/>
    </row>
    <row r="42432" spans="44:44" ht="15.75" customHeight="1" x14ac:dyDescent="0.15">
      <c r="AR42432" s="9" ph="1"/>
    </row>
    <row r="42433" spans="44:44" ht="15.75" customHeight="1" x14ac:dyDescent="0.15">
      <c r="AR42433" s="9" ph="1"/>
    </row>
    <row r="42434" spans="44:44" ht="15.75" customHeight="1" x14ac:dyDescent="0.15">
      <c r="AR42434" s="9" ph="1"/>
    </row>
    <row r="42435" spans="44:44" ht="15.75" customHeight="1" x14ac:dyDescent="0.15">
      <c r="AR42435" s="9" ph="1"/>
    </row>
    <row r="42436" spans="44:44" ht="15.75" customHeight="1" x14ac:dyDescent="0.15">
      <c r="AR42436" s="9" ph="1"/>
    </row>
    <row r="42438" spans="44:44" ht="15.75" customHeight="1" x14ac:dyDescent="0.15">
      <c r="AR42438" s="9" ph="1"/>
    </row>
    <row r="42439" spans="44:44" ht="15.75" customHeight="1" x14ac:dyDescent="0.15">
      <c r="AR42439" s="9" ph="1"/>
    </row>
    <row r="42440" spans="44:44" ht="15.75" customHeight="1" x14ac:dyDescent="0.15">
      <c r="AR42440" s="9" ph="1"/>
    </row>
    <row r="42441" spans="44:44" ht="15.75" customHeight="1" x14ac:dyDescent="0.15">
      <c r="AR42441" s="9" ph="1"/>
    </row>
    <row r="42442" spans="44:44" ht="15.75" customHeight="1" x14ac:dyDescent="0.15">
      <c r="AR42442" s="9" ph="1"/>
    </row>
    <row r="42443" spans="44:44" ht="15.75" customHeight="1" x14ac:dyDescent="0.15">
      <c r="AR42443" s="9" ph="1"/>
    </row>
    <row r="42444" spans="44:44" ht="15.75" customHeight="1" x14ac:dyDescent="0.15">
      <c r="AR42444" s="9" ph="1"/>
    </row>
    <row r="42445" spans="44:44" ht="15.75" customHeight="1" x14ac:dyDescent="0.15">
      <c r="AR42445" s="9" ph="1"/>
    </row>
    <row r="42446" spans="44:44" ht="15.75" customHeight="1" x14ac:dyDescent="0.15">
      <c r="AR42446" s="9" ph="1"/>
    </row>
    <row r="42447" spans="44:44" ht="15.75" customHeight="1" x14ac:dyDescent="0.15">
      <c r="AR42447" s="9" ph="1"/>
    </row>
    <row r="42448" spans="44:44" ht="15.75" customHeight="1" x14ac:dyDescent="0.15">
      <c r="AR42448" s="9" ph="1"/>
    </row>
    <row r="42449" spans="44:44" ht="15.75" customHeight="1" x14ac:dyDescent="0.15">
      <c r="AR42449" s="9" ph="1"/>
    </row>
    <row r="42450" spans="44:44" ht="15.75" customHeight="1" x14ac:dyDescent="0.15">
      <c r="AR42450" s="9" ph="1"/>
    </row>
    <row r="42451" spans="44:44" ht="15.75" customHeight="1" x14ac:dyDescent="0.15">
      <c r="AR42451" s="9" ph="1"/>
    </row>
    <row r="42452" spans="44:44" ht="15.75" customHeight="1" x14ac:dyDescent="0.15">
      <c r="AR42452" s="9" ph="1"/>
    </row>
    <row r="42453" spans="44:44" ht="15.75" customHeight="1" x14ac:dyDescent="0.15">
      <c r="AR42453" s="9" ph="1"/>
    </row>
    <row r="42454" spans="44:44" ht="15.75" customHeight="1" x14ac:dyDescent="0.15">
      <c r="AR42454" s="9" ph="1"/>
    </row>
    <row r="42455" spans="44:44" ht="15.75" customHeight="1" x14ac:dyDescent="0.15">
      <c r="AR42455" s="9" ph="1"/>
    </row>
    <row r="42456" spans="44:44" ht="15.75" customHeight="1" x14ac:dyDescent="0.15">
      <c r="AR42456" s="9" ph="1"/>
    </row>
    <row r="42457" spans="44:44" ht="15.75" customHeight="1" x14ac:dyDescent="0.15">
      <c r="AR42457" s="9" ph="1"/>
    </row>
    <row r="42458" spans="44:44" ht="15.75" customHeight="1" x14ac:dyDescent="0.15">
      <c r="AR42458" s="9" ph="1"/>
    </row>
    <row r="42459" spans="44:44" ht="15.75" customHeight="1" x14ac:dyDescent="0.15">
      <c r="AR42459" s="9" ph="1"/>
    </row>
    <row r="42460" spans="44:44" ht="15.75" customHeight="1" x14ac:dyDescent="0.15">
      <c r="AR42460" s="9" ph="1"/>
    </row>
    <row r="42461" spans="44:44" ht="15.75" customHeight="1" x14ac:dyDescent="0.15">
      <c r="AR42461" s="9" ph="1"/>
    </row>
    <row r="42462" spans="44:44" ht="15.75" customHeight="1" x14ac:dyDescent="0.15">
      <c r="AR42462" s="9" ph="1"/>
    </row>
    <row r="42464" spans="44:44" ht="15.75" customHeight="1" x14ac:dyDescent="0.15">
      <c r="AR42464" s="9" ph="1"/>
    </row>
    <row r="42465" spans="44:44" ht="15.75" customHeight="1" x14ac:dyDescent="0.15">
      <c r="AR42465" s="9" ph="1"/>
    </row>
    <row r="42466" spans="44:44" ht="15.75" customHeight="1" x14ac:dyDescent="0.15">
      <c r="AR42466" s="9" ph="1"/>
    </row>
    <row r="42467" spans="44:44" ht="15.75" customHeight="1" x14ac:dyDescent="0.15">
      <c r="AR42467" s="9" ph="1"/>
    </row>
    <row r="42468" spans="44:44" ht="15.75" customHeight="1" x14ac:dyDescent="0.15">
      <c r="AR42468" s="9" ph="1"/>
    </row>
    <row r="42469" spans="44:44" ht="15.75" customHeight="1" x14ac:dyDescent="0.15">
      <c r="AR42469" s="9" ph="1"/>
    </row>
    <row r="42470" spans="44:44" ht="15.75" customHeight="1" x14ac:dyDescent="0.15">
      <c r="AR42470" s="9" ph="1"/>
    </row>
    <row r="42471" spans="44:44" ht="15.75" customHeight="1" x14ac:dyDescent="0.15">
      <c r="AR42471" s="9" ph="1"/>
    </row>
    <row r="42472" spans="44:44" ht="15.75" customHeight="1" x14ac:dyDescent="0.15">
      <c r="AR42472" s="9" ph="1"/>
    </row>
    <row r="42473" spans="44:44" ht="15.75" customHeight="1" x14ac:dyDescent="0.15">
      <c r="AR42473" s="9" ph="1"/>
    </row>
    <row r="42474" spans="44:44" ht="15.75" customHeight="1" x14ac:dyDescent="0.15">
      <c r="AR42474" s="9" ph="1"/>
    </row>
    <row r="42475" spans="44:44" ht="15.75" customHeight="1" x14ac:dyDescent="0.15">
      <c r="AR42475" s="9" ph="1"/>
    </row>
    <row r="42476" spans="44:44" ht="15.75" customHeight="1" x14ac:dyDescent="0.15">
      <c r="AR42476" s="9" ph="1"/>
    </row>
    <row r="42477" spans="44:44" ht="15.75" customHeight="1" x14ac:dyDescent="0.15">
      <c r="AR42477" s="9" ph="1"/>
    </row>
    <row r="42478" spans="44:44" ht="15.75" customHeight="1" x14ac:dyDescent="0.15">
      <c r="AR42478" s="9" ph="1"/>
    </row>
    <row r="42480" spans="44:44" ht="15.75" customHeight="1" x14ac:dyDescent="0.15">
      <c r="AR42480" s="9" ph="1"/>
    </row>
    <row r="42481" spans="44:44" ht="15.75" customHeight="1" x14ac:dyDescent="0.15">
      <c r="AR42481" s="9" ph="1"/>
    </row>
    <row r="42482" spans="44:44" ht="15.75" customHeight="1" x14ac:dyDescent="0.15">
      <c r="AR42482" s="9" ph="1"/>
    </row>
    <row r="42483" spans="44:44" ht="15.75" customHeight="1" x14ac:dyDescent="0.15">
      <c r="AR42483" s="9" ph="1"/>
    </row>
    <row r="42484" spans="44:44" ht="15.75" customHeight="1" x14ac:dyDescent="0.15">
      <c r="AR42484" s="9" ph="1"/>
    </row>
    <row r="42485" spans="44:44" ht="15.75" customHeight="1" x14ac:dyDescent="0.15">
      <c r="AR42485" s="9" ph="1"/>
    </row>
    <row r="42486" spans="44:44" ht="15.75" customHeight="1" x14ac:dyDescent="0.15">
      <c r="AR42486" s="9" ph="1"/>
    </row>
    <row r="42487" spans="44:44" ht="15.75" customHeight="1" x14ac:dyDescent="0.15">
      <c r="AR42487" s="9" ph="1"/>
    </row>
    <row r="42488" spans="44:44" ht="15.75" customHeight="1" x14ac:dyDescent="0.15">
      <c r="AR42488" s="9" ph="1"/>
    </row>
    <row r="42489" spans="44:44" ht="15.75" customHeight="1" x14ac:dyDescent="0.15">
      <c r="AR42489" s="9" ph="1"/>
    </row>
    <row r="42491" spans="44:44" ht="15.75" customHeight="1" x14ac:dyDescent="0.15">
      <c r="AR42491" s="9" ph="1"/>
    </row>
    <row r="42492" spans="44:44" ht="15.75" customHeight="1" x14ac:dyDescent="0.15">
      <c r="AR42492" s="9" ph="1"/>
    </row>
    <row r="42493" spans="44:44" ht="15.75" customHeight="1" x14ac:dyDescent="0.15">
      <c r="AR42493" s="9" ph="1"/>
    </row>
    <row r="42494" spans="44:44" ht="15.75" customHeight="1" x14ac:dyDescent="0.15">
      <c r="AR42494" s="9" ph="1"/>
    </row>
    <row r="42495" spans="44:44" ht="15.75" customHeight="1" x14ac:dyDescent="0.15">
      <c r="AR42495" s="9" ph="1"/>
    </row>
    <row r="42496" spans="44:44" ht="15.75" customHeight="1" x14ac:dyDescent="0.15">
      <c r="AR42496" s="9" ph="1"/>
    </row>
    <row r="42497" spans="44:44" ht="15.75" customHeight="1" x14ac:dyDescent="0.15">
      <c r="AR42497" s="9" ph="1"/>
    </row>
    <row r="42498" spans="44:44" ht="15.75" customHeight="1" x14ac:dyDescent="0.15">
      <c r="AR42498" s="9" ph="1"/>
    </row>
    <row r="42499" spans="44:44" ht="15.75" customHeight="1" x14ac:dyDescent="0.15">
      <c r="AR42499" s="9" ph="1"/>
    </row>
    <row r="42500" spans="44:44" ht="15.75" customHeight="1" x14ac:dyDescent="0.15">
      <c r="AR42500" s="9" ph="1"/>
    </row>
    <row r="42501" spans="44:44" ht="15.75" customHeight="1" x14ac:dyDescent="0.15">
      <c r="AR42501" s="9" ph="1"/>
    </row>
    <row r="42502" spans="44:44" ht="15.75" customHeight="1" x14ac:dyDescent="0.15">
      <c r="AR42502" s="9" ph="1"/>
    </row>
    <row r="42503" spans="44:44" ht="15.75" customHeight="1" x14ac:dyDescent="0.15">
      <c r="AR42503" s="9" ph="1"/>
    </row>
    <row r="42504" spans="44:44" ht="15.75" customHeight="1" x14ac:dyDescent="0.15">
      <c r="AR42504" s="9" ph="1"/>
    </row>
    <row r="42505" spans="44:44" ht="15.75" customHeight="1" x14ac:dyDescent="0.15">
      <c r="AR42505" s="9" ph="1"/>
    </row>
    <row r="42506" spans="44:44" ht="15.75" customHeight="1" x14ac:dyDescent="0.15">
      <c r="AR42506" s="9" ph="1"/>
    </row>
    <row r="42507" spans="44:44" ht="15.75" customHeight="1" x14ac:dyDescent="0.15">
      <c r="AR42507" s="9" ph="1"/>
    </row>
    <row r="42508" spans="44:44" ht="15.75" customHeight="1" x14ac:dyDescent="0.15">
      <c r="AR42508" s="9" ph="1"/>
    </row>
    <row r="42509" spans="44:44" ht="15.75" customHeight="1" x14ac:dyDescent="0.15">
      <c r="AR42509" s="9" ph="1"/>
    </row>
    <row r="42510" spans="44:44" ht="15.75" customHeight="1" x14ac:dyDescent="0.15">
      <c r="AR42510" s="9" ph="1"/>
    </row>
    <row r="42511" spans="44:44" ht="15.75" customHeight="1" x14ac:dyDescent="0.15">
      <c r="AR42511" s="9" ph="1"/>
    </row>
    <row r="42512" spans="44:44" ht="15.75" customHeight="1" x14ac:dyDescent="0.15">
      <c r="AR42512" s="9" ph="1"/>
    </row>
    <row r="42513" spans="44:44" ht="15.75" customHeight="1" x14ac:dyDescent="0.15">
      <c r="AR42513" s="9" ph="1"/>
    </row>
    <row r="42514" spans="44:44" ht="15.75" customHeight="1" x14ac:dyDescent="0.15">
      <c r="AR42514" s="9" ph="1"/>
    </row>
    <row r="42515" spans="44:44" ht="15.75" customHeight="1" x14ac:dyDescent="0.15">
      <c r="AR42515" s="9" ph="1"/>
    </row>
    <row r="42517" spans="44:44" ht="15.75" customHeight="1" x14ac:dyDescent="0.15">
      <c r="AR42517" s="9" ph="1"/>
    </row>
    <row r="42518" spans="44:44" ht="15.75" customHeight="1" x14ac:dyDescent="0.15">
      <c r="AR42518" s="9" ph="1"/>
    </row>
    <row r="42519" spans="44:44" ht="15.75" customHeight="1" x14ac:dyDescent="0.15">
      <c r="AR42519" s="9" ph="1"/>
    </row>
    <row r="42520" spans="44:44" ht="15.75" customHeight="1" x14ac:dyDescent="0.15">
      <c r="AR42520" s="9" ph="1"/>
    </row>
    <row r="42521" spans="44:44" ht="15.75" customHeight="1" x14ac:dyDescent="0.15">
      <c r="AR42521" s="9" ph="1"/>
    </row>
    <row r="42522" spans="44:44" ht="15.75" customHeight="1" x14ac:dyDescent="0.15">
      <c r="AR42522" s="9" ph="1"/>
    </row>
    <row r="42523" spans="44:44" ht="15.75" customHeight="1" x14ac:dyDescent="0.15">
      <c r="AR42523" s="9" ph="1"/>
    </row>
    <row r="42524" spans="44:44" ht="15.75" customHeight="1" x14ac:dyDescent="0.15">
      <c r="AR42524" s="9" ph="1"/>
    </row>
    <row r="42525" spans="44:44" ht="15.75" customHeight="1" x14ac:dyDescent="0.15">
      <c r="AR42525" s="9" ph="1"/>
    </row>
    <row r="42526" spans="44:44" ht="15.75" customHeight="1" x14ac:dyDescent="0.15">
      <c r="AR42526" s="9" ph="1"/>
    </row>
    <row r="42527" spans="44:44" ht="15.75" customHeight="1" x14ac:dyDescent="0.15">
      <c r="AR42527" s="9" ph="1"/>
    </row>
    <row r="42528" spans="44:44" ht="15.75" customHeight="1" x14ac:dyDescent="0.15">
      <c r="AR42528" s="9" ph="1"/>
    </row>
    <row r="42529" spans="44:44" ht="15.75" customHeight="1" x14ac:dyDescent="0.15">
      <c r="AR42529" s="9" ph="1"/>
    </row>
    <row r="42530" spans="44:44" ht="15.75" customHeight="1" x14ac:dyDescent="0.15">
      <c r="AR42530" s="9" ph="1"/>
    </row>
    <row r="42531" spans="44:44" ht="15.75" customHeight="1" x14ac:dyDescent="0.15">
      <c r="AR42531" s="9" ph="1"/>
    </row>
    <row r="42533" spans="44:44" ht="15.75" customHeight="1" x14ac:dyDescent="0.15">
      <c r="AR42533" s="9" ph="1"/>
    </row>
    <row r="42534" spans="44:44" ht="15.75" customHeight="1" x14ac:dyDescent="0.15">
      <c r="AR42534" s="9" ph="1"/>
    </row>
    <row r="42535" spans="44:44" ht="15.75" customHeight="1" x14ac:dyDescent="0.15">
      <c r="AR42535" s="9" ph="1"/>
    </row>
    <row r="42536" spans="44:44" ht="15.75" customHeight="1" x14ac:dyDescent="0.15">
      <c r="AR42536" s="9" ph="1"/>
    </row>
    <row r="42537" spans="44:44" ht="15.75" customHeight="1" x14ac:dyDescent="0.15">
      <c r="AR42537" s="9" ph="1"/>
    </row>
    <row r="42538" spans="44:44" ht="15.75" customHeight="1" x14ac:dyDescent="0.15">
      <c r="AR42538" s="9" ph="1"/>
    </row>
    <row r="42539" spans="44:44" ht="15.75" customHeight="1" x14ac:dyDescent="0.15">
      <c r="AR42539" s="9" ph="1"/>
    </row>
    <row r="42540" spans="44:44" ht="15.75" customHeight="1" x14ac:dyDescent="0.15">
      <c r="AR42540" s="9" ph="1"/>
    </row>
    <row r="42541" spans="44:44" ht="15.75" customHeight="1" x14ac:dyDescent="0.15">
      <c r="AR42541" s="9" ph="1"/>
    </row>
    <row r="42542" spans="44:44" ht="15.75" customHeight="1" x14ac:dyDescent="0.15">
      <c r="AR42542" s="9" ph="1"/>
    </row>
    <row r="42544" spans="44:44" ht="15.75" customHeight="1" x14ac:dyDescent="0.15">
      <c r="AR42544" s="9" ph="1"/>
    </row>
    <row r="42545" spans="44:44" ht="15.75" customHeight="1" x14ac:dyDescent="0.15">
      <c r="AR42545" s="9" ph="1"/>
    </row>
    <row r="42546" spans="44:44" ht="15.75" customHeight="1" x14ac:dyDescent="0.15">
      <c r="AR42546" s="9" ph="1"/>
    </row>
    <row r="42547" spans="44:44" ht="15.75" customHeight="1" x14ac:dyDescent="0.15">
      <c r="AR42547" s="9" ph="1"/>
    </row>
    <row r="42548" spans="44:44" ht="15.75" customHeight="1" x14ac:dyDescent="0.15">
      <c r="AR42548" s="9" ph="1"/>
    </row>
    <row r="42549" spans="44:44" ht="15.75" customHeight="1" x14ac:dyDescent="0.15">
      <c r="AR42549" s="9" ph="1"/>
    </row>
    <row r="42550" spans="44:44" ht="15.75" customHeight="1" x14ac:dyDescent="0.15">
      <c r="AR42550" s="9" ph="1"/>
    </row>
    <row r="42551" spans="44:44" ht="15.75" customHeight="1" x14ac:dyDescent="0.15">
      <c r="AR42551" s="9" ph="1"/>
    </row>
    <row r="42552" spans="44:44" ht="15.75" customHeight="1" x14ac:dyDescent="0.15">
      <c r="AR42552" s="9" ph="1"/>
    </row>
    <row r="42553" spans="44:44" ht="15.75" customHeight="1" x14ac:dyDescent="0.15">
      <c r="AR42553" s="9" ph="1"/>
    </row>
    <row r="42554" spans="44:44" ht="15.75" customHeight="1" x14ac:dyDescent="0.15">
      <c r="AR42554" s="9" ph="1"/>
    </row>
    <row r="42555" spans="44:44" ht="15.75" customHeight="1" x14ac:dyDescent="0.15">
      <c r="AR42555" s="9" ph="1"/>
    </row>
    <row r="42556" spans="44:44" ht="15.75" customHeight="1" x14ac:dyDescent="0.15">
      <c r="AR42556" s="9" ph="1"/>
    </row>
    <row r="42557" spans="44:44" ht="15.75" customHeight="1" x14ac:dyDescent="0.15">
      <c r="AR42557" s="9" ph="1"/>
    </row>
    <row r="42558" spans="44:44" ht="15.75" customHeight="1" x14ac:dyDescent="0.15">
      <c r="AR42558" s="9" ph="1"/>
    </row>
    <row r="42559" spans="44:44" ht="15.75" customHeight="1" x14ac:dyDescent="0.15">
      <c r="AR42559" s="9" ph="1"/>
    </row>
    <row r="42560" spans="44:44" ht="15.75" customHeight="1" x14ac:dyDescent="0.15">
      <c r="AR42560" s="9" ph="1"/>
    </row>
    <row r="42561" spans="44:44" ht="15.75" customHeight="1" x14ac:dyDescent="0.15">
      <c r="AR42561" s="9" ph="1"/>
    </row>
    <row r="42563" spans="44:44" ht="15.75" customHeight="1" x14ac:dyDescent="0.15">
      <c r="AR42563" s="9" ph="1"/>
    </row>
    <row r="42564" spans="44:44" ht="15.75" customHeight="1" x14ac:dyDescent="0.15">
      <c r="AR42564" s="9" ph="1"/>
    </row>
    <row r="42565" spans="44:44" ht="15.75" customHeight="1" x14ac:dyDescent="0.15">
      <c r="AR42565" s="9" ph="1"/>
    </row>
    <row r="42566" spans="44:44" ht="15.75" customHeight="1" x14ac:dyDescent="0.15">
      <c r="AR42566" s="9" ph="1"/>
    </row>
    <row r="42567" spans="44:44" ht="15.75" customHeight="1" x14ac:dyDescent="0.15">
      <c r="AR42567" s="9" ph="1"/>
    </row>
    <row r="42568" spans="44:44" ht="15.75" customHeight="1" x14ac:dyDescent="0.15">
      <c r="AR42568" s="9" ph="1"/>
    </row>
    <row r="42569" spans="44:44" ht="15.75" customHeight="1" x14ac:dyDescent="0.15">
      <c r="AR42569" s="9" ph="1"/>
    </row>
    <row r="42570" spans="44:44" ht="15.75" customHeight="1" x14ac:dyDescent="0.15">
      <c r="AR42570" s="9" ph="1"/>
    </row>
    <row r="42571" spans="44:44" ht="15.75" customHeight="1" x14ac:dyDescent="0.15">
      <c r="AR42571" s="9" ph="1"/>
    </row>
    <row r="42572" spans="44:44" ht="15.75" customHeight="1" x14ac:dyDescent="0.15">
      <c r="AR42572" s="9" ph="1"/>
    </row>
    <row r="42573" spans="44:44" ht="15.75" customHeight="1" x14ac:dyDescent="0.15">
      <c r="AR42573" s="9" ph="1"/>
    </row>
    <row r="42574" spans="44:44" ht="15.75" customHeight="1" x14ac:dyDescent="0.15">
      <c r="AR42574" s="9" ph="1"/>
    </row>
    <row r="42575" spans="44:44" ht="15.75" customHeight="1" x14ac:dyDescent="0.15">
      <c r="AR42575" s="9" ph="1"/>
    </row>
    <row r="42576" spans="44:44" ht="15.75" customHeight="1" x14ac:dyDescent="0.15">
      <c r="AR42576" s="9" ph="1"/>
    </row>
    <row r="42577" spans="44:44" ht="15.75" customHeight="1" x14ac:dyDescent="0.15">
      <c r="AR42577" s="9" ph="1"/>
    </row>
    <row r="42578" spans="44:44" ht="15.75" customHeight="1" x14ac:dyDescent="0.15">
      <c r="AR42578" s="9" ph="1"/>
    </row>
    <row r="42579" spans="44:44" ht="15.75" customHeight="1" x14ac:dyDescent="0.15">
      <c r="AR42579" s="9" ph="1"/>
    </row>
    <row r="42580" spans="44:44" ht="15.75" customHeight="1" x14ac:dyDescent="0.15">
      <c r="AR42580" s="9" ph="1"/>
    </row>
    <row r="42581" spans="44:44" ht="15.75" customHeight="1" x14ac:dyDescent="0.15">
      <c r="AR42581" s="9" ph="1"/>
    </row>
    <row r="42582" spans="44:44" ht="15.75" customHeight="1" x14ac:dyDescent="0.15">
      <c r="AR42582" s="9" ph="1"/>
    </row>
    <row r="42583" spans="44:44" ht="15.75" customHeight="1" x14ac:dyDescent="0.15">
      <c r="AR42583" s="9" ph="1"/>
    </row>
    <row r="42584" spans="44:44" ht="15.75" customHeight="1" x14ac:dyDescent="0.15">
      <c r="AR42584" s="9" ph="1"/>
    </row>
    <row r="42585" spans="44:44" ht="15.75" customHeight="1" x14ac:dyDescent="0.15">
      <c r="AR42585" s="9" ph="1"/>
    </row>
    <row r="42586" spans="44:44" ht="15.75" customHeight="1" x14ac:dyDescent="0.15">
      <c r="AR42586" s="9" ph="1"/>
    </row>
    <row r="42587" spans="44:44" ht="15.75" customHeight="1" x14ac:dyDescent="0.15">
      <c r="AR42587" s="9" ph="1"/>
    </row>
    <row r="42588" spans="44:44" ht="15.75" customHeight="1" x14ac:dyDescent="0.15">
      <c r="AR42588" s="9" ph="1"/>
    </row>
    <row r="42589" spans="44:44" ht="15.75" customHeight="1" x14ac:dyDescent="0.15">
      <c r="AR42589" s="9" ph="1"/>
    </row>
    <row r="42590" spans="44:44" ht="15.75" customHeight="1" x14ac:dyDescent="0.15">
      <c r="AR42590" s="9" ph="1"/>
    </row>
    <row r="42591" spans="44:44" ht="15.75" customHeight="1" x14ac:dyDescent="0.15">
      <c r="AR42591" s="9" ph="1"/>
    </row>
    <row r="42592" spans="44:44" ht="15.75" customHeight="1" x14ac:dyDescent="0.15">
      <c r="AR42592" s="9" ph="1"/>
    </row>
    <row r="42593" spans="44:44" ht="15.75" customHeight="1" x14ac:dyDescent="0.15">
      <c r="AR42593" s="9" ph="1"/>
    </row>
    <row r="42594" spans="44:44" ht="15.75" customHeight="1" x14ac:dyDescent="0.15">
      <c r="AR42594" s="9" ph="1"/>
    </row>
    <row r="42595" spans="44:44" ht="15.75" customHeight="1" x14ac:dyDescent="0.15">
      <c r="AR42595" s="9" ph="1"/>
    </row>
    <row r="42596" spans="44:44" ht="15.75" customHeight="1" x14ac:dyDescent="0.15">
      <c r="AR42596" s="9" ph="1"/>
    </row>
    <row r="42597" spans="44:44" ht="15.75" customHeight="1" x14ac:dyDescent="0.15">
      <c r="AR42597" s="9" ph="1"/>
    </row>
    <row r="42598" spans="44:44" ht="15.75" customHeight="1" x14ac:dyDescent="0.15">
      <c r="AR42598" s="9" ph="1"/>
    </row>
    <row r="42599" spans="44:44" ht="15.75" customHeight="1" x14ac:dyDescent="0.15">
      <c r="AR42599" s="9" ph="1"/>
    </row>
    <row r="42600" spans="44:44" ht="15.75" customHeight="1" x14ac:dyDescent="0.15">
      <c r="AR42600" s="9" ph="1"/>
    </row>
    <row r="42601" spans="44:44" ht="15.75" customHeight="1" x14ac:dyDescent="0.15">
      <c r="AR42601" s="9" ph="1"/>
    </row>
    <row r="42602" spans="44:44" ht="15.75" customHeight="1" x14ac:dyDescent="0.15">
      <c r="AR42602" s="9" ph="1"/>
    </row>
    <row r="42603" spans="44:44" ht="15.75" customHeight="1" x14ac:dyDescent="0.15">
      <c r="AR42603" s="9" ph="1"/>
    </row>
    <row r="42604" spans="44:44" ht="15.75" customHeight="1" x14ac:dyDescent="0.15">
      <c r="AR42604" s="9" ph="1"/>
    </row>
    <row r="42605" spans="44:44" ht="15.75" customHeight="1" x14ac:dyDescent="0.15">
      <c r="AR42605" s="9" ph="1"/>
    </row>
    <row r="42606" spans="44:44" ht="15.75" customHeight="1" x14ac:dyDescent="0.15">
      <c r="AR42606" s="9" ph="1"/>
    </row>
    <row r="42607" spans="44:44" ht="15.75" customHeight="1" x14ac:dyDescent="0.15">
      <c r="AR42607" s="9" ph="1"/>
    </row>
    <row r="42608" spans="44:44" ht="15.75" customHeight="1" x14ac:dyDescent="0.15">
      <c r="AR42608" s="9" ph="1"/>
    </row>
    <row r="42609" spans="44:44" ht="15.75" customHeight="1" x14ac:dyDescent="0.15">
      <c r="AR42609" s="9" ph="1"/>
    </row>
    <row r="42610" spans="44:44" ht="15.75" customHeight="1" x14ac:dyDescent="0.15">
      <c r="AR42610" s="9" ph="1"/>
    </row>
    <row r="42611" spans="44:44" ht="15.75" customHeight="1" x14ac:dyDescent="0.15">
      <c r="AR42611" s="9" ph="1"/>
    </row>
    <row r="42612" spans="44:44" ht="15.75" customHeight="1" x14ac:dyDescent="0.15">
      <c r="AR42612" s="9" ph="1"/>
    </row>
    <row r="42613" spans="44:44" ht="15.75" customHeight="1" x14ac:dyDescent="0.15">
      <c r="AR42613" s="9" ph="1"/>
    </row>
    <row r="42614" spans="44:44" ht="15.75" customHeight="1" x14ac:dyDescent="0.15">
      <c r="AR42614" s="9" ph="1"/>
    </row>
    <row r="42615" spans="44:44" ht="15.75" customHeight="1" x14ac:dyDescent="0.15">
      <c r="AR42615" s="9" ph="1"/>
    </row>
    <row r="42616" spans="44:44" ht="15.75" customHeight="1" x14ac:dyDescent="0.15">
      <c r="AR42616" s="9" ph="1"/>
    </row>
    <row r="42617" spans="44:44" ht="15.75" customHeight="1" x14ac:dyDescent="0.15">
      <c r="AR42617" s="9" ph="1"/>
    </row>
    <row r="42618" spans="44:44" ht="15.75" customHeight="1" x14ac:dyDescent="0.15">
      <c r="AR42618" s="9" ph="1"/>
    </row>
    <row r="42619" spans="44:44" ht="15.75" customHeight="1" x14ac:dyDescent="0.15">
      <c r="AR42619" s="9" ph="1"/>
    </row>
    <row r="42620" spans="44:44" ht="15.75" customHeight="1" x14ac:dyDescent="0.15">
      <c r="AR42620" s="9" ph="1"/>
    </row>
    <row r="42621" spans="44:44" ht="15.75" customHeight="1" x14ac:dyDescent="0.15">
      <c r="AR42621" s="9" ph="1"/>
    </row>
    <row r="42622" spans="44:44" ht="15.75" customHeight="1" x14ac:dyDescent="0.15">
      <c r="AR42622" s="9" ph="1"/>
    </row>
    <row r="42623" spans="44:44" ht="15.75" customHeight="1" x14ac:dyDescent="0.15">
      <c r="AR42623" s="9" ph="1"/>
    </row>
    <row r="42624" spans="44:44" ht="15.75" customHeight="1" x14ac:dyDescent="0.15">
      <c r="AR42624" s="9" ph="1"/>
    </row>
    <row r="42625" spans="44:44" ht="15.75" customHeight="1" x14ac:dyDescent="0.15">
      <c r="AR42625" s="9" ph="1"/>
    </row>
    <row r="42626" spans="44:44" ht="15.75" customHeight="1" x14ac:dyDescent="0.15">
      <c r="AR42626" s="9" ph="1"/>
    </row>
    <row r="42627" spans="44:44" ht="15.75" customHeight="1" x14ac:dyDescent="0.15">
      <c r="AR42627" s="9" ph="1"/>
    </row>
    <row r="42628" spans="44:44" ht="15.75" customHeight="1" x14ac:dyDescent="0.15">
      <c r="AR42628" s="9" ph="1"/>
    </row>
    <row r="42629" spans="44:44" ht="15.75" customHeight="1" x14ac:dyDescent="0.15">
      <c r="AR42629" s="9" ph="1"/>
    </row>
    <row r="42630" spans="44:44" ht="15.75" customHeight="1" x14ac:dyDescent="0.15">
      <c r="AR42630" s="9" ph="1"/>
    </row>
    <row r="42631" spans="44:44" ht="15.75" customHeight="1" x14ac:dyDescent="0.15">
      <c r="AR42631" s="9" ph="1"/>
    </row>
    <row r="42632" spans="44:44" ht="15.75" customHeight="1" x14ac:dyDescent="0.15">
      <c r="AR42632" s="9" ph="1"/>
    </row>
    <row r="42633" spans="44:44" ht="15.75" customHeight="1" x14ac:dyDescent="0.15">
      <c r="AR42633" s="9" ph="1"/>
    </row>
    <row r="42634" spans="44:44" ht="15.75" customHeight="1" x14ac:dyDescent="0.15">
      <c r="AR42634" s="9" ph="1"/>
    </row>
    <row r="42635" spans="44:44" ht="15.75" customHeight="1" x14ac:dyDescent="0.15">
      <c r="AR42635" s="9" ph="1"/>
    </row>
    <row r="42636" spans="44:44" ht="15.75" customHeight="1" x14ac:dyDescent="0.15">
      <c r="AR42636" s="9" ph="1"/>
    </row>
    <row r="42637" spans="44:44" ht="15.75" customHeight="1" x14ac:dyDescent="0.15">
      <c r="AR42637" s="9" ph="1"/>
    </row>
    <row r="42638" spans="44:44" ht="15.75" customHeight="1" x14ac:dyDescent="0.15">
      <c r="AR42638" s="9" ph="1"/>
    </row>
    <row r="42639" spans="44:44" ht="15.75" customHeight="1" x14ac:dyDescent="0.15">
      <c r="AR42639" s="9" ph="1"/>
    </row>
    <row r="42640" spans="44:44" ht="15.75" customHeight="1" x14ac:dyDescent="0.15">
      <c r="AR42640" s="9" ph="1"/>
    </row>
    <row r="42641" spans="44:44" ht="15.75" customHeight="1" x14ac:dyDescent="0.15">
      <c r="AR42641" s="9" ph="1"/>
    </row>
    <row r="42642" spans="44:44" ht="15.75" customHeight="1" x14ac:dyDescent="0.15">
      <c r="AR42642" s="9" ph="1"/>
    </row>
    <row r="42643" spans="44:44" ht="15.75" customHeight="1" x14ac:dyDescent="0.15">
      <c r="AR42643" s="9" ph="1"/>
    </row>
    <row r="42644" spans="44:44" ht="15.75" customHeight="1" x14ac:dyDescent="0.15">
      <c r="AR42644" s="9" ph="1"/>
    </row>
    <row r="42645" spans="44:44" ht="15.75" customHeight="1" x14ac:dyDescent="0.15">
      <c r="AR42645" s="9" ph="1"/>
    </row>
    <row r="42646" spans="44:44" ht="15.75" customHeight="1" x14ac:dyDescent="0.15">
      <c r="AR42646" s="9" ph="1"/>
    </row>
    <row r="42647" spans="44:44" ht="15.75" customHeight="1" x14ac:dyDescent="0.15">
      <c r="AR42647" s="9" ph="1"/>
    </row>
    <row r="42648" spans="44:44" ht="15.75" customHeight="1" x14ac:dyDescent="0.15">
      <c r="AR42648" s="9" ph="1"/>
    </row>
    <row r="42649" spans="44:44" ht="15.75" customHeight="1" x14ac:dyDescent="0.15">
      <c r="AR42649" s="9" ph="1"/>
    </row>
    <row r="42650" spans="44:44" ht="15.75" customHeight="1" x14ac:dyDescent="0.15">
      <c r="AR42650" s="9" ph="1"/>
    </row>
    <row r="42651" spans="44:44" ht="15.75" customHeight="1" x14ac:dyDescent="0.15">
      <c r="AR42651" s="9" ph="1"/>
    </row>
    <row r="42652" spans="44:44" ht="15.75" customHeight="1" x14ac:dyDescent="0.15">
      <c r="AR42652" s="9" ph="1"/>
    </row>
    <row r="42653" spans="44:44" ht="15.75" customHeight="1" x14ac:dyDescent="0.15">
      <c r="AR42653" s="9" ph="1"/>
    </row>
    <row r="42654" spans="44:44" ht="15.75" customHeight="1" x14ac:dyDescent="0.15">
      <c r="AR42654" s="9" ph="1"/>
    </row>
    <row r="42655" spans="44:44" ht="15.75" customHeight="1" x14ac:dyDescent="0.15">
      <c r="AR42655" s="9" ph="1"/>
    </row>
    <row r="42656" spans="44:44" ht="15.75" customHeight="1" x14ac:dyDescent="0.15">
      <c r="AR42656" s="9" ph="1"/>
    </row>
    <row r="42657" spans="44:44" ht="15.75" customHeight="1" x14ac:dyDescent="0.15">
      <c r="AR42657" s="9" ph="1"/>
    </row>
    <row r="42658" spans="44:44" ht="15.75" customHeight="1" x14ac:dyDescent="0.15">
      <c r="AR42658" s="9" ph="1"/>
    </row>
    <row r="42659" spans="44:44" ht="15.75" customHeight="1" x14ac:dyDescent="0.15">
      <c r="AR42659" s="9" ph="1"/>
    </row>
    <row r="42660" spans="44:44" ht="15.75" customHeight="1" x14ac:dyDescent="0.15">
      <c r="AR42660" s="9" ph="1"/>
    </row>
    <row r="42661" spans="44:44" ht="15.75" customHeight="1" x14ac:dyDescent="0.15">
      <c r="AR42661" s="9" ph="1"/>
    </row>
    <row r="42662" spans="44:44" ht="15.75" customHeight="1" x14ac:dyDescent="0.15">
      <c r="AR42662" s="9" ph="1"/>
    </row>
    <row r="42663" spans="44:44" ht="15.75" customHeight="1" x14ac:dyDescent="0.15">
      <c r="AR42663" s="9" ph="1"/>
    </row>
    <row r="42664" spans="44:44" ht="15.75" customHeight="1" x14ac:dyDescent="0.15">
      <c r="AR42664" s="9" ph="1"/>
    </row>
    <row r="42665" spans="44:44" ht="15.75" customHeight="1" x14ac:dyDescent="0.15">
      <c r="AR42665" s="9" ph="1"/>
    </row>
    <row r="42666" spans="44:44" ht="15.75" customHeight="1" x14ac:dyDescent="0.15">
      <c r="AR42666" s="9" ph="1"/>
    </row>
    <row r="42667" spans="44:44" ht="15.75" customHeight="1" x14ac:dyDescent="0.15">
      <c r="AR42667" s="9" ph="1"/>
    </row>
    <row r="42668" spans="44:44" ht="15.75" customHeight="1" x14ac:dyDescent="0.15">
      <c r="AR42668" s="9" ph="1"/>
    </row>
    <row r="42669" spans="44:44" ht="15.75" customHeight="1" x14ac:dyDescent="0.15">
      <c r="AR42669" s="9" ph="1"/>
    </row>
    <row r="42670" spans="44:44" ht="15.75" customHeight="1" x14ac:dyDescent="0.15">
      <c r="AR42670" s="9" ph="1"/>
    </row>
    <row r="42671" spans="44:44" ht="15.75" customHeight="1" x14ac:dyDescent="0.15">
      <c r="AR42671" s="9" ph="1"/>
    </row>
    <row r="42672" spans="44:44" ht="15.75" customHeight="1" x14ac:dyDescent="0.15">
      <c r="AR42672" s="9" ph="1"/>
    </row>
    <row r="42673" spans="44:44" ht="15.75" customHeight="1" x14ac:dyDescent="0.15">
      <c r="AR42673" s="9" ph="1"/>
    </row>
    <row r="42674" spans="44:44" ht="15.75" customHeight="1" x14ac:dyDescent="0.15">
      <c r="AR42674" s="9" ph="1"/>
    </row>
    <row r="42675" spans="44:44" ht="15.75" customHeight="1" x14ac:dyDescent="0.15">
      <c r="AR42675" s="9" ph="1"/>
    </row>
    <row r="42676" spans="44:44" ht="15.75" customHeight="1" x14ac:dyDescent="0.15">
      <c r="AR42676" s="9" ph="1"/>
    </row>
    <row r="42677" spans="44:44" ht="15.75" customHeight="1" x14ac:dyDescent="0.15">
      <c r="AR42677" s="9" ph="1"/>
    </row>
    <row r="42678" spans="44:44" ht="15.75" customHeight="1" x14ac:dyDescent="0.15">
      <c r="AR42678" s="9" ph="1"/>
    </row>
    <row r="42679" spans="44:44" ht="15.75" customHeight="1" x14ac:dyDescent="0.15">
      <c r="AR42679" s="9" ph="1"/>
    </row>
    <row r="42680" spans="44:44" ht="15.75" customHeight="1" x14ac:dyDescent="0.15">
      <c r="AR42680" s="9" ph="1"/>
    </row>
    <row r="42681" spans="44:44" ht="15.75" customHeight="1" x14ac:dyDescent="0.15">
      <c r="AR42681" s="9" ph="1"/>
    </row>
    <row r="42682" spans="44:44" ht="15.75" customHeight="1" x14ac:dyDescent="0.15">
      <c r="AR42682" s="9" ph="1"/>
    </row>
    <row r="42683" spans="44:44" ht="15.75" customHeight="1" x14ac:dyDescent="0.15">
      <c r="AR42683" s="9" ph="1"/>
    </row>
    <row r="42685" spans="44:44" ht="15.75" customHeight="1" x14ac:dyDescent="0.15">
      <c r="AR42685" s="9" ph="1"/>
    </row>
    <row r="42686" spans="44:44" ht="15.75" customHeight="1" x14ac:dyDescent="0.15">
      <c r="AR42686" s="9" ph="1"/>
    </row>
    <row r="42687" spans="44:44" ht="15.75" customHeight="1" x14ac:dyDescent="0.15">
      <c r="AR42687" s="9" ph="1"/>
    </row>
    <row r="42688" spans="44:44" ht="15.75" customHeight="1" x14ac:dyDescent="0.15">
      <c r="AR42688" s="9" ph="1"/>
    </row>
    <row r="42689" spans="44:44" ht="15.75" customHeight="1" x14ac:dyDescent="0.15">
      <c r="AR42689" s="9" ph="1"/>
    </row>
    <row r="42690" spans="44:44" ht="15.75" customHeight="1" x14ac:dyDescent="0.15">
      <c r="AR42690" s="9" ph="1"/>
    </row>
    <row r="42691" spans="44:44" ht="15.75" customHeight="1" x14ac:dyDescent="0.15">
      <c r="AR42691" s="9" ph="1"/>
    </row>
    <row r="42692" spans="44:44" ht="15.75" customHeight="1" x14ac:dyDescent="0.15">
      <c r="AR42692" s="9" ph="1"/>
    </row>
    <row r="42693" spans="44:44" ht="15.75" customHeight="1" x14ac:dyDescent="0.15">
      <c r="AR42693" s="9" ph="1"/>
    </row>
    <row r="42694" spans="44:44" ht="15.75" customHeight="1" x14ac:dyDescent="0.15">
      <c r="AR42694" s="9" ph="1"/>
    </row>
    <row r="42695" spans="44:44" ht="15.75" customHeight="1" x14ac:dyDescent="0.15">
      <c r="AR42695" s="9" ph="1"/>
    </row>
    <row r="42696" spans="44:44" ht="15.75" customHeight="1" x14ac:dyDescent="0.15">
      <c r="AR42696" s="9" ph="1"/>
    </row>
    <row r="42697" spans="44:44" ht="15.75" customHeight="1" x14ac:dyDescent="0.15">
      <c r="AR42697" s="9" ph="1"/>
    </row>
    <row r="42698" spans="44:44" ht="15.75" customHeight="1" x14ac:dyDescent="0.15">
      <c r="AR42698" s="9" ph="1"/>
    </row>
    <row r="42699" spans="44:44" ht="15.75" customHeight="1" x14ac:dyDescent="0.15">
      <c r="AR42699" s="9" ph="1"/>
    </row>
    <row r="42701" spans="44:44" ht="15.75" customHeight="1" x14ac:dyDescent="0.15">
      <c r="AR42701" s="9" ph="1"/>
    </row>
    <row r="42702" spans="44:44" ht="15.75" customHeight="1" x14ac:dyDescent="0.15">
      <c r="AR42702" s="9" ph="1"/>
    </row>
    <row r="42703" spans="44:44" ht="15.75" customHeight="1" x14ac:dyDescent="0.15">
      <c r="AR42703" s="9" ph="1"/>
    </row>
    <row r="42704" spans="44:44" ht="15.75" customHeight="1" x14ac:dyDescent="0.15">
      <c r="AR42704" s="9" ph="1"/>
    </row>
    <row r="42705" spans="44:44" ht="15.75" customHeight="1" x14ac:dyDescent="0.15">
      <c r="AR42705" s="9" ph="1"/>
    </row>
    <row r="42706" spans="44:44" ht="15.75" customHeight="1" x14ac:dyDescent="0.15">
      <c r="AR42706" s="9" ph="1"/>
    </row>
    <row r="42707" spans="44:44" ht="15.75" customHeight="1" x14ac:dyDescent="0.15">
      <c r="AR42707" s="9" ph="1"/>
    </row>
    <row r="42708" spans="44:44" ht="15.75" customHeight="1" x14ac:dyDescent="0.15">
      <c r="AR42708" s="9" ph="1"/>
    </row>
    <row r="42709" spans="44:44" ht="15.75" customHeight="1" x14ac:dyDescent="0.15">
      <c r="AR42709" s="9" ph="1"/>
    </row>
    <row r="42710" spans="44:44" ht="15.75" customHeight="1" x14ac:dyDescent="0.15">
      <c r="AR42710" s="9" ph="1"/>
    </row>
    <row r="42712" spans="44:44" ht="15.75" customHeight="1" x14ac:dyDescent="0.15">
      <c r="AR42712" s="9" ph="1"/>
    </row>
    <row r="42713" spans="44:44" ht="15.75" customHeight="1" x14ac:dyDescent="0.15">
      <c r="AR42713" s="9" ph="1"/>
    </row>
    <row r="42714" spans="44:44" ht="15.75" customHeight="1" x14ac:dyDescent="0.15">
      <c r="AR42714" s="9" ph="1"/>
    </row>
    <row r="42715" spans="44:44" ht="15.75" customHeight="1" x14ac:dyDescent="0.15">
      <c r="AR42715" s="9" ph="1"/>
    </row>
    <row r="42716" spans="44:44" ht="15.75" customHeight="1" x14ac:dyDescent="0.15">
      <c r="AR42716" s="9" ph="1"/>
    </row>
    <row r="42717" spans="44:44" ht="15.75" customHeight="1" x14ac:dyDescent="0.15">
      <c r="AR42717" s="9" ph="1"/>
    </row>
    <row r="42718" spans="44:44" ht="15.75" customHeight="1" x14ac:dyDescent="0.15">
      <c r="AR42718" s="9" ph="1"/>
    </row>
    <row r="42719" spans="44:44" ht="15.75" customHeight="1" x14ac:dyDescent="0.15">
      <c r="AR42719" s="9" ph="1"/>
    </row>
    <row r="42720" spans="44:44" ht="15.75" customHeight="1" x14ac:dyDescent="0.15">
      <c r="AR42720" s="9" ph="1"/>
    </row>
    <row r="42721" spans="44:44" ht="15.75" customHeight="1" x14ac:dyDescent="0.15">
      <c r="AR42721" s="9" ph="1"/>
    </row>
    <row r="42722" spans="44:44" ht="15.75" customHeight="1" x14ac:dyDescent="0.15">
      <c r="AR42722" s="9" ph="1"/>
    </row>
    <row r="42723" spans="44:44" ht="15.75" customHeight="1" x14ac:dyDescent="0.15">
      <c r="AR42723" s="9" ph="1"/>
    </row>
    <row r="42724" spans="44:44" ht="15.75" customHeight="1" x14ac:dyDescent="0.15">
      <c r="AR42724" s="9" ph="1"/>
    </row>
    <row r="42725" spans="44:44" ht="15.75" customHeight="1" x14ac:dyDescent="0.15">
      <c r="AR42725" s="9" ph="1"/>
    </row>
    <row r="42727" spans="44:44" ht="15.75" customHeight="1" x14ac:dyDescent="0.15">
      <c r="AR42727" s="9" ph="1"/>
    </row>
    <row r="42728" spans="44:44" ht="15.75" customHeight="1" x14ac:dyDescent="0.15">
      <c r="AR42728" s="9" ph="1"/>
    </row>
    <row r="42729" spans="44:44" ht="15.75" customHeight="1" x14ac:dyDescent="0.15">
      <c r="AR42729" s="9" ph="1"/>
    </row>
    <row r="42730" spans="44:44" ht="15.75" customHeight="1" x14ac:dyDescent="0.15">
      <c r="AR42730" s="9" ph="1"/>
    </row>
    <row r="42731" spans="44:44" ht="15.75" customHeight="1" x14ac:dyDescent="0.15">
      <c r="AR42731" s="9" ph="1"/>
    </row>
    <row r="42732" spans="44:44" ht="15.75" customHeight="1" x14ac:dyDescent="0.15">
      <c r="AR42732" s="9" ph="1"/>
    </row>
    <row r="42733" spans="44:44" ht="15.75" customHeight="1" x14ac:dyDescent="0.15">
      <c r="AR42733" s="9" ph="1"/>
    </row>
    <row r="42734" spans="44:44" ht="15.75" customHeight="1" x14ac:dyDescent="0.15">
      <c r="AR42734" s="9" ph="1"/>
    </row>
    <row r="42735" spans="44:44" ht="15.75" customHeight="1" x14ac:dyDescent="0.15">
      <c r="AR42735" s="9" ph="1"/>
    </row>
    <row r="42736" spans="44:44" ht="15.75" customHeight="1" x14ac:dyDescent="0.15">
      <c r="AR42736" s="9" ph="1"/>
    </row>
    <row r="42737" spans="44:44" ht="15.75" customHeight="1" x14ac:dyDescent="0.15">
      <c r="AR42737" s="9" ph="1"/>
    </row>
    <row r="42738" spans="44:44" ht="15.75" customHeight="1" x14ac:dyDescent="0.15">
      <c r="AR42738" s="9" ph="1"/>
    </row>
    <row r="42739" spans="44:44" ht="15.75" customHeight="1" x14ac:dyDescent="0.15">
      <c r="AR42739" s="9" ph="1"/>
    </row>
    <row r="42740" spans="44:44" ht="15.75" customHeight="1" x14ac:dyDescent="0.15">
      <c r="AR42740" s="9" ph="1"/>
    </row>
    <row r="42741" spans="44:44" ht="15.75" customHeight="1" x14ac:dyDescent="0.15">
      <c r="AR42741" s="9" ph="1"/>
    </row>
    <row r="42743" spans="44:44" ht="15.75" customHeight="1" x14ac:dyDescent="0.15">
      <c r="AR42743" s="9" ph="1"/>
    </row>
    <row r="42744" spans="44:44" ht="15.75" customHeight="1" x14ac:dyDescent="0.15">
      <c r="AR42744" s="9" ph="1"/>
    </row>
    <row r="42745" spans="44:44" ht="15.75" customHeight="1" x14ac:dyDescent="0.15">
      <c r="AR42745" s="9" ph="1"/>
    </row>
    <row r="42746" spans="44:44" ht="15.75" customHeight="1" x14ac:dyDescent="0.15">
      <c r="AR42746" s="9" ph="1"/>
    </row>
    <row r="42747" spans="44:44" ht="15.75" customHeight="1" x14ac:dyDescent="0.15">
      <c r="AR42747" s="9" ph="1"/>
    </row>
    <row r="42748" spans="44:44" ht="15.75" customHeight="1" x14ac:dyDescent="0.15">
      <c r="AR42748" s="9" ph="1"/>
    </row>
    <row r="42749" spans="44:44" ht="15.75" customHeight="1" x14ac:dyDescent="0.15">
      <c r="AR42749" s="9" ph="1"/>
    </row>
    <row r="42750" spans="44:44" ht="15.75" customHeight="1" x14ac:dyDescent="0.15">
      <c r="AR42750" s="9" ph="1"/>
    </row>
    <row r="42751" spans="44:44" ht="15.75" customHeight="1" x14ac:dyDescent="0.15">
      <c r="AR42751" s="9" ph="1"/>
    </row>
    <row r="42752" spans="44:44" ht="15.75" customHeight="1" x14ac:dyDescent="0.15">
      <c r="AR42752" s="9" ph="1"/>
    </row>
    <row r="42754" spans="44:44" ht="15.75" customHeight="1" x14ac:dyDescent="0.15">
      <c r="AR42754" s="9" ph="1"/>
    </row>
    <row r="42755" spans="44:44" ht="15.75" customHeight="1" x14ac:dyDescent="0.15">
      <c r="AR42755" s="9" ph="1"/>
    </row>
    <row r="42756" spans="44:44" ht="15.75" customHeight="1" x14ac:dyDescent="0.15">
      <c r="AR42756" s="9" ph="1"/>
    </row>
    <row r="42757" spans="44:44" ht="15.75" customHeight="1" x14ac:dyDescent="0.15">
      <c r="AR42757" s="9" ph="1"/>
    </row>
    <row r="42758" spans="44:44" ht="15.75" customHeight="1" x14ac:dyDescent="0.15">
      <c r="AR42758" s="9" ph="1"/>
    </row>
    <row r="42759" spans="44:44" ht="15.75" customHeight="1" x14ac:dyDescent="0.15">
      <c r="AR42759" s="9" ph="1"/>
    </row>
    <row r="42760" spans="44:44" ht="15.75" customHeight="1" x14ac:dyDescent="0.15">
      <c r="AR42760" s="9" ph="1"/>
    </row>
    <row r="42761" spans="44:44" ht="15.75" customHeight="1" x14ac:dyDescent="0.15">
      <c r="AR42761" s="9" ph="1"/>
    </row>
    <row r="42762" spans="44:44" ht="15.75" customHeight="1" x14ac:dyDescent="0.15">
      <c r="AR42762" s="9" ph="1"/>
    </row>
    <row r="42763" spans="44:44" ht="15.75" customHeight="1" x14ac:dyDescent="0.15">
      <c r="AR42763" s="9" ph="1"/>
    </row>
    <row r="42764" spans="44:44" ht="15.75" customHeight="1" x14ac:dyDescent="0.15">
      <c r="AR42764" s="9" ph="1"/>
    </row>
    <row r="42765" spans="44:44" ht="15.75" customHeight="1" x14ac:dyDescent="0.15">
      <c r="AR42765" s="9" ph="1"/>
    </row>
    <row r="42766" spans="44:44" ht="15.75" customHeight="1" x14ac:dyDescent="0.15">
      <c r="AR42766" s="9" ph="1"/>
    </row>
    <row r="42767" spans="44:44" ht="15.75" customHeight="1" x14ac:dyDescent="0.15">
      <c r="AR42767" s="9" ph="1"/>
    </row>
    <row r="42768" spans="44:44" ht="15.75" customHeight="1" x14ac:dyDescent="0.15">
      <c r="AR42768" s="9" ph="1"/>
    </row>
    <row r="42769" spans="44:44" ht="15.75" customHeight="1" x14ac:dyDescent="0.15">
      <c r="AR42769" s="9" ph="1"/>
    </row>
    <row r="42770" spans="44:44" ht="15.75" customHeight="1" x14ac:dyDescent="0.15">
      <c r="AR42770" s="9" ph="1"/>
    </row>
    <row r="42771" spans="44:44" ht="15.75" customHeight="1" x14ac:dyDescent="0.15">
      <c r="AR42771" s="9" ph="1"/>
    </row>
    <row r="42772" spans="44:44" ht="15.75" customHeight="1" x14ac:dyDescent="0.15">
      <c r="AR42772" s="9" ph="1"/>
    </row>
    <row r="42773" spans="44:44" ht="15.75" customHeight="1" x14ac:dyDescent="0.15">
      <c r="AR42773" s="9" ph="1"/>
    </row>
    <row r="42774" spans="44:44" ht="15.75" customHeight="1" x14ac:dyDescent="0.15">
      <c r="AR42774" s="9" ph="1"/>
    </row>
    <row r="42775" spans="44:44" ht="15.75" customHeight="1" x14ac:dyDescent="0.15">
      <c r="AR42775" s="9" ph="1"/>
    </row>
    <row r="42776" spans="44:44" ht="15.75" customHeight="1" x14ac:dyDescent="0.15">
      <c r="AR42776" s="9" ph="1"/>
    </row>
    <row r="42777" spans="44:44" ht="15.75" customHeight="1" x14ac:dyDescent="0.15">
      <c r="AR42777" s="9" ph="1"/>
    </row>
    <row r="42778" spans="44:44" ht="15.75" customHeight="1" x14ac:dyDescent="0.15">
      <c r="AR42778" s="9" ph="1"/>
    </row>
    <row r="42780" spans="44:44" ht="15.75" customHeight="1" x14ac:dyDescent="0.15">
      <c r="AR42780" s="9" ph="1"/>
    </row>
    <row r="42781" spans="44:44" ht="15.75" customHeight="1" x14ac:dyDescent="0.15">
      <c r="AR42781" s="9" ph="1"/>
    </row>
    <row r="42782" spans="44:44" ht="15.75" customHeight="1" x14ac:dyDescent="0.15">
      <c r="AR42782" s="9" ph="1"/>
    </row>
    <row r="42783" spans="44:44" ht="15.75" customHeight="1" x14ac:dyDescent="0.15">
      <c r="AR42783" s="9" ph="1"/>
    </row>
    <row r="42784" spans="44:44" ht="15.75" customHeight="1" x14ac:dyDescent="0.15">
      <c r="AR42784" s="9" ph="1"/>
    </row>
    <row r="42785" spans="44:44" ht="15.75" customHeight="1" x14ac:dyDescent="0.15">
      <c r="AR42785" s="9" ph="1"/>
    </row>
    <row r="42786" spans="44:44" ht="15.75" customHeight="1" x14ac:dyDescent="0.15">
      <c r="AR42786" s="9" ph="1"/>
    </row>
    <row r="42787" spans="44:44" ht="15.75" customHeight="1" x14ac:dyDescent="0.15">
      <c r="AR42787" s="9" ph="1"/>
    </row>
    <row r="42788" spans="44:44" ht="15.75" customHeight="1" x14ac:dyDescent="0.15">
      <c r="AR42788" s="9" ph="1"/>
    </row>
    <row r="42789" spans="44:44" ht="15.75" customHeight="1" x14ac:dyDescent="0.15">
      <c r="AR42789" s="9" ph="1"/>
    </row>
    <row r="42790" spans="44:44" ht="15.75" customHeight="1" x14ac:dyDescent="0.15">
      <c r="AR42790" s="9" ph="1"/>
    </row>
    <row r="42791" spans="44:44" ht="15.75" customHeight="1" x14ac:dyDescent="0.15">
      <c r="AR42791" s="9" ph="1"/>
    </row>
    <row r="42792" spans="44:44" ht="15.75" customHeight="1" x14ac:dyDescent="0.15">
      <c r="AR42792" s="9" ph="1"/>
    </row>
    <row r="42793" spans="44:44" ht="15.75" customHeight="1" x14ac:dyDescent="0.15">
      <c r="AR42793" s="9" ph="1"/>
    </row>
    <row r="42794" spans="44:44" ht="15.75" customHeight="1" x14ac:dyDescent="0.15">
      <c r="AR42794" s="9" ph="1"/>
    </row>
    <row r="42796" spans="44:44" ht="15.75" customHeight="1" x14ac:dyDescent="0.15">
      <c r="AR42796" s="9" ph="1"/>
    </row>
    <row r="42797" spans="44:44" ht="15.75" customHeight="1" x14ac:dyDescent="0.15">
      <c r="AR42797" s="9" ph="1"/>
    </row>
    <row r="42798" spans="44:44" ht="15.75" customHeight="1" x14ac:dyDescent="0.15">
      <c r="AR42798" s="9" ph="1"/>
    </row>
    <row r="42799" spans="44:44" ht="15.75" customHeight="1" x14ac:dyDescent="0.15">
      <c r="AR42799" s="9" ph="1"/>
    </row>
    <row r="42800" spans="44:44" ht="15.75" customHeight="1" x14ac:dyDescent="0.15">
      <c r="AR42800" s="9" ph="1"/>
    </row>
    <row r="42801" spans="44:44" ht="15.75" customHeight="1" x14ac:dyDescent="0.15">
      <c r="AR42801" s="9" ph="1"/>
    </row>
    <row r="42802" spans="44:44" ht="15.75" customHeight="1" x14ac:dyDescent="0.15">
      <c r="AR42802" s="9" ph="1"/>
    </row>
    <row r="42803" spans="44:44" ht="15.75" customHeight="1" x14ac:dyDescent="0.15">
      <c r="AR42803" s="9" ph="1"/>
    </row>
    <row r="42804" spans="44:44" ht="15.75" customHeight="1" x14ac:dyDescent="0.15">
      <c r="AR42804" s="9" ph="1"/>
    </row>
    <row r="42805" spans="44:44" ht="15.75" customHeight="1" x14ac:dyDescent="0.15">
      <c r="AR42805" s="9" ph="1"/>
    </row>
    <row r="42807" spans="44:44" ht="15.75" customHeight="1" x14ac:dyDescent="0.15">
      <c r="AR42807" s="9" ph="1"/>
    </row>
    <row r="42808" spans="44:44" ht="15.75" customHeight="1" x14ac:dyDescent="0.15">
      <c r="AR42808" s="9" ph="1"/>
    </row>
    <row r="42809" spans="44:44" ht="15.75" customHeight="1" x14ac:dyDescent="0.15">
      <c r="AR42809" s="9" ph="1"/>
    </row>
    <row r="42810" spans="44:44" ht="15.75" customHeight="1" x14ac:dyDescent="0.15">
      <c r="AR42810" s="9" ph="1"/>
    </row>
    <row r="42811" spans="44:44" ht="15.75" customHeight="1" x14ac:dyDescent="0.15">
      <c r="AR42811" s="9" ph="1"/>
    </row>
    <row r="42812" spans="44:44" ht="15.75" customHeight="1" x14ac:dyDescent="0.15">
      <c r="AR42812" s="9" ph="1"/>
    </row>
    <row r="42813" spans="44:44" ht="15.75" customHeight="1" x14ac:dyDescent="0.15">
      <c r="AR42813" s="9" ph="1"/>
    </row>
    <row r="42814" spans="44:44" ht="15.75" customHeight="1" x14ac:dyDescent="0.15">
      <c r="AR42814" s="9" ph="1"/>
    </row>
    <row r="42815" spans="44:44" ht="15.75" customHeight="1" x14ac:dyDescent="0.15">
      <c r="AR42815" s="9" ph="1"/>
    </row>
    <row r="42816" spans="44:44" ht="15.75" customHeight="1" x14ac:dyDescent="0.15">
      <c r="AR42816" s="9" ph="1"/>
    </row>
    <row r="42817" spans="44:44" ht="15.75" customHeight="1" x14ac:dyDescent="0.15">
      <c r="AR42817" s="9" ph="1"/>
    </row>
    <row r="42818" spans="44:44" ht="15.75" customHeight="1" x14ac:dyDescent="0.15">
      <c r="AR42818" s="9" ph="1"/>
    </row>
    <row r="42819" spans="44:44" ht="15.75" customHeight="1" x14ac:dyDescent="0.15">
      <c r="AR42819" s="9" ph="1"/>
    </row>
    <row r="42820" spans="44:44" ht="15.75" customHeight="1" x14ac:dyDescent="0.15">
      <c r="AR42820" s="9" ph="1"/>
    </row>
    <row r="42821" spans="44:44" ht="15.75" customHeight="1" x14ac:dyDescent="0.15">
      <c r="AR42821" s="9" ph="1"/>
    </row>
    <row r="42822" spans="44:44" ht="15.75" customHeight="1" x14ac:dyDescent="0.15">
      <c r="AR42822" s="9" ph="1"/>
    </row>
    <row r="42823" spans="44:44" ht="15.75" customHeight="1" x14ac:dyDescent="0.15">
      <c r="AR42823" s="9" ph="1"/>
    </row>
    <row r="42824" spans="44:44" ht="15.75" customHeight="1" x14ac:dyDescent="0.15">
      <c r="AR42824" s="9" ph="1"/>
    </row>
    <row r="42825" spans="44:44" ht="15.75" customHeight="1" x14ac:dyDescent="0.15">
      <c r="AR42825" s="9" ph="1"/>
    </row>
    <row r="42826" spans="44:44" ht="15.75" customHeight="1" x14ac:dyDescent="0.15">
      <c r="AR42826" s="9" ph="1"/>
    </row>
    <row r="42827" spans="44:44" ht="15.75" customHeight="1" x14ac:dyDescent="0.15">
      <c r="AR42827" s="9" ph="1"/>
    </row>
    <row r="42828" spans="44:44" ht="15.75" customHeight="1" x14ac:dyDescent="0.15">
      <c r="AR42828" s="9" ph="1"/>
    </row>
    <row r="42829" spans="44:44" ht="15.75" customHeight="1" x14ac:dyDescent="0.15">
      <c r="AR42829" s="9" ph="1"/>
    </row>
    <row r="42830" spans="44:44" ht="15.75" customHeight="1" x14ac:dyDescent="0.15">
      <c r="AR42830" s="9" ph="1"/>
    </row>
    <row r="42831" spans="44:44" ht="15.75" customHeight="1" x14ac:dyDescent="0.15">
      <c r="AR42831" s="9" ph="1"/>
    </row>
    <row r="42833" spans="44:44" ht="15.75" customHeight="1" x14ac:dyDescent="0.15">
      <c r="AR42833" s="9" ph="1"/>
    </row>
    <row r="42834" spans="44:44" ht="15.75" customHeight="1" x14ac:dyDescent="0.15">
      <c r="AR42834" s="9" ph="1"/>
    </row>
    <row r="42835" spans="44:44" ht="15.75" customHeight="1" x14ac:dyDescent="0.15">
      <c r="AR42835" s="9" ph="1"/>
    </row>
    <row r="42836" spans="44:44" ht="15.75" customHeight="1" x14ac:dyDescent="0.15">
      <c r="AR42836" s="9" ph="1"/>
    </row>
    <row r="42837" spans="44:44" ht="15.75" customHeight="1" x14ac:dyDescent="0.15">
      <c r="AR42837" s="9" ph="1"/>
    </row>
    <row r="42838" spans="44:44" ht="15.75" customHeight="1" x14ac:dyDescent="0.15">
      <c r="AR42838" s="9" ph="1"/>
    </row>
    <row r="42839" spans="44:44" ht="15.75" customHeight="1" x14ac:dyDescent="0.15">
      <c r="AR42839" s="9" ph="1"/>
    </row>
    <row r="42840" spans="44:44" ht="15.75" customHeight="1" x14ac:dyDescent="0.15">
      <c r="AR42840" s="9" ph="1"/>
    </row>
    <row r="42841" spans="44:44" ht="15.75" customHeight="1" x14ac:dyDescent="0.15">
      <c r="AR42841" s="9" ph="1"/>
    </row>
    <row r="42842" spans="44:44" ht="15.75" customHeight="1" x14ac:dyDescent="0.15">
      <c r="AR42842" s="9" ph="1"/>
    </row>
    <row r="42843" spans="44:44" ht="15.75" customHeight="1" x14ac:dyDescent="0.15">
      <c r="AR42843" s="9" ph="1"/>
    </row>
    <row r="42844" spans="44:44" ht="15.75" customHeight="1" x14ac:dyDescent="0.15">
      <c r="AR42844" s="9" ph="1"/>
    </row>
    <row r="42845" spans="44:44" ht="15.75" customHeight="1" x14ac:dyDescent="0.15">
      <c r="AR42845" s="9" ph="1"/>
    </row>
    <row r="42846" spans="44:44" ht="15.75" customHeight="1" x14ac:dyDescent="0.15">
      <c r="AR42846" s="9" ph="1"/>
    </row>
    <row r="42847" spans="44:44" ht="15.75" customHeight="1" x14ac:dyDescent="0.15">
      <c r="AR42847" s="9" ph="1"/>
    </row>
    <row r="42849" spans="44:44" ht="15.75" customHeight="1" x14ac:dyDescent="0.15">
      <c r="AR42849" s="9" ph="1"/>
    </row>
    <row r="42850" spans="44:44" ht="15.75" customHeight="1" x14ac:dyDescent="0.15">
      <c r="AR42850" s="9" ph="1"/>
    </row>
    <row r="42851" spans="44:44" ht="15.75" customHeight="1" x14ac:dyDescent="0.15">
      <c r="AR42851" s="9" ph="1"/>
    </row>
    <row r="42852" spans="44:44" ht="15.75" customHeight="1" x14ac:dyDescent="0.15">
      <c r="AR42852" s="9" ph="1"/>
    </row>
    <row r="42853" spans="44:44" ht="15.75" customHeight="1" x14ac:dyDescent="0.15">
      <c r="AR42853" s="9" ph="1"/>
    </row>
    <row r="42854" spans="44:44" ht="15.75" customHeight="1" x14ac:dyDescent="0.15">
      <c r="AR42854" s="9" ph="1"/>
    </row>
    <row r="42855" spans="44:44" ht="15.75" customHeight="1" x14ac:dyDescent="0.15">
      <c r="AR42855" s="9" ph="1"/>
    </row>
    <row r="42856" spans="44:44" ht="15.75" customHeight="1" x14ac:dyDescent="0.15">
      <c r="AR42856" s="9" ph="1"/>
    </row>
    <row r="42857" spans="44:44" ht="15.75" customHeight="1" x14ac:dyDescent="0.15">
      <c r="AR42857" s="9" ph="1"/>
    </row>
    <row r="42858" spans="44:44" ht="15.75" customHeight="1" x14ac:dyDescent="0.15">
      <c r="AR42858" s="9" ph="1"/>
    </row>
    <row r="42860" spans="44:44" ht="15.75" customHeight="1" x14ac:dyDescent="0.15">
      <c r="AR42860" s="9" ph="1"/>
    </row>
    <row r="42861" spans="44:44" ht="15.75" customHeight="1" x14ac:dyDescent="0.15">
      <c r="AR42861" s="9" ph="1"/>
    </row>
    <row r="42862" spans="44:44" ht="15.75" customHeight="1" x14ac:dyDescent="0.15">
      <c r="AR42862" s="9" ph="1"/>
    </row>
    <row r="42863" spans="44:44" ht="15.75" customHeight="1" x14ac:dyDescent="0.15">
      <c r="AR42863" s="9" ph="1"/>
    </row>
    <row r="42864" spans="44:44" ht="15.75" customHeight="1" x14ac:dyDescent="0.15">
      <c r="AR42864" s="9" ph="1"/>
    </row>
    <row r="42865" spans="44:44" ht="15.75" customHeight="1" x14ac:dyDescent="0.15">
      <c r="AR42865" s="9" ph="1"/>
    </row>
    <row r="42866" spans="44:44" ht="15.75" customHeight="1" x14ac:dyDescent="0.15">
      <c r="AR42866" s="9" ph="1"/>
    </row>
    <row r="42867" spans="44:44" ht="15.75" customHeight="1" x14ac:dyDescent="0.15">
      <c r="AR42867" s="9" ph="1"/>
    </row>
    <row r="42868" spans="44:44" ht="15.75" customHeight="1" x14ac:dyDescent="0.15">
      <c r="AR42868" s="9" ph="1"/>
    </row>
    <row r="42869" spans="44:44" ht="15.75" customHeight="1" x14ac:dyDescent="0.15">
      <c r="AR42869" s="9" ph="1"/>
    </row>
    <row r="42870" spans="44:44" ht="15.75" customHeight="1" x14ac:dyDescent="0.15">
      <c r="AR42870" s="9" ph="1"/>
    </row>
    <row r="42871" spans="44:44" ht="15.75" customHeight="1" x14ac:dyDescent="0.15">
      <c r="AR42871" s="9" ph="1"/>
    </row>
    <row r="42872" spans="44:44" ht="15.75" customHeight="1" x14ac:dyDescent="0.15">
      <c r="AR42872" s="9" ph="1"/>
    </row>
    <row r="42873" spans="44:44" ht="15.75" customHeight="1" x14ac:dyDescent="0.15">
      <c r="AR42873" s="9" ph="1"/>
    </row>
    <row r="42874" spans="44:44" ht="15.75" customHeight="1" x14ac:dyDescent="0.15">
      <c r="AR42874" s="9" ph="1"/>
    </row>
    <row r="42875" spans="44:44" ht="15.75" customHeight="1" x14ac:dyDescent="0.15">
      <c r="AR42875" s="9" ph="1"/>
    </row>
    <row r="42876" spans="44:44" ht="15.75" customHeight="1" x14ac:dyDescent="0.15">
      <c r="AR42876" s="9" ph="1"/>
    </row>
    <row r="42877" spans="44:44" ht="15.75" customHeight="1" x14ac:dyDescent="0.15">
      <c r="AR42877" s="9" ph="1"/>
    </row>
    <row r="42879" spans="44:44" ht="15.75" customHeight="1" x14ac:dyDescent="0.15">
      <c r="AR42879" s="9" ph="1"/>
    </row>
    <row r="42880" spans="44:44" ht="15.75" customHeight="1" x14ac:dyDescent="0.15">
      <c r="AR42880" s="9" ph="1"/>
    </row>
    <row r="42881" spans="44:44" ht="15.75" customHeight="1" x14ac:dyDescent="0.15">
      <c r="AR42881" s="9" ph="1"/>
    </row>
    <row r="42882" spans="44:44" ht="15.75" customHeight="1" x14ac:dyDescent="0.15">
      <c r="AR42882" s="9" ph="1"/>
    </row>
    <row r="42883" spans="44:44" ht="15.75" customHeight="1" x14ac:dyDescent="0.15">
      <c r="AR42883" s="9" ph="1"/>
    </row>
    <row r="42884" spans="44:44" ht="15.75" customHeight="1" x14ac:dyDescent="0.15">
      <c r="AR42884" s="9" ph="1"/>
    </row>
    <row r="42885" spans="44:44" ht="15.75" customHeight="1" x14ac:dyDescent="0.15">
      <c r="AR42885" s="9" ph="1"/>
    </row>
    <row r="42886" spans="44:44" ht="15.75" customHeight="1" x14ac:dyDescent="0.15">
      <c r="AR42886" s="9" ph="1"/>
    </row>
    <row r="42887" spans="44:44" ht="15.75" customHeight="1" x14ac:dyDescent="0.15">
      <c r="AR42887" s="9" ph="1"/>
    </row>
    <row r="42888" spans="44:44" ht="15.75" customHeight="1" x14ac:dyDescent="0.15">
      <c r="AR42888" s="9" ph="1"/>
    </row>
    <row r="42889" spans="44:44" ht="15.75" customHeight="1" x14ac:dyDescent="0.15">
      <c r="AR42889" s="9" ph="1"/>
    </row>
    <row r="42890" spans="44:44" ht="15.75" customHeight="1" x14ac:dyDescent="0.15">
      <c r="AR42890" s="9" ph="1"/>
    </row>
    <row r="42891" spans="44:44" ht="15.75" customHeight="1" x14ac:dyDescent="0.15">
      <c r="AR42891" s="9" ph="1"/>
    </row>
    <row r="42892" spans="44:44" ht="15.75" customHeight="1" x14ac:dyDescent="0.15">
      <c r="AR42892" s="9" ph="1"/>
    </row>
    <row r="42893" spans="44:44" ht="15.75" customHeight="1" x14ac:dyDescent="0.15">
      <c r="AR42893" s="9" ph="1"/>
    </row>
    <row r="42894" spans="44:44" ht="15.75" customHeight="1" x14ac:dyDescent="0.15">
      <c r="AR42894" s="9" ph="1"/>
    </row>
    <row r="42895" spans="44:44" ht="15.75" customHeight="1" x14ac:dyDescent="0.15">
      <c r="AR42895" s="9" ph="1"/>
    </row>
    <row r="42896" spans="44:44" ht="15.75" customHeight="1" x14ac:dyDescent="0.15">
      <c r="AR42896" s="9" ph="1"/>
    </row>
    <row r="42897" spans="44:44" ht="15.75" customHeight="1" x14ac:dyDescent="0.15">
      <c r="AR42897" s="9" ph="1"/>
    </row>
    <row r="42898" spans="44:44" ht="15.75" customHeight="1" x14ac:dyDescent="0.15">
      <c r="AR42898" s="9" ph="1"/>
    </row>
    <row r="42899" spans="44:44" ht="15.75" customHeight="1" x14ac:dyDescent="0.15">
      <c r="AR42899" s="9" ph="1"/>
    </row>
    <row r="42900" spans="44:44" ht="15.75" customHeight="1" x14ac:dyDescent="0.15">
      <c r="AR42900" s="9" ph="1"/>
    </row>
    <row r="42901" spans="44:44" ht="15.75" customHeight="1" x14ac:dyDescent="0.15">
      <c r="AR42901" s="9" ph="1"/>
    </row>
    <row r="42902" spans="44:44" ht="15.75" customHeight="1" x14ac:dyDescent="0.15">
      <c r="AR42902" s="9" ph="1"/>
    </row>
    <row r="42903" spans="44:44" ht="15.75" customHeight="1" x14ac:dyDescent="0.15">
      <c r="AR42903" s="9" ph="1"/>
    </row>
    <row r="42904" spans="44:44" ht="15.75" customHeight="1" x14ac:dyDescent="0.15">
      <c r="AR42904" s="9" ph="1"/>
    </row>
    <row r="42905" spans="44:44" ht="15.75" customHeight="1" x14ac:dyDescent="0.15">
      <c r="AR42905" s="9" ph="1"/>
    </row>
    <row r="42906" spans="44:44" ht="15.75" customHeight="1" x14ac:dyDescent="0.15">
      <c r="AR42906" s="9" ph="1"/>
    </row>
    <row r="42907" spans="44:44" ht="15.75" customHeight="1" x14ac:dyDescent="0.15">
      <c r="AR42907" s="9" ph="1"/>
    </row>
    <row r="42908" spans="44:44" ht="15.75" customHeight="1" x14ac:dyDescent="0.15">
      <c r="AR42908" s="9" ph="1"/>
    </row>
    <row r="42909" spans="44:44" ht="15.75" customHeight="1" x14ac:dyDescent="0.15">
      <c r="AR42909" s="9" ph="1"/>
    </row>
    <row r="42910" spans="44:44" ht="15.75" customHeight="1" x14ac:dyDescent="0.15">
      <c r="AR42910" s="9" ph="1"/>
    </row>
    <row r="42911" spans="44:44" ht="15.75" customHeight="1" x14ac:dyDescent="0.15">
      <c r="AR42911" s="9" ph="1"/>
    </row>
    <row r="42912" spans="44:44" ht="15.75" customHeight="1" x14ac:dyDescent="0.15">
      <c r="AR42912" s="9" ph="1"/>
    </row>
    <row r="42913" spans="44:44" ht="15.75" customHeight="1" x14ac:dyDescent="0.15">
      <c r="AR42913" s="9" ph="1"/>
    </row>
    <row r="42914" spans="44:44" ht="15.75" customHeight="1" x14ac:dyDescent="0.15">
      <c r="AR42914" s="9" ph="1"/>
    </row>
    <row r="42915" spans="44:44" ht="15.75" customHeight="1" x14ac:dyDescent="0.15">
      <c r="AR42915" s="9" ph="1"/>
    </row>
    <row r="42916" spans="44:44" ht="15.75" customHeight="1" x14ac:dyDescent="0.15">
      <c r="AR42916" s="9" ph="1"/>
    </row>
    <row r="42917" spans="44:44" ht="15.75" customHeight="1" x14ac:dyDescent="0.15">
      <c r="AR42917" s="9" ph="1"/>
    </row>
    <row r="42918" spans="44:44" ht="15.75" customHeight="1" x14ac:dyDescent="0.15">
      <c r="AR42918" s="9" ph="1"/>
    </row>
    <row r="42919" spans="44:44" ht="15.75" customHeight="1" x14ac:dyDescent="0.15">
      <c r="AR42919" s="9" ph="1"/>
    </row>
    <row r="42920" spans="44:44" ht="15.75" customHeight="1" x14ac:dyDescent="0.15">
      <c r="AR42920" s="9" ph="1"/>
    </row>
    <row r="42921" spans="44:44" ht="15.75" customHeight="1" x14ac:dyDescent="0.15">
      <c r="AR42921" s="9" ph="1"/>
    </row>
    <row r="42922" spans="44:44" ht="15.75" customHeight="1" x14ac:dyDescent="0.15">
      <c r="AR42922" s="9" ph="1"/>
    </row>
    <row r="42923" spans="44:44" ht="15.75" customHeight="1" x14ac:dyDescent="0.15">
      <c r="AR42923" s="9" ph="1"/>
    </row>
    <row r="42924" spans="44:44" ht="15.75" customHeight="1" x14ac:dyDescent="0.15">
      <c r="AR42924" s="9" ph="1"/>
    </row>
    <row r="42925" spans="44:44" ht="15.75" customHeight="1" x14ac:dyDescent="0.15">
      <c r="AR42925" s="9" ph="1"/>
    </row>
    <row r="42926" spans="44:44" ht="15.75" customHeight="1" x14ac:dyDescent="0.15">
      <c r="AR42926" s="9" ph="1"/>
    </row>
    <row r="42927" spans="44:44" ht="15.75" customHeight="1" x14ac:dyDescent="0.15">
      <c r="AR42927" s="9" ph="1"/>
    </row>
    <row r="42928" spans="44:44" ht="15.75" customHeight="1" x14ac:dyDescent="0.15">
      <c r="AR42928" s="9" ph="1"/>
    </row>
    <row r="42929" spans="44:44" ht="15.75" customHeight="1" x14ac:dyDescent="0.15">
      <c r="AR42929" s="9" ph="1"/>
    </row>
    <row r="42930" spans="44:44" ht="15.75" customHeight="1" x14ac:dyDescent="0.15">
      <c r="AR42930" s="9" ph="1"/>
    </row>
    <row r="42931" spans="44:44" ht="15.75" customHeight="1" x14ac:dyDescent="0.15">
      <c r="AR42931" s="9" ph="1"/>
    </row>
    <row r="42932" spans="44:44" ht="15.75" customHeight="1" x14ac:dyDescent="0.15">
      <c r="AR42932" s="9" ph="1"/>
    </row>
    <row r="42933" spans="44:44" ht="15.75" customHeight="1" x14ac:dyDescent="0.15">
      <c r="AR42933" s="9" ph="1"/>
    </row>
    <row r="42934" spans="44:44" ht="15.75" customHeight="1" x14ac:dyDescent="0.15">
      <c r="AR42934" s="9" ph="1"/>
    </row>
    <row r="42935" spans="44:44" ht="15.75" customHeight="1" x14ac:dyDescent="0.15">
      <c r="AR42935" s="9" ph="1"/>
    </row>
    <row r="42936" spans="44:44" ht="15.75" customHeight="1" x14ac:dyDescent="0.15">
      <c r="AR42936" s="9" ph="1"/>
    </row>
    <row r="42937" spans="44:44" ht="15.75" customHeight="1" x14ac:dyDescent="0.15">
      <c r="AR42937" s="9" ph="1"/>
    </row>
    <row r="42938" spans="44:44" ht="15.75" customHeight="1" x14ac:dyDescent="0.15">
      <c r="AR42938" s="9" ph="1"/>
    </row>
    <row r="42939" spans="44:44" ht="15.75" customHeight="1" x14ac:dyDescent="0.15">
      <c r="AR42939" s="9" ph="1"/>
    </row>
    <row r="42940" spans="44:44" ht="15.75" customHeight="1" x14ac:dyDescent="0.15">
      <c r="AR42940" s="9" ph="1"/>
    </row>
    <row r="42941" spans="44:44" ht="15.75" customHeight="1" x14ac:dyDescent="0.15">
      <c r="AR42941" s="9" ph="1"/>
    </row>
    <row r="42942" spans="44:44" ht="15.75" customHeight="1" x14ac:dyDescent="0.15">
      <c r="AR42942" s="9" ph="1"/>
    </row>
    <row r="42943" spans="44:44" ht="15.75" customHeight="1" x14ac:dyDescent="0.15">
      <c r="AR42943" s="9" ph="1"/>
    </row>
    <row r="42944" spans="44:44" ht="15.75" customHeight="1" x14ac:dyDescent="0.15">
      <c r="AR42944" s="9" ph="1"/>
    </row>
    <row r="42945" spans="44:44" ht="15.75" customHeight="1" x14ac:dyDescent="0.15">
      <c r="AR42945" s="9" ph="1"/>
    </row>
    <row r="42946" spans="44:44" ht="15.75" customHeight="1" x14ac:dyDescent="0.15">
      <c r="AR42946" s="9" ph="1"/>
    </row>
    <row r="42947" spans="44:44" ht="15.75" customHeight="1" x14ac:dyDescent="0.15">
      <c r="AR42947" s="9" ph="1"/>
    </row>
    <row r="42948" spans="44:44" ht="15.75" customHeight="1" x14ac:dyDescent="0.15">
      <c r="AR42948" s="9" ph="1"/>
    </row>
    <row r="42949" spans="44:44" ht="15.75" customHeight="1" x14ac:dyDescent="0.15">
      <c r="AR42949" s="9" ph="1"/>
    </row>
    <row r="42950" spans="44:44" ht="15.75" customHeight="1" x14ac:dyDescent="0.15">
      <c r="AR42950" s="9" ph="1"/>
    </row>
    <row r="42951" spans="44:44" ht="15.75" customHeight="1" x14ac:dyDescent="0.15">
      <c r="AR42951" s="9" ph="1"/>
    </row>
    <row r="42952" spans="44:44" ht="15.75" customHeight="1" x14ac:dyDescent="0.15">
      <c r="AR42952" s="9" ph="1"/>
    </row>
    <row r="42953" spans="44:44" ht="15.75" customHeight="1" x14ac:dyDescent="0.15">
      <c r="AR42953" s="9" ph="1"/>
    </row>
    <row r="42954" spans="44:44" ht="15.75" customHeight="1" x14ac:dyDescent="0.15">
      <c r="AR42954" s="9" ph="1"/>
    </row>
    <row r="42955" spans="44:44" ht="15.75" customHeight="1" x14ac:dyDescent="0.15">
      <c r="AR42955" s="9" ph="1"/>
    </row>
    <row r="42956" spans="44:44" ht="15.75" customHeight="1" x14ac:dyDescent="0.15">
      <c r="AR42956" s="9" ph="1"/>
    </row>
    <row r="42957" spans="44:44" ht="15.75" customHeight="1" x14ac:dyDescent="0.15">
      <c r="AR42957" s="9" ph="1"/>
    </row>
    <row r="42958" spans="44:44" ht="15.75" customHeight="1" x14ac:dyDescent="0.15">
      <c r="AR42958" s="9" ph="1"/>
    </row>
    <row r="42959" spans="44:44" ht="15.75" customHeight="1" x14ac:dyDescent="0.15">
      <c r="AR42959" s="9" ph="1"/>
    </row>
    <row r="42960" spans="44:44" ht="15.75" customHeight="1" x14ac:dyDescent="0.15">
      <c r="AR42960" s="9" ph="1"/>
    </row>
    <row r="42961" spans="44:44" ht="15.75" customHeight="1" x14ac:dyDescent="0.15">
      <c r="AR42961" s="9" ph="1"/>
    </row>
    <row r="42962" spans="44:44" ht="15.75" customHeight="1" x14ac:dyDescent="0.15">
      <c r="AR42962" s="9" ph="1"/>
    </row>
    <row r="42963" spans="44:44" ht="15.75" customHeight="1" x14ac:dyDescent="0.15">
      <c r="AR42963" s="9" ph="1"/>
    </row>
    <row r="42964" spans="44:44" ht="15.75" customHeight="1" x14ac:dyDescent="0.15">
      <c r="AR42964" s="9" ph="1"/>
    </row>
    <row r="42965" spans="44:44" ht="15.75" customHeight="1" x14ac:dyDescent="0.15">
      <c r="AR42965" s="9" ph="1"/>
    </row>
    <row r="42966" spans="44:44" ht="15.75" customHeight="1" x14ac:dyDescent="0.15">
      <c r="AR42966" s="9" ph="1"/>
    </row>
    <row r="42967" spans="44:44" ht="15.75" customHeight="1" x14ac:dyDescent="0.15">
      <c r="AR42967" s="9" ph="1"/>
    </row>
    <row r="42968" spans="44:44" ht="15.75" customHeight="1" x14ac:dyDescent="0.15">
      <c r="AR42968" s="9" ph="1"/>
    </row>
    <row r="42969" spans="44:44" ht="15.75" customHeight="1" x14ac:dyDescent="0.15">
      <c r="AR42969" s="9" ph="1"/>
    </row>
    <row r="42970" spans="44:44" ht="15.75" customHeight="1" x14ac:dyDescent="0.15">
      <c r="AR42970" s="9" ph="1"/>
    </row>
    <row r="42971" spans="44:44" ht="15.75" customHeight="1" x14ac:dyDescent="0.15">
      <c r="AR42971" s="9" ph="1"/>
    </row>
    <row r="42972" spans="44:44" ht="15.75" customHeight="1" x14ac:dyDescent="0.15">
      <c r="AR42972" s="9" ph="1"/>
    </row>
    <row r="42973" spans="44:44" ht="15.75" customHeight="1" x14ac:dyDescent="0.15">
      <c r="AR42973" s="9" ph="1"/>
    </row>
    <row r="42974" spans="44:44" ht="15.75" customHeight="1" x14ac:dyDescent="0.15">
      <c r="AR42974" s="9" ph="1"/>
    </row>
    <row r="42975" spans="44:44" ht="15.75" customHeight="1" x14ac:dyDescent="0.15">
      <c r="AR42975" s="9" ph="1"/>
    </row>
    <row r="42976" spans="44:44" ht="15.75" customHeight="1" x14ac:dyDescent="0.15">
      <c r="AR42976" s="9" ph="1"/>
    </row>
    <row r="42977" spans="44:44" ht="15.75" customHeight="1" x14ac:dyDescent="0.15">
      <c r="AR42977" s="9" ph="1"/>
    </row>
    <row r="42978" spans="44:44" ht="15.75" customHeight="1" x14ac:dyDescent="0.15">
      <c r="AR42978" s="9" ph="1"/>
    </row>
    <row r="42979" spans="44:44" ht="15.75" customHeight="1" x14ac:dyDescent="0.15">
      <c r="AR42979" s="9" ph="1"/>
    </row>
    <row r="42980" spans="44:44" ht="15.75" customHeight="1" x14ac:dyDescent="0.15">
      <c r="AR42980" s="9" ph="1"/>
    </row>
    <row r="42981" spans="44:44" ht="15.75" customHeight="1" x14ac:dyDescent="0.15">
      <c r="AR42981" s="9" ph="1"/>
    </row>
    <row r="42982" spans="44:44" ht="15.75" customHeight="1" x14ac:dyDescent="0.15">
      <c r="AR42982" s="9" ph="1"/>
    </row>
    <row r="42983" spans="44:44" ht="15.75" customHeight="1" x14ac:dyDescent="0.15">
      <c r="AR42983" s="9" ph="1"/>
    </row>
    <row r="42984" spans="44:44" ht="15.75" customHeight="1" x14ac:dyDescent="0.15">
      <c r="AR42984" s="9" ph="1"/>
    </row>
    <row r="42985" spans="44:44" ht="15.75" customHeight="1" x14ac:dyDescent="0.15">
      <c r="AR42985" s="9" ph="1"/>
    </row>
    <row r="42986" spans="44:44" ht="15.75" customHeight="1" x14ac:dyDescent="0.15">
      <c r="AR42986" s="9" ph="1"/>
    </row>
    <row r="42987" spans="44:44" ht="15.75" customHeight="1" x14ac:dyDescent="0.15">
      <c r="AR42987" s="9" ph="1"/>
    </row>
    <row r="42988" spans="44:44" ht="15.75" customHeight="1" x14ac:dyDescent="0.15">
      <c r="AR42988" s="9" ph="1"/>
    </row>
    <row r="42989" spans="44:44" ht="15.75" customHeight="1" x14ac:dyDescent="0.15">
      <c r="AR42989" s="9" ph="1"/>
    </row>
    <row r="42990" spans="44:44" ht="15.75" customHeight="1" x14ac:dyDescent="0.15">
      <c r="AR42990" s="9" ph="1"/>
    </row>
    <row r="42991" spans="44:44" ht="15.75" customHeight="1" x14ac:dyDescent="0.15">
      <c r="AR42991" s="9" ph="1"/>
    </row>
    <row r="42992" spans="44:44" ht="15.75" customHeight="1" x14ac:dyDescent="0.15">
      <c r="AR42992" s="9" ph="1"/>
    </row>
    <row r="42993" spans="44:44" ht="15.75" customHeight="1" x14ac:dyDescent="0.15">
      <c r="AR42993" s="9" ph="1"/>
    </row>
    <row r="42994" spans="44:44" ht="15.75" customHeight="1" x14ac:dyDescent="0.15">
      <c r="AR42994" s="9" ph="1"/>
    </row>
    <row r="42995" spans="44:44" ht="15.75" customHeight="1" x14ac:dyDescent="0.15">
      <c r="AR42995" s="9" ph="1"/>
    </row>
    <row r="42996" spans="44:44" ht="15.75" customHeight="1" x14ac:dyDescent="0.15">
      <c r="AR42996" s="9" ph="1"/>
    </row>
    <row r="42997" spans="44:44" ht="15.75" customHeight="1" x14ac:dyDescent="0.15">
      <c r="AR42997" s="9" ph="1"/>
    </row>
    <row r="42998" spans="44:44" ht="15.75" customHeight="1" x14ac:dyDescent="0.15">
      <c r="AR42998" s="9" ph="1"/>
    </row>
    <row r="42999" spans="44:44" ht="15.75" customHeight="1" x14ac:dyDescent="0.15">
      <c r="AR42999" s="9" ph="1"/>
    </row>
    <row r="43000" spans="44:44" ht="15.75" customHeight="1" x14ac:dyDescent="0.15">
      <c r="AR43000" s="9" ph="1"/>
    </row>
    <row r="43001" spans="44:44" ht="15.75" customHeight="1" x14ac:dyDescent="0.15">
      <c r="AR43001" s="9" ph="1"/>
    </row>
    <row r="43002" spans="44:44" ht="15.75" customHeight="1" x14ac:dyDescent="0.15">
      <c r="AR43002" s="9" ph="1"/>
    </row>
    <row r="43003" spans="44:44" ht="15.75" customHeight="1" x14ac:dyDescent="0.15">
      <c r="AR43003" s="9" ph="1"/>
    </row>
    <row r="43005" spans="44:44" ht="15.75" customHeight="1" x14ac:dyDescent="0.15">
      <c r="AR43005" s="9" ph="1"/>
    </row>
    <row r="43006" spans="44:44" ht="15.75" customHeight="1" x14ac:dyDescent="0.15">
      <c r="AR43006" s="9" ph="1"/>
    </row>
    <row r="43007" spans="44:44" ht="15.75" customHeight="1" x14ac:dyDescent="0.15">
      <c r="AR43007" s="9" ph="1"/>
    </row>
    <row r="43008" spans="44:44" ht="15.75" customHeight="1" x14ac:dyDescent="0.15">
      <c r="AR43008" s="9" ph="1"/>
    </row>
    <row r="43009" spans="44:44" ht="15.75" customHeight="1" x14ac:dyDescent="0.15">
      <c r="AR43009" s="9" ph="1"/>
    </row>
    <row r="43010" spans="44:44" ht="15.75" customHeight="1" x14ac:dyDescent="0.15">
      <c r="AR43010" s="9" ph="1"/>
    </row>
    <row r="43011" spans="44:44" ht="15.75" customHeight="1" x14ac:dyDescent="0.15">
      <c r="AR43011" s="9" ph="1"/>
    </row>
    <row r="43012" spans="44:44" ht="15.75" customHeight="1" x14ac:dyDescent="0.15">
      <c r="AR43012" s="9" ph="1"/>
    </row>
    <row r="43013" spans="44:44" ht="15.75" customHeight="1" x14ac:dyDescent="0.15">
      <c r="AR43013" s="9" ph="1"/>
    </row>
    <row r="43014" spans="44:44" ht="15.75" customHeight="1" x14ac:dyDescent="0.15">
      <c r="AR43014" s="9" ph="1"/>
    </row>
    <row r="43015" spans="44:44" ht="15.75" customHeight="1" x14ac:dyDescent="0.15">
      <c r="AR43015" s="9" ph="1"/>
    </row>
    <row r="43016" spans="44:44" ht="15.75" customHeight="1" x14ac:dyDescent="0.15">
      <c r="AR43016" s="9" ph="1"/>
    </row>
    <row r="43017" spans="44:44" ht="15.75" customHeight="1" x14ac:dyDescent="0.15">
      <c r="AR43017" s="9" ph="1"/>
    </row>
    <row r="43018" spans="44:44" ht="15.75" customHeight="1" x14ac:dyDescent="0.15">
      <c r="AR43018" s="9" ph="1"/>
    </row>
    <row r="43019" spans="44:44" ht="15.75" customHeight="1" x14ac:dyDescent="0.15">
      <c r="AR43019" s="9" ph="1"/>
    </row>
    <row r="43021" spans="44:44" ht="15.75" customHeight="1" x14ac:dyDescent="0.15">
      <c r="AR43021" s="9" ph="1"/>
    </row>
    <row r="43022" spans="44:44" ht="15.75" customHeight="1" x14ac:dyDescent="0.15">
      <c r="AR43022" s="9" ph="1"/>
    </row>
    <row r="43023" spans="44:44" ht="15.75" customHeight="1" x14ac:dyDescent="0.15">
      <c r="AR43023" s="9" ph="1"/>
    </row>
    <row r="43024" spans="44:44" ht="15.75" customHeight="1" x14ac:dyDescent="0.15">
      <c r="AR43024" s="9" ph="1"/>
    </row>
    <row r="43025" spans="44:44" ht="15.75" customHeight="1" x14ac:dyDescent="0.15">
      <c r="AR43025" s="9" ph="1"/>
    </row>
    <row r="43026" spans="44:44" ht="15.75" customHeight="1" x14ac:dyDescent="0.15">
      <c r="AR43026" s="9" ph="1"/>
    </row>
    <row r="43027" spans="44:44" ht="15.75" customHeight="1" x14ac:dyDescent="0.15">
      <c r="AR43027" s="9" ph="1"/>
    </row>
    <row r="43028" spans="44:44" ht="15.75" customHeight="1" x14ac:dyDescent="0.15">
      <c r="AR43028" s="9" ph="1"/>
    </row>
    <row r="43029" spans="44:44" ht="15.75" customHeight="1" x14ac:dyDescent="0.15">
      <c r="AR43029" s="9" ph="1"/>
    </row>
    <row r="43030" spans="44:44" ht="15.75" customHeight="1" x14ac:dyDescent="0.15">
      <c r="AR43030" s="9" ph="1"/>
    </row>
    <row r="43032" spans="44:44" ht="15.75" customHeight="1" x14ac:dyDescent="0.15">
      <c r="AR43032" s="9" ph="1"/>
    </row>
    <row r="43033" spans="44:44" ht="15.75" customHeight="1" x14ac:dyDescent="0.15">
      <c r="AR43033" s="9" ph="1"/>
    </row>
    <row r="43034" spans="44:44" ht="15.75" customHeight="1" x14ac:dyDescent="0.15">
      <c r="AR43034" s="9" ph="1"/>
    </row>
    <row r="43035" spans="44:44" ht="15.75" customHeight="1" x14ac:dyDescent="0.15">
      <c r="AR43035" s="9" ph="1"/>
    </row>
    <row r="43036" spans="44:44" ht="15.75" customHeight="1" x14ac:dyDescent="0.15">
      <c r="AR43036" s="9" ph="1"/>
    </row>
    <row r="43037" spans="44:44" ht="15.75" customHeight="1" x14ac:dyDescent="0.15">
      <c r="AR43037" s="9" ph="1"/>
    </row>
    <row r="43038" spans="44:44" ht="15.75" customHeight="1" x14ac:dyDescent="0.15">
      <c r="AR43038" s="9" ph="1"/>
    </row>
    <row r="43039" spans="44:44" ht="15.75" customHeight="1" x14ac:dyDescent="0.15">
      <c r="AR43039" s="9" ph="1"/>
    </row>
    <row r="43040" spans="44:44" ht="15.75" customHeight="1" x14ac:dyDescent="0.15">
      <c r="AR43040" s="9" ph="1"/>
    </row>
    <row r="43041" spans="44:44" ht="15.75" customHeight="1" x14ac:dyDescent="0.15">
      <c r="AR43041" s="9" ph="1"/>
    </row>
    <row r="43042" spans="44:44" ht="15.75" customHeight="1" x14ac:dyDescent="0.15">
      <c r="AR43042" s="9" ph="1"/>
    </row>
    <row r="43043" spans="44:44" ht="15.75" customHeight="1" x14ac:dyDescent="0.15">
      <c r="AR43043" s="9" ph="1"/>
    </row>
    <row r="43044" spans="44:44" ht="15.75" customHeight="1" x14ac:dyDescent="0.15">
      <c r="AR43044" s="9" ph="1"/>
    </row>
    <row r="43045" spans="44:44" ht="15.75" customHeight="1" x14ac:dyDescent="0.15">
      <c r="AR43045" s="9" ph="1"/>
    </row>
    <row r="43046" spans="44:44" ht="15.75" customHeight="1" x14ac:dyDescent="0.15">
      <c r="AR43046" s="9" ph="1"/>
    </row>
    <row r="43047" spans="44:44" ht="15.75" customHeight="1" x14ac:dyDescent="0.15">
      <c r="AR43047" s="9" ph="1"/>
    </row>
    <row r="43048" spans="44:44" ht="15.75" customHeight="1" x14ac:dyDescent="0.15">
      <c r="AR43048" s="9" ph="1"/>
    </row>
    <row r="43049" spans="44:44" ht="15.75" customHeight="1" x14ac:dyDescent="0.15">
      <c r="AR43049" s="9" ph="1"/>
    </row>
    <row r="43050" spans="44:44" ht="15.75" customHeight="1" x14ac:dyDescent="0.15">
      <c r="AR43050" s="9" ph="1"/>
    </row>
    <row r="43051" spans="44:44" ht="15.75" customHeight="1" x14ac:dyDescent="0.15">
      <c r="AR43051" s="9" ph="1"/>
    </row>
    <row r="43052" spans="44:44" ht="15.75" customHeight="1" x14ac:dyDescent="0.15">
      <c r="AR43052" s="9" ph="1"/>
    </row>
    <row r="43053" spans="44:44" ht="15.75" customHeight="1" x14ac:dyDescent="0.15">
      <c r="AR43053" s="9" ph="1"/>
    </row>
    <row r="43054" spans="44:44" ht="15.75" customHeight="1" x14ac:dyDescent="0.15">
      <c r="AR43054" s="9" ph="1"/>
    </row>
    <row r="43055" spans="44:44" ht="15.75" customHeight="1" x14ac:dyDescent="0.15">
      <c r="AR43055" s="9" ph="1"/>
    </row>
    <row r="43056" spans="44:44" ht="15.75" customHeight="1" x14ac:dyDescent="0.15">
      <c r="AR43056" s="9" ph="1"/>
    </row>
    <row r="43058" spans="44:44" ht="15.75" customHeight="1" x14ac:dyDescent="0.15">
      <c r="AR43058" s="9" ph="1"/>
    </row>
    <row r="43059" spans="44:44" ht="15.75" customHeight="1" x14ac:dyDescent="0.15">
      <c r="AR43059" s="9" ph="1"/>
    </row>
    <row r="43060" spans="44:44" ht="15.75" customHeight="1" x14ac:dyDescent="0.15">
      <c r="AR43060" s="9" ph="1"/>
    </row>
    <row r="43061" spans="44:44" ht="15.75" customHeight="1" x14ac:dyDescent="0.15">
      <c r="AR43061" s="9" ph="1"/>
    </row>
    <row r="43062" spans="44:44" ht="15.75" customHeight="1" x14ac:dyDescent="0.15">
      <c r="AR43062" s="9" ph="1"/>
    </row>
    <row r="43063" spans="44:44" ht="15.75" customHeight="1" x14ac:dyDescent="0.15">
      <c r="AR43063" s="9" ph="1"/>
    </row>
    <row r="43064" spans="44:44" ht="15.75" customHeight="1" x14ac:dyDescent="0.15">
      <c r="AR43064" s="9" ph="1"/>
    </row>
    <row r="43065" spans="44:44" ht="15.75" customHeight="1" x14ac:dyDescent="0.15">
      <c r="AR43065" s="9" ph="1"/>
    </row>
    <row r="43066" spans="44:44" ht="15.75" customHeight="1" x14ac:dyDescent="0.15">
      <c r="AR43066" s="9" ph="1"/>
    </row>
    <row r="43067" spans="44:44" ht="15.75" customHeight="1" x14ac:dyDescent="0.15">
      <c r="AR43067" s="9" ph="1"/>
    </row>
    <row r="43068" spans="44:44" ht="15.75" customHeight="1" x14ac:dyDescent="0.15">
      <c r="AR43068" s="9" ph="1"/>
    </row>
    <row r="43069" spans="44:44" ht="15.75" customHeight="1" x14ac:dyDescent="0.15">
      <c r="AR43069" s="9" ph="1"/>
    </row>
    <row r="43070" spans="44:44" ht="15.75" customHeight="1" x14ac:dyDescent="0.15">
      <c r="AR43070" s="9" ph="1"/>
    </row>
    <row r="43071" spans="44:44" ht="15.75" customHeight="1" x14ac:dyDescent="0.15">
      <c r="AR43071" s="9" ph="1"/>
    </row>
    <row r="43072" spans="44:44" ht="15.75" customHeight="1" x14ac:dyDescent="0.15">
      <c r="AR43072" s="9" ph="1"/>
    </row>
    <row r="43074" spans="44:44" ht="15.75" customHeight="1" x14ac:dyDescent="0.15">
      <c r="AR43074" s="9" ph="1"/>
    </row>
    <row r="43075" spans="44:44" ht="15.75" customHeight="1" x14ac:dyDescent="0.15">
      <c r="AR43075" s="9" ph="1"/>
    </row>
    <row r="43076" spans="44:44" ht="15.75" customHeight="1" x14ac:dyDescent="0.15">
      <c r="AR43076" s="9" ph="1"/>
    </row>
    <row r="43077" spans="44:44" ht="15.75" customHeight="1" x14ac:dyDescent="0.15">
      <c r="AR43077" s="9" ph="1"/>
    </row>
    <row r="43078" spans="44:44" ht="15.75" customHeight="1" x14ac:dyDescent="0.15">
      <c r="AR43078" s="9" ph="1"/>
    </row>
    <row r="43079" spans="44:44" ht="15.75" customHeight="1" x14ac:dyDescent="0.15">
      <c r="AR43079" s="9" ph="1"/>
    </row>
    <row r="43080" spans="44:44" ht="15.75" customHeight="1" x14ac:dyDescent="0.15">
      <c r="AR43080" s="9" ph="1"/>
    </row>
    <row r="43081" spans="44:44" ht="15.75" customHeight="1" x14ac:dyDescent="0.15">
      <c r="AR43081" s="9" ph="1"/>
    </row>
    <row r="43082" spans="44:44" ht="15.75" customHeight="1" x14ac:dyDescent="0.15">
      <c r="AR43082" s="9" ph="1"/>
    </row>
    <row r="43083" spans="44:44" ht="15.75" customHeight="1" x14ac:dyDescent="0.15">
      <c r="AR43083" s="9" ph="1"/>
    </row>
    <row r="43085" spans="44:44" ht="15.75" customHeight="1" x14ac:dyDescent="0.15">
      <c r="AR43085" s="9" ph="1"/>
    </row>
    <row r="43086" spans="44:44" ht="15.75" customHeight="1" x14ac:dyDescent="0.15">
      <c r="AR43086" s="9" ph="1"/>
    </row>
    <row r="43087" spans="44:44" ht="15.75" customHeight="1" x14ac:dyDescent="0.15">
      <c r="AR43087" s="9" ph="1"/>
    </row>
    <row r="43088" spans="44:44" ht="15.75" customHeight="1" x14ac:dyDescent="0.15">
      <c r="AR43088" s="9" ph="1"/>
    </row>
    <row r="43089" spans="44:44" ht="15.75" customHeight="1" x14ac:dyDescent="0.15">
      <c r="AR43089" s="9" ph="1"/>
    </row>
    <row r="43090" spans="44:44" ht="15.75" customHeight="1" x14ac:dyDescent="0.15">
      <c r="AR43090" s="9" ph="1"/>
    </row>
    <row r="43091" spans="44:44" ht="15.75" customHeight="1" x14ac:dyDescent="0.15">
      <c r="AR43091" s="9" ph="1"/>
    </row>
    <row r="43092" spans="44:44" ht="15.75" customHeight="1" x14ac:dyDescent="0.15">
      <c r="AR43092" s="9" ph="1"/>
    </row>
    <row r="43093" spans="44:44" ht="15.75" customHeight="1" x14ac:dyDescent="0.15">
      <c r="AR43093" s="9" ph="1"/>
    </row>
    <row r="43094" spans="44:44" ht="15.75" customHeight="1" x14ac:dyDescent="0.15">
      <c r="AR43094" s="9" ph="1"/>
    </row>
    <row r="43095" spans="44:44" ht="15.75" customHeight="1" x14ac:dyDescent="0.15">
      <c r="AR43095" s="9" ph="1"/>
    </row>
    <row r="43096" spans="44:44" ht="15.75" customHeight="1" x14ac:dyDescent="0.15">
      <c r="AR43096" s="9" ph="1"/>
    </row>
    <row r="43097" spans="44:44" ht="15.75" customHeight="1" x14ac:dyDescent="0.15">
      <c r="AR43097" s="9" ph="1"/>
    </row>
    <row r="43098" spans="44:44" ht="15.75" customHeight="1" x14ac:dyDescent="0.15">
      <c r="AR43098" s="9" ph="1"/>
    </row>
    <row r="43099" spans="44:44" ht="15.75" customHeight="1" x14ac:dyDescent="0.15">
      <c r="AR43099" s="9" ph="1"/>
    </row>
    <row r="43100" spans="44:44" ht="15.75" customHeight="1" x14ac:dyDescent="0.15">
      <c r="AR43100" s="9" ph="1"/>
    </row>
    <row r="43101" spans="44:44" ht="15.75" customHeight="1" x14ac:dyDescent="0.15">
      <c r="AR43101" s="9" ph="1"/>
    </row>
    <row r="43102" spans="44:44" ht="15.75" customHeight="1" x14ac:dyDescent="0.15">
      <c r="AR43102" s="9" ph="1"/>
    </row>
    <row r="43104" spans="44:44" ht="15.75" customHeight="1" x14ac:dyDescent="0.15">
      <c r="AR43104" s="9" ph="1"/>
    </row>
    <row r="43105" spans="44:44" ht="15.75" customHeight="1" x14ac:dyDescent="0.15">
      <c r="AR43105" s="9" ph="1"/>
    </row>
    <row r="43106" spans="44:44" ht="15.75" customHeight="1" x14ac:dyDescent="0.15">
      <c r="AR43106" s="9" ph="1"/>
    </row>
    <row r="43107" spans="44:44" ht="15.75" customHeight="1" x14ac:dyDescent="0.15">
      <c r="AR43107" s="9" ph="1"/>
    </row>
    <row r="43108" spans="44:44" ht="15.75" customHeight="1" x14ac:dyDescent="0.15">
      <c r="AR43108" s="9" ph="1"/>
    </row>
    <row r="43109" spans="44:44" ht="15.75" customHeight="1" x14ac:dyDescent="0.15">
      <c r="AR43109" s="9" ph="1"/>
    </row>
    <row r="43110" spans="44:44" ht="15.75" customHeight="1" x14ac:dyDescent="0.15">
      <c r="AR43110" s="9" ph="1"/>
    </row>
    <row r="43111" spans="44:44" ht="15.75" customHeight="1" x14ac:dyDescent="0.15">
      <c r="AR43111" s="9" ph="1"/>
    </row>
    <row r="43112" spans="44:44" ht="15.75" customHeight="1" x14ac:dyDescent="0.15">
      <c r="AR43112" s="9" ph="1"/>
    </row>
    <row r="43113" spans="44:44" ht="15.75" customHeight="1" x14ac:dyDescent="0.15">
      <c r="AR43113" s="9" ph="1"/>
    </row>
    <row r="43114" spans="44:44" ht="15.75" customHeight="1" x14ac:dyDescent="0.15">
      <c r="AR43114" s="9" ph="1"/>
    </row>
    <row r="43115" spans="44:44" ht="15.75" customHeight="1" x14ac:dyDescent="0.15">
      <c r="AR43115" s="9" ph="1"/>
    </row>
    <row r="43116" spans="44:44" ht="15.75" customHeight="1" x14ac:dyDescent="0.15">
      <c r="AR43116" s="9" ph="1"/>
    </row>
    <row r="43117" spans="44:44" ht="15.75" customHeight="1" x14ac:dyDescent="0.15">
      <c r="AR43117" s="9" ph="1"/>
    </row>
    <row r="43118" spans="44:44" ht="15.75" customHeight="1" x14ac:dyDescent="0.15">
      <c r="AR43118" s="9" ph="1"/>
    </row>
    <row r="43119" spans="44:44" ht="15.75" customHeight="1" x14ac:dyDescent="0.15">
      <c r="AR43119" s="9" ph="1"/>
    </row>
    <row r="43120" spans="44:44" ht="15.75" customHeight="1" x14ac:dyDescent="0.15">
      <c r="AR43120" s="9" ph="1"/>
    </row>
    <row r="43121" spans="44:44" ht="15.75" customHeight="1" x14ac:dyDescent="0.15">
      <c r="AR43121" s="9" ph="1"/>
    </row>
    <row r="43122" spans="44:44" ht="15.75" customHeight="1" x14ac:dyDescent="0.15">
      <c r="AR43122" s="9" ph="1"/>
    </row>
    <row r="43123" spans="44:44" ht="15.75" customHeight="1" x14ac:dyDescent="0.15">
      <c r="AR43123" s="9" ph="1"/>
    </row>
    <row r="43124" spans="44:44" ht="15.75" customHeight="1" x14ac:dyDescent="0.15">
      <c r="AR43124" s="9" ph="1"/>
    </row>
    <row r="43125" spans="44:44" ht="15.75" customHeight="1" x14ac:dyDescent="0.15">
      <c r="AR43125" s="9" ph="1"/>
    </row>
    <row r="43126" spans="44:44" ht="15.75" customHeight="1" x14ac:dyDescent="0.15">
      <c r="AR43126" s="9" ph="1"/>
    </row>
    <row r="43127" spans="44:44" ht="15.75" customHeight="1" x14ac:dyDescent="0.15">
      <c r="AR43127" s="9" ph="1"/>
    </row>
    <row r="43128" spans="44:44" ht="15.75" customHeight="1" x14ac:dyDescent="0.15">
      <c r="AR43128" s="9" ph="1"/>
    </row>
    <row r="43129" spans="44:44" ht="15.75" customHeight="1" x14ac:dyDescent="0.15">
      <c r="AR43129" s="9" ph="1"/>
    </row>
    <row r="43130" spans="44:44" ht="15.75" customHeight="1" x14ac:dyDescent="0.15">
      <c r="AR43130" s="9" ph="1"/>
    </row>
    <row r="43131" spans="44:44" ht="15.75" customHeight="1" x14ac:dyDescent="0.15">
      <c r="AR43131" s="9" ph="1"/>
    </row>
    <row r="43132" spans="44:44" ht="15.75" customHeight="1" x14ac:dyDescent="0.15">
      <c r="AR43132" s="9" ph="1"/>
    </row>
    <row r="43133" spans="44:44" ht="15.75" customHeight="1" x14ac:dyDescent="0.15">
      <c r="AR43133" s="9" ph="1"/>
    </row>
    <row r="43134" spans="44:44" ht="15.75" customHeight="1" x14ac:dyDescent="0.15">
      <c r="AR43134" s="9" ph="1"/>
    </row>
    <row r="43135" spans="44:44" ht="15.75" customHeight="1" x14ac:dyDescent="0.15">
      <c r="AR43135" s="9" ph="1"/>
    </row>
    <row r="43136" spans="44:44" ht="15.75" customHeight="1" x14ac:dyDescent="0.15">
      <c r="AR43136" s="9" ph="1"/>
    </row>
    <row r="43137" spans="44:44" ht="15.75" customHeight="1" x14ac:dyDescent="0.15">
      <c r="AR43137" s="9" ph="1"/>
    </row>
    <row r="43138" spans="44:44" ht="15.75" customHeight="1" x14ac:dyDescent="0.15">
      <c r="AR43138" s="9" ph="1"/>
    </row>
    <row r="43139" spans="44:44" ht="15.75" customHeight="1" x14ac:dyDescent="0.15">
      <c r="AR43139" s="9" ph="1"/>
    </row>
    <row r="43140" spans="44:44" ht="15.75" customHeight="1" x14ac:dyDescent="0.15">
      <c r="AR43140" s="9" ph="1"/>
    </row>
    <row r="43141" spans="44:44" ht="15.75" customHeight="1" x14ac:dyDescent="0.15">
      <c r="AR43141" s="9" ph="1"/>
    </row>
    <row r="43142" spans="44:44" ht="15.75" customHeight="1" x14ac:dyDescent="0.15">
      <c r="AR43142" s="9" ph="1"/>
    </row>
    <row r="43143" spans="44:44" ht="15.75" customHeight="1" x14ac:dyDescent="0.15">
      <c r="AR43143" s="9" ph="1"/>
    </row>
    <row r="43144" spans="44:44" ht="15.75" customHeight="1" x14ac:dyDescent="0.15">
      <c r="AR43144" s="9" ph="1"/>
    </row>
    <row r="43145" spans="44:44" ht="15.75" customHeight="1" x14ac:dyDescent="0.15">
      <c r="AR43145" s="9" ph="1"/>
    </row>
    <row r="43146" spans="44:44" ht="15.75" customHeight="1" x14ac:dyDescent="0.15">
      <c r="AR43146" s="9" ph="1"/>
    </row>
    <row r="43147" spans="44:44" ht="15.75" customHeight="1" x14ac:dyDescent="0.15">
      <c r="AR43147" s="9" ph="1"/>
    </row>
    <row r="43148" spans="44:44" ht="15.75" customHeight="1" x14ac:dyDescent="0.15">
      <c r="AR43148" s="9" ph="1"/>
    </row>
    <row r="43149" spans="44:44" ht="15.75" customHeight="1" x14ac:dyDescent="0.15">
      <c r="AR43149" s="9" ph="1"/>
    </row>
    <row r="43150" spans="44:44" ht="15.75" customHeight="1" x14ac:dyDescent="0.15">
      <c r="AR43150" s="9" ph="1"/>
    </row>
    <row r="43151" spans="44:44" ht="15.75" customHeight="1" x14ac:dyDescent="0.15">
      <c r="AR43151" s="9" ph="1"/>
    </row>
    <row r="43152" spans="44:44" ht="15.75" customHeight="1" x14ac:dyDescent="0.15">
      <c r="AR43152" s="9" ph="1"/>
    </row>
    <row r="43153" spans="44:44" ht="15.75" customHeight="1" x14ac:dyDescent="0.15">
      <c r="AR43153" s="9" ph="1"/>
    </row>
    <row r="43154" spans="44:44" ht="15.75" customHeight="1" x14ac:dyDescent="0.15">
      <c r="AR43154" s="9" ph="1"/>
    </row>
    <row r="43155" spans="44:44" ht="15.75" customHeight="1" x14ac:dyDescent="0.15">
      <c r="AR43155" s="9" ph="1"/>
    </row>
    <row r="43156" spans="44:44" ht="15.75" customHeight="1" x14ac:dyDescent="0.15">
      <c r="AR43156" s="9" ph="1"/>
    </row>
    <row r="43157" spans="44:44" ht="15.75" customHeight="1" x14ac:dyDescent="0.15">
      <c r="AR43157" s="9" ph="1"/>
    </row>
    <row r="43158" spans="44:44" ht="15.75" customHeight="1" x14ac:dyDescent="0.15">
      <c r="AR43158" s="9" ph="1"/>
    </row>
    <row r="43159" spans="44:44" ht="15.75" customHeight="1" x14ac:dyDescent="0.15">
      <c r="AR43159" s="9" ph="1"/>
    </row>
    <row r="43160" spans="44:44" ht="15.75" customHeight="1" x14ac:dyDescent="0.15">
      <c r="AR43160" s="9" ph="1"/>
    </row>
    <row r="43161" spans="44:44" ht="15.75" customHeight="1" x14ac:dyDescent="0.15">
      <c r="AR43161" s="9" ph="1"/>
    </row>
    <row r="43162" spans="44:44" ht="15.75" customHeight="1" x14ac:dyDescent="0.15">
      <c r="AR43162" s="9" ph="1"/>
    </row>
    <row r="43163" spans="44:44" ht="15.75" customHeight="1" x14ac:dyDescent="0.15">
      <c r="AR43163" s="9" ph="1"/>
    </row>
    <row r="43164" spans="44:44" ht="15.75" customHeight="1" x14ac:dyDescent="0.15">
      <c r="AR43164" s="9" ph="1"/>
    </row>
    <row r="43165" spans="44:44" ht="15.75" customHeight="1" x14ac:dyDescent="0.15">
      <c r="AR43165" s="9" ph="1"/>
    </row>
    <row r="43166" spans="44:44" ht="15.75" customHeight="1" x14ac:dyDescent="0.15">
      <c r="AR43166" s="9" ph="1"/>
    </row>
    <row r="43167" spans="44:44" ht="15.75" customHeight="1" x14ac:dyDescent="0.15">
      <c r="AR43167" s="9" ph="1"/>
    </row>
    <row r="43168" spans="44:44" ht="15.75" customHeight="1" x14ac:dyDescent="0.15">
      <c r="AR43168" s="9" ph="1"/>
    </row>
    <row r="43169" spans="44:44" ht="15.75" customHeight="1" x14ac:dyDescent="0.15">
      <c r="AR43169" s="9" ph="1"/>
    </row>
    <row r="43170" spans="44:44" ht="15.75" customHeight="1" x14ac:dyDescent="0.15">
      <c r="AR43170" s="9" ph="1"/>
    </row>
    <row r="43171" spans="44:44" ht="15.75" customHeight="1" x14ac:dyDescent="0.15">
      <c r="AR43171" s="9" ph="1"/>
    </row>
    <row r="43172" spans="44:44" ht="15.75" customHeight="1" x14ac:dyDescent="0.15">
      <c r="AR43172" s="9" ph="1"/>
    </row>
    <row r="43173" spans="44:44" ht="15.75" customHeight="1" x14ac:dyDescent="0.15">
      <c r="AR43173" s="9" ph="1"/>
    </row>
    <row r="43174" spans="44:44" ht="15.75" customHeight="1" x14ac:dyDescent="0.15">
      <c r="AR43174" s="9" ph="1"/>
    </row>
    <row r="43175" spans="44:44" ht="15.75" customHeight="1" x14ac:dyDescent="0.15">
      <c r="AR43175" s="9" ph="1"/>
    </row>
    <row r="43176" spans="44:44" ht="15.75" customHeight="1" x14ac:dyDescent="0.15">
      <c r="AR43176" s="9" ph="1"/>
    </row>
    <row r="43177" spans="44:44" ht="15.75" customHeight="1" x14ac:dyDescent="0.15">
      <c r="AR43177" s="9" ph="1"/>
    </row>
    <row r="43178" spans="44:44" ht="15.75" customHeight="1" x14ac:dyDescent="0.15">
      <c r="AR43178" s="9" ph="1"/>
    </row>
    <row r="43179" spans="44:44" ht="15.75" customHeight="1" x14ac:dyDescent="0.15">
      <c r="AR43179" s="9" ph="1"/>
    </row>
    <row r="43180" spans="44:44" ht="15.75" customHeight="1" x14ac:dyDescent="0.15">
      <c r="AR43180" s="9" ph="1"/>
    </row>
    <row r="43181" spans="44:44" ht="15.75" customHeight="1" x14ac:dyDescent="0.15">
      <c r="AR43181" s="9" ph="1"/>
    </row>
    <row r="43182" spans="44:44" ht="15.75" customHeight="1" x14ac:dyDescent="0.15">
      <c r="AR43182" s="9" ph="1"/>
    </row>
    <row r="43183" spans="44:44" ht="15.75" customHeight="1" x14ac:dyDescent="0.15">
      <c r="AR43183" s="9" ph="1"/>
    </row>
    <row r="43184" spans="44:44" ht="15.75" customHeight="1" x14ac:dyDescent="0.15">
      <c r="AR43184" s="9" ph="1"/>
    </row>
    <row r="43185" spans="44:44" ht="15.75" customHeight="1" x14ac:dyDescent="0.15">
      <c r="AR43185" s="9" ph="1"/>
    </row>
    <row r="43186" spans="44:44" ht="15.75" customHeight="1" x14ac:dyDescent="0.15">
      <c r="AR43186" s="9" ph="1"/>
    </row>
    <row r="43187" spans="44:44" ht="15.75" customHeight="1" x14ac:dyDescent="0.15">
      <c r="AR43187" s="9" ph="1"/>
    </row>
    <row r="43188" spans="44:44" ht="15.75" customHeight="1" x14ac:dyDescent="0.15">
      <c r="AR43188" s="9" ph="1"/>
    </row>
    <row r="43189" spans="44:44" ht="15.75" customHeight="1" x14ac:dyDescent="0.15">
      <c r="AR43189" s="9" ph="1"/>
    </row>
    <row r="43190" spans="44:44" ht="15.75" customHeight="1" x14ac:dyDescent="0.15">
      <c r="AR43190" s="9" ph="1"/>
    </row>
    <row r="43191" spans="44:44" ht="15.75" customHeight="1" x14ac:dyDescent="0.15">
      <c r="AR43191" s="9" ph="1"/>
    </row>
    <row r="43192" spans="44:44" ht="15.75" customHeight="1" x14ac:dyDescent="0.15">
      <c r="AR43192" s="9" ph="1"/>
    </row>
    <row r="43193" spans="44:44" ht="15.75" customHeight="1" x14ac:dyDescent="0.15">
      <c r="AR43193" s="9" ph="1"/>
    </row>
    <row r="43194" spans="44:44" ht="15.75" customHeight="1" x14ac:dyDescent="0.15">
      <c r="AR43194" s="9" ph="1"/>
    </row>
    <row r="43195" spans="44:44" ht="15.75" customHeight="1" x14ac:dyDescent="0.15">
      <c r="AR43195" s="9" ph="1"/>
    </row>
    <row r="43196" spans="44:44" ht="15.75" customHeight="1" x14ac:dyDescent="0.15">
      <c r="AR43196" s="9" ph="1"/>
    </row>
    <row r="43197" spans="44:44" ht="15.75" customHeight="1" x14ac:dyDescent="0.15">
      <c r="AR43197" s="9" ph="1"/>
    </row>
    <row r="43198" spans="44:44" ht="15.75" customHeight="1" x14ac:dyDescent="0.15">
      <c r="AR43198" s="9" ph="1"/>
    </row>
    <row r="43199" spans="44:44" ht="15.75" customHeight="1" x14ac:dyDescent="0.15">
      <c r="AR43199" s="9" ph="1"/>
    </row>
    <row r="43200" spans="44:44" ht="15.75" customHeight="1" x14ac:dyDescent="0.15">
      <c r="AR43200" s="9" ph="1"/>
    </row>
    <row r="43201" spans="44:44" ht="15.75" customHeight="1" x14ac:dyDescent="0.15">
      <c r="AR43201" s="9" ph="1"/>
    </row>
    <row r="43202" spans="44:44" ht="15.75" customHeight="1" x14ac:dyDescent="0.15">
      <c r="AR43202" s="9" ph="1"/>
    </row>
    <row r="43203" spans="44:44" ht="15.75" customHeight="1" x14ac:dyDescent="0.15">
      <c r="AR43203" s="9" ph="1"/>
    </row>
    <row r="43204" spans="44:44" ht="15.75" customHeight="1" x14ac:dyDescent="0.15">
      <c r="AR43204" s="9" ph="1"/>
    </row>
    <row r="43205" spans="44:44" ht="15.75" customHeight="1" x14ac:dyDescent="0.15">
      <c r="AR43205" s="9" ph="1"/>
    </row>
    <row r="43206" spans="44:44" ht="15.75" customHeight="1" x14ac:dyDescent="0.15">
      <c r="AR43206" s="9" ph="1"/>
    </row>
    <row r="43207" spans="44:44" ht="15.75" customHeight="1" x14ac:dyDescent="0.15">
      <c r="AR43207" s="9" ph="1"/>
    </row>
    <row r="43208" spans="44:44" ht="15.75" customHeight="1" x14ac:dyDescent="0.15">
      <c r="AR43208" s="9" ph="1"/>
    </row>
    <row r="43209" spans="44:44" ht="15.75" customHeight="1" x14ac:dyDescent="0.15">
      <c r="AR43209" s="9" ph="1"/>
    </row>
    <row r="43210" spans="44:44" ht="15.75" customHeight="1" x14ac:dyDescent="0.15">
      <c r="AR43210" s="9" ph="1"/>
    </row>
    <row r="43211" spans="44:44" ht="15.75" customHeight="1" x14ac:dyDescent="0.15">
      <c r="AR43211" s="9" ph="1"/>
    </row>
    <row r="43212" spans="44:44" ht="15.75" customHeight="1" x14ac:dyDescent="0.15">
      <c r="AR43212" s="9" ph="1"/>
    </row>
    <row r="43213" spans="44:44" ht="15.75" customHeight="1" x14ac:dyDescent="0.15">
      <c r="AR43213" s="9" ph="1"/>
    </row>
    <row r="43214" spans="44:44" ht="15.75" customHeight="1" x14ac:dyDescent="0.15">
      <c r="AR43214" s="9" ph="1"/>
    </row>
    <row r="43215" spans="44:44" ht="15.75" customHeight="1" x14ac:dyDescent="0.15">
      <c r="AR43215" s="9" ph="1"/>
    </row>
    <row r="43216" spans="44:44" ht="15.75" customHeight="1" x14ac:dyDescent="0.15">
      <c r="AR43216" s="9" ph="1"/>
    </row>
    <row r="43217" spans="44:44" ht="15.75" customHeight="1" x14ac:dyDescent="0.15">
      <c r="AR43217" s="9" ph="1"/>
    </row>
    <row r="43218" spans="44:44" ht="15.75" customHeight="1" x14ac:dyDescent="0.15">
      <c r="AR43218" s="9" ph="1"/>
    </row>
    <row r="43219" spans="44:44" ht="15.75" customHeight="1" x14ac:dyDescent="0.15">
      <c r="AR43219" s="9" ph="1"/>
    </row>
    <row r="43220" spans="44:44" ht="15.75" customHeight="1" x14ac:dyDescent="0.15">
      <c r="AR43220" s="9" ph="1"/>
    </row>
    <row r="43221" spans="44:44" ht="15.75" customHeight="1" x14ac:dyDescent="0.15">
      <c r="AR43221" s="9" ph="1"/>
    </row>
    <row r="43222" spans="44:44" ht="15.75" customHeight="1" x14ac:dyDescent="0.15">
      <c r="AR43222" s="9" ph="1"/>
    </row>
    <row r="43223" spans="44:44" ht="15.75" customHeight="1" x14ac:dyDescent="0.15">
      <c r="AR43223" s="9" ph="1"/>
    </row>
    <row r="43224" spans="44:44" ht="15.75" customHeight="1" x14ac:dyDescent="0.15">
      <c r="AR43224" s="9" ph="1"/>
    </row>
    <row r="43226" spans="44:44" ht="15.75" customHeight="1" x14ac:dyDescent="0.15">
      <c r="AR43226" s="9" ph="1"/>
    </row>
    <row r="43227" spans="44:44" ht="15.75" customHeight="1" x14ac:dyDescent="0.15">
      <c r="AR43227" s="9" ph="1"/>
    </row>
    <row r="43228" spans="44:44" ht="15.75" customHeight="1" x14ac:dyDescent="0.15">
      <c r="AR43228" s="9" ph="1"/>
    </row>
    <row r="43229" spans="44:44" ht="15.75" customHeight="1" x14ac:dyDescent="0.15">
      <c r="AR43229" s="9" ph="1"/>
    </row>
    <row r="43230" spans="44:44" ht="15.75" customHeight="1" x14ac:dyDescent="0.15">
      <c r="AR43230" s="9" ph="1"/>
    </row>
    <row r="43231" spans="44:44" ht="15.75" customHeight="1" x14ac:dyDescent="0.15">
      <c r="AR43231" s="9" ph="1"/>
    </row>
    <row r="43232" spans="44:44" ht="15.75" customHeight="1" x14ac:dyDescent="0.15">
      <c r="AR43232" s="9" ph="1"/>
    </row>
    <row r="43233" spans="44:44" ht="15.75" customHeight="1" x14ac:dyDescent="0.15">
      <c r="AR43233" s="9" ph="1"/>
    </row>
    <row r="43234" spans="44:44" ht="15.75" customHeight="1" x14ac:dyDescent="0.15">
      <c r="AR43234" s="9" ph="1"/>
    </row>
    <row r="43235" spans="44:44" ht="15.75" customHeight="1" x14ac:dyDescent="0.15">
      <c r="AR43235" s="9" ph="1"/>
    </row>
    <row r="43236" spans="44:44" ht="15.75" customHeight="1" x14ac:dyDescent="0.15">
      <c r="AR43236" s="9" ph="1"/>
    </row>
    <row r="43237" spans="44:44" ht="15.75" customHeight="1" x14ac:dyDescent="0.15">
      <c r="AR43237" s="9" ph="1"/>
    </row>
    <row r="43238" spans="44:44" ht="15.75" customHeight="1" x14ac:dyDescent="0.15">
      <c r="AR43238" s="9" ph="1"/>
    </row>
    <row r="43239" spans="44:44" ht="15.75" customHeight="1" x14ac:dyDescent="0.15">
      <c r="AR43239" s="9" ph="1"/>
    </row>
    <row r="43240" spans="44:44" ht="15.75" customHeight="1" x14ac:dyDescent="0.15">
      <c r="AR43240" s="9" ph="1"/>
    </row>
    <row r="43242" spans="44:44" ht="15.75" customHeight="1" x14ac:dyDescent="0.15">
      <c r="AR43242" s="9" ph="1"/>
    </row>
    <row r="43243" spans="44:44" ht="15.75" customHeight="1" x14ac:dyDescent="0.15">
      <c r="AR43243" s="9" ph="1"/>
    </row>
    <row r="43244" spans="44:44" ht="15.75" customHeight="1" x14ac:dyDescent="0.15">
      <c r="AR43244" s="9" ph="1"/>
    </row>
    <row r="43245" spans="44:44" ht="15.75" customHeight="1" x14ac:dyDescent="0.15">
      <c r="AR43245" s="9" ph="1"/>
    </row>
    <row r="43246" spans="44:44" ht="15.75" customHeight="1" x14ac:dyDescent="0.15">
      <c r="AR43246" s="9" ph="1"/>
    </row>
    <row r="43247" spans="44:44" ht="15.75" customHeight="1" x14ac:dyDescent="0.15">
      <c r="AR43247" s="9" ph="1"/>
    </row>
    <row r="43248" spans="44:44" ht="15.75" customHeight="1" x14ac:dyDescent="0.15">
      <c r="AR43248" s="9" ph="1"/>
    </row>
    <row r="43249" spans="44:44" ht="15.75" customHeight="1" x14ac:dyDescent="0.15">
      <c r="AR43249" s="9" ph="1"/>
    </row>
    <row r="43250" spans="44:44" ht="15.75" customHeight="1" x14ac:dyDescent="0.15">
      <c r="AR43250" s="9" ph="1"/>
    </row>
    <row r="43251" spans="44:44" ht="15.75" customHeight="1" x14ac:dyDescent="0.15">
      <c r="AR43251" s="9" ph="1"/>
    </row>
    <row r="43253" spans="44:44" ht="15.75" customHeight="1" x14ac:dyDescent="0.15">
      <c r="AR43253" s="9" ph="1"/>
    </row>
    <row r="43254" spans="44:44" ht="15.75" customHeight="1" x14ac:dyDescent="0.15">
      <c r="AR43254" s="9" ph="1"/>
    </row>
    <row r="43255" spans="44:44" ht="15.75" customHeight="1" x14ac:dyDescent="0.15">
      <c r="AR43255" s="9" ph="1"/>
    </row>
    <row r="43256" spans="44:44" ht="15.75" customHeight="1" x14ac:dyDescent="0.15">
      <c r="AR43256" s="9" ph="1"/>
    </row>
    <row r="43257" spans="44:44" ht="15.75" customHeight="1" x14ac:dyDescent="0.15">
      <c r="AR43257" s="9" ph="1"/>
    </row>
    <row r="43258" spans="44:44" ht="15.75" customHeight="1" x14ac:dyDescent="0.15">
      <c r="AR43258" s="9" ph="1"/>
    </row>
    <row r="43259" spans="44:44" ht="15.75" customHeight="1" x14ac:dyDescent="0.15">
      <c r="AR43259" s="9" ph="1"/>
    </row>
    <row r="43260" spans="44:44" ht="15.75" customHeight="1" x14ac:dyDescent="0.15">
      <c r="AR43260" s="9" ph="1"/>
    </row>
    <row r="43261" spans="44:44" ht="15.75" customHeight="1" x14ac:dyDescent="0.15">
      <c r="AR43261" s="9" ph="1"/>
    </row>
    <row r="43262" spans="44:44" ht="15.75" customHeight="1" x14ac:dyDescent="0.15">
      <c r="AR43262" s="9" ph="1"/>
    </row>
    <row r="43263" spans="44:44" ht="15.75" customHeight="1" x14ac:dyDescent="0.15">
      <c r="AR43263" s="9" ph="1"/>
    </row>
    <row r="43264" spans="44:44" ht="15.75" customHeight="1" x14ac:dyDescent="0.15">
      <c r="AR43264" s="9" ph="1"/>
    </row>
    <row r="43265" spans="44:44" ht="15.75" customHeight="1" x14ac:dyDescent="0.15">
      <c r="AR43265" s="9" ph="1"/>
    </row>
    <row r="43266" spans="44:44" ht="15.75" customHeight="1" x14ac:dyDescent="0.15">
      <c r="AR43266" s="9" ph="1"/>
    </row>
    <row r="43268" spans="44:44" ht="15.75" customHeight="1" x14ac:dyDescent="0.15">
      <c r="AR43268" s="9" ph="1"/>
    </row>
    <row r="43269" spans="44:44" ht="15.75" customHeight="1" x14ac:dyDescent="0.15">
      <c r="AR43269" s="9" ph="1"/>
    </row>
    <row r="43270" spans="44:44" ht="15.75" customHeight="1" x14ac:dyDescent="0.15">
      <c r="AR43270" s="9" ph="1"/>
    </row>
    <row r="43271" spans="44:44" ht="15.75" customHeight="1" x14ac:dyDescent="0.15">
      <c r="AR43271" s="9" ph="1"/>
    </row>
    <row r="43272" spans="44:44" ht="15.75" customHeight="1" x14ac:dyDescent="0.15">
      <c r="AR43272" s="9" ph="1"/>
    </row>
    <row r="43273" spans="44:44" ht="15.75" customHeight="1" x14ac:dyDescent="0.15">
      <c r="AR43273" s="9" ph="1"/>
    </row>
    <row r="43274" spans="44:44" ht="15.75" customHeight="1" x14ac:dyDescent="0.15">
      <c r="AR43274" s="9" ph="1"/>
    </row>
    <row r="43275" spans="44:44" ht="15.75" customHeight="1" x14ac:dyDescent="0.15">
      <c r="AR43275" s="9" ph="1"/>
    </row>
    <row r="43276" spans="44:44" ht="15.75" customHeight="1" x14ac:dyDescent="0.15">
      <c r="AR43276" s="9" ph="1"/>
    </row>
    <row r="43277" spans="44:44" ht="15.75" customHeight="1" x14ac:dyDescent="0.15">
      <c r="AR43277" s="9" ph="1"/>
    </row>
    <row r="43278" spans="44:44" ht="15.75" customHeight="1" x14ac:dyDescent="0.15">
      <c r="AR43278" s="9" ph="1"/>
    </row>
    <row r="43279" spans="44:44" ht="15.75" customHeight="1" x14ac:dyDescent="0.15">
      <c r="AR43279" s="9" ph="1"/>
    </row>
    <row r="43280" spans="44:44" ht="15.75" customHeight="1" x14ac:dyDescent="0.15">
      <c r="AR43280" s="9" ph="1"/>
    </row>
    <row r="43281" spans="44:44" ht="15.75" customHeight="1" x14ac:dyDescent="0.15">
      <c r="AR43281" s="9" ph="1"/>
    </row>
    <row r="43282" spans="44:44" ht="15.75" customHeight="1" x14ac:dyDescent="0.15">
      <c r="AR43282" s="9" ph="1"/>
    </row>
    <row r="43284" spans="44:44" ht="15.75" customHeight="1" x14ac:dyDescent="0.15">
      <c r="AR43284" s="9" ph="1"/>
    </row>
    <row r="43285" spans="44:44" ht="15.75" customHeight="1" x14ac:dyDescent="0.15">
      <c r="AR43285" s="9" ph="1"/>
    </row>
    <row r="43286" spans="44:44" ht="15.75" customHeight="1" x14ac:dyDescent="0.15">
      <c r="AR43286" s="9" ph="1"/>
    </row>
    <row r="43287" spans="44:44" ht="15.75" customHeight="1" x14ac:dyDescent="0.15">
      <c r="AR43287" s="9" ph="1"/>
    </row>
    <row r="43288" spans="44:44" ht="15.75" customHeight="1" x14ac:dyDescent="0.15">
      <c r="AR43288" s="9" ph="1"/>
    </row>
    <row r="43289" spans="44:44" ht="15.75" customHeight="1" x14ac:dyDescent="0.15">
      <c r="AR43289" s="9" ph="1"/>
    </row>
    <row r="43290" spans="44:44" ht="15.75" customHeight="1" x14ac:dyDescent="0.15">
      <c r="AR43290" s="9" ph="1"/>
    </row>
    <row r="43291" spans="44:44" ht="15.75" customHeight="1" x14ac:dyDescent="0.15">
      <c r="AR43291" s="9" ph="1"/>
    </row>
    <row r="43292" spans="44:44" ht="15.75" customHeight="1" x14ac:dyDescent="0.15">
      <c r="AR43292" s="9" ph="1"/>
    </row>
    <row r="43293" spans="44:44" ht="15.75" customHeight="1" x14ac:dyDescent="0.15">
      <c r="AR43293" s="9" ph="1"/>
    </row>
    <row r="43295" spans="44:44" ht="15.75" customHeight="1" x14ac:dyDescent="0.15">
      <c r="AR43295" s="9" ph="1"/>
    </row>
    <row r="43296" spans="44:44" ht="15.75" customHeight="1" x14ac:dyDescent="0.15">
      <c r="AR43296" s="9" ph="1"/>
    </row>
    <row r="43297" spans="44:44" ht="15.75" customHeight="1" x14ac:dyDescent="0.15">
      <c r="AR43297" s="9" ph="1"/>
    </row>
    <row r="43298" spans="44:44" ht="15.75" customHeight="1" x14ac:dyDescent="0.15">
      <c r="AR43298" s="9" ph="1"/>
    </row>
    <row r="43299" spans="44:44" ht="15.75" customHeight="1" x14ac:dyDescent="0.15">
      <c r="AR43299" s="9" ph="1"/>
    </row>
    <row r="43300" spans="44:44" ht="15.75" customHeight="1" x14ac:dyDescent="0.15">
      <c r="AR43300" s="9" ph="1"/>
    </row>
    <row r="43301" spans="44:44" ht="15.75" customHeight="1" x14ac:dyDescent="0.15">
      <c r="AR43301" s="9" ph="1"/>
    </row>
    <row r="43302" spans="44:44" ht="15.75" customHeight="1" x14ac:dyDescent="0.15">
      <c r="AR43302" s="9" ph="1"/>
    </row>
    <row r="43303" spans="44:44" ht="15.75" customHeight="1" x14ac:dyDescent="0.15">
      <c r="AR43303" s="9" ph="1"/>
    </row>
    <row r="43304" spans="44:44" ht="15.75" customHeight="1" x14ac:dyDescent="0.15">
      <c r="AR43304" s="9" ph="1"/>
    </row>
    <row r="43305" spans="44:44" ht="15.75" customHeight="1" x14ac:dyDescent="0.15">
      <c r="AR43305" s="9" ph="1"/>
    </row>
    <row r="43306" spans="44:44" ht="15.75" customHeight="1" x14ac:dyDescent="0.15">
      <c r="AR43306" s="9" ph="1"/>
    </row>
    <row r="43307" spans="44:44" ht="15.75" customHeight="1" x14ac:dyDescent="0.15">
      <c r="AR43307" s="9" ph="1"/>
    </row>
    <row r="43308" spans="44:44" ht="15.75" customHeight="1" x14ac:dyDescent="0.15">
      <c r="AR43308" s="9" ph="1"/>
    </row>
    <row r="43309" spans="44:44" ht="15.75" customHeight="1" x14ac:dyDescent="0.15">
      <c r="AR43309" s="9" ph="1"/>
    </row>
    <row r="43310" spans="44:44" ht="15.75" customHeight="1" x14ac:dyDescent="0.15">
      <c r="AR43310" s="9" ph="1"/>
    </row>
    <row r="43311" spans="44:44" ht="15.75" customHeight="1" x14ac:dyDescent="0.15">
      <c r="AR43311" s="9" ph="1"/>
    </row>
    <row r="43312" spans="44:44" ht="15.75" customHeight="1" x14ac:dyDescent="0.15">
      <c r="AR43312" s="9" ph="1"/>
    </row>
    <row r="43313" spans="44:44" ht="15.75" customHeight="1" x14ac:dyDescent="0.15">
      <c r="AR43313" s="9" ph="1"/>
    </row>
    <row r="43314" spans="44:44" ht="15.75" customHeight="1" x14ac:dyDescent="0.15">
      <c r="AR43314" s="9" ph="1"/>
    </row>
    <row r="43315" spans="44:44" ht="15.75" customHeight="1" x14ac:dyDescent="0.15">
      <c r="AR43315" s="9" ph="1"/>
    </row>
    <row r="43316" spans="44:44" ht="15.75" customHeight="1" x14ac:dyDescent="0.15">
      <c r="AR43316" s="9" ph="1"/>
    </row>
    <row r="43317" spans="44:44" ht="15.75" customHeight="1" x14ac:dyDescent="0.15">
      <c r="AR43317" s="9" ph="1"/>
    </row>
    <row r="43318" spans="44:44" ht="15.75" customHeight="1" x14ac:dyDescent="0.15">
      <c r="AR43318" s="9" ph="1"/>
    </row>
    <row r="43319" spans="44:44" ht="15.75" customHeight="1" x14ac:dyDescent="0.15">
      <c r="AR43319" s="9" ph="1"/>
    </row>
    <row r="43321" spans="44:44" ht="15.75" customHeight="1" x14ac:dyDescent="0.15">
      <c r="AR43321" s="9" ph="1"/>
    </row>
    <row r="43322" spans="44:44" ht="15.75" customHeight="1" x14ac:dyDescent="0.15">
      <c r="AR43322" s="9" ph="1"/>
    </row>
    <row r="43323" spans="44:44" ht="15.75" customHeight="1" x14ac:dyDescent="0.15">
      <c r="AR43323" s="9" ph="1"/>
    </row>
    <row r="43324" spans="44:44" ht="15.75" customHeight="1" x14ac:dyDescent="0.15">
      <c r="AR43324" s="9" ph="1"/>
    </row>
    <row r="43325" spans="44:44" ht="15.75" customHeight="1" x14ac:dyDescent="0.15">
      <c r="AR43325" s="9" ph="1"/>
    </row>
    <row r="43326" spans="44:44" ht="15.75" customHeight="1" x14ac:dyDescent="0.15">
      <c r="AR43326" s="9" ph="1"/>
    </row>
    <row r="43327" spans="44:44" ht="15.75" customHeight="1" x14ac:dyDescent="0.15">
      <c r="AR43327" s="9" ph="1"/>
    </row>
    <row r="43328" spans="44:44" ht="15.75" customHeight="1" x14ac:dyDescent="0.15">
      <c r="AR43328" s="9" ph="1"/>
    </row>
    <row r="43329" spans="44:44" ht="15.75" customHeight="1" x14ac:dyDescent="0.15">
      <c r="AR43329" s="9" ph="1"/>
    </row>
    <row r="43330" spans="44:44" ht="15.75" customHeight="1" x14ac:dyDescent="0.15">
      <c r="AR43330" s="9" ph="1"/>
    </row>
    <row r="43331" spans="44:44" ht="15.75" customHeight="1" x14ac:dyDescent="0.15">
      <c r="AR43331" s="9" ph="1"/>
    </row>
    <row r="43332" spans="44:44" ht="15.75" customHeight="1" x14ac:dyDescent="0.15">
      <c r="AR43332" s="9" ph="1"/>
    </row>
    <row r="43333" spans="44:44" ht="15.75" customHeight="1" x14ac:dyDescent="0.15">
      <c r="AR43333" s="9" ph="1"/>
    </row>
    <row r="43334" spans="44:44" ht="15.75" customHeight="1" x14ac:dyDescent="0.15">
      <c r="AR43334" s="9" ph="1"/>
    </row>
    <row r="43335" spans="44:44" ht="15.75" customHeight="1" x14ac:dyDescent="0.15">
      <c r="AR43335" s="9" ph="1"/>
    </row>
    <row r="43337" spans="44:44" ht="15.75" customHeight="1" x14ac:dyDescent="0.15">
      <c r="AR43337" s="9" ph="1"/>
    </row>
    <row r="43338" spans="44:44" ht="15.75" customHeight="1" x14ac:dyDescent="0.15">
      <c r="AR43338" s="9" ph="1"/>
    </row>
    <row r="43339" spans="44:44" ht="15.75" customHeight="1" x14ac:dyDescent="0.15">
      <c r="AR43339" s="9" ph="1"/>
    </row>
    <row r="43340" spans="44:44" ht="15.75" customHeight="1" x14ac:dyDescent="0.15">
      <c r="AR43340" s="9" ph="1"/>
    </row>
    <row r="43341" spans="44:44" ht="15.75" customHeight="1" x14ac:dyDescent="0.15">
      <c r="AR43341" s="9" ph="1"/>
    </row>
    <row r="43342" spans="44:44" ht="15.75" customHeight="1" x14ac:dyDescent="0.15">
      <c r="AR43342" s="9" ph="1"/>
    </row>
    <row r="43343" spans="44:44" ht="15.75" customHeight="1" x14ac:dyDescent="0.15">
      <c r="AR43343" s="9" ph="1"/>
    </row>
    <row r="43344" spans="44:44" ht="15.75" customHeight="1" x14ac:dyDescent="0.15">
      <c r="AR43344" s="9" ph="1"/>
    </row>
    <row r="43345" spans="44:44" ht="15.75" customHeight="1" x14ac:dyDescent="0.15">
      <c r="AR43345" s="9" ph="1"/>
    </row>
    <row r="43346" spans="44:44" ht="15.75" customHeight="1" x14ac:dyDescent="0.15">
      <c r="AR43346" s="9" ph="1"/>
    </row>
    <row r="43348" spans="44:44" ht="15.75" customHeight="1" x14ac:dyDescent="0.15">
      <c r="AR43348" s="9" ph="1"/>
    </row>
    <row r="43349" spans="44:44" ht="15.75" customHeight="1" x14ac:dyDescent="0.15">
      <c r="AR43349" s="9" ph="1"/>
    </row>
    <row r="43350" spans="44:44" ht="15.75" customHeight="1" x14ac:dyDescent="0.15">
      <c r="AR43350" s="9" ph="1"/>
    </row>
    <row r="43351" spans="44:44" ht="15.75" customHeight="1" x14ac:dyDescent="0.15">
      <c r="AR43351" s="9" ph="1"/>
    </row>
    <row r="43352" spans="44:44" ht="15.75" customHeight="1" x14ac:dyDescent="0.15">
      <c r="AR43352" s="9" ph="1"/>
    </row>
    <row r="43353" spans="44:44" ht="15.75" customHeight="1" x14ac:dyDescent="0.15">
      <c r="AR43353" s="9" ph="1"/>
    </row>
    <row r="43354" spans="44:44" ht="15.75" customHeight="1" x14ac:dyDescent="0.15">
      <c r="AR43354" s="9" ph="1"/>
    </row>
    <row r="43355" spans="44:44" ht="15.75" customHeight="1" x14ac:dyDescent="0.15">
      <c r="AR43355" s="9" ph="1"/>
    </row>
    <row r="43356" spans="44:44" ht="15.75" customHeight="1" x14ac:dyDescent="0.15">
      <c r="AR43356" s="9" ph="1"/>
    </row>
    <row r="43357" spans="44:44" ht="15.75" customHeight="1" x14ac:dyDescent="0.15">
      <c r="AR43357" s="9" ph="1"/>
    </row>
    <row r="43358" spans="44:44" ht="15.75" customHeight="1" x14ac:dyDescent="0.15">
      <c r="AR43358" s="9" ph="1"/>
    </row>
    <row r="43359" spans="44:44" ht="15.75" customHeight="1" x14ac:dyDescent="0.15">
      <c r="AR43359" s="9" ph="1"/>
    </row>
    <row r="43360" spans="44:44" ht="15.75" customHeight="1" x14ac:dyDescent="0.15">
      <c r="AR43360" s="9" ph="1"/>
    </row>
    <row r="43361" spans="44:44" ht="15.75" customHeight="1" x14ac:dyDescent="0.15">
      <c r="AR43361" s="9" ph="1"/>
    </row>
    <row r="43362" spans="44:44" ht="15.75" customHeight="1" x14ac:dyDescent="0.15">
      <c r="AR43362" s="9" ph="1"/>
    </row>
    <row r="43363" spans="44:44" ht="15.75" customHeight="1" x14ac:dyDescent="0.15">
      <c r="AR43363" s="9" ph="1"/>
    </row>
    <row r="43364" spans="44:44" ht="15.75" customHeight="1" x14ac:dyDescent="0.15">
      <c r="AR43364" s="9" ph="1"/>
    </row>
    <row r="43365" spans="44:44" ht="15.75" customHeight="1" x14ac:dyDescent="0.15">
      <c r="AR43365" s="9" ph="1"/>
    </row>
    <row r="43366" spans="44:44" ht="15.75" customHeight="1" x14ac:dyDescent="0.15">
      <c r="AR43366" s="9" ph="1"/>
    </row>
    <row r="43367" spans="44:44" ht="15.75" customHeight="1" x14ac:dyDescent="0.15">
      <c r="AR43367" s="9" ph="1"/>
    </row>
    <row r="43368" spans="44:44" ht="15.75" customHeight="1" x14ac:dyDescent="0.15">
      <c r="AR43368" s="9" ph="1"/>
    </row>
    <row r="43369" spans="44:44" ht="15.75" customHeight="1" x14ac:dyDescent="0.15">
      <c r="AR43369" s="9" ph="1"/>
    </row>
    <row r="43370" spans="44:44" ht="15.75" customHeight="1" x14ac:dyDescent="0.15">
      <c r="AR43370" s="9" ph="1"/>
    </row>
    <row r="43371" spans="44:44" ht="15.75" customHeight="1" x14ac:dyDescent="0.15">
      <c r="AR43371" s="9" ph="1"/>
    </row>
    <row r="43372" spans="44:44" ht="15.75" customHeight="1" x14ac:dyDescent="0.15">
      <c r="AR43372" s="9" ph="1"/>
    </row>
    <row r="43374" spans="44:44" ht="15.75" customHeight="1" x14ac:dyDescent="0.15">
      <c r="AR43374" s="9" ph="1"/>
    </row>
    <row r="43375" spans="44:44" ht="15.75" customHeight="1" x14ac:dyDescent="0.15">
      <c r="AR43375" s="9" ph="1"/>
    </row>
    <row r="43376" spans="44:44" ht="15.75" customHeight="1" x14ac:dyDescent="0.15">
      <c r="AR43376" s="9" ph="1"/>
    </row>
    <row r="43377" spans="44:44" ht="15.75" customHeight="1" x14ac:dyDescent="0.15">
      <c r="AR43377" s="9" ph="1"/>
    </row>
    <row r="43378" spans="44:44" ht="15.75" customHeight="1" x14ac:dyDescent="0.15">
      <c r="AR43378" s="9" ph="1"/>
    </row>
    <row r="43379" spans="44:44" ht="15.75" customHeight="1" x14ac:dyDescent="0.15">
      <c r="AR43379" s="9" ph="1"/>
    </row>
    <row r="43380" spans="44:44" ht="15.75" customHeight="1" x14ac:dyDescent="0.15">
      <c r="AR43380" s="9" ph="1"/>
    </row>
    <row r="43381" spans="44:44" ht="15.75" customHeight="1" x14ac:dyDescent="0.15">
      <c r="AR43381" s="9" ph="1"/>
    </row>
    <row r="43382" spans="44:44" ht="15.75" customHeight="1" x14ac:dyDescent="0.15">
      <c r="AR43382" s="9" ph="1"/>
    </row>
    <row r="43383" spans="44:44" ht="15.75" customHeight="1" x14ac:dyDescent="0.15">
      <c r="AR43383" s="9" ph="1"/>
    </row>
    <row r="43384" spans="44:44" ht="15.75" customHeight="1" x14ac:dyDescent="0.15">
      <c r="AR43384" s="9" ph="1"/>
    </row>
    <row r="43385" spans="44:44" ht="15.75" customHeight="1" x14ac:dyDescent="0.15">
      <c r="AR43385" s="9" ph="1"/>
    </row>
    <row r="43386" spans="44:44" ht="15.75" customHeight="1" x14ac:dyDescent="0.15">
      <c r="AR43386" s="9" ph="1"/>
    </row>
    <row r="43387" spans="44:44" ht="15.75" customHeight="1" x14ac:dyDescent="0.15">
      <c r="AR43387" s="9" ph="1"/>
    </row>
    <row r="43388" spans="44:44" ht="15.75" customHeight="1" x14ac:dyDescent="0.15">
      <c r="AR43388" s="9" ph="1"/>
    </row>
    <row r="43390" spans="44:44" ht="15.75" customHeight="1" x14ac:dyDescent="0.15">
      <c r="AR43390" s="9" ph="1"/>
    </row>
    <row r="43391" spans="44:44" ht="15.75" customHeight="1" x14ac:dyDescent="0.15">
      <c r="AR43391" s="9" ph="1"/>
    </row>
    <row r="43392" spans="44:44" ht="15.75" customHeight="1" x14ac:dyDescent="0.15">
      <c r="AR43392" s="9" ph="1"/>
    </row>
    <row r="43393" spans="44:44" ht="15.75" customHeight="1" x14ac:dyDescent="0.15">
      <c r="AR43393" s="9" ph="1"/>
    </row>
    <row r="43394" spans="44:44" ht="15.75" customHeight="1" x14ac:dyDescent="0.15">
      <c r="AR43394" s="9" ph="1"/>
    </row>
    <row r="43395" spans="44:44" ht="15.75" customHeight="1" x14ac:dyDescent="0.15">
      <c r="AR43395" s="9" ph="1"/>
    </row>
    <row r="43396" spans="44:44" ht="15.75" customHeight="1" x14ac:dyDescent="0.15">
      <c r="AR43396" s="9" ph="1"/>
    </row>
    <row r="43397" spans="44:44" ht="15.75" customHeight="1" x14ac:dyDescent="0.15">
      <c r="AR43397" s="9" ph="1"/>
    </row>
    <row r="43398" spans="44:44" ht="15.75" customHeight="1" x14ac:dyDescent="0.15">
      <c r="AR43398" s="9" ph="1"/>
    </row>
    <row r="43399" spans="44:44" ht="15.75" customHeight="1" x14ac:dyDescent="0.15">
      <c r="AR43399" s="9" ph="1"/>
    </row>
    <row r="43401" spans="44:44" ht="15.75" customHeight="1" x14ac:dyDescent="0.15">
      <c r="AR43401" s="9" ph="1"/>
    </row>
    <row r="43402" spans="44:44" ht="15.75" customHeight="1" x14ac:dyDescent="0.15">
      <c r="AR43402" s="9" ph="1"/>
    </row>
    <row r="43403" spans="44:44" ht="15.75" customHeight="1" x14ac:dyDescent="0.15">
      <c r="AR43403" s="9" ph="1"/>
    </row>
    <row r="43404" spans="44:44" ht="15.75" customHeight="1" x14ac:dyDescent="0.15">
      <c r="AR43404" s="9" ph="1"/>
    </row>
    <row r="43405" spans="44:44" ht="15.75" customHeight="1" x14ac:dyDescent="0.15">
      <c r="AR43405" s="9" ph="1"/>
    </row>
    <row r="43406" spans="44:44" ht="15.75" customHeight="1" x14ac:dyDescent="0.15">
      <c r="AR43406" s="9" ph="1"/>
    </row>
    <row r="43407" spans="44:44" ht="15.75" customHeight="1" x14ac:dyDescent="0.15">
      <c r="AR43407" s="9" ph="1"/>
    </row>
    <row r="43408" spans="44:44" ht="15.75" customHeight="1" x14ac:dyDescent="0.15">
      <c r="AR43408" s="9" ph="1"/>
    </row>
    <row r="43409" spans="44:44" ht="15.75" customHeight="1" x14ac:dyDescent="0.15">
      <c r="AR43409" s="9" ph="1"/>
    </row>
    <row r="43410" spans="44:44" ht="15.75" customHeight="1" x14ac:dyDescent="0.15">
      <c r="AR43410" s="9" ph="1"/>
    </row>
    <row r="43411" spans="44:44" ht="15.75" customHeight="1" x14ac:dyDescent="0.15">
      <c r="AR43411" s="9" ph="1"/>
    </row>
    <row r="43412" spans="44:44" ht="15.75" customHeight="1" x14ac:dyDescent="0.15">
      <c r="AR43412" s="9" ph="1"/>
    </row>
    <row r="43413" spans="44:44" ht="15.75" customHeight="1" x14ac:dyDescent="0.15">
      <c r="AR43413" s="9" ph="1"/>
    </row>
    <row r="43414" spans="44:44" ht="15.75" customHeight="1" x14ac:dyDescent="0.15">
      <c r="AR43414" s="9" ph="1"/>
    </row>
    <row r="43415" spans="44:44" ht="15.75" customHeight="1" x14ac:dyDescent="0.15">
      <c r="AR43415" s="9" ph="1"/>
    </row>
    <row r="43416" spans="44:44" ht="15.75" customHeight="1" x14ac:dyDescent="0.15">
      <c r="AR43416" s="9" ph="1"/>
    </row>
    <row r="43417" spans="44:44" ht="15.75" customHeight="1" x14ac:dyDescent="0.15">
      <c r="AR43417" s="9" ph="1"/>
    </row>
    <row r="43418" spans="44:44" ht="15.75" customHeight="1" x14ac:dyDescent="0.15">
      <c r="AR43418" s="9" ph="1"/>
    </row>
    <row r="43420" spans="44:44" ht="15.75" customHeight="1" x14ac:dyDescent="0.15">
      <c r="AR43420" s="9" ph="1"/>
    </row>
    <row r="43421" spans="44:44" ht="15.75" customHeight="1" x14ac:dyDescent="0.15">
      <c r="AR43421" s="9" ph="1"/>
    </row>
    <row r="43422" spans="44:44" ht="15.75" customHeight="1" x14ac:dyDescent="0.15">
      <c r="AR43422" s="9" ph="1"/>
    </row>
    <row r="43423" spans="44:44" ht="15.75" customHeight="1" x14ac:dyDescent="0.15">
      <c r="AR43423" s="9" ph="1"/>
    </row>
    <row r="43424" spans="44:44" ht="15.75" customHeight="1" x14ac:dyDescent="0.15">
      <c r="AR43424" s="9" ph="1"/>
    </row>
    <row r="43425" spans="44:44" ht="15.75" customHeight="1" x14ac:dyDescent="0.15">
      <c r="AR43425" s="9" ph="1"/>
    </row>
    <row r="43426" spans="44:44" ht="15.75" customHeight="1" x14ac:dyDescent="0.15">
      <c r="AR43426" s="9" ph="1"/>
    </row>
    <row r="43427" spans="44:44" ht="15.75" customHeight="1" x14ac:dyDescent="0.15">
      <c r="AR43427" s="9" ph="1"/>
    </row>
    <row r="43428" spans="44:44" ht="15.75" customHeight="1" x14ac:dyDescent="0.15">
      <c r="AR43428" s="9" ph="1"/>
    </row>
    <row r="43429" spans="44:44" ht="15.75" customHeight="1" x14ac:dyDescent="0.15">
      <c r="AR43429" s="9" ph="1"/>
    </row>
    <row r="43430" spans="44:44" ht="15.75" customHeight="1" x14ac:dyDescent="0.15">
      <c r="AR43430" s="9" ph="1"/>
    </row>
    <row r="43431" spans="44:44" ht="15.75" customHeight="1" x14ac:dyDescent="0.15">
      <c r="AR43431" s="9" ph="1"/>
    </row>
    <row r="43432" spans="44:44" ht="15.75" customHeight="1" x14ac:dyDescent="0.15">
      <c r="AR43432" s="9" ph="1"/>
    </row>
    <row r="43433" spans="44:44" ht="15.75" customHeight="1" x14ac:dyDescent="0.15">
      <c r="AR43433" s="9" ph="1"/>
    </row>
    <row r="43434" spans="44:44" ht="15.75" customHeight="1" x14ac:dyDescent="0.15">
      <c r="AR43434" s="9" ph="1"/>
    </row>
    <row r="43435" spans="44:44" ht="15.75" customHeight="1" x14ac:dyDescent="0.15">
      <c r="AR43435" s="9" ph="1"/>
    </row>
    <row r="43436" spans="44:44" ht="15.75" customHeight="1" x14ac:dyDescent="0.15">
      <c r="AR43436" s="9" ph="1"/>
    </row>
    <row r="43437" spans="44:44" ht="15.75" customHeight="1" x14ac:dyDescent="0.15">
      <c r="AR43437" s="9" ph="1"/>
    </row>
    <row r="43438" spans="44:44" ht="15.75" customHeight="1" x14ac:dyDescent="0.15">
      <c r="AR43438" s="9" ph="1"/>
    </row>
    <row r="43439" spans="44:44" ht="15.75" customHeight="1" x14ac:dyDescent="0.15">
      <c r="AR43439" s="9" ph="1"/>
    </row>
    <row r="43440" spans="44:44" ht="15.75" customHeight="1" x14ac:dyDescent="0.15">
      <c r="AR43440" s="9" ph="1"/>
    </row>
    <row r="43441" spans="44:44" ht="15.75" customHeight="1" x14ac:dyDescent="0.15">
      <c r="AR43441" s="9" ph="1"/>
    </row>
    <row r="43442" spans="44:44" ht="15.75" customHeight="1" x14ac:dyDescent="0.15">
      <c r="AR43442" s="9" ph="1"/>
    </row>
    <row r="43443" spans="44:44" ht="15.75" customHeight="1" x14ac:dyDescent="0.15">
      <c r="AR43443" s="9" ph="1"/>
    </row>
    <row r="43444" spans="44:44" ht="15.75" customHeight="1" x14ac:dyDescent="0.15">
      <c r="AR43444" s="9" ph="1"/>
    </row>
    <row r="43445" spans="44:44" ht="15.75" customHeight="1" x14ac:dyDescent="0.15">
      <c r="AR43445" s="9" ph="1"/>
    </row>
    <row r="43446" spans="44:44" ht="15.75" customHeight="1" x14ac:dyDescent="0.15">
      <c r="AR43446" s="9" ph="1"/>
    </row>
    <row r="43447" spans="44:44" ht="15.75" customHeight="1" x14ac:dyDescent="0.15">
      <c r="AR43447" s="9" ph="1"/>
    </row>
    <row r="43448" spans="44:44" ht="15.75" customHeight="1" x14ac:dyDescent="0.15">
      <c r="AR43448" s="9" ph="1"/>
    </row>
    <row r="43449" spans="44:44" ht="15.75" customHeight="1" x14ac:dyDescent="0.15">
      <c r="AR43449" s="9" ph="1"/>
    </row>
    <row r="43450" spans="44:44" ht="15.75" customHeight="1" x14ac:dyDescent="0.15">
      <c r="AR43450" s="9" ph="1"/>
    </row>
    <row r="43451" spans="44:44" ht="15.75" customHeight="1" x14ac:dyDescent="0.15">
      <c r="AR43451" s="9" ph="1"/>
    </row>
    <row r="43452" spans="44:44" ht="15.75" customHeight="1" x14ac:dyDescent="0.15">
      <c r="AR43452" s="9" ph="1"/>
    </row>
    <row r="43453" spans="44:44" ht="15.75" customHeight="1" x14ac:dyDescent="0.15">
      <c r="AR43453" s="9" ph="1"/>
    </row>
    <row r="43454" spans="44:44" ht="15.75" customHeight="1" x14ac:dyDescent="0.15">
      <c r="AR43454" s="9" ph="1"/>
    </row>
    <row r="43455" spans="44:44" ht="15.75" customHeight="1" x14ac:dyDescent="0.15">
      <c r="AR43455" s="9" ph="1"/>
    </row>
    <row r="43456" spans="44:44" ht="15.75" customHeight="1" x14ac:dyDescent="0.15">
      <c r="AR43456" s="9" ph="1"/>
    </row>
    <row r="43457" spans="44:44" ht="15.75" customHeight="1" x14ac:dyDescent="0.15">
      <c r="AR43457" s="9" ph="1"/>
    </row>
    <row r="43458" spans="44:44" ht="15.75" customHeight="1" x14ac:dyDescent="0.15">
      <c r="AR43458" s="9" ph="1"/>
    </row>
    <row r="43459" spans="44:44" ht="15.75" customHeight="1" x14ac:dyDescent="0.15">
      <c r="AR43459" s="9" ph="1"/>
    </row>
    <row r="43460" spans="44:44" ht="15.75" customHeight="1" x14ac:dyDescent="0.15">
      <c r="AR43460" s="9" ph="1"/>
    </row>
    <row r="43461" spans="44:44" ht="15.75" customHeight="1" x14ac:dyDescent="0.15">
      <c r="AR43461" s="9" ph="1"/>
    </row>
    <row r="43462" spans="44:44" ht="15.75" customHeight="1" x14ac:dyDescent="0.15">
      <c r="AR43462" s="9" ph="1"/>
    </row>
    <row r="43463" spans="44:44" ht="15.75" customHeight="1" x14ac:dyDescent="0.15">
      <c r="AR43463" s="9" ph="1"/>
    </row>
    <row r="43464" spans="44:44" ht="15.75" customHeight="1" x14ac:dyDescent="0.15">
      <c r="AR43464" s="9" ph="1"/>
    </row>
    <row r="43465" spans="44:44" ht="15.75" customHeight="1" x14ac:dyDescent="0.15">
      <c r="AR43465" s="9" ph="1"/>
    </row>
    <row r="43466" spans="44:44" ht="15.75" customHeight="1" x14ac:dyDescent="0.15">
      <c r="AR43466" s="9" ph="1"/>
    </row>
    <row r="43467" spans="44:44" ht="15.75" customHeight="1" x14ac:dyDescent="0.15">
      <c r="AR43467" s="9" ph="1"/>
    </row>
    <row r="43468" spans="44:44" ht="15.75" customHeight="1" x14ac:dyDescent="0.15">
      <c r="AR43468" s="9" ph="1"/>
    </row>
    <row r="43469" spans="44:44" ht="15.75" customHeight="1" x14ac:dyDescent="0.15">
      <c r="AR43469" s="9" ph="1"/>
    </row>
    <row r="43470" spans="44:44" ht="15.75" customHeight="1" x14ac:dyDescent="0.15">
      <c r="AR43470" s="9" ph="1"/>
    </row>
    <row r="43471" spans="44:44" ht="15.75" customHeight="1" x14ac:dyDescent="0.15">
      <c r="AR43471" s="9" ph="1"/>
    </row>
    <row r="43472" spans="44:44" ht="15.75" customHeight="1" x14ac:dyDescent="0.15">
      <c r="AR43472" s="9" ph="1"/>
    </row>
    <row r="43473" spans="44:44" ht="15.75" customHeight="1" x14ac:dyDescent="0.15">
      <c r="AR43473" s="9" ph="1"/>
    </row>
    <row r="43474" spans="44:44" ht="15.75" customHeight="1" x14ac:dyDescent="0.15">
      <c r="AR43474" s="9" ph="1"/>
    </row>
    <row r="43475" spans="44:44" ht="15.75" customHeight="1" x14ac:dyDescent="0.15">
      <c r="AR43475" s="9" ph="1"/>
    </row>
    <row r="43476" spans="44:44" ht="15.75" customHeight="1" x14ac:dyDescent="0.15">
      <c r="AR43476" s="9" ph="1"/>
    </row>
    <row r="43477" spans="44:44" ht="15.75" customHeight="1" x14ac:dyDescent="0.15">
      <c r="AR43477" s="9" ph="1"/>
    </row>
    <row r="43478" spans="44:44" ht="15.75" customHeight="1" x14ac:dyDescent="0.15">
      <c r="AR43478" s="9" ph="1"/>
    </row>
    <row r="43479" spans="44:44" ht="15.75" customHeight="1" x14ac:dyDescent="0.15">
      <c r="AR43479" s="9" ph="1"/>
    </row>
    <row r="43480" spans="44:44" ht="15.75" customHeight="1" x14ac:dyDescent="0.15">
      <c r="AR43480" s="9" ph="1"/>
    </row>
    <row r="43481" spans="44:44" ht="15.75" customHeight="1" x14ac:dyDescent="0.15">
      <c r="AR43481" s="9" ph="1"/>
    </row>
    <row r="43482" spans="44:44" ht="15.75" customHeight="1" x14ac:dyDescent="0.15">
      <c r="AR43482" s="9" ph="1"/>
    </row>
    <row r="43483" spans="44:44" ht="15.75" customHeight="1" x14ac:dyDescent="0.15">
      <c r="AR43483" s="9" ph="1"/>
    </row>
    <row r="43484" spans="44:44" ht="15.75" customHeight="1" x14ac:dyDescent="0.15">
      <c r="AR43484" s="9" ph="1"/>
    </row>
    <row r="43485" spans="44:44" ht="15.75" customHeight="1" x14ac:dyDescent="0.15">
      <c r="AR43485" s="9" ph="1"/>
    </row>
    <row r="43486" spans="44:44" ht="15.75" customHeight="1" x14ac:dyDescent="0.15">
      <c r="AR43486" s="9" ph="1"/>
    </row>
    <row r="43487" spans="44:44" ht="15.75" customHeight="1" x14ac:dyDescent="0.15">
      <c r="AR43487" s="9" ph="1"/>
    </row>
    <row r="43488" spans="44:44" ht="15.75" customHeight="1" x14ac:dyDescent="0.15">
      <c r="AR43488" s="9" ph="1"/>
    </row>
    <row r="43489" spans="44:44" ht="15.75" customHeight="1" x14ac:dyDescent="0.15">
      <c r="AR43489" s="9" ph="1"/>
    </row>
    <row r="43490" spans="44:44" ht="15.75" customHeight="1" x14ac:dyDescent="0.15">
      <c r="AR43490" s="9" ph="1"/>
    </row>
    <row r="43491" spans="44:44" ht="15.75" customHeight="1" x14ac:dyDescent="0.15">
      <c r="AR43491" s="9" ph="1"/>
    </row>
    <row r="43492" spans="44:44" ht="15.75" customHeight="1" x14ac:dyDescent="0.15">
      <c r="AR43492" s="9" ph="1"/>
    </row>
    <row r="43493" spans="44:44" ht="15.75" customHeight="1" x14ac:dyDescent="0.15">
      <c r="AR43493" s="9" ph="1"/>
    </row>
    <row r="43494" spans="44:44" ht="15.75" customHeight="1" x14ac:dyDescent="0.15">
      <c r="AR43494" s="9" ph="1"/>
    </row>
    <row r="43495" spans="44:44" ht="15.75" customHeight="1" x14ac:dyDescent="0.15">
      <c r="AR43495" s="9" ph="1"/>
    </row>
    <row r="43496" spans="44:44" ht="15.75" customHeight="1" x14ac:dyDescent="0.15">
      <c r="AR43496" s="9" ph="1"/>
    </row>
    <row r="43497" spans="44:44" ht="15.75" customHeight="1" x14ac:dyDescent="0.15">
      <c r="AR43497" s="9" ph="1"/>
    </row>
    <row r="43498" spans="44:44" ht="15.75" customHeight="1" x14ac:dyDescent="0.15">
      <c r="AR43498" s="9" ph="1"/>
    </row>
    <row r="43499" spans="44:44" ht="15.75" customHeight="1" x14ac:dyDescent="0.15">
      <c r="AR43499" s="9" ph="1"/>
    </row>
    <row r="43500" spans="44:44" ht="15.75" customHeight="1" x14ac:dyDescent="0.15">
      <c r="AR43500" s="9" ph="1"/>
    </row>
    <row r="43501" spans="44:44" ht="15.75" customHeight="1" x14ac:dyDescent="0.15">
      <c r="AR43501" s="9" ph="1"/>
    </row>
    <row r="43502" spans="44:44" ht="15.75" customHeight="1" x14ac:dyDescent="0.15">
      <c r="AR43502" s="9" ph="1"/>
    </row>
    <row r="43503" spans="44:44" ht="15.75" customHeight="1" x14ac:dyDescent="0.15">
      <c r="AR43503" s="9" ph="1"/>
    </row>
    <row r="43504" spans="44:44" ht="15.75" customHeight="1" x14ac:dyDescent="0.15">
      <c r="AR43504" s="9" ph="1"/>
    </row>
    <row r="43505" spans="44:44" ht="15.75" customHeight="1" x14ac:dyDescent="0.15">
      <c r="AR43505" s="9" ph="1"/>
    </row>
    <row r="43506" spans="44:44" ht="15.75" customHeight="1" x14ac:dyDescent="0.15">
      <c r="AR43506" s="9" ph="1"/>
    </row>
    <row r="43507" spans="44:44" ht="15.75" customHeight="1" x14ac:dyDescent="0.15">
      <c r="AR43507" s="9" ph="1"/>
    </row>
    <row r="43508" spans="44:44" ht="15.75" customHeight="1" x14ac:dyDescent="0.15">
      <c r="AR43508" s="9" ph="1"/>
    </row>
    <row r="43509" spans="44:44" ht="15.75" customHeight="1" x14ac:dyDescent="0.15">
      <c r="AR43509" s="9" ph="1"/>
    </row>
    <row r="43510" spans="44:44" ht="15.75" customHeight="1" x14ac:dyDescent="0.15">
      <c r="AR43510" s="9" ph="1"/>
    </row>
    <row r="43511" spans="44:44" ht="15.75" customHeight="1" x14ac:dyDescent="0.15">
      <c r="AR43511" s="9" ph="1"/>
    </row>
    <row r="43512" spans="44:44" ht="15.75" customHeight="1" x14ac:dyDescent="0.15">
      <c r="AR43512" s="9" ph="1"/>
    </row>
    <row r="43513" spans="44:44" ht="15.75" customHeight="1" x14ac:dyDescent="0.15">
      <c r="AR43513" s="9" ph="1"/>
    </row>
    <row r="43514" spans="44:44" ht="15.75" customHeight="1" x14ac:dyDescent="0.15">
      <c r="AR43514" s="9" ph="1"/>
    </row>
    <row r="43515" spans="44:44" ht="15.75" customHeight="1" x14ac:dyDescent="0.15">
      <c r="AR43515" s="9" ph="1"/>
    </row>
    <row r="43516" spans="44:44" ht="15.75" customHeight="1" x14ac:dyDescent="0.15">
      <c r="AR43516" s="9" ph="1"/>
    </row>
    <row r="43517" spans="44:44" ht="15.75" customHeight="1" x14ac:dyDescent="0.15">
      <c r="AR43517" s="9" ph="1"/>
    </row>
    <row r="43518" spans="44:44" ht="15.75" customHeight="1" x14ac:dyDescent="0.15">
      <c r="AR43518" s="9" ph="1"/>
    </row>
    <row r="43519" spans="44:44" ht="15.75" customHeight="1" x14ac:dyDescent="0.15">
      <c r="AR43519" s="9" ph="1"/>
    </row>
    <row r="43520" spans="44:44" ht="15.75" customHeight="1" x14ac:dyDescent="0.15">
      <c r="AR43520" s="9" ph="1"/>
    </row>
    <row r="43521" spans="44:44" ht="15.75" customHeight="1" x14ac:dyDescent="0.15">
      <c r="AR43521" s="9" ph="1"/>
    </row>
    <row r="43522" spans="44:44" ht="15.75" customHeight="1" x14ac:dyDescent="0.15">
      <c r="AR43522" s="9" ph="1"/>
    </row>
    <row r="43523" spans="44:44" ht="15.75" customHeight="1" x14ac:dyDescent="0.15">
      <c r="AR43523" s="9" ph="1"/>
    </row>
    <row r="43524" spans="44:44" ht="15.75" customHeight="1" x14ac:dyDescent="0.15">
      <c r="AR43524" s="9" ph="1"/>
    </row>
    <row r="43525" spans="44:44" ht="15.75" customHeight="1" x14ac:dyDescent="0.15">
      <c r="AR43525" s="9" ph="1"/>
    </row>
    <row r="43526" spans="44:44" ht="15.75" customHeight="1" x14ac:dyDescent="0.15">
      <c r="AR43526" s="9" ph="1"/>
    </row>
    <row r="43527" spans="44:44" ht="15.75" customHeight="1" x14ac:dyDescent="0.15">
      <c r="AR43527" s="9" ph="1"/>
    </row>
    <row r="43528" spans="44:44" ht="15.75" customHeight="1" x14ac:dyDescent="0.15">
      <c r="AR43528" s="9" ph="1"/>
    </row>
    <row r="43529" spans="44:44" ht="15.75" customHeight="1" x14ac:dyDescent="0.15">
      <c r="AR43529" s="9" ph="1"/>
    </row>
    <row r="43530" spans="44:44" ht="15.75" customHeight="1" x14ac:dyDescent="0.15">
      <c r="AR43530" s="9" ph="1"/>
    </row>
    <row r="43531" spans="44:44" ht="15.75" customHeight="1" x14ac:dyDescent="0.15">
      <c r="AR43531" s="9" ph="1"/>
    </row>
    <row r="43532" spans="44:44" ht="15.75" customHeight="1" x14ac:dyDescent="0.15">
      <c r="AR43532" s="9" ph="1"/>
    </row>
    <row r="43533" spans="44:44" ht="15.75" customHeight="1" x14ac:dyDescent="0.15">
      <c r="AR43533" s="9" ph="1"/>
    </row>
    <row r="43534" spans="44:44" ht="15.75" customHeight="1" x14ac:dyDescent="0.15">
      <c r="AR43534" s="9" ph="1"/>
    </row>
    <row r="43535" spans="44:44" ht="15.75" customHeight="1" x14ac:dyDescent="0.15">
      <c r="AR43535" s="9" ph="1"/>
    </row>
    <row r="43537" spans="44:44" ht="15.75" customHeight="1" x14ac:dyDescent="0.15">
      <c r="AR43537" s="9" ph="1"/>
    </row>
    <row r="43538" spans="44:44" ht="15.75" customHeight="1" x14ac:dyDescent="0.15">
      <c r="AR43538" s="9" ph="1"/>
    </row>
    <row r="43539" spans="44:44" ht="15.75" customHeight="1" x14ac:dyDescent="0.15">
      <c r="AR43539" s="9" ph="1"/>
    </row>
    <row r="43540" spans="44:44" ht="15.75" customHeight="1" x14ac:dyDescent="0.15">
      <c r="AR43540" s="9" ph="1"/>
    </row>
    <row r="43541" spans="44:44" ht="15.75" customHeight="1" x14ac:dyDescent="0.15">
      <c r="AR43541" s="9" ph="1"/>
    </row>
    <row r="43542" spans="44:44" ht="15.75" customHeight="1" x14ac:dyDescent="0.15">
      <c r="AR43542" s="9" ph="1"/>
    </row>
    <row r="43543" spans="44:44" ht="15.75" customHeight="1" x14ac:dyDescent="0.15">
      <c r="AR43543" s="9" ph="1"/>
    </row>
    <row r="43544" spans="44:44" ht="15.75" customHeight="1" x14ac:dyDescent="0.15">
      <c r="AR43544" s="9" ph="1"/>
    </row>
    <row r="43545" spans="44:44" ht="15.75" customHeight="1" x14ac:dyDescent="0.15">
      <c r="AR43545" s="9" ph="1"/>
    </row>
    <row r="43546" spans="44:44" ht="15.75" customHeight="1" x14ac:dyDescent="0.15">
      <c r="AR43546" s="9" ph="1"/>
    </row>
    <row r="43547" spans="44:44" ht="15.75" customHeight="1" x14ac:dyDescent="0.15">
      <c r="AR43547" s="9" ph="1"/>
    </row>
    <row r="43548" spans="44:44" ht="15.75" customHeight="1" x14ac:dyDescent="0.15">
      <c r="AR43548" s="9" ph="1"/>
    </row>
    <row r="43549" spans="44:44" ht="15.75" customHeight="1" x14ac:dyDescent="0.15">
      <c r="AR43549" s="9" ph="1"/>
    </row>
    <row r="43550" spans="44:44" ht="15.75" customHeight="1" x14ac:dyDescent="0.15">
      <c r="AR43550" s="9" ph="1"/>
    </row>
    <row r="43552" spans="44:44" ht="15.75" customHeight="1" x14ac:dyDescent="0.15">
      <c r="AR43552" s="9" ph="1"/>
    </row>
    <row r="43553" spans="44:44" ht="15.75" customHeight="1" x14ac:dyDescent="0.15">
      <c r="AR43553" s="9" ph="1"/>
    </row>
    <row r="43554" spans="44:44" ht="15.75" customHeight="1" x14ac:dyDescent="0.15">
      <c r="AR43554" s="9" ph="1"/>
    </row>
    <row r="43555" spans="44:44" ht="15.75" customHeight="1" x14ac:dyDescent="0.15">
      <c r="AR43555" s="9" ph="1"/>
    </row>
    <row r="43556" spans="44:44" ht="15.75" customHeight="1" x14ac:dyDescent="0.15">
      <c r="AR43556" s="9" ph="1"/>
    </row>
    <row r="43557" spans="44:44" ht="15.75" customHeight="1" x14ac:dyDescent="0.15">
      <c r="AR43557" s="9" ph="1"/>
    </row>
    <row r="43558" spans="44:44" ht="15.75" customHeight="1" x14ac:dyDescent="0.15">
      <c r="AR43558" s="9" ph="1"/>
    </row>
    <row r="43559" spans="44:44" ht="15.75" customHeight="1" x14ac:dyDescent="0.15">
      <c r="AR43559" s="9" ph="1"/>
    </row>
    <row r="43560" spans="44:44" ht="15.75" customHeight="1" x14ac:dyDescent="0.15">
      <c r="AR43560" s="9" ph="1"/>
    </row>
    <row r="43561" spans="44:44" ht="15.75" customHeight="1" x14ac:dyDescent="0.15">
      <c r="AR43561" s="9" ph="1"/>
    </row>
    <row r="43562" spans="44:44" ht="15.75" customHeight="1" x14ac:dyDescent="0.15">
      <c r="AR43562" s="9" ph="1"/>
    </row>
    <row r="43563" spans="44:44" ht="15.75" customHeight="1" x14ac:dyDescent="0.15">
      <c r="AR43563" s="9" ph="1"/>
    </row>
    <row r="43564" spans="44:44" ht="15.75" customHeight="1" x14ac:dyDescent="0.15">
      <c r="AR43564" s="9" ph="1"/>
    </row>
    <row r="43565" spans="44:44" ht="15.75" customHeight="1" x14ac:dyDescent="0.15">
      <c r="AR43565" s="9" ph="1"/>
    </row>
    <row r="43566" spans="44:44" ht="15.75" customHeight="1" x14ac:dyDescent="0.15">
      <c r="AR43566" s="9" ph="1"/>
    </row>
    <row r="43568" spans="44:44" ht="15.75" customHeight="1" x14ac:dyDescent="0.15">
      <c r="AR43568" s="9" ph="1"/>
    </row>
    <row r="43569" spans="44:44" ht="15.75" customHeight="1" x14ac:dyDescent="0.15">
      <c r="AR43569" s="9" ph="1"/>
    </row>
    <row r="43570" spans="44:44" ht="15.75" customHeight="1" x14ac:dyDescent="0.15">
      <c r="AR43570" s="9" ph="1"/>
    </row>
    <row r="43571" spans="44:44" ht="15.75" customHeight="1" x14ac:dyDescent="0.15">
      <c r="AR43571" s="9" ph="1"/>
    </row>
    <row r="43572" spans="44:44" ht="15.75" customHeight="1" x14ac:dyDescent="0.15">
      <c r="AR43572" s="9" ph="1"/>
    </row>
    <row r="43573" spans="44:44" ht="15.75" customHeight="1" x14ac:dyDescent="0.15">
      <c r="AR43573" s="9" ph="1"/>
    </row>
    <row r="43574" spans="44:44" ht="15.75" customHeight="1" x14ac:dyDescent="0.15">
      <c r="AR43574" s="9" ph="1"/>
    </row>
    <row r="43575" spans="44:44" ht="15.75" customHeight="1" x14ac:dyDescent="0.15">
      <c r="AR43575" s="9" ph="1"/>
    </row>
    <row r="43576" spans="44:44" ht="15.75" customHeight="1" x14ac:dyDescent="0.15">
      <c r="AR43576" s="9" ph="1"/>
    </row>
    <row r="43577" spans="44:44" ht="15.75" customHeight="1" x14ac:dyDescent="0.15">
      <c r="AR43577" s="9" ph="1"/>
    </row>
    <row r="43579" spans="44:44" ht="15.75" customHeight="1" x14ac:dyDescent="0.15">
      <c r="AR43579" s="9" ph="1"/>
    </row>
    <row r="43580" spans="44:44" ht="15.75" customHeight="1" x14ac:dyDescent="0.15">
      <c r="AR43580" s="9" ph="1"/>
    </row>
    <row r="43581" spans="44:44" ht="15.75" customHeight="1" x14ac:dyDescent="0.15">
      <c r="AR43581" s="9" ph="1"/>
    </row>
    <row r="43582" spans="44:44" ht="15.75" customHeight="1" x14ac:dyDescent="0.15">
      <c r="AR43582" s="9" ph="1"/>
    </row>
    <row r="43583" spans="44:44" ht="15.75" customHeight="1" x14ac:dyDescent="0.15">
      <c r="AR43583" s="9" ph="1"/>
    </row>
    <row r="43584" spans="44:44" ht="15.75" customHeight="1" x14ac:dyDescent="0.15">
      <c r="AR43584" s="9" ph="1"/>
    </row>
    <row r="43585" spans="44:44" ht="15.75" customHeight="1" x14ac:dyDescent="0.15">
      <c r="AR43585" s="9" ph="1"/>
    </row>
    <row r="43586" spans="44:44" ht="15.75" customHeight="1" x14ac:dyDescent="0.15">
      <c r="AR43586" s="9" ph="1"/>
    </row>
    <row r="43587" spans="44:44" ht="15.75" customHeight="1" x14ac:dyDescent="0.15">
      <c r="AR43587" s="9" ph="1"/>
    </row>
    <row r="43588" spans="44:44" ht="15.75" customHeight="1" x14ac:dyDescent="0.15">
      <c r="AR43588" s="9" ph="1"/>
    </row>
    <row r="43589" spans="44:44" ht="15.75" customHeight="1" x14ac:dyDescent="0.15">
      <c r="AR43589" s="9" ph="1"/>
    </row>
    <row r="43590" spans="44:44" ht="15.75" customHeight="1" x14ac:dyDescent="0.15">
      <c r="AR43590" s="9" ph="1"/>
    </row>
    <row r="43591" spans="44:44" ht="15.75" customHeight="1" x14ac:dyDescent="0.15">
      <c r="AR43591" s="9" ph="1"/>
    </row>
    <row r="43592" spans="44:44" ht="15.75" customHeight="1" x14ac:dyDescent="0.15">
      <c r="AR43592" s="9" ph="1"/>
    </row>
    <row r="43593" spans="44:44" ht="15.75" customHeight="1" x14ac:dyDescent="0.15">
      <c r="AR43593" s="9" ph="1"/>
    </row>
    <row r="43594" spans="44:44" ht="15.75" customHeight="1" x14ac:dyDescent="0.15">
      <c r="AR43594" s="9" ph="1"/>
    </row>
    <row r="43595" spans="44:44" ht="15.75" customHeight="1" x14ac:dyDescent="0.15">
      <c r="AR43595" s="9" ph="1"/>
    </row>
    <row r="43596" spans="44:44" ht="15.75" customHeight="1" x14ac:dyDescent="0.15">
      <c r="AR43596" s="9" ph="1"/>
    </row>
    <row r="43597" spans="44:44" ht="15.75" customHeight="1" x14ac:dyDescent="0.15">
      <c r="AR43597" s="9" ph="1"/>
    </row>
    <row r="43598" spans="44:44" ht="15.75" customHeight="1" x14ac:dyDescent="0.15">
      <c r="AR43598" s="9" ph="1"/>
    </row>
    <row r="43599" spans="44:44" ht="15.75" customHeight="1" x14ac:dyDescent="0.15">
      <c r="AR43599" s="9" ph="1"/>
    </row>
    <row r="43600" spans="44:44" ht="15.75" customHeight="1" x14ac:dyDescent="0.15">
      <c r="AR43600" s="9" ph="1"/>
    </row>
    <row r="43601" spans="44:44" ht="15.75" customHeight="1" x14ac:dyDescent="0.15">
      <c r="AR43601" s="9" ph="1"/>
    </row>
    <row r="43602" spans="44:44" ht="15.75" customHeight="1" x14ac:dyDescent="0.15">
      <c r="AR43602" s="9" ph="1"/>
    </row>
    <row r="43603" spans="44:44" ht="15.75" customHeight="1" x14ac:dyDescent="0.15">
      <c r="AR43603" s="9" ph="1"/>
    </row>
    <row r="43605" spans="44:44" ht="15.75" customHeight="1" x14ac:dyDescent="0.15">
      <c r="AR43605" s="9" ph="1"/>
    </row>
    <row r="43606" spans="44:44" ht="15.75" customHeight="1" x14ac:dyDescent="0.15">
      <c r="AR43606" s="9" ph="1"/>
    </row>
    <row r="43607" spans="44:44" ht="15.75" customHeight="1" x14ac:dyDescent="0.15">
      <c r="AR43607" s="9" ph="1"/>
    </row>
    <row r="43608" spans="44:44" ht="15.75" customHeight="1" x14ac:dyDescent="0.15">
      <c r="AR43608" s="9" ph="1"/>
    </row>
    <row r="43609" spans="44:44" ht="15.75" customHeight="1" x14ac:dyDescent="0.15">
      <c r="AR43609" s="9" ph="1"/>
    </row>
    <row r="43610" spans="44:44" ht="15.75" customHeight="1" x14ac:dyDescent="0.15">
      <c r="AR43610" s="9" ph="1"/>
    </row>
    <row r="43611" spans="44:44" ht="15.75" customHeight="1" x14ac:dyDescent="0.15">
      <c r="AR43611" s="9" ph="1"/>
    </row>
    <row r="43612" spans="44:44" ht="15.75" customHeight="1" x14ac:dyDescent="0.15">
      <c r="AR43612" s="9" ph="1"/>
    </row>
    <row r="43613" spans="44:44" ht="15.75" customHeight="1" x14ac:dyDescent="0.15">
      <c r="AR43613" s="9" ph="1"/>
    </row>
    <row r="43614" spans="44:44" ht="15.75" customHeight="1" x14ac:dyDescent="0.15">
      <c r="AR43614" s="9" ph="1"/>
    </row>
    <row r="43615" spans="44:44" ht="15.75" customHeight="1" x14ac:dyDescent="0.15">
      <c r="AR43615" s="9" ph="1"/>
    </row>
    <row r="43616" spans="44:44" ht="15.75" customHeight="1" x14ac:dyDescent="0.15">
      <c r="AR43616" s="9" ph="1"/>
    </row>
    <row r="43617" spans="44:44" ht="15.75" customHeight="1" x14ac:dyDescent="0.15">
      <c r="AR43617" s="9" ph="1"/>
    </row>
    <row r="43618" spans="44:44" ht="15.75" customHeight="1" x14ac:dyDescent="0.15">
      <c r="AR43618" s="9" ph="1"/>
    </row>
    <row r="43619" spans="44:44" ht="15.75" customHeight="1" x14ac:dyDescent="0.15">
      <c r="AR43619" s="9" ph="1"/>
    </row>
    <row r="43621" spans="44:44" ht="15.75" customHeight="1" x14ac:dyDescent="0.15">
      <c r="AR43621" s="9" ph="1"/>
    </row>
    <row r="43622" spans="44:44" ht="15.75" customHeight="1" x14ac:dyDescent="0.15">
      <c r="AR43622" s="9" ph="1"/>
    </row>
    <row r="43623" spans="44:44" ht="15.75" customHeight="1" x14ac:dyDescent="0.15">
      <c r="AR43623" s="9" ph="1"/>
    </row>
    <row r="43624" spans="44:44" ht="15.75" customHeight="1" x14ac:dyDescent="0.15">
      <c r="AR43624" s="9" ph="1"/>
    </row>
    <row r="43625" spans="44:44" ht="15.75" customHeight="1" x14ac:dyDescent="0.15">
      <c r="AR43625" s="9" ph="1"/>
    </row>
    <row r="43626" spans="44:44" ht="15.75" customHeight="1" x14ac:dyDescent="0.15">
      <c r="AR43626" s="9" ph="1"/>
    </row>
    <row r="43627" spans="44:44" ht="15.75" customHeight="1" x14ac:dyDescent="0.15">
      <c r="AR43627" s="9" ph="1"/>
    </row>
    <row r="43628" spans="44:44" ht="15.75" customHeight="1" x14ac:dyDescent="0.15">
      <c r="AR43628" s="9" ph="1"/>
    </row>
    <row r="43629" spans="44:44" ht="15.75" customHeight="1" x14ac:dyDescent="0.15">
      <c r="AR43629" s="9" ph="1"/>
    </row>
    <row r="43630" spans="44:44" ht="15.75" customHeight="1" x14ac:dyDescent="0.15">
      <c r="AR43630" s="9" ph="1"/>
    </row>
    <row r="43632" spans="44:44" ht="15.75" customHeight="1" x14ac:dyDescent="0.15">
      <c r="AR43632" s="9" ph="1"/>
    </row>
    <row r="43633" spans="44:44" ht="15.75" customHeight="1" x14ac:dyDescent="0.15">
      <c r="AR43633" s="9" ph="1"/>
    </row>
    <row r="43634" spans="44:44" ht="15.75" customHeight="1" x14ac:dyDescent="0.15">
      <c r="AR43634" s="9" ph="1"/>
    </row>
    <row r="43635" spans="44:44" ht="15.75" customHeight="1" x14ac:dyDescent="0.15">
      <c r="AR43635" s="9" ph="1"/>
    </row>
    <row r="43636" spans="44:44" ht="15.75" customHeight="1" x14ac:dyDescent="0.15">
      <c r="AR43636" s="9" ph="1"/>
    </row>
    <row r="43637" spans="44:44" ht="15.75" customHeight="1" x14ac:dyDescent="0.15">
      <c r="AR43637" s="9" ph="1"/>
    </row>
    <row r="43638" spans="44:44" ht="15.75" customHeight="1" x14ac:dyDescent="0.15">
      <c r="AR43638" s="9" ph="1"/>
    </row>
    <row r="43639" spans="44:44" ht="15.75" customHeight="1" x14ac:dyDescent="0.15">
      <c r="AR43639" s="9" ph="1"/>
    </row>
    <row r="43640" spans="44:44" ht="15.75" customHeight="1" x14ac:dyDescent="0.15">
      <c r="AR43640" s="9" ph="1"/>
    </row>
    <row r="43641" spans="44:44" ht="15.75" customHeight="1" x14ac:dyDescent="0.15">
      <c r="AR43641" s="9" ph="1"/>
    </row>
    <row r="43642" spans="44:44" ht="15.75" customHeight="1" x14ac:dyDescent="0.15">
      <c r="AR43642" s="9" ph="1"/>
    </row>
    <row r="43643" spans="44:44" ht="15.75" customHeight="1" x14ac:dyDescent="0.15">
      <c r="AR43643" s="9" ph="1"/>
    </row>
    <row r="43644" spans="44:44" ht="15.75" customHeight="1" x14ac:dyDescent="0.15">
      <c r="AR43644" s="9" ph="1"/>
    </row>
    <row r="43645" spans="44:44" ht="15.75" customHeight="1" x14ac:dyDescent="0.15">
      <c r="AR43645" s="9" ph="1"/>
    </row>
    <row r="43646" spans="44:44" ht="15.75" customHeight="1" x14ac:dyDescent="0.15">
      <c r="AR43646" s="9" ph="1"/>
    </row>
    <row r="43647" spans="44:44" ht="15.75" customHeight="1" x14ac:dyDescent="0.15">
      <c r="AR43647" s="9" ph="1"/>
    </row>
    <row r="43648" spans="44:44" ht="15.75" customHeight="1" x14ac:dyDescent="0.15">
      <c r="AR43648" s="9" ph="1"/>
    </row>
    <row r="43649" spans="44:44" ht="15.75" customHeight="1" x14ac:dyDescent="0.15">
      <c r="AR43649" s="9" ph="1"/>
    </row>
    <row r="43650" spans="44:44" ht="15.75" customHeight="1" x14ac:dyDescent="0.15">
      <c r="AR43650" s="9" ph="1"/>
    </row>
    <row r="43651" spans="44:44" ht="15.75" customHeight="1" x14ac:dyDescent="0.15">
      <c r="AR43651" s="9" ph="1"/>
    </row>
    <row r="43652" spans="44:44" ht="15.75" customHeight="1" x14ac:dyDescent="0.15">
      <c r="AR43652" s="9" ph="1"/>
    </row>
    <row r="43653" spans="44:44" ht="15.75" customHeight="1" x14ac:dyDescent="0.15">
      <c r="AR43653" s="9" ph="1"/>
    </row>
    <row r="43654" spans="44:44" ht="15.75" customHeight="1" x14ac:dyDescent="0.15">
      <c r="AR43654" s="9" ph="1"/>
    </row>
    <row r="43655" spans="44:44" ht="15.75" customHeight="1" x14ac:dyDescent="0.15">
      <c r="AR43655" s="9" ph="1"/>
    </row>
    <row r="43656" spans="44:44" ht="15.75" customHeight="1" x14ac:dyDescent="0.15">
      <c r="AR43656" s="9" ph="1"/>
    </row>
    <row r="43658" spans="44:44" ht="15.75" customHeight="1" x14ac:dyDescent="0.15">
      <c r="AR43658" s="9" ph="1"/>
    </row>
    <row r="43659" spans="44:44" ht="15.75" customHeight="1" x14ac:dyDescent="0.15">
      <c r="AR43659" s="9" ph="1"/>
    </row>
    <row r="43660" spans="44:44" ht="15.75" customHeight="1" x14ac:dyDescent="0.15">
      <c r="AR43660" s="9" ph="1"/>
    </row>
    <row r="43661" spans="44:44" ht="15.75" customHeight="1" x14ac:dyDescent="0.15">
      <c r="AR43661" s="9" ph="1"/>
    </row>
    <row r="43662" spans="44:44" ht="15.75" customHeight="1" x14ac:dyDescent="0.15">
      <c r="AR43662" s="9" ph="1"/>
    </row>
    <row r="43663" spans="44:44" ht="15.75" customHeight="1" x14ac:dyDescent="0.15">
      <c r="AR43663" s="9" ph="1"/>
    </row>
    <row r="43664" spans="44:44" ht="15.75" customHeight="1" x14ac:dyDescent="0.15">
      <c r="AR43664" s="9" ph="1"/>
    </row>
    <row r="43665" spans="44:44" ht="15.75" customHeight="1" x14ac:dyDescent="0.15">
      <c r="AR43665" s="9" ph="1"/>
    </row>
    <row r="43666" spans="44:44" ht="15.75" customHeight="1" x14ac:dyDescent="0.15">
      <c r="AR43666" s="9" ph="1"/>
    </row>
    <row r="43667" spans="44:44" ht="15.75" customHeight="1" x14ac:dyDescent="0.15">
      <c r="AR43667" s="9" ph="1"/>
    </row>
    <row r="43668" spans="44:44" ht="15.75" customHeight="1" x14ac:dyDescent="0.15">
      <c r="AR43668" s="9" ph="1"/>
    </row>
    <row r="43669" spans="44:44" ht="15.75" customHeight="1" x14ac:dyDescent="0.15">
      <c r="AR43669" s="9" ph="1"/>
    </row>
    <row r="43670" spans="44:44" ht="15.75" customHeight="1" x14ac:dyDescent="0.15">
      <c r="AR43670" s="9" ph="1"/>
    </row>
    <row r="43671" spans="44:44" ht="15.75" customHeight="1" x14ac:dyDescent="0.15">
      <c r="AR43671" s="9" ph="1"/>
    </row>
    <row r="43672" spans="44:44" ht="15.75" customHeight="1" x14ac:dyDescent="0.15">
      <c r="AR43672" s="9" ph="1"/>
    </row>
    <row r="43674" spans="44:44" ht="15.75" customHeight="1" x14ac:dyDescent="0.15">
      <c r="AR43674" s="9" ph="1"/>
    </row>
    <row r="43675" spans="44:44" ht="15.75" customHeight="1" x14ac:dyDescent="0.15">
      <c r="AR43675" s="9" ph="1"/>
    </row>
    <row r="43676" spans="44:44" ht="15.75" customHeight="1" x14ac:dyDescent="0.15">
      <c r="AR43676" s="9" ph="1"/>
    </row>
    <row r="43677" spans="44:44" ht="15.75" customHeight="1" x14ac:dyDescent="0.15">
      <c r="AR43677" s="9" ph="1"/>
    </row>
    <row r="43678" spans="44:44" ht="15.75" customHeight="1" x14ac:dyDescent="0.15">
      <c r="AR43678" s="9" ph="1"/>
    </row>
    <row r="43679" spans="44:44" ht="15.75" customHeight="1" x14ac:dyDescent="0.15">
      <c r="AR43679" s="9" ph="1"/>
    </row>
    <row r="43680" spans="44:44" ht="15.75" customHeight="1" x14ac:dyDescent="0.15">
      <c r="AR43680" s="9" ph="1"/>
    </row>
    <row r="43681" spans="44:44" ht="15.75" customHeight="1" x14ac:dyDescent="0.15">
      <c r="AR43681" s="9" ph="1"/>
    </row>
    <row r="43682" spans="44:44" ht="15.75" customHeight="1" x14ac:dyDescent="0.15">
      <c r="AR43682" s="9" ph="1"/>
    </row>
    <row r="43683" spans="44:44" ht="15.75" customHeight="1" x14ac:dyDescent="0.15">
      <c r="AR43683" s="9" ph="1"/>
    </row>
    <row r="43685" spans="44:44" ht="15.75" customHeight="1" x14ac:dyDescent="0.15">
      <c r="AR43685" s="9" ph="1"/>
    </row>
    <row r="43686" spans="44:44" ht="15.75" customHeight="1" x14ac:dyDescent="0.15">
      <c r="AR43686" s="9" ph="1"/>
    </row>
    <row r="43687" spans="44:44" ht="15.75" customHeight="1" x14ac:dyDescent="0.15">
      <c r="AR43687" s="9" ph="1"/>
    </row>
    <row r="43688" spans="44:44" ht="15.75" customHeight="1" x14ac:dyDescent="0.15">
      <c r="AR43688" s="9" ph="1"/>
    </row>
    <row r="43689" spans="44:44" ht="15.75" customHeight="1" x14ac:dyDescent="0.15">
      <c r="AR43689" s="9" ph="1"/>
    </row>
    <row r="43690" spans="44:44" ht="15.75" customHeight="1" x14ac:dyDescent="0.15">
      <c r="AR43690" s="9" ph="1"/>
    </row>
    <row r="43691" spans="44:44" ht="15.75" customHeight="1" x14ac:dyDescent="0.15">
      <c r="AR43691" s="9" ph="1"/>
    </row>
    <row r="43692" spans="44:44" ht="15.75" customHeight="1" x14ac:dyDescent="0.15">
      <c r="AR43692" s="9" ph="1"/>
    </row>
    <row r="43693" spans="44:44" ht="15.75" customHeight="1" x14ac:dyDescent="0.15">
      <c r="AR43693" s="9" ph="1"/>
    </row>
    <row r="43694" spans="44:44" ht="15.75" customHeight="1" x14ac:dyDescent="0.15">
      <c r="AR43694" s="9" ph="1"/>
    </row>
    <row r="43695" spans="44:44" ht="15.75" customHeight="1" x14ac:dyDescent="0.15">
      <c r="AR43695" s="9" ph="1"/>
    </row>
    <row r="43696" spans="44:44" ht="15.75" customHeight="1" x14ac:dyDescent="0.15">
      <c r="AR43696" s="9" ph="1"/>
    </row>
    <row r="43697" spans="44:44" ht="15.75" customHeight="1" x14ac:dyDescent="0.15">
      <c r="AR43697" s="9" ph="1"/>
    </row>
    <row r="43698" spans="44:44" ht="15.75" customHeight="1" x14ac:dyDescent="0.15">
      <c r="AR43698" s="9" ph="1"/>
    </row>
    <row r="43699" spans="44:44" ht="15.75" customHeight="1" x14ac:dyDescent="0.15">
      <c r="AR43699" s="9" ph="1"/>
    </row>
    <row r="43700" spans="44:44" ht="15.75" customHeight="1" x14ac:dyDescent="0.15">
      <c r="AR43700" s="9" ph="1"/>
    </row>
    <row r="43701" spans="44:44" ht="15.75" customHeight="1" x14ac:dyDescent="0.15">
      <c r="AR43701" s="9" ph="1"/>
    </row>
    <row r="43702" spans="44:44" ht="15.75" customHeight="1" x14ac:dyDescent="0.15">
      <c r="AR43702" s="9" ph="1"/>
    </row>
    <row r="43704" spans="44:44" ht="15.75" customHeight="1" x14ac:dyDescent="0.15">
      <c r="AR43704" s="9" ph="1"/>
    </row>
    <row r="43705" spans="44:44" ht="15.75" customHeight="1" x14ac:dyDescent="0.15">
      <c r="AR43705" s="9" ph="1"/>
    </row>
    <row r="43706" spans="44:44" ht="15.75" customHeight="1" x14ac:dyDescent="0.15">
      <c r="AR43706" s="9" ph="1"/>
    </row>
    <row r="43707" spans="44:44" ht="15.75" customHeight="1" x14ac:dyDescent="0.15">
      <c r="AR43707" s="9" ph="1"/>
    </row>
    <row r="43708" spans="44:44" ht="15.75" customHeight="1" x14ac:dyDescent="0.15">
      <c r="AR43708" s="9" ph="1"/>
    </row>
    <row r="43709" spans="44:44" ht="15.75" customHeight="1" x14ac:dyDescent="0.15">
      <c r="AR43709" s="9" ph="1"/>
    </row>
    <row r="43710" spans="44:44" ht="15.75" customHeight="1" x14ac:dyDescent="0.15">
      <c r="AR43710" s="9" ph="1"/>
    </row>
    <row r="43711" spans="44:44" ht="15.75" customHeight="1" x14ac:dyDescent="0.15">
      <c r="AR43711" s="9" ph="1"/>
    </row>
    <row r="43712" spans="44:44" ht="15.75" customHeight="1" x14ac:dyDescent="0.15">
      <c r="AR43712" s="9" ph="1"/>
    </row>
    <row r="43713" spans="44:44" ht="15.75" customHeight="1" x14ac:dyDescent="0.15">
      <c r="AR43713" s="9" ph="1"/>
    </row>
    <row r="43714" spans="44:44" ht="15.75" customHeight="1" x14ac:dyDescent="0.15">
      <c r="AR43714" s="9" ph="1"/>
    </row>
    <row r="43715" spans="44:44" ht="15.75" customHeight="1" x14ac:dyDescent="0.15">
      <c r="AR43715" s="9" ph="1"/>
    </row>
    <row r="43716" spans="44:44" ht="15.75" customHeight="1" x14ac:dyDescent="0.15">
      <c r="AR43716" s="9" ph="1"/>
    </row>
    <row r="43717" spans="44:44" ht="15.75" customHeight="1" x14ac:dyDescent="0.15">
      <c r="AR43717" s="9" ph="1"/>
    </row>
    <row r="43718" spans="44:44" ht="15.75" customHeight="1" x14ac:dyDescent="0.15">
      <c r="AR43718" s="9" ph="1"/>
    </row>
    <row r="43719" spans="44:44" ht="15.75" customHeight="1" x14ac:dyDescent="0.15">
      <c r="AR43719" s="9" ph="1"/>
    </row>
    <row r="43720" spans="44:44" ht="15.75" customHeight="1" x14ac:dyDescent="0.15">
      <c r="AR43720" s="9" ph="1"/>
    </row>
    <row r="43721" spans="44:44" ht="15.75" customHeight="1" x14ac:dyDescent="0.15">
      <c r="AR43721" s="9" ph="1"/>
    </row>
    <row r="43722" spans="44:44" ht="15.75" customHeight="1" x14ac:dyDescent="0.15">
      <c r="AR43722" s="9" ph="1"/>
    </row>
    <row r="43723" spans="44:44" ht="15.75" customHeight="1" x14ac:dyDescent="0.15">
      <c r="AR43723" s="9" ph="1"/>
    </row>
    <row r="43724" spans="44:44" ht="15.75" customHeight="1" x14ac:dyDescent="0.15">
      <c r="AR43724" s="9" ph="1"/>
    </row>
    <row r="43725" spans="44:44" ht="15.75" customHeight="1" x14ac:dyDescent="0.15">
      <c r="AR43725" s="9" ph="1"/>
    </row>
    <row r="43726" spans="44:44" ht="15.75" customHeight="1" x14ac:dyDescent="0.15">
      <c r="AR43726" s="9" ph="1"/>
    </row>
    <row r="43727" spans="44:44" ht="15.75" customHeight="1" x14ac:dyDescent="0.15">
      <c r="AR43727" s="9" ph="1"/>
    </row>
    <row r="43728" spans="44:44" ht="15.75" customHeight="1" x14ac:dyDescent="0.15">
      <c r="AR43728" s="9" ph="1"/>
    </row>
    <row r="43729" spans="44:44" ht="15.75" customHeight="1" x14ac:dyDescent="0.15">
      <c r="AR43729" s="9" ph="1"/>
    </row>
    <row r="43730" spans="44:44" ht="15.75" customHeight="1" x14ac:dyDescent="0.15">
      <c r="AR43730" s="9" ph="1"/>
    </row>
    <row r="43731" spans="44:44" ht="15.75" customHeight="1" x14ac:dyDescent="0.15">
      <c r="AR43731" s="9" ph="1"/>
    </row>
    <row r="43732" spans="44:44" ht="15.75" customHeight="1" x14ac:dyDescent="0.15">
      <c r="AR43732" s="9" ph="1"/>
    </row>
    <row r="43733" spans="44:44" ht="15.75" customHeight="1" x14ac:dyDescent="0.15">
      <c r="AR43733" s="9" ph="1"/>
    </row>
    <row r="43734" spans="44:44" ht="15.75" customHeight="1" x14ac:dyDescent="0.15">
      <c r="AR43734" s="9" ph="1"/>
    </row>
    <row r="43735" spans="44:44" ht="15.75" customHeight="1" x14ac:dyDescent="0.15">
      <c r="AR43735" s="9" ph="1"/>
    </row>
    <row r="43736" spans="44:44" ht="15.75" customHeight="1" x14ac:dyDescent="0.15">
      <c r="AR43736" s="9" ph="1"/>
    </row>
    <row r="43737" spans="44:44" ht="15.75" customHeight="1" x14ac:dyDescent="0.15">
      <c r="AR43737" s="9" ph="1"/>
    </row>
    <row r="43738" spans="44:44" ht="15.75" customHeight="1" x14ac:dyDescent="0.15">
      <c r="AR43738" s="9" ph="1"/>
    </row>
    <row r="43739" spans="44:44" ht="15.75" customHeight="1" x14ac:dyDescent="0.15">
      <c r="AR43739" s="9" ph="1"/>
    </row>
    <row r="43740" spans="44:44" ht="15.75" customHeight="1" x14ac:dyDescent="0.15">
      <c r="AR43740" s="9" ph="1"/>
    </row>
    <row r="43741" spans="44:44" ht="15.75" customHeight="1" x14ac:dyDescent="0.15">
      <c r="AR43741" s="9" ph="1"/>
    </row>
    <row r="43742" spans="44:44" ht="15.75" customHeight="1" x14ac:dyDescent="0.15">
      <c r="AR43742" s="9" ph="1"/>
    </row>
    <row r="43743" spans="44:44" ht="15.75" customHeight="1" x14ac:dyDescent="0.15">
      <c r="AR43743" s="9" ph="1"/>
    </row>
    <row r="43744" spans="44:44" ht="15.75" customHeight="1" x14ac:dyDescent="0.15">
      <c r="AR43744" s="9" ph="1"/>
    </row>
    <row r="43745" spans="44:44" ht="15.75" customHeight="1" x14ac:dyDescent="0.15">
      <c r="AR43745" s="9" ph="1"/>
    </row>
    <row r="43746" spans="44:44" ht="15.75" customHeight="1" x14ac:dyDescent="0.15">
      <c r="AR43746" s="9" ph="1"/>
    </row>
    <row r="43747" spans="44:44" ht="15.75" customHeight="1" x14ac:dyDescent="0.15">
      <c r="AR43747" s="9" ph="1"/>
    </row>
    <row r="43748" spans="44:44" ht="15.75" customHeight="1" x14ac:dyDescent="0.15">
      <c r="AR43748" s="9" ph="1"/>
    </row>
    <row r="43749" spans="44:44" ht="15.75" customHeight="1" x14ac:dyDescent="0.15">
      <c r="AR43749" s="9" ph="1"/>
    </row>
    <row r="43750" spans="44:44" ht="15.75" customHeight="1" x14ac:dyDescent="0.15">
      <c r="AR43750" s="9" ph="1"/>
    </row>
    <row r="43751" spans="44:44" ht="15.75" customHeight="1" x14ac:dyDescent="0.15">
      <c r="AR43751" s="9" ph="1"/>
    </row>
    <row r="43752" spans="44:44" ht="15.75" customHeight="1" x14ac:dyDescent="0.15">
      <c r="AR43752" s="9" ph="1"/>
    </row>
    <row r="43753" spans="44:44" ht="15.75" customHeight="1" x14ac:dyDescent="0.15">
      <c r="AR43753" s="9" ph="1"/>
    </row>
    <row r="43754" spans="44:44" ht="15.75" customHeight="1" x14ac:dyDescent="0.15">
      <c r="AR43754" s="9" ph="1"/>
    </row>
    <row r="43755" spans="44:44" ht="15.75" customHeight="1" x14ac:dyDescent="0.15">
      <c r="AR43755" s="9" ph="1"/>
    </row>
    <row r="43756" spans="44:44" ht="15.75" customHeight="1" x14ac:dyDescent="0.15">
      <c r="AR43756" s="9" ph="1"/>
    </row>
    <row r="43757" spans="44:44" ht="15.75" customHeight="1" x14ac:dyDescent="0.15">
      <c r="AR43757" s="9" ph="1"/>
    </row>
    <row r="43758" spans="44:44" ht="15.75" customHeight="1" x14ac:dyDescent="0.15">
      <c r="AR43758" s="9" ph="1"/>
    </row>
    <row r="43759" spans="44:44" ht="15.75" customHeight="1" x14ac:dyDescent="0.15">
      <c r="AR43759" s="9" ph="1"/>
    </row>
    <row r="43760" spans="44:44" ht="15.75" customHeight="1" x14ac:dyDescent="0.15">
      <c r="AR43760" s="9" ph="1"/>
    </row>
    <row r="43761" spans="44:44" ht="15.75" customHeight="1" x14ac:dyDescent="0.15">
      <c r="AR43761" s="9" ph="1"/>
    </row>
    <row r="43762" spans="44:44" ht="15.75" customHeight="1" x14ac:dyDescent="0.15">
      <c r="AR43762" s="9" ph="1"/>
    </row>
    <row r="43763" spans="44:44" ht="15.75" customHeight="1" x14ac:dyDescent="0.15">
      <c r="AR43763" s="9" ph="1"/>
    </row>
    <row r="43764" spans="44:44" ht="15.75" customHeight="1" x14ac:dyDescent="0.15">
      <c r="AR43764" s="9" ph="1"/>
    </row>
    <row r="43765" spans="44:44" ht="15.75" customHeight="1" x14ac:dyDescent="0.15">
      <c r="AR43765" s="9" ph="1"/>
    </row>
    <row r="43766" spans="44:44" ht="15.75" customHeight="1" x14ac:dyDescent="0.15">
      <c r="AR43766" s="9" ph="1"/>
    </row>
    <row r="43767" spans="44:44" ht="15.75" customHeight="1" x14ac:dyDescent="0.15">
      <c r="AR43767" s="9" ph="1"/>
    </row>
    <row r="43768" spans="44:44" ht="15.75" customHeight="1" x14ac:dyDescent="0.15">
      <c r="AR43768" s="9" ph="1"/>
    </row>
    <row r="43769" spans="44:44" ht="15.75" customHeight="1" x14ac:dyDescent="0.15">
      <c r="AR43769" s="9" ph="1"/>
    </row>
    <row r="43770" spans="44:44" ht="15.75" customHeight="1" x14ac:dyDescent="0.15">
      <c r="AR43770" s="9" ph="1"/>
    </row>
    <row r="43771" spans="44:44" ht="15.75" customHeight="1" x14ac:dyDescent="0.15">
      <c r="AR43771" s="9" ph="1"/>
    </row>
    <row r="43772" spans="44:44" ht="15.75" customHeight="1" x14ac:dyDescent="0.15">
      <c r="AR43772" s="9" ph="1"/>
    </row>
    <row r="43773" spans="44:44" ht="15.75" customHeight="1" x14ac:dyDescent="0.15">
      <c r="AR43773" s="9" ph="1"/>
    </row>
    <row r="43774" spans="44:44" ht="15.75" customHeight="1" x14ac:dyDescent="0.15">
      <c r="AR43774" s="9" ph="1"/>
    </row>
    <row r="43775" spans="44:44" ht="15.75" customHeight="1" x14ac:dyDescent="0.15">
      <c r="AR43775" s="9" ph="1"/>
    </row>
    <row r="43776" spans="44:44" ht="15.75" customHeight="1" x14ac:dyDescent="0.15">
      <c r="AR43776" s="9" ph="1"/>
    </row>
    <row r="43777" spans="44:44" ht="15.75" customHeight="1" x14ac:dyDescent="0.15">
      <c r="AR43777" s="9" ph="1"/>
    </row>
    <row r="43778" spans="44:44" ht="15.75" customHeight="1" x14ac:dyDescent="0.15">
      <c r="AR43778" s="9" ph="1"/>
    </row>
    <row r="43779" spans="44:44" ht="15.75" customHeight="1" x14ac:dyDescent="0.15">
      <c r="AR43779" s="9" ph="1"/>
    </row>
    <row r="43780" spans="44:44" ht="15.75" customHeight="1" x14ac:dyDescent="0.15">
      <c r="AR43780" s="9" ph="1"/>
    </row>
    <row r="43781" spans="44:44" ht="15.75" customHeight="1" x14ac:dyDescent="0.15">
      <c r="AR43781" s="9" ph="1"/>
    </row>
    <row r="43782" spans="44:44" ht="15.75" customHeight="1" x14ac:dyDescent="0.15">
      <c r="AR43782" s="9" ph="1"/>
    </row>
    <row r="43783" spans="44:44" ht="15.75" customHeight="1" x14ac:dyDescent="0.15">
      <c r="AR43783" s="9" ph="1"/>
    </row>
    <row r="43784" spans="44:44" ht="15.75" customHeight="1" x14ac:dyDescent="0.15">
      <c r="AR43784" s="9" ph="1"/>
    </row>
    <row r="43785" spans="44:44" ht="15.75" customHeight="1" x14ac:dyDescent="0.15">
      <c r="AR43785" s="9" ph="1"/>
    </row>
    <row r="43786" spans="44:44" ht="15.75" customHeight="1" x14ac:dyDescent="0.15">
      <c r="AR43786" s="9" ph="1"/>
    </row>
    <row r="43787" spans="44:44" ht="15.75" customHeight="1" x14ac:dyDescent="0.15">
      <c r="AR43787" s="9" ph="1"/>
    </row>
    <row r="43788" spans="44:44" ht="15.75" customHeight="1" x14ac:dyDescent="0.15">
      <c r="AR43788" s="9" ph="1"/>
    </row>
    <row r="43789" spans="44:44" ht="15.75" customHeight="1" x14ac:dyDescent="0.15">
      <c r="AR43789" s="9" ph="1"/>
    </row>
    <row r="43790" spans="44:44" ht="15.75" customHeight="1" x14ac:dyDescent="0.15">
      <c r="AR43790" s="9" ph="1"/>
    </row>
    <row r="43791" spans="44:44" ht="15.75" customHeight="1" x14ac:dyDescent="0.15">
      <c r="AR43791" s="9" ph="1"/>
    </row>
    <row r="43792" spans="44:44" ht="15.75" customHeight="1" x14ac:dyDescent="0.15">
      <c r="AR43792" s="9" ph="1"/>
    </row>
    <row r="43793" spans="44:44" ht="15.75" customHeight="1" x14ac:dyDescent="0.15">
      <c r="AR43793" s="9" ph="1"/>
    </row>
    <row r="43794" spans="44:44" ht="15.75" customHeight="1" x14ac:dyDescent="0.15">
      <c r="AR43794" s="9" ph="1"/>
    </row>
    <row r="43795" spans="44:44" ht="15.75" customHeight="1" x14ac:dyDescent="0.15">
      <c r="AR43795" s="9" ph="1"/>
    </row>
    <row r="43796" spans="44:44" ht="15.75" customHeight="1" x14ac:dyDescent="0.15">
      <c r="AR43796" s="9" ph="1"/>
    </row>
    <row r="43797" spans="44:44" ht="15.75" customHeight="1" x14ac:dyDescent="0.15">
      <c r="AR43797" s="9" ph="1"/>
    </row>
    <row r="43798" spans="44:44" ht="15.75" customHeight="1" x14ac:dyDescent="0.15">
      <c r="AR43798" s="9" ph="1"/>
    </row>
    <row r="43799" spans="44:44" ht="15.75" customHeight="1" x14ac:dyDescent="0.15">
      <c r="AR43799" s="9" ph="1"/>
    </row>
    <row r="43800" spans="44:44" ht="15.75" customHeight="1" x14ac:dyDescent="0.15">
      <c r="AR43800" s="9" ph="1"/>
    </row>
    <row r="43801" spans="44:44" ht="15.75" customHeight="1" x14ac:dyDescent="0.15">
      <c r="AR43801" s="9" ph="1"/>
    </row>
    <row r="43802" spans="44:44" ht="15.75" customHeight="1" x14ac:dyDescent="0.15">
      <c r="AR43802" s="9" ph="1"/>
    </row>
    <row r="43803" spans="44:44" ht="15.75" customHeight="1" x14ac:dyDescent="0.15">
      <c r="AR43803" s="9" ph="1"/>
    </row>
    <row r="43804" spans="44:44" ht="15.75" customHeight="1" x14ac:dyDescent="0.15">
      <c r="AR43804" s="9" ph="1"/>
    </row>
    <row r="43805" spans="44:44" ht="15.75" customHeight="1" x14ac:dyDescent="0.15">
      <c r="AR43805" s="9" ph="1"/>
    </row>
    <row r="43806" spans="44:44" ht="15.75" customHeight="1" x14ac:dyDescent="0.15">
      <c r="AR43806" s="9" ph="1"/>
    </row>
    <row r="43807" spans="44:44" ht="15.75" customHeight="1" x14ac:dyDescent="0.15">
      <c r="AR43807" s="9" ph="1"/>
    </row>
    <row r="43808" spans="44:44" ht="15.75" customHeight="1" x14ac:dyDescent="0.15">
      <c r="AR43808" s="9" ph="1"/>
    </row>
    <row r="43809" spans="44:44" ht="15.75" customHeight="1" x14ac:dyDescent="0.15">
      <c r="AR43809" s="9" ph="1"/>
    </row>
    <row r="43810" spans="44:44" ht="15.75" customHeight="1" x14ac:dyDescent="0.15">
      <c r="AR43810" s="9" ph="1"/>
    </row>
    <row r="43811" spans="44:44" ht="15.75" customHeight="1" x14ac:dyDescent="0.15">
      <c r="AR43811" s="9" ph="1"/>
    </row>
    <row r="43812" spans="44:44" ht="15.75" customHeight="1" x14ac:dyDescent="0.15">
      <c r="AR43812" s="9" ph="1"/>
    </row>
    <row r="43813" spans="44:44" ht="15.75" customHeight="1" x14ac:dyDescent="0.15">
      <c r="AR43813" s="9" ph="1"/>
    </row>
    <row r="43814" spans="44:44" ht="15.75" customHeight="1" x14ac:dyDescent="0.15">
      <c r="AR43814" s="9" ph="1"/>
    </row>
    <row r="43815" spans="44:44" ht="15.75" customHeight="1" x14ac:dyDescent="0.15">
      <c r="AR43815" s="9" ph="1"/>
    </row>
    <row r="43816" spans="44:44" ht="15.75" customHeight="1" x14ac:dyDescent="0.15">
      <c r="AR43816" s="9" ph="1"/>
    </row>
    <row r="43817" spans="44:44" ht="15.75" customHeight="1" x14ac:dyDescent="0.15">
      <c r="AR43817" s="9" ph="1"/>
    </row>
    <row r="43818" spans="44:44" ht="15.75" customHeight="1" x14ac:dyDescent="0.15">
      <c r="AR43818" s="9" ph="1"/>
    </row>
    <row r="43819" spans="44:44" ht="15.75" customHeight="1" x14ac:dyDescent="0.15">
      <c r="AR43819" s="9" ph="1"/>
    </row>
    <row r="43820" spans="44:44" ht="15.75" customHeight="1" x14ac:dyDescent="0.15">
      <c r="AR43820" s="9" ph="1"/>
    </row>
    <row r="43821" spans="44:44" ht="15.75" customHeight="1" x14ac:dyDescent="0.15">
      <c r="AR43821" s="9" ph="1"/>
    </row>
    <row r="43822" spans="44:44" ht="15.75" customHeight="1" x14ac:dyDescent="0.15">
      <c r="AR43822" s="9" ph="1"/>
    </row>
    <row r="43823" spans="44:44" ht="15.75" customHeight="1" x14ac:dyDescent="0.15">
      <c r="AR43823" s="9" ph="1"/>
    </row>
    <row r="43825" spans="44:44" ht="15.75" customHeight="1" x14ac:dyDescent="0.15">
      <c r="AR43825" s="9" ph="1"/>
    </row>
    <row r="43826" spans="44:44" ht="15.75" customHeight="1" x14ac:dyDescent="0.15">
      <c r="AR43826" s="9" ph="1"/>
    </row>
    <row r="43827" spans="44:44" ht="15.75" customHeight="1" x14ac:dyDescent="0.15">
      <c r="AR43827" s="9" ph="1"/>
    </row>
    <row r="43828" spans="44:44" ht="15.75" customHeight="1" x14ac:dyDescent="0.15">
      <c r="AR43828" s="9" ph="1"/>
    </row>
    <row r="43829" spans="44:44" ht="15.75" customHeight="1" x14ac:dyDescent="0.15">
      <c r="AR43829" s="9" ph="1"/>
    </row>
    <row r="43830" spans="44:44" ht="15.75" customHeight="1" x14ac:dyDescent="0.15">
      <c r="AR43830" s="9" ph="1"/>
    </row>
    <row r="43831" spans="44:44" ht="15.75" customHeight="1" x14ac:dyDescent="0.15">
      <c r="AR43831" s="9" ph="1"/>
    </row>
    <row r="43832" spans="44:44" ht="15.75" customHeight="1" x14ac:dyDescent="0.15">
      <c r="AR43832" s="9" ph="1"/>
    </row>
    <row r="43833" spans="44:44" ht="15.75" customHeight="1" x14ac:dyDescent="0.15">
      <c r="AR43833" s="9" ph="1"/>
    </row>
    <row r="43834" spans="44:44" ht="15.75" customHeight="1" x14ac:dyDescent="0.15">
      <c r="AR43834" s="9" ph="1"/>
    </row>
    <row r="43835" spans="44:44" ht="15.75" customHeight="1" x14ac:dyDescent="0.15">
      <c r="AR43835" s="9" ph="1"/>
    </row>
    <row r="43836" spans="44:44" ht="15.75" customHeight="1" x14ac:dyDescent="0.15">
      <c r="AR43836" s="9" ph="1"/>
    </row>
    <row r="43837" spans="44:44" ht="15.75" customHeight="1" x14ac:dyDescent="0.15">
      <c r="AR43837" s="9" ph="1"/>
    </row>
    <row r="43838" spans="44:44" ht="15.75" customHeight="1" x14ac:dyDescent="0.15">
      <c r="AR43838" s="9" ph="1"/>
    </row>
    <row r="43840" spans="44:44" ht="15.75" customHeight="1" x14ac:dyDescent="0.15">
      <c r="AR43840" s="9" ph="1"/>
    </row>
    <row r="43841" spans="44:44" ht="15.75" customHeight="1" x14ac:dyDescent="0.15">
      <c r="AR43841" s="9" ph="1"/>
    </row>
    <row r="43842" spans="44:44" ht="15.75" customHeight="1" x14ac:dyDescent="0.15">
      <c r="AR43842" s="9" ph="1"/>
    </row>
    <row r="43843" spans="44:44" ht="15.75" customHeight="1" x14ac:dyDescent="0.15">
      <c r="AR43843" s="9" ph="1"/>
    </row>
    <row r="43844" spans="44:44" ht="15.75" customHeight="1" x14ac:dyDescent="0.15">
      <c r="AR43844" s="9" ph="1"/>
    </row>
    <row r="43845" spans="44:44" ht="15.75" customHeight="1" x14ac:dyDescent="0.15">
      <c r="AR43845" s="9" ph="1"/>
    </row>
    <row r="43846" spans="44:44" ht="15.75" customHeight="1" x14ac:dyDescent="0.15">
      <c r="AR43846" s="9" ph="1"/>
    </row>
    <row r="43847" spans="44:44" ht="15.75" customHeight="1" x14ac:dyDescent="0.15">
      <c r="AR43847" s="9" ph="1"/>
    </row>
    <row r="43848" spans="44:44" ht="15.75" customHeight="1" x14ac:dyDescent="0.15">
      <c r="AR43848" s="9" ph="1"/>
    </row>
    <row r="43849" spans="44:44" ht="15.75" customHeight="1" x14ac:dyDescent="0.15">
      <c r="AR43849" s="9" ph="1"/>
    </row>
    <row r="43850" spans="44:44" ht="15.75" customHeight="1" x14ac:dyDescent="0.15">
      <c r="AR43850" s="9" ph="1"/>
    </row>
    <row r="43851" spans="44:44" ht="15.75" customHeight="1" x14ac:dyDescent="0.15">
      <c r="AR43851" s="9" ph="1"/>
    </row>
    <row r="43852" spans="44:44" ht="15.75" customHeight="1" x14ac:dyDescent="0.15">
      <c r="AR43852" s="9" ph="1"/>
    </row>
    <row r="43853" spans="44:44" ht="15.75" customHeight="1" x14ac:dyDescent="0.15">
      <c r="AR43853" s="9" ph="1"/>
    </row>
    <row r="43854" spans="44:44" ht="15.75" customHeight="1" x14ac:dyDescent="0.15">
      <c r="AR43854" s="9" ph="1"/>
    </row>
    <row r="43856" spans="44:44" ht="15.75" customHeight="1" x14ac:dyDescent="0.15">
      <c r="AR43856" s="9" ph="1"/>
    </row>
    <row r="43857" spans="44:44" ht="15.75" customHeight="1" x14ac:dyDescent="0.15">
      <c r="AR43857" s="9" ph="1"/>
    </row>
    <row r="43858" spans="44:44" ht="15.75" customHeight="1" x14ac:dyDescent="0.15">
      <c r="AR43858" s="9" ph="1"/>
    </row>
    <row r="43859" spans="44:44" ht="15.75" customHeight="1" x14ac:dyDescent="0.15">
      <c r="AR43859" s="9" ph="1"/>
    </row>
    <row r="43860" spans="44:44" ht="15.75" customHeight="1" x14ac:dyDescent="0.15">
      <c r="AR43860" s="9" ph="1"/>
    </row>
    <row r="43861" spans="44:44" ht="15.75" customHeight="1" x14ac:dyDescent="0.15">
      <c r="AR43861" s="9" ph="1"/>
    </row>
    <row r="43862" spans="44:44" ht="15.75" customHeight="1" x14ac:dyDescent="0.15">
      <c r="AR43862" s="9" ph="1"/>
    </row>
    <row r="43863" spans="44:44" ht="15.75" customHeight="1" x14ac:dyDescent="0.15">
      <c r="AR43863" s="9" ph="1"/>
    </row>
    <row r="43864" spans="44:44" ht="15.75" customHeight="1" x14ac:dyDescent="0.15">
      <c r="AR43864" s="9" ph="1"/>
    </row>
    <row r="43865" spans="44:44" ht="15.75" customHeight="1" x14ac:dyDescent="0.15">
      <c r="AR43865" s="9" ph="1"/>
    </row>
    <row r="43867" spans="44:44" ht="15.75" customHeight="1" x14ac:dyDescent="0.15">
      <c r="AR43867" s="9" ph="1"/>
    </row>
    <row r="43868" spans="44:44" ht="15.75" customHeight="1" x14ac:dyDescent="0.15">
      <c r="AR43868" s="9" ph="1"/>
    </row>
    <row r="43869" spans="44:44" ht="15.75" customHeight="1" x14ac:dyDescent="0.15">
      <c r="AR43869" s="9" ph="1"/>
    </row>
    <row r="43870" spans="44:44" ht="15.75" customHeight="1" x14ac:dyDescent="0.15">
      <c r="AR43870" s="9" ph="1"/>
    </row>
    <row r="43871" spans="44:44" ht="15.75" customHeight="1" x14ac:dyDescent="0.15">
      <c r="AR43871" s="9" ph="1"/>
    </row>
    <row r="43872" spans="44:44" ht="15.75" customHeight="1" x14ac:dyDescent="0.15">
      <c r="AR43872" s="9" ph="1"/>
    </row>
    <row r="43873" spans="44:44" ht="15.75" customHeight="1" x14ac:dyDescent="0.15">
      <c r="AR43873" s="9" ph="1"/>
    </row>
    <row r="43874" spans="44:44" ht="15.75" customHeight="1" x14ac:dyDescent="0.15">
      <c r="AR43874" s="9" ph="1"/>
    </row>
    <row r="43875" spans="44:44" ht="15.75" customHeight="1" x14ac:dyDescent="0.15">
      <c r="AR43875" s="9" ph="1"/>
    </row>
    <row r="43876" spans="44:44" ht="15.75" customHeight="1" x14ac:dyDescent="0.15">
      <c r="AR43876" s="9" ph="1"/>
    </row>
    <row r="43877" spans="44:44" ht="15.75" customHeight="1" x14ac:dyDescent="0.15">
      <c r="AR43877" s="9" ph="1"/>
    </row>
    <row r="43878" spans="44:44" ht="15.75" customHeight="1" x14ac:dyDescent="0.15">
      <c r="AR43878" s="9" ph="1"/>
    </row>
    <row r="43879" spans="44:44" ht="15.75" customHeight="1" x14ac:dyDescent="0.15">
      <c r="AR43879" s="9" ph="1"/>
    </row>
    <row r="43880" spans="44:44" ht="15.75" customHeight="1" x14ac:dyDescent="0.15">
      <c r="AR43880" s="9" ph="1"/>
    </row>
    <row r="43881" spans="44:44" ht="15.75" customHeight="1" x14ac:dyDescent="0.15">
      <c r="AR43881" s="9" ph="1"/>
    </row>
    <row r="43882" spans="44:44" ht="15.75" customHeight="1" x14ac:dyDescent="0.15">
      <c r="AR43882" s="9" ph="1"/>
    </row>
    <row r="43883" spans="44:44" ht="15.75" customHeight="1" x14ac:dyDescent="0.15">
      <c r="AR43883" s="9" ph="1"/>
    </row>
    <row r="43884" spans="44:44" ht="15.75" customHeight="1" x14ac:dyDescent="0.15">
      <c r="AR43884" s="9" ph="1"/>
    </row>
    <row r="43885" spans="44:44" ht="15.75" customHeight="1" x14ac:dyDescent="0.15">
      <c r="AR43885" s="9" ph="1"/>
    </row>
    <row r="43886" spans="44:44" ht="15.75" customHeight="1" x14ac:dyDescent="0.15">
      <c r="AR43886" s="9" ph="1"/>
    </row>
    <row r="43887" spans="44:44" ht="15.75" customHeight="1" x14ac:dyDescent="0.15">
      <c r="AR43887" s="9" ph="1"/>
    </row>
    <row r="43888" spans="44:44" ht="15.75" customHeight="1" x14ac:dyDescent="0.15">
      <c r="AR43888" s="9" ph="1"/>
    </row>
    <row r="43889" spans="44:44" ht="15.75" customHeight="1" x14ac:dyDescent="0.15">
      <c r="AR43889" s="9" ph="1"/>
    </row>
    <row r="43890" spans="44:44" ht="15.75" customHeight="1" x14ac:dyDescent="0.15">
      <c r="AR43890" s="9" ph="1"/>
    </row>
    <row r="43891" spans="44:44" ht="15.75" customHeight="1" x14ac:dyDescent="0.15">
      <c r="AR43891" s="9" ph="1"/>
    </row>
    <row r="43893" spans="44:44" ht="15.75" customHeight="1" x14ac:dyDescent="0.15">
      <c r="AR43893" s="9" ph="1"/>
    </row>
    <row r="43894" spans="44:44" ht="15.75" customHeight="1" x14ac:dyDescent="0.15">
      <c r="AR43894" s="9" ph="1"/>
    </row>
    <row r="43895" spans="44:44" ht="15.75" customHeight="1" x14ac:dyDescent="0.15">
      <c r="AR43895" s="9" ph="1"/>
    </row>
    <row r="43896" spans="44:44" ht="15.75" customHeight="1" x14ac:dyDescent="0.15">
      <c r="AR43896" s="9" ph="1"/>
    </row>
    <row r="43897" spans="44:44" ht="15.75" customHeight="1" x14ac:dyDescent="0.15">
      <c r="AR43897" s="9" ph="1"/>
    </row>
    <row r="43898" spans="44:44" ht="15.75" customHeight="1" x14ac:dyDescent="0.15">
      <c r="AR43898" s="9" ph="1"/>
    </row>
    <row r="43899" spans="44:44" ht="15.75" customHeight="1" x14ac:dyDescent="0.15">
      <c r="AR43899" s="9" ph="1"/>
    </row>
    <row r="43900" spans="44:44" ht="15.75" customHeight="1" x14ac:dyDescent="0.15">
      <c r="AR43900" s="9" ph="1"/>
    </row>
    <row r="43901" spans="44:44" ht="15.75" customHeight="1" x14ac:dyDescent="0.15">
      <c r="AR43901" s="9" ph="1"/>
    </row>
    <row r="43902" spans="44:44" ht="15.75" customHeight="1" x14ac:dyDescent="0.15">
      <c r="AR43902" s="9" ph="1"/>
    </row>
    <row r="43903" spans="44:44" ht="15.75" customHeight="1" x14ac:dyDescent="0.15">
      <c r="AR43903" s="9" ph="1"/>
    </row>
    <row r="43904" spans="44:44" ht="15.75" customHeight="1" x14ac:dyDescent="0.15">
      <c r="AR43904" s="9" ph="1"/>
    </row>
    <row r="43905" spans="44:44" ht="15.75" customHeight="1" x14ac:dyDescent="0.15">
      <c r="AR43905" s="9" ph="1"/>
    </row>
    <row r="43906" spans="44:44" ht="15.75" customHeight="1" x14ac:dyDescent="0.15">
      <c r="AR43906" s="9" ph="1"/>
    </row>
    <row r="43907" spans="44:44" ht="15.75" customHeight="1" x14ac:dyDescent="0.15">
      <c r="AR43907" s="9" ph="1"/>
    </row>
    <row r="43909" spans="44:44" ht="15.75" customHeight="1" x14ac:dyDescent="0.15">
      <c r="AR43909" s="9" ph="1"/>
    </row>
    <row r="43910" spans="44:44" ht="15.75" customHeight="1" x14ac:dyDescent="0.15">
      <c r="AR43910" s="9" ph="1"/>
    </row>
    <row r="43911" spans="44:44" ht="15.75" customHeight="1" x14ac:dyDescent="0.15">
      <c r="AR43911" s="9" ph="1"/>
    </row>
    <row r="43912" spans="44:44" ht="15.75" customHeight="1" x14ac:dyDescent="0.15">
      <c r="AR43912" s="9" ph="1"/>
    </row>
    <row r="43913" spans="44:44" ht="15.75" customHeight="1" x14ac:dyDescent="0.15">
      <c r="AR43913" s="9" ph="1"/>
    </row>
    <row r="43914" spans="44:44" ht="15.75" customHeight="1" x14ac:dyDescent="0.15">
      <c r="AR43914" s="9" ph="1"/>
    </row>
    <row r="43915" spans="44:44" ht="15.75" customHeight="1" x14ac:dyDescent="0.15">
      <c r="AR43915" s="9" ph="1"/>
    </row>
    <row r="43916" spans="44:44" ht="15.75" customHeight="1" x14ac:dyDescent="0.15">
      <c r="AR43916" s="9" ph="1"/>
    </row>
    <row r="43917" spans="44:44" ht="15.75" customHeight="1" x14ac:dyDescent="0.15">
      <c r="AR43917" s="9" ph="1"/>
    </row>
    <row r="43918" spans="44:44" ht="15.75" customHeight="1" x14ac:dyDescent="0.15">
      <c r="AR43918" s="9" ph="1"/>
    </row>
    <row r="43920" spans="44:44" ht="15.75" customHeight="1" x14ac:dyDescent="0.15">
      <c r="AR43920" s="9" ph="1"/>
    </row>
    <row r="43921" spans="44:44" ht="15.75" customHeight="1" x14ac:dyDescent="0.15">
      <c r="AR43921" s="9" ph="1"/>
    </row>
    <row r="43922" spans="44:44" ht="15.75" customHeight="1" x14ac:dyDescent="0.15">
      <c r="AR43922" s="9" ph="1"/>
    </row>
    <row r="43923" spans="44:44" ht="15.75" customHeight="1" x14ac:dyDescent="0.15">
      <c r="AR43923" s="9" ph="1"/>
    </row>
    <row r="43924" spans="44:44" ht="15.75" customHeight="1" x14ac:dyDescent="0.15">
      <c r="AR43924" s="9" ph="1"/>
    </row>
    <row r="43925" spans="44:44" ht="15.75" customHeight="1" x14ac:dyDescent="0.15">
      <c r="AR43925" s="9" ph="1"/>
    </row>
    <row r="43926" spans="44:44" ht="15.75" customHeight="1" x14ac:dyDescent="0.15">
      <c r="AR43926" s="9" ph="1"/>
    </row>
    <row r="43927" spans="44:44" ht="15.75" customHeight="1" x14ac:dyDescent="0.15">
      <c r="AR43927" s="9" ph="1"/>
    </row>
    <row r="43928" spans="44:44" ht="15.75" customHeight="1" x14ac:dyDescent="0.15">
      <c r="AR43928" s="9" ph="1"/>
    </row>
    <row r="43929" spans="44:44" ht="15.75" customHeight="1" x14ac:dyDescent="0.15">
      <c r="AR43929" s="9" ph="1"/>
    </row>
    <row r="43930" spans="44:44" ht="15.75" customHeight="1" x14ac:dyDescent="0.15">
      <c r="AR43930" s="9" ph="1"/>
    </row>
    <row r="43931" spans="44:44" ht="15.75" customHeight="1" x14ac:dyDescent="0.15">
      <c r="AR43931" s="9" ph="1"/>
    </row>
    <row r="43932" spans="44:44" ht="15.75" customHeight="1" x14ac:dyDescent="0.15">
      <c r="AR43932" s="9" ph="1"/>
    </row>
    <row r="43933" spans="44:44" ht="15.75" customHeight="1" x14ac:dyDescent="0.15">
      <c r="AR43933" s="9" ph="1"/>
    </row>
    <row r="43934" spans="44:44" ht="15.75" customHeight="1" x14ac:dyDescent="0.15">
      <c r="AR43934" s="9" ph="1"/>
    </row>
    <row r="43935" spans="44:44" ht="15.75" customHeight="1" x14ac:dyDescent="0.15">
      <c r="AR43935" s="9" ph="1"/>
    </row>
    <row r="43936" spans="44:44" ht="15.75" customHeight="1" x14ac:dyDescent="0.15">
      <c r="AR43936" s="9" ph="1"/>
    </row>
    <row r="43937" spans="44:44" ht="15.75" customHeight="1" x14ac:dyDescent="0.15">
      <c r="AR43937" s="9" ph="1"/>
    </row>
    <row r="43938" spans="44:44" ht="15.75" customHeight="1" x14ac:dyDescent="0.15">
      <c r="AR43938" s="9" ph="1"/>
    </row>
    <row r="43939" spans="44:44" ht="15.75" customHeight="1" x14ac:dyDescent="0.15">
      <c r="AR43939" s="9" ph="1"/>
    </row>
    <row r="43940" spans="44:44" ht="15.75" customHeight="1" x14ac:dyDescent="0.15">
      <c r="AR43940" s="9" ph="1"/>
    </row>
    <row r="43941" spans="44:44" ht="15.75" customHeight="1" x14ac:dyDescent="0.15">
      <c r="AR43941" s="9" ph="1"/>
    </row>
    <row r="43942" spans="44:44" ht="15.75" customHeight="1" x14ac:dyDescent="0.15">
      <c r="AR43942" s="9" ph="1"/>
    </row>
    <row r="43943" spans="44:44" ht="15.75" customHeight="1" x14ac:dyDescent="0.15">
      <c r="AR43943" s="9" ph="1"/>
    </row>
    <row r="43944" spans="44:44" ht="15.75" customHeight="1" x14ac:dyDescent="0.15">
      <c r="AR43944" s="9" ph="1"/>
    </row>
    <row r="43946" spans="44:44" ht="15.75" customHeight="1" x14ac:dyDescent="0.15">
      <c r="AR43946" s="9" ph="1"/>
    </row>
    <row r="43947" spans="44:44" ht="15.75" customHeight="1" x14ac:dyDescent="0.15">
      <c r="AR43947" s="9" ph="1"/>
    </row>
    <row r="43948" spans="44:44" ht="15.75" customHeight="1" x14ac:dyDescent="0.15">
      <c r="AR43948" s="9" ph="1"/>
    </row>
    <row r="43949" spans="44:44" ht="15.75" customHeight="1" x14ac:dyDescent="0.15">
      <c r="AR43949" s="9" ph="1"/>
    </row>
    <row r="43950" spans="44:44" ht="15.75" customHeight="1" x14ac:dyDescent="0.15">
      <c r="AR43950" s="9" ph="1"/>
    </row>
    <row r="43951" spans="44:44" ht="15.75" customHeight="1" x14ac:dyDescent="0.15">
      <c r="AR43951" s="9" ph="1"/>
    </row>
    <row r="43952" spans="44:44" ht="15.75" customHeight="1" x14ac:dyDescent="0.15">
      <c r="AR43952" s="9" ph="1"/>
    </row>
    <row r="43953" spans="44:44" ht="15.75" customHeight="1" x14ac:dyDescent="0.15">
      <c r="AR43953" s="9" ph="1"/>
    </row>
    <row r="43954" spans="44:44" ht="15.75" customHeight="1" x14ac:dyDescent="0.15">
      <c r="AR43954" s="9" ph="1"/>
    </row>
    <row r="43955" spans="44:44" ht="15.75" customHeight="1" x14ac:dyDescent="0.15">
      <c r="AR43955" s="9" ph="1"/>
    </row>
    <row r="43956" spans="44:44" ht="15.75" customHeight="1" x14ac:dyDescent="0.15">
      <c r="AR43956" s="9" ph="1"/>
    </row>
    <row r="43957" spans="44:44" ht="15.75" customHeight="1" x14ac:dyDescent="0.15">
      <c r="AR43957" s="9" ph="1"/>
    </row>
    <row r="43958" spans="44:44" ht="15.75" customHeight="1" x14ac:dyDescent="0.15">
      <c r="AR43958" s="9" ph="1"/>
    </row>
    <row r="43959" spans="44:44" ht="15.75" customHeight="1" x14ac:dyDescent="0.15">
      <c r="AR43959" s="9" ph="1"/>
    </row>
    <row r="43960" spans="44:44" ht="15.75" customHeight="1" x14ac:dyDescent="0.15">
      <c r="AR43960" s="9" ph="1"/>
    </row>
    <row r="43962" spans="44:44" ht="15.75" customHeight="1" x14ac:dyDescent="0.15">
      <c r="AR43962" s="9" ph="1"/>
    </row>
    <row r="43963" spans="44:44" ht="15.75" customHeight="1" x14ac:dyDescent="0.15">
      <c r="AR43963" s="9" ph="1"/>
    </row>
    <row r="43964" spans="44:44" ht="15.75" customHeight="1" x14ac:dyDescent="0.15">
      <c r="AR43964" s="9" ph="1"/>
    </row>
    <row r="43965" spans="44:44" ht="15.75" customHeight="1" x14ac:dyDescent="0.15">
      <c r="AR43965" s="9" ph="1"/>
    </row>
    <row r="43966" spans="44:44" ht="15.75" customHeight="1" x14ac:dyDescent="0.15">
      <c r="AR43966" s="9" ph="1"/>
    </row>
    <row r="43967" spans="44:44" ht="15.75" customHeight="1" x14ac:dyDescent="0.15">
      <c r="AR43967" s="9" ph="1"/>
    </row>
    <row r="43968" spans="44:44" ht="15.75" customHeight="1" x14ac:dyDescent="0.15">
      <c r="AR43968" s="9" ph="1"/>
    </row>
    <row r="43969" spans="44:44" ht="15.75" customHeight="1" x14ac:dyDescent="0.15">
      <c r="AR43969" s="9" ph="1"/>
    </row>
    <row r="43970" spans="44:44" ht="15.75" customHeight="1" x14ac:dyDescent="0.15">
      <c r="AR43970" s="9" ph="1"/>
    </row>
    <row r="43971" spans="44:44" ht="15.75" customHeight="1" x14ac:dyDescent="0.15">
      <c r="AR43971" s="9" ph="1"/>
    </row>
    <row r="43973" spans="44:44" ht="15.75" customHeight="1" x14ac:dyDescent="0.15">
      <c r="AR43973" s="9" ph="1"/>
    </row>
    <row r="43974" spans="44:44" ht="15.75" customHeight="1" x14ac:dyDescent="0.15">
      <c r="AR43974" s="9" ph="1"/>
    </row>
    <row r="43975" spans="44:44" ht="15.75" customHeight="1" x14ac:dyDescent="0.15">
      <c r="AR43975" s="9" ph="1"/>
    </row>
    <row r="43976" spans="44:44" ht="15.75" customHeight="1" x14ac:dyDescent="0.15">
      <c r="AR43976" s="9" ph="1"/>
    </row>
    <row r="43977" spans="44:44" ht="15.75" customHeight="1" x14ac:dyDescent="0.15">
      <c r="AR43977" s="9" ph="1"/>
    </row>
    <row r="43978" spans="44:44" ht="15.75" customHeight="1" x14ac:dyDescent="0.15">
      <c r="AR43978" s="9" ph="1"/>
    </row>
    <row r="43979" spans="44:44" ht="15.75" customHeight="1" x14ac:dyDescent="0.15">
      <c r="AR43979" s="9" ph="1"/>
    </row>
    <row r="43980" spans="44:44" ht="15.75" customHeight="1" x14ac:dyDescent="0.15">
      <c r="AR43980" s="9" ph="1"/>
    </row>
    <row r="43981" spans="44:44" ht="15.75" customHeight="1" x14ac:dyDescent="0.15">
      <c r="AR43981" s="9" ph="1"/>
    </row>
    <row r="43982" spans="44:44" ht="15.75" customHeight="1" x14ac:dyDescent="0.15">
      <c r="AR43982" s="9" ph="1"/>
    </row>
    <row r="43983" spans="44:44" ht="15.75" customHeight="1" x14ac:dyDescent="0.15">
      <c r="AR43983" s="9" ph="1"/>
    </row>
    <row r="43984" spans="44:44" ht="15.75" customHeight="1" x14ac:dyDescent="0.15">
      <c r="AR43984" s="9" ph="1"/>
    </row>
    <row r="43985" spans="44:44" ht="15.75" customHeight="1" x14ac:dyDescent="0.15">
      <c r="AR43985" s="9" ph="1"/>
    </row>
    <row r="43986" spans="44:44" ht="15.75" customHeight="1" x14ac:dyDescent="0.15">
      <c r="AR43986" s="9" ph="1"/>
    </row>
    <row r="43987" spans="44:44" ht="15.75" customHeight="1" x14ac:dyDescent="0.15">
      <c r="AR43987" s="9" ph="1"/>
    </row>
    <row r="43988" spans="44:44" ht="15.75" customHeight="1" x14ac:dyDescent="0.15">
      <c r="AR43988" s="9" ph="1"/>
    </row>
    <row r="43989" spans="44:44" ht="15.75" customHeight="1" x14ac:dyDescent="0.15">
      <c r="AR43989" s="9" ph="1"/>
    </row>
    <row r="43990" spans="44:44" ht="15.75" customHeight="1" x14ac:dyDescent="0.15">
      <c r="AR43990" s="9" ph="1"/>
    </row>
    <row r="43992" spans="44:44" ht="15.75" customHeight="1" x14ac:dyDescent="0.15">
      <c r="AR43992" s="9" ph="1"/>
    </row>
    <row r="43993" spans="44:44" ht="15.75" customHeight="1" x14ac:dyDescent="0.15">
      <c r="AR43993" s="9" ph="1"/>
    </row>
    <row r="43994" spans="44:44" ht="15.75" customHeight="1" x14ac:dyDescent="0.15">
      <c r="AR43994" s="9" ph="1"/>
    </row>
    <row r="43995" spans="44:44" ht="15.75" customHeight="1" x14ac:dyDescent="0.15">
      <c r="AR43995" s="9" ph="1"/>
    </row>
    <row r="43996" spans="44:44" ht="15.75" customHeight="1" x14ac:dyDescent="0.15">
      <c r="AR43996" s="9" ph="1"/>
    </row>
    <row r="43997" spans="44:44" ht="15.75" customHeight="1" x14ac:dyDescent="0.15">
      <c r="AR43997" s="9" ph="1"/>
    </row>
    <row r="43998" spans="44:44" ht="15.75" customHeight="1" x14ac:dyDescent="0.15">
      <c r="AR43998" s="9" ph="1"/>
    </row>
    <row r="43999" spans="44:44" ht="15.75" customHeight="1" x14ac:dyDescent="0.15">
      <c r="AR43999" s="9" ph="1"/>
    </row>
    <row r="44000" spans="44:44" ht="15.75" customHeight="1" x14ac:dyDescent="0.15">
      <c r="AR44000" s="9" ph="1"/>
    </row>
    <row r="44001" spans="44:44" ht="15.75" customHeight="1" x14ac:dyDescent="0.15">
      <c r="AR44001" s="9" ph="1"/>
    </row>
    <row r="44002" spans="44:44" ht="15.75" customHeight="1" x14ac:dyDescent="0.15">
      <c r="AR44002" s="9" ph="1"/>
    </row>
    <row r="44003" spans="44:44" ht="15.75" customHeight="1" x14ac:dyDescent="0.15">
      <c r="AR44003" s="9" ph="1"/>
    </row>
    <row r="44004" spans="44:44" ht="15.75" customHeight="1" x14ac:dyDescent="0.15">
      <c r="AR44004" s="9" ph="1"/>
    </row>
    <row r="44005" spans="44:44" ht="15.75" customHeight="1" x14ac:dyDescent="0.15">
      <c r="AR44005" s="9" ph="1"/>
    </row>
    <row r="44006" spans="44:44" ht="15.75" customHeight="1" x14ac:dyDescent="0.15">
      <c r="AR44006" s="9" ph="1"/>
    </row>
    <row r="44007" spans="44:44" ht="15.75" customHeight="1" x14ac:dyDescent="0.15">
      <c r="AR44007" s="9" ph="1"/>
    </row>
    <row r="44008" spans="44:44" ht="15.75" customHeight="1" x14ac:dyDescent="0.15">
      <c r="AR44008" s="9" ph="1"/>
    </row>
    <row r="44009" spans="44:44" ht="15.75" customHeight="1" x14ac:dyDescent="0.15">
      <c r="AR44009" s="9" ph="1"/>
    </row>
    <row r="44010" spans="44:44" ht="15.75" customHeight="1" x14ac:dyDescent="0.15">
      <c r="AR44010" s="9" ph="1"/>
    </row>
    <row r="44011" spans="44:44" ht="15.75" customHeight="1" x14ac:dyDescent="0.15">
      <c r="AR44011" s="9" ph="1"/>
    </row>
    <row r="44012" spans="44:44" ht="15.75" customHeight="1" x14ac:dyDescent="0.15">
      <c r="AR44012" s="9" ph="1"/>
    </row>
    <row r="44013" spans="44:44" ht="15.75" customHeight="1" x14ac:dyDescent="0.15">
      <c r="AR44013" s="9" ph="1"/>
    </row>
    <row r="44014" spans="44:44" ht="15.75" customHeight="1" x14ac:dyDescent="0.15">
      <c r="AR44014" s="9" ph="1"/>
    </row>
    <row r="44015" spans="44:44" ht="15.75" customHeight="1" x14ac:dyDescent="0.15">
      <c r="AR44015" s="9" ph="1"/>
    </row>
    <row r="44016" spans="44:44" ht="15.75" customHeight="1" x14ac:dyDescent="0.15">
      <c r="AR44016" s="9" ph="1"/>
    </row>
    <row r="44017" spans="44:44" ht="15.75" customHeight="1" x14ac:dyDescent="0.15">
      <c r="AR44017" s="9" ph="1"/>
    </row>
    <row r="44018" spans="44:44" ht="15.75" customHeight="1" x14ac:dyDescent="0.15">
      <c r="AR44018" s="9" ph="1"/>
    </row>
    <row r="44019" spans="44:44" ht="15.75" customHeight="1" x14ac:dyDescent="0.15">
      <c r="AR44019" s="9" ph="1"/>
    </row>
    <row r="44020" spans="44:44" ht="15.75" customHeight="1" x14ac:dyDescent="0.15">
      <c r="AR44020" s="9" ph="1"/>
    </row>
    <row r="44021" spans="44:44" ht="15.75" customHeight="1" x14ac:dyDescent="0.15">
      <c r="AR44021" s="9" ph="1"/>
    </row>
    <row r="44022" spans="44:44" ht="15.75" customHeight="1" x14ac:dyDescent="0.15">
      <c r="AR44022" s="9" ph="1"/>
    </row>
    <row r="44023" spans="44:44" ht="15.75" customHeight="1" x14ac:dyDescent="0.15">
      <c r="AR44023" s="9" ph="1"/>
    </row>
    <row r="44024" spans="44:44" ht="15.75" customHeight="1" x14ac:dyDescent="0.15">
      <c r="AR44024" s="9" ph="1"/>
    </row>
    <row r="44025" spans="44:44" ht="15.75" customHeight="1" x14ac:dyDescent="0.15">
      <c r="AR44025" s="9" ph="1"/>
    </row>
    <row r="44026" spans="44:44" ht="15.75" customHeight="1" x14ac:dyDescent="0.15">
      <c r="AR44026" s="9" ph="1"/>
    </row>
    <row r="44027" spans="44:44" ht="15.75" customHeight="1" x14ac:dyDescent="0.15">
      <c r="AR44027" s="9" ph="1"/>
    </row>
    <row r="44028" spans="44:44" ht="15.75" customHeight="1" x14ac:dyDescent="0.15">
      <c r="AR44028" s="9" ph="1"/>
    </row>
    <row r="44029" spans="44:44" ht="15.75" customHeight="1" x14ac:dyDescent="0.15">
      <c r="AR44029" s="9" ph="1"/>
    </row>
    <row r="44030" spans="44:44" ht="15.75" customHeight="1" x14ac:dyDescent="0.15">
      <c r="AR44030" s="9" ph="1"/>
    </row>
    <row r="44031" spans="44:44" ht="15.75" customHeight="1" x14ac:dyDescent="0.15">
      <c r="AR44031" s="9" ph="1"/>
    </row>
    <row r="44032" spans="44:44" ht="15.75" customHeight="1" x14ac:dyDescent="0.15">
      <c r="AR44032" s="9" ph="1"/>
    </row>
    <row r="44033" spans="44:44" ht="15.75" customHeight="1" x14ac:dyDescent="0.15">
      <c r="AR44033" s="9" ph="1"/>
    </row>
    <row r="44034" spans="44:44" ht="15.75" customHeight="1" x14ac:dyDescent="0.15">
      <c r="AR44034" s="9" ph="1"/>
    </row>
    <row r="44035" spans="44:44" ht="15.75" customHeight="1" x14ac:dyDescent="0.15">
      <c r="AR44035" s="9" ph="1"/>
    </row>
    <row r="44036" spans="44:44" ht="15.75" customHeight="1" x14ac:dyDescent="0.15">
      <c r="AR44036" s="9" ph="1"/>
    </row>
    <row r="44037" spans="44:44" ht="15.75" customHeight="1" x14ac:dyDescent="0.15">
      <c r="AR44037" s="9" ph="1"/>
    </row>
    <row r="44038" spans="44:44" ht="15.75" customHeight="1" x14ac:dyDescent="0.15">
      <c r="AR44038" s="9" ph="1"/>
    </row>
    <row r="44039" spans="44:44" ht="15.75" customHeight="1" x14ac:dyDescent="0.15">
      <c r="AR44039" s="9" ph="1"/>
    </row>
    <row r="44040" spans="44:44" ht="15.75" customHeight="1" x14ac:dyDescent="0.15">
      <c r="AR44040" s="9" ph="1"/>
    </row>
    <row r="44041" spans="44:44" ht="15.75" customHeight="1" x14ac:dyDescent="0.15">
      <c r="AR44041" s="9" ph="1"/>
    </row>
    <row r="44042" spans="44:44" ht="15.75" customHeight="1" x14ac:dyDescent="0.15">
      <c r="AR44042" s="9" ph="1"/>
    </row>
    <row r="44043" spans="44:44" ht="15.75" customHeight="1" x14ac:dyDescent="0.15">
      <c r="AR44043" s="9" ph="1"/>
    </row>
    <row r="44044" spans="44:44" ht="15.75" customHeight="1" x14ac:dyDescent="0.15">
      <c r="AR44044" s="9" ph="1"/>
    </row>
    <row r="44045" spans="44:44" ht="15.75" customHeight="1" x14ac:dyDescent="0.15">
      <c r="AR44045" s="9" ph="1"/>
    </row>
    <row r="44046" spans="44:44" ht="15.75" customHeight="1" x14ac:dyDescent="0.15">
      <c r="AR44046" s="9" ph="1"/>
    </row>
    <row r="44047" spans="44:44" ht="15.75" customHeight="1" x14ac:dyDescent="0.15">
      <c r="AR44047" s="9" ph="1"/>
    </row>
    <row r="44048" spans="44:44" ht="15.75" customHeight="1" x14ac:dyDescent="0.15">
      <c r="AR44048" s="9" ph="1"/>
    </row>
    <row r="44049" spans="44:44" ht="15.75" customHeight="1" x14ac:dyDescent="0.15">
      <c r="AR44049" s="9" ph="1"/>
    </row>
    <row r="44050" spans="44:44" ht="15.75" customHeight="1" x14ac:dyDescent="0.15">
      <c r="AR44050" s="9" ph="1"/>
    </row>
    <row r="44051" spans="44:44" ht="15.75" customHeight="1" x14ac:dyDescent="0.15">
      <c r="AR44051" s="9" ph="1"/>
    </row>
    <row r="44052" spans="44:44" ht="15.75" customHeight="1" x14ac:dyDescent="0.15">
      <c r="AR44052" s="9" ph="1"/>
    </row>
    <row r="44053" spans="44:44" ht="15.75" customHeight="1" x14ac:dyDescent="0.15">
      <c r="AR44053" s="9" ph="1"/>
    </row>
    <row r="44054" spans="44:44" ht="15.75" customHeight="1" x14ac:dyDescent="0.15">
      <c r="AR44054" s="9" ph="1"/>
    </row>
    <row r="44055" spans="44:44" ht="15.75" customHeight="1" x14ac:dyDescent="0.15">
      <c r="AR44055" s="9" ph="1"/>
    </row>
    <row r="44056" spans="44:44" ht="15.75" customHeight="1" x14ac:dyDescent="0.15">
      <c r="AR44056" s="9" ph="1"/>
    </row>
    <row r="44057" spans="44:44" ht="15.75" customHeight="1" x14ac:dyDescent="0.15">
      <c r="AR44057" s="9" ph="1"/>
    </row>
    <row r="44058" spans="44:44" ht="15.75" customHeight="1" x14ac:dyDescent="0.15">
      <c r="AR44058" s="9" ph="1"/>
    </row>
    <row r="44059" spans="44:44" ht="15.75" customHeight="1" x14ac:dyDescent="0.15">
      <c r="AR44059" s="9" ph="1"/>
    </row>
    <row r="44060" spans="44:44" ht="15.75" customHeight="1" x14ac:dyDescent="0.15">
      <c r="AR44060" s="9" ph="1"/>
    </row>
    <row r="44061" spans="44:44" ht="15.75" customHeight="1" x14ac:dyDescent="0.15">
      <c r="AR44061" s="9" ph="1"/>
    </row>
    <row r="44062" spans="44:44" ht="15.75" customHeight="1" x14ac:dyDescent="0.15">
      <c r="AR44062" s="9" ph="1"/>
    </row>
    <row r="44063" spans="44:44" ht="15.75" customHeight="1" x14ac:dyDescent="0.15">
      <c r="AR44063" s="9" ph="1"/>
    </row>
    <row r="44064" spans="44:44" ht="15.75" customHeight="1" x14ac:dyDescent="0.15">
      <c r="AR44064" s="9" ph="1"/>
    </row>
    <row r="44065" spans="44:44" ht="15.75" customHeight="1" x14ac:dyDescent="0.15">
      <c r="AR44065" s="9" ph="1"/>
    </row>
    <row r="44066" spans="44:44" ht="15.75" customHeight="1" x14ac:dyDescent="0.15">
      <c r="AR44066" s="9" ph="1"/>
    </row>
    <row r="44067" spans="44:44" ht="15.75" customHeight="1" x14ac:dyDescent="0.15">
      <c r="AR44067" s="9" ph="1"/>
    </row>
    <row r="44068" spans="44:44" ht="15.75" customHeight="1" x14ac:dyDescent="0.15">
      <c r="AR44068" s="9" ph="1"/>
    </row>
    <row r="44069" spans="44:44" ht="15.75" customHeight="1" x14ac:dyDescent="0.15">
      <c r="AR44069" s="9" ph="1"/>
    </row>
    <row r="44070" spans="44:44" ht="15.75" customHeight="1" x14ac:dyDescent="0.15">
      <c r="AR44070" s="9" ph="1"/>
    </row>
    <row r="44071" spans="44:44" ht="15.75" customHeight="1" x14ac:dyDescent="0.15">
      <c r="AR44071" s="9" ph="1"/>
    </row>
    <row r="44072" spans="44:44" ht="15.75" customHeight="1" x14ac:dyDescent="0.15">
      <c r="AR44072" s="9" ph="1"/>
    </row>
    <row r="44073" spans="44:44" ht="15.75" customHeight="1" x14ac:dyDescent="0.15">
      <c r="AR44073" s="9" ph="1"/>
    </row>
    <row r="44074" spans="44:44" ht="15.75" customHeight="1" x14ac:dyDescent="0.15">
      <c r="AR44074" s="9" ph="1"/>
    </row>
    <row r="44075" spans="44:44" ht="15.75" customHeight="1" x14ac:dyDescent="0.15">
      <c r="AR44075" s="9" ph="1"/>
    </row>
    <row r="44076" spans="44:44" ht="15.75" customHeight="1" x14ac:dyDescent="0.15">
      <c r="AR44076" s="9" ph="1"/>
    </row>
    <row r="44077" spans="44:44" ht="15.75" customHeight="1" x14ac:dyDescent="0.15">
      <c r="AR44077" s="9" ph="1"/>
    </row>
    <row r="44078" spans="44:44" ht="15.75" customHeight="1" x14ac:dyDescent="0.15">
      <c r="AR44078" s="9" ph="1"/>
    </row>
    <row r="44079" spans="44:44" ht="15.75" customHeight="1" x14ac:dyDescent="0.15">
      <c r="AR44079" s="9" ph="1"/>
    </row>
    <row r="44080" spans="44:44" ht="15.75" customHeight="1" x14ac:dyDescent="0.15">
      <c r="AR44080" s="9" ph="1"/>
    </row>
    <row r="44081" spans="44:44" ht="15.75" customHeight="1" x14ac:dyDescent="0.15">
      <c r="AR44081" s="9" ph="1"/>
    </row>
    <row r="44082" spans="44:44" ht="15.75" customHeight="1" x14ac:dyDescent="0.15">
      <c r="AR44082" s="9" ph="1"/>
    </row>
    <row r="44083" spans="44:44" ht="15.75" customHeight="1" x14ac:dyDescent="0.15">
      <c r="AR44083" s="9" ph="1"/>
    </row>
    <row r="44084" spans="44:44" ht="15.75" customHeight="1" x14ac:dyDescent="0.15">
      <c r="AR44084" s="9" ph="1"/>
    </row>
    <row r="44085" spans="44:44" ht="15.75" customHeight="1" x14ac:dyDescent="0.15">
      <c r="AR44085" s="9" ph="1"/>
    </row>
    <row r="44086" spans="44:44" ht="15.75" customHeight="1" x14ac:dyDescent="0.15">
      <c r="AR44086" s="9" ph="1"/>
    </row>
    <row r="44087" spans="44:44" ht="15.75" customHeight="1" x14ac:dyDescent="0.15">
      <c r="AR44087" s="9" ph="1"/>
    </row>
    <row r="44088" spans="44:44" ht="15.75" customHeight="1" x14ac:dyDescent="0.15">
      <c r="AR44088" s="9" ph="1"/>
    </row>
    <row r="44089" spans="44:44" ht="15.75" customHeight="1" x14ac:dyDescent="0.15">
      <c r="AR44089" s="9" ph="1"/>
    </row>
    <row r="44090" spans="44:44" ht="15.75" customHeight="1" x14ac:dyDescent="0.15">
      <c r="AR44090" s="9" ph="1"/>
    </row>
    <row r="44091" spans="44:44" ht="15.75" customHeight="1" x14ac:dyDescent="0.15">
      <c r="AR44091" s="9" ph="1"/>
    </row>
    <row r="44092" spans="44:44" ht="15.75" customHeight="1" x14ac:dyDescent="0.15">
      <c r="AR44092" s="9" ph="1"/>
    </row>
    <row r="44093" spans="44:44" ht="15.75" customHeight="1" x14ac:dyDescent="0.15">
      <c r="AR44093" s="9" ph="1"/>
    </row>
    <row r="44094" spans="44:44" ht="15.75" customHeight="1" x14ac:dyDescent="0.15">
      <c r="AR44094" s="9" ph="1"/>
    </row>
    <row r="44095" spans="44:44" ht="15.75" customHeight="1" x14ac:dyDescent="0.15">
      <c r="AR44095" s="9" ph="1"/>
    </row>
    <row r="44096" spans="44:44" ht="15.75" customHeight="1" x14ac:dyDescent="0.15">
      <c r="AR44096" s="9" ph="1"/>
    </row>
    <row r="44097" spans="44:44" ht="15.75" customHeight="1" x14ac:dyDescent="0.15">
      <c r="AR44097" s="9" ph="1"/>
    </row>
    <row r="44098" spans="44:44" ht="15.75" customHeight="1" x14ac:dyDescent="0.15">
      <c r="AR44098" s="9" ph="1"/>
    </row>
    <row r="44099" spans="44:44" ht="15.75" customHeight="1" x14ac:dyDescent="0.15">
      <c r="AR44099" s="9" ph="1"/>
    </row>
    <row r="44100" spans="44:44" ht="15.75" customHeight="1" x14ac:dyDescent="0.15">
      <c r="AR44100" s="9" ph="1"/>
    </row>
    <row r="44101" spans="44:44" ht="15.75" customHeight="1" x14ac:dyDescent="0.15">
      <c r="AR44101" s="9" ph="1"/>
    </row>
    <row r="44102" spans="44:44" ht="15.75" customHeight="1" x14ac:dyDescent="0.15">
      <c r="AR44102" s="9" ph="1"/>
    </row>
    <row r="44103" spans="44:44" ht="15.75" customHeight="1" x14ac:dyDescent="0.15">
      <c r="AR44103" s="9" ph="1"/>
    </row>
    <row r="44104" spans="44:44" ht="15.75" customHeight="1" x14ac:dyDescent="0.15">
      <c r="AR44104" s="9" ph="1"/>
    </row>
    <row r="44105" spans="44:44" ht="15.75" customHeight="1" x14ac:dyDescent="0.15">
      <c r="AR44105" s="9" ph="1"/>
    </row>
    <row r="44106" spans="44:44" ht="15.75" customHeight="1" x14ac:dyDescent="0.15">
      <c r="AR44106" s="9" ph="1"/>
    </row>
    <row r="44107" spans="44:44" ht="15.75" customHeight="1" x14ac:dyDescent="0.15">
      <c r="AR44107" s="9" ph="1"/>
    </row>
    <row r="44108" spans="44:44" ht="15.75" customHeight="1" x14ac:dyDescent="0.15">
      <c r="AR44108" s="9" ph="1"/>
    </row>
    <row r="44109" spans="44:44" ht="15.75" customHeight="1" x14ac:dyDescent="0.15">
      <c r="AR44109" s="9" ph="1"/>
    </row>
    <row r="44110" spans="44:44" ht="15.75" customHeight="1" x14ac:dyDescent="0.15">
      <c r="AR44110" s="9" ph="1"/>
    </row>
    <row r="44111" spans="44:44" ht="15.75" customHeight="1" x14ac:dyDescent="0.15">
      <c r="AR44111" s="9" ph="1"/>
    </row>
    <row r="44112" spans="44:44" ht="15.75" customHeight="1" x14ac:dyDescent="0.15">
      <c r="AR44112" s="9" ph="1"/>
    </row>
    <row r="44113" spans="44:44" ht="15.75" customHeight="1" x14ac:dyDescent="0.15">
      <c r="AR44113" s="9" ph="1"/>
    </row>
    <row r="44114" spans="44:44" ht="15.75" customHeight="1" x14ac:dyDescent="0.15">
      <c r="AR44114" s="9" ph="1"/>
    </row>
    <row r="44115" spans="44:44" ht="15.75" customHeight="1" x14ac:dyDescent="0.15">
      <c r="AR44115" s="9" ph="1"/>
    </row>
    <row r="44116" spans="44:44" ht="15.75" customHeight="1" x14ac:dyDescent="0.15">
      <c r="AR44116" s="9" ph="1"/>
    </row>
    <row r="44117" spans="44:44" ht="15.75" customHeight="1" x14ac:dyDescent="0.15">
      <c r="AR44117" s="9" ph="1"/>
    </row>
    <row r="44118" spans="44:44" ht="15.75" customHeight="1" x14ac:dyDescent="0.15">
      <c r="AR44118" s="9" ph="1"/>
    </row>
    <row r="44119" spans="44:44" ht="15.75" customHeight="1" x14ac:dyDescent="0.15">
      <c r="AR44119" s="9" ph="1"/>
    </row>
    <row r="44120" spans="44:44" ht="15.75" customHeight="1" x14ac:dyDescent="0.15">
      <c r="AR44120" s="9" ph="1"/>
    </row>
    <row r="44121" spans="44:44" ht="15.75" customHeight="1" x14ac:dyDescent="0.15">
      <c r="AR44121" s="9" ph="1"/>
    </row>
    <row r="44122" spans="44:44" ht="15.75" customHeight="1" x14ac:dyDescent="0.15">
      <c r="AR44122" s="9" ph="1"/>
    </row>
    <row r="44123" spans="44:44" ht="15.75" customHeight="1" x14ac:dyDescent="0.15">
      <c r="AR44123" s="9" ph="1"/>
    </row>
    <row r="44124" spans="44:44" ht="15.75" customHeight="1" x14ac:dyDescent="0.15">
      <c r="AR44124" s="9" ph="1"/>
    </row>
    <row r="44125" spans="44:44" ht="15.75" customHeight="1" x14ac:dyDescent="0.15">
      <c r="AR44125" s="9" ph="1"/>
    </row>
    <row r="44126" spans="44:44" ht="15.75" customHeight="1" x14ac:dyDescent="0.15">
      <c r="AR44126" s="9" ph="1"/>
    </row>
    <row r="44127" spans="44:44" ht="15.75" customHeight="1" x14ac:dyDescent="0.15">
      <c r="AR44127" s="9" ph="1"/>
    </row>
    <row r="44128" spans="44:44" ht="15.75" customHeight="1" x14ac:dyDescent="0.15">
      <c r="AR44128" s="9" ph="1"/>
    </row>
    <row r="44129" spans="44:44" ht="15.75" customHeight="1" x14ac:dyDescent="0.15">
      <c r="AR44129" s="9" ph="1"/>
    </row>
    <row r="44130" spans="44:44" ht="15.75" customHeight="1" x14ac:dyDescent="0.15">
      <c r="AR44130" s="9" ph="1"/>
    </row>
    <row r="44131" spans="44:44" ht="15.75" customHeight="1" x14ac:dyDescent="0.15">
      <c r="AR44131" s="9" ph="1"/>
    </row>
    <row r="44132" spans="44:44" ht="15.75" customHeight="1" x14ac:dyDescent="0.15">
      <c r="AR44132" s="9" ph="1"/>
    </row>
    <row r="44133" spans="44:44" ht="15.75" customHeight="1" x14ac:dyDescent="0.15">
      <c r="AR44133" s="9" ph="1"/>
    </row>
    <row r="44134" spans="44:44" ht="15.75" customHeight="1" x14ac:dyDescent="0.15">
      <c r="AR44134" s="9" ph="1"/>
    </row>
    <row r="44135" spans="44:44" ht="15.75" customHeight="1" x14ac:dyDescent="0.15">
      <c r="AR44135" s="9" ph="1"/>
    </row>
    <row r="44136" spans="44:44" ht="15.75" customHeight="1" x14ac:dyDescent="0.15">
      <c r="AR44136" s="9" ph="1"/>
    </row>
    <row r="44137" spans="44:44" ht="15.75" customHeight="1" x14ac:dyDescent="0.15">
      <c r="AR44137" s="9" ph="1"/>
    </row>
    <row r="44138" spans="44:44" ht="15.75" customHeight="1" x14ac:dyDescent="0.15">
      <c r="AR44138" s="9" ph="1"/>
    </row>
    <row r="44139" spans="44:44" ht="15.75" customHeight="1" x14ac:dyDescent="0.15">
      <c r="AR44139" s="9" ph="1"/>
    </row>
    <row r="44140" spans="44:44" ht="15.75" customHeight="1" x14ac:dyDescent="0.15">
      <c r="AR44140" s="9" ph="1"/>
    </row>
    <row r="44141" spans="44:44" ht="15.75" customHeight="1" x14ac:dyDescent="0.15">
      <c r="AR44141" s="9" ph="1"/>
    </row>
    <row r="44143" spans="44:44" ht="15.75" customHeight="1" x14ac:dyDescent="0.15">
      <c r="AR44143" s="9" ph="1"/>
    </row>
    <row r="44144" spans="44:44" ht="15.75" customHeight="1" x14ac:dyDescent="0.15">
      <c r="AR44144" s="9" ph="1"/>
    </row>
    <row r="44145" spans="44:44" ht="15.75" customHeight="1" x14ac:dyDescent="0.15">
      <c r="AR44145" s="9" ph="1"/>
    </row>
    <row r="44146" spans="44:44" ht="15.75" customHeight="1" x14ac:dyDescent="0.15">
      <c r="AR44146" s="9" ph="1"/>
    </row>
    <row r="44147" spans="44:44" ht="15.75" customHeight="1" x14ac:dyDescent="0.15">
      <c r="AR44147" s="9" ph="1"/>
    </row>
    <row r="44148" spans="44:44" ht="15.75" customHeight="1" x14ac:dyDescent="0.15">
      <c r="AR44148" s="9" ph="1"/>
    </row>
    <row r="44149" spans="44:44" ht="15.75" customHeight="1" x14ac:dyDescent="0.15">
      <c r="AR44149" s="9" ph="1"/>
    </row>
    <row r="44150" spans="44:44" ht="15.75" customHeight="1" x14ac:dyDescent="0.15">
      <c r="AR44150" s="9" ph="1"/>
    </row>
    <row r="44151" spans="44:44" ht="15.75" customHeight="1" x14ac:dyDescent="0.15">
      <c r="AR44151" s="9" ph="1"/>
    </row>
    <row r="44152" spans="44:44" ht="15.75" customHeight="1" x14ac:dyDescent="0.15">
      <c r="AR44152" s="9" ph="1"/>
    </row>
    <row r="44153" spans="44:44" ht="15.75" customHeight="1" x14ac:dyDescent="0.15">
      <c r="AR44153" s="9" ph="1"/>
    </row>
    <row r="44154" spans="44:44" ht="15.75" customHeight="1" x14ac:dyDescent="0.15">
      <c r="AR44154" s="9" ph="1"/>
    </row>
    <row r="44155" spans="44:44" ht="15.75" customHeight="1" x14ac:dyDescent="0.15">
      <c r="AR44155" s="9" ph="1"/>
    </row>
    <row r="44156" spans="44:44" ht="15.75" customHeight="1" x14ac:dyDescent="0.15">
      <c r="AR44156" s="9" ph="1"/>
    </row>
    <row r="44158" spans="44:44" ht="15.75" customHeight="1" x14ac:dyDescent="0.15">
      <c r="AR44158" s="9" ph="1"/>
    </row>
    <row r="44159" spans="44:44" ht="15.75" customHeight="1" x14ac:dyDescent="0.15">
      <c r="AR44159" s="9" ph="1"/>
    </row>
    <row r="44160" spans="44:44" ht="15.75" customHeight="1" x14ac:dyDescent="0.15">
      <c r="AR44160" s="9" ph="1"/>
    </row>
    <row r="44161" spans="44:44" ht="15.75" customHeight="1" x14ac:dyDescent="0.15">
      <c r="AR44161" s="9" ph="1"/>
    </row>
    <row r="44162" spans="44:44" ht="15.75" customHeight="1" x14ac:dyDescent="0.15">
      <c r="AR44162" s="9" ph="1"/>
    </row>
    <row r="44163" spans="44:44" ht="15.75" customHeight="1" x14ac:dyDescent="0.15">
      <c r="AR44163" s="9" ph="1"/>
    </row>
    <row r="44164" spans="44:44" ht="15.75" customHeight="1" x14ac:dyDescent="0.15">
      <c r="AR44164" s="9" ph="1"/>
    </row>
    <row r="44165" spans="44:44" ht="15.75" customHeight="1" x14ac:dyDescent="0.15">
      <c r="AR44165" s="9" ph="1"/>
    </row>
    <row r="44166" spans="44:44" ht="15.75" customHeight="1" x14ac:dyDescent="0.15">
      <c r="AR44166" s="9" ph="1"/>
    </row>
    <row r="44167" spans="44:44" ht="15.75" customHeight="1" x14ac:dyDescent="0.15">
      <c r="AR44167" s="9" ph="1"/>
    </row>
    <row r="44168" spans="44:44" ht="15.75" customHeight="1" x14ac:dyDescent="0.15">
      <c r="AR44168" s="9" ph="1"/>
    </row>
    <row r="44169" spans="44:44" ht="15.75" customHeight="1" x14ac:dyDescent="0.15">
      <c r="AR44169" s="9" ph="1"/>
    </row>
    <row r="44170" spans="44:44" ht="15.75" customHeight="1" x14ac:dyDescent="0.15">
      <c r="AR44170" s="9" ph="1"/>
    </row>
    <row r="44171" spans="44:44" ht="15.75" customHeight="1" x14ac:dyDescent="0.15">
      <c r="AR44171" s="9" ph="1"/>
    </row>
    <row r="44172" spans="44:44" ht="15.75" customHeight="1" x14ac:dyDescent="0.15">
      <c r="AR44172" s="9" ph="1"/>
    </row>
    <row r="44174" spans="44:44" ht="15.75" customHeight="1" x14ac:dyDescent="0.15">
      <c r="AR44174" s="9" ph="1"/>
    </row>
    <row r="44175" spans="44:44" ht="15.75" customHeight="1" x14ac:dyDescent="0.15">
      <c r="AR44175" s="9" ph="1"/>
    </row>
    <row r="44176" spans="44:44" ht="15.75" customHeight="1" x14ac:dyDescent="0.15">
      <c r="AR44176" s="9" ph="1"/>
    </row>
    <row r="44177" spans="44:44" ht="15.75" customHeight="1" x14ac:dyDescent="0.15">
      <c r="AR44177" s="9" ph="1"/>
    </row>
    <row r="44178" spans="44:44" ht="15.75" customHeight="1" x14ac:dyDescent="0.15">
      <c r="AR44178" s="9" ph="1"/>
    </row>
    <row r="44179" spans="44:44" ht="15.75" customHeight="1" x14ac:dyDescent="0.15">
      <c r="AR44179" s="9" ph="1"/>
    </row>
    <row r="44180" spans="44:44" ht="15.75" customHeight="1" x14ac:dyDescent="0.15">
      <c r="AR44180" s="9" ph="1"/>
    </row>
    <row r="44181" spans="44:44" ht="15.75" customHeight="1" x14ac:dyDescent="0.15">
      <c r="AR44181" s="9" ph="1"/>
    </row>
    <row r="44182" spans="44:44" ht="15.75" customHeight="1" x14ac:dyDescent="0.15">
      <c r="AR44182" s="9" ph="1"/>
    </row>
    <row r="44183" spans="44:44" ht="15.75" customHeight="1" x14ac:dyDescent="0.15">
      <c r="AR44183" s="9" ph="1"/>
    </row>
    <row r="44185" spans="44:44" ht="15.75" customHeight="1" x14ac:dyDescent="0.15">
      <c r="AR44185" s="9" ph="1"/>
    </row>
    <row r="44186" spans="44:44" ht="15.75" customHeight="1" x14ac:dyDescent="0.15">
      <c r="AR44186" s="9" ph="1"/>
    </row>
    <row r="44187" spans="44:44" ht="15.75" customHeight="1" x14ac:dyDescent="0.15">
      <c r="AR44187" s="9" ph="1"/>
    </row>
    <row r="44188" spans="44:44" ht="15.75" customHeight="1" x14ac:dyDescent="0.15">
      <c r="AR44188" s="9" ph="1"/>
    </row>
    <row r="44189" spans="44:44" ht="15.75" customHeight="1" x14ac:dyDescent="0.15">
      <c r="AR44189" s="9" ph="1"/>
    </row>
    <row r="44190" spans="44:44" ht="15.75" customHeight="1" x14ac:dyDescent="0.15">
      <c r="AR44190" s="9" ph="1"/>
    </row>
    <row r="44191" spans="44:44" ht="15.75" customHeight="1" x14ac:dyDescent="0.15">
      <c r="AR44191" s="9" ph="1"/>
    </row>
    <row r="44192" spans="44:44" ht="15.75" customHeight="1" x14ac:dyDescent="0.15">
      <c r="AR44192" s="9" ph="1"/>
    </row>
    <row r="44193" spans="44:44" ht="15.75" customHeight="1" x14ac:dyDescent="0.15">
      <c r="AR44193" s="9" ph="1"/>
    </row>
    <row r="44194" spans="44:44" ht="15.75" customHeight="1" x14ac:dyDescent="0.15">
      <c r="AR44194" s="9" ph="1"/>
    </row>
    <row r="44195" spans="44:44" ht="15.75" customHeight="1" x14ac:dyDescent="0.15">
      <c r="AR44195" s="9" ph="1"/>
    </row>
    <row r="44196" spans="44:44" ht="15.75" customHeight="1" x14ac:dyDescent="0.15">
      <c r="AR44196" s="9" ph="1"/>
    </row>
    <row r="44197" spans="44:44" ht="15.75" customHeight="1" x14ac:dyDescent="0.15">
      <c r="AR44197" s="9" ph="1"/>
    </row>
    <row r="44198" spans="44:44" ht="15.75" customHeight="1" x14ac:dyDescent="0.15">
      <c r="AR44198" s="9" ph="1"/>
    </row>
    <row r="44199" spans="44:44" ht="15.75" customHeight="1" x14ac:dyDescent="0.15">
      <c r="AR44199" s="9" ph="1"/>
    </row>
    <row r="44200" spans="44:44" ht="15.75" customHeight="1" x14ac:dyDescent="0.15">
      <c r="AR44200" s="9" ph="1"/>
    </row>
    <row r="44201" spans="44:44" ht="15.75" customHeight="1" x14ac:dyDescent="0.15">
      <c r="AR44201" s="9" ph="1"/>
    </row>
    <row r="44202" spans="44:44" ht="15.75" customHeight="1" x14ac:dyDescent="0.15">
      <c r="AR44202" s="9" ph="1"/>
    </row>
    <row r="44203" spans="44:44" ht="15.75" customHeight="1" x14ac:dyDescent="0.15">
      <c r="AR44203" s="9" ph="1"/>
    </row>
    <row r="44204" spans="44:44" ht="15.75" customHeight="1" x14ac:dyDescent="0.15">
      <c r="AR44204" s="9" ph="1"/>
    </row>
    <row r="44205" spans="44:44" ht="15.75" customHeight="1" x14ac:dyDescent="0.15">
      <c r="AR44205" s="9" ph="1"/>
    </row>
    <row r="44206" spans="44:44" ht="15.75" customHeight="1" x14ac:dyDescent="0.15">
      <c r="AR44206" s="9" ph="1"/>
    </row>
    <row r="44207" spans="44:44" ht="15.75" customHeight="1" x14ac:dyDescent="0.15">
      <c r="AR44207" s="9" ph="1"/>
    </row>
    <row r="44208" spans="44:44" ht="15.75" customHeight="1" x14ac:dyDescent="0.15">
      <c r="AR44208" s="9" ph="1"/>
    </row>
    <row r="44209" spans="44:44" ht="15.75" customHeight="1" x14ac:dyDescent="0.15">
      <c r="AR44209" s="9" ph="1"/>
    </row>
    <row r="44211" spans="44:44" ht="15.75" customHeight="1" x14ac:dyDescent="0.15">
      <c r="AR44211" s="9" ph="1"/>
    </row>
    <row r="44212" spans="44:44" ht="15.75" customHeight="1" x14ac:dyDescent="0.15">
      <c r="AR44212" s="9" ph="1"/>
    </row>
    <row r="44213" spans="44:44" ht="15.75" customHeight="1" x14ac:dyDescent="0.15">
      <c r="AR44213" s="9" ph="1"/>
    </row>
    <row r="44214" spans="44:44" ht="15.75" customHeight="1" x14ac:dyDescent="0.15">
      <c r="AR44214" s="9" ph="1"/>
    </row>
    <row r="44215" spans="44:44" ht="15.75" customHeight="1" x14ac:dyDescent="0.15">
      <c r="AR44215" s="9" ph="1"/>
    </row>
    <row r="44216" spans="44:44" ht="15.75" customHeight="1" x14ac:dyDescent="0.15">
      <c r="AR44216" s="9" ph="1"/>
    </row>
    <row r="44217" spans="44:44" ht="15.75" customHeight="1" x14ac:dyDescent="0.15">
      <c r="AR44217" s="9" ph="1"/>
    </row>
    <row r="44218" spans="44:44" ht="15.75" customHeight="1" x14ac:dyDescent="0.15">
      <c r="AR44218" s="9" ph="1"/>
    </row>
    <row r="44219" spans="44:44" ht="15.75" customHeight="1" x14ac:dyDescent="0.15">
      <c r="AR44219" s="9" ph="1"/>
    </row>
    <row r="44220" spans="44:44" ht="15.75" customHeight="1" x14ac:dyDescent="0.15">
      <c r="AR44220" s="9" ph="1"/>
    </row>
    <row r="44221" spans="44:44" ht="15.75" customHeight="1" x14ac:dyDescent="0.15">
      <c r="AR44221" s="9" ph="1"/>
    </row>
    <row r="44222" spans="44:44" ht="15.75" customHeight="1" x14ac:dyDescent="0.15">
      <c r="AR44222" s="9" ph="1"/>
    </row>
    <row r="44223" spans="44:44" ht="15.75" customHeight="1" x14ac:dyDescent="0.15">
      <c r="AR44223" s="9" ph="1"/>
    </row>
    <row r="44224" spans="44:44" ht="15.75" customHeight="1" x14ac:dyDescent="0.15">
      <c r="AR44224" s="9" ph="1"/>
    </row>
    <row r="44225" spans="44:44" ht="15.75" customHeight="1" x14ac:dyDescent="0.15">
      <c r="AR44225" s="9" ph="1"/>
    </row>
    <row r="44227" spans="44:44" ht="15.75" customHeight="1" x14ac:dyDescent="0.15">
      <c r="AR44227" s="9" ph="1"/>
    </row>
    <row r="44228" spans="44:44" ht="15.75" customHeight="1" x14ac:dyDescent="0.15">
      <c r="AR44228" s="9" ph="1"/>
    </row>
    <row r="44229" spans="44:44" ht="15.75" customHeight="1" x14ac:dyDescent="0.15">
      <c r="AR44229" s="9" ph="1"/>
    </row>
    <row r="44230" spans="44:44" ht="15.75" customHeight="1" x14ac:dyDescent="0.15">
      <c r="AR44230" s="9" ph="1"/>
    </row>
    <row r="44231" spans="44:44" ht="15.75" customHeight="1" x14ac:dyDescent="0.15">
      <c r="AR44231" s="9" ph="1"/>
    </row>
    <row r="44232" spans="44:44" ht="15.75" customHeight="1" x14ac:dyDescent="0.15">
      <c r="AR44232" s="9" ph="1"/>
    </row>
    <row r="44233" spans="44:44" ht="15.75" customHeight="1" x14ac:dyDescent="0.15">
      <c r="AR44233" s="9" ph="1"/>
    </row>
    <row r="44234" spans="44:44" ht="15.75" customHeight="1" x14ac:dyDescent="0.15">
      <c r="AR44234" s="9" ph="1"/>
    </row>
    <row r="44235" spans="44:44" ht="15.75" customHeight="1" x14ac:dyDescent="0.15">
      <c r="AR44235" s="9" ph="1"/>
    </row>
    <row r="44236" spans="44:44" ht="15.75" customHeight="1" x14ac:dyDescent="0.15">
      <c r="AR44236" s="9" ph="1"/>
    </row>
    <row r="44238" spans="44:44" ht="15.75" customHeight="1" x14ac:dyDescent="0.15">
      <c r="AR44238" s="9" ph="1"/>
    </row>
    <row r="44239" spans="44:44" ht="15.75" customHeight="1" x14ac:dyDescent="0.15">
      <c r="AR44239" s="9" ph="1"/>
    </row>
    <row r="44240" spans="44:44" ht="15.75" customHeight="1" x14ac:dyDescent="0.15">
      <c r="AR44240" s="9" ph="1"/>
    </row>
    <row r="44241" spans="44:44" ht="15.75" customHeight="1" x14ac:dyDescent="0.15">
      <c r="AR44241" s="9" ph="1"/>
    </row>
    <row r="44242" spans="44:44" ht="15.75" customHeight="1" x14ac:dyDescent="0.15">
      <c r="AR44242" s="9" ph="1"/>
    </row>
    <row r="44243" spans="44:44" ht="15.75" customHeight="1" x14ac:dyDescent="0.15">
      <c r="AR44243" s="9" ph="1"/>
    </row>
    <row r="44244" spans="44:44" ht="15.75" customHeight="1" x14ac:dyDescent="0.15">
      <c r="AR44244" s="9" ph="1"/>
    </row>
    <row r="44245" spans="44:44" ht="15.75" customHeight="1" x14ac:dyDescent="0.15">
      <c r="AR44245" s="9" ph="1"/>
    </row>
    <row r="44246" spans="44:44" ht="15.75" customHeight="1" x14ac:dyDescent="0.15">
      <c r="AR44246" s="9" ph="1"/>
    </row>
    <row r="44247" spans="44:44" ht="15.75" customHeight="1" x14ac:dyDescent="0.15">
      <c r="AR44247" s="9" ph="1"/>
    </row>
    <row r="44248" spans="44:44" ht="15.75" customHeight="1" x14ac:dyDescent="0.15">
      <c r="AR44248" s="9" ph="1"/>
    </row>
    <row r="44249" spans="44:44" ht="15.75" customHeight="1" x14ac:dyDescent="0.15">
      <c r="AR44249" s="9" ph="1"/>
    </row>
    <row r="44250" spans="44:44" ht="15.75" customHeight="1" x14ac:dyDescent="0.15">
      <c r="AR44250" s="9" ph="1"/>
    </row>
    <row r="44251" spans="44:44" ht="15.75" customHeight="1" x14ac:dyDescent="0.15">
      <c r="AR44251" s="9" ph="1"/>
    </row>
    <row r="44252" spans="44:44" ht="15.75" customHeight="1" x14ac:dyDescent="0.15">
      <c r="AR44252" s="9" ph="1"/>
    </row>
    <row r="44253" spans="44:44" ht="15.75" customHeight="1" x14ac:dyDescent="0.15">
      <c r="AR44253" s="9" ph="1"/>
    </row>
    <row r="44254" spans="44:44" ht="15.75" customHeight="1" x14ac:dyDescent="0.15">
      <c r="AR44254" s="9" ph="1"/>
    </row>
    <row r="44255" spans="44:44" ht="15.75" customHeight="1" x14ac:dyDescent="0.15">
      <c r="AR44255" s="9" ph="1"/>
    </row>
    <row r="44256" spans="44:44" ht="15.75" customHeight="1" x14ac:dyDescent="0.15">
      <c r="AR44256" s="9" ph="1"/>
    </row>
    <row r="44257" spans="44:44" ht="15.75" customHeight="1" x14ac:dyDescent="0.15">
      <c r="AR44257" s="9" ph="1"/>
    </row>
    <row r="44258" spans="44:44" ht="15.75" customHeight="1" x14ac:dyDescent="0.15">
      <c r="AR44258" s="9" ph="1"/>
    </row>
    <row r="44259" spans="44:44" ht="15.75" customHeight="1" x14ac:dyDescent="0.15">
      <c r="AR44259" s="9" ph="1"/>
    </row>
    <row r="44260" spans="44:44" ht="15.75" customHeight="1" x14ac:dyDescent="0.15">
      <c r="AR44260" s="9" ph="1"/>
    </row>
    <row r="44261" spans="44:44" ht="15.75" customHeight="1" x14ac:dyDescent="0.15">
      <c r="AR44261" s="9" ph="1"/>
    </row>
    <row r="44262" spans="44:44" ht="15.75" customHeight="1" x14ac:dyDescent="0.15">
      <c r="AR44262" s="9" ph="1"/>
    </row>
    <row r="44264" spans="44:44" ht="15.75" customHeight="1" x14ac:dyDescent="0.15">
      <c r="AR44264" s="9" ph="1"/>
    </row>
    <row r="44265" spans="44:44" ht="15.75" customHeight="1" x14ac:dyDescent="0.15">
      <c r="AR44265" s="9" ph="1"/>
    </row>
    <row r="44266" spans="44:44" ht="15.75" customHeight="1" x14ac:dyDescent="0.15">
      <c r="AR44266" s="9" ph="1"/>
    </row>
    <row r="44267" spans="44:44" ht="15.75" customHeight="1" x14ac:dyDescent="0.15">
      <c r="AR44267" s="9" ph="1"/>
    </row>
    <row r="44268" spans="44:44" ht="15.75" customHeight="1" x14ac:dyDescent="0.15">
      <c r="AR44268" s="9" ph="1"/>
    </row>
    <row r="44269" spans="44:44" ht="15.75" customHeight="1" x14ac:dyDescent="0.15">
      <c r="AR44269" s="9" ph="1"/>
    </row>
    <row r="44270" spans="44:44" ht="15.75" customHeight="1" x14ac:dyDescent="0.15">
      <c r="AR44270" s="9" ph="1"/>
    </row>
    <row r="44271" spans="44:44" ht="15.75" customHeight="1" x14ac:dyDescent="0.15">
      <c r="AR44271" s="9" ph="1"/>
    </row>
    <row r="44272" spans="44:44" ht="15.75" customHeight="1" x14ac:dyDescent="0.15">
      <c r="AR44272" s="9" ph="1"/>
    </row>
    <row r="44273" spans="44:44" ht="15.75" customHeight="1" x14ac:dyDescent="0.15">
      <c r="AR44273" s="9" ph="1"/>
    </row>
    <row r="44274" spans="44:44" ht="15.75" customHeight="1" x14ac:dyDescent="0.15">
      <c r="AR44274" s="9" ph="1"/>
    </row>
    <row r="44275" spans="44:44" ht="15.75" customHeight="1" x14ac:dyDescent="0.15">
      <c r="AR44275" s="9" ph="1"/>
    </row>
    <row r="44276" spans="44:44" ht="15.75" customHeight="1" x14ac:dyDescent="0.15">
      <c r="AR44276" s="9" ph="1"/>
    </row>
    <row r="44277" spans="44:44" ht="15.75" customHeight="1" x14ac:dyDescent="0.15">
      <c r="AR44277" s="9" ph="1"/>
    </row>
    <row r="44278" spans="44:44" ht="15.75" customHeight="1" x14ac:dyDescent="0.15">
      <c r="AR44278" s="9" ph="1"/>
    </row>
    <row r="44280" spans="44:44" ht="15.75" customHeight="1" x14ac:dyDescent="0.15">
      <c r="AR44280" s="9" ph="1"/>
    </row>
    <row r="44281" spans="44:44" ht="15.75" customHeight="1" x14ac:dyDescent="0.15">
      <c r="AR44281" s="9" ph="1"/>
    </row>
    <row r="44282" spans="44:44" ht="15.75" customHeight="1" x14ac:dyDescent="0.15">
      <c r="AR44282" s="9" ph="1"/>
    </row>
    <row r="44283" spans="44:44" ht="15.75" customHeight="1" x14ac:dyDescent="0.15">
      <c r="AR44283" s="9" ph="1"/>
    </row>
    <row r="44284" spans="44:44" ht="15.75" customHeight="1" x14ac:dyDescent="0.15">
      <c r="AR44284" s="9" ph="1"/>
    </row>
    <row r="44285" spans="44:44" ht="15.75" customHeight="1" x14ac:dyDescent="0.15">
      <c r="AR44285" s="9" ph="1"/>
    </row>
    <row r="44286" spans="44:44" ht="15.75" customHeight="1" x14ac:dyDescent="0.15">
      <c r="AR44286" s="9" ph="1"/>
    </row>
    <row r="44287" spans="44:44" ht="15.75" customHeight="1" x14ac:dyDescent="0.15">
      <c r="AR44287" s="9" ph="1"/>
    </row>
    <row r="44288" spans="44:44" ht="15.75" customHeight="1" x14ac:dyDescent="0.15">
      <c r="AR44288" s="9" ph="1"/>
    </row>
    <row r="44289" spans="44:44" ht="15.75" customHeight="1" x14ac:dyDescent="0.15">
      <c r="AR44289" s="9" ph="1"/>
    </row>
    <row r="44291" spans="44:44" ht="15.75" customHeight="1" x14ac:dyDescent="0.15">
      <c r="AR44291" s="9" ph="1"/>
    </row>
    <row r="44292" spans="44:44" ht="15.75" customHeight="1" x14ac:dyDescent="0.15">
      <c r="AR44292" s="9" ph="1"/>
    </row>
    <row r="44293" spans="44:44" ht="15.75" customHeight="1" x14ac:dyDescent="0.15">
      <c r="AR44293" s="9" ph="1"/>
    </row>
    <row r="44294" spans="44:44" ht="15.75" customHeight="1" x14ac:dyDescent="0.15">
      <c r="AR44294" s="9" ph="1"/>
    </row>
    <row r="44295" spans="44:44" ht="15.75" customHeight="1" x14ac:dyDescent="0.15">
      <c r="AR44295" s="9" ph="1"/>
    </row>
    <row r="44296" spans="44:44" ht="15.75" customHeight="1" x14ac:dyDescent="0.15">
      <c r="AR44296" s="9" ph="1"/>
    </row>
    <row r="44297" spans="44:44" ht="15.75" customHeight="1" x14ac:dyDescent="0.15">
      <c r="AR44297" s="9" ph="1"/>
    </row>
    <row r="44298" spans="44:44" ht="15.75" customHeight="1" x14ac:dyDescent="0.15">
      <c r="AR44298" s="9" ph="1"/>
    </row>
    <row r="44299" spans="44:44" ht="15.75" customHeight="1" x14ac:dyDescent="0.15">
      <c r="AR44299" s="9" ph="1"/>
    </row>
    <row r="44300" spans="44:44" ht="15.75" customHeight="1" x14ac:dyDescent="0.15">
      <c r="AR44300" s="9" ph="1"/>
    </row>
    <row r="44301" spans="44:44" ht="15.75" customHeight="1" x14ac:dyDescent="0.15">
      <c r="AR44301" s="9" ph="1"/>
    </row>
    <row r="44302" spans="44:44" ht="15.75" customHeight="1" x14ac:dyDescent="0.15">
      <c r="AR44302" s="9" ph="1"/>
    </row>
    <row r="44303" spans="44:44" ht="15.75" customHeight="1" x14ac:dyDescent="0.15">
      <c r="AR44303" s="9" ph="1"/>
    </row>
    <row r="44304" spans="44:44" ht="15.75" customHeight="1" x14ac:dyDescent="0.15">
      <c r="AR44304" s="9" ph="1"/>
    </row>
    <row r="44305" spans="44:44" ht="15.75" customHeight="1" x14ac:dyDescent="0.15">
      <c r="AR44305" s="9" ph="1"/>
    </row>
    <row r="44306" spans="44:44" ht="15.75" customHeight="1" x14ac:dyDescent="0.15">
      <c r="AR44306" s="9" ph="1"/>
    </row>
    <row r="44307" spans="44:44" ht="15.75" customHeight="1" x14ac:dyDescent="0.15">
      <c r="AR44307" s="9" ph="1"/>
    </row>
    <row r="44308" spans="44:44" ht="15.75" customHeight="1" x14ac:dyDescent="0.15">
      <c r="AR44308" s="9" ph="1"/>
    </row>
    <row r="44310" spans="44:44" ht="15.75" customHeight="1" x14ac:dyDescent="0.15">
      <c r="AR44310" s="9" ph="1"/>
    </row>
    <row r="44311" spans="44:44" ht="15.75" customHeight="1" x14ac:dyDescent="0.15">
      <c r="AR44311" s="9" ph="1"/>
    </row>
    <row r="44312" spans="44:44" ht="15.75" customHeight="1" x14ac:dyDescent="0.15">
      <c r="AR44312" s="9" ph="1"/>
    </row>
    <row r="44313" spans="44:44" ht="15.75" customHeight="1" x14ac:dyDescent="0.15">
      <c r="AR44313" s="9" ph="1"/>
    </row>
    <row r="44314" spans="44:44" ht="15.75" customHeight="1" x14ac:dyDescent="0.15">
      <c r="AR44314" s="9" ph="1"/>
    </row>
    <row r="44315" spans="44:44" ht="15.75" customHeight="1" x14ac:dyDescent="0.15">
      <c r="AR44315" s="9" ph="1"/>
    </row>
    <row r="44316" spans="44:44" ht="15.75" customHeight="1" x14ac:dyDescent="0.15">
      <c r="AR44316" s="9" ph="1"/>
    </row>
    <row r="44317" spans="44:44" ht="15.75" customHeight="1" x14ac:dyDescent="0.15">
      <c r="AR44317" s="9" ph="1"/>
    </row>
    <row r="44318" spans="44:44" ht="15.75" customHeight="1" x14ac:dyDescent="0.15">
      <c r="AR44318" s="9" ph="1"/>
    </row>
    <row r="44319" spans="44:44" ht="15.75" customHeight="1" x14ac:dyDescent="0.15">
      <c r="AR44319" s="9" ph="1"/>
    </row>
    <row r="44320" spans="44:44" ht="15.75" customHeight="1" x14ac:dyDescent="0.15">
      <c r="AR44320" s="9" ph="1"/>
    </row>
    <row r="44321" spans="44:44" ht="15.75" customHeight="1" x14ac:dyDescent="0.15">
      <c r="AR44321" s="9" ph="1"/>
    </row>
    <row r="44322" spans="44:44" ht="15.75" customHeight="1" x14ac:dyDescent="0.15">
      <c r="AR44322" s="9" ph="1"/>
    </row>
    <row r="44323" spans="44:44" ht="15.75" customHeight="1" x14ac:dyDescent="0.15">
      <c r="AR44323" s="9" ph="1"/>
    </row>
    <row r="44324" spans="44:44" ht="15.75" customHeight="1" x14ac:dyDescent="0.15">
      <c r="AR44324" s="9" ph="1"/>
    </row>
    <row r="44325" spans="44:44" ht="15.75" customHeight="1" x14ac:dyDescent="0.15">
      <c r="AR44325" s="9" ph="1"/>
    </row>
    <row r="44326" spans="44:44" ht="15.75" customHeight="1" x14ac:dyDescent="0.15">
      <c r="AR44326" s="9" ph="1"/>
    </row>
    <row r="44327" spans="44:44" ht="15.75" customHeight="1" x14ac:dyDescent="0.15">
      <c r="AR44327" s="9" ph="1"/>
    </row>
    <row r="44328" spans="44:44" ht="15.75" customHeight="1" x14ac:dyDescent="0.15">
      <c r="AR44328" s="9" ph="1"/>
    </row>
    <row r="44329" spans="44:44" ht="15.75" customHeight="1" x14ac:dyDescent="0.15">
      <c r="AR44329" s="9" ph="1"/>
    </row>
    <row r="44330" spans="44:44" ht="15.75" customHeight="1" x14ac:dyDescent="0.15">
      <c r="AR44330" s="9" ph="1"/>
    </row>
    <row r="44331" spans="44:44" ht="15.75" customHeight="1" x14ac:dyDescent="0.15">
      <c r="AR44331" s="9" ph="1"/>
    </row>
    <row r="44332" spans="44:44" ht="15.75" customHeight="1" x14ac:dyDescent="0.15">
      <c r="AR44332" s="9" ph="1"/>
    </row>
    <row r="44333" spans="44:44" ht="15.75" customHeight="1" x14ac:dyDescent="0.15">
      <c r="AR44333" s="9" ph="1"/>
    </row>
    <row r="44334" spans="44:44" ht="15.75" customHeight="1" x14ac:dyDescent="0.15">
      <c r="AR44334" s="9" ph="1"/>
    </row>
    <row r="44335" spans="44:44" ht="15.75" customHeight="1" x14ac:dyDescent="0.15">
      <c r="AR44335" s="9" ph="1"/>
    </row>
    <row r="44336" spans="44:44" ht="15.75" customHeight="1" x14ac:dyDescent="0.15">
      <c r="AR44336" s="9" ph="1"/>
    </row>
    <row r="44337" spans="44:44" ht="15.75" customHeight="1" x14ac:dyDescent="0.15">
      <c r="AR44337" s="9" ph="1"/>
    </row>
    <row r="44338" spans="44:44" ht="15.75" customHeight="1" x14ac:dyDescent="0.15">
      <c r="AR44338" s="9" ph="1"/>
    </row>
    <row r="44339" spans="44:44" ht="15.75" customHeight="1" x14ac:dyDescent="0.15">
      <c r="AR44339" s="9" ph="1"/>
    </row>
    <row r="44340" spans="44:44" ht="15.75" customHeight="1" x14ac:dyDescent="0.15">
      <c r="AR44340" s="9" ph="1"/>
    </row>
    <row r="44341" spans="44:44" ht="15.75" customHeight="1" x14ac:dyDescent="0.15">
      <c r="AR44341" s="9" ph="1"/>
    </row>
    <row r="44342" spans="44:44" ht="15.75" customHeight="1" x14ac:dyDescent="0.15">
      <c r="AR44342" s="9" ph="1"/>
    </row>
    <row r="44343" spans="44:44" ht="15.75" customHeight="1" x14ac:dyDescent="0.15">
      <c r="AR44343" s="9" ph="1"/>
    </row>
    <row r="44344" spans="44:44" ht="15.75" customHeight="1" x14ac:dyDescent="0.15">
      <c r="AR44344" s="9" ph="1"/>
    </row>
    <row r="44345" spans="44:44" ht="15.75" customHeight="1" x14ac:dyDescent="0.15">
      <c r="AR44345" s="9" ph="1"/>
    </row>
    <row r="44346" spans="44:44" ht="15.75" customHeight="1" x14ac:dyDescent="0.15">
      <c r="AR44346" s="9" ph="1"/>
    </row>
    <row r="44347" spans="44:44" ht="15.75" customHeight="1" x14ac:dyDescent="0.15">
      <c r="AR44347" s="9" ph="1"/>
    </row>
    <row r="44348" spans="44:44" ht="15.75" customHeight="1" x14ac:dyDescent="0.15">
      <c r="AR44348" s="9" ph="1"/>
    </row>
    <row r="44349" spans="44:44" ht="15.75" customHeight="1" x14ac:dyDescent="0.15">
      <c r="AR44349" s="9" ph="1"/>
    </row>
    <row r="44350" spans="44:44" ht="15.75" customHeight="1" x14ac:dyDescent="0.15">
      <c r="AR44350" s="9" ph="1"/>
    </row>
    <row r="44351" spans="44:44" ht="15.75" customHeight="1" x14ac:dyDescent="0.15">
      <c r="AR44351" s="9" ph="1"/>
    </row>
    <row r="44352" spans="44:44" ht="15.75" customHeight="1" x14ac:dyDescent="0.15">
      <c r="AR44352" s="9" ph="1"/>
    </row>
    <row r="44353" spans="44:44" ht="15.75" customHeight="1" x14ac:dyDescent="0.15">
      <c r="AR44353" s="9" ph="1"/>
    </row>
    <row r="44354" spans="44:44" ht="15.75" customHeight="1" x14ac:dyDescent="0.15">
      <c r="AR44354" s="9" ph="1"/>
    </row>
    <row r="44355" spans="44:44" ht="15.75" customHeight="1" x14ac:dyDescent="0.15">
      <c r="AR44355" s="9" ph="1"/>
    </row>
    <row r="44356" spans="44:44" ht="15.75" customHeight="1" x14ac:dyDescent="0.15">
      <c r="AR44356" s="9" ph="1"/>
    </row>
    <row r="44357" spans="44:44" ht="15.75" customHeight="1" x14ac:dyDescent="0.15">
      <c r="AR44357" s="9" ph="1"/>
    </row>
    <row r="44358" spans="44:44" ht="15.75" customHeight="1" x14ac:dyDescent="0.15">
      <c r="AR44358" s="9" ph="1"/>
    </row>
    <row r="44359" spans="44:44" ht="15.75" customHeight="1" x14ac:dyDescent="0.15">
      <c r="AR44359" s="9" ph="1"/>
    </row>
    <row r="44360" spans="44:44" ht="15.75" customHeight="1" x14ac:dyDescent="0.15">
      <c r="AR44360" s="9" ph="1"/>
    </row>
    <row r="44361" spans="44:44" ht="15.75" customHeight="1" x14ac:dyDescent="0.15">
      <c r="AR44361" s="9" ph="1"/>
    </row>
    <row r="44362" spans="44:44" ht="15.75" customHeight="1" x14ac:dyDescent="0.15">
      <c r="AR44362" s="9" ph="1"/>
    </row>
    <row r="44363" spans="44:44" ht="15.75" customHeight="1" x14ac:dyDescent="0.15">
      <c r="AR44363" s="9" ph="1"/>
    </row>
    <row r="44364" spans="44:44" ht="15.75" customHeight="1" x14ac:dyDescent="0.15">
      <c r="AR44364" s="9" ph="1"/>
    </row>
    <row r="44365" spans="44:44" ht="15.75" customHeight="1" x14ac:dyDescent="0.15">
      <c r="AR44365" s="9" ph="1"/>
    </row>
    <row r="44366" spans="44:44" ht="15.75" customHeight="1" x14ac:dyDescent="0.15">
      <c r="AR44366" s="9" ph="1"/>
    </row>
    <row r="44367" spans="44:44" ht="15.75" customHeight="1" x14ac:dyDescent="0.15">
      <c r="AR44367" s="9" ph="1"/>
    </row>
    <row r="44368" spans="44:44" ht="15.75" customHeight="1" x14ac:dyDescent="0.15">
      <c r="AR44368" s="9" ph="1"/>
    </row>
    <row r="44369" spans="44:44" ht="15.75" customHeight="1" x14ac:dyDescent="0.15">
      <c r="AR44369" s="9" ph="1"/>
    </row>
    <row r="44370" spans="44:44" ht="15.75" customHeight="1" x14ac:dyDescent="0.15">
      <c r="AR44370" s="9" ph="1"/>
    </row>
    <row r="44371" spans="44:44" ht="15.75" customHeight="1" x14ac:dyDescent="0.15">
      <c r="AR44371" s="9" ph="1"/>
    </row>
    <row r="44372" spans="44:44" ht="15.75" customHeight="1" x14ac:dyDescent="0.15">
      <c r="AR44372" s="9" ph="1"/>
    </row>
    <row r="44373" spans="44:44" ht="15.75" customHeight="1" x14ac:dyDescent="0.15">
      <c r="AR44373" s="9" ph="1"/>
    </row>
    <row r="44374" spans="44:44" ht="15.75" customHeight="1" x14ac:dyDescent="0.15">
      <c r="AR44374" s="9" ph="1"/>
    </row>
    <row r="44375" spans="44:44" ht="15.75" customHeight="1" x14ac:dyDescent="0.15">
      <c r="AR44375" s="9" ph="1"/>
    </row>
    <row r="44376" spans="44:44" ht="15.75" customHeight="1" x14ac:dyDescent="0.15">
      <c r="AR44376" s="9" ph="1"/>
    </row>
    <row r="44377" spans="44:44" ht="15.75" customHeight="1" x14ac:dyDescent="0.15">
      <c r="AR44377" s="9" ph="1"/>
    </row>
    <row r="44378" spans="44:44" ht="15.75" customHeight="1" x14ac:dyDescent="0.15">
      <c r="AR44378" s="9" ph="1"/>
    </row>
    <row r="44379" spans="44:44" ht="15.75" customHeight="1" x14ac:dyDescent="0.15">
      <c r="AR44379" s="9" ph="1"/>
    </row>
    <row r="44380" spans="44:44" ht="15.75" customHeight="1" x14ac:dyDescent="0.15">
      <c r="AR44380" s="9" ph="1"/>
    </row>
    <row r="44381" spans="44:44" ht="15.75" customHeight="1" x14ac:dyDescent="0.15">
      <c r="AR44381" s="9" ph="1"/>
    </row>
    <row r="44382" spans="44:44" ht="15.75" customHeight="1" x14ac:dyDescent="0.15">
      <c r="AR44382" s="9" ph="1"/>
    </row>
    <row r="44383" spans="44:44" ht="15.75" customHeight="1" x14ac:dyDescent="0.15">
      <c r="AR44383" s="9" ph="1"/>
    </row>
    <row r="44384" spans="44:44" ht="15.75" customHeight="1" x14ac:dyDescent="0.15">
      <c r="AR44384" s="9" ph="1"/>
    </row>
    <row r="44385" spans="44:44" ht="15.75" customHeight="1" x14ac:dyDescent="0.15">
      <c r="AR44385" s="9" ph="1"/>
    </row>
    <row r="44386" spans="44:44" ht="15.75" customHeight="1" x14ac:dyDescent="0.15">
      <c r="AR44386" s="9" ph="1"/>
    </row>
    <row r="44387" spans="44:44" ht="15.75" customHeight="1" x14ac:dyDescent="0.15">
      <c r="AR44387" s="9" ph="1"/>
    </row>
    <row r="44388" spans="44:44" ht="15.75" customHeight="1" x14ac:dyDescent="0.15">
      <c r="AR44388" s="9" ph="1"/>
    </row>
    <row r="44389" spans="44:44" ht="15.75" customHeight="1" x14ac:dyDescent="0.15">
      <c r="AR44389" s="9" ph="1"/>
    </row>
    <row r="44390" spans="44:44" ht="15.75" customHeight="1" x14ac:dyDescent="0.15">
      <c r="AR44390" s="9" ph="1"/>
    </row>
    <row r="44391" spans="44:44" ht="15.75" customHeight="1" x14ac:dyDescent="0.15">
      <c r="AR44391" s="9" ph="1"/>
    </row>
    <row r="44392" spans="44:44" ht="15.75" customHeight="1" x14ac:dyDescent="0.15">
      <c r="AR44392" s="9" ph="1"/>
    </row>
    <row r="44393" spans="44:44" ht="15.75" customHeight="1" x14ac:dyDescent="0.15">
      <c r="AR44393" s="9" ph="1"/>
    </row>
    <row r="44394" spans="44:44" ht="15.75" customHeight="1" x14ac:dyDescent="0.15">
      <c r="AR44394" s="9" ph="1"/>
    </row>
    <row r="44395" spans="44:44" ht="15.75" customHeight="1" x14ac:dyDescent="0.15">
      <c r="AR44395" s="9" ph="1"/>
    </row>
    <row r="44396" spans="44:44" ht="15.75" customHeight="1" x14ac:dyDescent="0.15">
      <c r="AR44396" s="9" ph="1"/>
    </row>
    <row r="44397" spans="44:44" ht="15.75" customHeight="1" x14ac:dyDescent="0.15">
      <c r="AR44397" s="9" ph="1"/>
    </row>
    <row r="44398" spans="44:44" ht="15.75" customHeight="1" x14ac:dyDescent="0.15">
      <c r="AR44398" s="9" ph="1"/>
    </row>
    <row r="44399" spans="44:44" ht="15.75" customHeight="1" x14ac:dyDescent="0.15">
      <c r="AR44399" s="9" ph="1"/>
    </row>
    <row r="44400" spans="44:44" ht="15.75" customHeight="1" x14ac:dyDescent="0.15">
      <c r="AR44400" s="9" ph="1"/>
    </row>
    <row r="44401" spans="44:44" ht="15.75" customHeight="1" x14ac:dyDescent="0.15">
      <c r="AR44401" s="9" ph="1"/>
    </row>
    <row r="44402" spans="44:44" ht="15.75" customHeight="1" x14ac:dyDescent="0.15">
      <c r="AR44402" s="9" ph="1"/>
    </row>
    <row r="44403" spans="44:44" ht="15.75" customHeight="1" x14ac:dyDescent="0.15">
      <c r="AR44403" s="9" ph="1"/>
    </row>
    <row r="44404" spans="44:44" ht="15.75" customHeight="1" x14ac:dyDescent="0.15">
      <c r="AR44404" s="9" ph="1"/>
    </row>
    <row r="44405" spans="44:44" ht="15.75" customHeight="1" x14ac:dyDescent="0.15">
      <c r="AR44405" s="9" ph="1"/>
    </row>
    <row r="44406" spans="44:44" ht="15.75" customHeight="1" x14ac:dyDescent="0.15">
      <c r="AR44406" s="9" ph="1"/>
    </row>
    <row r="44407" spans="44:44" ht="15.75" customHeight="1" x14ac:dyDescent="0.15">
      <c r="AR44407" s="9" ph="1"/>
    </row>
    <row r="44408" spans="44:44" ht="15.75" customHeight="1" x14ac:dyDescent="0.15">
      <c r="AR44408" s="9" ph="1"/>
    </row>
    <row r="44409" spans="44:44" ht="15.75" customHeight="1" x14ac:dyDescent="0.15">
      <c r="AR44409" s="9" ph="1"/>
    </row>
    <row r="44410" spans="44:44" ht="15.75" customHeight="1" x14ac:dyDescent="0.15">
      <c r="AR44410" s="9" ph="1"/>
    </row>
    <row r="44411" spans="44:44" ht="15.75" customHeight="1" x14ac:dyDescent="0.15">
      <c r="AR44411" s="9" ph="1"/>
    </row>
    <row r="44412" spans="44:44" ht="15.75" customHeight="1" x14ac:dyDescent="0.15">
      <c r="AR44412" s="9" ph="1"/>
    </row>
    <row r="44413" spans="44:44" ht="15.75" customHeight="1" x14ac:dyDescent="0.15">
      <c r="AR44413" s="9" ph="1"/>
    </row>
    <row r="44414" spans="44:44" ht="15.75" customHeight="1" x14ac:dyDescent="0.15">
      <c r="AR44414" s="9" ph="1"/>
    </row>
    <row r="44415" spans="44:44" ht="15.75" customHeight="1" x14ac:dyDescent="0.15">
      <c r="AR44415" s="9" ph="1"/>
    </row>
    <row r="44416" spans="44:44" ht="15.75" customHeight="1" x14ac:dyDescent="0.15">
      <c r="AR44416" s="9" ph="1"/>
    </row>
    <row r="44417" spans="44:44" ht="15.75" customHeight="1" x14ac:dyDescent="0.15">
      <c r="AR44417" s="9" ph="1"/>
    </row>
    <row r="44418" spans="44:44" ht="15.75" customHeight="1" x14ac:dyDescent="0.15">
      <c r="AR44418" s="9" ph="1"/>
    </row>
    <row r="44419" spans="44:44" ht="15.75" customHeight="1" x14ac:dyDescent="0.15">
      <c r="AR44419" s="9" ph="1"/>
    </row>
    <row r="44420" spans="44:44" ht="15.75" customHeight="1" x14ac:dyDescent="0.15">
      <c r="AR44420" s="9" ph="1"/>
    </row>
    <row r="44421" spans="44:44" ht="15.75" customHeight="1" x14ac:dyDescent="0.15">
      <c r="AR44421" s="9" ph="1"/>
    </row>
    <row r="44422" spans="44:44" ht="15.75" customHeight="1" x14ac:dyDescent="0.15">
      <c r="AR44422" s="9" ph="1"/>
    </row>
    <row r="44423" spans="44:44" ht="15.75" customHeight="1" x14ac:dyDescent="0.15">
      <c r="AR44423" s="9" ph="1"/>
    </row>
    <row r="44424" spans="44:44" ht="15.75" customHeight="1" x14ac:dyDescent="0.15">
      <c r="AR44424" s="9" ph="1"/>
    </row>
    <row r="44425" spans="44:44" ht="15.75" customHeight="1" x14ac:dyDescent="0.15">
      <c r="AR44425" s="9" ph="1"/>
    </row>
    <row r="44426" spans="44:44" ht="15.75" customHeight="1" x14ac:dyDescent="0.15">
      <c r="AR44426" s="9" ph="1"/>
    </row>
    <row r="44427" spans="44:44" ht="15.75" customHeight="1" x14ac:dyDescent="0.15">
      <c r="AR44427" s="9" ph="1"/>
    </row>
    <row r="44428" spans="44:44" ht="15.75" customHeight="1" x14ac:dyDescent="0.15">
      <c r="AR44428" s="9" ph="1"/>
    </row>
    <row r="44429" spans="44:44" ht="15.75" customHeight="1" x14ac:dyDescent="0.15">
      <c r="AR44429" s="9" ph="1"/>
    </row>
    <row r="44430" spans="44:44" ht="15.75" customHeight="1" x14ac:dyDescent="0.15">
      <c r="AR44430" s="9" ph="1"/>
    </row>
    <row r="44431" spans="44:44" ht="15.75" customHeight="1" x14ac:dyDescent="0.15">
      <c r="AR44431" s="9" ph="1"/>
    </row>
    <row r="44433" spans="44:44" ht="15.75" customHeight="1" x14ac:dyDescent="0.15">
      <c r="AR44433" s="9" ph="1"/>
    </row>
    <row r="44434" spans="44:44" ht="15.75" customHeight="1" x14ac:dyDescent="0.15">
      <c r="AR44434" s="9" ph="1"/>
    </row>
    <row r="44435" spans="44:44" ht="15.75" customHeight="1" x14ac:dyDescent="0.15">
      <c r="AR44435" s="9" ph="1"/>
    </row>
    <row r="44436" spans="44:44" ht="15.75" customHeight="1" x14ac:dyDescent="0.15">
      <c r="AR44436" s="9" ph="1"/>
    </row>
    <row r="44437" spans="44:44" ht="15.75" customHeight="1" x14ac:dyDescent="0.15">
      <c r="AR44437" s="9" ph="1"/>
    </row>
    <row r="44438" spans="44:44" ht="15.75" customHeight="1" x14ac:dyDescent="0.15">
      <c r="AR44438" s="9" ph="1"/>
    </row>
    <row r="44439" spans="44:44" ht="15.75" customHeight="1" x14ac:dyDescent="0.15">
      <c r="AR44439" s="9" ph="1"/>
    </row>
    <row r="44440" spans="44:44" ht="15.75" customHeight="1" x14ac:dyDescent="0.15">
      <c r="AR44440" s="9" ph="1"/>
    </row>
    <row r="44441" spans="44:44" ht="15.75" customHeight="1" x14ac:dyDescent="0.15">
      <c r="AR44441" s="9" ph="1"/>
    </row>
    <row r="44442" spans="44:44" ht="15.75" customHeight="1" x14ac:dyDescent="0.15">
      <c r="AR44442" s="9" ph="1"/>
    </row>
    <row r="44444" spans="44:44" ht="15.75" customHeight="1" x14ac:dyDescent="0.15">
      <c r="AR44444" s="9" ph="1"/>
    </row>
    <row r="44445" spans="44:44" ht="15.75" customHeight="1" x14ac:dyDescent="0.15">
      <c r="AR44445" s="9" ph="1"/>
    </row>
    <row r="44446" spans="44:44" ht="15.75" customHeight="1" x14ac:dyDescent="0.15">
      <c r="AR44446" s="9" ph="1"/>
    </row>
    <row r="44447" spans="44:44" ht="15.75" customHeight="1" x14ac:dyDescent="0.15">
      <c r="AR44447" s="9" ph="1"/>
    </row>
    <row r="44448" spans="44:44" ht="15.75" customHeight="1" x14ac:dyDescent="0.15">
      <c r="AR44448" s="9" ph="1"/>
    </row>
    <row r="44449" spans="44:44" ht="15.75" customHeight="1" x14ac:dyDescent="0.15">
      <c r="AR44449" s="9" ph="1"/>
    </row>
    <row r="44450" spans="44:44" ht="15.75" customHeight="1" x14ac:dyDescent="0.15">
      <c r="AR44450" s="9" ph="1"/>
    </row>
    <row r="44451" spans="44:44" ht="15.75" customHeight="1" x14ac:dyDescent="0.15">
      <c r="AR44451" s="9" ph="1"/>
    </row>
    <row r="44452" spans="44:44" ht="15.75" customHeight="1" x14ac:dyDescent="0.15">
      <c r="AR44452" s="9" ph="1"/>
    </row>
    <row r="44453" spans="44:44" ht="15.75" customHeight="1" x14ac:dyDescent="0.15">
      <c r="AR44453" s="9" ph="1"/>
    </row>
    <row r="44454" spans="44:44" ht="15.75" customHeight="1" x14ac:dyDescent="0.15">
      <c r="AR44454" s="9" ph="1"/>
    </row>
    <row r="44455" spans="44:44" ht="15.75" customHeight="1" x14ac:dyDescent="0.15">
      <c r="AR44455" s="9" ph="1"/>
    </row>
    <row r="44456" spans="44:44" ht="15.75" customHeight="1" x14ac:dyDescent="0.15">
      <c r="AR44456" s="9" ph="1"/>
    </row>
    <row r="44457" spans="44:44" ht="15.75" customHeight="1" x14ac:dyDescent="0.15">
      <c r="AR44457" s="9" ph="1"/>
    </row>
    <row r="44458" spans="44:44" ht="15.75" customHeight="1" x14ac:dyDescent="0.15">
      <c r="AR44458" s="9" ph="1"/>
    </row>
    <row r="44459" spans="44:44" ht="15.75" customHeight="1" x14ac:dyDescent="0.15">
      <c r="AR44459" s="9" ph="1"/>
    </row>
    <row r="44460" spans="44:44" ht="15.75" customHeight="1" x14ac:dyDescent="0.15">
      <c r="AR44460" s="9" ph="1"/>
    </row>
    <row r="44461" spans="44:44" ht="15.75" customHeight="1" x14ac:dyDescent="0.15">
      <c r="AR44461" s="9" ph="1"/>
    </row>
    <row r="44463" spans="44:44" ht="15.75" customHeight="1" x14ac:dyDescent="0.15">
      <c r="AR44463" s="9" ph="1"/>
    </row>
    <row r="44464" spans="44:44" ht="15.75" customHeight="1" x14ac:dyDescent="0.15">
      <c r="AR44464" s="9" ph="1"/>
    </row>
    <row r="44465" spans="44:44" ht="15.75" customHeight="1" x14ac:dyDescent="0.15">
      <c r="AR44465" s="9" ph="1"/>
    </row>
    <row r="44466" spans="44:44" ht="15.75" customHeight="1" x14ac:dyDescent="0.15">
      <c r="AR44466" s="9" ph="1"/>
    </row>
    <row r="44467" spans="44:44" ht="15.75" customHeight="1" x14ac:dyDescent="0.15">
      <c r="AR44467" s="9" ph="1"/>
    </row>
    <row r="44468" spans="44:44" ht="15.75" customHeight="1" x14ac:dyDescent="0.15">
      <c r="AR44468" s="9" ph="1"/>
    </row>
    <row r="44469" spans="44:44" ht="15.75" customHeight="1" x14ac:dyDescent="0.15">
      <c r="AR44469" s="9" ph="1"/>
    </row>
    <row r="44470" spans="44:44" ht="15.75" customHeight="1" x14ac:dyDescent="0.15">
      <c r="AR44470" s="9" ph="1"/>
    </row>
    <row r="44471" spans="44:44" ht="15.75" customHeight="1" x14ac:dyDescent="0.15">
      <c r="AR44471" s="9" ph="1"/>
    </row>
    <row r="44472" spans="44:44" ht="15.75" customHeight="1" x14ac:dyDescent="0.15">
      <c r="AR44472" s="9" ph="1"/>
    </row>
    <row r="44473" spans="44:44" ht="15.75" customHeight="1" x14ac:dyDescent="0.15">
      <c r="AR44473" s="9" ph="1"/>
    </row>
    <row r="44474" spans="44:44" ht="15.75" customHeight="1" x14ac:dyDescent="0.15">
      <c r="AR44474" s="9" ph="1"/>
    </row>
    <row r="44475" spans="44:44" ht="15.75" customHeight="1" x14ac:dyDescent="0.15">
      <c r="AR44475" s="9" ph="1"/>
    </row>
    <row r="44476" spans="44:44" ht="15.75" customHeight="1" x14ac:dyDescent="0.15">
      <c r="AR44476" s="9" ph="1"/>
    </row>
    <row r="44477" spans="44:44" ht="15.75" customHeight="1" x14ac:dyDescent="0.15">
      <c r="AR44477" s="9" ph="1"/>
    </row>
    <row r="44478" spans="44:44" ht="15.75" customHeight="1" x14ac:dyDescent="0.15">
      <c r="AR44478" s="9" ph="1"/>
    </row>
    <row r="44479" spans="44:44" ht="15.75" customHeight="1" x14ac:dyDescent="0.15">
      <c r="AR44479" s="9" ph="1"/>
    </row>
    <row r="44480" spans="44:44" ht="15.75" customHeight="1" x14ac:dyDescent="0.15">
      <c r="AR44480" s="9" ph="1"/>
    </row>
    <row r="44481" spans="44:44" ht="15.75" customHeight="1" x14ac:dyDescent="0.15">
      <c r="AR44481" s="9" ph="1"/>
    </row>
    <row r="44482" spans="44:44" ht="15.75" customHeight="1" x14ac:dyDescent="0.15">
      <c r="AR44482" s="9" ph="1"/>
    </row>
    <row r="44483" spans="44:44" ht="15.75" customHeight="1" x14ac:dyDescent="0.15">
      <c r="AR44483" s="9" ph="1"/>
    </row>
    <row r="44484" spans="44:44" ht="15.75" customHeight="1" x14ac:dyDescent="0.15">
      <c r="AR44484" s="9" ph="1"/>
    </row>
    <row r="44485" spans="44:44" ht="15.75" customHeight="1" x14ac:dyDescent="0.15">
      <c r="AR44485" s="9" ph="1"/>
    </row>
    <row r="44486" spans="44:44" ht="15.75" customHeight="1" x14ac:dyDescent="0.15">
      <c r="AR44486" s="9" ph="1"/>
    </row>
    <row r="44487" spans="44:44" ht="15.75" customHeight="1" x14ac:dyDescent="0.15">
      <c r="AR44487" s="9" ph="1"/>
    </row>
    <row r="44488" spans="44:44" ht="15.75" customHeight="1" x14ac:dyDescent="0.15">
      <c r="AR44488" s="9" ph="1"/>
    </row>
    <row r="44489" spans="44:44" ht="15.75" customHeight="1" x14ac:dyDescent="0.15">
      <c r="AR44489" s="9" ph="1"/>
    </row>
    <row r="44490" spans="44:44" ht="15.75" customHeight="1" x14ac:dyDescent="0.15">
      <c r="AR44490" s="9" ph="1"/>
    </row>
    <row r="44491" spans="44:44" ht="15.75" customHeight="1" x14ac:dyDescent="0.15">
      <c r="AR44491" s="9" ph="1"/>
    </row>
    <row r="44492" spans="44:44" ht="15.75" customHeight="1" x14ac:dyDescent="0.15">
      <c r="AR44492" s="9" ph="1"/>
    </row>
    <row r="44493" spans="44:44" ht="15.75" customHeight="1" x14ac:dyDescent="0.15">
      <c r="AR44493" s="9" ph="1"/>
    </row>
    <row r="44494" spans="44:44" ht="15.75" customHeight="1" x14ac:dyDescent="0.15">
      <c r="AR44494" s="9" ph="1"/>
    </row>
    <row r="44495" spans="44:44" ht="15.75" customHeight="1" x14ac:dyDescent="0.15">
      <c r="AR44495" s="9" ph="1"/>
    </row>
    <row r="44496" spans="44:44" ht="15.75" customHeight="1" x14ac:dyDescent="0.15">
      <c r="AR44496" s="9" ph="1"/>
    </row>
    <row r="44497" spans="44:44" ht="15.75" customHeight="1" x14ac:dyDescent="0.15">
      <c r="AR44497" s="9" ph="1"/>
    </row>
    <row r="44498" spans="44:44" ht="15.75" customHeight="1" x14ac:dyDescent="0.15">
      <c r="AR44498" s="9" ph="1"/>
    </row>
    <row r="44499" spans="44:44" ht="15.75" customHeight="1" x14ac:dyDescent="0.15">
      <c r="AR44499" s="9" ph="1"/>
    </row>
    <row r="44500" spans="44:44" ht="15.75" customHeight="1" x14ac:dyDescent="0.15">
      <c r="AR44500" s="9" ph="1"/>
    </row>
    <row r="44501" spans="44:44" ht="15.75" customHeight="1" x14ac:dyDescent="0.15">
      <c r="AR44501" s="9" ph="1"/>
    </row>
    <row r="44502" spans="44:44" ht="15.75" customHeight="1" x14ac:dyDescent="0.15">
      <c r="AR44502" s="9" ph="1"/>
    </row>
    <row r="44503" spans="44:44" ht="15.75" customHeight="1" x14ac:dyDescent="0.15">
      <c r="AR44503" s="9" ph="1"/>
    </row>
    <row r="44504" spans="44:44" ht="15.75" customHeight="1" x14ac:dyDescent="0.15">
      <c r="AR44504" s="9" ph="1"/>
    </row>
    <row r="44505" spans="44:44" ht="15.75" customHeight="1" x14ac:dyDescent="0.15">
      <c r="AR44505" s="9" ph="1"/>
    </row>
    <row r="44506" spans="44:44" ht="15.75" customHeight="1" x14ac:dyDescent="0.15">
      <c r="AR44506" s="9" ph="1"/>
    </row>
    <row r="44507" spans="44:44" ht="15.75" customHeight="1" x14ac:dyDescent="0.15">
      <c r="AR44507" s="9" ph="1"/>
    </row>
    <row r="44508" spans="44:44" ht="15.75" customHeight="1" x14ac:dyDescent="0.15">
      <c r="AR44508" s="9" ph="1"/>
    </row>
    <row r="44509" spans="44:44" ht="15.75" customHeight="1" x14ac:dyDescent="0.15">
      <c r="AR44509" s="9" ph="1"/>
    </row>
    <row r="44510" spans="44:44" ht="15.75" customHeight="1" x14ac:dyDescent="0.15">
      <c r="AR44510" s="9" ph="1"/>
    </row>
    <row r="44511" spans="44:44" ht="15.75" customHeight="1" x14ac:dyDescent="0.15">
      <c r="AR44511" s="9" ph="1"/>
    </row>
    <row r="44512" spans="44:44" ht="15.75" customHeight="1" x14ac:dyDescent="0.15">
      <c r="AR44512" s="9" ph="1"/>
    </row>
    <row r="44513" spans="44:44" ht="15.75" customHeight="1" x14ac:dyDescent="0.15">
      <c r="AR44513" s="9" ph="1"/>
    </row>
    <row r="44514" spans="44:44" ht="15.75" customHeight="1" x14ac:dyDescent="0.15">
      <c r="AR44514" s="9" ph="1"/>
    </row>
    <row r="44515" spans="44:44" ht="15.75" customHeight="1" x14ac:dyDescent="0.15">
      <c r="AR44515" s="9" ph="1"/>
    </row>
    <row r="44516" spans="44:44" ht="15.75" customHeight="1" x14ac:dyDescent="0.15">
      <c r="AR44516" s="9" ph="1"/>
    </row>
    <row r="44517" spans="44:44" ht="15.75" customHeight="1" x14ac:dyDescent="0.15">
      <c r="AR44517" s="9" ph="1"/>
    </row>
    <row r="44518" spans="44:44" ht="15.75" customHeight="1" x14ac:dyDescent="0.15">
      <c r="AR44518" s="9" ph="1"/>
    </row>
    <row r="44519" spans="44:44" ht="15.75" customHeight="1" x14ac:dyDescent="0.15">
      <c r="AR44519" s="9" ph="1"/>
    </row>
    <row r="44520" spans="44:44" ht="15.75" customHeight="1" x14ac:dyDescent="0.15">
      <c r="AR44520" s="9" ph="1"/>
    </row>
    <row r="44521" spans="44:44" ht="15.75" customHeight="1" x14ac:dyDescent="0.15">
      <c r="AR44521" s="9" ph="1"/>
    </row>
    <row r="44522" spans="44:44" ht="15.75" customHeight="1" x14ac:dyDescent="0.15">
      <c r="AR44522" s="9" ph="1"/>
    </row>
    <row r="44523" spans="44:44" ht="15.75" customHeight="1" x14ac:dyDescent="0.15">
      <c r="AR44523" s="9" ph="1"/>
    </row>
    <row r="44524" spans="44:44" ht="15.75" customHeight="1" x14ac:dyDescent="0.15">
      <c r="AR44524" s="9" ph="1"/>
    </row>
    <row r="44525" spans="44:44" ht="15.75" customHeight="1" x14ac:dyDescent="0.15">
      <c r="AR44525" s="9" ph="1"/>
    </row>
    <row r="44526" spans="44:44" ht="15.75" customHeight="1" x14ac:dyDescent="0.15">
      <c r="AR44526" s="9" ph="1"/>
    </row>
    <row r="44527" spans="44:44" ht="15.75" customHeight="1" x14ac:dyDescent="0.15">
      <c r="AR44527" s="9" ph="1"/>
    </row>
    <row r="44528" spans="44:44" ht="15.75" customHeight="1" x14ac:dyDescent="0.15">
      <c r="AR44528" s="9" ph="1"/>
    </row>
    <row r="44529" spans="44:44" ht="15.75" customHeight="1" x14ac:dyDescent="0.15">
      <c r="AR44529" s="9" ph="1"/>
    </row>
    <row r="44530" spans="44:44" ht="15.75" customHeight="1" x14ac:dyDescent="0.15">
      <c r="AR44530" s="9" ph="1"/>
    </row>
    <row r="44531" spans="44:44" ht="15.75" customHeight="1" x14ac:dyDescent="0.15">
      <c r="AR44531" s="9" ph="1"/>
    </row>
    <row r="44532" spans="44:44" ht="15.75" customHeight="1" x14ac:dyDescent="0.15">
      <c r="AR44532" s="9" ph="1"/>
    </row>
    <row r="44533" spans="44:44" ht="15.75" customHeight="1" x14ac:dyDescent="0.15">
      <c r="AR44533" s="9" ph="1"/>
    </row>
    <row r="44534" spans="44:44" ht="15.75" customHeight="1" x14ac:dyDescent="0.15">
      <c r="AR44534" s="9" ph="1"/>
    </row>
    <row r="44535" spans="44:44" ht="15.75" customHeight="1" x14ac:dyDescent="0.15">
      <c r="AR44535" s="9" ph="1"/>
    </row>
    <row r="44536" spans="44:44" ht="15.75" customHeight="1" x14ac:dyDescent="0.15">
      <c r="AR44536" s="9" ph="1"/>
    </row>
    <row r="44537" spans="44:44" ht="15.75" customHeight="1" x14ac:dyDescent="0.15">
      <c r="AR44537" s="9" ph="1"/>
    </row>
    <row r="44538" spans="44:44" ht="15.75" customHeight="1" x14ac:dyDescent="0.15">
      <c r="AR44538" s="9" ph="1"/>
    </row>
    <row r="44539" spans="44:44" ht="15.75" customHeight="1" x14ac:dyDescent="0.15">
      <c r="AR44539" s="9" ph="1"/>
    </row>
    <row r="44540" spans="44:44" ht="15.75" customHeight="1" x14ac:dyDescent="0.15">
      <c r="AR44540" s="9" ph="1"/>
    </row>
    <row r="44541" spans="44:44" ht="15.75" customHeight="1" x14ac:dyDescent="0.15">
      <c r="AR44541" s="9" ph="1"/>
    </row>
    <row r="44542" spans="44:44" ht="15.75" customHeight="1" x14ac:dyDescent="0.15">
      <c r="AR44542" s="9" ph="1"/>
    </row>
    <row r="44543" spans="44:44" ht="15.75" customHeight="1" x14ac:dyDescent="0.15">
      <c r="AR44543" s="9" ph="1"/>
    </row>
    <row r="44544" spans="44:44" ht="15.75" customHeight="1" x14ac:dyDescent="0.15">
      <c r="AR44544" s="9" ph="1"/>
    </row>
    <row r="44545" spans="44:44" ht="15.75" customHeight="1" x14ac:dyDescent="0.15">
      <c r="AR44545" s="9" ph="1"/>
    </row>
    <row r="44546" spans="44:44" ht="15.75" customHeight="1" x14ac:dyDescent="0.15">
      <c r="AR44546" s="9" ph="1"/>
    </row>
    <row r="44547" spans="44:44" ht="15.75" customHeight="1" x14ac:dyDescent="0.15">
      <c r="AR44547" s="9" ph="1"/>
    </row>
    <row r="44548" spans="44:44" ht="15.75" customHeight="1" x14ac:dyDescent="0.15">
      <c r="AR44548" s="9" ph="1"/>
    </row>
    <row r="44549" spans="44:44" ht="15.75" customHeight="1" x14ac:dyDescent="0.15">
      <c r="AR44549" s="9" ph="1"/>
    </row>
    <row r="44550" spans="44:44" ht="15.75" customHeight="1" x14ac:dyDescent="0.15">
      <c r="AR44550" s="9" ph="1"/>
    </row>
    <row r="44551" spans="44:44" ht="15.75" customHeight="1" x14ac:dyDescent="0.15">
      <c r="AR44551" s="9" ph="1"/>
    </row>
    <row r="44552" spans="44:44" ht="15.75" customHeight="1" x14ac:dyDescent="0.15">
      <c r="AR44552" s="9" ph="1"/>
    </row>
    <row r="44553" spans="44:44" ht="15.75" customHeight="1" x14ac:dyDescent="0.15">
      <c r="AR44553" s="9" ph="1"/>
    </row>
    <row r="44554" spans="44:44" ht="15.75" customHeight="1" x14ac:dyDescent="0.15">
      <c r="AR44554" s="9" ph="1"/>
    </row>
    <row r="44555" spans="44:44" ht="15.75" customHeight="1" x14ac:dyDescent="0.15">
      <c r="AR44555" s="9" ph="1"/>
    </row>
    <row r="44556" spans="44:44" ht="15.75" customHeight="1" x14ac:dyDescent="0.15">
      <c r="AR44556" s="9" ph="1"/>
    </row>
    <row r="44557" spans="44:44" ht="15.75" customHeight="1" x14ac:dyDescent="0.15">
      <c r="AR44557" s="9" ph="1"/>
    </row>
    <row r="44558" spans="44:44" ht="15.75" customHeight="1" x14ac:dyDescent="0.15">
      <c r="AR44558" s="9" ph="1"/>
    </row>
    <row r="44559" spans="44:44" ht="15.75" customHeight="1" x14ac:dyDescent="0.15">
      <c r="AR44559" s="9" ph="1"/>
    </row>
    <row r="44560" spans="44:44" ht="15.75" customHeight="1" x14ac:dyDescent="0.15">
      <c r="AR44560" s="9" ph="1"/>
    </row>
    <row r="44561" spans="44:44" ht="15.75" customHeight="1" x14ac:dyDescent="0.15">
      <c r="AR44561" s="9" ph="1"/>
    </row>
    <row r="44562" spans="44:44" ht="15.75" customHeight="1" x14ac:dyDescent="0.15">
      <c r="AR44562" s="9" ph="1"/>
    </row>
    <row r="44563" spans="44:44" ht="15.75" customHeight="1" x14ac:dyDescent="0.15">
      <c r="AR44563" s="9" ph="1"/>
    </row>
    <row r="44564" spans="44:44" ht="15.75" customHeight="1" x14ac:dyDescent="0.15">
      <c r="AR44564" s="9" ph="1"/>
    </row>
    <row r="44565" spans="44:44" ht="15.75" customHeight="1" x14ac:dyDescent="0.15">
      <c r="AR44565" s="9" ph="1"/>
    </row>
    <row r="44566" spans="44:44" ht="15.75" customHeight="1" x14ac:dyDescent="0.15">
      <c r="AR44566" s="9" ph="1"/>
    </row>
    <row r="44567" spans="44:44" ht="15.75" customHeight="1" x14ac:dyDescent="0.15">
      <c r="AR44567" s="9" ph="1"/>
    </row>
    <row r="44568" spans="44:44" ht="15.75" customHeight="1" x14ac:dyDescent="0.15">
      <c r="AR44568" s="9" ph="1"/>
    </row>
    <row r="44569" spans="44:44" ht="15.75" customHeight="1" x14ac:dyDescent="0.15">
      <c r="AR44569" s="9" ph="1"/>
    </row>
    <row r="44570" spans="44:44" ht="15.75" customHeight="1" x14ac:dyDescent="0.15">
      <c r="AR44570" s="9" ph="1"/>
    </row>
    <row r="44571" spans="44:44" ht="15.75" customHeight="1" x14ac:dyDescent="0.15">
      <c r="AR44571" s="9" ph="1"/>
    </row>
    <row r="44572" spans="44:44" ht="15.75" customHeight="1" x14ac:dyDescent="0.15">
      <c r="AR44572" s="9" ph="1"/>
    </row>
    <row r="44573" spans="44:44" ht="15.75" customHeight="1" x14ac:dyDescent="0.15">
      <c r="AR44573" s="9" ph="1"/>
    </row>
    <row r="44574" spans="44:44" ht="15.75" customHeight="1" x14ac:dyDescent="0.15">
      <c r="AR44574" s="9" ph="1"/>
    </row>
    <row r="44575" spans="44:44" ht="15.75" customHeight="1" x14ac:dyDescent="0.15">
      <c r="AR44575" s="9" ph="1"/>
    </row>
    <row r="44576" spans="44:44" ht="15.75" customHeight="1" x14ac:dyDescent="0.15">
      <c r="AR44576" s="9" ph="1"/>
    </row>
    <row r="44577" spans="44:44" ht="15.75" customHeight="1" x14ac:dyDescent="0.15">
      <c r="AR44577" s="9" ph="1"/>
    </row>
    <row r="44578" spans="44:44" ht="15.75" customHeight="1" x14ac:dyDescent="0.15">
      <c r="AR44578" s="9" ph="1"/>
    </row>
    <row r="44579" spans="44:44" ht="15.75" customHeight="1" x14ac:dyDescent="0.15">
      <c r="AR44579" s="9" ph="1"/>
    </row>
    <row r="44580" spans="44:44" ht="15.75" customHeight="1" x14ac:dyDescent="0.15">
      <c r="AR44580" s="9" ph="1"/>
    </row>
    <row r="44581" spans="44:44" ht="15.75" customHeight="1" x14ac:dyDescent="0.15">
      <c r="AR44581" s="9" ph="1"/>
    </row>
    <row r="44582" spans="44:44" ht="15.75" customHeight="1" x14ac:dyDescent="0.15">
      <c r="AR44582" s="9" ph="1"/>
    </row>
    <row r="44583" spans="44:44" ht="15.75" customHeight="1" x14ac:dyDescent="0.15">
      <c r="AR44583" s="9" ph="1"/>
    </row>
    <row r="44584" spans="44:44" ht="15.75" customHeight="1" x14ac:dyDescent="0.15">
      <c r="AR44584" s="9" ph="1"/>
    </row>
    <row r="44585" spans="44:44" ht="15.75" customHeight="1" x14ac:dyDescent="0.15">
      <c r="AR44585" s="9" ph="1"/>
    </row>
    <row r="44586" spans="44:44" ht="15.75" customHeight="1" x14ac:dyDescent="0.15">
      <c r="AR44586" s="9" ph="1"/>
    </row>
    <row r="44587" spans="44:44" ht="15.75" customHeight="1" x14ac:dyDescent="0.15">
      <c r="AR44587" s="9" ph="1"/>
    </row>
    <row r="44588" spans="44:44" ht="15.75" customHeight="1" x14ac:dyDescent="0.15">
      <c r="AR44588" s="9" ph="1"/>
    </row>
    <row r="44589" spans="44:44" ht="15.75" customHeight="1" x14ac:dyDescent="0.15">
      <c r="AR44589" s="9" ph="1"/>
    </row>
    <row r="44590" spans="44:44" ht="15.75" customHeight="1" x14ac:dyDescent="0.15">
      <c r="AR44590" s="9" ph="1"/>
    </row>
    <row r="44591" spans="44:44" ht="15.75" customHeight="1" x14ac:dyDescent="0.15">
      <c r="AR44591" s="9" ph="1"/>
    </row>
    <row r="44592" spans="44:44" ht="15.75" customHeight="1" x14ac:dyDescent="0.15">
      <c r="AR44592" s="9" ph="1"/>
    </row>
    <row r="44593" spans="44:44" ht="15.75" customHeight="1" x14ac:dyDescent="0.15">
      <c r="AR44593" s="9" ph="1"/>
    </row>
    <row r="44594" spans="44:44" ht="15.75" customHeight="1" x14ac:dyDescent="0.15">
      <c r="AR44594" s="9" ph="1"/>
    </row>
    <row r="44595" spans="44:44" ht="15.75" customHeight="1" x14ac:dyDescent="0.15">
      <c r="AR44595" s="9" ph="1"/>
    </row>
    <row r="44596" spans="44:44" ht="15.75" customHeight="1" x14ac:dyDescent="0.15">
      <c r="AR44596" s="9" ph="1"/>
    </row>
    <row r="44597" spans="44:44" ht="15.75" customHeight="1" x14ac:dyDescent="0.15">
      <c r="AR44597" s="9" ph="1"/>
    </row>
    <row r="44598" spans="44:44" ht="15.75" customHeight="1" x14ac:dyDescent="0.15">
      <c r="AR44598" s="9" ph="1"/>
    </row>
    <row r="44599" spans="44:44" ht="15.75" customHeight="1" x14ac:dyDescent="0.15">
      <c r="AR44599" s="9" ph="1"/>
    </row>
    <row r="44600" spans="44:44" ht="15.75" customHeight="1" x14ac:dyDescent="0.15">
      <c r="AR44600" s="9" ph="1"/>
    </row>
    <row r="44601" spans="44:44" ht="15.75" customHeight="1" x14ac:dyDescent="0.15">
      <c r="AR44601" s="9" ph="1"/>
    </row>
    <row r="44602" spans="44:44" ht="15.75" customHeight="1" x14ac:dyDescent="0.15">
      <c r="AR44602" s="9" ph="1"/>
    </row>
    <row r="44603" spans="44:44" ht="15.75" customHeight="1" x14ac:dyDescent="0.15">
      <c r="AR44603" s="9" ph="1"/>
    </row>
    <row r="44604" spans="44:44" ht="15.75" customHeight="1" x14ac:dyDescent="0.15">
      <c r="AR44604" s="9" ph="1"/>
    </row>
    <row r="44605" spans="44:44" ht="15.75" customHeight="1" x14ac:dyDescent="0.15">
      <c r="AR44605" s="9" ph="1"/>
    </row>
    <row r="44606" spans="44:44" ht="15.75" customHeight="1" x14ac:dyDescent="0.15">
      <c r="AR44606" s="9" ph="1"/>
    </row>
    <row r="44607" spans="44:44" ht="15.75" customHeight="1" x14ac:dyDescent="0.15">
      <c r="AR44607" s="9" ph="1"/>
    </row>
    <row r="44608" spans="44:44" ht="15.75" customHeight="1" x14ac:dyDescent="0.15">
      <c r="AR44608" s="9" ph="1"/>
    </row>
    <row r="44609" spans="44:44" ht="15.75" customHeight="1" x14ac:dyDescent="0.15">
      <c r="AR44609" s="9" ph="1"/>
    </row>
    <row r="44610" spans="44:44" ht="15.75" customHeight="1" x14ac:dyDescent="0.15">
      <c r="AR44610" s="9" ph="1"/>
    </row>
    <row r="44611" spans="44:44" ht="15.75" customHeight="1" x14ac:dyDescent="0.15">
      <c r="AR44611" s="9" ph="1"/>
    </row>
    <row r="44612" spans="44:44" ht="15.75" customHeight="1" x14ac:dyDescent="0.15">
      <c r="AR44612" s="9" ph="1"/>
    </row>
    <row r="44613" spans="44:44" ht="15.75" customHeight="1" x14ac:dyDescent="0.15">
      <c r="AR44613" s="9" ph="1"/>
    </row>
    <row r="44614" spans="44:44" ht="15.75" customHeight="1" x14ac:dyDescent="0.15">
      <c r="AR44614" s="9" ph="1"/>
    </row>
    <row r="44615" spans="44:44" ht="15.75" customHeight="1" x14ac:dyDescent="0.15">
      <c r="AR44615" s="9" ph="1"/>
    </row>
    <row r="44617" spans="44:44" ht="15.75" customHeight="1" x14ac:dyDescent="0.15">
      <c r="AR44617" s="9" ph="1"/>
    </row>
    <row r="44618" spans="44:44" ht="15.75" customHeight="1" x14ac:dyDescent="0.15">
      <c r="AR44618" s="9" ph="1"/>
    </row>
    <row r="44619" spans="44:44" ht="15.75" customHeight="1" x14ac:dyDescent="0.15">
      <c r="AR44619" s="9" ph="1"/>
    </row>
    <row r="44620" spans="44:44" ht="15.75" customHeight="1" x14ac:dyDescent="0.15">
      <c r="AR44620" s="9" ph="1"/>
    </row>
    <row r="44621" spans="44:44" ht="15.75" customHeight="1" x14ac:dyDescent="0.15">
      <c r="AR44621" s="9" ph="1"/>
    </row>
    <row r="44622" spans="44:44" ht="15.75" customHeight="1" x14ac:dyDescent="0.15">
      <c r="AR44622" s="9" ph="1"/>
    </row>
    <row r="44623" spans="44:44" ht="15.75" customHeight="1" x14ac:dyDescent="0.15">
      <c r="AR44623" s="9" ph="1"/>
    </row>
    <row r="44624" spans="44:44" ht="15.75" customHeight="1" x14ac:dyDescent="0.15">
      <c r="AR44624" s="9" ph="1"/>
    </row>
    <row r="44625" spans="44:44" ht="15.75" customHeight="1" x14ac:dyDescent="0.15">
      <c r="AR44625" s="9" ph="1"/>
    </row>
    <row r="44626" spans="44:44" ht="15.75" customHeight="1" x14ac:dyDescent="0.15">
      <c r="AR44626" s="9" ph="1"/>
    </row>
    <row r="44628" spans="44:44" ht="15.75" customHeight="1" x14ac:dyDescent="0.15">
      <c r="AR44628" s="9" ph="1"/>
    </row>
    <row r="44629" spans="44:44" ht="15.75" customHeight="1" x14ac:dyDescent="0.15">
      <c r="AR44629" s="9" ph="1"/>
    </row>
    <row r="44630" spans="44:44" ht="15.75" customHeight="1" x14ac:dyDescent="0.15">
      <c r="AR44630" s="9" ph="1"/>
    </row>
    <row r="44631" spans="44:44" ht="15.75" customHeight="1" x14ac:dyDescent="0.15">
      <c r="AR44631" s="9" ph="1"/>
    </row>
    <row r="44632" spans="44:44" ht="15.75" customHeight="1" x14ac:dyDescent="0.15">
      <c r="AR44632" s="9" ph="1"/>
    </row>
    <row r="44633" spans="44:44" ht="15.75" customHeight="1" x14ac:dyDescent="0.15">
      <c r="AR44633" s="9" ph="1"/>
    </row>
    <row r="44634" spans="44:44" ht="15.75" customHeight="1" x14ac:dyDescent="0.15">
      <c r="AR44634" s="9" ph="1"/>
    </row>
    <row r="44635" spans="44:44" ht="15.75" customHeight="1" x14ac:dyDescent="0.15">
      <c r="AR44635" s="9" ph="1"/>
    </row>
    <row r="44636" spans="44:44" ht="15.75" customHeight="1" x14ac:dyDescent="0.15">
      <c r="AR44636" s="9" ph="1"/>
    </row>
    <row r="44637" spans="44:44" ht="15.75" customHeight="1" x14ac:dyDescent="0.15">
      <c r="AR44637" s="9" ph="1"/>
    </row>
    <row r="44638" spans="44:44" ht="15.75" customHeight="1" x14ac:dyDescent="0.15">
      <c r="AR44638" s="9" ph="1"/>
    </row>
    <row r="44639" spans="44:44" ht="15.75" customHeight="1" x14ac:dyDescent="0.15">
      <c r="AR44639" s="9" ph="1"/>
    </row>
    <row r="44640" spans="44:44" ht="15.75" customHeight="1" x14ac:dyDescent="0.15">
      <c r="AR44640" s="9" ph="1"/>
    </row>
    <row r="44641" spans="44:44" ht="15.75" customHeight="1" x14ac:dyDescent="0.15">
      <c r="AR44641" s="9" ph="1"/>
    </row>
    <row r="44642" spans="44:44" ht="15.75" customHeight="1" x14ac:dyDescent="0.15">
      <c r="AR44642" s="9" ph="1"/>
    </row>
    <row r="44643" spans="44:44" ht="15.75" customHeight="1" x14ac:dyDescent="0.15">
      <c r="AR44643" s="9" ph="1"/>
    </row>
    <row r="44644" spans="44:44" ht="15.75" customHeight="1" x14ac:dyDescent="0.15">
      <c r="AR44644" s="9" ph="1"/>
    </row>
    <row r="44645" spans="44:44" ht="15.75" customHeight="1" x14ac:dyDescent="0.15">
      <c r="AR44645" s="9" ph="1"/>
    </row>
    <row r="44647" spans="44:44" ht="15.75" customHeight="1" x14ac:dyDescent="0.15">
      <c r="AR44647" s="9" ph="1"/>
    </row>
    <row r="44648" spans="44:44" ht="15.75" customHeight="1" x14ac:dyDescent="0.15">
      <c r="AR44648" s="9" ph="1"/>
    </row>
    <row r="44649" spans="44:44" ht="15.75" customHeight="1" x14ac:dyDescent="0.15">
      <c r="AR44649" s="9" ph="1"/>
    </row>
    <row r="44650" spans="44:44" ht="15.75" customHeight="1" x14ac:dyDescent="0.15">
      <c r="AR44650" s="9" ph="1"/>
    </row>
    <row r="44651" spans="44:44" ht="15.75" customHeight="1" x14ac:dyDescent="0.15">
      <c r="AR44651" s="9" ph="1"/>
    </row>
    <row r="44652" spans="44:44" ht="15.75" customHeight="1" x14ac:dyDescent="0.15">
      <c r="AR44652" s="9" ph="1"/>
    </row>
    <row r="44653" spans="44:44" ht="15.75" customHeight="1" x14ac:dyDescent="0.15">
      <c r="AR44653" s="9" ph="1"/>
    </row>
    <row r="44654" spans="44:44" ht="15.75" customHeight="1" x14ac:dyDescent="0.15">
      <c r="AR44654" s="9" ph="1"/>
    </row>
    <row r="44655" spans="44:44" ht="15.75" customHeight="1" x14ac:dyDescent="0.15">
      <c r="AR44655" s="9" ph="1"/>
    </row>
    <row r="44656" spans="44:44" ht="15.75" customHeight="1" x14ac:dyDescent="0.15">
      <c r="AR44656" s="9" ph="1"/>
    </row>
    <row r="44657" spans="44:44" ht="15.75" customHeight="1" x14ac:dyDescent="0.15">
      <c r="AR44657" s="9" ph="1"/>
    </row>
    <row r="44658" spans="44:44" ht="15.75" customHeight="1" x14ac:dyDescent="0.15">
      <c r="AR44658" s="9" ph="1"/>
    </row>
    <row r="44659" spans="44:44" ht="15.75" customHeight="1" x14ac:dyDescent="0.15">
      <c r="AR44659" s="9" ph="1"/>
    </row>
    <row r="44660" spans="44:44" ht="15.75" customHeight="1" x14ac:dyDescent="0.15">
      <c r="AR44660" s="9" ph="1"/>
    </row>
    <row r="44661" spans="44:44" ht="15.75" customHeight="1" x14ac:dyDescent="0.15">
      <c r="AR44661" s="9" ph="1"/>
    </row>
    <row r="44662" spans="44:44" ht="15.75" customHeight="1" x14ac:dyDescent="0.15">
      <c r="AR44662" s="9" ph="1"/>
    </row>
    <row r="44663" spans="44:44" ht="15.75" customHeight="1" x14ac:dyDescent="0.15">
      <c r="AR44663" s="9" ph="1"/>
    </row>
    <row r="44664" spans="44:44" ht="15.75" customHeight="1" x14ac:dyDescent="0.15">
      <c r="AR44664" s="9" ph="1"/>
    </row>
    <row r="44665" spans="44:44" ht="15.75" customHeight="1" x14ac:dyDescent="0.15">
      <c r="AR44665" s="9" ph="1"/>
    </row>
    <row r="44666" spans="44:44" ht="15.75" customHeight="1" x14ac:dyDescent="0.15">
      <c r="AR44666" s="9" ph="1"/>
    </row>
    <row r="44667" spans="44:44" ht="15.75" customHeight="1" x14ac:dyDescent="0.15">
      <c r="AR44667" s="9" ph="1"/>
    </row>
    <row r="44668" spans="44:44" ht="15.75" customHeight="1" x14ac:dyDescent="0.15">
      <c r="AR44668" s="9" ph="1"/>
    </row>
    <row r="44669" spans="44:44" ht="15.75" customHeight="1" x14ac:dyDescent="0.15">
      <c r="AR44669" s="9" ph="1"/>
    </row>
    <row r="44670" spans="44:44" ht="15.75" customHeight="1" x14ac:dyDescent="0.15">
      <c r="AR44670" s="9" ph="1"/>
    </row>
    <row r="44671" spans="44:44" ht="15.75" customHeight="1" x14ac:dyDescent="0.15">
      <c r="AR44671" s="9" ph="1"/>
    </row>
    <row r="44672" spans="44:44" ht="15.75" customHeight="1" x14ac:dyDescent="0.15">
      <c r="AR44672" s="9" ph="1"/>
    </row>
    <row r="44673" spans="44:44" ht="15.75" customHeight="1" x14ac:dyDescent="0.15">
      <c r="AR44673" s="9" ph="1"/>
    </row>
    <row r="44674" spans="44:44" ht="15.75" customHeight="1" x14ac:dyDescent="0.15">
      <c r="AR44674" s="9" ph="1"/>
    </row>
    <row r="44675" spans="44:44" ht="15.75" customHeight="1" x14ac:dyDescent="0.15">
      <c r="AR44675" s="9" ph="1"/>
    </row>
    <row r="44676" spans="44:44" ht="15.75" customHeight="1" x14ac:dyDescent="0.15">
      <c r="AR44676" s="9" ph="1"/>
    </row>
    <row r="44677" spans="44:44" ht="15.75" customHeight="1" x14ac:dyDescent="0.15">
      <c r="AR44677" s="9" ph="1"/>
    </row>
    <row r="44678" spans="44:44" ht="15.75" customHeight="1" x14ac:dyDescent="0.15">
      <c r="AR44678" s="9" ph="1"/>
    </row>
    <row r="44679" spans="44:44" ht="15.75" customHeight="1" x14ac:dyDescent="0.15">
      <c r="AR44679" s="9" ph="1"/>
    </row>
    <row r="44680" spans="44:44" ht="15.75" customHeight="1" x14ac:dyDescent="0.15">
      <c r="AR44680" s="9" ph="1"/>
    </row>
    <row r="44681" spans="44:44" ht="15.75" customHeight="1" x14ac:dyDescent="0.15">
      <c r="AR44681" s="9" ph="1"/>
    </row>
    <row r="44682" spans="44:44" ht="15.75" customHeight="1" x14ac:dyDescent="0.15">
      <c r="AR44682" s="9" ph="1"/>
    </row>
    <row r="44683" spans="44:44" ht="15.75" customHeight="1" x14ac:dyDescent="0.15">
      <c r="AR44683" s="9" ph="1"/>
    </row>
    <row r="44684" spans="44:44" ht="15.75" customHeight="1" x14ac:dyDescent="0.15">
      <c r="AR44684" s="9" ph="1"/>
    </row>
    <row r="44685" spans="44:44" ht="15.75" customHeight="1" x14ac:dyDescent="0.15">
      <c r="AR44685" s="9" ph="1"/>
    </row>
    <row r="44686" spans="44:44" ht="15.75" customHeight="1" x14ac:dyDescent="0.15">
      <c r="AR44686" s="9" ph="1"/>
    </row>
    <row r="44687" spans="44:44" ht="15.75" customHeight="1" x14ac:dyDescent="0.15">
      <c r="AR44687" s="9" ph="1"/>
    </row>
    <row r="44688" spans="44:44" ht="15.75" customHeight="1" x14ac:dyDescent="0.15">
      <c r="AR44688" s="9" ph="1"/>
    </row>
    <row r="44689" spans="44:44" ht="15.75" customHeight="1" x14ac:dyDescent="0.15">
      <c r="AR44689" s="9" ph="1"/>
    </row>
    <row r="44690" spans="44:44" ht="15.75" customHeight="1" x14ac:dyDescent="0.15">
      <c r="AR44690" s="9" ph="1"/>
    </row>
    <row r="44691" spans="44:44" ht="15.75" customHeight="1" x14ac:dyDescent="0.15">
      <c r="AR44691" s="9" ph="1"/>
    </row>
    <row r="44692" spans="44:44" ht="15.75" customHeight="1" x14ac:dyDescent="0.15">
      <c r="AR44692" s="9" ph="1"/>
    </row>
    <row r="44693" spans="44:44" ht="15.75" customHeight="1" x14ac:dyDescent="0.15">
      <c r="AR44693" s="9" ph="1"/>
    </row>
    <row r="44694" spans="44:44" ht="15.75" customHeight="1" x14ac:dyDescent="0.15">
      <c r="AR44694" s="9" ph="1"/>
    </row>
    <row r="44695" spans="44:44" ht="15.75" customHeight="1" x14ac:dyDescent="0.15">
      <c r="AR44695" s="9" ph="1"/>
    </row>
    <row r="44696" spans="44:44" ht="15.75" customHeight="1" x14ac:dyDescent="0.15">
      <c r="AR44696" s="9" ph="1"/>
    </row>
    <row r="44697" spans="44:44" ht="15.75" customHeight="1" x14ac:dyDescent="0.15">
      <c r="AR44697" s="9" ph="1"/>
    </row>
    <row r="44698" spans="44:44" ht="15.75" customHeight="1" x14ac:dyDescent="0.15">
      <c r="AR44698" s="9" ph="1"/>
    </row>
    <row r="44699" spans="44:44" ht="15.75" customHeight="1" x14ac:dyDescent="0.15">
      <c r="AR44699" s="9" ph="1"/>
    </row>
    <row r="44700" spans="44:44" ht="15.75" customHeight="1" x14ac:dyDescent="0.15">
      <c r="AR44700" s="9" ph="1"/>
    </row>
    <row r="44701" spans="44:44" ht="15.75" customHeight="1" x14ac:dyDescent="0.15">
      <c r="AR44701" s="9" ph="1"/>
    </row>
    <row r="44702" spans="44:44" ht="15.75" customHeight="1" x14ac:dyDescent="0.15">
      <c r="AR44702" s="9" ph="1"/>
    </row>
    <row r="44703" spans="44:44" ht="15.75" customHeight="1" x14ac:dyDescent="0.15">
      <c r="AR44703" s="9" ph="1"/>
    </row>
    <row r="44704" spans="44:44" ht="15.75" customHeight="1" x14ac:dyDescent="0.15">
      <c r="AR44704" s="9" ph="1"/>
    </row>
    <row r="44705" spans="44:44" ht="15.75" customHeight="1" x14ac:dyDescent="0.15">
      <c r="AR44705" s="9" ph="1"/>
    </row>
    <row r="44706" spans="44:44" ht="15.75" customHeight="1" x14ac:dyDescent="0.15">
      <c r="AR44706" s="9" ph="1"/>
    </row>
    <row r="44707" spans="44:44" ht="15.75" customHeight="1" x14ac:dyDescent="0.15">
      <c r="AR44707" s="9" ph="1"/>
    </row>
    <row r="44708" spans="44:44" ht="15.75" customHeight="1" x14ac:dyDescent="0.15">
      <c r="AR44708" s="9" ph="1"/>
    </row>
    <row r="44709" spans="44:44" ht="15.75" customHeight="1" x14ac:dyDescent="0.15">
      <c r="AR44709" s="9" ph="1"/>
    </row>
    <row r="44710" spans="44:44" ht="15.75" customHeight="1" x14ac:dyDescent="0.15">
      <c r="AR44710" s="9" ph="1"/>
    </row>
    <row r="44711" spans="44:44" ht="15.75" customHeight="1" x14ac:dyDescent="0.15">
      <c r="AR44711" s="9" ph="1"/>
    </row>
    <row r="44712" spans="44:44" ht="15.75" customHeight="1" x14ac:dyDescent="0.15">
      <c r="AR44712" s="9" ph="1"/>
    </row>
    <row r="44713" spans="44:44" ht="15.75" customHeight="1" x14ac:dyDescent="0.15">
      <c r="AR44713" s="9" ph="1"/>
    </row>
    <row r="44714" spans="44:44" ht="15.75" customHeight="1" x14ac:dyDescent="0.15">
      <c r="AR44714" s="9" ph="1"/>
    </row>
    <row r="44715" spans="44:44" ht="15.75" customHeight="1" x14ac:dyDescent="0.15">
      <c r="AR44715" s="9" ph="1"/>
    </row>
    <row r="44716" spans="44:44" ht="15.75" customHeight="1" x14ac:dyDescent="0.15">
      <c r="AR44716" s="9" ph="1"/>
    </row>
    <row r="44717" spans="44:44" ht="15.75" customHeight="1" x14ac:dyDescent="0.15">
      <c r="AR44717" s="9" ph="1"/>
    </row>
    <row r="44718" spans="44:44" ht="15.75" customHeight="1" x14ac:dyDescent="0.15">
      <c r="AR44718" s="9" ph="1"/>
    </row>
    <row r="44719" spans="44:44" ht="15.75" customHeight="1" x14ac:dyDescent="0.15">
      <c r="AR44719" s="9" ph="1"/>
    </row>
    <row r="44720" spans="44:44" ht="15.75" customHeight="1" x14ac:dyDescent="0.15">
      <c r="AR44720" s="9" ph="1"/>
    </row>
    <row r="44721" spans="44:44" ht="15.75" customHeight="1" x14ac:dyDescent="0.15">
      <c r="AR44721" s="9" ph="1"/>
    </row>
    <row r="44722" spans="44:44" ht="15.75" customHeight="1" x14ac:dyDescent="0.15">
      <c r="AR44722" s="9" ph="1"/>
    </row>
    <row r="44723" spans="44:44" ht="15.75" customHeight="1" x14ac:dyDescent="0.15">
      <c r="AR44723" s="9" ph="1"/>
    </row>
    <row r="44724" spans="44:44" ht="15.75" customHeight="1" x14ac:dyDescent="0.15">
      <c r="AR44724" s="9" ph="1"/>
    </row>
    <row r="44725" spans="44:44" ht="15.75" customHeight="1" x14ac:dyDescent="0.15">
      <c r="AR44725" s="9" ph="1"/>
    </row>
    <row r="44726" spans="44:44" ht="15.75" customHeight="1" x14ac:dyDescent="0.15">
      <c r="AR44726" s="9" ph="1"/>
    </row>
    <row r="44727" spans="44:44" ht="15.75" customHeight="1" x14ac:dyDescent="0.15">
      <c r="AR44727" s="9" ph="1"/>
    </row>
    <row r="44728" spans="44:44" ht="15.75" customHeight="1" x14ac:dyDescent="0.15">
      <c r="AR44728" s="9" ph="1"/>
    </row>
    <row r="44729" spans="44:44" ht="15.75" customHeight="1" x14ac:dyDescent="0.15">
      <c r="AR44729" s="9" ph="1"/>
    </row>
    <row r="44730" spans="44:44" ht="15.75" customHeight="1" x14ac:dyDescent="0.15">
      <c r="AR44730" s="9" ph="1"/>
    </row>
    <row r="44731" spans="44:44" ht="15.75" customHeight="1" x14ac:dyDescent="0.15">
      <c r="AR44731" s="9" ph="1"/>
    </row>
    <row r="44732" spans="44:44" ht="15.75" customHeight="1" x14ac:dyDescent="0.15">
      <c r="AR44732" s="9" ph="1"/>
    </row>
    <row r="44733" spans="44:44" ht="15.75" customHeight="1" x14ac:dyDescent="0.15">
      <c r="AR44733" s="9" ph="1"/>
    </row>
    <row r="44734" spans="44:44" ht="15.75" customHeight="1" x14ac:dyDescent="0.15">
      <c r="AR44734" s="9" ph="1"/>
    </row>
    <row r="44735" spans="44:44" ht="15.75" customHeight="1" x14ac:dyDescent="0.15">
      <c r="AR44735" s="9" ph="1"/>
    </row>
    <row r="44736" spans="44:44" ht="15.75" customHeight="1" x14ac:dyDescent="0.15">
      <c r="AR44736" s="9" ph="1"/>
    </row>
    <row r="44737" spans="44:44" ht="15.75" customHeight="1" x14ac:dyDescent="0.15">
      <c r="AR44737" s="9" ph="1"/>
    </row>
    <row r="44738" spans="44:44" ht="15.75" customHeight="1" x14ac:dyDescent="0.15">
      <c r="AR44738" s="9" ph="1"/>
    </row>
    <row r="44739" spans="44:44" ht="15.75" customHeight="1" x14ac:dyDescent="0.15">
      <c r="AR44739" s="9" ph="1"/>
    </row>
    <row r="44740" spans="44:44" ht="15.75" customHeight="1" x14ac:dyDescent="0.15">
      <c r="AR44740" s="9" ph="1"/>
    </row>
    <row r="44741" spans="44:44" ht="15.75" customHeight="1" x14ac:dyDescent="0.15">
      <c r="AR44741" s="9" ph="1"/>
    </row>
    <row r="44742" spans="44:44" ht="15.75" customHeight="1" x14ac:dyDescent="0.15">
      <c r="AR44742" s="9" ph="1"/>
    </row>
    <row r="44743" spans="44:44" ht="15.75" customHeight="1" x14ac:dyDescent="0.15">
      <c r="AR44743" s="9" ph="1"/>
    </row>
    <row r="44744" spans="44:44" ht="15.75" customHeight="1" x14ac:dyDescent="0.15">
      <c r="AR44744" s="9" ph="1"/>
    </row>
    <row r="44745" spans="44:44" ht="15.75" customHeight="1" x14ac:dyDescent="0.15">
      <c r="AR44745" s="9" ph="1"/>
    </row>
    <row r="44746" spans="44:44" ht="15.75" customHeight="1" x14ac:dyDescent="0.15">
      <c r="AR44746" s="9" ph="1"/>
    </row>
    <row r="44747" spans="44:44" ht="15.75" customHeight="1" x14ac:dyDescent="0.15">
      <c r="AR44747" s="9" ph="1"/>
    </row>
    <row r="44748" spans="44:44" ht="15.75" customHeight="1" x14ac:dyDescent="0.15">
      <c r="AR44748" s="9" ph="1"/>
    </row>
    <row r="44749" spans="44:44" ht="15.75" customHeight="1" x14ac:dyDescent="0.15">
      <c r="AR44749" s="9" ph="1"/>
    </row>
    <row r="44750" spans="44:44" ht="15.75" customHeight="1" x14ac:dyDescent="0.15">
      <c r="AR44750" s="9" ph="1"/>
    </row>
    <row r="44751" spans="44:44" ht="15.75" customHeight="1" x14ac:dyDescent="0.15">
      <c r="AR44751" s="9" ph="1"/>
    </row>
    <row r="44752" spans="44:44" ht="15.75" customHeight="1" x14ac:dyDescent="0.15">
      <c r="AR44752" s="9" ph="1"/>
    </row>
    <row r="44753" spans="44:44" ht="15.75" customHeight="1" x14ac:dyDescent="0.15">
      <c r="AR44753" s="9" ph="1"/>
    </row>
    <row r="44754" spans="44:44" ht="15.75" customHeight="1" x14ac:dyDescent="0.15">
      <c r="AR44754" s="9" ph="1"/>
    </row>
    <row r="44755" spans="44:44" ht="15.75" customHeight="1" x14ac:dyDescent="0.15">
      <c r="AR44755" s="9" ph="1"/>
    </row>
    <row r="44756" spans="44:44" ht="15.75" customHeight="1" x14ac:dyDescent="0.15">
      <c r="AR44756" s="9" ph="1"/>
    </row>
    <row r="44757" spans="44:44" ht="15.75" customHeight="1" x14ac:dyDescent="0.15">
      <c r="AR44757" s="9" ph="1"/>
    </row>
    <row r="44758" spans="44:44" ht="15.75" customHeight="1" x14ac:dyDescent="0.15">
      <c r="AR44758" s="9" ph="1"/>
    </row>
    <row r="44759" spans="44:44" ht="15.75" customHeight="1" x14ac:dyDescent="0.15">
      <c r="AR44759" s="9" ph="1"/>
    </row>
    <row r="44760" spans="44:44" ht="15.75" customHeight="1" x14ac:dyDescent="0.15">
      <c r="AR44760" s="9" ph="1"/>
    </row>
    <row r="44761" spans="44:44" ht="15.75" customHeight="1" x14ac:dyDescent="0.15">
      <c r="AR44761" s="9" ph="1"/>
    </row>
    <row r="44762" spans="44:44" ht="15.75" customHeight="1" x14ac:dyDescent="0.15">
      <c r="AR44762" s="9" ph="1"/>
    </row>
    <row r="44763" spans="44:44" ht="15.75" customHeight="1" x14ac:dyDescent="0.15">
      <c r="AR44763" s="9" ph="1"/>
    </row>
    <row r="44764" spans="44:44" ht="15.75" customHeight="1" x14ac:dyDescent="0.15">
      <c r="AR44764" s="9" ph="1"/>
    </row>
    <row r="44765" spans="44:44" ht="15.75" customHeight="1" x14ac:dyDescent="0.15">
      <c r="AR44765" s="9" ph="1"/>
    </row>
    <row r="44766" spans="44:44" ht="15.75" customHeight="1" x14ac:dyDescent="0.15">
      <c r="AR44766" s="9" ph="1"/>
    </row>
    <row r="44767" spans="44:44" ht="15.75" customHeight="1" x14ac:dyDescent="0.15">
      <c r="AR44767" s="9" ph="1"/>
    </row>
    <row r="44768" spans="44:44" ht="15.75" customHeight="1" x14ac:dyDescent="0.15">
      <c r="AR44768" s="9" ph="1"/>
    </row>
    <row r="44769" spans="44:44" ht="15.75" customHeight="1" x14ac:dyDescent="0.15">
      <c r="AR44769" s="9" ph="1"/>
    </row>
    <row r="44770" spans="44:44" ht="15.75" customHeight="1" x14ac:dyDescent="0.15">
      <c r="AR44770" s="9" ph="1"/>
    </row>
    <row r="44771" spans="44:44" ht="15.75" customHeight="1" x14ac:dyDescent="0.15">
      <c r="AR44771" s="9" ph="1"/>
    </row>
    <row r="44772" spans="44:44" ht="15.75" customHeight="1" x14ac:dyDescent="0.15">
      <c r="AR44772" s="9" ph="1"/>
    </row>
    <row r="44773" spans="44:44" ht="15.75" customHeight="1" x14ac:dyDescent="0.15">
      <c r="AR44773" s="9" ph="1"/>
    </row>
    <row r="44774" spans="44:44" ht="15.75" customHeight="1" x14ac:dyDescent="0.15">
      <c r="AR44774" s="9" ph="1"/>
    </row>
    <row r="44775" spans="44:44" ht="15.75" customHeight="1" x14ac:dyDescent="0.15">
      <c r="AR44775" s="9" ph="1"/>
    </row>
    <row r="44776" spans="44:44" ht="15.75" customHeight="1" x14ac:dyDescent="0.15">
      <c r="AR44776" s="9" ph="1"/>
    </row>
    <row r="44777" spans="44:44" ht="15.75" customHeight="1" x14ac:dyDescent="0.15">
      <c r="AR44777" s="9" ph="1"/>
    </row>
    <row r="44778" spans="44:44" ht="15.75" customHeight="1" x14ac:dyDescent="0.15">
      <c r="AR44778" s="9" ph="1"/>
    </row>
    <row r="44779" spans="44:44" ht="15.75" customHeight="1" x14ac:dyDescent="0.15">
      <c r="AR44779" s="9" ph="1"/>
    </row>
    <row r="44780" spans="44:44" ht="15.75" customHeight="1" x14ac:dyDescent="0.15">
      <c r="AR44780" s="9" ph="1"/>
    </row>
    <row r="44781" spans="44:44" ht="15.75" customHeight="1" x14ac:dyDescent="0.15">
      <c r="AR44781" s="9" ph="1"/>
    </row>
    <row r="44782" spans="44:44" ht="15.75" customHeight="1" x14ac:dyDescent="0.15">
      <c r="AR44782" s="9" ph="1"/>
    </row>
    <row r="44783" spans="44:44" ht="15.75" customHeight="1" x14ac:dyDescent="0.15">
      <c r="AR44783" s="9" ph="1"/>
    </row>
    <row r="44784" spans="44:44" ht="15.75" customHeight="1" x14ac:dyDescent="0.15">
      <c r="AR44784" s="9" ph="1"/>
    </row>
    <row r="44785" spans="44:44" ht="15.75" customHeight="1" x14ac:dyDescent="0.15">
      <c r="AR44785" s="9" ph="1"/>
    </row>
    <row r="44786" spans="44:44" ht="15.75" customHeight="1" x14ac:dyDescent="0.15">
      <c r="AR44786" s="9" ph="1"/>
    </row>
    <row r="44787" spans="44:44" ht="15.75" customHeight="1" x14ac:dyDescent="0.15">
      <c r="AR44787" s="9" ph="1"/>
    </row>
    <row r="44788" spans="44:44" ht="15.75" customHeight="1" x14ac:dyDescent="0.15">
      <c r="AR44788" s="9" ph="1"/>
    </row>
    <row r="44789" spans="44:44" ht="15.75" customHeight="1" x14ac:dyDescent="0.15">
      <c r="AR44789" s="9" ph="1"/>
    </row>
    <row r="44790" spans="44:44" ht="15.75" customHeight="1" x14ac:dyDescent="0.15">
      <c r="AR44790" s="9" ph="1"/>
    </row>
    <row r="44791" spans="44:44" ht="15.75" customHeight="1" x14ac:dyDescent="0.15">
      <c r="AR44791" s="9" ph="1"/>
    </row>
    <row r="44792" spans="44:44" ht="15.75" customHeight="1" x14ac:dyDescent="0.15">
      <c r="AR44792" s="9" ph="1"/>
    </row>
    <row r="44793" spans="44:44" ht="15.75" customHeight="1" x14ac:dyDescent="0.15">
      <c r="AR44793" s="9" ph="1"/>
    </row>
    <row r="44794" spans="44:44" ht="15.75" customHeight="1" x14ac:dyDescent="0.15">
      <c r="AR44794" s="9" ph="1"/>
    </row>
    <row r="44795" spans="44:44" ht="15.75" customHeight="1" x14ac:dyDescent="0.15">
      <c r="AR44795" s="9" ph="1"/>
    </row>
    <row r="44796" spans="44:44" ht="15.75" customHeight="1" x14ac:dyDescent="0.15">
      <c r="AR44796" s="9" ph="1"/>
    </row>
    <row r="44797" spans="44:44" ht="15.75" customHeight="1" x14ac:dyDescent="0.15">
      <c r="AR44797" s="9" ph="1"/>
    </row>
    <row r="44798" spans="44:44" ht="15.75" customHeight="1" x14ac:dyDescent="0.15">
      <c r="AR44798" s="9" ph="1"/>
    </row>
    <row r="44799" spans="44:44" ht="15.75" customHeight="1" x14ac:dyDescent="0.15">
      <c r="AR44799" s="9" ph="1"/>
    </row>
    <row r="44800" spans="44:44" ht="15.75" customHeight="1" x14ac:dyDescent="0.15">
      <c r="AR44800" s="9" ph="1"/>
    </row>
    <row r="44801" spans="44:44" ht="15.75" customHeight="1" x14ac:dyDescent="0.15">
      <c r="AR44801" s="9" ph="1"/>
    </row>
    <row r="44802" spans="44:44" ht="15.75" customHeight="1" x14ac:dyDescent="0.15">
      <c r="AR44802" s="9" ph="1"/>
    </row>
    <row r="44803" spans="44:44" ht="15.75" customHeight="1" x14ac:dyDescent="0.15">
      <c r="AR44803" s="9" ph="1"/>
    </row>
    <row r="44804" spans="44:44" ht="15.75" customHeight="1" x14ac:dyDescent="0.15">
      <c r="AR44804" s="9" ph="1"/>
    </row>
    <row r="44805" spans="44:44" ht="15.75" customHeight="1" x14ac:dyDescent="0.15">
      <c r="AR44805" s="9" ph="1"/>
    </row>
    <row r="44806" spans="44:44" ht="15.75" customHeight="1" x14ac:dyDescent="0.15">
      <c r="AR44806" s="9" ph="1"/>
    </row>
    <row r="44807" spans="44:44" ht="15.75" customHeight="1" x14ac:dyDescent="0.15">
      <c r="AR44807" s="9" ph="1"/>
    </row>
    <row r="44808" spans="44:44" ht="15.75" customHeight="1" x14ac:dyDescent="0.15">
      <c r="AR44808" s="9" ph="1"/>
    </row>
    <row r="44809" spans="44:44" ht="15.75" customHeight="1" x14ac:dyDescent="0.15">
      <c r="AR44809" s="9" ph="1"/>
    </row>
    <row r="44810" spans="44:44" ht="15.75" customHeight="1" x14ac:dyDescent="0.15">
      <c r="AR44810" s="9" ph="1"/>
    </row>
    <row r="44811" spans="44:44" ht="15.75" customHeight="1" x14ac:dyDescent="0.15">
      <c r="AR44811" s="9" ph="1"/>
    </row>
    <row r="44812" spans="44:44" ht="15.75" customHeight="1" x14ac:dyDescent="0.15">
      <c r="AR44812" s="9" ph="1"/>
    </row>
    <row r="44813" spans="44:44" ht="15.75" customHeight="1" x14ac:dyDescent="0.15">
      <c r="AR44813" s="9" ph="1"/>
    </row>
    <row r="44814" spans="44:44" ht="15.75" customHeight="1" x14ac:dyDescent="0.15">
      <c r="AR44814" s="9" ph="1"/>
    </row>
    <row r="44815" spans="44:44" ht="15.75" customHeight="1" x14ac:dyDescent="0.15">
      <c r="AR44815" s="9" ph="1"/>
    </row>
    <row r="44816" spans="44:44" ht="15.75" customHeight="1" x14ac:dyDescent="0.15">
      <c r="AR44816" s="9" ph="1"/>
    </row>
    <row r="44817" spans="44:44" ht="15.75" customHeight="1" x14ac:dyDescent="0.15">
      <c r="AR44817" s="9" ph="1"/>
    </row>
    <row r="44818" spans="44:44" ht="15.75" customHeight="1" x14ac:dyDescent="0.15">
      <c r="AR44818" s="9" ph="1"/>
    </row>
    <row r="44819" spans="44:44" ht="15.75" customHeight="1" x14ac:dyDescent="0.15">
      <c r="AR44819" s="9" ph="1"/>
    </row>
    <row r="44820" spans="44:44" ht="15.75" customHeight="1" x14ac:dyDescent="0.15">
      <c r="AR44820" s="9" ph="1"/>
    </row>
    <row r="44821" spans="44:44" ht="15.75" customHeight="1" x14ac:dyDescent="0.15">
      <c r="AR44821" s="9" ph="1"/>
    </row>
    <row r="44822" spans="44:44" ht="15.75" customHeight="1" x14ac:dyDescent="0.15">
      <c r="AR44822" s="9" ph="1"/>
    </row>
    <row r="44823" spans="44:44" ht="15.75" customHeight="1" x14ac:dyDescent="0.15">
      <c r="AR44823" s="9" ph="1"/>
    </row>
    <row r="44824" spans="44:44" ht="15.75" customHeight="1" x14ac:dyDescent="0.15">
      <c r="AR44824" s="9" ph="1"/>
    </row>
    <row r="44825" spans="44:44" ht="15.75" customHeight="1" x14ac:dyDescent="0.15">
      <c r="AR44825" s="9" ph="1"/>
    </row>
    <row r="44826" spans="44:44" ht="15.75" customHeight="1" x14ac:dyDescent="0.15">
      <c r="AR44826" s="9" ph="1"/>
    </row>
    <row r="44827" spans="44:44" ht="15.75" customHeight="1" x14ac:dyDescent="0.15">
      <c r="AR44827" s="9" ph="1"/>
    </row>
    <row r="44828" spans="44:44" ht="15.75" customHeight="1" x14ac:dyDescent="0.15">
      <c r="AR44828" s="9" ph="1"/>
    </row>
    <row r="44829" spans="44:44" ht="15.75" customHeight="1" x14ac:dyDescent="0.15">
      <c r="AR44829" s="9" ph="1"/>
    </row>
    <row r="44830" spans="44:44" ht="15.75" customHeight="1" x14ac:dyDescent="0.15">
      <c r="AR44830" s="9" ph="1"/>
    </row>
    <row r="44831" spans="44:44" ht="15.75" customHeight="1" x14ac:dyDescent="0.15">
      <c r="AR44831" s="9" ph="1"/>
    </row>
    <row r="44832" spans="44:44" ht="15.75" customHeight="1" x14ac:dyDescent="0.15">
      <c r="AR44832" s="9" ph="1"/>
    </row>
    <row r="44833" spans="44:44" ht="15.75" customHeight="1" x14ac:dyDescent="0.15">
      <c r="AR44833" s="9" ph="1"/>
    </row>
    <row r="44834" spans="44:44" ht="15.75" customHeight="1" x14ac:dyDescent="0.15">
      <c r="AR44834" s="9" ph="1"/>
    </row>
    <row r="44835" spans="44:44" ht="15.75" customHeight="1" x14ac:dyDescent="0.15">
      <c r="AR44835" s="9" ph="1"/>
    </row>
    <row r="44836" spans="44:44" ht="15.75" customHeight="1" x14ac:dyDescent="0.15">
      <c r="AR44836" s="9" ph="1"/>
    </row>
    <row r="44837" spans="44:44" ht="15.75" customHeight="1" x14ac:dyDescent="0.15">
      <c r="AR44837" s="9" ph="1"/>
    </row>
    <row r="44838" spans="44:44" ht="15.75" customHeight="1" x14ac:dyDescent="0.15">
      <c r="AR44838" s="9" ph="1"/>
    </row>
    <row r="44839" spans="44:44" ht="15.75" customHeight="1" x14ac:dyDescent="0.15">
      <c r="AR44839" s="9" ph="1"/>
    </row>
    <row r="44840" spans="44:44" ht="15.75" customHeight="1" x14ac:dyDescent="0.15">
      <c r="AR44840" s="9" ph="1"/>
    </row>
    <row r="44841" spans="44:44" ht="15.75" customHeight="1" x14ac:dyDescent="0.15">
      <c r="AR44841" s="9" ph="1"/>
    </row>
    <row r="44842" spans="44:44" ht="15.75" customHeight="1" x14ac:dyDescent="0.15">
      <c r="AR44842" s="9" ph="1"/>
    </row>
    <row r="44843" spans="44:44" ht="15.75" customHeight="1" x14ac:dyDescent="0.15">
      <c r="AR44843" s="9" ph="1"/>
    </row>
    <row r="44844" spans="44:44" ht="15.75" customHeight="1" x14ac:dyDescent="0.15">
      <c r="AR44844" s="9" ph="1"/>
    </row>
    <row r="44845" spans="44:44" ht="15.75" customHeight="1" x14ac:dyDescent="0.15">
      <c r="AR44845" s="9" ph="1"/>
    </row>
    <row r="44846" spans="44:44" ht="15.75" customHeight="1" x14ac:dyDescent="0.15">
      <c r="AR44846" s="9" ph="1"/>
    </row>
    <row r="44847" spans="44:44" ht="15.75" customHeight="1" x14ac:dyDescent="0.15">
      <c r="AR44847" s="9" ph="1"/>
    </row>
    <row r="44848" spans="44:44" ht="15.75" customHeight="1" x14ac:dyDescent="0.15">
      <c r="AR44848" s="9" ph="1"/>
    </row>
    <row r="44849" spans="44:44" ht="15.75" customHeight="1" x14ac:dyDescent="0.15">
      <c r="AR44849" s="9" ph="1"/>
    </row>
    <row r="44850" spans="44:44" ht="15.75" customHeight="1" x14ac:dyDescent="0.15">
      <c r="AR44850" s="9" ph="1"/>
    </row>
    <row r="44851" spans="44:44" ht="15.75" customHeight="1" x14ac:dyDescent="0.15">
      <c r="AR44851" s="9" ph="1"/>
    </row>
    <row r="44852" spans="44:44" ht="15.75" customHeight="1" x14ac:dyDescent="0.15">
      <c r="AR44852" s="9" ph="1"/>
    </row>
    <row r="44853" spans="44:44" ht="15.75" customHeight="1" x14ac:dyDescent="0.15">
      <c r="AR44853" s="9" ph="1"/>
    </row>
    <row r="44854" spans="44:44" ht="15.75" customHeight="1" x14ac:dyDescent="0.15">
      <c r="AR44854" s="9" ph="1"/>
    </row>
    <row r="44855" spans="44:44" ht="15.75" customHeight="1" x14ac:dyDescent="0.15">
      <c r="AR44855" s="9" ph="1"/>
    </row>
    <row r="44857" spans="44:44" ht="15.75" customHeight="1" x14ac:dyDescent="0.15">
      <c r="AR44857" s="9" ph="1"/>
    </row>
    <row r="44858" spans="44:44" ht="15.75" customHeight="1" x14ac:dyDescent="0.15">
      <c r="AR44858" s="9" ph="1"/>
    </row>
    <row r="44859" spans="44:44" ht="15.75" customHeight="1" x14ac:dyDescent="0.15">
      <c r="AR44859" s="9" ph="1"/>
    </row>
    <row r="44860" spans="44:44" ht="15.75" customHeight="1" x14ac:dyDescent="0.15">
      <c r="AR44860" s="9" ph="1"/>
    </row>
    <row r="44861" spans="44:44" ht="15.75" customHeight="1" x14ac:dyDescent="0.15">
      <c r="AR44861" s="9" ph="1"/>
    </row>
    <row r="44862" spans="44:44" ht="15.75" customHeight="1" x14ac:dyDescent="0.15">
      <c r="AR44862" s="9" ph="1"/>
    </row>
    <row r="44863" spans="44:44" ht="15.75" customHeight="1" x14ac:dyDescent="0.15">
      <c r="AR44863" s="9" ph="1"/>
    </row>
    <row r="44864" spans="44:44" ht="15.75" customHeight="1" x14ac:dyDescent="0.15">
      <c r="AR44864" s="9" ph="1"/>
    </row>
    <row r="44865" spans="44:44" ht="15.75" customHeight="1" x14ac:dyDescent="0.15">
      <c r="AR44865" s="9" ph="1"/>
    </row>
    <row r="44866" spans="44:44" ht="15.75" customHeight="1" x14ac:dyDescent="0.15">
      <c r="AR44866" s="9" ph="1"/>
    </row>
    <row r="44868" spans="44:44" ht="15.75" customHeight="1" x14ac:dyDescent="0.15">
      <c r="AR44868" s="9" ph="1"/>
    </row>
    <row r="44869" spans="44:44" ht="15.75" customHeight="1" x14ac:dyDescent="0.15">
      <c r="AR44869" s="9" ph="1"/>
    </row>
    <row r="44870" spans="44:44" ht="15.75" customHeight="1" x14ac:dyDescent="0.15">
      <c r="AR44870" s="9" ph="1"/>
    </row>
    <row r="44871" spans="44:44" ht="15.75" customHeight="1" x14ac:dyDescent="0.15">
      <c r="AR44871" s="9" ph="1"/>
    </row>
    <row r="44872" spans="44:44" ht="15.75" customHeight="1" x14ac:dyDescent="0.15">
      <c r="AR44872" s="9" ph="1"/>
    </row>
    <row r="44873" spans="44:44" ht="15.75" customHeight="1" x14ac:dyDescent="0.15">
      <c r="AR44873" s="9" ph="1"/>
    </row>
    <row r="44874" spans="44:44" ht="15.75" customHeight="1" x14ac:dyDescent="0.15">
      <c r="AR44874" s="9" ph="1"/>
    </row>
    <row r="44875" spans="44:44" ht="15.75" customHeight="1" x14ac:dyDescent="0.15">
      <c r="AR44875" s="9" ph="1"/>
    </row>
    <row r="44876" spans="44:44" ht="15.75" customHeight="1" x14ac:dyDescent="0.15">
      <c r="AR44876" s="9" ph="1"/>
    </row>
    <row r="44877" spans="44:44" ht="15.75" customHeight="1" x14ac:dyDescent="0.15">
      <c r="AR44877" s="9" ph="1"/>
    </row>
    <row r="44878" spans="44:44" ht="15.75" customHeight="1" x14ac:dyDescent="0.15">
      <c r="AR44878" s="9" ph="1"/>
    </row>
    <row r="44879" spans="44:44" ht="15.75" customHeight="1" x14ac:dyDescent="0.15">
      <c r="AR44879" s="9" ph="1"/>
    </row>
    <row r="44880" spans="44:44" ht="15.75" customHeight="1" x14ac:dyDescent="0.15">
      <c r="AR44880" s="9" ph="1"/>
    </row>
    <row r="44881" spans="44:44" ht="15.75" customHeight="1" x14ac:dyDescent="0.15">
      <c r="AR44881" s="9" ph="1"/>
    </row>
    <row r="44882" spans="44:44" ht="15.75" customHeight="1" x14ac:dyDescent="0.15">
      <c r="AR44882" s="9" ph="1"/>
    </row>
    <row r="44883" spans="44:44" ht="15.75" customHeight="1" x14ac:dyDescent="0.15">
      <c r="AR44883" s="9" ph="1"/>
    </row>
    <row r="44884" spans="44:44" ht="15.75" customHeight="1" x14ac:dyDescent="0.15">
      <c r="AR44884" s="9" ph="1"/>
    </row>
    <row r="44885" spans="44:44" ht="15.75" customHeight="1" x14ac:dyDescent="0.15">
      <c r="AR44885" s="9" ph="1"/>
    </row>
    <row r="44887" spans="44:44" ht="15.75" customHeight="1" x14ac:dyDescent="0.15">
      <c r="AR44887" s="9" ph="1"/>
    </row>
    <row r="44888" spans="44:44" ht="15.75" customHeight="1" x14ac:dyDescent="0.15">
      <c r="AR44888" s="9" ph="1"/>
    </row>
    <row r="44889" spans="44:44" ht="15.75" customHeight="1" x14ac:dyDescent="0.15">
      <c r="AR44889" s="9" ph="1"/>
    </row>
    <row r="44890" spans="44:44" ht="15.75" customHeight="1" x14ac:dyDescent="0.15">
      <c r="AR44890" s="9" ph="1"/>
    </row>
    <row r="44891" spans="44:44" ht="15.75" customHeight="1" x14ac:dyDescent="0.15">
      <c r="AR44891" s="9" ph="1"/>
    </row>
    <row r="44892" spans="44:44" ht="15.75" customHeight="1" x14ac:dyDescent="0.15">
      <c r="AR44892" s="9" ph="1"/>
    </row>
    <row r="44893" spans="44:44" ht="15.75" customHeight="1" x14ac:dyDescent="0.15">
      <c r="AR44893" s="9" ph="1"/>
    </row>
    <row r="44894" spans="44:44" ht="15.75" customHeight="1" x14ac:dyDescent="0.15">
      <c r="AR44894" s="9" ph="1"/>
    </row>
    <row r="44895" spans="44:44" ht="15.75" customHeight="1" x14ac:dyDescent="0.15">
      <c r="AR44895" s="9" ph="1"/>
    </row>
    <row r="44896" spans="44:44" ht="15.75" customHeight="1" x14ac:dyDescent="0.15">
      <c r="AR44896" s="9" ph="1"/>
    </row>
    <row r="44897" spans="44:44" ht="15.75" customHeight="1" x14ac:dyDescent="0.15">
      <c r="AR44897" s="9" ph="1"/>
    </row>
    <row r="44898" spans="44:44" ht="15.75" customHeight="1" x14ac:dyDescent="0.15">
      <c r="AR44898" s="9" ph="1"/>
    </row>
    <row r="44899" spans="44:44" ht="15.75" customHeight="1" x14ac:dyDescent="0.15">
      <c r="AR44899" s="9" ph="1"/>
    </row>
    <row r="44900" spans="44:44" ht="15.75" customHeight="1" x14ac:dyDescent="0.15">
      <c r="AR44900" s="9" ph="1"/>
    </row>
    <row r="44901" spans="44:44" ht="15.75" customHeight="1" x14ac:dyDescent="0.15">
      <c r="AR44901" s="9" ph="1"/>
    </row>
    <row r="44902" spans="44:44" ht="15.75" customHeight="1" x14ac:dyDescent="0.15">
      <c r="AR44902" s="9" ph="1"/>
    </row>
    <row r="44903" spans="44:44" ht="15.75" customHeight="1" x14ac:dyDescent="0.15">
      <c r="AR44903" s="9" ph="1"/>
    </row>
    <row r="44904" spans="44:44" ht="15.75" customHeight="1" x14ac:dyDescent="0.15">
      <c r="AR44904" s="9" ph="1"/>
    </row>
    <row r="44905" spans="44:44" ht="15.75" customHeight="1" x14ac:dyDescent="0.15">
      <c r="AR44905" s="9" ph="1"/>
    </row>
    <row r="44906" spans="44:44" ht="15.75" customHeight="1" x14ac:dyDescent="0.15">
      <c r="AR44906" s="9" ph="1"/>
    </row>
    <row r="44907" spans="44:44" ht="15.75" customHeight="1" x14ac:dyDescent="0.15">
      <c r="AR44907" s="9" ph="1"/>
    </row>
    <row r="44908" spans="44:44" ht="15.75" customHeight="1" x14ac:dyDescent="0.15">
      <c r="AR44908" s="9" ph="1"/>
    </row>
    <row r="44909" spans="44:44" ht="15.75" customHeight="1" x14ac:dyDescent="0.15">
      <c r="AR44909" s="9" ph="1"/>
    </row>
    <row r="44910" spans="44:44" ht="15.75" customHeight="1" x14ac:dyDescent="0.15">
      <c r="AR44910" s="9" ph="1"/>
    </row>
    <row r="44911" spans="44:44" ht="15.75" customHeight="1" x14ac:dyDescent="0.15">
      <c r="AR44911" s="9" ph="1"/>
    </row>
    <row r="44912" spans="44:44" ht="15.75" customHeight="1" x14ac:dyDescent="0.15">
      <c r="AR44912" s="9" ph="1"/>
    </row>
    <row r="44913" spans="44:44" ht="15.75" customHeight="1" x14ac:dyDescent="0.15">
      <c r="AR44913" s="9" ph="1"/>
    </row>
    <row r="44914" spans="44:44" ht="15.75" customHeight="1" x14ac:dyDescent="0.15">
      <c r="AR44914" s="9" ph="1"/>
    </row>
    <row r="44915" spans="44:44" ht="15.75" customHeight="1" x14ac:dyDescent="0.15">
      <c r="AR44915" s="9" ph="1"/>
    </row>
    <row r="44916" spans="44:44" ht="15.75" customHeight="1" x14ac:dyDescent="0.15">
      <c r="AR44916" s="9" ph="1"/>
    </row>
    <row r="44917" spans="44:44" ht="15.75" customHeight="1" x14ac:dyDescent="0.15">
      <c r="AR44917" s="9" ph="1"/>
    </row>
    <row r="44918" spans="44:44" ht="15.75" customHeight="1" x14ac:dyDescent="0.15">
      <c r="AR44918" s="9" ph="1"/>
    </row>
    <row r="44919" spans="44:44" ht="15.75" customHeight="1" x14ac:dyDescent="0.15">
      <c r="AR44919" s="9" ph="1"/>
    </row>
    <row r="44920" spans="44:44" ht="15.75" customHeight="1" x14ac:dyDescent="0.15">
      <c r="AR44920" s="9" ph="1"/>
    </row>
    <row r="44921" spans="44:44" ht="15.75" customHeight="1" x14ac:dyDescent="0.15">
      <c r="AR44921" s="9" ph="1"/>
    </row>
    <row r="44922" spans="44:44" ht="15.75" customHeight="1" x14ac:dyDescent="0.15">
      <c r="AR44922" s="9" ph="1"/>
    </row>
    <row r="44923" spans="44:44" ht="15.75" customHeight="1" x14ac:dyDescent="0.15">
      <c r="AR44923" s="9" ph="1"/>
    </row>
    <row r="44924" spans="44:44" ht="15.75" customHeight="1" x14ac:dyDescent="0.15">
      <c r="AR44924" s="9" ph="1"/>
    </row>
    <row r="44925" spans="44:44" ht="15.75" customHeight="1" x14ac:dyDescent="0.15">
      <c r="AR44925" s="9" ph="1"/>
    </row>
    <row r="44926" spans="44:44" ht="15.75" customHeight="1" x14ac:dyDescent="0.15">
      <c r="AR44926" s="9" ph="1"/>
    </row>
    <row r="44927" spans="44:44" ht="15.75" customHeight="1" x14ac:dyDescent="0.15">
      <c r="AR44927" s="9" ph="1"/>
    </row>
    <row r="44928" spans="44:44" ht="15.75" customHeight="1" x14ac:dyDescent="0.15">
      <c r="AR44928" s="9" ph="1"/>
    </row>
    <row r="44929" spans="44:44" ht="15.75" customHeight="1" x14ac:dyDescent="0.15">
      <c r="AR44929" s="9" ph="1"/>
    </row>
    <row r="44930" spans="44:44" ht="15.75" customHeight="1" x14ac:dyDescent="0.15">
      <c r="AR44930" s="9" ph="1"/>
    </row>
    <row r="44931" spans="44:44" ht="15.75" customHeight="1" x14ac:dyDescent="0.15">
      <c r="AR44931" s="9" ph="1"/>
    </row>
    <row r="44932" spans="44:44" ht="15.75" customHeight="1" x14ac:dyDescent="0.15">
      <c r="AR44932" s="9" ph="1"/>
    </row>
    <row r="44933" spans="44:44" ht="15.75" customHeight="1" x14ac:dyDescent="0.15">
      <c r="AR44933" s="9" ph="1"/>
    </row>
    <row r="44934" spans="44:44" ht="15.75" customHeight="1" x14ac:dyDescent="0.15">
      <c r="AR44934" s="9" ph="1"/>
    </row>
    <row r="44935" spans="44:44" ht="15.75" customHeight="1" x14ac:dyDescent="0.15">
      <c r="AR44935" s="9" ph="1"/>
    </row>
    <row r="44936" spans="44:44" ht="15.75" customHeight="1" x14ac:dyDescent="0.15">
      <c r="AR44936" s="9" ph="1"/>
    </row>
    <row r="44937" spans="44:44" ht="15.75" customHeight="1" x14ac:dyDescent="0.15">
      <c r="AR44937" s="9" ph="1"/>
    </row>
    <row r="44938" spans="44:44" ht="15.75" customHeight="1" x14ac:dyDescent="0.15">
      <c r="AR44938" s="9" ph="1"/>
    </row>
    <row r="44939" spans="44:44" ht="15.75" customHeight="1" x14ac:dyDescent="0.15">
      <c r="AR44939" s="9" ph="1"/>
    </row>
    <row r="44940" spans="44:44" ht="15.75" customHeight="1" x14ac:dyDescent="0.15">
      <c r="AR44940" s="9" ph="1"/>
    </row>
    <row r="44941" spans="44:44" ht="15.75" customHeight="1" x14ac:dyDescent="0.15">
      <c r="AR44941" s="9" ph="1"/>
    </row>
    <row r="44942" spans="44:44" ht="15.75" customHeight="1" x14ac:dyDescent="0.15">
      <c r="AR44942" s="9" ph="1"/>
    </row>
    <row r="44943" spans="44:44" ht="15.75" customHeight="1" x14ac:dyDescent="0.15">
      <c r="AR44943" s="9" ph="1"/>
    </row>
    <row r="44944" spans="44:44" ht="15.75" customHeight="1" x14ac:dyDescent="0.15">
      <c r="AR44944" s="9" ph="1"/>
    </row>
    <row r="44945" spans="44:44" ht="15.75" customHeight="1" x14ac:dyDescent="0.15">
      <c r="AR44945" s="9" ph="1"/>
    </row>
    <row r="44946" spans="44:44" ht="15.75" customHeight="1" x14ac:dyDescent="0.15">
      <c r="AR44946" s="9" ph="1"/>
    </row>
    <row r="44947" spans="44:44" ht="15.75" customHeight="1" x14ac:dyDescent="0.15">
      <c r="AR44947" s="9" ph="1"/>
    </row>
    <row r="44948" spans="44:44" ht="15.75" customHeight="1" x14ac:dyDescent="0.15">
      <c r="AR44948" s="9" ph="1"/>
    </row>
    <row r="44949" spans="44:44" ht="15.75" customHeight="1" x14ac:dyDescent="0.15">
      <c r="AR44949" s="9" ph="1"/>
    </row>
    <row r="44950" spans="44:44" ht="15.75" customHeight="1" x14ac:dyDescent="0.15">
      <c r="AR44950" s="9" ph="1"/>
    </row>
    <row r="44951" spans="44:44" ht="15.75" customHeight="1" x14ac:dyDescent="0.15">
      <c r="AR44951" s="9" ph="1"/>
    </row>
    <row r="44952" spans="44:44" ht="15.75" customHeight="1" x14ac:dyDescent="0.15">
      <c r="AR44952" s="9" ph="1"/>
    </row>
    <row r="44953" spans="44:44" ht="15.75" customHeight="1" x14ac:dyDescent="0.15">
      <c r="AR44953" s="9" ph="1"/>
    </row>
    <row r="44954" spans="44:44" ht="15.75" customHeight="1" x14ac:dyDescent="0.15">
      <c r="AR44954" s="9" ph="1"/>
    </row>
    <row r="44955" spans="44:44" ht="15.75" customHeight="1" x14ac:dyDescent="0.15">
      <c r="AR44955" s="9" ph="1"/>
    </row>
    <row r="44956" spans="44:44" ht="15.75" customHeight="1" x14ac:dyDescent="0.15">
      <c r="AR44956" s="9" ph="1"/>
    </row>
    <row r="44957" spans="44:44" ht="15.75" customHeight="1" x14ac:dyDescent="0.15">
      <c r="AR44957" s="9" ph="1"/>
    </row>
    <row r="44958" spans="44:44" ht="15.75" customHeight="1" x14ac:dyDescent="0.15">
      <c r="AR44958" s="9" ph="1"/>
    </row>
    <row r="44959" spans="44:44" ht="15.75" customHeight="1" x14ac:dyDescent="0.15">
      <c r="AR44959" s="9" ph="1"/>
    </row>
    <row r="44960" spans="44:44" ht="15.75" customHeight="1" x14ac:dyDescent="0.15">
      <c r="AR44960" s="9" ph="1"/>
    </row>
    <row r="44961" spans="44:44" ht="15.75" customHeight="1" x14ac:dyDescent="0.15">
      <c r="AR44961" s="9" ph="1"/>
    </row>
    <row r="44962" spans="44:44" ht="15.75" customHeight="1" x14ac:dyDescent="0.15">
      <c r="AR44962" s="9" ph="1"/>
    </row>
    <row r="44963" spans="44:44" ht="15.75" customHeight="1" x14ac:dyDescent="0.15">
      <c r="AR44963" s="9" ph="1"/>
    </row>
    <row r="44964" spans="44:44" ht="15.75" customHeight="1" x14ac:dyDescent="0.15">
      <c r="AR44964" s="9" ph="1"/>
    </row>
    <row r="44965" spans="44:44" ht="15.75" customHeight="1" x14ac:dyDescent="0.15">
      <c r="AR44965" s="9" ph="1"/>
    </row>
    <row r="44966" spans="44:44" ht="15.75" customHeight="1" x14ac:dyDescent="0.15">
      <c r="AR44966" s="9" ph="1"/>
    </row>
    <row r="44967" spans="44:44" ht="15.75" customHeight="1" x14ac:dyDescent="0.15">
      <c r="AR44967" s="9" ph="1"/>
    </row>
    <row r="44968" spans="44:44" ht="15.75" customHeight="1" x14ac:dyDescent="0.15">
      <c r="AR44968" s="9" ph="1"/>
    </row>
    <row r="44969" spans="44:44" ht="15.75" customHeight="1" x14ac:dyDescent="0.15">
      <c r="AR44969" s="9" ph="1"/>
    </row>
    <row r="44970" spans="44:44" ht="15.75" customHeight="1" x14ac:dyDescent="0.15">
      <c r="AR44970" s="9" ph="1"/>
    </row>
    <row r="44971" spans="44:44" ht="15.75" customHeight="1" x14ac:dyDescent="0.15">
      <c r="AR44971" s="9" ph="1"/>
    </row>
    <row r="44972" spans="44:44" ht="15.75" customHeight="1" x14ac:dyDescent="0.15">
      <c r="AR44972" s="9" ph="1"/>
    </row>
    <row r="44973" spans="44:44" ht="15.75" customHeight="1" x14ac:dyDescent="0.15">
      <c r="AR44973" s="9" ph="1"/>
    </row>
    <row r="44974" spans="44:44" ht="15.75" customHeight="1" x14ac:dyDescent="0.15">
      <c r="AR44974" s="9" ph="1"/>
    </row>
    <row r="44975" spans="44:44" ht="15.75" customHeight="1" x14ac:dyDescent="0.15">
      <c r="AR44975" s="9" ph="1"/>
    </row>
    <row r="44976" spans="44:44" ht="15.75" customHeight="1" x14ac:dyDescent="0.15">
      <c r="AR44976" s="9" ph="1"/>
    </row>
    <row r="44977" spans="44:44" ht="15.75" customHeight="1" x14ac:dyDescent="0.15">
      <c r="AR44977" s="9" ph="1"/>
    </row>
    <row r="44978" spans="44:44" ht="15.75" customHeight="1" x14ac:dyDescent="0.15">
      <c r="AR44978" s="9" ph="1"/>
    </row>
    <row r="44979" spans="44:44" ht="15.75" customHeight="1" x14ac:dyDescent="0.15">
      <c r="AR44979" s="9" ph="1"/>
    </row>
    <row r="44980" spans="44:44" ht="15.75" customHeight="1" x14ac:dyDescent="0.15">
      <c r="AR44980" s="9" ph="1"/>
    </row>
    <row r="44981" spans="44:44" ht="15.75" customHeight="1" x14ac:dyDescent="0.15">
      <c r="AR44981" s="9" ph="1"/>
    </row>
    <row r="44982" spans="44:44" ht="15.75" customHeight="1" x14ac:dyDescent="0.15">
      <c r="AR44982" s="9" ph="1"/>
    </row>
    <row r="44983" spans="44:44" ht="15.75" customHeight="1" x14ac:dyDescent="0.15">
      <c r="AR44983" s="9" ph="1"/>
    </row>
    <row r="44984" spans="44:44" ht="15.75" customHeight="1" x14ac:dyDescent="0.15">
      <c r="AR44984" s="9" ph="1"/>
    </row>
    <row r="44985" spans="44:44" ht="15.75" customHeight="1" x14ac:dyDescent="0.15">
      <c r="AR44985" s="9" ph="1"/>
    </row>
    <row r="44986" spans="44:44" ht="15.75" customHeight="1" x14ac:dyDescent="0.15">
      <c r="AR44986" s="9" ph="1"/>
    </row>
    <row r="44987" spans="44:44" ht="15.75" customHeight="1" x14ac:dyDescent="0.15">
      <c r="AR44987" s="9" ph="1"/>
    </row>
    <row r="44988" spans="44:44" ht="15.75" customHeight="1" x14ac:dyDescent="0.15">
      <c r="AR44988" s="9" ph="1"/>
    </row>
    <row r="44989" spans="44:44" ht="15.75" customHeight="1" x14ac:dyDescent="0.15">
      <c r="AR44989" s="9" ph="1"/>
    </row>
    <row r="44990" spans="44:44" ht="15.75" customHeight="1" x14ac:dyDescent="0.15">
      <c r="AR44990" s="9" ph="1"/>
    </row>
    <row r="44991" spans="44:44" ht="15.75" customHeight="1" x14ac:dyDescent="0.15">
      <c r="AR44991" s="9" ph="1"/>
    </row>
    <row r="44992" spans="44:44" ht="15.75" customHeight="1" x14ac:dyDescent="0.15">
      <c r="AR44992" s="9" ph="1"/>
    </row>
    <row r="44993" spans="44:44" ht="15.75" customHeight="1" x14ac:dyDescent="0.15">
      <c r="AR44993" s="9" ph="1"/>
    </row>
    <row r="44994" spans="44:44" ht="15.75" customHeight="1" x14ac:dyDescent="0.15">
      <c r="AR44994" s="9" ph="1"/>
    </row>
    <row r="44995" spans="44:44" ht="15.75" customHeight="1" x14ac:dyDescent="0.15">
      <c r="AR44995" s="9" ph="1"/>
    </row>
    <row r="44996" spans="44:44" ht="15.75" customHeight="1" x14ac:dyDescent="0.15">
      <c r="AR44996" s="9" ph="1"/>
    </row>
    <row r="44997" spans="44:44" ht="15.75" customHeight="1" x14ac:dyDescent="0.15">
      <c r="AR44997" s="9" ph="1"/>
    </row>
    <row r="44998" spans="44:44" ht="15.75" customHeight="1" x14ac:dyDescent="0.15">
      <c r="AR44998" s="9" ph="1"/>
    </row>
    <row r="44999" spans="44:44" ht="15.75" customHeight="1" x14ac:dyDescent="0.15">
      <c r="AR44999" s="9" ph="1"/>
    </row>
    <row r="45000" spans="44:44" ht="15.75" customHeight="1" x14ac:dyDescent="0.15">
      <c r="AR45000" s="9" ph="1"/>
    </row>
    <row r="45001" spans="44:44" ht="15.75" customHeight="1" x14ac:dyDescent="0.15">
      <c r="AR45001" s="9" ph="1"/>
    </row>
    <row r="45002" spans="44:44" ht="15.75" customHeight="1" x14ac:dyDescent="0.15">
      <c r="AR45002" s="9" ph="1"/>
    </row>
    <row r="45003" spans="44:44" ht="15.75" customHeight="1" x14ac:dyDescent="0.15">
      <c r="AR45003" s="9" ph="1"/>
    </row>
    <row r="45004" spans="44:44" ht="15.75" customHeight="1" x14ac:dyDescent="0.15">
      <c r="AR45004" s="9" ph="1"/>
    </row>
    <row r="45005" spans="44:44" ht="15.75" customHeight="1" x14ac:dyDescent="0.15">
      <c r="AR45005" s="9" ph="1"/>
    </row>
    <row r="45006" spans="44:44" ht="15.75" customHeight="1" x14ac:dyDescent="0.15">
      <c r="AR45006" s="9" ph="1"/>
    </row>
    <row r="45007" spans="44:44" ht="15.75" customHeight="1" x14ac:dyDescent="0.15">
      <c r="AR45007" s="9" ph="1"/>
    </row>
    <row r="45008" spans="44:44" ht="15.75" customHeight="1" x14ac:dyDescent="0.15">
      <c r="AR45008" s="9" ph="1"/>
    </row>
    <row r="45009" spans="44:44" ht="15.75" customHeight="1" x14ac:dyDescent="0.15">
      <c r="AR45009" s="9" ph="1"/>
    </row>
    <row r="45010" spans="44:44" ht="15.75" customHeight="1" x14ac:dyDescent="0.15">
      <c r="AR45010" s="9" ph="1"/>
    </row>
    <row r="45011" spans="44:44" ht="15.75" customHeight="1" x14ac:dyDescent="0.15">
      <c r="AR45011" s="9" ph="1"/>
    </row>
    <row r="45012" spans="44:44" ht="15.75" customHeight="1" x14ac:dyDescent="0.15">
      <c r="AR45012" s="9" ph="1"/>
    </row>
    <row r="45013" spans="44:44" ht="15.75" customHeight="1" x14ac:dyDescent="0.15">
      <c r="AR45013" s="9" ph="1"/>
    </row>
    <row r="45014" spans="44:44" ht="15.75" customHeight="1" x14ac:dyDescent="0.15">
      <c r="AR45014" s="9" ph="1"/>
    </row>
    <row r="45015" spans="44:44" ht="15.75" customHeight="1" x14ac:dyDescent="0.15">
      <c r="AR45015" s="9" ph="1"/>
    </row>
    <row r="45016" spans="44:44" ht="15.75" customHeight="1" x14ac:dyDescent="0.15">
      <c r="AR45016" s="9" ph="1"/>
    </row>
    <row r="45017" spans="44:44" ht="15.75" customHeight="1" x14ac:dyDescent="0.15">
      <c r="AR45017" s="9" ph="1"/>
    </row>
    <row r="45018" spans="44:44" ht="15.75" customHeight="1" x14ac:dyDescent="0.15">
      <c r="AR45018" s="9" ph="1"/>
    </row>
    <row r="45019" spans="44:44" ht="15.75" customHeight="1" x14ac:dyDescent="0.15">
      <c r="AR45019" s="9" ph="1"/>
    </row>
    <row r="45020" spans="44:44" ht="15.75" customHeight="1" x14ac:dyDescent="0.15">
      <c r="AR45020" s="9" ph="1"/>
    </row>
    <row r="45021" spans="44:44" ht="15.75" customHeight="1" x14ac:dyDescent="0.15">
      <c r="AR45021" s="9" ph="1"/>
    </row>
    <row r="45022" spans="44:44" ht="15.75" customHeight="1" x14ac:dyDescent="0.15">
      <c r="AR45022" s="9" ph="1"/>
    </row>
    <row r="45023" spans="44:44" ht="15.75" customHeight="1" x14ac:dyDescent="0.15">
      <c r="AR45023" s="9" ph="1"/>
    </row>
    <row r="45024" spans="44:44" ht="15.75" customHeight="1" x14ac:dyDescent="0.15">
      <c r="AR45024" s="9" ph="1"/>
    </row>
    <row r="45025" spans="44:44" ht="15.75" customHeight="1" x14ac:dyDescent="0.15">
      <c r="AR45025" s="9" ph="1"/>
    </row>
    <row r="45026" spans="44:44" ht="15.75" customHeight="1" x14ac:dyDescent="0.15">
      <c r="AR45026" s="9" ph="1"/>
    </row>
    <row r="45027" spans="44:44" ht="15.75" customHeight="1" x14ac:dyDescent="0.15">
      <c r="AR45027" s="9" ph="1"/>
    </row>
    <row r="45028" spans="44:44" ht="15.75" customHeight="1" x14ac:dyDescent="0.15">
      <c r="AR45028" s="9" ph="1"/>
    </row>
    <row r="45029" spans="44:44" ht="15.75" customHeight="1" x14ac:dyDescent="0.15">
      <c r="AR45029" s="9" ph="1"/>
    </row>
    <row r="45030" spans="44:44" ht="15.75" customHeight="1" x14ac:dyDescent="0.15">
      <c r="AR45030" s="9" ph="1"/>
    </row>
    <row r="45031" spans="44:44" ht="15.75" customHeight="1" x14ac:dyDescent="0.15">
      <c r="AR45031" s="9" ph="1"/>
    </row>
    <row r="45032" spans="44:44" ht="15.75" customHeight="1" x14ac:dyDescent="0.15">
      <c r="AR45032" s="9" ph="1"/>
    </row>
    <row r="45033" spans="44:44" ht="15.75" customHeight="1" x14ac:dyDescent="0.15">
      <c r="AR45033" s="9" ph="1"/>
    </row>
    <row r="45034" spans="44:44" ht="15.75" customHeight="1" x14ac:dyDescent="0.15">
      <c r="AR45034" s="9" ph="1"/>
    </row>
    <row r="45035" spans="44:44" ht="15.75" customHeight="1" x14ac:dyDescent="0.15">
      <c r="AR45035" s="9" ph="1"/>
    </row>
    <row r="45036" spans="44:44" ht="15.75" customHeight="1" x14ac:dyDescent="0.15">
      <c r="AR45036" s="9" ph="1"/>
    </row>
    <row r="45037" spans="44:44" ht="15.75" customHeight="1" x14ac:dyDescent="0.15">
      <c r="AR45037" s="9" ph="1"/>
    </row>
    <row r="45038" spans="44:44" ht="15.75" customHeight="1" x14ac:dyDescent="0.15">
      <c r="AR45038" s="9" ph="1"/>
    </row>
    <row r="45039" spans="44:44" ht="15.75" customHeight="1" x14ac:dyDescent="0.15">
      <c r="AR45039" s="9" ph="1"/>
    </row>
    <row r="45040" spans="44:44" ht="15.75" customHeight="1" x14ac:dyDescent="0.15">
      <c r="AR45040" s="9" ph="1"/>
    </row>
    <row r="45041" spans="44:44" ht="15.75" customHeight="1" x14ac:dyDescent="0.15">
      <c r="AR45041" s="9" ph="1"/>
    </row>
    <row r="45042" spans="44:44" ht="15.75" customHeight="1" x14ac:dyDescent="0.15">
      <c r="AR45042" s="9" ph="1"/>
    </row>
    <row r="45043" spans="44:44" ht="15.75" customHeight="1" x14ac:dyDescent="0.15">
      <c r="AR45043" s="9" ph="1"/>
    </row>
    <row r="45044" spans="44:44" ht="15.75" customHeight="1" x14ac:dyDescent="0.15">
      <c r="AR45044" s="9" ph="1"/>
    </row>
    <row r="45045" spans="44:44" ht="15.75" customHeight="1" x14ac:dyDescent="0.15">
      <c r="AR45045" s="9" ph="1"/>
    </row>
    <row r="45046" spans="44:44" ht="15.75" customHeight="1" x14ac:dyDescent="0.15">
      <c r="AR45046" s="9" ph="1"/>
    </row>
    <row r="45047" spans="44:44" ht="15.75" customHeight="1" x14ac:dyDescent="0.15">
      <c r="AR45047" s="9" ph="1"/>
    </row>
    <row r="45048" spans="44:44" ht="15.75" customHeight="1" x14ac:dyDescent="0.15">
      <c r="AR45048" s="9" ph="1"/>
    </row>
    <row r="45049" spans="44:44" ht="15.75" customHeight="1" x14ac:dyDescent="0.15">
      <c r="AR45049" s="9" ph="1"/>
    </row>
    <row r="45050" spans="44:44" ht="15.75" customHeight="1" x14ac:dyDescent="0.15">
      <c r="AR45050" s="9" ph="1"/>
    </row>
    <row r="45051" spans="44:44" ht="15.75" customHeight="1" x14ac:dyDescent="0.15">
      <c r="AR45051" s="9" ph="1"/>
    </row>
    <row r="45052" spans="44:44" ht="15.75" customHeight="1" x14ac:dyDescent="0.15">
      <c r="AR45052" s="9" ph="1"/>
    </row>
    <row r="45053" spans="44:44" ht="15.75" customHeight="1" x14ac:dyDescent="0.15">
      <c r="AR45053" s="9" ph="1"/>
    </row>
    <row r="45054" spans="44:44" ht="15.75" customHeight="1" x14ac:dyDescent="0.15">
      <c r="AR45054" s="9" ph="1"/>
    </row>
    <row r="45055" spans="44:44" ht="15.75" customHeight="1" x14ac:dyDescent="0.15">
      <c r="AR45055" s="9" ph="1"/>
    </row>
    <row r="45056" spans="44:44" ht="15.75" customHeight="1" x14ac:dyDescent="0.15">
      <c r="AR45056" s="9" ph="1"/>
    </row>
    <row r="45057" spans="44:44" ht="15.75" customHeight="1" x14ac:dyDescent="0.15">
      <c r="AR45057" s="9" ph="1"/>
    </row>
    <row r="45058" spans="44:44" ht="15.75" customHeight="1" x14ac:dyDescent="0.15">
      <c r="AR45058" s="9" ph="1"/>
    </row>
    <row r="45059" spans="44:44" ht="15.75" customHeight="1" x14ac:dyDescent="0.15">
      <c r="AR45059" s="9" ph="1"/>
    </row>
    <row r="45060" spans="44:44" ht="15.75" customHeight="1" x14ac:dyDescent="0.15">
      <c r="AR45060" s="9" ph="1"/>
    </row>
    <row r="45061" spans="44:44" ht="15.75" customHeight="1" x14ac:dyDescent="0.15">
      <c r="AR45061" s="9" ph="1"/>
    </row>
    <row r="45062" spans="44:44" ht="15.75" customHeight="1" x14ac:dyDescent="0.15">
      <c r="AR45062" s="9" ph="1"/>
    </row>
    <row r="45063" spans="44:44" ht="15.75" customHeight="1" x14ac:dyDescent="0.15">
      <c r="AR45063" s="9" ph="1"/>
    </row>
    <row r="45064" spans="44:44" ht="15.75" customHeight="1" x14ac:dyDescent="0.15">
      <c r="AR45064" s="9" ph="1"/>
    </row>
    <row r="45065" spans="44:44" ht="15.75" customHeight="1" x14ac:dyDescent="0.15">
      <c r="AR45065" s="9" ph="1"/>
    </row>
    <row r="45066" spans="44:44" ht="15.75" customHeight="1" x14ac:dyDescent="0.15">
      <c r="AR45066" s="9" ph="1"/>
    </row>
    <row r="45067" spans="44:44" ht="15.75" customHeight="1" x14ac:dyDescent="0.15">
      <c r="AR45067" s="9" ph="1"/>
    </row>
    <row r="45068" spans="44:44" ht="15.75" customHeight="1" x14ac:dyDescent="0.15">
      <c r="AR45068" s="9" ph="1"/>
    </row>
    <row r="45069" spans="44:44" ht="15.75" customHeight="1" x14ac:dyDescent="0.15">
      <c r="AR45069" s="9" ph="1"/>
    </row>
    <row r="45070" spans="44:44" ht="15.75" customHeight="1" x14ac:dyDescent="0.15">
      <c r="AR45070" s="9" ph="1"/>
    </row>
    <row r="45071" spans="44:44" ht="15.75" customHeight="1" x14ac:dyDescent="0.15">
      <c r="AR45071" s="9" ph="1"/>
    </row>
    <row r="45072" spans="44:44" ht="15.75" customHeight="1" x14ac:dyDescent="0.15">
      <c r="AR45072" s="9" ph="1"/>
    </row>
    <row r="45073" spans="44:44" ht="15.75" customHeight="1" x14ac:dyDescent="0.15">
      <c r="AR45073" s="9" ph="1"/>
    </row>
    <row r="45074" spans="44:44" ht="15.75" customHeight="1" x14ac:dyDescent="0.15">
      <c r="AR45074" s="9" ph="1"/>
    </row>
    <row r="45075" spans="44:44" ht="15.75" customHeight="1" x14ac:dyDescent="0.15">
      <c r="AR45075" s="9" ph="1"/>
    </row>
    <row r="45076" spans="44:44" ht="15.75" customHeight="1" x14ac:dyDescent="0.15">
      <c r="AR45076" s="9" ph="1"/>
    </row>
    <row r="45077" spans="44:44" ht="15.75" customHeight="1" x14ac:dyDescent="0.15">
      <c r="AR45077" s="9" ph="1"/>
    </row>
    <row r="45078" spans="44:44" ht="15.75" customHeight="1" x14ac:dyDescent="0.15">
      <c r="AR45078" s="9" ph="1"/>
    </row>
    <row r="45079" spans="44:44" ht="15.75" customHeight="1" x14ac:dyDescent="0.15">
      <c r="AR45079" s="9" ph="1"/>
    </row>
    <row r="45080" spans="44:44" ht="15.75" customHeight="1" x14ac:dyDescent="0.15">
      <c r="AR45080" s="9" ph="1"/>
    </row>
    <row r="45081" spans="44:44" ht="15.75" customHeight="1" x14ac:dyDescent="0.15">
      <c r="AR45081" s="9" ph="1"/>
    </row>
    <row r="45082" spans="44:44" ht="15.75" customHeight="1" x14ac:dyDescent="0.15">
      <c r="AR45082" s="9" ph="1"/>
    </row>
    <row r="45083" spans="44:44" ht="15.75" customHeight="1" x14ac:dyDescent="0.15">
      <c r="AR45083" s="9" ph="1"/>
    </row>
    <row r="45084" spans="44:44" ht="15.75" customHeight="1" x14ac:dyDescent="0.15">
      <c r="AR45084" s="9" ph="1"/>
    </row>
    <row r="45085" spans="44:44" ht="15.75" customHeight="1" x14ac:dyDescent="0.15">
      <c r="AR45085" s="9" ph="1"/>
    </row>
    <row r="45086" spans="44:44" ht="15.75" customHeight="1" x14ac:dyDescent="0.15">
      <c r="AR45086" s="9" ph="1"/>
    </row>
    <row r="45087" spans="44:44" ht="15.75" customHeight="1" x14ac:dyDescent="0.15">
      <c r="AR45087" s="9" ph="1"/>
    </row>
    <row r="45088" spans="44:44" ht="15.75" customHeight="1" x14ac:dyDescent="0.15">
      <c r="AR45088" s="9" ph="1"/>
    </row>
    <row r="45089" spans="44:44" ht="15.75" customHeight="1" x14ac:dyDescent="0.15">
      <c r="AR45089" s="9" ph="1"/>
    </row>
    <row r="45090" spans="44:44" ht="15.75" customHeight="1" x14ac:dyDescent="0.15">
      <c r="AR45090" s="9" ph="1"/>
    </row>
    <row r="45091" spans="44:44" ht="15.75" customHeight="1" x14ac:dyDescent="0.15">
      <c r="AR45091" s="9" ph="1"/>
    </row>
    <row r="45092" spans="44:44" ht="15.75" customHeight="1" x14ac:dyDescent="0.15">
      <c r="AR45092" s="9" ph="1"/>
    </row>
    <row r="45093" spans="44:44" ht="15.75" customHeight="1" x14ac:dyDescent="0.15">
      <c r="AR45093" s="9" ph="1"/>
    </row>
    <row r="45094" spans="44:44" ht="15.75" customHeight="1" x14ac:dyDescent="0.15">
      <c r="AR45094" s="9" ph="1"/>
    </row>
    <row r="45095" spans="44:44" ht="15.75" customHeight="1" x14ac:dyDescent="0.15">
      <c r="AR45095" s="9" ph="1"/>
    </row>
    <row r="45096" spans="44:44" ht="15.75" customHeight="1" x14ac:dyDescent="0.15">
      <c r="AR45096" s="9" ph="1"/>
    </row>
    <row r="45097" spans="44:44" ht="15.75" customHeight="1" x14ac:dyDescent="0.15">
      <c r="AR45097" s="9" ph="1"/>
    </row>
    <row r="45098" spans="44:44" ht="15.75" customHeight="1" x14ac:dyDescent="0.15">
      <c r="AR45098" s="9" ph="1"/>
    </row>
    <row r="45099" spans="44:44" ht="15.75" customHeight="1" x14ac:dyDescent="0.15">
      <c r="AR45099" s="9" ph="1"/>
    </row>
    <row r="45100" spans="44:44" ht="15.75" customHeight="1" x14ac:dyDescent="0.15">
      <c r="AR45100" s="9" ph="1"/>
    </row>
    <row r="45102" spans="44:44" ht="15.75" customHeight="1" x14ac:dyDescent="0.15">
      <c r="AR45102" s="9" ph="1"/>
    </row>
    <row r="45103" spans="44:44" ht="15.75" customHeight="1" x14ac:dyDescent="0.15">
      <c r="AR45103" s="9" ph="1"/>
    </row>
    <row r="45104" spans="44:44" ht="15.75" customHeight="1" x14ac:dyDescent="0.15">
      <c r="AR45104" s="9" ph="1"/>
    </row>
    <row r="45105" spans="44:44" ht="15.75" customHeight="1" x14ac:dyDescent="0.15">
      <c r="AR45105" s="9" ph="1"/>
    </row>
    <row r="45106" spans="44:44" ht="15.75" customHeight="1" x14ac:dyDescent="0.15">
      <c r="AR45106" s="9" ph="1"/>
    </row>
    <row r="45107" spans="44:44" ht="15.75" customHeight="1" x14ac:dyDescent="0.15">
      <c r="AR45107" s="9" ph="1"/>
    </row>
    <row r="45108" spans="44:44" ht="15.75" customHeight="1" x14ac:dyDescent="0.15">
      <c r="AR45108" s="9" ph="1"/>
    </row>
    <row r="45109" spans="44:44" ht="15.75" customHeight="1" x14ac:dyDescent="0.15">
      <c r="AR45109" s="9" ph="1"/>
    </row>
    <row r="45110" spans="44:44" ht="15.75" customHeight="1" x14ac:dyDescent="0.15">
      <c r="AR45110" s="9" ph="1"/>
    </row>
    <row r="45111" spans="44:44" ht="15.75" customHeight="1" x14ac:dyDescent="0.15">
      <c r="AR45111" s="9" ph="1"/>
    </row>
    <row r="45113" spans="44:44" ht="15.75" customHeight="1" x14ac:dyDescent="0.15">
      <c r="AR45113" s="9" ph="1"/>
    </row>
    <row r="45114" spans="44:44" ht="15.75" customHeight="1" x14ac:dyDescent="0.15">
      <c r="AR45114" s="9" ph="1"/>
    </row>
    <row r="45115" spans="44:44" ht="15.75" customHeight="1" x14ac:dyDescent="0.15">
      <c r="AR45115" s="9" ph="1"/>
    </row>
    <row r="45116" spans="44:44" ht="15.75" customHeight="1" x14ac:dyDescent="0.15">
      <c r="AR45116" s="9" ph="1"/>
    </row>
    <row r="45117" spans="44:44" ht="15.75" customHeight="1" x14ac:dyDescent="0.15">
      <c r="AR45117" s="9" ph="1"/>
    </row>
    <row r="45118" spans="44:44" ht="15.75" customHeight="1" x14ac:dyDescent="0.15">
      <c r="AR45118" s="9" ph="1"/>
    </row>
    <row r="45119" spans="44:44" ht="15.75" customHeight="1" x14ac:dyDescent="0.15">
      <c r="AR45119" s="9" ph="1"/>
    </row>
    <row r="45120" spans="44:44" ht="15.75" customHeight="1" x14ac:dyDescent="0.15">
      <c r="AR45120" s="9" ph="1"/>
    </row>
    <row r="45121" spans="44:44" ht="15.75" customHeight="1" x14ac:dyDescent="0.15">
      <c r="AR45121" s="9" ph="1"/>
    </row>
    <row r="45122" spans="44:44" ht="15.75" customHeight="1" x14ac:dyDescent="0.15">
      <c r="AR45122" s="9" ph="1"/>
    </row>
    <row r="45123" spans="44:44" ht="15.75" customHeight="1" x14ac:dyDescent="0.15">
      <c r="AR45123" s="9" ph="1"/>
    </row>
    <row r="45124" spans="44:44" ht="15.75" customHeight="1" x14ac:dyDescent="0.15">
      <c r="AR45124" s="9" ph="1"/>
    </row>
    <row r="45125" spans="44:44" ht="15.75" customHeight="1" x14ac:dyDescent="0.15">
      <c r="AR45125" s="9" ph="1"/>
    </row>
    <row r="45126" spans="44:44" ht="15.75" customHeight="1" x14ac:dyDescent="0.15">
      <c r="AR45126" s="9" ph="1"/>
    </row>
    <row r="45127" spans="44:44" ht="15.75" customHeight="1" x14ac:dyDescent="0.15">
      <c r="AR45127" s="9" ph="1"/>
    </row>
    <row r="45128" spans="44:44" ht="15.75" customHeight="1" x14ac:dyDescent="0.15">
      <c r="AR45128" s="9" ph="1"/>
    </row>
    <row r="45129" spans="44:44" ht="15.75" customHeight="1" x14ac:dyDescent="0.15">
      <c r="AR45129" s="9" ph="1"/>
    </row>
    <row r="45130" spans="44:44" ht="15.75" customHeight="1" x14ac:dyDescent="0.15">
      <c r="AR45130" s="9" ph="1"/>
    </row>
    <row r="45132" spans="44:44" ht="15.75" customHeight="1" x14ac:dyDescent="0.15">
      <c r="AR45132" s="9" ph="1"/>
    </row>
    <row r="45133" spans="44:44" ht="15.75" customHeight="1" x14ac:dyDescent="0.15">
      <c r="AR45133" s="9" ph="1"/>
    </row>
    <row r="45134" spans="44:44" ht="15.75" customHeight="1" x14ac:dyDescent="0.15">
      <c r="AR45134" s="9" ph="1"/>
    </row>
    <row r="45135" spans="44:44" ht="15.75" customHeight="1" x14ac:dyDescent="0.15">
      <c r="AR45135" s="9" ph="1"/>
    </row>
    <row r="45136" spans="44:44" ht="15.75" customHeight="1" x14ac:dyDescent="0.15">
      <c r="AR45136" s="9" ph="1"/>
    </row>
    <row r="45137" spans="44:44" ht="15.75" customHeight="1" x14ac:dyDescent="0.15">
      <c r="AR45137" s="9" ph="1"/>
    </row>
    <row r="45138" spans="44:44" ht="15.75" customHeight="1" x14ac:dyDescent="0.15">
      <c r="AR45138" s="9" ph="1"/>
    </row>
    <row r="45139" spans="44:44" ht="15.75" customHeight="1" x14ac:dyDescent="0.15">
      <c r="AR45139" s="9" ph="1"/>
    </row>
    <row r="45140" spans="44:44" ht="15.75" customHeight="1" x14ac:dyDescent="0.15">
      <c r="AR45140" s="9" ph="1"/>
    </row>
    <row r="45141" spans="44:44" ht="15.75" customHeight="1" x14ac:dyDescent="0.15">
      <c r="AR45141" s="9" ph="1"/>
    </row>
    <row r="45142" spans="44:44" ht="15.75" customHeight="1" x14ac:dyDescent="0.15">
      <c r="AR45142" s="9" ph="1"/>
    </row>
    <row r="45143" spans="44:44" ht="15.75" customHeight="1" x14ac:dyDescent="0.15">
      <c r="AR45143" s="9" ph="1"/>
    </row>
    <row r="45144" spans="44:44" ht="15.75" customHeight="1" x14ac:dyDescent="0.15">
      <c r="AR45144" s="9" ph="1"/>
    </row>
    <row r="45145" spans="44:44" ht="15.75" customHeight="1" x14ac:dyDescent="0.15">
      <c r="AR45145" s="9" ph="1"/>
    </row>
    <row r="45146" spans="44:44" ht="15.75" customHeight="1" x14ac:dyDescent="0.15">
      <c r="AR45146" s="9" ph="1"/>
    </row>
    <row r="45147" spans="44:44" ht="15.75" customHeight="1" x14ac:dyDescent="0.15">
      <c r="AR45147" s="9" ph="1"/>
    </row>
    <row r="45148" spans="44:44" ht="15.75" customHeight="1" x14ac:dyDescent="0.15">
      <c r="AR45148" s="9" ph="1"/>
    </row>
    <row r="45149" spans="44:44" ht="15.75" customHeight="1" x14ac:dyDescent="0.15">
      <c r="AR45149" s="9" ph="1"/>
    </row>
    <row r="45150" spans="44:44" ht="15.75" customHeight="1" x14ac:dyDescent="0.15">
      <c r="AR45150" s="9" ph="1"/>
    </row>
    <row r="45151" spans="44:44" ht="15.75" customHeight="1" x14ac:dyDescent="0.15">
      <c r="AR45151" s="9" ph="1"/>
    </row>
    <row r="45152" spans="44:44" ht="15.75" customHeight="1" x14ac:dyDescent="0.15">
      <c r="AR45152" s="9" ph="1"/>
    </row>
    <row r="45153" spans="44:44" ht="15.75" customHeight="1" x14ac:dyDescent="0.15">
      <c r="AR45153" s="9" ph="1"/>
    </row>
    <row r="45154" spans="44:44" ht="15.75" customHeight="1" x14ac:dyDescent="0.15">
      <c r="AR45154" s="9" ph="1"/>
    </row>
    <row r="45155" spans="44:44" ht="15.75" customHeight="1" x14ac:dyDescent="0.15">
      <c r="AR45155" s="9" ph="1"/>
    </row>
    <row r="45156" spans="44:44" ht="15.75" customHeight="1" x14ac:dyDescent="0.15">
      <c r="AR45156" s="9" ph="1"/>
    </row>
    <row r="45157" spans="44:44" ht="15.75" customHeight="1" x14ac:dyDescent="0.15">
      <c r="AR45157" s="9" ph="1"/>
    </row>
    <row r="45158" spans="44:44" ht="15.75" customHeight="1" x14ac:dyDescent="0.15">
      <c r="AR45158" s="9" ph="1"/>
    </row>
    <row r="45159" spans="44:44" ht="15.75" customHeight="1" x14ac:dyDescent="0.15">
      <c r="AR45159" s="9" ph="1"/>
    </row>
    <row r="45160" spans="44:44" ht="15.75" customHeight="1" x14ac:dyDescent="0.15">
      <c r="AR45160" s="9" ph="1"/>
    </row>
    <row r="45161" spans="44:44" ht="15.75" customHeight="1" x14ac:dyDescent="0.15">
      <c r="AR45161" s="9" ph="1"/>
    </row>
    <row r="45162" spans="44:44" ht="15.75" customHeight="1" x14ac:dyDescent="0.15">
      <c r="AR45162" s="9" ph="1"/>
    </row>
    <row r="45163" spans="44:44" ht="15.75" customHeight="1" x14ac:dyDescent="0.15">
      <c r="AR45163" s="9" ph="1"/>
    </row>
    <row r="45164" spans="44:44" ht="15.75" customHeight="1" x14ac:dyDescent="0.15">
      <c r="AR45164" s="9" ph="1"/>
    </row>
    <row r="45165" spans="44:44" ht="15.75" customHeight="1" x14ac:dyDescent="0.15">
      <c r="AR45165" s="9" ph="1"/>
    </row>
    <row r="45166" spans="44:44" ht="15.75" customHeight="1" x14ac:dyDescent="0.15">
      <c r="AR45166" s="9" ph="1"/>
    </row>
    <row r="45167" spans="44:44" ht="15.75" customHeight="1" x14ac:dyDescent="0.15">
      <c r="AR45167" s="9" ph="1"/>
    </row>
    <row r="45168" spans="44:44" ht="15.75" customHeight="1" x14ac:dyDescent="0.15">
      <c r="AR45168" s="9" ph="1"/>
    </row>
    <row r="45169" spans="44:44" ht="15.75" customHeight="1" x14ac:dyDescent="0.15">
      <c r="AR45169" s="9" ph="1"/>
    </row>
    <row r="45170" spans="44:44" ht="15.75" customHeight="1" x14ac:dyDescent="0.15">
      <c r="AR45170" s="9" ph="1"/>
    </row>
    <row r="45171" spans="44:44" ht="15.75" customHeight="1" x14ac:dyDescent="0.15">
      <c r="AR45171" s="9" ph="1"/>
    </row>
    <row r="45172" spans="44:44" ht="15.75" customHeight="1" x14ac:dyDescent="0.15">
      <c r="AR45172" s="9" ph="1"/>
    </row>
    <row r="45173" spans="44:44" ht="15.75" customHeight="1" x14ac:dyDescent="0.15">
      <c r="AR45173" s="9" ph="1"/>
    </row>
    <row r="45174" spans="44:44" ht="15.75" customHeight="1" x14ac:dyDescent="0.15">
      <c r="AR45174" s="9" ph="1"/>
    </row>
    <row r="45175" spans="44:44" ht="15.75" customHeight="1" x14ac:dyDescent="0.15">
      <c r="AR45175" s="9" ph="1"/>
    </row>
    <row r="45176" spans="44:44" ht="15.75" customHeight="1" x14ac:dyDescent="0.15">
      <c r="AR45176" s="9" ph="1"/>
    </row>
    <row r="45177" spans="44:44" ht="15.75" customHeight="1" x14ac:dyDescent="0.15">
      <c r="AR45177" s="9" ph="1"/>
    </row>
    <row r="45178" spans="44:44" ht="15.75" customHeight="1" x14ac:dyDescent="0.15">
      <c r="AR45178" s="9" ph="1"/>
    </row>
    <row r="45179" spans="44:44" ht="15.75" customHeight="1" x14ac:dyDescent="0.15">
      <c r="AR45179" s="9" ph="1"/>
    </row>
    <row r="45180" spans="44:44" ht="15.75" customHeight="1" x14ac:dyDescent="0.15">
      <c r="AR45180" s="9" ph="1"/>
    </row>
    <row r="45181" spans="44:44" ht="15.75" customHeight="1" x14ac:dyDescent="0.15">
      <c r="AR45181" s="9" ph="1"/>
    </row>
    <row r="45182" spans="44:44" ht="15.75" customHeight="1" x14ac:dyDescent="0.15">
      <c r="AR45182" s="9" ph="1"/>
    </row>
    <row r="45183" spans="44:44" ht="15.75" customHeight="1" x14ac:dyDescent="0.15">
      <c r="AR45183" s="9" ph="1"/>
    </row>
    <row r="45184" spans="44:44" ht="15.75" customHeight="1" x14ac:dyDescent="0.15">
      <c r="AR45184" s="9" ph="1"/>
    </row>
    <row r="45185" spans="44:44" ht="15.75" customHeight="1" x14ac:dyDescent="0.15">
      <c r="AR45185" s="9" ph="1"/>
    </row>
    <row r="45186" spans="44:44" ht="15.75" customHeight="1" x14ac:dyDescent="0.15">
      <c r="AR45186" s="9" ph="1"/>
    </row>
    <row r="45187" spans="44:44" ht="15.75" customHeight="1" x14ac:dyDescent="0.15">
      <c r="AR45187" s="9" ph="1"/>
    </row>
    <row r="45188" spans="44:44" ht="15.75" customHeight="1" x14ac:dyDescent="0.15">
      <c r="AR45188" s="9" ph="1"/>
    </row>
    <row r="45189" spans="44:44" ht="15.75" customHeight="1" x14ac:dyDescent="0.15">
      <c r="AR45189" s="9" ph="1"/>
    </row>
    <row r="45190" spans="44:44" ht="15.75" customHeight="1" x14ac:dyDescent="0.15">
      <c r="AR45190" s="9" ph="1"/>
    </row>
    <row r="45191" spans="44:44" ht="15.75" customHeight="1" x14ac:dyDescent="0.15">
      <c r="AR45191" s="9" ph="1"/>
    </row>
    <row r="45192" spans="44:44" ht="15.75" customHeight="1" x14ac:dyDescent="0.15">
      <c r="AR45192" s="9" ph="1"/>
    </row>
    <row r="45193" spans="44:44" ht="15.75" customHeight="1" x14ac:dyDescent="0.15">
      <c r="AR45193" s="9" ph="1"/>
    </row>
    <row r="45194" spans="44:44" ht="15.75" customHeight="1" x14ac:dyDescent="0.15">
      <c r="AR45194" s="9" ph="1"/>
    </row>
    <row r="45195" spans="44:44" ht="15.75" customHeight="1" x14ac:dyDescent="0.15">
      <c r="AR45195" s="9" ph="1"/>
    </row>
    <row r="45196" spans="44:44" ht="15.75" customHeight="1" x14ac:dyDescent="0.15">
      <c r="AR45196" s="9" ph="1"/>
    </row>
    <row r="45197" spans="44:44" ht="15.75" customHeight="1" x14ac:dyDescent="0.15">
      <c r="AR45197" s="9" ph="1"/>
    </row>
    <row r="45198" spans="44:44" ht="15.75" customHeight="1" x14ac:dyDescent="0.15">
      <c r="AR45198" s="9" ph="1"/>
    </row>
    <row r="45199" spans="44:44" ht="15.75" customHeight="1" x14ac:dyDescent="0.15">
      <c r="AR45199" s="9" ph="1"/>
    </row>
    <row r="45200" spans="44:44" ht="15.75" customHeight="1" x14ac:dyDescent="0.15">
      <c r="AR45200" s="9" ph="1"/>
    </row>
    <row r="45201" spans="44:44" ht="15.75" customHeight="1" x14ac:dyDescent="0.15">
      <c r="AR45201" s="9" ph="1"/>
    </row>
    <row r="45202" spans="44:44" ht="15.75" customHeight="1" x14ac:dyDescent="0.15">
      <c r="AR45202" s="9" ph="1"/>
    </row>
    <row r="45203" spans="44:44" ht="15.75" customHeight="1" x14ac:dyDescent="0.15">
      <c r="AR45203" s="9" ph="1"/>
    </row>
    <row r="45204" spans="44:44" ht="15.75" customHeight="1" x14ac:dyDescent="0.15">
      <c r="AR45204" s="9" ph="1"/>
    </row>
    <row r="45205" spans="44:44" ht="15.75" customHeight="1" x14ac:dyDescent="0.15">
      <c r="AR45205" s="9" ph="1"/>
    </row>
    <row r="45206" spans="44:44" ht="15.75" customHeight="1" x14ac:dyDescent="0.15">
      <c r="AR45206" s="9" ph="1"/>
    </row>
    <row r="45207" spans="44:44" ht="15.75" customHeight="1" x14ac:dyDescent="0.15">
      <c r="AR45207" s="9" ph="1"/>
    </row>
    <row r="45208" spans="44:44" ht="15.75" customHeight="1" x14ac:dyDescent="0.15">
      <c r="AR45208" s="9" ph="1"/>
    </row>
    <row r="45209" spans="44:44" ht="15.75" customHeight="1" x14ac:dyDescent="0.15">
      <c r="AR45209" s="9" ph="1"/>
    </row>
    <row r="45210" spans="44:44" ht="15.75" customHeight="1" x14ac:dyDescent="0.15">
      <c r="AR45210" s="9" ph="1"/>
    </row>
    <row r="45211" spans="44:44" ht="15.75" customHeight="1" x14ac:dyDescent="0.15">
      <c r="AR45211" s="9" ph="1"/>
    </row>
    <row r="45212" spans="44:44" ht="15.75" customHeight="1" x14ac:dyDescent="0.15">
      <c r="AR45212" s="9" ph="1"/>
    </row>
    <row r="45213" spans="44:44" ht="15.75" customHeight="1" x14ac:dyDescent="0.15">
      <c r="AR45213" s="9" ph="1"/>
    </row>
    <row r="45214" spans="44:44" ht="15.75" customHeight="1" x14ac:dyDescent="0.15">
      <c r="AR45214" s="9" ph="1"/>
    </row>
    <row r="45215" spans="44:44" ht="15.75" customHeight="1" x14ac:dyDescent="0.15">
      <c r="AR45215" s="9" ph="1"/>
    </row>
    <row r="45216" spans="44:44" ht="15.75" customHeight="1" x14ac:dyDescent="0.15">
      <c r="AR45216" s="9" ph="1"/>
    </row>
    <row r="45217" spans="44:44" ht="15.75" customHeight="1" x14ac:dyDescent="0.15">
      <c r="AR45217" s="9" ph="1"/>
    </row>
    <row r="45218" spans="44:44" ht="15.75" customHeight="1" x14ac:dyDescent="0.15">
      <c r="AR45218" s="9" ph="1"/>
    </row>
    <row r="45219" spans="44:44" ht="15.75" customHeight="1" x14ac:dyDescent="0.15">
      <c r="AR45219" s="9" ph="1"/>
    </row>
    <row r="45220" spans="44:44" ht="15.75" customHeight="1" x14ac:dyDescent="0.15">
      <c r="AR45220" s="9" ph="1"/>
    </row>
    <row r="45221" spans="44:44" ht="15.75" customHeight="1" x14ac:dyDescent="0.15">
      <c r="AR45221" s="9" ph="1"/>
    </row>
    <row r="45222" spans="44:44" ht="15.75" customHeight="1" x14ac:dyDescent="0.15">
      <c r="AR45222" s="9" ph="1"/>
    </row>
    <row r="45223" spans="44:44" ht="15.75" customHeight="1" x14ac:dyDescent="0.15">
      <c r="AR45223" s="9" ph="1"/>
    </row>
    <row r="45224" spans="44:44" ht="15.75" customHeight="1" x14ac:dyDescent="0.15">
      <c r="AR45224" s="9" ph="1"/>
    </row>
    <row r="45225" spans="44:44" ht="15.75" customHeight="1" x14ac:dyDescent="0.15">
      <c r="AR45225" s="9" ph="1"/>
    </row>
    <row r="45226" spans="44:44" ht="15.75" customHeight="1" x14ac:dyDescent="0.15">
      <c r="AR45226" s="9" ph="1"/>
    </row>
    <row r="45227" spans="44:44" ht="15.75" customHeight="1" x14ac:dyDescent="0.15">
      <c r="AR45227" s="9" ph="1"/>
    </row>
    <row r="45228" spans="44:44" ht="15.75" customHeight="1" x14ac:dyDescent="0.15">
      <c r="AR45228" s="9" ph="1"/>
    </row>
    <row r="45229" spans="44:44" ht="15.75" customHeight="1" x14ac:dyDescent="0.15">
      <c r="AR45229" s="9" ph="1"/>
    </row>
    <row r="45230" spans="44:44" ht="15.75" customHeight="1" x14ac:dyDescent="0.15">
      <c r="AR45230" s="9" ph="1"/>
    </row>
    <row r="45231" spans="44:44" ht="15.75" customHeight="1" x14ac:dyDescent="0.15">
      <c r="AR45231" s="9" ph="1"/>
    </row>
    <row r="45232" spans="44:44" ht="15.75" customHeight="1" x14ac:dyDescent="0.15">
      <c r="AR45232" s="9" ph="1"/>
    </row>
    <row r="45233" spans="44:44" ht="15.75" customHeight="1" x14ac:dyDescent="0.15">
      <c r="AR45233" s="9" ph="1"/>
    </row>
    <row r="45234" spans="44:44" ht="15.75" customHeight="1" x14ac:dyDescent="0.15">
      <c r="AR45234" s="9" ph="1"/>
    </row>
    <row r="45235" spans="44:44" ht="15.75" customHeight="1" x14ac:dyDescent="0.15">
      <c r="AR45235" s="9" ph="1"/>
    </row>
    <row r="45236" spans="44:44" ht="15.75" customHeight="1" x14ac:dyDescent="0.15">
      <c r="AR45236" s="9" ph="1"/>
    </row>
    <row r="45237" spans="44:44" ht="15.75" customHeight="1" x14ac:dyDescent="0.15">
      <c r="AR45237" s="9" ph="1"/>
    </row>
    <row r="45238" spans="44:44" ht="15.75" customHeight="1" x14ac:dyDescent="0.15">
      <c r="AR45238" s="9" ph="1"/>
    </row>
    <row r="45239" spans="44:44" ht="15.75" customHeight="1" x14ac:dyDescent="0.15">
      <c r="AR45239" s="9" ph="1"/>
    </row>
    <row r="45240" spans="44:44" ht="15.75" customHeight="1" x14ac:dyDescent="0.15">
      <c r="AR45240" s="9" ph="1"/>
    </row>
    <row r="45241" spans="44:44" ht="15.75" customHeight="1" x14ac:dyDescent="0.15">
      <c r="AR45241" s="9" ph="1"/>
    </row>
    <row r="45242" spans="44:44" ht="15.75" customHeight="1" x14ac:dyDescent="0.15">
      <c r="AR45242" s="9" ph="1"/>
    </row>
    <row r="45243" spans="44:44" ht="15.75" customHeight="1" x14ac:dyDescent="0.15">
      <c r="AR45243" s="9" ph="1"/>
    </row>
    <row r="45244" spans="44:44" ht="15.75" customHeight="1" x14ac:dyDescent="0.15">
      <c r="AR45244" s="9" ph="1"/>
    </row>
    <row r="45245" spans="44:44" ht="15.75" customHeight="1" x14ac:dyDescent="0.15">
      <c r="AR45245" s="9" ph="1"/>
    </row>
    <row r="45246" spans="44:44" ht="15.75" customHeight="1" x14ac:dyDescent="0.15">
      <c r="AR45246" s="9" ph="1"/>
    </row>
    <row r="45247" spans="44:44" ht="15.75" customHeight="1" x14ac:dyDescent="0.15">
      <c r="AR45247" s="9" ph="1"/>
    </row>
    <row r="45248" spans="44:44" ht="15.75" customHeight="1" x14ac:dyDescent="0.15">
      <c r="AR45248" s="9" ph="1"/>
    </row>
    <row r="45249" spans="44:44" ht="15.75" customHeight="1" x14ac:dyDescent="0.15">
      <c r="AR45249" s="9" ph="1"/>
    </row>
    <row r="45250" spans="44:44" ht="15.75" customHeight="1" x14ac:dyDescent="0.15">
      <c r="AR45250" s="9" ph="1"/>
    </row>
    <row r="45251" spans="44:44" ht="15.75" customHeight="1" x14ac:dyDescent="0.15">
      <c r="AR45251" s="9" ph="1"/>
    </row>
    <row r="45252" spans="44:44" ht="15.75" customHeight="1" x14ac:dyDescent="0.15">
      <c r="AR45252" s="9" ph="1"/>
    </row>
    <row r="45253" spans="44:44" ht="15.75" customHeight="1" x14ac:dyDescent="0.15">
      <c r="AR45253" s="9" ph="1"/>
    </row>
    <row r="45254" spans="44:44" ht="15.75" customHeight="1" x14ac:dyDescent="0.15">
      <c r="AR45254" s="9" ph="1"/>
    </row>
    <row r="45255" spans="44:44" ht="15.75" customHeight="1" x14ac:dyDescent="0.15">
      <c r="AR45255" s="9" ph="1"/>
    </row>
    <row r="45256" spans="44:44" ht="15.75" customHeight="1" x14ac:dyDescent="0.15">
      <c r="AR45256" s="9" ph="1"/>
    </row>
    <row r="45257" spans="44:44" ht="15.75" customHeight="1" x14ac:dyDescent="0.15">
      <c r="AR45257" s="9" ph="1"/>
    </row>
    <row r="45258" spans="44:44" ht="15.75" customHeight="1" x14ac:dyDescent="0.15">
      <c r="AR45258" s="9" ph="1"/>
    </row>
    <row r="45259" spans="44:44" ht="15.75" customHeight="1" x14ac:dyDescent="0.15">
      <c r="AR45259" s="9" ph="1"/>
    </row>
    <row r="45260" spans="44:44" ht="15.75" customHeight="1" x14ac:dyDescent="0.15">
      <c r="AR45260" s="9" ph="1"/>
    </row>
    <row r="45261" spans="44:44" ht="15.75" customHeight="1" x14ac:dyDescent="0.15">
      <c r="AR45261" s="9" ph="1"/>
    </row>
    <row r="45262" spans="44:44" ht="15.75" customHeight="1" x14ac:dyDescent="0.15">
      <c r="AR45262" s="9" ph="1"/>
    </row>
    <row r="45263" spans="44:44" ht="15.75" customHeight="1" x14ac:dyDescent="0.15">
      <c r="AR45263" s="9" ph="1"/>
    </row>
    <row r="45264" spans="44:44" ht="15.75" customHeight="1" x14ac:dyDescent="0.15">
      <c r="AR45264" s="9" ph="1"/>
    </row>
    <row r="45265" spans="44:44" ht="15.75" customHeight="1" x14ac:dyDescent="0.15">
      <c r="AR45265" s="9" ph="1"/>
    </row>
    <row r="45266" spans="44:44" ht="15.75" customHeight="1" x14ac:dyDescent="0.15">
      <c r="AR45266" s="9" ph="1"/>
    </row>
    <row r="45267" spans="44:44" ht="15.75" customHeight="1" x14ac:dyDescent="0.15">
      <c r="AR45267" s="9" ph="1"/>
    </row>
    <row r="45268" spans="44:44" ht="15.75" customHeight="1" x14ac:dyDescent="0.15">
      <c r="AR45268" s="9" ph="1"/>
    </row>
    <row r="45269" spans="44:44" ht="15.75" customHeight="1" x14ac:dyDescent="0.15">
      <c r="AR45269" s="9" ph="1"/>
    </row>
    <row r="45270" spans="44:44" ht="15.75" customHeight="1" x14ac:dyDescent="0.15">
      <c r="AR45270" s="9" ph="1"/>
    </row>
    <row r="45271" spans="44:44" ht="15.75" customHeight="1" x14ac:dyDescent="0.15">
      <c r="AR45271" s="9" ph="1"/>
    </row>
    <row r="45272" spans="44:44" ht="15.75" customHeight="1" x14ac:dyDescent="0.15">
      <c r="AR45272" s="9" ph="1"/>
    </row>
    <row r="45273" spans="44:44" ht="15.75" customHeight="1" x14ac:dyDescent="0.15">
      <c r="AR45273" s="9" ph="1"/>
    </row>
    <row r="45274" spans="44:44" ht="15.75" customHeight="1" x14ac:dyDescent="0.15">
      <c r="AR45274" s="9" ph="1"/>
    </row>
    <row r="45275" spans="44:44" ht="15.75" customHeight="1" x14ac:dyDescent="0.15">
      <c r="AR45275" s="9" ph="1"/>
    </row>
    <row r="45276" spans="44:44" ht="15.75" customHeight="1" x14ac:dyDescent="0.15">
      <c r="AR45276" s="9" ph="1"/>
    </row>
    <row r="45277" spans="44:44" ht="15.75" customHeight="1" x14ac:dyDescent="0.15">
      <c r="AR45277" s="9" ph="1"/>
    </row>
    <row r="45278" spans="44:44" ht="15.75" customHeight="1" x14ac:dyDescent="0.15">
      <c r="AR45278" s="9" ph="1"/>
    </row>
    <row r="45279" spans="44:44" ht="15.75" customHeight="1" x14ac:dyDescent="0.15">
      <c r="AR45279" s="9" ph="1"/>
    </row>
    <row r="45280" spans="44:44" ht="15.75" customHeight="1" x14ac:dyDescent="0.15">
      <c r="AR45280" s="9" ph="1"/>
    </row>
    <row r="45281" spans="44:44" ht="15.75" customHeight="1" x14ac:dyDescent="0.15">
      <c r="AR45281" s="9" ph="1"/>
    </row>
    <row r="45282" spans="44:44" ht="15.75" customHeight="1" x14ac:dyDescent="0.15">
      <c r="AR45282" s="9" ph="1"/>
    </row>
    <row r="45283" spans="44:44" ht="15.75" customHeight="1" x14ac:dyDescent="0.15">
      <c r="AR45283" s="9" ph="1"/>
    </row>
    <row r="45284" spans="44:44" ht="15.75" customHeight="1" x14ac:dyDescent="0.15">
      <c r="AR45284" s="9" ph="1"/>
    </row>
    <row r="45285" spans="44:44" ht="15.75" customHeight="1" x14ac:dyDescent="0.15">
      <c r="AR45285" s="9" ph="1"/>
    </row>
    <row r="45286" spans="44:44" ht="15.75" customHeight="1" x14ac:dyDescent="0.15">
      <c r="AR45286" s="9" ph="1"/>
    </row>
    <row r="45287" spans="44:44" ht="15.75" customHeight="1" x14ac:dyDescent="0.15">
      <c r="AR45287" s="9" ph="1"/>
    </row>
    <row r="45288" spans="44:44" ht="15.75" customHeight="1" x14ac:dyDescent="0.15">
      <c r="AR45288" s="9" ph="1"/>
    </row>
    <row r="45289" spans="44:44" ht="15.75" customHeight="1" x14ac:dyDescent="0.15">
      <c r="AR45289" s="9" ph="1"/>
    </row>
    <row r="45290" spans="44:44" ht="15.75" customHeight="1" x14ac:dyDescent="0.15">
      <c r="AR45290" s="9" ph="1"/>
    </row>
    <row r="45291" spans="44:44" ht="15.75" customHeight="1" x14ac:dyDescent="0.15">
      <c r="AR45291" s="9" ph="1"/>
    </row>
    <row r="45292" spans="44:44" ht="15.75" customHeight="1" x14ac:dyDescent="0.15">
      <c r="AR45292" s="9" ph="1"/>
    </row>
    <row r="45293" spans="44:44" ht="15.75" customHeight="1" x14ac:dyDescent="0.15">
      <c r="AR45293" s="9" ph="1"/>
    </row>
    <row r="45294" spans="44:44" ht="15.75" customHeight="1" x14ac:dyDescent="0.15">
      <c r="AR45294" s="9" ph="1"/>
    </row>
    <row r="45295" spans="44:44" ht="15.75" customHeight="1" x14ac:dyDescent="0.15">
      <c r="AR45295" s="9" ph="1"/>
    </row>
    <row r="45296" spans="44:44" ht="15.75" customHeight="1" x14ac:dyDescent="0.15">
      <c r="AR45296" s="9" ph="1"/>
    </row>
    <row r="45297" spans="44:44" ht="15.75" customHeight="1" x14ac:dyDescent="0.15">
      <c r="AR45297" s="9" ph="1"/>
    </row>
    <row r="45298" spans="44:44" ht="15.75" customHeight="1" x14ac:dyDescent="0.15">
      <c r="AR45298" s="9" ph="1"/>
    </row>
    <row r="45299" spans="44:44" ht="15.75" customHeight="1" x14ac:dyDescent="0.15">
      <c r="AR45299" s="9" ph="1"/>
    </row>
    <row r="45300" spans="44:44" ht="15.75" customHeight="1" x14ac:dyDescent="0.15">
      <c r="AR45300" s="9" ph="1"/>
    </row>
    <row r="45301" spans="44:44" ht="15.75" customHeight="1" x14ac:dyDescent="0.15">
      <c r="AR45301" s="9" ph="1"/>
    </row>
    <row r="45302" spans="44:44" ht="15.75" customHeight="1" x14ac:dyDescent="0.15">
      <c r="AR45302" s="9" ph="1"/>
    </row>
    <row r="45303" spans="44:44" ht="15.75" customHeight="1" x14ac:dyDescent="0.15">
      <c r="AR45303" s="9" ph="1"/>
    </row>
    <row r="45304" spans="44:44" ht="15.75" customHeight="1" x14ac:dyDescent="0.15">
      <c r="AR45304" s="9" ph="1"/>
    </row>
    <row r="45305" spans="44:44" ht="15.75" customHeight="1" x14ac:dyDescent="0.15">
      <c r="AR45305" s="9" ph="1"/>
    </row>
    <row r="45306" spans="44:44" ht="15.75" customHeight="1" x14ac:dyDescent="0.15">
      <c r="AR45306" s="9" ph="1"/>
    </row>
    <row r="45307" spans="44:44" ht="15.75" customHeight="1" x14ac:dyDescent="0.15">
      <c r="AR45307" s="9" ph="1"/>
    </row>
    <row r="45308" spans="44:44" ht="15.75" customHeight="1" x14ac:dyDescent="0.15">
      <c r="AR45308" s="9" ph="1"/>
    </row>
    <row r="45309" spans="44:44" ht="15.75" customHeight="1" x14ac:dyDescent="0.15">
      <c r="AR45309" s="9" ph="1"/>
    </row>
    <row r="45310" spans="44:44" ht="15.75" customHeight="1" x14ac:dyDescent="0.15">
      <c r="AR45310" s="9" ph="1"/>
    </row>
    <row r="45311" spans="44:44" ht="15.75" customHeight="1" x14ac:dyDescent="0.15">
      <c r="AR45311" s="9" ph="1"/>
    </row>
    <row r="45312" spans="44:44" ht="15.75" customHeight="1" x14ac:dyDescent="0.15">
      <c r="AR45312" s="9" ph="1"/>
    </row>
    <row r="45313" spans="44:44" ht="15.75" customHeight="1" x14ac:dyDescent="0.15">
      <c r="AR45313" s="9" ph="1"/>
    </row>
    <row r="45314" spans="44:44" ht="15.75" customHeight="1" x14ac:dyDescent="0.15">
      <c r="AR45314" s="9" ph="1"/>
    </row>
    <row r="45315" spans="44:44" ht="15.75" customHeight="1" x14ac:dyDescent="0.15">
      <c r="AR45315" s="9" ph="1"/>
    </row>
    <row r="45316" spans="44:44" ht="15.75" customHeight="1" x14ac:dyDescent="0.15">
      <c r="AR45316" s="9" ph="1"/>
    </row>
    <row r="45317" spans="44:44" ht="15.75" customHeight="1" x14ac:dyDescent="0.15">
      <c r="AR45317" s="9" ph="1"/>
    </row>
    <row r="45318" spans="44:44" ht="15.75" customHeight="1" x14ac:dyDescent="0.15">
      <c r="AR45318" s="9" ph="1"/>
    </row>
    <row r="45319" spans="44:44" ht="15.75" customHeight="1" x14ac:dyDescent="0.15">
      <c r="AR45319" s="9" ph="1"/>
    </row>
    <row r="45320" spans="44:44" ht="15.75" customHeight="1" x14ac:dyDescent="0.15">
      <c r="AR45320" s="9" ph="1"/>
    </row>
    <row r="45321" spans="44:44" ht="15.75" customHeight="1" x14ac:dyDescent="0.15">
      <c r="AR45321" s="9" ph="1"/>
    </row>
    <row r="45322" spans="44:44" ht="15.75" customHeight="1" x14ac:dyDescent="0.15">
      <c r="AR45322" s="9" ph="1"/>
    </row>
    <row r="45323" spans="44:44" ht="15.75" customHeight="1" x14ac:dyDescent="0.15">
      <c r="AR45323" s="9" ph="1"/>
    </row>
    <row r="45324" spans="44:44" ht="15.75" customHeight="1" x14ac:dyDescent="0.15">
      <c r="AR45324" s="9" ph="1"/>
    </row>
    <row r="45325" spans="44:44" ht="15.75" customHeight="1" x14ac:dyDescent="0.15">
      <c r="AR45325" s="9" ph="1"/>
    </row>
    <row r="45326" spans="44:44" ht="15.75" customHeight="1" x14ac:dyDescent="0.15">
      <c r="AR45326" s="9" ph="1"/>
    </row>
    <row r="45327" spans="44:44" ht="15.75" customHeight="1" x14ac:dyDescent="0.15">
      <c r="AR45327" s="9" ph="1"/>
    </row>
    <row r="45328" spans="44:44" ht="15.75" customHeight="1" x14ac:dyDescent="0.15">
      <c r="AR45328" s="9" ph="1"/>
    </row>
    <row r="45329" spans="44:44" ht="15.75" customHeight="1" x14ac:dyDescent="0.15">
      <c r="AR45329" s="9" ph="1"/>
    </row>
    <row r="45330" spans="44:44" ht="15.75" customHeight="1" x14ac:dyDescent="0.15">
      <c r="AR45330" s="9" ph="1"/>
    </row>
    <row r="45331" spans="44:44" ht="15.75" customHeight="1" x14ac:dyDescent="0.15">
      <c r="AR45331" s="9" ph="1"/>
    </row>
    <row r="45332" spans="44:44" ht="15.75" customHeight="1" x14ac:dyDescent="0.15">
      <c r="AR45332" s="9" ph="1"/>
    </row>
    <row r="45333" spans="44:44" ht="15.75" customHeight="1" x14ac:dyDescent="0.15">
      <c r="AR45333" s="9" ph="1"/>
    </row>
    <row r="45334" spans="44:44" ht="15.75" customHeight="1" x14ac:dyDescent="0.15">
      <c r="AR45334" s="9" ph="1"/>
    </row>
    <row r="45335" spans="44:44" ht="15.75" customHeight="1" x14ac:dyDescent="0.15">
      <c r="AR45335" s="9" ph="1"/>
    </row>
    <row r="45336" spans="44:44" ht="15.75" customHeight="1" x14ac:dyDescent="0.15">
      <c r="AR45336" s="9" ph="1"/>
    </row>
    <row r="45337" spans="44:44" ht="15.75" customHeight="1" x14ac:dyDescent="0.15">
      <c r="AR45337" s="9" ph="1"/>
    </row>
    <row r="45338" spans="44:44" ht="15.75" customHeight="1" x14ac:dyDescent="0.15">
      <c r="AR45338" s="9" ph="1"/>
    </row>
    <row r="45339" spans="44:44" ht="15.75" customHeight="1" x14ac:dyDescent="0.15">
      <c r="AR45339" s="9" ph="1"/>
    </row>
    <row r="45340" spans="44:44" ht="15.75" customHeight="1" x14ac:dyDescent="0.15">
      <c r="AR45340" s="9" ph="1"/>
    </row>
    <row r="45341" spans="44:44" ht="15.75" customHeight="1" x14ac:dyDescent="0.15">
      <c r="AR45341" s="9" ph="1"/>
    </row>
    <row r="45342" spans="44:44" ht="15.75" customHeight="1" x14ac:dyDescent="0.15">
      <c r="AR45342" s="9" ph="1"/>
    </row>
    <row r="45343" spans="44:44" ht="15.75" customHeight="1" x14ac:dyDescent="0.15">
      <c r="AR45343" s="9" ph="1"/>
    </row>
    <row r="45344" spans="44:44" ht="15.75" customHeight="1" x14ac:dyDescent="0.15">
      <c r="AR45344" s="9" ph="1"/>
    </row>
    <row r="45345" spans="44:44" ht="15.75" customHeight="1" x14ac:dyDescent="0.15">
      <c r="AR45345" s="9" ph="1"/>
    </row>
    <row r="45346" spans="44:44" ht="15.75" customHeight="1" x14ac:dyDescent="0.15">
      <c r="AR45346" s="9" ph="1"/>
    </row>
    <row r="45347" spans="44:44" ht="15.75" customHeight="1" x14ac:dyDescent="0.15">
      <c r="AR45347" s="9" ph="1"/>
    </row>
    <row r="45348" spans="44:44" ht="15.75" customHeight="1" x14ac:dyDescent="0.15">
      <c r="AR45348" s="9" ph="1"/>
    </row>
    <row r="45349" spans="44:44" ht="15.75" customHeight="1" x14ac:dyDescent="0.15">
      <c r="AR45349" s="9" ph="1"/>
    </row>
    <row r="45350" spans="44:44" ht="15.75" customHeight="1" x14ac:dyDescent="0.15">
      <c r="AR45350" s="9" ph="1"/>
    </row>
    <row r="45351" spans="44:44" ht="15.75" customHeight="1" x14ac:dyDescent="0.15">
      <c r="AR45351" s="9" ph="1"/>
    </row>
    <row r="45352" spans="44:44" ht="15.75" customHeight="1" x14ac:dyDescent="0.15">
      <c r="AR45352" s="9" ph="1"/>
    </row>
    <row r="45353" spans="44:44" ht="15.75" customHeight="1" x14ac:dyDescent="0.15">
      <c r="AR45353" s="9" ph="1"/>
    </row>
    <row r="45354" spans="44:44" ht="15.75" customHeight="1" x14ac:dyDescent="0.15">
      <c r="AR45354" s="9" ph="1"/>
    </row>
    <row r="45355" spans="44:44" ht="15.75" customHeight="1" x14ac:dyDescent="0.15">
      <c r="AR45355" s="9" ph="1"/>
    </row>
    <row r="45356" spans="44:44" ht="15.75" customHeight="1" x14ac:dyDescent="0.15">
      <c r="AR45356" s="9" ph="1"/>
    </row>
    <row r="45357" spans="44:44" ht="15.75" customHeight="1" x14ac:dyDescent="0.15">
      <c r="AR45357" s="9" ph="1"/>
    </row>
    <row r="45358" spans="44:44" ht="15.75" customHeight="1" x14ac:dyDescent="0.15">
      <c r="AR45358" s="9" ph="1"/>
    </row>
    <row r="45359" spans="44:44" ht="15.75" customHeight="1" x14ac:dyDescent="0.15">
      <c r="AR45359" s="9" ph="1"/>
    </row>
    <row r="45360" spans="44:44" ht="15.75" customHeight="1" x14ac:dyDescent="0.15">
      <c r="AR45360" s="9" ph="1"/>
    </row>
    <row r="45361" spans="44:44" ht="15.75" customHeight="1" x14ac:dyDescent="0.15">
      <c r="AR45361" s="9" ph="1"/>
    </row>
    <row r="45362" spans="44:44" ht="15.75" customHeight="1" x14ac:dyDescent="0.15">
      <c r="AR45362" s="9" ph="1"/>
    </row>
    <row r="45363" spans="44:44" ht="15.75" customHeight="1" x14ac:dyDescent="0.15">
      <c r="AR45363" s="9" ph="1"/>
    </row>
    <row r="45364" spans="44:44" ht="15.75" customHeight="1" x14ac:dyDescent="0.15">
      <c r="AR45364" s="9" ph="1"/>
    </row>
    <row r="45365" spans="44:44" ht="15.75" customHeight="1" x14ac:dyDescent="0.15">
      <c r="AR45365" s="9" ph="1"/>
    </row>
    <row r="45366" spans="44:44" ht="15.75" customHeight="1" x14ac:dyDescent="0.15">
      <c r="AR45366" s="9" ph="1"/>
    </row>
    <row r="45367" spans="44:44" ht="15.75" customHeight="1" x14ac:dyDescent="0.15">
      <c r="AR45367" s="9" ph="1"/>
    </row>
    <row r="45368" spans="44:44" ht="15.75" customHeight="1" x14ac:dyDescent="0.15">
      <c r="AR45368" s="9" ph="1"/>
    </row>
    <row r="45369" spans="44:44" ht="15.75" customHeight="1" x14ac:dyDescent="0.15">
      <c r="AR45369" s="9" ph="1"/>
    </row>
    <row r="45370" spans="44:44" ht="15.75" customHeight="1" x14ac:dyDescent="0.15">
      <c r="AR45370" s="9" ph="1"/>
    </row>
    <row r="45371" spans="44:44" ht="15.75" customHeight="1" x14ac:dyDescent="0.15">
      <c r="AR45371" s="9" ph="1"/>
    </row>
    <row r="45372" spans="44:44" ht="15.75" customHeight="1" x14ac:dyDescent="0.15">
      <c r="AR45372" s="9" ph="1"/>
    </row>
    <row r="45373" spans="44:44" ht="15.75" customHeight="1" x14ac:dyDescent="0.15">
      <c r="AR45373" s="9" ph="1"/>
    </row>
    <row r="45374" spans="44:44" ht="15.75" customHeight="1" x14ac:dyDescent="0.15">
      <c r="AR45374" s="9" ph="1"/>
    </row>
    <row r="45375" spans="44:44" ht="15.75" customHeight="1" x14ac:dyDescent="0.15">
      <c r="AR45375" s="9" ph="1"/>
    </row>
    <row r="45376" spans="44:44" ht="15.75" customHeight="1" x14ac:dyDescent="0.15">
      <c r="AR45376" s="9" ph="1"/>
    </row>
    <row r="45377" spans="44:44" ht="15.75" customHeight="1" x14ac:dyDescent="0.15">
      <c r="AR45377" s="9" ph="1"/>
    </row>
    <row r="45378" spans="44:44" ht="15.75" customHeight="1" x14ac:dyDescent="0.15">
      <c r="AR45378" s="9" ph="1"/>
    </row>
    <row r="45379" spans="44:44" ht="15.75" customHeight="1" x14ac:dyDescent="0.15">
      <c r="AR45379" s="9" ph="1"/>
    </row>
    <row r="45380" spans="44:44" ht="15.75" customHeight="1" x14ac:dyDescent="0.15">
      <c r="AR45380" s="9" ph="1"/>
    </row>
    <row r="45381" spans="44:44" ht="15.75" customHeight="1" x14ac:dyDescent="0.15">
      <c r="AR45381" s="9" ph="1"/>
    </row>
    <row r="45382" spans="44:44" ht="15.75" customHeight="1" x14ac:dyDescent="0.15">
      <c r="AR45382" s="9" ph="1"/>
    </row>
    <row r="45383" spans="44:44" ht="15.75" customHeight="1" x14ac:dyDescent="0.15">
      <c r="AR45383" s="9" ph="1"/>
    </row>
    <row r="45384" spans="44:44" ht="15.75" customHeight="1" x14ac:dyDescent="0.15">
      <c r="AR45384" s="9" ph="1"/>
    </row>
    <row r="45385" spans="44:44" ht="15.75" customHeight="1" x14ac:dyDescent="0.15">
      <c r="AR45385" s="9" ph="1"/>
    </row>
    <row r="45386" spans="44:44" ht="15.75" customHeight="1" x14ac:dyDescent="0.15">
      <c r="AR45386" s="9" ph="1"/>
    </row>
    <row r="45387" spans="44:44" ht="15.75" customHeight="1" x14ac:dyDescent="0.15">
      <c r="AR45387" s="9" ph="1"/>
    </row>
    <row r="45388" spans="44:44" ht="15.75" customHeight="1" x14ac:dyDescent="0.15">
      <c r="AR45388" s="9" ph="1"/>
    </row>
    <row r="45389" spans="44:44" ht="15.75" customHeight="1" x14ac:dyDescent="0.15">
      <c r="AR45389" s="9" ph="1"/>
    </row>
    <row r="45390" spans="44:44" ht="15.75" customHeight="1" x14ac:dyDescent="0.15">
      <c r="AR45390" s="9" ph="1"/>
    </row>
    <row r="45391" spans="44:44" ht="15.75" customHeight="1" x14ac:dyDescent="0.15">
      <c r="AR45391" s="9" ph="1"/>
    </row>
    <row r="45392" spans="44:44" ht="15.75" customHeight="1" x14ac:dyDescent="0.15">
      <c r="AR45392" s="9" ph="1"/>
    </row>
    <row r="45393" spans="44:44" ht="15.75" customHeight="1" x14ac:dyDescent="0.15">
      <c r="AR45393" s="9" ph="1"/>
    </row>
    <row r="45394" spans="44:44" ht="15.75" customHeight="1" x14ac:dyDescent="0.15">
      <c r="AR45394" s="9" ph="1"/>
    </row>
    <row r="45395" spans="44:44" ht="15.75" customHeight="1" x14ac:dyDescent="0.15">
      <c r="AR45395" s="9" ph="1"/>
    </row>
    <row r="45396" spans="44:44" ht="15.75" customHeight="1" x14ac:dyDescent="0.15">
      <c r="AR45396" s="9" ph="1"/>
    </row>
    <row r="45397" spans="44:44" ht="15.75" customHeight="1" x14ac:dyDescent="0.15">
      <c r="AR45397" s="9" ph="1"/>
    </row>
    <row r="45398" spans="44:44" ht="15.75" customHeight="1" x14ac:dyDescent="0.15">
      <c r="AR45398" s="9" ph="1"/>
    </row>
    <row r="45399" spans="44:44" ht="15.75" customHeight="1" x14ac:dyDescent="0.15">
      <c r="AR45399" s="9" ph="1"/>
    </row>
    <row r="45400" spans="44:44" ht="15.75" customHeight="1" x14ac:dyDescent="0.15">
      <c r="AR45400" s="9" ph="1"/>
    </row>
    <row r="45401" spans="44:44" ht="15.75" customHeight="1" x14ac:dyDescent="0.15">
      <c r="AR45401" s="9" ph="1"/>
    </row>
    <row r="45402" spans="44:44" ht="15.75" customHeight="1" x14ac:dyDescent="0.15">
      <c r="AR45402" s="9" ph="1"/>
    </row>
    <row r="45403" spans="44:44" ht="15.75" customHeight="1" x14ac:dyDescent="0.15">
      <c r="AR45403" s="9" ph="1"/>
    </row>
    <row r="45404" spans="44:44" ht="15.75" customHeight="1" x14ac:dyDescent="0.15">
      <c r="AR45404" s="9" ph="1"/>
    </row>
    <row r="45405" spans="44:44" ht="15.75" customHeight="1" x14ac:dyDescent="0.15">
      <c r="AR45405" s="9" ph="1"/>
    </row>
    <row r="45406" spans="44:44" ht="15.75" customHeight="1" x14ac:dyDescent="0.15">
      <c r="AR45406" s="9" ph="1"/>
    </row>
    <row r="45407" spans="44:44" ht="15.75" customHeight="1" x14ac:dyDescent="0.15">
      <c r="AR45407" s="9" ph="1"/>
    </row>
    <row r="45408" spans="44:44" ht="15.75" customHeight="1" x14ac:dyDescent="0.15">
      <c r="AR45408" s="9" ph="1"/>
    </row>
    <row r="45409" spans="44:44" ht="15.75" customHeight="1" x14ac:dyDescent="0.15">
      <c r="AR45409" s="9" ph="1"/>
    </row>
    <row r="45410" spans="44:44" ht="15.75" customHeight="1" x14ac:dyDescent="0.15">
      <c r="AR45410" s="9" ph="1"/>
    </row>
    <row r="45411" spans="44:44" ht="15.75" customHeight="1" x14ac:dyDescent="0.15">
      <c r="AR45411" s="9" ph="1"/>
    </row>
    <row r="45412" spans="44:44" ht="15.75" customHeight="1" x14ac:dyDescent="0.15">
      <c r="AR45412" s="9" ph="1"/>
    </row>
    <row r="45413" spans="44:44" ht="15.75" customHeight="1" x14ac:dyDescent="0.15">
      <c r="AR45413" s="9" ph="1"/>
    </row>
    <row r="45414" spans="44:44" ht="15.75" customHeight="1" x14ac:dyDescent="0.15">
      <c r="AR45414" s="9" ph="1"/>
    </row>
    <row r="45415" spans="44:44" ht="15.75" customHeight="1" x14ac:dyDescent="0.15">
      <c r="AR45415" s="9" ph="1"/>
    </row>
    <row r="45416" spans="44:44" ht="15.75" customHeight="1" x14ac:dyDescent="0.15">
      <c r="AR45416" s="9" ph="1"/>
    </row>
    <row r="45417" spans="44:44" ht="15.75" customHeight="1" x14ac:dyDescent="0.15">
      <c r="AR45417" s="9" ph="1"/>
    </row>
    <row r="45418" spans="44:44" ht="15.75" customHeight="1" x14ac:dyDescent="0.15">
      <c r="AR45418" s="9" ph="1"/>
    </row>
    <row r="45419" spans="44:44" ht="15.75" customHeight="1" x14ac:dyDescent="0.15">
      <c r="AR45419" s="9" ph="1"/>
    </row>
    <row r="45420" spans="44:44" ht="15.75" customHeight="1" x14ac:dyDescent="0.15">
      <c r="AR45420" s="9" ph="1"/>
    </row>
    <row r="45421" spans="44:44" ht="15.75" customHeight="1" x14ac:dyDescent="0.15">
      <c r="AR45421" s="9" ph="1"/>
    </row>
    <row r="45422" spans="44:44" ht="15.75" customHeight="1" x14ac:dyDescent="0.15">
      <c r="AR45422" s="9" ph="1"/>
    </row>
    <row r="45423" spans="44:44" ht="15.75" customHeight="1" x14ac:dyDescent="0.15">
      <c r="AR45423" s="9" ph="1"/>
    </row>
    <row r="45424" spans="44:44" ht="15.75" customHeight="1" x14ac:dyDescent="0.15">
      <c r="AR45424" s="9" ph="1"/>
    </row>
    <row r="45425" spans="44:44" ht="15.75" customHeight="1" x14ac:dyDescent="0.15">
      <c r="AR45425" s="9" ph="1"/>
    </row>
    <row r="45426" spans="44:44" ht="15.75" customHeight="1" x14ac:dyDescent="0.15">
      <c r="AR45426" s="9" ph="1"/>
    </row>
    <row r="45427" spans="44:44" ht="15.75" customHeight="1" x14ac:dyDescent="0.15">
      <c r="AR45427" s="9" ph="1"/>
    </row>
    <row r="45428" spans="44:44" ht="15.75" customHeight="1" x14ac:dyDescent="0.15">
      <c r="AR45428" s="9" ph="1"/>
    </row>
    <row r="45429" spans="44:44" ht="15.75" customHeight="1" x14ac:dyDescent="0.15">
      <c r="AR45429" s="9" ph="1"/>
    </row>
    <row r="45430" spans="44:44" ht="15.75" customHeight="1" x14ac:dyDescent="0.15">
      <c r="AR45430" s="9" ph="1"/>
    </row>
    <row r="45431" spans="44:44" ht="15.75" customHeight="1" x14ac:dyDescent="0.15">
      <c r="AR45431" s="9" ph="1"/>
    </row>
    <row r="45432" spans="44:44" ht="15.75" customHeight="1" x14ac:dyDescent="0.15">
      <c r="AR45432" s="9" ph="1"/>
    </row>
    <row r="45433" spans="44:44" ht="15.75" customHeight="1" x14ac:dyDescent="0.15">
      <c r="AR45433" s="9" ph="1"/>
    </row>
    <row r="45434" spans="44:44" ht="15.75" customHeight="1" x14ac:dyDescent="0.15">
      <c r="AR45434" s="9" ph="1"/>
    </row>
    <row r="45435" spans="44:44" ht="15.75" customHeight="1" x14ac:dyDescent="0.15">
      <c r="AR45435" s="9" ph="1"/>
    </row>
    <row r="45436" spans="44:44" ht="15.75" customHeight="1" x14ac:dyDescent="0.15">
      <c r="AR45436" s="9" ph="1"/>
    </row>
    <row r="45437" spans="44:44" ht="15.75" customHeight="1" x14ac:dyDescent="0.15">
      <c r="AR45437" s="9" ph="1"/>
    </row>
    <row r="45438" spans="44:44" ht="15.75" customHeight="1" x14ac:dyDescent="0.15">
      <c r="AR45438" s="9" ph="1"/>
    </row>
    <row r="45439" spans="44:44" ht="15.75" customHeight="1" x14ac:dyDescent="0.15">
      <c r="AR45439" s="9" ph="1"/>
    </row>
    <row r="45440" spans="44:44" ht="15.75" customHeight="1" x14ac:dyDescent="0.15">
      <c r="AR45440" s="9" ph="1"/>
    </row>
    <row r="45441" spans="44:44" ht="15.75" customHeight="1" x14ac:dyDescent="0.15">
      <c r="AR45441" s="9" ph="1"/>
    </row>
    <row r="45442" spans="44:44" ht="15.75" customHeight="1" x14ac:dyDescent="0.15">
      <c r="AR45442" s="9" ph="1"/>
    </row>
    <row r="45443" spans="44:44" ht="15.75" customHeight="1" x14ac:dyDescent="0.15">
      <c r="AR45443" s="9" ph="1"/>
    </row>
    <row r="45444" spans="44:44" ht="15.75" customHeight="1" x14ac:dyDescent="0.15">
      <c r="AR45444" s="9" ph="1"/>
    </row>
    <row r="45445" spans="44:44" ht="15.75" customHeight="1" x14ac:dyDescent="0.15">
      <c r="AR45445" s="9" ph="1"/>
    </row>
    <row r="45446" spans="44:44" ht="15.75" customHeight="1" x14ac:dyDescent="0.15">
      <c r="AR45446" s="9" ph="1"/>
    </row>
    <row r="45447" spans="44:44" ht="15.75" customHeight="1" x14ac:dyDescent="0.15">
      <c r="AR45447" s="9" ph="1"/>
    </row>
    <row r="45448" spans="44:44" ht="15.75" customHeight="1" x14ac:dyDescent="0.15">
      <c r="AR45448" s="9" ph="1"/>
    </row>
    <row r="45449" spans="44:44" ht="15.75" customHeight="1" x14ac:dyDescent="0.15">
      <c r="AR45449" s="9" ph="1"/>
    </row>
    <row r="45450" spans="44:44" ht="15.75" customHeight="1" x14ac:dyDescent="0.15">
      <c r="AR45450" s="9" ph="1"/>
    </row>
    <row r="45451" spans="44:44" ht="15.75" customHeight="1" x14ac:dyDescent="0.15">
      <c r="AR45451" s="9" ph="1"/>
    </row>
    <row r="45452" spans="44:44" ht="15.75" customHeight="1" x14ac:dyDescent="0.15">
      <c r="AR45452" s="9" ph="1"/>
    </row>
    <row r="45453" spans="44:44" ht="15.75" customHeight="1" x14ac:dyDescent="0.15">
      <c r="AR45453" s="9" ph="1"/>
    </row>
    <row r="45454" spans="44:44" ht="15.75" customHeight="1" x14ac:dyDescent="0.15">
      <c r="AR45454" s="9" ph="1"/>
    </row>
    <row r="45455" spans="44:44" ht="15.75" customHeight="1" x14ac:dyDescent="0.15">
      <c r="AR45455" s="9" ph="1"/>
    </row>
    <row r="45456" spans="44:44" ht="15.75" customHeight="1" x14ac:dyDescent="0.15">
      <c r="AR45456" s="9" ph="1"/>
    </row>
    <row r="45457" spans="44:44" ht="15.75" customHeight="1" x14ac:dyDescent="0.15">
      <c r="AR45457" s="9" ph="1"/>
    </row>
    <row r="45458" spans="44:44" ht="15.75" customHeight="1" x14ac:dyDescent="0.15">
      <c r="AR45458" s="9" ph="1"/>
    </row>
    <row r="45459" spans="44:44" ht="15.75" customHeight="1" x14ac:dyDescent="0.15">
      <c r="AR45459" s="9" ph="1"/>
    </row>
    <row r="45460" spans="44:44" ht="15.75" customHeight="1" x14ac:dyDescent="0.15">
      <c r="AR45460" s="9" ph="1"/>
    </row>
    <row r="45461" spans="44:44" ht="15.75" customHeight="1" x14ac:dyDescent="0.15">
      <c r="AR45461" s="9" ph="1"/>
    </row>
    <row r="45462" spans="44:44" ht="15.75" customHeight="1" x14ac:dyDescent="0.15">
      <c r="AR45462" s="9" ph="1"/>
    </row>
    <row r="45463" spans="44:44" ht="15.75" customHeight="1" x14ac:dyDescent="0.15">
      <c r="AR45463" s="9" ph="1"/>
    </row>
    <row r="45464" spans="44:44" ht="15.75" customHeight="1" x14ac:dyDescent="0.15">
      <c r="AR45464" s="9" ph="1"/>
    </row>
    <row r="45465" spans="44:44" ht="15.75" customHeight="1" x14ac:dyDescent="0.15">
      <c r="AR45465" s="9" ph="1"/>
    </row>
    <row r="45466" spans="44:44" ht="15.75" customHeight="1" x14ac:dyDescent="0.15">
      <c r="AR45466" s="9" ph="1"/>
    </row>
    <row r="45467" spans="44:44" ht="15.75" customHeight="1" x14ac:dyDescent="0.15">
      <c r="AR45467" s="9" ph="1"/>
    </row>
    <row r="45468" spans="44:44" ht="15.75" customHeight="1" x14ac:dyDescent="0.15">
      <c r="AR45468" s="9" ph="1"/>
    </row>
    <row r="45469" spans="44:44" ht="15.75" customHeight="1" x14ac:dyDescent="0.15">
      <c r="AR45469" s="9" ph="1"/>
    </row>
    <row r="45470" spans="44:44" ht="15.75" customHeight="1" x14ac:dyDescent="0.15">
      <c r="AR45470" s="9" ph="1"/>
    </row>
    <row r="45471" spans="44:44" ht="15.75" customHeight="1" x14ac:dyDescent="0.15">
      <c r="AR45471" s="9" ph="1"/>
    </row>
    <row r="45472" spans="44:44" ht="15.75" customHeight="1" x14ac:dyDescent="0.15">
      <c r="AR45472" s="9" ph="1"/>
    </row>
    <row r="45473" spans="44:44" ht="15.75" customHeight="1" x14ac:dyDescent="0.15">
      <c r="AR45473" s="9" ph="1"/>
    </row>
    <row r="45474" spans="44:44" ht="15.75" customHeight="1" x14ac:dyDescent="0.15">
      <c r="AR45474" s="9" ph="1"/>
    </row>
    <row r="45475" spans="44:44" ht="15.75" customHeight="1" x14ac:dyDescent="0.15">
      <c r="AR45475" s="9" ph="1"/>
    </row>
    <row r="45476" spans="44:44" ht="15.75" customHeight="1" x14ac:dyDescent="0.15">
      <c r="AR45476" s="9" ph="1"/>
    </row>
    <row r="45477" spans="44:44" ht="15.75" customHeight="1" x14ac:dyDescent="0.15">
      <c r="AR45477" s="9" ph="1"/>
    </row>
    <row r="45478" spans="44:44" ht="15.75" customHeight="1" x14ac:dyDescent="0.15">
      <c r="AR45478" s="9" ph="1"/>
    </row>
    <row r="45479" spans="44:44" ht="15.75" customHeight="1" x14ac:dyDescent="0.15">
      <c r="AR45479" s="9" ph="1"/>
    </row>
    <row r="45480" spans="44:44" ht="15.75" customHeight="1" x14ac:dyDescent="0.15">
      <c r="AR45480" s="9" ph="1"/>
    </row>
    <row r="45481" spans="44:44" ht="15.75" customHeight="1" x14ac:dyDescent="0.15">
      <c r="AR45481" s="9" ph="1"/>
    </row>
    <row r="45482" spans="44:44" ht="15.75" customHeight="1" x14ac:dyDescent="0.15">
      <c r="AR45482" s="9" ph="1"/>
    </row>
    <row r="45483" spans="44:44" ht="15.75" customHeight="1" x14ac:dyDescent="0.15">
      <c r="AR45483" s="9" ph="1"/>
    </row>
    <row r="45484" spans="44:44" ht="15.75" customHeight="1" x14ac:dyDescent="0.15">
      <c r="AR45484" s="9" ph="1"/>
    </row>
    <row r="45485" spans="44:44" ht="15.75" customHeight="1" x14ac:dyDescent="0.15">
      <c r="AR45485" s="9" ph="1"/>
    </row>
    <row r="45486" spans="44:44" ht="15.75" customHeight="1" x14ac:dyDescent="0.15">
      <c r="AR45486" s="9" ph="1"/>
    </row>
    <row r="45487" spans="44:44" ht="15.75" customHeight="1" x14ac:dyDescent="0.15">
      <c r="AR45487" s="9" ph="1"/>
    </row>
    <row r="45488" spans="44:44" ht="15.75" customHeight="1" x14ac:dyDescent="0.15">
      <c r="AR45488" s="9" ph="1"/>
    </row>
    <row r="45489" spans="44:44" ht="15.75" customHeight="1" x14ac:dyDescent="0.15">
      <c r="AR45489" s="9" ph="1"/>
    </row>
    <row r="45490" spans="44:44" ht="15.75" customHeight="1" x14ac:dyDescent="0.15">
      <c r="AR45490" s="9" ph="1"/>
    </row>
    <row r="45491" spans="44:44" ht="15.75" customHeight="1" x14ac:dyDescent="0.15">
      <c r="AR45491" s="9" ph="1"/>
    </row>
    <row r="45492" spans="44:44" ht="15.75" customHeight="1" x14ac:dyDescent="0.15">
      <c r="AR45492" s="9" ph="1"/>
    </row>
    <row r="45493" spans="44:44" ht="15.75" customHeight="1" x14ac:dyDescent="0.15">
      <c r="AR45493" s="9" ph="1"/>
    </row>
    <row r="45494" spans="44:44" ht="15.75" customHeight="1" x14ac:dyDescent="0.15">
      <c r="AR45494" s="9" ph="1"/>
    </row>
    <row r="45495" spans="44:44" ht="15.75" customHeight="1" x14ac:dyDescent="0.15">
      <c r="AR45495" s="9" ph="1"/>
    </row>
    <row r="45496" spans="44:44" ht="15.75" customHeight="1" x14ac:dyDescent="0.15">
      <c r="AR45496" s="9" ph="1"/>
    </row>
    <row r="45497" spans="44:44" ht="15.75" customHeight="1" x14ac:dyDescent="0.15">
      <c r="AR45497" s="9" ph="1"/>
    </row>
    <row r="45498" spans="44:44" ht="15.75" customHeight="1" x14ac:dyDescent="0.15">
      <c r="AR45498" s="9" ph="1"/>
    </row>
    <row r="45499" spans="44:44" ht="15.75" customHeight="1" x14ac:dyDescent="0.15">
      <c r="AR45499" s="9" ph="1"/>
    </row>
    <row r="45500" spans="44:44" ht="15.75" customHeight="1" x14ac:dyDescent="0.15">
      <c r="AR45500" s="9" ph="1"/>
    </row>
    <row r="45501" spans="44:44" ht="15.75" customHeight="1" x14ac:dyDescent="0.15">
      <c r="AR45501" s="9" ph="1"/>
    </row>
    <row r="45502" spans="44:44" ht="15.75" customHeight="1" x14ac:dyDescent="0.15">
      <c r="AR45502" s="9" ph="1"/>
    </row>
    <row r="45503" spans="44:44" ht="15.75" customHeight="1" x14ac:dyDescent="0.15">
      <c r="AR45503" s="9" ph="1"/>
    </row>
    <row r="45504" spans="44:44" ht="15.75" customHeight="1" x14ac:dyDescent="0.15">
      <c r="AR45504" s="9" ph="1"/>
    </row>
    <row r="45505" spans="44:44" ht="15.75" customHeight="1" x14ac:dyDescent="0.15">
      <c r="AR45505" s="9" ph="1"/>
    </row>
    <row r="45506" spans="44:44" ht="15.75" customHeight="1" x14ac:dyDescent="0.15">
      <c r="AR45506" s="9" ph="1"/>
    </row>
    <row r="45507" spans="44:44" ht="15.75" customHeight="1" x14ac:dyDescent="0.15">
      <c r="AR45507" s="9" ph="1"/>
    </row>
    <row r="45508" spans="44:44" ht="15.75" customHeight="1" x14ac:dyDescent="0.15">
      <c r="AR45508" s="9" ph="1"/>
    </row>
    <row r="45509" spans="44:44" ht="15.75" customHeight="1" x14ac:dyDescent="0.15">
      <c r="AR45509" s="9" ph="1"/>
    </row>
    <row r="45510" spans="44:44" ht="15.75" customHeight="1" x14ac:dyDescent="0.15">
      <c r="AR45510" s="9" ph="1"/>
    </row>
    <row r="45511" spans="44:44" ht="15.75" customHeight="1" x14ac:dyDescent="0.15">
      <c r="AR45511" s="9" ph="1"/>
    </row>
    <row r="45512" spans="44:44" ht="15.75" customHeight="1" x14ac:dyDescent="0.15">
      <c r="AR45512" s="9" ph="1"/>
    </row>
    <row r="45513" spans="44:44" ht="15.75" customHeight="1" x14ac:dyDescent="0.15">
      <c r="AR45513" s="9" ph="1"/>
    </row>
    <row r="45514" spans="44:44" ht="15.75" customHeight="1" x14ac:dyDescent="0.15">
      <c r="AR45514" s="9" ph="1"/>
    </row>
    <row r="45515" spans="44:44" ht="15.75" customHeight="1" x14ac:dyDescent="0.15">
      <c r="AR45515" s="9" ph="1"/>
    </row>
    <row r="45516" spans="44:44" ht="15.75" customHeight="1" x14ac:dyDescent="0.15">
      <c r="AR45516" s="9" ph="1"/>
    </row>
    <row r="45517" spans="44:44" ht="15.75" customHeight="1" x14ac:dyDescent="0.15">
      <c r="AR45517" s="9" ph="1"/>
    </row>
    <row r="45518" spans="44:44" ht="15.75" customHeight="1" x14ac:dyDescent="0.15">
      <c r="AR45518" s="9" ph="1"/>
    </row>
    <row r="45519" spans="44:44" ht="15.75" customHeight="1" x14ac:dyDescent="0.15">
      <c r="AR45519" s="9" ph="1"/>
    </row>
    <row r="45520" spans="44:44" ht="15.75" customHeight="1" x14ac:dyDescent="0.15">
      <c r="AR45520" s="9" ph="1"/>
    </row>
    <row r="45521" spans="44:44" ht="15.75" customHeight="1" x14ac:dyDescent="0.15">
      <c r="AR45521" s="9" ph="1"/>
    </row>
    <row r="45522" spans="44:44" ht="15.75" customHeight="1" x14ac:dyDescent="0.15">
      <c r="AR45522" s="9" ph="1"/>
    </row>
    <row r="45523" spans="44:44" ht="15.75" customHeight="1" x14ac:dyDescent="0.15">
      <c r="AR45523" s="9" ph="1"/>
    </row>
    <row r="45524" spans="44:44" ht="15.75" customHeight="1" x14ac:dyDescent="0.15">
      <c r="AR45524" s="9" ph="1"/>
    </row>
    <row r="45525" spans="44:44" ht="15.75" customHeight="1" x14ac:dyDescent="0.15">
      <c r="AR45525" s="9" ph="1"/>
    </row>
    <row r="45526" spans="44:44" ht="15.75" customHeight="1" x14ac:dyDescent="0.15">
      <c r="AR45526" s="9" ph="1"/>
    </row>
    <row r="45527" spans="44:44" ht="15.75" customHeight="1" x14ac:dyDescent="0.15">
      <c r="AR45527" s="9" ph="1"/>
    </row>
    <row r="45528" spans="44:44" ht="15.75" customHeight="1" x14ac:dyDescent="0.15">
      <c r="AR45528" s="9" ph="1"/>
    </row>
    <row r="45529" spans="44:44" ht="15.75" customHeight="1" x14ac:dyDescent="0.15">
      <c r="AR45529" s="9" ph="1"/>
    </row>
    <row r="45530" spans="44:44" ht="15.75" customHeight="1" x14ac:dyDescent="0.15">
      <c r="AR45530" s="9" ph="1"/>
    </row>
    <row r="45531" spans="44:44" ht="15.75" customHeight="1" x14ac:dyDescent="0.15">
      <c r="AR45531" s="9" ph="1"/>
    </row>
    <row r="45532" spans="44:44" ht="15.75" customHeight="1" x14ac:dyDescent="0.15">
      <c r="AR45532" s="9" ph="1"/>
    </row>
    <row r="45533" spans="44:44" ht="15.75" customHeight="1" x14ac:dyDescent="0.15">
      <c r="AR45533" s="9" ph="1"/>
    </row>
    <row r="45534" spans="44:44" ht="15.75" customHeight="1" x14ac:dyDescent="0.15">
      <c r="AR45534" s="9" ph="1"/>
    </row>
    <row r="45535" spans="44:44" ht="15.75" customHeight="1" x14ac:dyDescent="0.15">
      <c r="AR45535" s="9" ph="1"/>
    </row>
    <row r="45536" spans="44:44" ht="15.75" customHeight="1" x14ac:dyDescent="0.15">
      <c r="AR45536" s="9" ph="1"/>
    </row>
    <row r="45537" spans="44:44" ht="15.75" customHeight="1" x14ac:dyDescent="0.15">
      <c r="AR45537" s="9" ph="1"/>
    </row>
    <row r="45538" spans="44:44" ht="15.75" customHeight="1" x14ac:dyDescent="0.15">
      <c r="AR45538" s="9" ph="1"/>
    </row>
    <row r="45539" spans="44:44" ht="15.75" customHeight="1" x14ac:dyDescent="0.15">
      <c r="AR45539" s="9" ph="1"/>
    </row>
    <row r="45540" spans="44:44" ht="15.75" customHeight="1" x14ac:dyDescent="0.15">
      <c r="AR45540" s="9" ph="1"/>
    </row>
    <row r="45541" spans="44:44" ht="15.75" customHeight="1" x14ac:dyDescent="0.15">
      <c r="AR45541" s="9" ph="1"/>
    </row>
    <row r="45542" spans="44:44" ht="15.75" customHeight="1" x14ac:dyDescent="0.15">
      <c r="AR45542" s="9" ph="1"/>
    </row>
    <row r="45543" spans="44:44" ht="15.75" customHeight="1" x14ac:dyDescent="0.15">
      <c r="AR45543" s="9" ph="1"/>
    </row>
    <row r="45544" spans="44:44" ht="15.75" customHeight="1" x14ac:dyDescent="0.15">
      <c r="AR45544" s="9" ph="1"/>
    </row>
    <row r="45545" spans="44:44" ht="15.75" customHeight="1" x14ac:dyDescent="0.15">
      <c r="AR45545" s="9" ph="1"/>
    </row>
    <row r="45546" spans="44:44" ht="15.75" customHeight="1" x14ac:dyDescent="0.15">
      <c r="AR45546" s="9" ph="1"/>
    </row>
    <row r="45547" spans="44:44" ht="15.75" customHeight="1" x14ac:dyDescent="0.15">
      <c r="AR45547" s="9" ph="1"/>
    </row>
    <row r="45548" spans="44:44" ht="15.75" customHeight="1" x14ac:dyDescent="0.15">
      <c r="AR45548" s="9" ph="1"/>
    </row>
    <row r="45549" spans="44:44" ht="15.75" customHeight="1" x14ac:dyDescent="0.15">
      <c r="AR45549" s="9" ph="1"/>
    </row>
    <row r="45550" spans="44:44" ht="15.75" customHeight="1" x14ac:dyDescent="0.15">
      <c r="AR45550" s="9" ph="1"/>
    </row>
    <row r="45551" spans="44:44" ht="15.75" customHeight="1" x14ac:dyDescent="0.15">
      <c r="AR45551" s="9" ph="1"/>
    </row>
    <row r="45552" spans="44:44" ht="15.75" customHeight="1" x14ac:dyDescent="0.15">
      <c r="AR45552" s="9" ph="1"/>
    </row>
    <row r="45553" spans="44:44" ht="15.75" customHeight="1" x14ac:dyDescent="0.15">
      <c r="AR45553" s="9" ph="1"/>
    </row>
    <row r="45554" spans="44:44" ht="15.75" customHeight="1" x14ac:dyDescent="0.15">
      <c r="AR45554" s="9" ph="1"/>
    </row>
    <row r="45555" spans="44:44" ht="15.75" customHeight="1" x14ac:dyDescent="0.15">
      <c r="AR45555" s="9" ph="1"/>
    </row>
    <row r="45556" spans="44:44" ht="15.75" customHeight="1" x14ac:dyDescent="0.15">
      <c r="AR45556" s="9" ph="1"/>
    </row>
    <row r="45557" spans="44:44" ht="15.75" customHeight="1" x14ac:dyDescent="0.15">
      <c r="AR45557" s="9" ph="1"/>
    </row>
    <row r="45558" spans="44:44" ht="15.75" customHeight="1" x14ac:dyDescent="0.15">
      <c r="AR45558" s="9" ph="1"/>
    </row>
    <row r="45559" spans="44:44" ht="15.75" customHeight="1" x14ac:dyDescent="0.15">
      <c r="AR45559" s="9" ph="1"/>
    </row>
    <row r="45560" spans="44:44" ht="15.75" customHeight="1" x14ac:dyDescent="0.15">
      <c r="AR45560" s="9" ph="1"/>
    </row>
    <row r="45561" spans="44:44" ht="15.75" customHeight="1" x14ac:dyDescent="0.15">
      <c r="AR45561" s="9" ph="1"/>
    </row>
    <row r="45562" spans="44:44" ht="15.75" customHeight="1" x14ac:dyDescent="0.15">
      <c r="AR45562" s="9" ph="1"/>
    </row>
    <row r="45563" spans="44:44" ht="15.75" customHeight="1" x14ac:dyDescent="0.15">
      <c r="AR45563" s="9" ph="1"/>
    </row>
    <row r="45564" spans="44:44" ht="15.75" customHeight="1" x14ac:dyDescent="0.15">
      <c r="AR45564" s="9" ph="1"/>
    </row>
    <row r="45565" spans="44:44" ht="15.75" customHeight="1" x14ac:dyDescent="0.15">
      <c r="AR45565" s="9" ph="1"/>
    </row>
    <row r="45566" spans="44:44" ht="15.75" customHeight="1" x14ac:dyDescent="0.15">
      <c r="AR45566" s="9" ph="1"/>
    </row>
    <row r="45567" spans="44:44" ht="15.75" customHeight="1" x14ac:dyDescent="0.15">
      <c r="AR45567" s="9" ph="1"/>
    </row>
    <row r="45568" spans="44:44" ht="15.75" customHeight="1" x14ac:dyDescent="0.15">
      <c r="AR45568" s="9" ph="1"/>
    </row>
    <row r="45569" spans="44:44" ht="15.75" customHeight="1" x14ac:dyDescent="0.15">
      <c r="AR45569" s="9" ph="1"/>
    </row>
    <row r="45570" spans="44:44" ht="15.75" customHeight="1" x14ac:dyDescent="0.15">
      <c r="AR45570" s="9" ph="1"/>
    </row>
    <row r="45571" spans="44:44" ht="15.75" customHeight="1" x14ac:dyDescent="0.15">
      <c r="AR45571" s="9" ph="1"/>
    </row>
    <row r="45572" spans="44:44" ht="15.75" customHeight="1" x14ac:dyDescent="0.15">
      <c r="AR45572" s="9" ph="1"/>
    </row>
    <row r="45573" spans="44:44" ht="15.75" customHeight="1" x14ac:dyDescent="0.15">
      <c r="AR45573" s="9" ph="1"/>
    </row>
    <row r="45574" spans="44:44" ht="15.75" customHeight="1" x14ac:dyDescent="0.15">
      <c r="AR45574" s="9" ph="1"/>
    </row>
    <row r="45575" spans="44:44" ht="15.75" customHeight="1" x14ac:dyDescent="0.15">
      <c r="AR45575" s="9" ph="1"/>
    </row>
    <row r="45576" spans="44:44" ht="15.75" customHeight="1" x14ac:dyDescent="0.15">
      <c r="AR45576" s="9" ph="1"/>
    </row>
    <row r="45577" spans="44:44" ht="15.75" customHeight="1" x14ac:dyDescent="0.15">
      <c r="AR45577" s="9" ph="1"/>
    </row>
    <row r="45578" spans="44:44" ht="15.75" customHeight="1" x14ac:dyDescent="0.15">
      <c r="AR45578" s="9" ph="1"/>
    </row>
    <row r="45579" spans="44:44" ht="15.75" customHeight="1" x14ac:dyDescent="0.15">
      <c r="AR45579" s="9" ph="1"/>
    </row>
    <row r="45580" spans="44:44" ht="15.75" customHeight="1" x14ac:dyDescent="0.15">
      <c r="AR45580" s="9" ph="1"/>
    </row>
    <row r="45581" spans="44:44" ht="15.75" customHeight="1" x14ac:dyDescent="0.15">
      <c r="AR45581" s="9" ph="1"/>
    </row>
    <row r="45582" spans="44:44" ht="15.75" customHeight="1" x14ac:dyDescent="0.15">
      <c r="AR45582" s="9" ph="1"/>
    </row>
    <row r="45583" spans="44:44" ht="15.75" customHeight="1" x14ac:dyDescent="0.15">
      <c r="AR45583" s="9" ph="1"/>
    </row>
    <row r="45584" spans="44:44" ht="15.75" customHeight="1" x14ac:dyDescent="0.15">
      <c r="AR45584" s="9" ph="1"/>
    </row>
    <row r="45585" spans="44:44" ht="15.75" customHeight="1" x14ac:dyDescent="0.15">
      <c r="AR45585" s="9" ph="1"/>
    </row>
    <row r="45586" spans="44:44" ht="15.75" customHeight="1" x14ac:dyDescent="0.15">
      <c r="AR45586" s="9" ph="1"/>
    </row>
    <row r="45587" spans="44:44" ht="15.75" customHeight="1" x14ac:dyDescent="0.15">
      <c r="AR45587" s="9" ph="1"/>
    </row>
    <row r="45588" spans="44:44" ht="15.75" customHeight="1" x14ac:dyDescent="0.15">
      <c r="AR45588" s="9" ph="1"/>
    </row>
    <row r="45589" spans="44:44" ht="15.75" customHeight="1" x14ac:dyDescent="0.15">
      <c r="AR45589" s="9" ph="1"/>
    </row>
    <row r="45590" spans="44:44" ht="15.75" customHeight="1" x14ac:dyDescent="0.15">
      <c r="AR45590" s="9" ph="1"/>
    </row>
    <row r="45591" spans="44:44" ht="15.75" customHeight="1" x14ac:dyDescent="0.15">
      <c r="AR45591" s="9" ph="1"/>
    </row>
    <row r="45592" spans="44:44" ht="15.75" customHeight="1" x14ac:dyDescent="0.15">
      <c r="AR45592" s="9" ph="1"/>
    </row>
    <row r="45593" spans="44:44" ht="15.75" customHeight="1" x14ac:dyDescent="0.15">
      <c r="AR45593" s="9" ph="1"/>
    </row>
    <row r="45594" spans="44:44" ht="15.75" customHeight="1" x14ac:dyDescent="0.15">
      <c r="AR45594" s="9" ph="1"/>
    </row>
    <row r="45595" spans="44:44" ht="15.75" customHeight="1" x14ac:dyDescent="0.15">
      <c r="AR45595" s="9" ph="1"/>
    </row>
    <row r="45596" spans="44:44" ht="15.75" customHeight="1" x14ac:dyDescent="0.15">
      <c r="AR45596" s="9" ph="1"/>
    </row>
    <row r="45597" spans="44:44" ht="15.75" customHeight="1" x14ac:dyDescent="0.15">
      <c r="AR45597" s="9" ph="1"/>
    </row>
    <row r="45598" spans="44:44" ht="15.75" customHeight="1" x14ac:dyDescent="0.15">
      <c r="AR45598" s="9" ph="1"/>
    </row>
    <row r="45599" spans="44:44" ht="15.75" customHeight="1" x14ac:dyDescent="0.15">
      <c r="AR45599" s="9" ph="1"/>
    </row>
    <row r="45600" spans="44:44" ht="15.75" customHeight="1" x14ac:dyDescent="0.15">
      <c r="AR45600" s="9" ph="1"/>
    </row>
    <row r="45601" spans="44:44" ht="15.75" customHeight="1" x14ac:dyDescent="0.15">
      <c r="AR45601" s="9" ph="1"/>
    </row>
    <row r="45602" spans="44:44" ht="15.75" customHeight="1" x14ac:dyDescent="0.15">
      <c r="AR45602" s="9" ph="1"/>
    </row>
    <row r="45603" spans="44:44" ht="15.75" customHeight="1" x14ac:dyDescent="0.15">
      <c r="AR45603" s="9" ph="1"/>
    </row>
    <row r="45604" spans="44:44" ht="15.75" customHeight="1" x14ac:dyDescent="0.15">
      <c r="AR45604" s="9" ph="1"/>
    </row>
    <row r="45605" spans="44:44" ht="15.75" customHeight="1" x14ac:dyDescent="0.15">
      <c r="AR45605" s="9" ph="1"/>
    </row>
    <row r="45606" spans="44:44" ht="15.75" customHeight="1" x14ac:dyDescent="0.15">
      <c r="AR45606" s="9" ph="1"/>
    </row>
    <row r="45607" spans="44:44" ht="15.75" customHeight="1" x14ac:dyDescent="0.15">
      <c r="AR45607" s="9" ph="1"/>
    </row>
    <row r="45608" spans="44:44" ht="15.75" customHeight="1" x14ac:dyDescent="0.15">
      <c r="AR45608" s="9" ph="1"/>
    </row>
    <row r="45609" spans="44:44" ht="15.75" customHeight="1" x14ac:dyDescent="0.15">
      <c r="AR45609" s="9" ph="1"/>
    </row>
    <row r="45610" spans="44:44" ht="15.75" customHeight="1" x14ac:dyDescent="0.15">
      <c r="AR45610" s="9" ph="1"/>
    </row>
    <row r="45611" spans="44:44" ht="15.75" customHeight="1" x14ac:dyDescent="0.15">
      <c r="AR45611" s="9" ph="1"/>
    </row>
    <row r="45612" spans="44:44" ht="15.75" customHeight="1" x14ac:dyDescent="0.15">
      <c r="AR45612" s="9" ph="1"/>
    </row>
    <row r="45613" spans="44:44" ht="15.75" customHeight="1" x14ac:dyDescent="0.15">
      <c r="AR45613" s="9" ph="1"/>
    </row>
    <row r="45614" spans="44:44" ht="15.75" customHeight="1" x14ac:dyDescent="0.15">
      <c r="AR45614" s="9" ph="1"/>
    </row>
    <row r="45615" spans="44:44" ht="15.75" customHeight="1" x14ac:dyDescent="0.15">
      <c r="AR45615" s="9" ph="1"/>
    </row>
    <row r="45616" spans="44:44" ht="15.75" customHeight="1" x14ac:dyDescent="0.15">
      <c r="AR45616" s="9" ph="1"/>
    </row>
    <row r="45617" spans="44:44" ht="15.75" customHeight="1" x14ac:dyDescent="0.15">
      <c r="AR45617" s="9" ph="1"/>
    </row>
    <row r="45618" spans="44:44" ht="15.75" customHeight="1" x14ac:dyDescent="0.15">
      <c r="AR45618" s="9" ph="1"/>
    </row>
    <row r="45619" spans="44:44" ht="15.75" customHeight="1" x14ac:dyDescent="0.15">
      <c r="AR45619" s="9" ph="1"/>
    </row>
    <row r="45620" spans="44:44" ht="15.75" customHeight="1" x14ac:dyDescent="0.15">
      <c r="AR45620" s="9" ph="1"/>
    </row>
    <row r="45621" spans="44:44" ht="15.75" customHeight="1" x14ac:dyDescent="0.15">
      <c r="AR45621" s="9" ph="1"/>
    </row>
    <row r="45622" spans="44:44" ht="15.75" customHeight="1" x14ac:dyDescent="0.15">
      <c r="AR45622" s="9" ph="1"/>
    </row>
    <row r="45623" spans="44:44" ht="15.75" customHeight="1" x14ac:dyDescent="0.15">
      <c r="AR45623" s="9" ph="1"/>
    </row>
    <row r="45624" spans="44:44" ht="15.75" customHeight="1" x14ac:dyDescent="0.15">
      <c r="AR45624" s="9" ph="1"/>
    </row>
    <row r="45625" spans="44:44" ht="15.75" customHeight="1" x14ac:dyDescent="0.15">
      <c r="AR45625" s="9" ph="1"/>
    </row>
    <row r="45626" spans="44:44" ht="15.75" customHeight="1" x14ac:dyDescent="0.15">
      <c r="AR45626" s="9" ph="1"/>
    </row>
    <row r="45627" spans="44:44" ht="15.75" customHeight="1" x14ac:dyDescent="0.15">
      <c r="AR45627" s="9" ph="1"/>
    </row>
    <row r="45628" spans="44:44" ht="15.75" customHeight="1" x14ac:dyDescent="0.15">
      <c r="AR45628" s="9" ph="1"/>
    </row>
    <row r="45629" spans="44:44" ht="15.75" customHeight="1" x14ac:dyDescent="0.15">
      <c r="AR45629" s="9" ph="1"/>
    </row>
    <row r="45630" spans="44:44" ht="15.75" customHeight="1" x14ac:dyDescent="0.15">
      <c r="AR45630" s="9" ph="1"/>
    </row>
    <row r="45631" spans="44:44" ht="15.75" customHeight="1" x14ac:dyDescent="0.15">
      <c r="AR45631" s="9" ph="1"/>
    </row>
    <row r="45632" spans="44:44" ht="15.75" customHeight="1" x14ac:dyDescent="0.15">
      <c r="AR45632" s="9" ph="1"/>
    </row>
    <row r="45633" spans="44:44" ht="15.75" customHeight="1" x14ac:dyDescent="0.15">
      <c r="AR45633" s="9" ph="1"/>
    </row>
    <row r="45634" spans="44:44" ht="15.75" customHeight="1" x14ac:dyDescent="0.15">
      <c r="AR45634" s="9" ph="1"/>
    </row>
    <row r="45635" spans="44:44" ht="15.75" customHeight="1" x14ac:dyDescent="0.15">
      <c r="AR45635" s="9" ph="1"/>
    </row>
    <row r="45636" spans="44:44" ht="15.75" customHeight="1" x14ac:dyDescent="0.15">
      <c r="AR45636" s="9" ph="1"/>
    </row>
    <row r="45637" spans="44:44" ht="15.75" customHeight="1" x14ac:dyDescent="0.15">
      <c r="AR45637" s="9" ph="1"/>
    </row>
    <row r="45638" spans="44:44" ht="15.75" customHeight="1" x14ac:dyDescent="0.15">
      <c r="AR45638" s="9" ph="1"/>
    </row>
    <row r="45639" spans="44:44" ht="15.75" customHeight="1" x14ac:dyDescent="0.15">
      <c r="AR45639" s="9" ph="1"/>
    </row>
    <row r="45640" spans="44:44" ht="15.75" customHeight="1" x14ac:dyDescent="0.15">
      <c r="AR45640" s="9" ph="1"/>
    </row>
    <row r="45641" spans="44:44" ht="15.75" customHeight="1" x14ac:dyDescent="0.15">
      <c r="AR45641" s="9" ph="1"/>
    </row>
    <row r="45642" spans="44:44" ht="15.75" customHeight="1" x14ac:dyDescent="0.15">
      <c r="AR45642" s="9" ph="1"/>
    </row>
    <row r="45643" spans="44:44" ht="15.75" customHeight="1" x14ac:dyDescent="0.15">
      <c r="AR45643" s="9" ph="1"/>
    </row>
    <row r="45644" spans="44:44" ht="15.75" customHeight="1" x14ac:dyDescent="0.15">
      <c r="AR45644" s="9" ph="1"/>
    </row>
    <row r="45645" spans="44:44" ht="15.75" customHeight="1" x14ac:dyDescent="0.15">
      <c r="AR45645" s="9" ph="1"/>
    </row>
    <row r="45646" spans="44:44" ht="15.75" customHeight="1" x14ac:dyDescent="0.15">
      <c r="AR45646" s="9" ph="1"/>
    </row>
    <row r="45647" spans="44:44" ht="15.75" customHeight="1" x14ac:dyDescent="0.15">
      <c r="AR45647" s="9" ph="1"/>
    </row>
    <row r="45648" spans="44:44" ht="15.75" customHeight="1" x14ac:dyDescent="0.15">
      <c r="AR45648" s="9" ph="1"/>
    </row>
    <row r="45649" spans="44:44" ht="15.75" customHeight="1" x14ac:dyDescent="0.15">
      <c r="AR45649" s="9" ph="1"/>
    </row>
    <row r="45650" spans="44:44" ht="15.75" customHeight="1" x14ac:dyDescent="0.15">
      <c r="AR45650" s="9" ph="1"/>
    </row>
    <row r="45651" spans="44:44" ht="15.75" customHeight="1" x14ac:dyDescent="0.15">
      <c r="AR45651" s="9" ph="1"/>
    </row>
    <row r="45652" spans="44:44" ht="15.75" customHeight="1" x14ac:dyDescent="0.15">
      <c r="AR45652" s="9" ph="1"/>
    </row>
    <row r="45653" spans="44:44" ht="15.75" customHeight="1" x14ac:dyDescent="0.15">
      <c r="AR45653" s="9" ph="1"/>
    </row>
    <row r="45654" spans="44:44" ht="15.75" customHeight="1" x14ac:dyDescent="0.15">
      <c r="AR45654" s="9" ph="1"/>
    </row>
    <row r="45655" spans="44:44" ht="15.75" customHeight="1" x14ac:dyDescent="0.15">
      <c r="AR45655" s="9" ph="1"/>
    </row>
    <row r="45656" spans="44:44" ht="15.75" customHeight="1" x14ac:dyDescent="0.15">
      <c r="AR45656" s="9" ph="1"/>
    </row>
    <row r="45657" spans="44:44" ht="15.75" customHeight="1" x14ac:dyDescent="0.15">
      <c r="AR45657" s="9" ph="1"/>
    </row>
    <row r="45658" spans="44:44" ht="15.75" customHeight="1" x14ac:dyDescent="0.15">
      <c r="AR45658" s="9" ph="1"/>
    </row>
    <row r="45659" spans="44:44" ht="15.75" customHeight="1" x14ac:dyDescent="0.15">
      <c r="AR45659" s="9" ph="1"/>
    </row>
    <row r="45660" spans="44:44" ht="15.75" customHeight="1" x14ac:dyDescent="0.15">
      <c r="AR45660" s="9" ph="1"/>
    </row>
    <row r="45661" spans="44:44" ht="15.75" customHeight="1" x14ac:dyDescent="0.15">
      <c r="AR45661" s="9" ph="1"/>
    </row>
    <row r="45662" spans="44:44" ht="15.75" customHeight="1" x14ac:dyDescent="0.15">
      <c r="AR45662" s="9" ph="1"/>
    </row>
    <row r="45663" spans="44:44" ht="15.75" customHeight="1" x14ac:dyDescent="0.15">
      <c r="AR45663" s="9" ph="1"/>
    </row>
    <row r="45664" spans="44:44" ht="15.75" customHeight="1" x14ac:dyDescent="0.15">
      <c r="AR45664" s="9" ph="1"/>
    </row>
    <row r="45665" spans="44:44" ht="15.75" customHeight="1" x14ac:dyDescent="0.15">
      <c r="AR45665" s="9" ph="1"/>
    </row>
    <row r="45666" spans="44:44" ht="15.75" customHeight="1" x14ac:dyDescent="0.15">
      <c r="AR45666" s="9" ph="1"/>
    </row>
    <row r="45667" spans="44:44" ht="15.75" customHeight="1" x14ac:dyDescent="0.15">
      <c r="AR45667" s="9" ph="1"/>
    </row>
    <row r="45668" spans="44:44" ht="15.75" customHeight="1" x14ac:dyDescent="0.15">
      <c r="AR45668" s="9" ph="1"/>
    </row>
    <row r="45669" spans="44:44" ht="15.75" customHeight="1" x14ac:dyDescent="0.15">
      <c r="AR45669" s="9" ph="1"/>
    </row>
    <row r="45670" spans="44:44" ht="15.75" customHeight="1" x14ac:dyDescent="0.15">
      <c r="AR45670" s="9" ph="1"/>
    </row>
    <row r="45671" spans="44:44" ht="15.75" customHeight="1" x14ac:dyDescent="0.15">
      <c r="AR45671" s="9" ph="1"/>
    </row>
    <row r="45672" spans="44:44" ht="15.75" customHeight="1" x14ac:dyDescent="0.15">
      <c r="AR45672" s="9" ph="1"/>
    </row>
    <row r="45673" spans="44:44" ht="15.75" customHeight="1" x14ac:dyDescent="0.15">
      <c r="AR45673" s="9" ph="1"/>
    </row>
    <row r="45674" spans="44:44" ht="15.75" customHeight="1" x14ac:dyDescent="0.15">
      <c r="AR45674" s="9" ph="1"/>
    </row>
    <row r="45675" spans="44:44" ht="15.75" customHeight="1" x14ac:dyDescent="0.15">
      <c r="AR45675" s="9" ph="1"/>
    </row>
    <row r="45676" spans="44:44" ht="15.75" customHeight="1" x14ac:dyDescent="0.15">
      <c r="AR45676" s="9" ph="1"/>
    </row>
    <row r="45677" spans="44:44" ht="15.75" customHeight="1" x14ac:dyDescent="0.15">
      <c r="AR45677" s="9" ph="1"/>
    </row>
    <row r="45678" spans="44:44" ht="15.75" customHeight="1" x14ac:dyDescent="0.15">
      <c r="AR45678" s="9" ph="1"/>
    </row>
    <row r="45679" spans="44:44" ht="15.75" customHeight="1" x14ac:dyDescent="0.15">
      <c r="AR45679" s="9" ph="1"/>
    </row>
    <row r="45680" spans="44:44" ht="15.75" customHeight="1" x14ac:dyDescent="0.15">
      <c r="AR45680" s="9" ph="1"/>
    </row>
    <row r="45681" spans="44:44" ht="15.75" customHeight="1" x14ac:dyDescent="0.15">
      <c r="AR45681" s="9" ph="1"/>
    </row>
    <row r="45682" spans="44:44" ht="15.75" customHeight="1" x14ac:dyDescent="0.15">
      <c r="AR45682" s="9" ph="1"/>
    </row>
    <row r="45683" spans="44:44" ht="15.75" customHeight="1" x14ac:dyDescent="0.15">
      <c r="AR45683" s="9" ph="1"/>
    </row>
    <row r="45684" spans="44:44" ht="15.75" customHeight="1" x14ac:dyDescent="0.15">
      <c r="AR45684" s="9" ph="1"/>
    </row>
    <row r="45685" spans="44:44" ht="15.75" customHeight="1" x14ac:dyDescent="0.15">
      <c r="AR45685" s="9" ph="1"/>
    </row>
    <row r="45686" spans="44:44" ht="15.75" customHeight="1" x14ac:dyDescent="0.15">
      <c r="AR45686" s="9" ph="1"/>
    </row>
    <row r="45687" spans="44:44" ht="15.75" customHeight="1" x14ac:dyDescent="0.15">
      <c r="AR45687" s="9" ph="1"/>
    </row>
    <row r="45688" spans="44:44" ht="15.75" customHeight="1" x14ac:dyDescent="0.15">
      <c r="AR45688" s="9" ph="1"/>
    </row>
    <row r="45689" spans="44:44" ht="15.75" customHeight="1" x14ac:dyDescent="0.15">
      <c r="AR45689" s="9" ph="1"/>
    </row>
    <row r="45690" spans="44:44" ht="15.75" customHeight="1" x14ac:dyDescent="0.15">
      <c r="AR45690" s="9" ph="1"/>
    </row>
    <row r="45691" spans="44:44" ht="15.75" customHeight="1" x14ac:dyDescent="0.15">
      <c r="AR45691" s="9" ph="1"/>
    </row>
    <row r="45692" spans="44:44" ht="15.75" customHeight="1" x14ac:dyDescent="0.15">
      <c r="AR45692" s="9" ph="1"/>
    </row>
    <row r="45693" spans="44:44" ht="15.75" customHeight="1" x14ac:dyDescent="0.15">
      <c r="AR45693" s="9" ph="1"/>
    </row>
    <row r="45694" spans="44:44" ht="15.75" customHeight="1" x14ac:dyDescent="0.15">
      <c r="AR45694" s="9" ph="1"/>
    </row>
    <row r="45695" spans="44:44" ht="15.75" customHeight="1" x14ac:dyDescent="0.15">
      <c r="AR45695" s="9" ph="1"/>
    </row>
    <row r="45696" spans="44:44" ht="15.75" customHeight="1" x14ac:dyDescent="0.15">
      <c r="AR45696" s="9" ph="1"/>
    </row>
    <row r="45697" spans="44:44" ht="15.75" customHeight="1" x14ac:dyDescent="0.15">
      <c r="AR45697" s="9" ph="1"/>
    </row>
    <row r="45698" spans="44:44" ht="15.75" customHeight="1" x14ac:dyDescent="0.15">
      <c r="AR45698" s="9" ph="1"/>
    </row>
    <row r="45699" spans="44:44" ht="15.75" customHeight="1" x14ac:dyDescent="0.15">
      <c r="AR45699" s="9" ph="1"/>
    </row>
    <row r="45700" spans="44:44" ht="15.75" customHeight="1" x14ac:dyDescent="0.15">
      <c r="AR45700" s="9" ph="1"/>
    </row>
    <row r="45701" spans="44:44" ht="15.75" customHeight="1" x14ac:dyDescent="0.15">
      <c r="AR45701" s="9" ph="1"/>
    </row>
    <row r="45702" spans="44:44" ht="15.75" customHeight="1" x14ac:dyDescent="0.15">
      <c r="AR45702" s="9" ph="1"/>
    </row>
    <row r="45703" spans="44:44" ht="15.75" customHeight="1" x14ac:dyDescent="0.15">
      <c r="AR45703" s="9" ph="1"/>
    </row>
    <row r="45704" spans="44:44" ht="15.75" customHeight="1" x14ac:dyDescent="0.15">
      <c r="AR45704" s="9" ph="1"/>
    </row>
    <row r="45705" spans="44:44" ht="15.75" customHeight="1" x14ac:dyDescent="0.15">
      <c r="AR45705" s="9" ph="1"/>
    </row>
    <row r="45706" spans="44:44" ht="15.75" customHeight="1" x14ac:dyDescent="0.15">
      <c r="AR45706" s="9" ph="1"/>
    </row>
    <row r="45707" spans="44:44" ht="15.75" customHeight="1" x14ac:dyDescent="0.15">
      <c r="AR45707" s="9" ph="1"/>
    </row>
    <row r="45708" spans="44:44" ht="15.75" customHeight="1" x14ac:dyDescent="0.15">
      <c r="AR45708" s="9" ph="1"/>
    </row>
    <row r="45709" spans="44:44" ht="15.75" customHeight="1" x14ac:dyDescent="0.15">
      <c r="AR45709" s="9" ph="1"/>
    </row>
    <row r="45710" spans="44:44" ht="15.75" customHeight="1" x14ac:dyDescent="0.15">
      <c r="AR45710" s="9" ph="1"/>
    </row>
    <row r="45711" spans="44:44" ht="15.75" customHeight="1" x14ac:dyDescent="0.15">
      <c r="AR45711" s="9" ph="1"/>
    </row>
    <row r="45712" spans="44:44" ht="15.75" customHeight="1" x14ac:dyDescent="0.15">
      <c r="AR45712" s="9" ph="1"/>
    </row>
    <row r="45713" spans="44:44" ht="15.75" customHeight="1" x14ac:dyDescent="0.15">
      <c r="AR45713" s="9" ph="1"/>
    </row>
    <row r="45714" spans="44:44" ht="15.75" customHeight="1" x14ac:dyDescent="0.15">
      <c r="AR45714" s="9" ph="1"/>
    </row>
    <row r="45715" spans="44:44" ht="15.75" customHeight="1" x14ac:dyDescent="0.15">
      <c r="AR45715" s="9" ph="1"/>
    </row>
    <row r="45716" spans="44:44" ht="15.75" customHeight="1" x14ac:dyDescent="0.15">
      <c r="AR45716" s="9" ph="1"/>
    </row>
    <row r="45717" spans="44:44" ht="15.75" customHeight="1" x14ac:dyDescent="0.15">
      <c r="AR45717" s="9" ph="1"/>
    </row>
    <row r="45718" spans="44:44" ht="15.75" customHeight="1" x14ac:dyDescent="0.15">
      <c r="AR45718" s="9" ph="1"/>
    </row>
    <row r="45719" spans="44:44" ht="15.75" customHeight="1" x14ac:dyDescent="0.15">
      <c r="AR45719" s="9" ph="1"/>
    </row>
    <row r="45720" spans="44:44" ht="15.75" customHeight="1" x14ac:dyDescent="0.15">
      <c r="AR45720" s="9" ph="1"/>
    </row>
    <row r="45721" spans="44:44" ht="15.75" customHeight="1" x14ac:dyDescent="0.15">
      <c r="AR45721" s="9" ph="1"/>
    </row>
    <row r="45722" spans="44:44" ht="15.75" customHeight="1" x14ac:dyDescent="0.15">
      <c r="AR45722" s="9" ph="1"/>
    </row>
    <row r="45723" spans="44:44" ht="15.75" customHeight="1" x14ac:dyDescent="0.15">
      <c r="AR45723" s="9" ph="1"/>
    </row>
    <row r="45724" spans="44:44" ht="15.75" customHeight="1" x14ac:dyDescent="0.15">
      <c r="AR45724" s="9" ph="1"/>
    </row>
    <row r="45725" spans="44:44" ht="15.75" customHeight="1" x14ac:dyDescent="0.15">
      <c r="AR45725" s="9" ph="1"/>
    </row>
    <row r="45726" spans="44:44" ht="15.75" customHeight="1" x14ac:dyDescent="0.15">
      <c r="AR45726" s="9" ph="1"/>
    </row>
    <row r="45727" spans="44:44" ht="15.75" customHeight="1" x14ac:dyDescent="0.15">
      <c r="AR45727" s="9" ph="1"/>
    </row>
    <row r="45728" spans="44:44" ht="15.75" customHeight="1" x14ac:dyDescent="0.15">
      <c r="AR45728" s="9" ph="1"/>
    </row>
    <row r="45729" spans="44:44" ht="15.75" customHeight="1" x14ac:dyDescent="0.15">
      <c r="AR45729" s="9" ph="1"/>
    </row>
    <row r="45730" spans="44:44" ht="15.75" customHeight="1" x14ac:dyDescent="0.15">
      <c r="AR45730" s="9" ph="1"/>
    </row>
    <row r="45731" spans="44:44" ht="15.75" customHeight="1" x14ac:dyDescent="0.15">
      <c r="AR45731" s="9" ph="1"/>
    </row>
    <row r="45732" spans="44:44" ht="15.75" customHeight="1" x14ac:dyDescent="0.15">
      <c r="AR45732" s="9" ph="1"/>
    </row>
    <row r="45733" spans="44:44" ht="15.75" customHeight="1" x14ac:dyDescent="0.15">
      <c r="AR45733" s="9" ph="1"/>
    </row>
    <row r="45734" spans="44:44" ht="15.75" customHeight="1" x14ac:dyDescent="0.15">
      <c r="AR45734" s="9" ph="1"/>
    </row>
    <row r="45735" spans="44:44" ht="15.75" customHeight="1" x14ac:dyDescent="0.15">
      <c r="AR45735" s="9" ph="1"/>
    </row>
    <row r="45736" spans="44:44" ht="15.75" customHeight="1" x14ac:dyDescent="0.15">
      <c r="AR45736" s="9" ph="1"/>
    </row>
    <row r="45737" spans="44:44" ht="15.75" customHeight="1" x14ac:dyDescent="0.15">
      <c r="AR45737" s="9" ph="1"/>
    </row>
    <row r="45738" spans="44:44" ht="15.75" customHeight="1" x14ac:dyDescent="0.15">
      <c r="AR45738" s="9" ph="1"/>
    </row>
    <row r="45739" spans="44:44" ht="15.75" customHeight="1" x14ac:dyDescent="0.15">
      <c r="AR45739" s="9" ph="1"/>
    </row>
    <row r="45740" spans="44:44" ht="15.75" customHeight="1" x14ac:dyDescent="0.15">
      <c r="AR45740" s="9" ph="1"/>
    </row>
    <row r="45741" spans="44:44" ht="15.75" customHeight="1" x14ac:dyDescent="0.15">
      <c r="AR45741" s="9" ph="1"/>
    </row>
    <row r="45742" spans="44:44" ht="15.75" customHeight="1" x14ac:dyDescent="0.15">
      <c r="AR45742" s="9" ph="1"/>
    </row>
    <row r="45743" spans="44:44" ht="15.75" customHeight="1" x14ac:dyDescent="0.15">
      <c r="AR45743" s="9" ph="1"/>
    </row>
    <row r="45744" spans="44:44" ht="15.75" customHeight="1" x14ac:dyDescent="0.15">
      <c r="AR45744" s="9" ph="1"/>
    </row>
    <row r="45745" spans="44:44" ht="15.75" customHeight="1" x14ac:dyDescent="0.15">
      <c r="AR45745" s="9" ph="1"/>
    </row>
    <row r="45746" spans="44:44" ht="15.75" customHeight="1" x14ac:dyDescent="0.15">
      <c r="AR45746" s="9" ph="1"/>
    </row>
    <row r="45747" spans="44:44" ht="15.75" customHeight="1" x14ac:dyDescent="0.15">
      <c r="AR45747" s="9" ph="1"/>
    </row>
    <row r="45748" spans="44:44" ht="15.75" customHeight="1" x14ac:dyDescent="0.15">
      <c r="AR45748" s="9" ph="1"/>
    </row>
    <row r="45749" spans="44:44" ht="15.75" customHeight="1" x14ac:dyDescent="0.15">
      <c r="AR45749" s="9" ph="1"/>
    </row>
    <row r="45750" spans="44:44" ht="15.75" customHeight="1" x14ac:dyDescent="0.15">
      <c r="AR45750" s="9" ph="1"/>
    </row>
    <row r="45751" spans="44:44" ht="15.75" customHeight="1" x14ac:dyDescent="0.15">
      <c r="AR45751" s="9" ph="1"/>
    </row>
  </sheetData>
  <sheetProtection insertRows="0" deleteRows="0" selectLockedCells="1" autoFilter="0"/>
  <autoFilter ref="A1:XFD8096"/>
  <phoneticPr fontId="7"/>
  <conditionalFormatting sqref="A5162:BA5445 A5446">
    <cfRule type="expression" dxfId="1" priority="2">
      <formula>A5162&lt;&gt;#REF!</formula>
    </cfRule>
  </conditionalFormatting>
  <conditionalFormatting sqref="B5446 G5446">
    <cfRule type="expression" dxfId="0" priority="1">
      <formula>B5446&lt;&gt;#REF!</formula>
    </cfRule>
  </conditionalFormatting>
  <dataValidations disablePrompts="1" count="2">
    <dataValidation type="list" allowBlank="1" showInputMessage="1" showErrorMessage="1" sqref="W5386 K5167 K5175 K5182 K5186 L5193 K5199:K5200 K5220 K5222 K5229 L5252 L5254 K5256:K5257 K5264:K5267 K5276 K5289 K5307 K5312 K5362 K5366 K5373 K5434 K5437 P5167 P5183 P5216 O5237 P5252 O5254 M5289 M5301 P5351 O5356 M5362:M5363 P5371 P5376 M5386 P5386 M5392 O5440 AD5440">
      <formula1>"0,1,-"</formula1>
    </dataValidation>
    <dataValidation type="list" allowBlank="1" showInputMessage="1" showErrorMessage="1" sqref="G7623">
      <formula1>$G$7585</formula1>
    </dataValidation>
  </dataValidations>
  <hyperlinks>
    <hyperlink ref="AZ7442" r:id="rId1"/>
    <hyperlink ref="AZ7451" r:id="rId2"/>
    <hyperlink ref="AZ7450" r:id="rId3"/>
    <hyperlink ref="AZ7843" r:id="rId4"/>
    <hyperlink ref="AZ7836" r:id="rId5"/>
    <hyperlink ref="AZ7844" r:id="rId6"/>
    <hyperlink ref="AZ7833" r:id="rId7"/>
    <hyperlink ref="AZ7842" r:id="rId8"/>
    <hyperlink ref="AZ7948" r:id="rId9"/>
    <hyperlink ref="AZ1353" r:id="rId10"/>
    <hyperlink ref="AZ2660" r:id="rId11"/>
    <hyperlink ref="AZ2668" r:id="rId12"/>
    <hyperlink ref="AZ2670" r:id="rId13"/>
    <hyperlink ref="AZ2671" r:id="rId14"/>
    <hyperlink ref="AZ2672" r:id="rId15"/>
    <hyperlink ref="AZ2679" r:id="rId16"/>
    <hyperlink ref="AZ2680" r:id="rId17"/>
    <hyperlink ref="AZ2681" r:id="rId18"/>
    <hyperlink ref="AZ2643" r:id="rId19"/>
    <hyperlink ref="AZ2734" r:id="rId20"/>
    <hyperlink ref="AZ1710" r:id="rId21"/>
    <hyperlink ref="AZ1870" r:id="rId22"/>
    <hyperlink ref="AZ2068" r:id="rId23"/>
    <hyperlink ref="AZ2111" r:id="rId24"/>
    <hyperlink ref="AZ2149" r:id="rId25"/>
    <hyperlink ref="AZ2156" r:id="rId26"/>
    <hyperlink ref="AZ2216" r:id="rId27"/>
    <hyperlink ref="AZ2257" r:id="rId28"/>
    <hyperlink ref="AZ2296" r:id="rId29"/>
    <hyperlink ref="AZ2299" r:id="rId30"/>
    <hyperlink ref="AZ2366" r:id="rId31"/>
    <hyperlink ref="AZ2420" r:id="rId32"/>
    <hyperlink ref="AZ2431" r:id="rId33"/>
    <hyperlink ref="AZ2493" r:id="rId34"/>
    <hyperlink ref="AZ2540:AZ2541" r:id="rId35" display="https://www.city.yokohama.lg.jp/kurashi/machizukuri-kankyo/midori-koen/koen/koen/sport/faqshisetsu.html"/>
    <hyperlink ref="AZ2545" r:id="rId36"/>
    <hyperlink ref="AZ2557" r:id="rId37"/>
    <hyperlink ref="AZ2579" r:id="rId38"/>
    <hyperlink ref="AZ2582:AZ2583" r:id="rId39" display="https://www.city.yokohama.lg.jp/kurashi/machizukuri-kankyo/midori-koen/koen/koen/sport/faqshisetsu.html"/>
    <hyperlink ref="AZ2585:AZ2587" r:id="rId40" display="https://www.city.yokohama.lg.jp/kurashi/machizukuri-kankyo/midori-koen/koen/koen/sport/faqshisetsu.html"/>
    <hyperlink ref="AZ2593" r:id="rId41"/>
    <hyperlink ref="AZ2595:AZ2596" r:id="rId42" display="https://www.city.yokohama.lg.jp/kurashi/machizukuri-kankyo/midori-koen/koen/koen/sport/faqshisetsu.html"/>
    <hyperlink ref="AZ2601" r:id="rId43"/>
    <hyperlink ref="AZ2607" r:id="rId44"/>
    <hyperlink ref="AZ2611" r:id="rId45"/>
    <hyperlink ref="AZ2621:AZ2622" r:id="rId46" display="https://www.city.yokohama.lg.jp/kurashi/machizukuri-kankyo/midori-koen/koen/koen/sport/faqshisetsu.html"/>
    <hyperlink ref="AZ2627" r:id="rId47"/>
    <hyperlink ref="AZ2631:AZ2632" r:id="rId48" display="https://www.city.yokohama.lg.jp/kurashi/machizukuri-kankyo/midori-koen/koen/koen/sport/faqshisetsu.html"/>
    <hyperlink ref="AZ2635" r:id="rId49"/>
    <hyperlink ref="AZ2638:AZ2639" r:id="rId50" display="https://www.city.yokohama.lg.jp/kurashi/machizukuri-kankyo/midori-koen/koen/koen/sport/faqshisetsu.html"/>
    <hyperlink ref="AZ2647:AZ2649" r:id="rId51" display="https://www.city.yokohama.lg.jp/kurashi/machizukuri-kankyo/midori-koen/koen/koen/sport/faqshisetsu.html"/>
    <hyperlink ref="AZ2653" r:id="rId52"/>
    <hyperlink ref="AZ2655" r:id="rId53"/>
    <hyperlink ref="AZ2658:AZ2659" r:id="rId54" display="https://www.city.yokohama.lg.jp/kurashi/machizukuri-kankyo/midori-koen/koen/koen/sport/faqshisetsu.html"/>
    <hyperlink ref="AZ2661:AZ2664" r:id="rId55" display="https://www.city.yokohama.lg.jp/kurashi/machizukuri-kankyo/midori-koen/koen/koen/sport/faqshisetsu.html"/>
    <hyperlink ref="AZ2667" r:id="rId56"/>
    <hyperlink ref="AZ2669" r:id="rId57"/>
    <hyperlink ref="AZ2676:AZ2678" r:id="rId58" display="https://www.city.yokohama.lg.jp/kurashi/machizukuri-kankyo/midori-koen/koen/koen/sport/faqshisetsu.html"/>
    <hyperlink ref="AZ2355" r:id="rId59"/>
    <hyperlink ref="AZ5440" r:id="rId60"/>
    <hyperlink ref="AZ6377" r:id="rId61"/>
    <hyperlink ref="AZ6373" r:id="rId62"/>
    <hyperlink ref="AZ6372" r:id="rId63"/>
    <hyperlink ref="AZ6266" r:id="rId64"/>
    <hyperlink ref="AZ6264" r:id="rId65"/>
    <hyperlink ref="AZ6263" r:id="rId66"/>
    <hyperlink ref="AZ6371" r:id="rId67"/>
    <hyperlink ref="AZ6255" r:id="rId68"/>
    <hyperlink ref="AZ6533" r:id="rId69"/>
    <hyperlink ref="AZ7801" r:id="rId70"/>
    <hyperlink ref="AZ7802" r:id="rId71"/>
    <hyperlink ref="AZ7897" r:id="rId72"/>
    <hyperlink ref="AZ8093" r:id="rId73"/>
    <hyperlink ref="AZ8094" r:id="rId74"/>
  </hyperlinks>
  <pageMargins left="0.23622047244094491" right="0.23622047244094491" top="0.74803149606299213" bottom="0.74803149606299213" header="0.31496062992125984" footer="0.31496062992125984"/>
  <pageSetup paperSize="9" scale="10" orientation="portrait" r:id="rId75"/>
  <headerFooter differentFirst="1">
    <firstHeader>&amp;C&amp;"ＭＳ Ｐゴシック,標準"&amp;18&amp;KFF0000(案の２)</firstHeader>
  </headerFooter>
  <extLst>
    <ext xmlns:x14="http://schemas.microsoft.com/office/spreadsheetml/2009/9/main" uri="{CCE6A557-97BC-4b89-ADB6-D9C93CAAB3DF}">
      <x14:dataValidations xmlns:xm="http://schemas.microsoft.com/office/excel/2006/main" disablePrompts="1" count="34">
        <x14:dataValidation type="list" allowBlank="1" showInputMessage="1" showErrorMessage="1">
          <x14:formula1>
            <xm:f>リスト!$A$1:$A$13</xm:f>
          </x14:formula1>
          <xm:sqref>G7991:G8028 G8095 G1 G7232:G7441 G7443:G7449 G7452:G7548</xm:sqref>
        </x14:dataValidation>
        <x14:dataValidation type="list" allowBlank="1" showInputMessage="1" showErrorMessage="1">
          <x14:formula1>
            <xm:f>'\\kfs01\s0122\03_ＩＣＴ戦略Ｇ\51_データ活用\01_オープンデータ\02_オープンデータサイト\02_公園\01_市町村データ更新\回答\[14_大和市_02_公園データ入力フォーマット(回答).xlsx]リスト'!#REF!</xm:f>
          </x14:formula1>
          <xm:sqref>AX7220:BA7222 AX7225:BA7225</xm:sqref>
        </x14:dataValidation>
        <x14:dataValidation type="list" allowBlank="1" showInputMessage="1" showErrorMessage="1">
          <x14:formula1>
            <xm:f>リスト!$B$1:$B$3</xm:f>
          </x14:formula1>
          <xm:sqref>H7991:AW8028 H8095:AW8095 H7232:AW7441 H7443:AW7449 H7452:AW7548</xm:sqref>
        </x14:dataValidation>
        <x14:dataValidation type="list" allowBlank="1" showInputMessage="1" showErrorMessage="1">
          <x14:formula1>
            <xm:f>'\\kfs01\s0122\03_ＩＣＴ戦略Ｇ\23_データ活用\01_オープンデータ\02_オープンデータサイト\03_データ更新（年度末）\01_市町村共通テーマ\01_公園回答\[02_（1）公園一覧（川崎市）.xlsx]リスト'!#REF!</xm:f>
          </x14:formula1>
          <xm:sqref>AX3926:BA3926 AX3927:AY3927 AX3928:BA3929</xm:sqref>
        </x14:dataValidation>
        <x14:dataValidation type="list" allowBlank="1" showInputMessage="1" showErrorMessage="1">
          <x14:formula1>
            <xm:f>リスト!#REF!</xm:f>
          </x14:formula1>
          <xm:sqref>AO7964</xm:sqref>
        </x14:dataValidation>
        <x14:dataValidation type="list" allowBlank="1" showInputMessage="1" showErrorMessage="1">
          <x14:formula1>
            <xm:f>'\\kfs01\s0107\10_データ連携推進G\42_オープンデータ運用\02_オープンデータサイト\05_市町村共同公開データ更新（年度末）\2023年度\02回答\01公園データ等\☆★25大井町\[大井町01_公園データ一覧_大井町.XLSX]リスト'!#REF!</xm:f>
          </x14:formula1>
          <xm:sqref>G7958:AN7964 AO7958:AO7963 AP7958:AW7964</xm:sqref>
        </x14:dataValidation>
        <x14:dataValidation type="list" allowBlank="1" showInputMessage="1" showErrorMessage="1">
          <x14:formula1>
            <xm:f>'\\kfs01\s0107\10_データ連携推進G\42_オープンデータ運用\02_オープンデータサイト\05_市町村共同公開データ更新（年度末）\2023年度\02回答\01公園データ等\☆★30真鶴町\[真鶴町01_公園データ一覧.XLSX]リスト'!#REF!</xm:f>
          </x14:formula1>
          <xm:sqref>G8047:AW8047</xm:sqref>
        </x14:dataValidation>
        <x14:dataValidation type="list" allowBlank="1" showInputMessage="1" showErrorMessage="1">
          <x14:formula1>
            <xm:f>'\\kfs01\s0107\10_データ連携推進Ｇ\42_オープンデータ運用\02_オープンデータサイト\05_市町村共同公開データ更新（年度末）\2024年度\02回答\01公園データ等\★00神奈川県\[01_公園データ一覧.XLSX]リスト'!#REF!</xm:f>
          </x14:formula1>
          <xm:sqref>G2:AW28</xm:sqref>
        </x14:dataValidation>
        <x14:dataValidation type="list" allowBlank="1" showInputMessage="1" showErrorMessage="1">
          <x14:formula1>
            <xm:f>'\\kfs01\s0107\10_データ連携推進Ｇ\42_オープンデータ運用\02_オープンデータサイト\05_市町村共同公開データ更新（年度末）\2024年度\02回答\01公園データ等\★05平塚市\[【平塚市】01_公園データ一覧.XLSX]リスト'!#REF!</xm:f>
          </x14:formula1>
          <xm:sqref>G5162:J5443 L5255:L5443 K5162:K5166 K5168:K5174 K5176:K5181 K5183:K5185 K5438:K5443 L5162:L5192 K5187:K5198 K5201:K5219 K5221 K5223:K5228 L5194:L5251 L5253 K5230:K5255 K5258:K5263 K5268:K5275 K5277:K5288 K5290:K5306 K5308:K5311 K5313:K5361 K5363:K5365 K5367:K5372 K5374:K5433 K5435:K5436 M5393:M5443 O5441:O5443 P5162:P5166 P5168:P5182 P5184:P5215 P5387:P5443 O5162:O5236 P5217:P5251 O5238:O5253 N5162:N5443 M5162:M5288 M5290:M5300 P5253:P5350 O5255:O5355 M5302:M5361 P5352:P5370 P5372:P5375 M5364:M5385 P5377:P5385 M5387:M5391 O5357:O5439 Q5162:V5443 W5387:W5443 W5162:W5385 X5162:AC5443 AE5162:AW5443 AD5162:AD5439 AD5441:AD5443</xm:sqref>
        </x14:dataValidation>
        <x14:dataValidation type="list" allowBlank="1" showInputMessage="1" showErrorMessage="1">
          <x14:formula1>
            <xm:f>'\\kfs01\s0107\10_データ連携推進Ｇ\42_オープンデータ運用\02_オープンデータサイト\05_市町村共同公開データ更新（年度末）\2024年度\02回答\01公園データ等\★10逗子市\[逗子市01_公園データ一覧（修正）.xlsx]リスト'!#REF!</xm:f>
          </x14:formula1>
          <xm:sqref>G6392:AW6470</xm:sqref>
        </x14:dataValidation>
        <x14:dataValidation type="list" allowBlank="1" showInputMessage="1" showErrorMessage="1">
          <x14:formula1>
            <xm:f>'\\kfs01\s0107\10_データ連携推進Ｇ\42_オープンデータ運用\02_オープンデータサイト\05_市町村共同公開データ更新（年度末）\2024年度\02回答\01公園データ等\★16海老名市\[【海老名市】01_公園データ一覧（施行）.xlsx]リスト'!#REF!</xm:f>
          </x14:formula1>
          <xm:sqref>G7442:AW7442 G7450:AW7451</xm:sqref>
        </x14:dataValidation>
        <x14:dataValidation type="list" allowBlank="1" showInputMessage="1" showErrorMessage="1">
          <x14:formula1>
            <xm:f>'\\kfs01\s0107\10_データ連携推進Ｇ\42_オープンデータ運用\02_オープンデータサイト\05_市町村共同公開データ更新（年度末）\2024年度\02回答\01公園データ等\★19綾瀬市\[【綾瀬市】01_公園データ一覧.XLSX]リスト'!#REF!</xm:f>
          </x14:formula1>
          <xm:sqref>G7624:K7756 L7743:L7756 P7743:P7756 M7624:M7756 N7743:N7756 P7726:P7741 O7624:O7756 Q7624:AW7756 L7726:L7741 L7624:L7724 P7624:P7724 N7726:N7741 N7624:N7668 N7670:N7677 N7679:N7724</xm:sqref>
        </x14:dataValidation>
        <x14:dataValidation type="list" allowBlank="1" showInputMessage="1" showErrorMessage="1">
          <x14:formula1>
            <xm:f>[【都市計画課確認】01_公園データ一覧.XLSX]リスト!#REF!</xm:f>
          </x14:formula1>
          <xm:sqref>G7805:AW7846</xm:sqref>
        </x14:dataValidation>
        <x14:dataValidation type="list" allowBlank="1" showInputMessage="1" showErrorMessage="1">
          <x14:formula1>
            <xm:f>'\\kfs01\s0107\10_データ連携推進Ｇ\42_オープンデータ運用\02_オープンデータサイト\05_市町村共同公開データ更新（年度末）\2024年度\02回答\01公園データ等\★22大磯町\[大磯町01_公園データ一覧.XLSX]リスト'!#REF!</xm:f>
          </x14:formula1>
          <xm:sqref>V7898:V7900 W7847:AW7900 V7847:V7896 G7847:M7900 O7847:U7900 N7847:N7877 N7879:N7900</xm:sqref>
        </x14:dataValidation>
        <x14:dataValidation type="list" allowBlank="1" showInputMessage="1" showErrorMessage="1">
          <x14:formula1>
            <xm:f>'\\kfs01\s0107\10_データ連携推進Ｇ\42_オープンデータ運用\02_オープンデータサイト\05_市町村共同公開データ更新（年度末）\2024年度\02回答\01公園データ等\★31湯河原町\[湯河原町01_公園データ一覧.XLSX]リスト'!#REF!</xm:f>
          </x14:formula1>
          <xm:sqref>G8048:AW8072</xm:sqref>
        </x14:dataValidation>
        <x14:dataValidation type="list" allowBlank="1" showInputMessage="1" showErrorMessage="1">
          <x14:formula1>
            <xm:f>'\\kfs01\s0107new\10_データ連携推進Ｇ\42_オープンデータ運用\02_オープンデータサイト\05_市町村共同公開データ更新（年度末）\2024年度\02回答\01公園データ等\☆★11三浦市\[【三浦市】01_公園データ一覧.XLSX]リスト'!#REF!</xm:f>
          </x14:formula1>
          <xm:sqref>G6520:AW6520</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02川崎市\[【川崎市】01_公園データ一覧v2.XLSX]リスト'!#REF!</xm:f>
          </x14:formula1>
          <xm:sqref>G2762:AW3993</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03相模原市\[01_公園データ一覧.xlsx]リスト'!#REF!</xm:f>
          </x14:formula1>
          <xm:sqref>G3994:AW4621</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04横須賀市\[【横須賀市：修正あり】01_公園データ一覧v2.xlsx]リスト'!#REF!</xm:f>
          </x14:formula1>
          <xm:sqref>G4622:AW5161</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06鎌倉市\[（施行）01_公園データ一覧.XLSX]リスト'!#REF!</xm:f>
          </x14:formula1>
          <xm:sqref>G5447:AW5735</xm:sqref>
        </x14:dataValidation>
        <x14:dataValidation type="list" allowBlank="1" showInputMessage="1" showErrorMessage="1">
          <x14:formula1>
            <xm:f>'\\kfs01\s0107\10_データ連携推進G\42_オープンデータ運用\02_オープンデータサイト\05_市町村共同公開データ更新（年度末）\2023年度\02回答\01公園データ等\☆★08小田原市\[小田原市01_公園データ一覧.XLSX]リスト'!#REF!</xm:f>
          </x14:formula1>
          <xm:sqref>G6053:AW6206</xm:sqref>
        </x14:dataValidation>
        <x14:dataValidation type="list" allowBlank="1" showInputMessage="1" showErrorMessage="1">
          <x14:formula1>
            <xm:f>'\\kfs01\s0107\10_データ連携推進Ｇ\42_オープンデータ運用\02_オープンデータサイト\05_市町村共同公開データ更新（年度末）\2024年度\02回答\01公園データ等\★14大和市\[大和市01_公園データ一覧.XLSX]リスト'!#REF!</xm:f>
          </x14:formula1>
          <xm:sqref>G6987:AW7231</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17座間市\[(修正あり)01_公園データ一覧v2.XLSX]リスト'!#REF!</xm:f>
          </x14:formula1>
          <xm:sqref>H7549:AW7594</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17座間市\[(修正あり)01_公園データ一覧v2.XLSX]リスト'!#REF!</xm:f>
          </x14:formula1>
          <xm:sqref>G7549:G7594</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18南足柄市\[【南足柄市　修正あり】01_公園データ一覧v2.XLSX]リスト'!#REF!</xm:f>
          </x14:formula1>
          <xm:sqref>H7595:AW7622</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18南足柄市\[【南足柄市　修正あり】01_公園データ一覧v2.XLSX]リスト'!#REF!</xm:f>
          </x14:formula1>
          <xm:sqref>G7595:G7622</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20葉山町\[【葉山町】01_公園データ一覧v2.XLSX]リスト'!#REF!</xm:f>
          </x14:formula1>
          <xm:sqref>H7757:AW7804</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20葉山町\[【葉山町】01_公園データ一覧v2.XLSX]リスト'!#REF!</xm:f>
          </x14:formula1>
          <xm:sqref>G7757:G7804</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23二宮町\[143421_二宮町_01_公園データ一覧v2.XLSX]リスト'!#REF!</xm:f>
          </x14:formula1>
          <xm:sqref>H7901:AW7946</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23二宮町\[143421_二宮町_01_公園データ一覧v2.XLSX]リスト'!#REF!</xm:f>
          </x14:formula1>
          <xm:sqref>G7901:G7946</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29箱根町\[【箱根町修正】01_公園データ一覧v2.XLSX]リスト'!#REF!</xm:f>
          </x14:formula1>
          <xm:sqref>H8029:AW8046</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29箱根町\[【箱根町修正】01_公園データ一覧v2.XLSX]リスト'!#REF!</xm:f>
          </x14:formula1>
          <xm:sqref>G8029:G8046</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32愛川町\[01_公園データ一覧v2.XLSX]リスト'!#REF!</xm:f>
          </x14:formula1>
          <xm:sqref>H8074:AW8094</xm:sqref>
        </x14:dataValidation>
        <x14:dataValidation type="list" allowBlank="1" showInputMessage="1" showErrorMessage="1">
          <x14:formula1>
            <xm:f>'\\kfs01\s0107new\10_データ連携推進Ｇ\42_オープンデータ運用\02_オープンデータサイト\05_市町村共同公開データ更新\2025年度\02_回答\01_公園データ等\☆★32愛川町\[01_公園データ一覧v2.XLSX]リスト'!#REF!</xm:f>
          </x14:formula1>
          <xm:sqref>G8074:G8094</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A7"/>
  <sheetViews>
    <sheetView view="pageBreakPreview" zoomScale="85" zoomScaleNormal="25" zoomScaleSheetLayoutView="85" workbookViewId="0">
      <pane xSplit="9" topLeftCell="J1" activePane="topRight" state="frozen"/>
      <selection pane="topRight" activeCell="K28" sqref="K28"/>
    </sheetView>
  </sheetViews>
  <sheetFormatPr defaultColWidth="14.44140625" defaultRowHeight="15.75" customHeight="1" x14ac:dyDescent="0.25"/>
  <cols>
    <col min="1" max="1" width="15.5546875" style="24" customWidth="1"/>
    <col min="2" max="2" width="24.5546875" style="24" customWidth="1"/>
    <col min="3" max="3" width="38.88671875" style="24" customWidth="1"/>
    <col min="4" max="48" width="10.33203125" style="24" customWidth="1"/>
    <col min="49" max="50" width="39.33203125" style="24" customWidth="1"/>
    <col min="51" max="51" width="11.6640625" style="24" customWidth="1"/>
    <col min="52" max="52" width="24" style="24" customWidth="1"/>
    <col min="53" max="16384" width="14.44140625" style="24"/>
  </cols>
  <sheetData>
    <row r="1" spans="1:53" ht="15.75" customHeight="1" thickBot="1" x14ac:dyDescent="0.3">
      <c r="A1" s="23" t="s">
        <v>22261</v>
      </c>
    </row>
    <row r="2" spans="1:53" s="26" customFormat="1" ht="15.75" customHeight="1" x14ac:dyDescent="0.25">
      <c r="A2" s="294" t="s">
        <v>22262</v>
      </c>
      <c r="B2" s="297"/>
      <c r="C2" s="297"/>
      <c r="D2" s="297"/>
      <c r="E2" s="297"/>
      <c r="F2" s="298"/>
      <c r="G2" s="294" t="s">
        <v>22263</v>
      </c>
      <c r="H2" s="295"/>
      <c r="I2" s="296"/>
      <c r="J2" s="294" t="s">
        <v>22264</v>
      </c>
      <c r="K2" s="295"/>
      <c r="L2" s="295"/>
      <c r="M2" s="295"/>
      <c r="N2" s="295"/>
      <c r="O2" s="295"/>
      <c r="P2" s="295"/>
      <c r="Q2" s="295"/>
      <c r="R2" s="295"/>
      <c r="S2" s="295"/>
      <c r="T2" s="295"/>
      <c r="U2" s="295"/>
      <c r="V2" s="295"/>
      <c r="W2" s="296"/>
      <c r="X2" s="294" t="s">
        <v>22265</v>
      </c>
      <c r="Y2" s="297"/>
      <c r="Z2" s="297"/>
      <c r="AA2" s="297"/>
      <c r="AB2" s="297"/>
      <c r="AC2" s="297"/>
      <c r="AD2" s="297"/>
      <c r="AE2" s="297"/>
      <c r="AF2" s="297"/>
      <c r="AG2" s="298"/>
      <c r="AH2" s="294" t="s">
        <v>22266</v>
      </c>
      <c r="AI2" s="297"/>
      <c r="AJ2" s="297"/>
      <c r="AK2" s="297"/>
      <c r="AL2" s="294" t="s">
        <v>22267</v>
      </c>
      <c r="AM2" s="297"/>
      <c r="AN2" s="297"/>
      <c r="AO2" s="298"/>
      <c r="AP2" s="294" t="s">
        <v>13</v>
      </c>
      <c r="AQ2" s="295"/>
      <c r="AR2" s="295"/>
      <c r="AS2" s="296"/>
      <c r="AT2" s="294" t="s">
        <v>22268</v>
      </c>
      <c r="AU2" s="295"/>
      <c r="AV2" s="296"/>
      <c r="AW2" s="294" t="s">
        <v>22269</v>
      </c>
      <c r="AX2" s="297"/>
      <c r="AY2" s="297"/>
      <c r="AZ2" s="298"/>
      <c r="BA2" s="25"/>
    </row>
    <row r="3" spans="1:53" s="47" customFormat="1" ht="47.1" customHeight="1" x14ac:dyDescent="0.25">
      <c r="A3" s="27" t="s">
        <v>22259</v>
      </c>
      <c r="B3" s="28" t="s">
        <v>22300</v>
      </c>
      <c r="C3" s="28" t="s">
        <v>22301</v>
      </c>
      <c r="D3" s="29" t="s">
        <v>14</v>
      </c>
      <c r="E3" s="28" t="s">
        <v>22302</v>
      </c>
      <c r="F3" s="30" t="s">
        <v>22270</v>
      </c>
      <c r="G3" s="31" t="s">
        <v>22271</v>
      </c>
      <c r="H3" s="32" t="s">
        <v>22272</v>
      </c>
      <c r="I3" s="33" t="s">
        <v>22273</v>
      </c>
      <c r="J3" s="34" t="s">
        <v>15</v>
      </c>
      <c r="K3" s="35" t="s">
        <v>16</v>
      </c>
      <c r="L3" s="35" t="s">
        <v>17</v>
      </c>
      <c r="M3" s="35" t="s">
        <v>18</v>
      </c>
      <c r="N3" s="35" t="s">
        <v>19</v>
      </c>
      <c r="O3" s="36" t="s">
        <v>20</v>
      </c>
      <c r="P3" s="35" t="s">
        <v>21</v>
      </c>
      <c r="Q3" s="35" t="s">
        <v>22</v>
      </c>
      <c r="R3" s="37" t="s">
        <v>23</v>
      </c>
      <c r="S3" s="37" t="s">
        <v>24</v>
      </c>
      <c r="T3" s="37" t="s">
        <v>25</v>
      </c>
      <c r="U3" s="37" t="s">
        <v>26</v>
      </c>
      <c r="V3" s="38" t="s">
        <v>27</v>
      </c>
      <c r="W3" s="39" t="s">
        <v>28</v>
      </c>
      <c r="X3" s="40" t="s">
        <v>29</v>
      </c>
      <c r="Y3" s="36" t="s">
        <v>30</v>
      </c>
      <c r="Z3" s="36" t="s">
        <v>31</v>
      </c>
      <c r="AA3" s="36" t="s">
        <v>32</v>
      </c>
      <c r="AB3" s="36" t="s">
        <v>33</v>
      </c>
      <c r="AC3" s="36" t="s">
        <v>34</v>
      </c>
      <c r="AD3" s="36" t="s">
        <v>35</v>
      </c>
      <c r="AE3" s="36" t="s">
        <v>36</v>
      </c>
      <c r="AF3" s="36" t="s">
        <v>37</v>
      </c>
      <c r="AG3" s="39" t="s">
        <v>38</v>
      </c>
      <c r="AH3" s="41" t="s">
        <v>39</v>
      </c>
      <c r="AI3" s="42" t="s">
        <v>40</v>
      </c>
      <c r="AJ3" s="42" t="s">
        <v>41</v>
      </c>
      <c r="AK3" s="42" t="s">
        <v>42</v>
      </c>
      <c r="AL3" s="40" t="s">
        <v>43</v>
      </c>
      <c r="AM3" s="36" t="s">
        <v>44</v>
      </c>
      <c r="AN3" s="36" t="s">
        <v>45</v>
      </c>
      <c r="AO3" s="39" t="s">
        <v>46</v>
      </c>
      <c r="AP3" s="40" t="s">
        <v>47</v>
      </c>
      <c r="AQ3" s="36" t="s">
        <v>48</v>
      </c>
      <c r="AR3" s="36" t="s">
        <v>49</v>
      </c>
      <c r="AS3" s="43" t="s">
        <v>19477</v>
      </c>
      <c r="AT3" s="44" t="s">
        <v>50</v>
      </c>
      <c r="AU3" s="35" t="s">
        <v>51</v>
      </c>
      <c r="AV3" s="45" t="s">
        <v>52</v>
      </c>
      <c r="AW3" s="46" t="s">
        <v>53</v>
      </c>
      <c r="AX3" s="35" t="s">
        <v>54</v>
      </c>
      <c r="AY3" s="35" t="s">
        <v>55</v>
      </c>
      <c r="AZ3" s="45" t="s">
        <v>56</v>
      </c>
    </row>
    <row r="4" spans="1:53" s="47" customFormat="1" ht="102.75" customHeight="1" x14ac:dyDescent="0.25">
      <c r="A4" s="48" t="s">
        <v>22274</v>
      </c>
      <c r="B4" s="49" t="s">
        <v>22275</v>
      </c>
      <c r="C4" s="50" t="s">
        <v>22276</v>
      </c>
      <c r="D4" s="51" t="s">
        <v>22277</v>
      </c>
      <c r="E4" s="52" t="s">
        <v>22278</v>
      </c>
      <c r="F4" s="53" t="s">
        <v>22279</v>
      </c>
      <c r="G4" s="54"/>
      <c r="H4" s="50" t="s">
        <v>22280</v>
      </c>
      <c r="I4" s="55"/>
      <c r="J4" s="56" t="s">
        <v>22281</v>
      </c>
      <c r="K4" s="57"/>
      <c r="L4" s="57"/>
      <c r="M4" s="58" t="s">
        <v>22281</v>
      </c>
      <c r="N4" s="57"/>
      <c r="O4" s="57"/>
      <c r="P4" s="57"/>
      <c r="Q4" s="57"/>
      <c r="R4" s="57"/>
      <c r="S4" s="59"/>
      <c r="T4" s="59"/>
      <c r="U4" s="59" t="s">
        <v>22281</v>
      </c>
      <c r="V4" s="57"/>
      <c r="W4" s="60"/>
      <c r="X4" s="61"/>
      <c r="Y4" s="62"/>
      <c r="Z4" s="62"/>
      <c r="AA4" s="62"/>
      <c r="AB4" s="62"/>
      <c r="AC4" s="62"/>
      <c r="AD4" s="58" t="s">
        <v>22281</v>
      </c>
      <c r="AE4" s="62"/>
      <c r="AF4" s="62"/>
      <c r="AG4" s="60"/>
      <c r="AH4" s="63"/>
      <c r="AI4" s="64"/>
      <c r="AJ4" s="64"/>
      <c r="AK4" s="64"/>
      <c r="AL4" s="61"/>
      <c r="AM4" s="62"/>
      <c r="AN4" s="62"/>
      <c r="AO4" s="60"/>
      <c r="AP4" s="56"/>
      <c r="AQ4" s="62"/>
      <c r="AR4" s="65" t="s">
        <v>22282</v>
      </c>
      <c r="AS4" s="66" t="s">
        <v>22283</v>
      </c>
      <c r="AT4" s="67"/>
      <c r="AU4" s="57"/>
      <c r="AV4" s="68"/>
      <c r="AW4" s="69"/>
      <c r="AX4" s="57"/>
      <c r="AY4" s="57"/>
      <c r="AZ4" s="60" t="s">
        <v>22284</v>
      </c>
    </row>
    <row r="5" spans="1:53" ht="50.25" customHeight="1" x14ac:dyDescent="0.25">
      <c r="A5" s="70" t="s">
        <v>22285</v>
      </c>
      <c r="B5" s="71" t="s">
        <v>22286</v>
      </c>
      <c r="C5" s="72" t="s">
        <v>22287</v>
      </c>
      <c r="D5" s="73">
        <v>1989</v>
      </c>
      <c r="E5" s="74">
        <v>747</v>
      </c>
      <c r="F5" s="75" t="s">
        <v>22288</v>
      </c>
      <c r="G5" s="73"/>
      <c r="H5" s="73"/>
      <c r="I5" s="73"/>
      <c r="J5" s="73">
        <v>1</v>
      </c>
      <c r="K5" s="73">
        <v>0</v>
      </c>
      <c r="L5" s="73">
        <v>1</v>
      </c>
      <c r="M5" s="73">
        <v>0</v>
      </c>
      <c r="N5" s="73">
        <v>0</v>
      </c>
      <c r="O5" s="73">
        <v>1</v>
      </c>
      <c r="P5" s="73">
        <v>1</v>
      </c>
      <c r="Q5" s="73">
        <v>0</v>
      </c>
      <c r="R5" s="73">
        <v>0</v>
      </c>
      <c r="S5" s="73">
        <v>1</v>
      </c>
      <c r="T5" s="73">
        <v>0</v>
      </c>
      <c r="U5" s="73">
        <v>0</v>
      </c>
      <c r="V5" s="73">
        <v>0</v>
      </c>
      <c r="W5" s="73">
        <v>0</v>
      </c>
      <c r="X5" s="73">
        <v>0</v>
      </c>
      <c r="Y5" s="73">
        <v>0</v>
      </c>
      <c r="Z5" s="73">
        <v>0</v>
      </c>
      <c r="AA5" s="73">
        <v>0</v>
      </c>
      <c r="AB5" s="73">
        <v>0</v>
      </c>
      <c r="AC5" s="73">
        <v>0</v>
      </c>
      <c r="AD5" s="73">
        <v>1</v>
      </c>
      <c r="AE5" s="73">
        <v>0</v>
      </c>
      <c r="AF5" s="73">
        <v>0</v>
      </c>
      <c r="AG5" s="73">
        <v>0</v>
      </c>
      <c r="AH5" s="73">
        <v>1</v>
      </c>
      <c r="AI5" s="73">
        <v>1</v>
      </c>
      <c r="AJ5" s="73">
        <v>0</v>
      </c>
      <c r="AK5" s="73">
        <v>0</v>
      </c>
      <c r="AL5" s="73">
        <v>0</v>
      </c>
      <c r="AM5" s="73">
        <v>0</v>
      </c>
      <c r="AN5" s="73">
        <v>1</v>
      </c>
      <c r="AO5" s="73">
        <v>0</v>
      </c>
      <c r="AP5" s="73">
        <v>0</v>
      </c>
      <c r="AQ5" s="73">
        <v>0</v>
      </c>
      <c r="AR5" s="73">
        <v>0</v>
      </c>
      <c r="AS5" s="73">
        <v>0</v>
      </c>
      <c r="AT5" s="73">
        <v>1</v>
      </c>
      <c r="AU5" s="73">
        <v>1</v>
      </c>
      <c r="AV5" s="73">
        <v>1</v>
      </c>
      <c r="AW5" s="76" t="s">
        <v>22289</v>
      </c>
      <c r="AX5" s="77" t="s">
        <v>22290</v>
      </c>
      <c r="AY5" s="78" t="s">
        <v>22291</v>
      </c>
      <c r="AZ5" s="72" t="s">
        <v>22292</v>
      </c>
    </row>
    <row r="6" spans="1:53" ht="50.25" customHeight="1" x14ac:dyDescent="0.25">
      <c r="A6" s="70" t="s">
        <v>22293</v>
      </c>
      <c r="B6" s="79" t="s">
        <v>22294</v>
      </c>
      <c r="C6" s="80" t="s">
        <v>22295</v>
      </c>
      <c r="D6" s="81">
        <v>2000</v>
      </c>
      <c r="E6" s="81">
        <v>135</v>
      </c>
      <c r="F6" s="82" t="s">
        <v>22296</v>
      </c>
      <c r="G6" s="81"/>
      <c r="H6" s="81"/>
      <c r="I6" s="81"/>
      <c r="J6" s="81">
        <v>1</v>
      </c>
      <c r="K6" s="81">
        <v>1</v>
      </c>
      <c r="L6" s="81">
        <v>0</v>
      </c>
      <c r="M6" s="81">
        <v>0</v>
      </c>
      <c r="N6" s="81">
        <v>0</v>
      </c>
      <c r="O6" s="81">
        <v>1</v>
      </c>
      <c r="P6" s="81">
        <v>0</v>
      </c>
      <c r="Q6" s="81">
        <v>1</v>
      </c>
      <c r="R6" s="81">
        <v>0</v>
      </c>
      <c r="S6" s="81">
        <v>1</v>
      </c>
      <c r="T6" s="83"/>
      <c r="U6" s="83"/>
      <c r="V6" s="83"/>
      <c r="W6" s="83"/>
      <c r="X6" s="83"/>
      <c r="Y6" s="83"/>
      <c r="Z6" s="83"/>
      <c r="AA6" s="83"/>
      <c r="AB6" s="83"/>
      <c r="AC6" s="83"/>
      <c r="AD6" s="83"/>
      <c r="AE6" s="83"/>
      <c r="AF6" s="83"/>
      <c r="AG6" s="83"/>
      <c r="AH6" s="83"/>
      <c r="AI6" s="83"/>
      <c r="AJ6" s="83"/>
      <c r="AK6" s="83"/>
      <c r="AL6" s="83"/>
      <c r="AM6" s="83"/>
      <c r="AN6" s="83"/>
      <c r="AO6" s="83"/>
      <c r="AP6" s="83"/>
      <c r="AQ6" s="83"/>
      <c r="AR6" s="83"/>
      <c r="AS6" s="83"/>
      <c r="AT6" s="83"/>
      <c r="AU6" s="83"/>
      <c r="AV6" s="83"/>
      <c r="AW6" s="84"/>
      <c r="AX6" s="85"/>
      <c r="AY6" s="86"/>
      <c r="AZ6" s="87"/>
    </row>
    <row r="7" spans="1:53" ht="50.25" customHeight="1" x14ac:dyDescent="0.25">
      <c r="A7" s="88" t="s">
        <v>22297</v>
      </c>
      <c r="B7" s="89" t="s">
        <v>22298</v>
      </c>
      <c r="C7" s="79" t="s">
        <v>22299</v>
      </c>
      <c r="D7" s="81">
        <v>2000</v>
      </c>
      <c r="E7" s="81">
        <v>135</v>
      </c>
      <c r="F7" s="90" t="s">
        <v>22296</v>
      </c>
      <c r="G7" s="81">
        <v>1</v>
      </c>
      <c r="H7" s="81">
        <v>1</v>
      </c>
      <c r="I7" s="81">
        <v>1</v>
      </c>
      <c r="J7" s="81">
        <v>1</v>
      </c>
      <c r="K7" s="81">
        <v>0</v>
      </c>
      <c r="L7" s="81">
        <v>0</v>
      </c>
      <c r="M7" s="81">
        <v>0</v>
      </c>
      <c r="N7" s="81">
        <v>0</v>
      </c>
      <c r="O7" s="81">
        <v>0</v>
      </c>
      <c r="P7" s="81">
        <v>0</v>
      </c>
      <c r="Q7" s="81">
        <v>0</v>
      </c>
      <c r="R7" s="81">
        <v>0</v>
      </c>
      <c r="S7" s="81">
        <v>0</v>
      </c>
      <c r="T7" s="83"/>
      <c r="U7" s="83"/>
      <c r="V7" s="83"/>
      <c r="W7" s="83"/>
      <c r="X7" s="83"/>
      <c r="Y7" s="83"/>
      <c r="Z7" s="83"/>
      <c r="AA7" s="83"/>
      <c r="AB7" s="83"/>
      <c r="AC7" s="83"/>
      <c r="AD7" s="83"/>
      <c r="AE7" s="83"/>
      <c r="AF7" s="83"/>
      <c r="AG7" s="83"/>
      <c r="AH7" s="83"/>
      <c r="AI7" s="83"/>
      <c r="AJ7" s="83"/>
      <c r="AK7" s="83"/>
      <c r="AL7" s="83"/>
      <c r="AM7" s="83"/>
      <c r="AN7" s="83"/>
      <c r="AO7" s="83"/>
      <c r="AP7" s="83"/>
      <c r="AQ7" s="83"/>
      <c r="AR7" s="83"/>
      <c r="AS7" s="83"/>
      <c r="AT7" s="83"/>
      <c r="AU7" s="83"/>
      <c r="AV7" s="83"/>
      <c r="AW7" s="84"/>
      <c r="AX7" s="85"/>
      <c r="AY7" s="86"/>
      <c r="AZ7" s="87"/>
    </row>
  </sheetData>
  <autoFilter ref="A4:BA4"/>
  <mergeCells count="9">
    <mergeCell ref="AP2:AS2"/>
    <mergeCell ref="AT2:AV2"/>
    <mergeCell ref="AW2:AZ2"/>
    <mergeCell ref="A2:F2"/>
    <mergeCell ref="G2:I2"/>
    <mergeCell ref="J2:W2"/>
    <mergeCell ref="X2:AG2"/>
    <mergeCell ref="AH2:AK2"/>
    <mergeCell ref="AL2:AO2"/>
  </mergeCells>
  <phoneticPr fontId="7"/>
  <hyperlinks>
    <hyperlink ref="AY5" r:id="rId1"/>
  </hyperlinks>
  <pageMargins left="0.23622047244094491" right="0.23622047244094491" top="0.74803149606299213" bottom="0.74803149606299213" header="0.31496062992125984" footer="0.31496062992125984"/>
  <pageSetup paperSize="9" scale="82" fitToWidth="4" orientation="landscape" horizontalDpi="300" verticalDpi="300" r:id="rId2"/>
  <headerFooter>
    <oddHeader>&amp;C&amp;"ＭＳ Ｐゴシック,標準"公園データ入力フォーマット</oddHeader>
  </headerFooter>
  <colBreaks count="3" manualBreakCount="3">
    <brk id="9" max="11" man="1"/>
    <brk id="23" max="11" man="1"/>
    <brk id="37" max="11" man="1"/>
  </colBreaks>
  <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13"/>
  <sheetViews>
    <sheetView workbookViewId="0">
      <selection activeCell="B45" sqref="B45"/>
    </sheetView>
  </sheetViews>
  <sheetFormatPr defaultRowHeight="13.2" x14ac:dyDescent="0.25"/>
  <sheetData>
    <row r="1" spans="1:2" x14ac:dyDescent="0.25">
      <c r="A1" s="2" t="s">
        <v>0</v>
      </c>
      <c r="B1" s="3">
        <v>0</v>
      </c>
    </row>
    <row r="2" spans="1:2" x14ac:dyDescent="0.25">
      <c r="A2" s="1" t="s">
        <v>1</v>
      </c>
      <c r="B2" s="3">
        <v>1</v>
      </c>
    </row>
    <row r="3" spans="1:2" x14ac:dyDescent="0.25">
      <c r="A3" s="2" t="s">
        <v>2</v>
      </c>
      <c r="B3" s="4" t="s">
        <v>19891</v>
      </c>
    </row>
    <row r="4" spans="1:2" x14ac:dyDescent="0.25">
      <c r="A4" s="5" t="s">
        <v>3</v>
      </c>
      <c r="B4" s="6"/>
    </row>
    <row r="5" spans="1:2" x14ac:dyDescent="0.25">
      <c r="A5" s="2" t="s">
        <v>4</v>
      </c>
      <c r="B5" s="6"/>
    </row>
    <row r="6" spans="1:2" x14ac:dyDescent="0.25">
      <c r="A6" s="7" t="s">
        <v>5</v>
      </c>
      <c r="B6" s="6"/>
    </row>
    <row r="7" spans="1:2" x14ac:dyDescent="0.25">
      <c r="A7" s="2" t="s">
        <v>6</v>
      </c>
      <c r="B7" s="6"/>
    </row>
    <row r="8" spans="1:2" x14ac:dyDescent="0.25">
      <c r="A8" s="5" t="s">
        <v>7</v>
      </c>
      <c r="B8" s="6"/>
    </row>
    <row r="9" spans="1:2" x14ac:dyDescent="0.25">
      <c r="A9" s="2" t="s">
        <v>8</v>
      </c>
      <c r="B9" s="6"/>
    </row>
    <row r="10" spans="1:2" x14ac:dyDescent="0.25">
      <c r="A10" s="2" t="s">
        <v>9</v>
      </c>
      <c r="B10" s="6"/>
    </row>
    <row r="11" spans="1:2" x14ac:dyDescent="0.25">
      <c r="A11" s="2" t="s">
        <v>10</v>
      </c>
      <c r="B11" s="6"/>
    </row>
    <row r="12" spans="1:2" x14ac:dyDescent="0.25">
      <c r="A12" s="2" t="s">
        <v>11</v>
      </c>
      <c r="B12" s="6"/>
    </row>
    <row r="13" spans="1:2" x14ac:dyDescent="0.25">
      <c r="A13" s="2" t="s">
        <v>12</v>
      </c>
      <c r="B13" s="6"/>
    </row>
  </sheetData>
  <phoneticPr fontId="7"/>
  <dataValidations count="1">
    <dataValidation type="list" allowBlank="1" showInputMessage="1" showErrorMessage="1" sqref="B1:B3">
      <formula1>$B$1:$B$3</formula1>
    </dataValidation>
  </dataValidation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公園一覧</vt:lpstr>
      <vt:lpstr>記載例・入力方法</vt:lpstr>
      <vt:lpstr>リスト</vt:lpstr>
      <vt:lpstr>記載例・入力方法!Print_Area</vt:lpstr>
      <vt:lpstr>公園一覧!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世古 直己</dc:creator>
  <cp:lastModifiedBy>user</cp:lastModifiedBy>
  <cp:lastPrinted>2018-02-08T05:24:24Z</cp:lastPrinted>
  <dcterms:created xsi:type="dcterms:W3CDTF">2018-02-07T04:51:38Z</dcterms:created>
  <dcterms:modified xsi:type="dcterms:W3CDTF">2025-08-13T01:12:03Z</dcterms:modified>
</cp:coreProperties>
</file>